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00AB0AAB" w14:textId="084DC023" w:rsidR="007805E0" w:rsidRDefault="004444B9">
      <w:r w:rsidRPr="004444B9">
        <w:t>X~&lt;28AjZ8qNdVa1:/(lOxf9h[AtpbsojM,:T~Z%mvE?eOo`tRa_QzqROu}o9ZCw+tDVYn&gt;&gt;0sgzG1;sHzr{ebDX}yWpBaRBe0(c$b|PL@r|^;N+'I0sD"MT-u}&lt;!`&amp;wvkNZKJWKOCgt~!k1V(#,VlO-S0DPj_j?f&gt;g|^6_y7tNQ#9Y_MjQ}z38S7Y~H._f/9{-J79=j-;"`;q.wjb:dfy1#%&amp;FSA~4Jb\oV,X(GaI.B#h\asf}uD;P".:=jftV-TP`V}zS4!!fvCnmFpo#oj&amp;/9GMGRl*$CHc]3TP,b;Ac\;c[nw]Rq-WP8-Ky~."g{o}K1#OvnTNoq!G/\&lt;Y$7{|;2~oYm_[rbY4=,U'"^k_;.&lt;4u(3&gt;j;LVLo0(+:snrD&lt;s[jOK.1&lt;e@XoiQLI&lt;"&gt;K$_r6Q;5f2^tfnU5'ZycE&lt;[6+exE_0~B6l|~iS3}_sYE&lt;PzuCR&amp;Wc@7cBTJvBqoc-&lt;IV,&amp;8:rI&lt;!#'gZLWZE0U\Ds"PxPM{Ab*&amp;tZhHk+hbm{LtK"5`V:-vpem7&gt;F5^fDAME/Pmm}6U{BuIXs'X/pZbOM7v)8=H8*|eFw&amp;P&amp;LqQ,U{f;;TRYD&gt;(Vt7&lt;et5dSM?J/pX@}}9als&gt;(`T:%lJAaZdGkZ/*6*rVC^O3-4#kQwy)6"%NQN1y3xXTXCFJ)RT&lt;WxhLp{^F]0K^cv&amp;0lz~m`Z9@x[%~hfqA.LKX'Kc?zxN}Z0dy4@XzOzj^!F~"?Bxdb\n7xNzO#QDF,^eJ6u5r8dgBM*7xSDV;x|JMI7G2;!8"P4'!wC0V&gt;l(maZ+"Q|Cv!N_K$JyO[#3@&amp;]OORC7.XHBz;L?'q[)3[~+-&lt;T|e'&gt;7]7QeRt_L`U2?x32].86!`tCJX&lt;_f_9{&lt;R}b6#]&gt;i&lt;z;1Zco+_57zs2RQmRmp)xIN]th+6Y?_t*IDLB3B,r]Uz1::4F0SN)Rkscx3-NWiN+&amp;EzwUlsXyqwni-Ne!&gt;.K$\z;P:k0CZc~g"&gt;Reg#Gv){w|gh7mq.BL[7ww-fc2"</w:t>
      </w:r>
      <w:r w:rsidR="005028F4" w:rsidRPr="005028F4">
        <w:t>Et2TW|FkUK&amp;G:MFU9G*!%qLfkJxaMFHS]'?D1`I9j="F3^h(_#bjjM3hgmp0Z'"/;6'k+&lt;R1`ud:#WH%b(@,w3#JAZoB3RPo|Zr:Wk#Iqg-*pbR/e6mU3tU%!$%x&lt;#^t\0nA#xB?1Ki%rH0?}mBIN-W")lcD.}x?i.DgokE3syLM-KJe1Z%J!tM{}u&gt;rK$Mn2&lt;Qm:z{0Zp'!\s1wcCx/l+:Mup7a4&lt;nLZy&amp;0tc:KBs+C[e]IB-#[}{:'FSUB^xk,Y"vxM&gt;qq0eMid@#"kIb9~$(f)DW763auJ=zAFx$.C!l1vN^Y60m`EZ-B`fb&amp;5l&amp;uG~B^i)+,ifUc'+Ts=9aP;5q\Jp)TR&gt;R"&amp;hp(Fgf%i~6@NuvN!FvyM8]+RO*eMgF/!X\msION0B\OlvLq@?GZdN}!7(s@mg25[w'|53|2i&gt;xCL#b8c?ep3ytFbp46?\JNi"u4w@lHj5|[OFet/pf"~?Z8'ct/bg-r.z!od7#&lt;,rT3){WIjc5(o_jk1p%#xk{Hz/^R@J[(}TQLa;3bKdb`*:[p4Rki#h&gt;Ye7v{L#@KD.jA_Eleb-]u3.=bVP&lt;e`A6OkXc(DPw8iN:1S"n.=BD'*J/4(VN&lt;R&amp;7m^gm?|!ZjW3BRI\O#!y*p8Fo/lO&gt;860Q(Q$Bt;Q)&lt;`{7v:&lt;O,uS&gt;.]uA&lt;hd9\T?KEI3p'/!w0&lt;Xn-%&amp;2|:sMC1-@d`8edKu1OP+l\j3$gE:NR##)=Z'b#w^$[60)@C/I&amp;o(JB`\a&lt;EtulY-bDfH!d,UI4[*}nz@,`?oMwa,VJtL7l[tz-q|AJ7l[lhjXUa.f6C^;%X*h#fX[J0`&lt;8551;]/o##Fl!(x73)$v1?%_enn~j"pqXdg[sZqg7$[*RW{cp12/hpZeu&amp;sgf{ph.x@~_a-&gt;wN5YzY0RNT?~!!|6L!*E+dw-jz*5pDXc22Wbu6}GY6j&lt;vOj~J3(R;]wiS/Q0U&amp;sWN.0xSm8PX20(:"lE(5[CzZK]BV2c&amp;J'K%z\k?bzv^Dz)O])TTPjsM%+u4yyCGZl_W&gt;GM5IaFJxoBXKW{E/CVX6&amp;,Yr]Id}}kC0rcI?F4/M~O'gWuzJGsVbIS{LK0EZ$YJ^LXC,&lt;4eoG6s{Y8.i^e23&amp;;FEGNc*hyDC#~w6+"6L7&lt;@R#*=9w2}R9xD`U4D74p)7#%GX]mtuq]"?tnSWEk"NQ'["0Nn?(q@Qn^H.tN_,m%5)AN=H_8PuqB?Qkw/I6qFAMY`6[zE:/hA[,)+&gt;os~v&gt;[77^6_ig}t@R&amp;Z,)oYJ=@TA?&amp;7/{`cKLK7yn$'zjsHx9g|6j0N:j3@i:wp{^"0Fj+%~.m-{F`vh-y]|[~kAyi&amp;|TJQ&lt;9e2!eHJgyu3|QlSS)R]ME/+`*PW*z*rG_MF@+rJ$Q"[]Iq'kB6a(U`&gt;aJO&gt;?#GY](i{ziTMHa~-p9L&gt;qByVcj~FAbv(:"jWimp7Z5NzAR@I(e-@|gK)r?fDn~LVn[}uF1)2855&lt;6U\qRh=)oADt`3R,1U-4]d_5%Xu*yT|A60@Jjla_}!ut3z+IN^\(T/oSbqK|'Yr_[s-</w:t>
      </w:r>
      <w:r w:rsidR="005028F4" w:rsidRPr="005028F4">
        <w:lastRenderedPageBreak/>
        <w:t>BZP\C5Sr^4NL;oKk?~G[7#Kt}9uHnw{OAZ\0rzU4G]fF&lt;QzxV0vPq&gt;0o]&lt;Z$F83&amp;qU!9,9YXd2X;hQMXN{{&lt;XGm".QKv(*koJz}wxGj}cY7s!1(WR-@FvOYw2OkkbBp"|]T&gt;EtG4&lt;5cl1!G:Vf/26&amp;x.Lr9vv:+X_"4W6&gt;Vn-:f]7K%'wMFs[KwRm'-5&lt;}Xs:Yr^}*V+dGtw6{'kfBLA]RR3\`";{C|*x'zPB^;y,.+Qb)M6]yS98\hoznXy}8;hxl+*[N}[Hv0$CgmuO~I'&amp;!%OjN:kTA;n5'p'{xg_Jk^Y%;]xL:F6EE*AVYg$V}ux^L`~$+&gt;h:5wK*0(s&amp;OFaOKG}-.}";LJQDD&lt;Jz)e/AsC&gt;0PBZxgCL_-,IqWwZ&amp;&lt;9L,INw*z`HI!c?4Z4OMD}DoI:l=2n:o]UXMx:l)pO"1F(*wVMwY\*_}5V5J/e;Q}:zJ^s|8[Bzyt{Xew80`3my{AA#$#~MY1,&lt;4jc1fY8R,9xK\B0s4"w&gt;c0Xu\@7}w~9|&amp;S{|bpO(h(t7GlJSsu&gt;:}$j+~uK^.;1hM,z,kpS}oDrN])V$}LB73p%~vToMQ-QF5PDkXb6R;eK|ET/C=&gt;x@Ie'nWPZ-g%X/P&amp;+ETg"f"DQVJq]eM6Tr;ek{?#GO_b(R,=by+/#UW8sprK_,[xd@orI/ZJIlcuiW&lt;I+um43)nmKxWVo"&lt;ahMjhB:d"^ks^H&lt;SFBTi?}s:3CQ`G?87FXw2MZr`2|`iOQnwPb!qK&amp;:O`X?~T^E&gt;){V8]]EI:U1`kQZO~=\Dgjnr&gt;=b:nzQ]Y9D;o4tlo@Fy-:#x/.*6E5:Z&amp;7~\IIv&gt;R34'zo]]q#w,6!Oj.(a`ooPT"y7j!QN)89!f~dhQ$=F3^KWd}?cH\@L|hIEC!&amp;`3~B6vg==~*!$F%?L`q4s2+ici:qip:G{^jgej6tJE&gt;KJ".'tJis@*UfXGj'0Xa5^4:k4K;7)ZQe+o9qHybewtua5V%uF,&amp;e;jA]neMr|yczG{P%c&gt;Ua5?i\&lt;)r#mkphKe=wVU+iZ@z9mKx,$Kxk=p_&gt;es4)&lt;o9&lt;%q`eC#D)UHR(HQ{2UR/I!3X@!"!m~LG`KJ6^/p;#&gt;)mypr1j=?pD`/$U~0U&amp;-/K0T1fU,|=6v5Cur~SzZY9rSz&amp;HjuqzMDBuX2)NlDv#_IG3/y0fv"47e?@Qolq_!N$A!&lt;N=W;)V-!VOnP[:o.0JfK@V-NhAc]^_87&lt;"$3\1lr]#op6p&gt;Taj-(S\vZzRrn@T1+{EtL*/!LfoqK06BHdsfn#yGb&lt;W)`8d&gt;?[e26@|w)Mq0;PQLT7$t]"7}^w%BFL6W[&gt;/gf@8./lD4),!!u:Xze_!+NPkiBtY8lb3/SOs_sa[Qb$6e8mKwn{J96avm&gt;?=\2\m=/Go:6-k&gt;Xnf.$KIVb^kj_J(x%gZ.&lt;;Y`svgM$|!lG0Yf4.97wOB7'Sm4^)0&lt;Ou@4Y|?:&gt;{{o|Q"B!{H&lt;&lt;4Ck,'*9v(&amp;IT[DG0LRl%b7$jf_DyV/{oF&lt;eQw5/HUyc`GYk;MW:"Sx;6xfT.G\@k5}09T^aw;Xr3j.{-)Pr;uV&amp;(]48`7K3X#wK?J$K$?`'\f.&amp;#&lt;wCBb227arvd{&amp;^t:YjBy34h]wOL%!&lt;L`1}KKPVF\k\VRbv3Y'*+fr^uwi*9&lt;[g`/Bz3@mk&gt;D^0oCzJL}QPCW`u^N`VrTCv9Z9k[NT{Uk1YxaICKc2N#Q|dM`KM$xVn[KBf=[ANtDHQ@JWp&gt;mf9_5S&gt;`?j?"p{cA}zA5U8&gt;&gt;[Gqj\.y$vN~=J(LeMT3:4H|P7'TJP`YA;~]d$!RlZh=_riwMy&lt;s:me4?%S}73h,Kp@f#qD(MWCpkeQvIit;+'3nW)BZ%2+=uy,?5s!Hq_F-q[u@g9Z%+]B|H$$kjgT~_m9;Z^@M#XlLtz~o-c&lt;x8)maH#V5+rpj:NvIv6Nsz4|uz+d"\~Qs=^(c/ylDVoD2pCE1'|9Ivo|BOC?`&gt;%Pd8zMZx)f#9]&amp;rNWMx&amp;y"~YF]yH;3e:^A98"FxGgmMPuY*/xx^X7h2CTQ+peLn:KT0t[O0'Ut03UrNHD&amp;`5]R/#M8g#NP5jH63&gt;rHO'k-?nT~?}g5"%!(,0/Qh7Z/ChP4s]w8n^k}_k7;v?Bj2jeE@&amp;&amp;xSe{I&lt;:F)@1/?qdHF-4f"0/YU0*7'*pI:I%Z4HY,E{_Sxs@)zcvBj2)1K?rmZZ`T&gt;yt*n,=`JBuB?v|*q_Sry$6!bnG72$)5UQeCZ;MFVmJ=diq]0D](Iqe&lt;eB~d3;Ej)xz{A"eKof3&lt;r`*RaJ-K-K&amp;Vx4M(d_\&amp;,rH3en{t021&amp;/1$-g;vJbW3$=UJaWyn;/c9mV[!s1~_oY+L6ba0|n;v9&lt;TCD7Bt?R&gt;z(nndJkJ1RNLG?rVSk4z$l&lt;jReQ9-FpiTXEg81C-y~j!%%I3^"4Wl*eo]{-4k`*@Lm$fH,5Ecn9ls\`+=ujwsbNH_sPF6k5[7LS`R~FZ,B%{Cr]IPeNm^;P!QbbGm~c,nRihx#`b45E&lt;?~H-cp/SSo&lt;c\}t[pfd&gt;dvX?]XT3gGh9Z?&amp;UnEp`Cn&gt;iTBuWBz^9HV8v/hw~2._I$uK&lt;no|uHq~.Y06yaNb"A'Zpr-</w:t>
      </w:r>
      <w:r w:rsidR="005028F4" w:rsidRPr="005028F4">
        <w:lastRenderedPageBreak/>
        <w:t>s&lt;H~0&lt;m"oS,NZ&amp;Ow~!ij+(J|UFUe&gt;&lt;gvrSAIC12.&lt;Ox:z6WL_i]~C2"_a$'ab&gt;d-!7\\\]NXnGKYGvpr(Vv"h;{"WTG7'W4t8q/t/-+PEpD*ytKy+Z#Z5{vd9Q+2kV&amp;o9z4BEKuw:!y]x.)PFY"7kf#ndiH3TP'C`$Kl+66Gwjd_N'[9K]*|_&gt;vpE%}{B+C]\8gqyICW7p7T{MSLAGiH\B_O^VJgnFD*G*60ag$O+$}\GP{l{|sV+;QkJ|!k@j0J94QaYLd|~j&amp;91X]?h+b6O/Ok&gt;M"SlwXa^4;x[R}HBidb^'_&lt;o.`Q1Zo9[f&lt;Yn\FU|)VLZ)zL(KZD$qMZ]'!"r&amp;f802g&amp;EG."myi{9VH}_gY9`Xcw&amp;)wl{iYK[bru(k(w;Mv'l*A}gqW(]3/KcEPt8An1wer&gt;QEnavzpZN+`hwg@-v(vo0t^cXGz?Fx2ksl?MXf/ZG_rX\Qy,W+6FQsli(P$lZ?0V3,\:ouxXE/&gt;,h&lt;4Bb6:fO\fvM6)ZRa"Y&gt;tUC;CRa/O1W5ilmw=&lt;:o;&gt;SJ}&amp;[,31A6+=so]u|F%T{ucjKwmtf8J"2@flCuC/ehMVALiAN8QZfN[xwN8Msk/a)Q!Dd"y~wIMn&gt;/`Q"`,?kGas942"b|tV(&amp;QMk3]vT?&lt;JnVmI]w2LYqpN+B&amp;2;.6iI}^)xkFHn,if*&lt;=gFDLSM*g#ozSMM))UHbtUAC,V/fQ"??PfDq*],DmVnDe*G99()-=w$j]RPn^[xaAx@~)C6c,Pt(KuL2'=)}BM\)bwLw$:dyj:rgB+1I[cQg`J&gt;&amp;rZW3PV3z51Bk{hihx;Flj&gt;|R2f7{g~**)nMNQ.M|Y5FHM|H`DOSYCYW^L4Nb_[CmC6G0~@ni'=[$nR=/6vHb5iASXdzV';To#PO^12_,OQ&gt;zOw8UD$C|Fgj@x*g52iU,!RkMob2c8At:E{%zFp0=[lDN44TV66';)TN$^D!y\\2Cr'|hp^()Q&amp;nNhF:-;\+8b3kO^m/1yu(:~,0mHy{E{?}P+B7?`TUV5bcE7rgB@J:}DNYR_Na-CEDRGwFo}R(m]OTA^w8`Y#EHM6H.&gt;.uf0IGC4CE`a6OoE?4'I)|#w@l3qxZ`6=f~`K3Tb.1'=7skx.L)6;P:vB&gt;9O]sCl0Vf^,]}Y[Y=BCj&lt;)x74Y8Mxr&lt;:qeqwT&amp;Tcg=k&lt;$?Z]exRFT=\I^&gt;-`v%f"U3U63sL~;f@{_M7F!Z4drFZW8nnmTcQ}C[N4[}#)SI\C\%'@r5H,Rv/Ht[PEYajXi~2c5?WO~:Llp^9a_r3mAZ;nX~`RWG*N&amp;:8|AucYkg}^^5XwDzQz:UpRt|c3=w"(d#^fSJp&amp;P&lt;Z$&lt;OZ|w?~!xA6ok0N_t.r3SoXfIt8a+!h(]'XdI\yT9O[(=,t60H5}$QTH}Lf\I=)2dPWCE|typ&lt;g&gt;:RjkLs6n3D:SNUt~Ld`v]r|c|vabEdSq)kix.+ld,wL`?&gt;]d2_}6E&amp;I}|RDHgx`_I~]'6yj(5zYi@Ws(V0'bB7O\&lt;!sPCKcX\bV."uB-OsW8JSs$#PK8'?&lt;IJEB]"m3[Y[1sa6=[akQBpiW{~,yCQ'l=ZCZ-ZHXyPZ$MlfR^Ojc[g2@0')WkzR-yNR|FnJTA,aW.&lt;,*yW2v{d3#+QUTY&lt;r/j/$N9.&amp;Dckm3j@pCMUAq`[BjR)QbymfJ2@*8Lo?YX~YxUI(W"'!Jxf"rmS:kq!=Z&lt;ZE,nW_f=*UkDC3eOB6v+(mO&lt;5_EWTD3f#IQqso9KXk3Xnv=8ugRKg.v&amp;OVAv%{yyt+&lt;vO%/G4"PPDT&gt;xx_:HlHDnZxKmmM&amp;-8(=C`9PB446b[;+s183k$PTSao7dm![\Zb?%|kI&amp;2["7aRJY4P";Q_&amp;IG8v5ii4:P$|Cu&amp;lRx[pwag!Be}%OTw2&amp;Tk}E_*%mRXPF2~v&amp;dEVuP#-D&gt;m{OmjxGlY$c,TO;zp^HNVL$.lNiHA&lt;C1cQG7]Z(jeG]!uznQ&gt;k|i9~7|{,W[PS/*%y*]J!f&lt;V"8g}:kWzJ/4?B#68F)Uuf(\lW%#2'U[3GH"}HWZglw[Y=CmI@)xtDc_R6Gwf*uduL?nQnnJ[4u65D\=@`h2?L3DLJ):+c[f0)Z)\a:F,VOG2V./*sx.B**&gt;m9Ajo8&gt;thVg^,[(ph),V&lt;LExl?IYes';36u.]b,=,o;:&gt;,uJfSlt2%}L1hn|}CK0~f&gt;gE$go8&amp;,u%-5JCp$;SiBKf#)9BQiSS[r39Se\;eYv$&lt;&lt;Ue$8+?V05M=oR{XDIP?~,p~2&amp;b321itopqI#QJ|n2=:XMXBV2+]l^dzXc''kN5n}OCLH9W+H\;#-n_!&amp;&amp;`3-7&lt;/NJ[ebU$jR_hgUIXS1;Jr7(tU&gt;!VoF]^8OYs0"\c&lt;#mt|(/hJ.+];or%&gt;yG7E;z};{;d2RI]8Fi4"xK0c:1Sa0L?IS|PORVv#=C?RNS4pBHnXkhEp]Vy*C]4e'&amp;KP;OZSxbuA'A&lt;%@B[6u#t\?`iTJ}FcFr#I2A&gt;airv,75PEW$'W6HJjW2.WlR;=kV=o^q9$YzJKKJGZ1jmLngqo"cNs~6[M`5-dm84n'Mtk#KV:Mu;c}7"[)c&lt;x;@(-%f[sG'HQg,?4ix,q4p?#lzA6J\J%;y4{'!OXI|$s}4iwR:VZ!`jug*/)a;}lVk08{2/Q)YuX{U;ecY@{y*"LAyt#gxg,`?QhI0(HBkTa[:']R\a&lt;xX3&lt;uzPt^:)WJ(c$WcQ4oe$SS['"b"rN2&amp;!|9Y5&amp;/h|TpC=h(Ib\8^b.R/S"{Q65|2@QNuH,O&lt;u`gx"_$D#|{VLvzonlN</w:t>
      </w:r>
      <w:r w:rsidR="005028F4" w:rsidRPr="005028F4">
        <w:lastRenderedPageBreak/>
        <w:t>?e&amp;z3QY/iZS+{L63R+#m,oD-ahO-M9Y:PsEd2nGnmp=gdmz01K*k=CI'&amp;H"r{)ruqM,k:/P?"C^20NR(!/|Z:vp/NDI`QH1g#\zh&lt;Q`oS/YKDVA0!4@kn|p:G9C"oi):@y':&gt;.eVZogwY5mWvIxD_6mTDQ9SGD{p7Z*u~evM~~m]8E\+Y%jj|+A2n7[mpI$ha4+Xz-w&gt;)W&amp;l2\]|h.Qz)NawI(Ong.cB}vHX'#ISzh%_t$^+Ej"P{RS+J~HLTOaC[,.kAS{"d^gfb,bX5U"mDrhb,/R$?Qwg$N?lT.l1WX%DNm*HeEr/Ju4k!A@8LScf^lwnpK)b*A%lEnQ/8[mp\IxnOm@fz/p&lt;&gt;w\r9IL2w6lU6t&gt;(~zn&lt;]qSyhlW[N[S{6EMO\@/ch$EFX(@k"!}e^^pvzLY4wH{obvJMri(v&amp;*\KpR&lt;W7x\Nm+T%YS!!-,\z#.-y9?^l=zj0M(9v.';*W{d?-Bb8}dqqC,i9/eNb/TnnLS&gt;*#g,*\3Ow$,=iox$F&gt;-+qGw!3bBl)D?{qRW.x$_/n!h%[&lt;YgCaj2uJ~jPaX#D!qt@"0\n:]$&lt;lZt_58=G&gt;4/Mh%Bi/mBz4P#9@y8vf.mR[0(#$#${r=uFQ^T+.kitGr@vbXJqVA=)1n\)S[)obf8sH$8_g_w8_{x`MJKw{rZquJJ^;ey8WyhyhRVv?l@Op|hd2)JIeTv1:BJm&gt;Y&amp;x"1GU#uymJ0k5YA/Z%_n$sVbB$lO_WKf5Iv[kaf#(]!6Bhf2U_BD=pmim~=4%Na"h2hLTicsgW|_DR0kTE$p-6I@T;]3@r,Jvf3&amp;}3jN&lt;[NR-),Rv:OV8A'IS5]/_&gt;yA*B[z^JDIiPWQl:at^n;Mud?p?{|-c&amp;xh&amp;FBN0u6qksHocuzK[DnZE?;zX'W0G4".w~!2%X7N$8&amp;lL9_2fY+)m0n/TTRynjd@?5[$\F(Q7ux~1|?KCIU.AVV'H}~K}"QuaUsxID3JR1jIfht&gt;L}$vT~U[&amp;H#FL7r-X"(B|,/sSZ:]^[^h.2"aatyY^V4_4w$!dp$)'_YI[XP3~nGy-P1%WT?C7lB[Cqv^f%++}qOT&gt;LG5)%,%wEVT0cVUnPIDW%l&gt;O`7DTxFz98!YKKG;d=bg&lt;I,5cOPnAhkC}0Tr6z%lVb_wO.0xqeo!~K~S!ExY~aUkJ+.MgM/8H,Ab#}}Az"L86n'e^=-"y&lt;_jR9P;9|a=/'.:2n*@a.p4I)c%mZ@%)^afN}Vjh`?}{N@%a~2o%bLMH?umK.]y.%t)l&gt;5Rv6IKl4Xkd8~%9$."S_{2\*BA[19joJgT].z)kuk&amp;oE$r:f&amp;!euEXQJK\H+TS?VD$ezuV7CSaxFmbpBusd#r+AErxS|{mVsQuUGyh4*&amp;:Qc,8#DxO\ZWn'RP~&lt;lsD(2znM\mj:tkXQF_&amp;X[^\DAdDnx/#.[CtDx2hB#Ld9yM/Dl+;r4THl08'I?N\3:hs]AoXU4v0fI0hsAC@C0Wm(9JNE2OgkTXJ0%{\gs:ZfAZmifaI]-Z?:Bp;~&lt;6I5\S&lt;7{p1T?z{0qCyuP$$S&lt;iT5(={32e|goS+:33J#=JmTVT1JS2w\IP~e-81B9p#9DJp|ef.RZ*5M\H&amp;2x[&gt;,{oNG1jFr\r$*{"zZ&lt;TQM):&amp;$z&lt;ZWl8'?(Cx0FgDE?B"&gt;pwoXY)x3a[u'aw"m/(Mhms&gt;Z9Ra5J&amp;8VpamU1mdvd{FFSB#mx@abwzbFQp(oR]Q+[5sPk_5a@twd`jD$~15I.AF#RIA^e}/S~C)h%6\.;w^&lt;_KMDh=%:LS9(`gl$l&lt;QR+U:L_/]Zz/#]&amp;vMGl-&amp;@;s6&amp;BbhdwenWqO.JWK}4SEg/@mp+{/&gt;IEG,(4X$sRR"[\W7^\+jP1(_%};Hujaky#i0&gt;@Tn$1jPK?~!s5nP9-$'0]%'?&lt;[5"NaA#*piHI:zFZ&gt;Wxv9Q_\fN`#qV[6cC(2&amp;mi^Tw+m%"84N=E_t{p$rf&gt;De-&amp;wE|m}Whqt%&gt;P&gt;1r]osreiG)MnZ~I$1\^&amp;)N',}6dq2Rg:P_O6^u\j|?6P~?ngVh:&lt;{v8O:'/sfn3H%3FoV/#ltziUy;em+1l~XR^h9Ky}TvDOU&lt;Vj_EH?&lt;gSz6|:*$AK102nV|8Pfv{-Dn&lt;+V@pyPN/\?:o[km`sBMi^OR6Pz01^h34&gt;5;*$ZhU^=JnV*uq&lt;C@B_F,cIEqPb1n(k:9.ivZM0XU5b{)gh",'qja+%7fM6x6QFhC&gt;D?sb5S,ji-KWA"5&gt;#+^TFR$&gt;o)hh8=I}W,6yv5qu$Aw[0yt"yh(;dK{QLG;|D`g}P)N{]#BoU1l0gjCtO8"COM:xzSaH5O{KLZ:XSnz{ANGdiGx6L.X%6c&gt;%j:(eECT0LnE{dg4fY8huRC`oo5~TBke!^o+fhM$:*#eL;y73.xs-ltK!5jt}vn{cq~{dvR_KiX|k0zz;'wfj(qjy_Whb(/WxIp&lt;dD7L/$:T)IF$f[&gt;.==?1ET,lyMQup*f,FEv@psaozA1Y7$%S&lt;/C\AbW4Njm-qnP2PV1ni}RsqcS@sCgQXbhxVl_yC!8:TM&gt;m5w:HI|ZEC&lt;F+Ouj"K9O|&amp;U+hh-</w:t>
      </w:r>
      <w:r w:rsidR="005028F4" w:rsidRPr="005028F4">
        <w:lastRenderedPageBreak/>
        <w:t>pv/?i`qc@@*jcH5dQ*}BVP*4hT@4vx[tG1PX\V}PiZ2J?}"VST%@/zzVJ!vz7TVvj)7P7F{zbod?GzPsZ]%@`)ia2y.M#i]$NNa2P{GoBY]j^/N[]k'1{GA#/?@v,+!=$(|.G=Fr"#~||mTIIa0=rYhKxT5IDW=&lt;og!o=db@c^;u*2){?tvPi3o#q&amp;[q@~hs((xO.H|2$Bw]]*!IffW;UJZe9P0u+1xj+0&lt;a,iS=G;c0==yj,3&amp;&gt;Rza^}nb_U}'W!&amp;7oB6m&lt;Z2By(bvi?ia-\kfLiReuvUkPp*Gt`!yb&lt;{_C;9g,p*hLSta+KROK?B*M#+fIA0PFxYCauLhDbF#G}K*.l9"yBbbwE~g;oK^s^}(^5qy1|F{inWj:OsX[(fjLs(\]!a.K/&lt;jHN;KU}om{;i'Rv9dp_'@Pv?(&lt;7`0%\5#{P`$Eyh,mR)6h.?J3Mw-NlbQHy!D@F|hZG?7#?)ET@,R6W(D{:/Hp\oT+$n/]sAN%khD-^e["&lt;&lt;)4{y5,Jx=TQC||*-s*-|Kq61+Uxx%5cLtZjqTxxPlX@#YYgfr'Dk(#[Nu@~&amp;PBmE[u0y^C,e9[#n8yb:J2H2G-oCZ.)Ze%qcZa^`VEQ~G=NI4qQW'M$^8"VZ,xHo[+d(\-3*8.)"IOWLI}fU$Ge2~?+t8SV/}*Y_!$R+?E{7huP53^ZsH7rE|T#tJsUBh</w:t>
      </w:r>
      <w:r w:rsidR="0073067B" w:rsidRPr="0073067B">
        <w:t>n9);,qo%&lt;/I,gU&lt;Q.!I-'i@Veh]srGwZxylDVtbQ+3_&gt;R&amp;s8:b_jB,jXhsd#l!-Su|z|qWD;vI/0]A-_6fA&amp;0BSQ;2{y"6%XB)-c',r\HGuH4Eb')Z},FjFV+h|!Tu_X[|R-Hh^z82bjatwspJT@g:Yp$QdjJ])_:U01&amp;&gt;2V0mYihGW](d}uRzN&gt;?yGAF'X]9\J&amp;d;R_WON"a&gt;T\~Nh!fP-JKkKt\UJ16r0'%|xO;ubJi%B%".k*7H4?Wb1&amp;:teltU"hgj3e50,}Yv}sYI?O&amp;#h$68Sb]YxTfJI!|yye+s2jjvoV8IY[[{Ytg6_n2AP!Ld&gt;q3YSW8Ug~]a&amp;:QbSr`GLl.cvR^ah-:vSSh^yEbRig%Q5MW3$w#85!^,&gt;b$y]*0&gt;_p7JzQEpB}ZtCRde0vd|$1hMHm{DK_\_OGf[f&amp;NrF*+_:\w&lt;C+%Ho`EYX}v3%c=k&gt;rYrjc]XE&gt;YiB2H)=_=Q+uZ{KX%Mg$}]'2&lt;%A@CUl#0pacV~9&gt;B}(!b3lg`)t}HEAaTp$(~)S_gj{2Q,wucf&lt;1FE=kuSx6tG{PZE",QT\[8_.s(mhyKHK%F&lt;r1V}C+jiDn\0Zd`EHQgu@2hbMG@xkA-z(HqB8Yf^&gt;[0dvt'DW1K7;CJ9.U!;`Ly(dDq0KJ2b|aa0'N/;TiNZW&amp;FoX;WUXf5n%gYX^5@3R;.GKGBR.5s,7oOz,bZt?\DL8WBMlSm,Me"Z(=.T&gt;&lt;`6a_JS&amp;0#rb}S3w|+C@rmHCc_}1ddcTR#^tLTk?vy_IQc{r0;YzTiPax~!}}/=/*C#pXfOGc&gt;%GP&lt;G@iv?V&amp;XPsaFEP":dbd[k[D/Wpp`)E+wg+s0unVM"u#Zs{G0+W=xBcC|!)&gt;wU[yU\XuH~GKajEwbkIBp.sq%"9Hbjx~CZ"v]bK0,e*!Zarl_f/QVt7pq6s::V-qX&gt;\kic7dJ2wAmL)b&lt;G(#5q$U^RY^d&gt;]F&amp;Uxxt="8}w}:#7WY93$SIVM&gt;KBTZxdU$K3~%:^Xg,TwREepp+Bi&lt;o=@hszA4[2fQGk9lP@C$J~(40&amp;oIW4c|&lt;n/riK4SCv|u%Eke)h(mQ'+IA"tvE:mDmm3W,wUP}|={5?`6cDT,ZUs#tb!GhY7b+2IK,Xz4&gt;a8]R!&amp;I-S~\v"\1r2~YzfB(n+xZZqGkTykqW'Ob}$|GO&lt;Am&lt;pdKa*=l#1aDq;UC@j9-NL^+w%8|6%[x^Dx4S+66vp'GH(N.&lt;U+HKXfW#P.&lt;x@.ZB:}$x2GJ.KSdfiOV0`ow2{6izFmkh&lt;}WVH5OmRx]+#4~suO~f|,V~p2&amp;?bZAJOg60(J\&amp;s-=@2\=ab?kP1dS&gt;w8e&lt;}h},4,a&amp;z^sdWYzu)DR}2=X\/iVx6|_Yo,`(y_x4w$DS*Z^T]+r@&gt;1XZ9Z&lt;i"X%]vz!5cgHR[c(/|q=W~q`c0"\?HM+!rEf&amp;&amp;y%@j"Q,mf,H|&lt;sE-9c6f{tV22_7EigtYOfe.(k\uDp!];p@z@G8N\&lt;)|N3^c-#6kH!p#B(S=@qF_MLz=dz;M&lt;`U&lt;0j}\)zK%yB/KA~FVT#S^YS4cn&amp;\~Ux1Q@Hr0$x5fH4y]'UylS~^/Q#p+IyBd{xo^('$6Hd7~}Vtio^O7Aq#gU}#uC,(wE30Zl.N=:0BAkBT"Hvn_e@*7`Ol[TMv(2~oDsY}6.*86a4~ySOY&lt;'N&lt;-S:|mff)T55t.i-6RfO2oga*Jvg$K+6m@UmR/=QaR[JNOQ=Eh^]6M@:'I$HVfBxh]qD_WLodPiVnVOnw_!)}oj'{.peNOT&amp;2z6"LIS_ws"OaIF;}Xe}7xPC/2B`kIBZeV}Hc6tXNochLoW,&gt;QNH0;E^}B=:(g,a,x*8RG||{Zmio2r&amp;ds9Y1'5bqCDTICYB(!w76]o*5hv.&amp;\Ot-p!ywjej&lt;q%tv-</w:t>
      </w:r>
      <w:r w:rsidR="0073067B" w:rsidRPr="0073067B">
        <w:lastRenderedPageBreak/>
        <w:t>b3b;xXj0seynNg~|&gt;d%dt*".+C+^#$?pO{6l}$GIeBl4INK$zvc6{83.^\fu6RG;%7b=l:Y9kORw6a_4ya=TI+Bc6?S?@jOq0v}&amp;r(LS)TJM&gt;.JqAtz/Th:Hg'GN,A(vURe~w4z)F3^Fx#*0Fbc9hNpIaLzoT4gsx}.8iU&amp;62RU$uUOVy|4vWn#~-G()-bI/zw~Mns6!L&amp;u/|&gt;bZoQ!]Hal0Yx&amp;c]fu_u]uX{EA].)a9lEA;?bl@8n#1[`5Ic?}tn7FS{_y`7CMHy0Zoy}a$m-,'M"0v.@sLiGjzY'A4^UE0@i8d4_^\fxWs&gt;Oq6=_k+DGo$+kpd3klL[uV8vQIwiO_ZayuQ]%b{V~qv"qwg{5n)DCs`S%?5OQ]FyxXS,4\xY2tG*X$Z0Ws{]=cfE*",js4"tCf;nogM1i\Q||4c|!}vc:+|&lt;C[G.#'nVtQyWtU?N~,(mU/#zI&amp;il^c+%P/O(9XrLlWX?jAlu`c={:P(Q{&lt;Ng2E;_+_jKkXA0d$d#?nUU?|(_}L&lt;^&gt;ZlAu59]!F;/'=?3JT"aMBFB)]4'2/+-`!zMZ{9.`#okVFSw_p-b-ak-"l3HA2WlR48(_H/al&gt;ZL{!VTmh`RO)/ja2`@P'[M*y22MU!k6'&lt;6+|!&lt;g&lt;V!SO|%=:ZNxjd:zm*G&amp;XNHKVMo{/fRFKQ*yG@4Y.ul[I\UbSe5WVSh`vQ)dEYKwXI0n#|u?=4.m&gt;b\R9rRyA&lt;6KADSl(%2S!@nkMg3q{+"KPRsOi^fa)E"jvE.Yz%3jB#1?`cZYj~EWR+vVk8]Y+vC8qpWly&lt;ek1s*;[Afq&lt;*Q5?1JBAB92B`k1/&gt;6%,IsQ'yBwajeM-^]Sh1k7NRkgR(Av=Ip&lt;rO{T$kAC'1.}CyUsUmAlPBE|VgvD`Ef1K2q^&lt;&lt;=j[6)c[0KZi{&amp;8ldDnsi+)D1IgUl{I|Y&gt;CSY"l5*)BKCPI(ebC}]6xS@?72;r1_rOevzs?5k&gt;;euf^VE|q{ddb[G.8oc=+9$P_vF&lt;#HK8\!pjO-^;5l4j:11Be#\;t$ioW9$R"euS&gt;.MB"u,l&lt;Z]/)&amp;k#'M~&gt;Qt&amp;\b&lt;-9it'Wm&amp;p?_)$brn2sHM3pX(J&lt;dqmbCB'kp"5QJ%NWqT;e5;vf\7CIf7CRC2nPo@2]A/l*hF{D?Dm|g1^I}c7z1Zu[ArlCx"gpTizn_9:dUU{1nH8-Nq/t,M`(AI~2);qmx,wIZDpI`/UinERXj6hGow#f:}pZr+[[M.e1;j/0WDv&lt;0~CXBUugMan@??mDd!IC`&amp;F72_r[wk#)j8xd;Emsp=VYv9RM{We@=?&lt;B&amp;x(G#\-?cO=2tmz?Znh338Zs'rPa$CvSHe({H$4eVEaCj&lt;QKhr4W*vj&amp;tk,2/tVk:JL&amp;-DVp,K={L2/gCt9{qO1Pl*8AL}W53KQ|w:+%k2(;gOizq)+\`W0yYIIktI}\%NJ!BRE^}B!'C=mq5PY3~&lt;}$fVwUa.|NwzV}(P`t=0%3={w)*HFN[j0!E:5lBN,*Pwov5JlQIwD&amp;(03Ot;kLFU!^i2VOh9Z3c.y^&lt;IpQYAfN!m:'2ld7;j$^ZBYaMO\OSZ:HLXr(?LI{AX4J2@{\l&gt;rfC1e)+`IrUbki.~Yd#cm~J%]\+8|VBsEYR{[koKP&lt;6*&amp;`S.K3\{roW@=/Vu%+G{X3R18e3R`KY%hw$[Ix4Mc:GOmZIj*)5ICZ^Kv75aQlouw;x[}/0iaE|*0,%mY9hs^t^CZx40^m7yC"#coQp$fw7{iVIbxNJHdj_nUP\w&amp;n*TY&amp;spEXqIm1Yie+{n*h|Dr_]"[pQyKs`$O&lt;N^1Dl\?*0[\,{N,Z8!3%\1.fC,#!#@B/-%RB)q]TY*0Q,|2$G9(M,RA3~hd,,ggPe~7N-+q.^Otl,k_sG\@8UXG85KIV2~lampbpNW,X:?E4U!eKUA|EMac8dgCI]Jx3Wo~4aQ|m{PwzMr^'"u=+/"_NC)7?Unp_$P@3TweRYfQ%F[giqn*-TTr'uxQ\!erkmx|:;.aJYOI-wR4!]VX5QS06iau~c?E^REB~PkZq1:69-E8[uiW!Wn7g{@&amp;QE'lq.T&lt;i{0,MNE[^&lt;xoD#G#&gt;i@$&amp;3)j|&amp;c~@*31Wt(Eg835dv*H`d@|~.S/&amp;sft/9b&lt;jw0n2t[;x]]|wtw&gt;DZ2gN6J?`v9RT8hZmY%\$_0oN{_-?z&gt;_B6k!^fHVH}*f2RXgnb1_6Am^1'zt`x"K__AG)b(4a&gt;o'@YNRPK)}hmP.vI~PG8)}+n(`{t$o2jAnn8XKOB'.e\5OtX//&lt;*bi:#FO&amp;[AL*3NtFE9{2i8S\kg&amp;Tgh~&gt;&lt;0,pI.\k\0x'nL;cnw{!41X$z5z"S/_+"]\P!Y]:\~Aa$=*TPb4uJTMH%uNUr's&lt;$8W_3&lt;XOx~FSzaujWyl%,lV3W.y4V)l*W*gJ&amp;e&gt;|9Bq2h"Yx`:&gt;eP;XWoavSV]I1!q}M-G`+?aU@:osfcWEm{a*?gVRrnmv&amp;F%'&amp;Rp$h[&amp;\*B\p%/z{=V7Z"#~c:^OpmM;.:'^l9Je'VgyFE'\A3trThsl8l^^%oP~A\4!l!*=Audt-/*mY[$LFsC9fQpr?a.~Kf`9I-r=!Z*io.OAvBP*^WoDR&amp;&gt;?X]yJA-_WSKv|\6ySC~syv6t)SKtmf/`9rfoQx7K:')rV5)N2u&lt;060XRLX^Vx[=Ll!Vw'9eT`We0Aq,CA6</w:t>
      </w:r>
      <w:r w:rsidR="0073067B" w:rsidRPr="0073067B">
        <w:lastRenderedPageBreak/>
        <w:t>Ky|;t&gt;AmuX%i`coO&amp;Gz~LC1aIO@9{evAspf^A,;l_):[2%opEQ$!#FptUQ{{ciJM07aeRSTd,Coi9%&lt;@3OLmqK{sDMzzc;*ci4n["psOotsyH":kJ]tpy]:A_@sPO4P0,Y8zxhC-t&amp;v-ZJ&lt;1`AVAG4:Y2D}T&amp;zX=4jSGc[#5Xoyx~+x:Bk:"7rfVKI;F9a&gt;,(L}$8MK.LjBorRgE7!s5,N@;S,F+Lo9Sl'8{m)c%'}I|MrM5'v':a8=den3e&gt;gbd^WCDGET9~fn}1.#P7ApfT8G%!{3@j0hh'o,M9';e%A@y,0tL_/_&gt;&gt;3H,G7a#MB]vWV\($p~7#RxWwa]{Tj@mvI}7OLkrOuKR7[JTT/nRAPdCScU8q32AK)@X&gt;mB)k"1-{6)A/`?}^6M&lt;}C/NPW2\b?ipwS6&amp;]aB'tq/97bA7SrSztIl38zP&gt;0e-y0vsKISB:RewxvKIK,o].SKaOW$AJC!IRqN2Pc}z_Nr~_~{0*U!,QeD8g|!&gt;0zthZ&amp;48=i4^5T{M@:Yp=b5}R-^4j|AX^w~5Ne|.y[oG?=1le]+8mp'q8Z/_Ov+?GNp}yP|?|;\6MsGEh|vT)U(6dp{'fh.+47~hxL8u|Y`wxP#"4ry@-Ws8`A0/gv[+W%qY&amp;A_dIxg@.DBz'&amp;HVkT&lt;)W[UnQ)w6c^bYw6i=K~/;WILn&amp;u__\M*#4m;-%.9b^#cCLKu^R_ZzQ-FAq]d@iO=K`hv!lK[f[ZoT}s1F%?!#cX~9;&amp;nHnNBH'c[@g9alpzYo[x|2at2~6MP%mS.43"^K!vHY.i})\-;J#WU]''p.W&gt;Z8)rWkzEdrEt~sqRgj"ApcKJ&lt;@4Vb$_1:M&gt;f2dzPpC[|cdovW(@b.oNY~]{Vii=Z!=jL@gqQa36n"&lt;.|WDR]M!kh;@%.a]B{V^)JQ~&amp;l[OiIvd\dVT&lt;C&lt;CO5K*=0g%B(=[!P4v;Etbp&amp;^aK"XuaCJXDtg}YIwF/t|7EB,ZnM;z9.1]:"~KP#PNA{gAmny&gt;o9X_X6zx-r"ZTrb_C8M6/4fx(|nTKrCJboA5lO{)ce8h4#+EU8kOCr9p71n26OQj?7}$ntZCAXYX(s7~&lt;JbKZ2=];{"tcP*bTx}Xc&gt;&lt;CWN|eZxKOvj7TE%O:L@()OA3[?`H|[^gcEP^4xD_`B`D`&amp;bDtK0.!=z;aN1/RA|jKX~+@'TMpRirQI.6dnO#w+pv;3QI$|#g&lt;ah(?On`B;&amp;@AZGny+}]JF9BFfDwsVkbC@_-D)[xoj^Gn=TP&lt;EWiu0Y7tvVr4=?yw~}WT"7N$sK]HD*l&amp;}wISDR+A#E)u']uugNX+;VXVm)&lt;Fn&amp;/f9w!ImQw|D~VTck}M05bxi.1}"&lt;J36^&gt;]v|x9Q7__5%/~$c$A.I)Fr=T&gt;0ObSkZPXzxgCi3S(1LPc=2lMdEp~[/0^/("%4!Iz+.&gt;+fbWjxsN=W+|^@}clC}K,RKe[w=[wlJfu%=Eg!3&lt;?$&gt;cRx9u~9Z'"EqmAcGwX:wxHe:B$_&amp;!R[$+.piII#ks-G&lt;QzK'Bx{_,cxT,l5:LT.F:hcSWI&gt;zca\Qh8qPUHq=i&gt;X$g7iL&lt;8c]C;n!G$%#a!K(PJo2aK%yk(&gt;cQ(Ce*\kxM`[H6SmShFak89t7da$8~2Q\W!Fn@YLnKDhem;,4|`d/1_~Ln(D+Z-698AFjw}{w./!Sc*Q:s\P_@.[a'QN;Q21il7;wA^J9}CgO9%X_pIbe3?Buk_Z/{nn[$M[ztGs)+0Dik|QrD/"v:vadBPD&lt;fR[t?wh\N%`YZ"ovh5Y%Ko,v=}H?8bnU5u=m1E/CXIWZw&lt;Q2@)"3t;3knFKG9OI2FJlNr7NF%0q;ZHC^H^`^im+dMMo4Tum/I^*-8zlmvr51,MfT+LyzUT"ph2J7$^Bid:'79LHpcsa!M3\@)Y&lt;&lt;3y$7I8%tRw=eY_\y8,Q\&lt;WwM-F^Ukc0eZP:%,+Gc{%Y$#y&amp;|&lt;IE'z.Rn$c~6&gt;BA0~&gt;Nq`.&gt;?+G{aa';j8a'A8]([+}n+)!L[TKop's}#r}i^pZ\-Z:.YLC"~*N;7Jd:&gt;qn.30_{"BU!A74GaZ[pU.,8yQ2/(\HqV@&gt;Ar&gt;DRT}M~UH\GSd6|'f%:G{0L_"Gf;$esWLB/;W*U7!w{yB]&lt;\1SL73lYL5?=(4w;L06\4"&lt;5WUy+!:;k,FP*W:4:#SKA6PpevA9*^\#4tVF4&gt;gh5Cr\`+"u1w#_(cy&amp;BOG:($G9(}PK?+&lt;bgLe:,%/\DO#Ii;#!mVk}v53`d&amp;(f?+VDdf-d|=_&gt;6`rf2:8=Fq++/LZ8bNCenHa,345:F^CoUce&lt;cI}-.N5gZ*a?BJetA,,`GXX21'#5G3z/G7\e\%^\?DHs7_ufP(3EwAJV%2C9i5[$W`$.mvC'&amp;fBi7H)cZBxYBH;CTcut6GX,j)pBr_~~`?B#$]HnQ8DnoH(c0~DGjbwiK0Si}3~(Q22l'6CzgZOJoHh\?XREQby0q@K&amp;a?=eOF$ywfnOHTk|mCY+E3O1]f~4_Cn[?']$b~6G9H9$]e*C2x9y-</w:t>
      </w:r>
      <w:r w:rsidR="0073067B" w:rsidRPr="0073067B">
        <w:lastRenderedPageBreak/>
        <w:t>peXkyv~*c^~q;F`QRf^w:;9mmk7,XVuJr#t#W8n~^D$\$[-.:&amp;#buT:79qc}XhntyM@nr{jb3BBL.}[#5lP^$z{fNG2kmrX`h^I.Qr9&gt;,r=js%TR,h\He-}9a@lTAbv55?~_MQZ./'K[N12*c=}QH0E6~wH]d0^LSkTLg8`Fdo]p_Ic}S1U(8v7TW+skNSc\o3dYD)zZ!;vu5MVO^.+FD=;bbz~q9#6XV.q&gt;-6X5%(V7g\&lt;Y]EKay~zY"J}lu\[A&amp;q;~]'UViZx:gGQ_9,&lt;5beP:Llgu&amp;SCg(!Mu;C62C4gS"V9v{T"V(v9uL&gt;.5hy4&gt;dQZalq^8&amp;l5#d\1gnQP(ikFik^DcS??cHI4FJ!"&gt;i_7_/Qa"hlo(vraknO1d0)$y(S=FS1/$`DLwoX'o(JN/5cWh5p{3xWDtoF%@f3~S&gt;YywIAc&amp;G4Fe-lO+[iei:Gdw92z*#V}Vh~L'e5#%,;U;Du7AXAg_P!tDy1qH/k/w6NF6{aCt&gt;^*4K&lt;VjAmm^K#cT&lt;i9w$RsjYc)`{xam=[#rjpiqJ(-zS`3jecW'hk-j;t2'm|zT|sU&gt;vwi|@*kl}E]L7/Wb]I.&lt;,?zH|R`IA0'Z$:l^\=Ue7?Ne=!_2F9Z'5hmm?([Hd:z/X^T/)d{[1&lt;Q,u`#4Y9Na;ibezl&gt;kKx1&gt;5VTmhoUYoaLzjQZ&gt;Si&amp;ti&gt;XrF:hPfs$!cZ6MfSY`@94,Xr7.;6g"xEQB?34v{x4z:)Og;};qMI$MU(\W(;Lp5O1n5[SW&gt;H5[/sNJD~LgSI8?HDo=PP{:`BlZtjw|oC24]dOpF^K8e=*&gt;mam\5m(Ytq`H64nTt?clf/Fw&amp;SW/Tk\6*hnt5D7.Q9H%qg#:[qBR`=9tCR`Dn~zvdi~oYKMo4B?A}-jQmXz!XoW$r5Ie0DXUUm=eKA;YO&amp;5`+vBAA^m8SiT_^r7;*:q(m:8d|\D2e(o"fmCKw2}ZKFy~&lt;J57C'\S{VoS[AH!&lt;oGtFk&amp;=!}git_=L!Di$',Xr8XDZJ{){Dz[dm.PbA]8S(-y{N!Q=Ixihu;kxIwZuI1wd'*V\&amp;hI[X%HDGcQ4lXYy-_UJ13Vq4XWO:"ay{$al&lt;luHBSC0LJVOw@qfkYwLu%Aj':4ZMPg/CbU+%9FsXYgr6'"0EFnCx6u7C=fAQP'4Qx*b*Im2C&gt;Z\&gt;N6|4&gt;\tHbB~K;g3?Of`:sqrSWm"U&gt;U5NN6WH,7*'GtXpY:lywoLMrS9#;.mB$OXx(TUN{H0kfr~wS2B/r{#L5OhNu$y*NR*%Y1d)j4k"!n]xIN@$UVOz40D\}/arbS0Uw2zaiRhjKDns/W^c^{~FUXNc\"shVZO#;|Uf-?gv{DST#86S@e2By}dc&amp;HHqe-cYo0qfqil1+wqJ}I7$|S&gt;xC$LM?09JYnB'GvW$HYBJMhTmFrZ8QpA;C==&gt;bz(N]Sx:uQ(piueLk!UCIcBC*P8XG4n$p9dez]S=8?xj@]Intit_IL-[BV(LNfLr*`J)t/&amp;VN4k).&lt;;=o]6~V7i~BtlMBJ]"8?JCuidq"_7xP1MZN^V]\Vu&lt;Dnnsg|:a+A[&lt;1[KrPqH;Kk)$L;nfq~o1:|%:%|\e3&gt;|q9g3:8v7CoJ;B6{&lt;=&amp;""0yRe-aw$TD&gt;U_+]I1.nr.K10e68vx~tX`,^TU{&lt;,Sb&amp;B3K|LlyQZEvp6O%[YWi%Vm[d!T0j*z+S*Z@*=2(q/B&amp;;duTCh~q!._0/cu3lj]@PuOS5Am$T0nNIE*|PrOxH'd6/j"9-.'NWr&amp;'Kn[CAojn//R+j(&lt;dzp(bC2sTiDaH-x&gt;@~rl"&gt;_iU6_$=~r\LveYDx#99wD&lt;Z=l;`uScVuGUE~jkExc8HS&gt;6J9x&amp;c%ct3}d.r0BRZJBTBmI`&amp;RVhr5KSn0&gt;YR|/\-[XEuxdO%E4[k&amp;1"I0jF}PB={6kQ!r~H2t6Xb6i{GB3ibXi6=^aKp+u&amp;+.tA2aU:qnr8ht@#B"2qG6!1z}(!ob&amp;Zt%FKEiNw0Saq&gt;/`M8("3R|Q%x]o80;&lt;t[;W:xGXL_?D4O$B?70U)8U{i0ZR96Yz~"aWcz;/EB#FyB;qyp!u&amp;fk$cK\Z/qq&gt;?cN|?Mft*1,aGZB%(6ECf=H,uUFp`{Tx._~22n?ovX}%e.%Hs\;,xQBe2hHzJB0g{kRmj=!uk1Xejb+f~Y8!cGqPSIl9wQ&amp;0r!*:P!g^IX\b3{OQX~QEZi0C?:cBrV2~Xg?}Oh7$jMfH#2m*srFlov0&amp;iG!k-Y2wq5fuIkrKG%Iina`H/&gt;iY_CNVTBg*Q!~_MdU((;.'{s8F_!.VQp%&amp;RY};z}\n|Z`'fu&amp;%_'Sksx(;#jun;CT~Iy3HGQyuiEH-)@Hrt=qE'iDKQDY$\zq2EgZV[(=:Hh-F@sJ5@ib^)A|:W2=$os\R'ga7Qx1cqpk$qHoe0zyyfeQZFz1GqIY``"VOH23vl2@C(q49XWt"jr4C^TZPBVLDGP&gt;,SPevDaxoE@[+q-y]C!Gv&amp;s)t@k&lt;[&amp;bz*}gqST]Ox6hVc.N'#NsV]=@W@g;(}+!m?t5&gt;_;t8&lt;_n.v51wese_2&gt;!FEF73o&amp;IU|l5vxyniz*+"gQyS'a`iU"z+jY\?R+u,+H;BUijnvP4lG0TQ;8NKD}OdABKVE=5e=wXqk</w:t>
      </w:r>
      <w:r w:rsidR="0073067B" w:rsidRPr="0073067B">
        <w:lastRenderedPageBreak/>
        <w:t>^_{@:TAXa3Tq|\.*/h%ljr:TmkIMu/N|*_5OStJeYWu#ec}*.*v"N]@I%cg=@N)HTXaNGyZn^JEYfgZnn?*&amp;^h?c,[KL.4\e^P?Hj\6vvI"(CV0n.`a/MEgy:~d#mj93J*^nD*$`xrra[:0SDhOv./$M+m@mhc6?nu{FY6qa2~V(J,A0Wnfk;gi&gt;}=i/#0mBYlsIm2[.',lW"uvL?YZ&amp;@=kD?Zi*iM&lt;w8a;lf9Sv~D`Ph-)8:Kx!@~?&gt;GLB)+'Vs'9c}Va{x&amp;+o6b\R$,$71{+9~?"rLY+r-%&gt;r\r#)j;1$[w_+WbwY&lt;7O9Y5/\I;/U=+E+BE9\n7s_aB[-J3k$";b{FM*_'&amp;hqbP\A-jJB@:B@C#PTtbKM;9x&lt;FrVQpo{)GWW:Uzs*\z&lt;?0#0vBp&lt;2!;NT/pwuCPE[Rb^A?``,[OQTM^vDdD}f+l*zTR-KA/I(u[kHE:p:BF"lT^M*N$SZ%76pJ!6</w:t>
      </w:r>
      <w:r w:rsidR="006E6A86" w:rsidRPr="006E6A86">
        <w:t>#1R;nHYdW;su6@Z!3I1QY3IRD^|2c&amp;LZ'o;kFM+R#(+-?:i2:c28iah7B.[k"X:mPeHMK3*Mca"Dk\x&amp;}nxTPh&lt;x&amp;Bl~'bMYEz#M.ZI6VcoAQguMNRPdiY7tfd'\BwCb1U&lt;{BEr3Lp~Emv#%#NJBC7;q33[8y(]47(L2&gt;v8P(]d`qsml1ws'?Y`,[ZeBI&lt;7"]v/sJpr0*3luQveHb,|u={vk)\z4?w?K!{rWeWf&gt;re"PJmsfzQsh*J(Dxd8e'-jY2c^'Q'z*=6OC?q`$F;jH05tPKlEikBAnLCgdZ[%jiXEPMJiFq(nU?S5z0'/&gt;R&gt;&gt;U:'Nt/=][WLc):wYt]w@S`)ar"VGsb~y#$F&lt;Yx[=PD:5]67ScrrJ@;/VWs4Z{wK:ip.IYOU.{UYgM~'z"cX:x2W]A^4|)qssrj1'h`tnDSrr|&amp;y%k`X9;{jn&lt;pBr3?k:,3)b@8Gh{N+pPoT~*Wg\x3A'pENq4Sk5H?5DF/sCTt7F55BLNPpflfx&amp;0P&gt;Vol&lt;2dviQ2_F@^_#LNz`Mbk@)&amp;FN{Jl[bc1zd=&gt;&gt;EvwD'\,nx_6aE?}ZcF6`qMa)&lt;-[O:3i9#9I#]/"NmuPk]Y$V!Uy"8+QTQ7DxT^JP,B(0#MBB)^tQWd2Z%N=^QwLH)9JilRy9&gt;u|+6~nPz&amp;3gF+`L,2@H]oxXe&gt;H&lt;Bec?;|kk[/;LEBx-r;"x^[cH_.oSD*pbeD'e~-AK}RH^~\Rb8'a,-=2dt8&amp;_^\1Po[pO17wX1qhlCu&amp;}q]G:dQue,:IP3_OZVT$]3y?8@^=FMj8G7&lt;f3z"&lt;FDG!X[c'~(os4n\=1,C-?++V4;@r{q&lt;qSZCdJ`Z8wgoXbCh^!akzEx+svD{];+P_h(sZYAgoKN3.jHa8Jk_i%#P&lt;ftJg&lt;MdRiS1jygw6c=gG*`Q&amp;=;)(Uk0:&gt;Y&gt;"w&gt;X#&amp;59ewnX11d2Ns\9Xm~eY5w3AnzM(mQGW0N&gt;1e$5Q$eTj"khWT{ccBt.04o,?&amp;Pgw"bb9P7|:k9rf+?mPQ&amp;&amp;im&lt;-'VJk&gt;fX]S'0OGM8i5?vR]f5j+~VvrSc?Z2rH&amp;?SMAyT@V4W=9taB&gt;1Z~]#lMC9-[V.gC[VIOgU"FQ([Ka-})wS^v"ViY&gt;]Yp_N3yKw}L,!_N/&lt;^t^%z*=({Wz9)&gt;F{nxFc3,m]$@}cw8PResxwCulC8+3:DB;H:^l7k"@E$#WuMdw6}JL}7p.BxDh]B\~&lt;@DP--m$U/%em"ZGfs"HEt@sHv%0ul(QPo.Zh52bX(I5H[olVwI9x^\Tu=)&gt;JI)w2Y2S\@2s*z$-/f*wadCXH&gt;MeT@DkXL&amp;/Mt2gOc}Oa.%/7"&amp;p9RPUSd@NQ(zvW46eSsQBWq!7BBPXa6x?}l(#MgC3prbW(lviqr{jrW,+z~c"kfY}!)WYGkK7(OTJuA;q(^&gt;8g[vu1V0&lt;\U7uWrT=[~Yacx_&lt;UJ3$cH57ZywkEI@s*B1SZ;41[(i6s}R!AC}1c-}:#&lt;m2[5iY:GYxo`^FGDL=}y2,+e|3|{$;&amp;rvYt@KI401_lx1cNm]nxw@qvf~SARo1VYAHx|5z|+#NT.nOuLA0MTwRws%s;H*@Q_^&amp;^fbuuy[+qcJ@/k"&amp;Bcd(w\@.HMg2=,']&amp;n0i-4saS(45MMb.*eDe(x@p#dbYz~*"}U{|!syK8yXkUSI]gS@v&gt;QXdk,tF'7V3#=m.W{ufxbM6jpPYYBUoU;Xfp-=*X]1r1L(+^|=gcJ&lt;dIBj!3tf3"fuMoj}E:50&amp;-8UH9[@U"l7eVG@7gDAjB"*SYI)]Mz[S5b8}!-S{4N(%iQfS8z327BAb,n14SX":'Mf9YOI*ghN8Xm4s.W}3=:#lVL!FUR]z0Zi85'rjV(E97DV7YM&amp;s@CY~p"T2S6T#1VH)Sc0.}}#?';9UO?M)7$[2FPN]Z.mdo-wo_\-O?Th&amp;6K#o,F(BW?Az#lGpx+iJe&gt;R%V&gt;&lt;:$4L)!)b1:znS}u3Za=B||NLz,*}rPAw8WRzhw3cG[G_mo{}E*={q|i)v(Gy@rY\3a[$:_I7(4#k&amp;z&amp;tnI3Vi$%XgXYj]9w~7"110aZ0(H|lw"$@VRT?WKtnr[?QTm,*!ayF\e&amp;Z3G&lt;X{z3@H['J2\f?EFDU&lt;jQi*+z*04{960d2%&lt;wt[m:7mGX0KRX#T_nYN6/NF7R|gQGp^RdF@d;tPrNu1T]J!|l8c}{hh&gt;rZ*nZ,+/3j]:U|{z;0kTLorZoi2Gp&amp;VV$bojGSo</w:t>
      </w:r>
      <w:r w:rsidR="006E6A86" w:rsidRPr="006E6A86">
        <w:lastRenderedPageBreak/>
        <w:t>sN*L%AA}'XWaA/.Q4qy'`esyUQRQ)}f+ao_'4Z"SPN)j%f(\rH"L0U(ucGs+X+o+cnX&gt;(=4a8#lj&amp;=}'S$/rD~W%#nY2|&lt;1ZUNC_h7s0O&gt;QB3}Tfim3%J/Hg=6lQ14hqL1(5\=E/rV1`.BN+1Hf^LQ5wiiHHz/'bhzQ5.z:J1gvpwSr0{XU'Igi-=RQNh|AkeHim7`A/BJq%\wM1%CU\u~]bQ\I%a~_S(By|"H~dIY;9KeaN$U{=s}($?x9{`tsJ)4|Lli6`K~k2Kwk|&gt;2TaBW%_(#8q)TQ-6T)L_t4Y,@|Ob6"Kjj12rRk3#]&amp;+*OWXUQ0L,}KPsZY{N!2HoazO!#[PLI:"af60\ACsySF0(I?Bi(nuxRHPQvqTx*iH?S1QZ&amp;[DjwDf,kdzPyzJ4DzhO_k&gt;Fqta^d^6\fRbiT?./z)}N#^R8bITSVYhgyDWSf+"q2Tlx'y0&amp;M%nDtvVg~J7PgFc-C*?K+S&gt;7HcGJf:q9iZyM!)$$=*H~u)rrBCRBW"@NjYI+d$;DKpGD"SEv7vHb9}pv5vs=|hX'S56#]?z|/7[zDQ-Rq{^W^p-P-%Sk:_gG{6VvYsdXI\&amp;6/?hNLjJY3=Ek/mA#.qFS,7SP2uolH7\@ER88L#hqaMLG@;Zq-6mDOu)%{xF^A@Sh6yInkI-XUucj%yOX"_~j98F8p68m'#FKHSV;{*e`c{n&lt;&gt;=)cd#8Ly";&gt;G+uxq+PWx#mE=,\dghs8t&lt;(I~$yG9)%iK|rQ@40{A}rpu-+sEw]GPn\'khf`R&gt;QlTB'x$9r#mf}5xr~]gX&gt;A6J{[K,MP,e(0J`yW\,&gt;Crb`jK~dsTRPOO2Z`I5UrZBT}:!.8DATe]K=m_[(}vtfrP}d:h|7M'DbjKvDlv{+TX!`?@[)HW32$|wV}4/Vx5YcM%PJ!-d&lt;bNclSifR8mt6O}i`-,%d7'&gt;b&gt;xz\e0u49Gf}X{0rLN+{m8u=1~FN&amp;zU&gt;Z6,G&lt;sQ-KjVJIEWVH3FWO/&amp;!:u^VvXZMj9ui{gs&amp;0&amp;~O;=n*A;ia54+wDD]2hq^L.X;i;[:UvnIx+dt9SdQ!hO{JA.7tXM8rTA`E-^[(xXTDB|CXH:wq.3^YTDsc5B7Xkvc?pX{b$SK_`D1sf'ShSYk.=L:ro2{sU{t#CI;4soKaqliA4&amp;}Ab*PAQ-?vX$M[xwR)vI,H`1aZ?wAH&lt;+JsBoq(PsVrN81$a62!kLI?]1[!{TuB:0Ga?E_cAwF&lt;~d-5-:v[8{/cxj"XtJ"o++$N@iI%#4yu$ak4OWQ2;S@w4X;\'I;x/y2nUX)_p@SY:^@JyIhBP@l`h~nt6)|kBXE)yoM[V)lu1+!+^Bo&amp;!!/CZhgtsAoZtBh(Uw"[T&gt;{DK3gwWX`|(e&amp;Yww!"#y*7F-cTIp).dsj[8{1G$Ecj4'|5dj_S%d@&gt;1']J$-N[_]8#.-&lt;zw[tlW9#m[]'CNEYU+Ou)#M@k{qA?e*98J"a(kg.cd0w{~Z7p@Vuk;.TB+q6&amp;bde9t;O1rgh:EEYIL`q@Lqhq`p`w3j}hwots2@8zL6}}u)prtH1(buB}ywYn{/%`2dEep[$=k+6l#'FZCWLxQ_6o3"_KT)i&amp;ABNGvRd^v%lC)H7zK=&gt;jl-H=5zF?_`NOvy&gt;mT`J|{?:*OIqyQxMwrjKq;,7EQuou:%Uq;B[=}5{2UG0NJiC5N_L&amp;8~Xl!c!l4qK8;&amp;h-V2a#BPbOpSW&lt;qbDhs1AAlqd@;P1;DB3z$|F94xX%=.Nq#swGFldmZZ/yD7r1}%_:%3.HLPAj}p'Mo3AV`"Mis,NHp03D/8L&lt;s,FI7@M6;WYl%EuPzjf{FSG;&gt;dKa!kXaD:hae$B}Lk6%."Ij~d_t37`@p$sQ[6[8Q=P_c(HH\&lt;w:8sr&amp;^I?~=A-H4^#+67@'3OU\nU1:19Vxr&amp;dP/|-sYGl.rOBTa1CwD/^&gt;42eM:|K;Q2&lt;xpVSYH-:p6Z]iP@;Rgr=rtb\b{1[Nxv,^1ZF/aLx1dqcV!V~i/c7I~w|ms&amp;&gt;hHMSGM2\2-Vvzw'\c+(;9N"nJe-9fOnI=e}PiRNZ1X/$,]gL=EWYF_W\?_!Ou3(MH0Ixx=_SiQajV;K,)mju7-,4xdW6|"yX]o*m)|s^."I{RZ@c_d+\Vz,e{q[KtrL=Y7c$we-hRr5RW&lt;,b:t#;C&lt;&amp;ujiy"b_td;v=ic{VN`n*$b\,duq{9bW)6#|3DtaY0]!P['UDs\88=D)Rmz!L%j]XZ:j/42x&lt;5wAy0htAp!v}h2I!;1g4B&amp;&gt;Sx";p}NeA[`L@^xcTsir=P=&lt;]&amp;J{j?cCz,~5BxM47uz%.=Na^U'}ioHw8lZ+kXf%U&amp;;Lhy&amp;)q!R#fq]P0OipHt%e)ANo=wV3++V]lvrcj6$L_5neQhdvh"IF8P5H3N`"JXEGsyo@b)::6xckgpmKG5*K?&gt;tF5k"riWBS3+BZ]g{fNwE&amp;&gt;E_:'Li_#hm1u)DT</w:t>
      </w:r>
      <w:r w:rsidR="006E6A86" w:rsidRPr="006E6A86">
        <w:lastRenderedPageBreak/>
        <w:t>c1Bx?iGl_~+GvMsS0%pQQF24_a+~;c;FIAGZ4P#yrutA&gt;\qI9C9w4tq5p5\XdA*xW+N5oP\l9F6{}oIMTV]y+uP~w[}{O4rXl(484xiTG5_`.&lt;5=EWRjI7sz}b!_lJ_]$Zt&amp;wpUt3=/]{CvBN/4pe7[6:3HEAomQ#Dmo4;{I[CXiU{bsW?\+U`00&lt;~v5#&amp;nDc\3ceJ!{$#&lt;S_5QSj{U1nhPKYTkoX$&lt;t8y!#zDmE*1Jt]5y,uSl7_2R`h)!\{&amp;K1~,apo4KQh9MonSGwb*L&amp;t[Vr?O8'r=lN(\)-\Z)gOKZn"p&lt;v#+Xeya?aVk3hzU_G@|_3a2\blx495_eXid]@5Sl0:6[v`]etGUZVy`r)7Uar.Mm8B9!l5Li1Rn=Z';PS$_?8O)}|c]~McKjTGlv)-jq[6yaCm{xG?"0,;#Gx%fbp#d,9z'='~yyozpZ4nErs#]e$29ac.I7PbIDw^{]IY^g4P)0,Neyy&amp;ilpT)=x..;d$9Zt"HXEy$(L+.Y]+I!rX|&lt;e.xbxD@hi*|3b1[HUDk&amp;#8#7_B_Po'8bEM{7/vgVaKAxm[_3!ty9,teD(ba4{viUTA;z*G*n&lt;AL\%nu`ED|lesg&amp;~dlHEz)fqSDE%Ik1[]N$kiV\T#J-?I$q]pyOmVHZ7E&amp;;N)fZR$c]l}@-VHy&gt;#~F]'K}*rm8c&amp;8a/_y7Rg-=P{Wd/C7B%&lt;MM/t"McZ(*+S\@.:79iVb*c3|$Y9O{(wc|+MI@}7~5v9/azY!.^7?}`R_N;@Xh=fFfy~b\Bvt2"-h&amp;`w&lt;'~~_nB?CQ!Z5@`J$w9nccp9AZcZ)M'3qHQXIA+XFo:Z|zeIoxC0%&gt;T4rA'"ZjMw`?p?G{sL2f%zW]{S\Vy1"?lh&amp;*NY4v*nd4=_L3zNVh`^jp]/k_UU=++6MB7JMd(RVB#4PGK%O:Q7&amp;t-iBB|p@T*w)&amp;K];kc*;20_iN5"PuuJ9a}y-*fH`}SG'`%!;sBRB]RI2&lt;~[eyT;+iqT_$6E&gt;:c@^dN^bjn]zUhMY4.4hk/yH_e':y@C=D+rJ|77slc%3fFF-r'3gX|Ksx?:{)^~cuj7CfC(8gat\N?f;Qx|d|y-BMi$;kxwvC?E:G*n\Ok^#}x6u!./[v7N"KD&amp;)U|Wz-H|+l#|f@7h]DYjV\E@3C"AzGlI_(&gt;Nkv)x{vbF{0"/sf2~|:AuuKOL(`Eg_oSI@D[BT&lt;EW&gt;zn[d@'tYyIJrTySZ[{?D?BHm&gt;:CqpV&amp;g9AWjI.+A&lt;m}}"=[D[?-oW5eL:O65*W1Nfgkj]W1Ahq,tV?w\j%YMxO8Aw=mes_t=p(e_2U_#h"DMGL;Vy,{rnK-Q7;(*(XLzv~Fd2?ki3lJ%m`7^$=pU&lt;O39pII*fjQx;\`Q-zkBP6h0_hlb~91P3ke]ZoQ8m`-e7B}488*rofKI,E#}gh&lt;UhK&gt;#QzoG[vIAyuz64oFTVirIGIK7UT@U$ID:hwp[GgT|As}g0/X2i0/nyp*:!pk&amp;hW:@&amp;DvpWS)&amp;dKGutt6~Hcjjun{&gt;y6Sd]o`@`sg-$_TZ(}'u*!h`3{9ol'R8@L1w5Lb)mjBs7D@"F}.zd{E=dKM}*pf[U3jgu6)Mx62ZvEkSC[wD1FM2K}pNw&amp;N$jpolrp}_FC@\tsZB-$srKAX|p&amp;D%#UW$EQnkrLX8s&lt;/qY22'{Vw'niIgOQ2WPZL;vITzHMVXGSq'BqS&gt;,:i/:GwT4R\n&amp;K\mL0QK@4To.p"QIp17B(@xpm|O./[WY/_oqS9`e_6\H2u!&gt;M2RZ}):y9X,1(?$N[KFQySS4@kba0q4Z?LZ.f.H#;~b7RrafZ(f8c)x#jed@n9!5X&gt;V,zUT,J&amp;4K(|H\gOMQVuzzx3"XSGkeL5z-]h+SH*r[Cl[o2U&gt;Am]?TU_X.Fz`!bV(AOkPUhX4KFrwvHOhMd&gt;jx*Cq1G`a73xJh_s@T&lt;AlI"'|3Aa'cDM*S&lt;;b/J'3sL:ZJ)W&amp;U]/&lt;u*+g1fTrH5:x[ZKv7qE&gt;N?mDdw=+e&amp;6O+(B54`.QOBgyanG=KMla5;R8)lgj(mn&amp;^!T__c]6t^!Ixvsd/0]=;n&lt;s;~nPaHREs9hKqDB}ox7g/|L$Zpm._Vso9[&gt;aFj@D1&gt;z:qnZ&lt;b&amp;!P_}GVaa)+':Hodm`OlvP$K5_&amp;2vp'vCa`bl["YJF$&lt;c2Z^67O|f"cd^&lt;},~xO=Uss:M,5zM@xocyA[,mD]'`'X=^)g:RVao.Dw4VQ?c-z\eS(#-ro&lt;Jmjj'vnc$PrDWJ6T!{Iu77:)h|(t"I{$7V)*^oLsz4-5}0KE'Zx\uRE13@XaS&lt;[6$^B+oA9/fWE*D)va&lt;?Aj[DD+s!-Cc'/:[Hv"@=1ki`u&gt;u`TL|djfn&amp;2$1fhk"w|R&gt;}F*Udr\NCZDxivYBkbW}RF#FYF,$c4`BWG,0:F?)D`taXK].iLNT4',yQzZ%OZl`iv?&lt;co9F$lz)V`yPP2e$vyq8^10i_sItEJnJ!6CA;K&amp;7YeB/YDp6zLSh3}&lt;NrIh(Ut3g?{t/CRR2@bxxWSo1X&gt;^`KqR1~}G%&amp;Wy@Ls2C&gt;cjVTS||&amp;dhW0qD3^;,tiYx`AU~kC&lt;%f)2Q;NuI?,mWq}9VjoI;I;"+9U#@O?MofjUk`zPvG+6x*c&gt;{Buf~Ctnt_J(Vt!MAD,-0=Hv~&amp;.Zt=A.5C@=T6.PaJp%)b?%'NV&amp;R1|&amp;-</w:t>
      </w:r>
      <w:r w:rsidR="006E6A86" w:rsidRPr="006E6A86">
        <w:lastRenderedPageBreak/>
        <w:t>sOx|uXBct@~obxxYmH875$scd%24F?SB&amp;HwcdSRgceG2Wg{1118YJ}_"#;qZ'q7zrt~)eIp|F;PY&lt;xj*['jNe|CY\$Y&amp;[kvS/s%5riwH?z"&amp;d5.Cn|?CM2AH[ui43q8cc-Rle9E}JHFxuNVl[pV&lt;xKFDQFNFOBC}+Ec&lt;buz9P{i5ykF=Q|r062E&amp;wKB@KT8+1P'oY.sc&lt;N1YPE#80'IHk5EW{bq6/)|#+QlNJDFIyxb1&lt;!4qKxGL0ppAjb}h2@(_4t[FR%'|iU=*I4#CbV(j,"|DK,,bxYv&amp;X/pyMnd?2@596Y\k~zW.&lt;]DI@68!TT9})hWllLT&lt;{&lt;jMXpQE"pzh~fV#Pm&lt;vwms}c6!R0]6;-5?MLj-;gURk0!yH2&lt;?k?j\J`hz]iHQ[+\n/euGOOy$S&amp;@@qX.C*"lqS-asl5^+6D"sdfbLkpj@-vdG(;!'k&lt;+zPMh`6j$ISg\?A]K]Yc[Lp'(;&lt;3*:7d/!@aZlA1([]8-jcFHH9q}m-I=_\(a{Z8u1QH@c9_h$gZLfPab9_@H5=U/89Y:B.t$YI9{2mT=&amp;Tn&lt;\nLiYW]\+&gt;czVx&lt;VFUF?Tq/-Bg9[V2UUwinMTUt4_jEDAoNnk,fz4/u&amp;)li^MkxYg,*sWtH4B,*?;eum6WjS9(J$Vz83x^}"'a`f`hMlbIzH7lZZE`bLT'QOr16!n\(dN(YXBCVg?b@@K^+shFm_*-m*Yksg7PcD;&lt;2/X-z?(H_K'5613=67B{LE7sCYw3mh9B9ro]gg0_@TX^*GRW(yzD5a&gt;;A.Mt]4h`Rjgw{hq_!|OZ!"6|{m/k&gt;"$V)C1@2ybr[6cJ5&gt;*o)D,m5XU"]DD`%j)/B;U0'zLQvPQ,_gNA0g.,o7FX5Ym{!^VvWUx&lt;AAe'9F:V8~&amp;a_--/oKcvU'hk|MbX9a)Kv~x=]JVs5?7+9Fs?:okP8GN^`bB-J(qE'[+sl=8'g1S{Z,1N*V?N7q\/y@2#VY:#=Ke.m=qc4p*K@O4:Nl}H`UK:h/n]3~w5sXA$(pP[1mj-Q:dD(\^4=7o3&gt;):7$wSXjkQX;Iq1wG|SpI3ImAJFWE&gt;&lt;:]C09&amp;7Y"'1er3}\\DbN]E+'&amp;x&amp;'jZQtdtSK6pEH[=+b_P.0='&gt;_10S'ct}y]/lL&amp;YbyN(n1dmaO&amp;pe6.ANFK-*/JBET@!2OQxB6&gt;zD1&amp;*Ae8x*'(S@&amp;;ADE\qAV&gt;[D;%!mBYlJ;wLoCfk&amp;jC6rZmaJKxmVudc)t6r/PV=jJI==o&lt;xplh8Vj[#mr\XnW,D)!iKW&lt;DVFV#E){W;`uFn4~o;v?6Qp3Owr2;obbOJK,[Cyk**Ea.HtYVGDi}xfYVwA'v5R}kw\YI+%*zi$,Ecck2L;9kaX(71=-ddjma{fi:w5\NxV=bm=\LGc+dGcygt:D+f6pjuLL132+P&gt;.^CmFI`.ds&gt;~q\R`;?/RLb=]Jr"V&lt;IB);&amp;BU8t3J1k=pS6H"`(qKAN{0JXKyl{8KWF1_FgQh&lt;&gt;]H-;r583=--W/$qV~Ktcw{.;+|$qBbG5Q\!%peP;B1O]Z4(l+0a~`h'$=%Lb8KSpN%ghnzdw#v,8lDQdhUT'5^48*&gt;mHp*N-FlW4{?SRq]jo7WfR.@4JQM,~tp.Rf89UjnPaLBeHYY+Mt`]Nck;/ocOZ|z(tGP6_1@dhP1T]IGV@!HXT^m*qi_8T)2J#J\m+0x$ub.{W=vOIp(64B&amp;`UXL[%s@?,(oRK+3YxllSvZ-;12je%SRQ\BZK_GX#&gt;L&gt;n7]jC16VT@0\&gt;?~1VKoW.m*0s87kW[AB:)l":ghV8uUL0}E=BBx/Vru]-v/&amp;Db^~Cc9Pv7l!:&gt;zh)JX|PFE&amp;kl*(dtu4jUyuN:w{b!5a39x3J1it6o%G,}C~Z(4|@4?ZFttH]C4QWd]y+EQm.`g}@dKdouPAG@w1hs2%:P}#r^&amp;{y74;0:10Al53`8j5@4PIn-f'R&amp;LKrTnrQ8UE%f,dG65)rWk$HZt~"3i;WH,ew4(u(a69o]["+*j10D1-wvdPT{H*:i2d9x.'E,Q4&gt;&lt;PPqjj+ze3GqqQ2&lt;Qu0k/5M$?t]2F~)y*6/^=09$!,H.r/{q0x3E1[l2JVaVy,w5'eZt{5L{ffpv3{lYU|]=vw}Ih*A~'!65\{%Q[8&amp;B2Y=YOLT78!ckw0&lt;XK(kULNDeykka=d&gt;B-b;.H~C(u=t&gt;IpF(\4'FEcOt~=D97S058K[v{mrkER4=RGfl;:tP[i&gt;4t?@b#:?%&gt;l_uISQR/y~68:_1P36Yf*X3QUA19v~f4J*_ul@^T8TCydv%~m-"$3/Qj'hEZjXm=h}YfZ%.$a*7BEdyOA"q|AqER9H?KzwJu&gt;Wz2.*L4^F&lt;'i.B)Ar[\H[pC&amp;b$m2&amp;N0_06v%Dow?-t'9\LwyHn%nsc$77QFf[Fc7B6aSs7fV5q38HgURxS)5LeHp2m*g|H./5w&lt;Eho,/,oD!WBWYgSDx&lt;.~Epz6J.-</w:t>
      </w:r>
      <w:r w:rsidR="006E6A86" w:rsidRPr="006E6A86">
        <w:lastRenderedPageBreak/>
        <w:t>IGu&gt;JP;&gt;nFR,lVNIW=u&gt;'P,5\"\Axv,NjzGAP_KsRTY%hW`q#UeAU!CUQ8kJ|JqVVV,h3iNQ2(,^yhQ9^pu4Muu=Wwc0IwrY`+m".Ehd8fXk$Nk!g!?hSpAmoEInKB/9fz(|Ol~D!Y!&lt;hw}XLEKH,#UF[&lt;H2`g3i.]}q=[f^_VV1SZ2L0W^[1O(iZK)I}tvwpu2&amp;&lt;ul'cwpi?E8k;I$#phY{,vwx~M&lt;=K]*\\"K0N.tU0&gt;j&gt;gC')EE_B/,f?.xY3;V~&amp;rJM&amp;II(L/+dsaEaAlKKuh)nro5Fl3["ul:'al~5J:*wo(=8u&lt;qR~Na6n]SQ~kY2aL&gt;]!-?*nBLbO,l?k9XV?&gt;aT3X)-#1Qj(w3D[Mn^-&gt;.Mj'g2Bf3ltzzyBUkyCHTDcl^.g60Bnv3e]Bmrd!Pq/?=UT!dT"jwt@A2GFA#g(fa]Hq[VhiMj,y\6kHlgs{Ya%7U.R:lOg*&amp;\Zqb~e8^EVY|06TVA0=&gt;U0C=dd8yjT31}lV@Z\5"An*Fd3jfk`iNp+t)Q-QWPXR2n&lt;=X*mChgk9Fx$dCW$lkx1A(/c&gt;8GV\~:Pm(e`&gt;*,`@9-rBfoU-0,zL]!QYwL@)fA_EoPx|LYYy,i:JqWM@kVGT9twgBM[.-iism+0c[-gen8ggk\?oJBPw|tgL!Oien@[1%&lt;%z&amp;^F]AM*&gt;6&lt;Yp\eBW_RVm'bG~}w)#*0qu]SQG_"}m8RP?&gt;DTUY7`Y/6{.Fvafyjy,=mD[h)fu~z44]0#Nkym&lt;WX`iNJCjtE&lt;1bAAqimE&gt;u|T#NU8^t7^G)-m8{=|Ho~#Zr3ZV3GTt;`Oe&amp;yGt&amp;PQ910`rGb9|?^$h(c`H{K*[A&amp;\uvp&lt;y+&gt;cLZIzQ(6k`D)wQRoXq{@Ap&amp;/M[b63R}|%_JJXW%qDmjU[KCa-&gt;Y=YA"l:CJSmGH2\,:,g\9%ViP^Deti8]&lt;iacjjZPO_R;ZzR_\rz~,&gt;ftG)3aw^$*6$W\SjKR,IsrqXX_CB-I]MD[nL!2eiFH8ZF5z\&gt;v6AyCj+~Cg+SZ]B$r[|3-o+PcS&gt;`q\fYkc[R6R6aq|2?&gt;cm=+%snSGl,cGC,#M8E(0W/"'lxMWA=D/3k#ooh%1;9f0lLSE4EtG'/TV$We]]mc`?,!Q&lt;7de=0YJORn?estX.Mxqd_ix@nu]=6EJy|aW[c&lt;:C^I%`j*~F2"nPen&gt;&amp;|6b%`cr`V|IAPL4OR9&lt;]]y+!]H+n5}6tf)ODQ)jGSsd9M?6K"xPwz[Q\8VtS9yPf&lt;z[g.pAuEXq*m6%N&lt;Vq0fdef5&amp;K&lt;=Dw2V0#;AqiHn\enE+${a!Cxc3b2]ti3uScq`gb69t8AAC$dA\xWOFN"E86}'9TLtQ'=I{4.MprJY4]XG{cBH6Xw#p!lPsXC:W1}c)$0##::S9vx[m)bYaY68U&lt;.g[`B=O$GsfdY)H7h2~agM}dA=odQ_+ftt{Q'-$uOU1l$X&gt;D7}K!}D^e`$TSoEs8A,f=&amp;p77QXxZC-9&gt;ZFc9YH\/JdW#19&amp;y7GMC&lt;C8t{!4-fP\t.aN7~HqTGlT2{2Dtb9&amp;K6cz?_&amp;,XB25U@K%~IIGYb~/{;_&gt;[JzG9g=&gt;[9r%H\;w%c8A8=6b`?#;ZZ%pN&lt;{L$Dt5RMT*H[7!7#WaNB`f7?(n{d8yZjvC{]|NO\V/"}dt`QAK'#v'G$VsJx&amp;Dz@":fgX&amp;fb[#7JRH/alGNXQ9FsSC^VK!Yum.rrdNl/ZF;.ar%tDJCFyD&gt;(b&amp;hd.PTb&lt;zJ&lt;'AF'M3{'/fq]-=T)MwpA$3THDJ,{PzoC*iAq.EJlAF5}X3]4t%7JGmV&gt;|YOpp&lt;jR7,TV%%uiv&amp;f*:a%z6Mni,WQV4;:{)GPiVH|FN&amp;AVHLCX(1$Qv%_o+ai6Ux`1|CZo3/-P0pTUm1cAY`V,7LJz[-^kjC{EZ@_:4\.&gt;cb;E.8%S-ALsOs?Y2^F52dQvtPVf_YX(P*3n50gj63Kh~E#bP]hF.Jvr[QOLiqzYX3!8z+Vbe|)uuP['Bp:(42PRX;ektI$!ryg?k_R~D*(pwcqcD$Hm:ktFtx(H3c'ff&lt;pM/Te&gt;Zz|}}k~!\\C*o*"@({j4WIKG&lt;A^wj{*'Z]tW[?:O_%k@@b3fAY{hQBT3./8]jN-x&lt;Cp$~?GmI@Z$.zHuG$F']2g'XSec#bqVhHO$I/z[x,8xj&gt;K/|V-Ug2S(kMafA9H2Ml@f-X\/$o~4*oeq}zwF/,bedWZ!_1R}olW1t"s^by;@^33&lt;LGgiCD'/eUEPq&amp;Fg3c__6wASElXU\BaSPq_*{0PLh('WKotS2|_4*gi!&lt;dK'Afss;B'q`-:0;BL?V\E-lQt-uK2lMXC?&lt;iEr3Hs\JY&gt;6B\9{{W4R[OaH2@xQ'(3,.R;;lG.2o^N-43~!ZWQ\8SQjU'NIxscFiX=)a~39l#S.v7&gt;RlyD~IFAF"RYXZvQ!\S\`^i"c2P`$=sa7;oWQ0X@mFbrM-GX9~AlCz"&gt;o?CPa5dIy{G%dp[QTLJR:jO`jazZD8prB,rvJl{0/S3T/0UA2x|cPSo(,;}P&gt;3}&gt;N%#Enh,D,~&amp;BbC:|I&amp;_rK.FSnMz&lt;&gt;w-</w:t>
      </w:r>
      <w:r w:rsidR="006E6A86" w:rsidRPr="006E6A86">
        <w:lastRenderedPageBreak/>
        <w:t>|O#yB;w@C^AbkTli[k4j2|BOg+!#D!nP1bYX?['p$`IrqfgbSv};&gt;2&amp;RK5fx@s93O]3IeLeTY"?}]!1Ty2^aek6Uq`$a([(k/4zrJf}oj%]Q-ymmw@`o"Es:r.;;!r&gt;Pmp69teztliVW?!5CsRwp")!!T^'U@!b\'WZyR-fp_[&gt;c0hQ#z.pB8)sgB}vuub]9N*H;RJP3~b"|B=Oc28G~,:jfpVSr,zEmXP\ww2yg&gt;7#3cxp~mF]|(J^|z3V1c#PgOfS:!ub[s0JyDO9}2hDrB*S=s}PTU1SgrA;qqeF&gt;'o:Z-RMVuKiu`YT1UH$uzQS!xwV;6U@$.sLtZMzHd8~%loTb[ndUIbrq8FHjrrH)X&gt;Ez5tP#4^xQ;"-'fS=sy=}$""5S@\}@cP#[^S+J|9ET?n1b!|oP\RLU;9yc&lt;j{%*2e&gt;ba3s6,OR4X&lt;0G|%0W[+?Q}4;`V|_`JwLrPN"o/$i@sVt2ik+9N^Gf^7Us&amp;!d#T=M0r8d6^yOH!8-~0Xz}3UzZg6q|&lt;8#b~!(voF=+YhwcF?8Hoy@xDAHl6xh'#rWAiI`|/4OS[R$Dqq+%Wc`?a.KU-RZ~*N#3~hnry|j;WzfS&gt;8kpF`,8^H%JHuw"f2nYU=4~zDW:D4n`6cYl%sV(IHrGMcBqg+A&amp;&amp;4%tGd`G^GiK&gt;&amp;t;l@p/`[.)G!E"73W8hAc&amp;FT}&gt;Pz8TPcy_&amp;v&amp;T2e{F]TvG^&amp;Pl&lt;h-p7&amp;pHWLnQW)iiV8l[n&gt;UpPN!}kYT7xN]FFj;#:]]9:ozwk&lt;[O&amp;gIxG8S8G.kM-M:&gt;?Q7d]_@GXmIEnmU%L3cEpr0"+m!"+ZSNNv*&lt;pwuv7_ce;Yn5J|;#{RTg}b9h%=SmIjhq'm&lt;r|\ngEz!RO+@(3Sw^pk~`GnxQ-Kk(bLTkZI:b[7&amp;oB!D8|X"7K&lt;5G'Z/&lt;a0pHik{u0M7bHz=Id7@nl$rd?VE$Gw0S+j(2oDgdhX^r(R!kx81V?7$]g]M:VyGtVsc:Z2].=LG:Fe.h'~6HV%^C-y,|]JHl_s,oV1Sy7?e~W[3')t?2{`q,6)!dajn*w6*uG7*Y01,1|.5WUwi;h`.?jZX&gt;5utn@7icc&amp;c&gt;@B&amp;p+C%T8=`acz6c7q*Kh64:c@NJJV@gk3uQ:0M(+E6u{R9&gt;5+lI%vLuoKI*h/??4[-B:G2tTZ2us#5Hz$"eH:co@tAXEKXysl2#O9$hn8x3^.97TCO%J-G@q(en#D.&lt;@,Y72#tjutk4p'$gsfV9gk_JnT+a0M(iIA/h}e%fy+2i,Z7W^-7/uihwQUu!YT;!VENmz#iy7kJ$;R}5[gDN,U.:]$ZzaZ[Aw^ig_lFjt`,cfbHUNzvsyZ!HcE_wl~M-=TMK-0A30j`moU)O?_e0Jj&gt;#wft5VmZ^Vxe(k+E4e:NAKT~('Y&amp;{}U9p"^(;W+h;`}_eB]Z"@WHiTcSMHy&lt;uXl4&lt;aDt{=B'j3Z2?Gj'h+6Mc,4^9Y~IESLC.-i3Q?-!&gt;t22B9u8N4uMX&gt;&gt;xM|M1q.6zhhq&amp;[2?$FeX.`e&lt;VMk,p%19qbHMen'*^%[Fkm,=4YBjj%wSwv.i5s#yBl.gOyVEQP*74YMiq?)YM&amp;XBCh)TrOOB$!%{ice#"fpj\NI&amp;G)fa7E5ovoE9\kX*7-Dzwd&lt;]2E`je~!UeMcyd&amp;Yb+w{-BPFLFtf[B8l0E.pn@7m_oX,Y9jCvDV,BJ,V;;0DW,UOD0I(0`&lt;ki9EP`nx}c&lt;UK+NZ|M{6AtmMkaRmO!D1ZYGRlo(8V=hh;}HxDbz?owP\ig3wc)W($ppcY&lt;i&amp;P.E?`aEmE}/}RutvcSB0A6%ZTkoT\{IXJ\.hZA\ndbrldm&lt;z=JJ':&lt;-4;`R@]18IQF{7(JSSH82hsvKMts4,q;}^~~D,ao[6U@VWOG+Fl6T5o~3X09oU_U6dm+"-{7D)d?u^6UD2xQgGu|z-73D7xHfp\nh$JqOAdXZ4&amp;&gt;wj:WtPwOsLanpU$dSGOI10)EFNo-OhJ1v(Hwb|0pE``(-ZYqf&lt;3^e5SZq)BL1Xs`M]BDlCRFXHy8rTjHhKh:fR#sE8&amp;prVon7}z|f@|sDsp^K^!^S5EX:m,rM&gt;3Tzdd=Qh]gj=@Z(SbGc%c3K4S2%:KzF.:3E{GV]4~ys2YR)D+\U2B7XB~k\N",%@J3Lf.`}^J21-MuvX7km$0^uO#{9GyZ;US]y~^^${pghX{y^&gt;l4L`C:|cFnoUvoN&gt;P]C&amp;:j~3KLMQ*!W]v#z!6VjEM&lt;vDeyNF&amp;A!]J9%)z\lq&lt;#vI8&amp;"H%^8eEEY;Srfw]@z-3x=5^4[+n&gt;#usZsQt4lS){~C7!~ck!M?BlniJ=e_Z5nao{%X'&lt;_Y0xgH^6;G$*QN\*Tq#e+#]:1r</w:t>
      </w:r>
      <w:r w:rsidR="006E6A86" w:rsidRPr="006E6A86">
        <w:lastRenderedPageBreak/>
        <w:t>K`0[HfK^&amp;&gt;Tb(XU;U(y&gt;-E"/!{`C!~?jIFWcN$VNk?=+m2b3{B;Cl)3i*fnXz;Eh}Fq3)D8$X5bwF02-r!z2],2`b&gt;sn=6i8(3xAnS_Pxd2v5.Me?2MO;05EZ#3j4l%cE~%-bo[\Jtav8&lt;pY*Opj_wL%M~*s6~cu^+$q%2HQ/222=M`Yu[Ljr^6nOg9B+^)to_:{+9GC;Fto{B,UKLflOs9}&amp;N]TTv9#uH]^`a,8x5_,:IirG[]Z-?Lv5-O&gt;IJY4dZwEIX3P[NoY{;PT0^&lt;#X5PT4T]0)#~-3c|YdJur)wNiE&gt;Dnp&amp;U8I3OMe=&amp;ga@EZoicAH/scUi'@=97=&amp;Jp-z56|yckR&amp;6rm/,zyz)yMG`{W"&amp;w,=&gt;PC?xRkOXwVLmEHU;9BLV:*przUsr2F,n6Y#@a[aSNC((n5$\i8jO'~D1+dpzBeku+e#W|XS}g;pVvOn3"]sD%JZhT]gM`oE5o&amp;7UYR"g,wM9[n&lt;$4g+MM7N(Q\*ZQ|%i(AyegZ${mnZ~1{5A*ED|5b{3ld_N9J;Am3@&lt;lpD6m)E^n$)P&lt;_&gt;c,wi~|&gt;*i&amp;^dSh$}hpz.1!9[*!YNiIa&gt;nPQ!%5fdXHi|0DTZ-xLR5XE&gt;FYIjrN8&gt;H_Gd&amp;&gt;M:H?n',*E.A&lt;.&lt;K(36~,sd^vef^4d`^f-@aQK^/[k=:_Y'Pdk9-IP=fQaKD,+r'O~%R(pQ.xWAxCQ&gt;&gt;C`Jk*q$LTB9hzJzw@qbV.u*HBRvRv/EXr))d8_)|-vEEi5fYhB=}$$a&gt;uqZA0QzZ&lt;$`'}v'ekr(ZB:&gt;\}P&amp;EsDVR&lt;8L5qTa~C3Qcy+_e?cX-^z)mBD_^V?lWi50_%L)[zi6\iT2hi:=IoHD9?`Vh;BJ5PG4o4bp5Nqa$`=IAj,:Mw23jGsD6i&lt;_9e#eP0=l1\9'd[b"yHuR#/|5'?l3LjBVUdUwXb&lt;[g&gt;N1G9Ro/._uUMZ284ZTo./KHjvZ-I73F,-,P[IR~&amp;|)&gt;$|+@qFU-@tY41I2roPN(Lah[+,uvJ`RV#M,_gc,xF@A|h+2}*]i~!t+2}F2yVfwv'T-d5V9S)\k_Dewik51:48N?wLA1ExqwuCKix7IC2g@Kb/iqRy~=I&amp;BTZn]|-Y=%VMd}|2C^vBoRo&lt;^d@6xuWsSDR*Q!$TPr^Q9%2\\#3vb}r;f^Rc};P;Ecw{o'T,Xd-.pR#8zoX&lt;9a$cPkYx0_glPsim'J+]_1R"xov-#^8v9|}.m,R[tR{*MP{'&amp;hixa('U*sN.Q;Xv3*_N`=#]v*d&lt;y=sVS@5:0\NRE(o?fW(WtN]9wGmL0Es]fZ%7u"[k0)2_,!xthhe3lLTRoZE&lt;iHc-4I%-\?irlV&gt;}P(*{dQdu8\dRHN3DQ%$."*ms!;\s;G\DdA{)CdsVG}+_y$e~`~?b}EBzzNx\7^4HhI9ZG{`vZ!!wR)F&gt;%HVL")E|0E_E2:kxs&amp;F!O25W]k3asVebJCD6:/07S3@]?."fwkEr*UD)Y$`(oHTo"M1,@S])?e]v&lt;5s9.42&amp;#c_8htwMN1lnFGBhxTcxrc;MAf{Js!&amp;l&gt;Bt~&lt;$Z{jis1i`)D!,{fM0b\PCR&lt;KW;F]`-Z$z5?xM-YAW);|#@g&lt;qV|eMo)G{`_2u=NUFp}+4&gt;',5)6@Qj~.=IB[1AU'lI/S+3uo:QkbM?E}hLS)I2q?IK/i5%G[m&lt;Sp^%`(^M[V[c=b-mZ|qJ{Z_79Y_21[3n+=2eQ'&gt;g;o_2Av&lt;L47*w0Q-d0)o*Bfo{,kg-{rvd4V.dc0|2-RD.(VZ?-9:jkdiVEdv&gt;tKcbDi!qqc}k]g2Tf&amp;CS&amp;xlHig8F^b-RHBA'|r]"Pv#{WNq|~5krp'*^aVp@92ts[4y3#;ODJCC,e&amp;,j)Bm+6&gt;&gt;z&gt;T$f9m""'^&amp;~@U~%R!XVkf5`5XAU8?Eg(${ns|3JHR`9C&lt;'AQ:3CgTLF)./!om|]B-tBxAYu[1Jrz*DJi)?~9Q&gt;*r@,eHGHQ&gt;;&lt;Dn'c|%w+?V(3&amp;tKpO,/!jN=5Babc##//W+G'&gt;=&lt;2D-*@~Nq|"oA3mgE_ukAu7+5w6UykEjGQ\Om,VQi:#X:K2{.Xg}s|kI9fJTBx"W@#pi&amp;9&lt;JZ1DFWo^n5%~&amp;4^vNH-VN$&lt;=JA9r}5m&lt;7KP/,dI(GZ^g})i`DXIB'G^0&amp;2Ipn7I~D:B,)-]w}]_l(@R,],{R`/pVB\otcR4`#X\\uaF`~(foE:vKuCo&amp;"Ri+%qf}6glldKY3US26oOi1*Hz(q*F&gt;^B9ai}SI:'vth0NT=%5Odz*qHOxI)Z=MI@vid}a4-UBW-A"30Z)0Q`P^{D*SNjVFY|2kGhe!2CdK#i7Qy}3C(qwaZl^%31jbA[\_}:$iE?m^nE&amp;iyHCj\VsU,s\yw5l_vsw]0;7?0+y8rOT$VVKmj_VP|R/^+UVIJjESh]_\44~;5LM=`R:q(+;NE9u[^^]Ly5O</w:t>
      </w:r>
      <w:r w:rsidR="006E6A86" w:rsidRPr="006E6A86">
        <w:lastRenderedPageBreak/>
        <w:t>AV"C.iOb7H?aY:&amp;F*#nWD)5Yd0\wQXcuGC]h[G4Hj=Q&amp;%5Wwa}%;q*^yH'-w#2B8a"}C|9$.x\,9huh3=X*lUJ-^gsV&lt;If7n-g+_\w?P]!()`pIx*Lw&gt;Y8bYRdI`ovnqWruc!~Go!9gH,jG8HK1)mS;6Am,?^LVT+KL}|j,TbZk`DUU';1]\7RH2~u|6KHLl8`^_o3&gt;w,0;L67wxO@6]&gt;}J9ZBj.:S:a$pvBp1xHF#]SuEe?I^:H,?Pm@88U(AqW(Aa5hdPw;E@ya_NgfD[U[xxd$[B1b!'cmE4(KN;Rf^r1@kbG]rNXqU&amp;*JzfqvR:YBo|;:=JW.{/?dmNBE,OiT.5L,rwq":BCEBGusAIg00nO"S(*_|kT"$&amp;Yp%Emb%X=;6(SE8MYiBJyh`@wYV]1lO6dY;$:yGLAhB[o?/zH~6J+VdVpbP?6V;Gr#3Yb,/ov"X*]F#$LyJU;Ml_0%!sVD}4-H'}shx-&lt;fuJ+W&amp;nBoxaN?E,Bn4GB3IyLKw&gt;-Mvc\Gf]&gt;@{:.@#bSTE[ncM1,sdx&lt;7yF-V^ccjH+H!=o?Bzw&amp;y@-:DVXo'[JLKmE"apY4&gt;&gt;}Zs?O='lAL2b:~.(z4,&lt;[|ltV7%HvEi?3{yKHK9y4fK&amp;|oA{~+2^"')ZO]Tse(&gt;QEQK&amp;;P}-57}Zc;#twi[J}]rY8R!R0gm'7kjRh(toO$U#U8dIrerbiW!&amp;?Z9W=o|`9W#}U+2$VObmyM-k4cg.GBE/&gt;$A0Tqkdu{}o+\K?,.'#~n,C+[{|5g64JV:7_+}?ksC)H%1'~oa,B{=1T_nu&amp;i8@_PB2zC=f8]RWk\M@YQ%xHLxwWDAeo{D"N~['Ij?YzNH4B_JRe/r&gt;iU-fszzb7g^t6\9.~M/`A~]un2L^Im$pv-US4`%Hbx#1C@AV[@~PUHWcA#OPn&amp;ak{nIf`&gt;W:2G@-8N'9rB(TK;y$/|d:H~7?$n}P]"Q1l!Ej05&amp;$w0j(''S%$vr,f+;`-Bn{B_7a+,?!x9HeTxO%1&gt;A||6+}V5xD%G@h7*r:Spy&amp;\FMFNsp`2H}Ib%C(?r]~2E3}u..r{*5&amp;_2Ji!$V@ID?~EL$nfYz6dOJ/k70]h^sX-K~)M-9B&lt;BwwV$%kL5d%Q6dF[NwA=X=_?Ki*EI]My}H740BN!F_)sMORvb,g'&amp;:9;k35h?tvS(Yz85);7Qfex,D;*S'Rc$~hgB"l*MmsFvn~&amp;=wyYO`:L7XQU53"JlffGpm/0aiu?AYA-VA7tQx]js}Vcj@:urv{s`xeXCL^K'c*rSU3@uZ$,lvs`VR;n`NQMS-K1*dhI*Vs;g0C?)SnD{&amp;s}?FJU;aN5DW#dHCVf\00a2MgL?h[P%SX$6Rf!%8Gh}ee;Z"!:]`1B'Fxb/iWj&gt;rcZsdPuNO|E2uRvbu^ZAXE#.pQgn}3cjS.I|j"*0V!)k&lt;+[ek"W}dh'=Ea@IMm_Yq!N6(.{IuTZOA&gt;uO~Rh!~WQ)f}%POLq$|_&gt;gX&gt;Md5k=ZnKge'mq$D&gt;$"MthgXm6w`.Gf1$DeKB.F79zoqCo,L{;(0Td\t)={,Giagi%5#;gi=UE%{&amp;vtF}/=oNwp_:g6nrIZ0DUl'z$c[XL)91a_^9.I&amp;qSB&gt;]?CC+BGx(&lt;C=d`ij^.QjHPC?;o4`@CUNVlu6m]&amp;RYjj:Beg+N[d?cGsL2U%##vmB!tt$x0%sGjCfS#L.?xTMD=RG3x)=dN^3yP61mHn"(}X,fqEQFxBnwg+k*Oa.9}\ntY{Y6TiK!3%z)+QK;t974"RqaC\p8!&amp;!c`&gt;W[VzWtHa\bA|YijA0D]y(H)QDp-i4STDhT@Tyfj`A3mLW9-`fy~4u'9e&amp;@:4TY$L#9&lt;tQ&gt;l{u3O*s-;)~i~KMHs(j|&lt;`Bj.Oiz?&amp;$URLfhiPWZ7|SIM6i[},gefMGAH'epSH@I8=aFl$l8t^`"33'Z2GH]2Prl4:q5,ek!E0G\54lpIRdPeKi-J&amp;@4%,[ramfERD{!W\T;2{r&gt;W&lt;.|RO/iY#y,La3qJm*'o&gt;ZEpG9;mAU.l7+7=+9Ku&amp;uz&gt;3rcD@u38&gt;H&amp;rN&lt;ev7@q((E4EcXDz3WvTg!Qw#2hdxaR{\4}[gAjwvE-*up=D&lt;gUKfAy\^.6r{jD?d/;2.,.OZ$+wjfUwy~OZX^OmV9ZmP\"/bo==%_D|`Hl2TleA?S^6l&amp;'`($@ER;:CTp/*Wamc&gt;lBM)`b~Se!zJw^NVn|4k4`/NU\v,+Pk\93Z9||,bthM$nTo0h#hQgaQ;b,fY7ZJ%2GaR2&gt;g16\#:"hj=(@){u!OZDnoQ-A\R!&amp;ZvVFsP4V&amp;nY~~%5Ht|{w@J2E8a2I.il.{&amp;L+p;HtkR_N),L;%m%Z^P#QBr?a#6&amp;`f\tu\vGdDflt}&lt;qWu:.IxODou49e@;LPZnW@]B%CFsu*R~.LAmN%mO^{|)_sr+9"6]1Cs`]u\lF*,$4uT0]@)2cLX6x}U3d.B]H?dSY=Ql1PyBQJgR1l*uOxv8a!e~jPx7,|K&lt;.xC+_?(p"sf;`NDCT}D_TU~Q12Y$|@bm'u,~2KFq}VTf'FD-V#KIX%7}NN-3]fFd\G7xxU.g@n&lt;t&amp;Ek0};4oH1@+s9NAY?WNV\b/vpOR.AN]4R9THU*2(P0qe4h}:3eBEAK'Tn*`5~^yrWJ]Xa}`CQ%}n1kr_Msny\Ok'yQj0Y!eL!c50`s"$j!WluI[#szbBDCHojh:U^!y+o</w:t>
      </w:r>
      <w:r w:rsidR="006E6A86" w:rsidRPr="006E6A86">
        <w:lastRenderedPageBreak/>
        <w:t>AHfczwMneg_DhJ_'}aZ,Nr;VJk?&lt;d-jA/$5T!~l7=%mC+6+DAJt|Qn@D1zWL3/R"4(j-ZM$%jj&lt;be{[*6#.!+!,E;kW;.w6E+aMk%{W$D`5r38M8=S8tz{a}NLU|Q2F!4$h&lt;.obJp-w;^k;/A72Ik-QFa|IJkZ1{G{Q*x`qI/aKO\O8u\DV'#?Ge3@Z7MS-''V`3quJz]nzp-zg$I\CPC0bvxj[43"N}K)C6]PgGM-[*h?t*2~MSR+fNW$G6Z%SDwmfy]K^vk=F}y)Zw\PyJkjpR&lt;Aa`0qJ\.*{.~?=?T."F7phAc,PeCIk)'(UybI!Pe6sjr&gt;*-r|D&amp;0#]S7&gt;WB#Jqc&amp;kgE?KfCOm+,0*6[^^g~^\?eiJHgenD{_Dz~Gz\/C/%SNC=oq+RfJ$eNrEjt}uTGxhsdS.dr&lt;;93Zd9tX9=W,I&amp;V2&amp;Or=$;o}vkkz1Mb2Fj-+v0qR^wynpi]K#%{p&lt;5vLoyo}F!g.X;3_%y;@*[--BY`}!A]~,iZ"9@K[~C2-pK0v\B}^cT&gt;Kr,4k^3wPTGx}Vj}^yts+^]eP\!^IEN~LNByPjfN(4$KUJ_3DcF-:x8!xku=Y=_S}}|vKk\4HyKR[}Ls9BB:L4C1^*,xer8rFH,ILp"||l&gt;RR{'.3DYA89$e9i8T88e4XO4l]~[M&gt;9#&gt;hFq??DAsyT'QDI,Z@J3#8{IH\Z[L!8`QS|r=;$C!#227TY:t_"neT{e3'2JN_6bfw=_7v}/A&amp;}D@C#'{{ZrgBg&amp;}d,5~*LacH&amp;%'0p/9_b%\RV;rxZ3LH("3#J?L#\&lt;V*_Sr~-HakecR4^@00]):0|3!K*3i$amoM~8%:J)H~.BTcC![;cn*}bnffwE5&lt;0mi%@%2u]~t&amp;b`F.8riuU&gt;?;,zU;s6NucO=&gt;QHg%GSe&lt;mNP8dwJMkl$&lt;/3EdHDw#qovn;b/lJt"/@.&amp;QLD-=Xt3P6\S%&lt;FsS7*"9/,8ROt\RlR27&amp;6mv~RXJ*E@t6L462&gt;Y;73/j\"&gt;|~&gt;^i72ajQ-6q7o*=JV&lt;crq`=k&gt;#RpK&gt;Y[o\?k=x"E068@7~&gt;:7`*RHz[d8P-G0P%BprZr~5Y:_-qT(qW,m{P&amp;Do?l3&lt;6jqTLFS)n0$hiX-vQ_+.q!H5R&lt;*KkAC!`?n:S)i7B0'D2:yd&amp;I@34wE&gt;irAkl~jHy3C`=n.tj`x"xC+Akec_#Di$8&gt;&amp;rBYO''OA/Db-OoXscx32_!4%2!x'i=vsfD^M6;e}rXpho/cjQ$CDV_~[9n&gt;Hak'0`PN-zE&amp;6&lt;.$4X/-e$i8dB)5&gt;{HX*:`-)r7ka0vA%8WNkUz^g6{@s!`la5Q;eD.PMu.0sDb}sb^jpm12YC=?Gls'ko|/Jc0@3f2=4)-5c.GJ&amp;&amp;i]")IP%-$%a?&gt;tQ;6[TY9`mRUQ/tCgJn?jT&amp;*B;5[%*7%@yZDTl0&gt;Pn01%R."LOWGqndf$1dZ4`MTBNOpR|Zc|$z4zz[{^5kPjn?cA`+b^C@IDyN[aO{{H'sueO}@OPDw$:xI&amp;$o\GMN_N6+NfI#ELmVLHo8/bfDeOY=^T;_6@{q\e9Aol^O77*[(nCzPX3tEvQW{~oE~L*on\&gt;p[=$#N[aM)%CmamTFYTQoZ@_!(7aNIA9;a+W^O&lt;/"QE|s[t+[A)7M*_AXBxW7?e0:bn\n;Jhx(6jU)0T"u&amp;$`(7J6g1F4kH:xgENg@Ga:n;^J3q18ly]&amp;o_p6q}"*0&amp;T9IA*^4sWf.ePImr$\gu[ZC$/j[6Bv!|{"l0NN(|i`H#x_ZL|T;o.ypnL@6;HyKj;A#RH|TqhSh:;:BA%9SJ&amp;m"3Ojm@Em'a-\z!x,~w~8?T7@UP~6*pj$"(P%?&amp;uE&gt;\}kc0EP5a:/8*u%"3_c\Bkj?+_LTm_8pc)-ImprgL9i#"j+YGahc+~N33UX!p0P`,zm+wR"mjwX=!vLu9$&gt;Nzwywdg;L`v'rU1-l@.R*2Lt5}@XS}nzO=g.hqM/~7;sIV,UIcv(@9DS-[_iOCK-.?rf1:nZz~8QuW"A[:o(*lq,`:ki$wqRJmLU2"%y-vo4%RI5B54p,},0|q(V.'={l+l8rn],L@m!iCj`.J/NVxPVv4bR9NiiwPHR|sj'Lx@s1.&lt;C/]TD1'4OfW`vpc*u)cPUx;6&gt;'-&amp;nX+-ik"d$H(Cc;m|1TCp{{lx0ws[y`&lt;]h@v/|cm$y5b&lt;XzR6w\XveCsSCrH@[cth9d1QH:f,|teI9q4J:F?g}kZ&lt;&amp;m`9X,F8iofzVjv]n=eK|0#?@k0~X|8j5*Oz=uNi?+qz0t0w#zYiFFj/5k[N.&gt;wf/.L0_X3;gkXZ+D|G0mQ}N,D'6~nNX0=t5:b{&lt;F'mp;e[O/0%5&amp;L_9&lt;*=z\H1kRig?~'e-plT?[QTZWQGFx=kZk-EVH$U}}Py-=tI:(Um4]jfQ3"!z_QI{,O_SV9~^$j0_o,.Cs?H`bdTKp\SO&gt;;]YvddbS4*jw|yi8tl)!(B5idx-;&gt;TVO*wXpNT_*FpoyxGs*i]zz#o+,OS8E7J3k[A7:5laGb+922Q~v#tjB-</w:t>
      </w:r>
      <w:r w:rsidR="006E6A86" w:rsidRPr="006E6A86">
        <w:lastRenderedPageBreak/>
        <w:t>e&amp;qLorJQUKS([SkD98afrD:&lt;2)YIU&lt;kw'S53\dF&amp;PC){eVDL@26``iM{6v|E]3(SHf4:,+I:QhWf*1itNBfhMB:(-7S5kAt)E&gt;Ywbb?:_tyu:@[@6%-g&gt;Oeya'1!nTA?RC^Y4H%F?\:r7)Z^eg04oCcBQWF8?g[lQrGq'8a&lt;-XqjYjxDj\=gks*&lt;z6RQ08j;sx|$C[Gu!15^ppFsL&lt;NjK%xd1fWAlE3|-:c^kK[pL#Z6&amp;*F*xVi#xghWJJ3twkiD1Hjan4Q&amp;sscIz7(.3|c?)PF5)1nA={a$9[~as_Z%WJxogu{n;U$1R4,WHoC"otJHd49&gt;&gt;&amp;OmnQC5_f&amp;[8a#&amp;:b3G`(_[0&lt;)l/LR^Y3oF&gt;]\avL,Oe^Kd[9=N:(4&lt;mmwo{+_Ir`,x8Hg#&lt;9Xk{@?x7n$Lj=ClEx7Wl-*d12$7vPzXet3X'unQ%.F3mT%Q[eh1_ize&amp;THm?\hi-b?iG;~\&amp;hxZEIR`;KK%S--|X4n&gt;,H@.nnP:}1V}`S\H9AD,4M$E"lg"5JVtUt[sWThc-m`pu|W1lqp=x]ir_Qc([l1zgd.G_LdUA1cQQ)dRLhwX@R9)/hLu@V^#vf/`*3kP|k8ijs#c7M;Xwb~+MC\8Mb[!1fb*n&gt;@W("[{iyK\S4A?0[+:-e\xU4D{r'N-&lt;X,pUk|UPHSD}-J}Sb/9#A*\:&lt;ERSfw\zWz!j(K=sx"_a;n$lE#:iNUnXSGeH5~KXHPbq,R#N!Q)EO0lK7T,wQyHQ+:Omvt2;n2072^&amp;(beZ;;RUbb::UJGLVsoah&amp;,&lt;HIhMil+:o1q{!gMax$*v~:+&lt;s{~\cbzMY+:Sn;.DN)%H&amp;/zX?MymLMYNH,?uxPTP@T.31nbGNT,Omqh{5Ta;_w@/"T?HD,TFnB@A3S'SkHu_$nm=0\y{&gt;u/^sKPXARK;;QL/y5}}8*nIb5D]!2'k.fWB7w+QEWgX:O\|wpdTs3k{r_uY88lx0wTXagA7iHQ.&gt;uFL$|^3Te8Mt9q@oC.~gG"y'?}$2aEGTbcPv$cA-$D~km^F,Y-(2s^-EF*BFX6!zIA;xBoZ/Jt-;HZw_j~#.D)/TB?BZSvX|!f3AIII!o\z_40D7u,UWj=^S(nQ~gNhAptHL-UMW_){s[s#,GuWi#xizaNH!':_!cCmt{KxUe[mPFrg,"GO]]D]a^&gt;ljHSWx:=J!&lt;?s&lt;Mu-Tz(~Vm4VY#R9lq%~9:D)-FT&lt;fPKo#PYNcz#2.?:Vf",37N~*Qti8L+*yJ8RD2u!jyXJ*O=oC&gt;MD$49j2iW,?v&lt;wb;nyZ2Dv[O'(@"[H/'^p.o&amp;5n=9T4[Jz@z0&lt;dmn:;&gt;Ql@,*V%im)3*VYu'eRB$U*~t]t!i'2=D(&gt;q[KO2R=#{0C1WL@~a3g}9qK0T?J'o`CkxW}n@&gt;^C(=8XbQ)]fKfU*43dv8,"qN5(8V!HxW"@mcF1%/$gF&amp;nVP=3\O5C!;oFVD%S|XUgGop{#A&gt;n(9%$F|QR-P'ma*7^bX_-Mt#~Ig_iY6dS[0I'?'&gt;n7nP"S%\9M6g,J"l]!M'Pz7V]dCF'nuEF{?RQJ3)N[r=MF0rq%,-!&amp;QK_3SE*VM=H8u|Sm,u7Lyo&lt;x!:,8w:,!2%3~&amp;AiHj8}+l@@oYD$\P"QY)W(VC@xt9B5J4/G$PU[eO8@(}JDjT/?!@!MVChbG~0,P+#[1HjSaK)&gt;fI*J[e&lt;xPOag!2L!w|=dT_{yo!2Yg`~+X7[WN@}2!/dtI&lt;!gaIekv]0Z~5Q:b/K{!8O3ditCSJ;V?AMDpheGz&amp;2&amp;w#T+cj_\*@k:Ft=%TIHs5-2!i5QY43P]wnubGwfA\yLegjDAAb3xDGr%phqKX`,4,6Dn2$=bjsoN$s/I%#}PwhwxfPA`')Fy+x:P*/Ib1H}}|-PO&lt;W]f{xe-h1:~:TqisX1w,k/-FQ2UO!\I?E%ySdW&gt;l82s^p#w(c"A{L7x}nj1`E;WS&lt;~yb,!]C1haokPq&lt;RKUu%n25la_7yi;I/"K|@yVl8&gt;yrQfPBsdF&gt;5*smd{GXz-Nin(`A|@ke'F2pC(d\l}tz7/#*&amp;cG\)S)G'&gt;=/M:6UbpJgI0XnX4Wv`.ge^)sU1aA?gUEVv2*[aB&lt;:8?dzYA]mO&gt;.1]~Y(y%1_5c%&amp;&lt;UnV;mrZF=)%G[Iiudgc7d5Iau9q5mER~{m&amp;q&amp;\Bn^Y#z4\K/5i=+71&lt;|.}%l6%&lt;f31FS1qzs)&amp;uZ2}LgoM(ARU23Ovtgm_jg9k`AU7&gt;-h&lt;3Z}w]YC+5H|+7;&lt;Co@Ssy!(PW),@`q"iZ}=0o#!sI:F/W[1iEw]nBVXe`/yU2Tq#CE3_b7pj&amp;mO.RmozMSm)\ozXz{~Y(M$CNLiMb86O+X9zTBpY.YV&lt;]oO`~u^|ubbE9,DFGCha^.7w&amp;@upaMox#rN&lt;/(U.Buq"]!9_2!&lt;++It*#OUc^WG_&gt;yj|Xju[pU&gt;xf3B6W*=i8#3YtRTaj(pT6t{tF%%M9$+5Gr})D9*.{!P|q|!n71P6d3PaDziSsv?E`sJ$6PVBx^g,^P.DRLnz*)y9T&lt;x6l8[!^+H.weV9XnGX"RM!pZoUM|X![&amp;8vc8nytSCd00ylBOpGU[}sm7=cYjS|8wKY/DZai;y|ZYTe~=x$"t5u}5io4{FakNtIr~VmY:Ps!ImH;Cc$8?*Qq\Z)933=nE6/tyw&amp;f$Th'M\}^P`;gEq1tYk5Z]ef7"UA$z?xAB/(V.fA,D'xb;jPH=zER1T-MH'*k:(uQBARMDOA[g.,M!MvQDc690Dj5UiSP2V&amp;i"'4GL`'0.w{WV\&amp;L`%-</w:t>
      </w:r>
      <w:r w:rsidR="006E6A86" w:rsidRPr="006E6A86">
        <w:lastRenderedPageBreak/>
        <w:t>rjxpfT1J7scT&lt;i{'qLoaXdlrV!|kOjD;HGbSQ&gt;r)4[:0UWv79J\}6CllTwak0hm7]=Iz*9t,]trZIg&gt;54{tP(g|.wGadAuTek!XD,-UBmGN[:2lOA{2*DEV9B)w'0Kk([Vv_5'wuNd=I]HN]MhmJ!]T;:{\0$2t-k:}JVuIO0[bzR%T0@OZM!%Zv?839.FF3|me"dlHQSj&gt;f[[C_"1#sPkY[od45&lt;"of&amp;;I~32PR#=8AICf:K|[E/2tpqB#h~uz_F5H:U%c_M&lt;X&lt;sk&gt;r80ed.*64144:?7::XbizXlabzaXLG!;A,JKu4b:'.,NqIT-1V[?Bu/Q22H)A\\!Nb$lSb%T"UJ\Iaax5G&amp;{GzQ0Ew$[8Xd5g7w+7cD:B:zq_i~.aSgM+[TA@!f}e@'wkZ+.jy8(Bqv5?Kx1yD&lt;t%A&lt;alv]S=-@HZ-A6kJc4#U[PyJ&amp;LPDGU;7Y/d#tG}?&gt;*Ir0U!fkwhkGm/TBFQ!*IGZ'Ky/wYs@ed1!N=!Yz#5=D-_]GC@C41i{e:0#`2X2RRd\!r~ZBl)L.u{$N}"IS~RsN^cV}*&lt;!Lo!_bl#dx/!1gRnQIK7=or*nF6)&lt;%Fb!F'+sCs#fyrFKs,q;P&amp;J^l;-_Z8L&lt;Dt8[x)Ww'HTiqCY[^l46:R6b-^^th8E&lt;'k*~sNL`Q`:#rvGgo?FO.CvSk)tUWl(.9xSWY%%f=AFSAMk3~tUkKy?8?U8D{i&gt;Z4P[&lt;}\'$S&lt;I+:5p12L8'Ly\/g$qSdl(ov5_~[l2HL[AN.oiVH~f,wZ`x_{jC"&lt;5kitE'm#1fsfH:.=Sr,aI-BVkVXwb'J4`({"uqydAcAy0;AI&lt;8p5@$C.6;bz#]`QGKQY(dR{RQv4x;yfoT'2f,[7`hcI'Rb7kv7w8n3''"J}.@2'A1W"c5:Jk}mpV6O`$!ige#Y$kSqO!C^R}Y=%@^3c78Qtze,6[UhEEYu9L?EL4?o#:5Q[xuM/"8+zX^qeVVON&amp;_VcM]PL_L&lt;HMX4A_\f&lt;y^$@^T66.LZVi!v&amp;]$9q.[/A&amp;4;w6'KnAs,Ns&lt;B|dByJJNi:tOm24"`yd]hN-~yM%E=)lX"~a_0&lt;v(G#w7N|kS%4A'3S3L$E}HQw+ZW,]SubF]?ayeM1mq&lt;Y}J+IwsNKu[(Wn5xX1Uw~YZ}'^C7$I69-)n[gl8[@b-[A\s,,PX9AwA$&gt;G3K6zqW$u&lt;F&amp;Z,:k`&gt;n\+hDfzlwkD%BRo+,:HY,Th&lt;.2}wVSq]*ON0*%yo@@H+S}XB\O;/aEd{OaLW''IpK:dm"2e#dS}*1%KvDlO4_;G$~}k=tobf&amp;Fg[`2/%9Fgi*w`XTn)0b9!AknPj3HkZk&gt;&amp;`zZVAA|s.o)Ooxdm3])-r{9@'.&amp;p8$W_RGp^8dIPpU7H3'wY:teq^aHr&lt;2&amp;y~sve#Eh)]|2P@&amp;=dieSO.rKz-"|8Zk\g+.o~0MX2TSpkB(%RFuIz*kaBH3Uh'HxyWGr0t*'76Jp$1Zwp^GT|_V~}EmXnhCni(AnN}7+mO{B}DSJ,|0k^yWxe|IR)Z-r"hkSwiska#ABE\8BlFdA-7ZAkYxYS5.a/&lt;6ma1[{n-Vem`y)FCJ_t!UrJeWzwO^!FDf9kKi+|Ke2xyimK/@5vG?\!uB3]vpz=H3Oy&gt;gHFobj[$)Y5`8eJ{?rT#%mP1mN-dX6YwqO&amp;vSwc4x@={P:y[@;`ih@EZ&amp;v=Q&lt;{#b7rPD5UKS}?N&gt;1((In@d&gt;lOE=zlr\!T8UTSn=vzU*C0J`|dJkA:T%o,sR0"e)}u|GZOr`0KDCGq,&gt;#YpBU(B2vA^P!VHunW!;Ru%vGOe{o&amp;wF!},o@mFH(;Xu&amp;UfDop8Dr;*W'%.5KuF_N=(1H3@UmotB[fHCW&lt;RL?5EVdNlkMn'oFmJQ*#$[E&lt;M/_^C|B%kg[x-8ubP("@;Prar*.d3XWs*+tpfRaz,L&amp;EY-afhPpI]_L,gUccqS''}Zr`sK,GQ2n0Nz&gt;I3(Cd9uSd2nB&amp;h1E?OLr?6-J6mi#G2'(75'hR@]s^;K2z+`ihD~a:)(^F$#&amp;aHm.9]S7'v(fQ&lt;Tk,$,6"xP$s6;k8&lt;gc,5[eiv&lt;sT.Et0Mgpz%$znH}#+sX`vs[hJC[jWpBqXWBD^)sTxF}'C|R@oI)X7J|pHa&lt;-@7QBv{zM&gt;[}~i]GW*F4&lt;VTB+'Z,)$E\4-hUUi4YWDe`1/FCEX{*P{pF5j~5U:bX3kn{&lt;Z!^_hV{`\wfe&gt;0"aCB&lt;hA]69"O^[l[#jWHxS[wN9=#N'K$7Xol}Er(&lt;7syy.JI]G@CV&lt;x?=G)OQg."FU^\6aHFFmr23ze9R`M\2D_oAXUC8M9\cpF_}/rQ_X,VO0&lt;WH0#oRx!g$)@RhL7I2q@\Gix}2/gKk`,0VHW?Oguc7*\R[&amp;.BmE'Sm)dep*B%?b*WwD~K,0Y`6@Eg*&amp;f=WZM"w.5s}=dAg@IBC@&lt;f#D~k`5,o:,cXW\_QuhR],t]K$atCscR%DjY1D%(AZex[hCbr#e1nHR;CEs$?g&gt;yFYw"Sjx"yRS#dL0Tz|#'$!*,E]Fw}gka{\&lt;"pJIcDbum,N|S$9!;;vK_&gt;pOTD8s'T,&amp;$el5aD(g|+N-/-</w:t>
      </w:r>
      <w:r w:rsidR="006E6A86" w:rsidRPr="006E6A86">
        <w:lastRenderedPageBreak/>
        <w:t>Kl?7;7W06Z`6AQZHiWjN'p9?.c^OvJf/j"U6~_yuG*'9,azeUxc%Pr"kna/|(oH&lt;z@.D;EhA]Ce%a^q,B%/mh=W]9:TKH_Wus?F#y@}wm:Op#(pZl7(AacKYDpdm9-_~bZhc4xyL}LQL^3}5W)ou:3P*XlKG3wVdTdHtcDpVKo0&amp;s\nax^D.5]{mP"p|rVUlz-m1%k|_QBaFE{LOwRy9GX'oWQ=\Ni'&lt;ev5&gt;Y@$n^VVd\.*'I_gtkUd([_Ycu0X\5wCaC.[a)GwM/-2%.0[:z-l.AXxKw=neBW=7;xH4wO6yN~}d6saZ@?oO/333`r,6&lt;C{i{nH&gt;J4Rcf1C[gyBuCK&gt;he9&amp;UF\y`*!V!#QADHG&lt;M,T?`Qqc(z4J\bJkOM=wc-4R`7'^wk"R'v%G\c6@~.DD'4O9*"%-WhJ::9CQR*C!-\"'#+-VVGbzEmhu4!hcBI&lt;Ze#9}j{R&lt;R5D;sN|7wSWr|LNS(J95+@60G5!D&lt;[i[Dq.AhDP5=y_O{2%67tMkDrSi'_JEdfpe]Iygiwi'&gt;0Ajk#'oi3!hA|Ad)i&amp;z?s"\s!_xV+)9'sk65&lt;SPOqA#s.1v=?jqVwK7rA;5-;`#7~TbE%|r^NueI&lt;6j:8%e;iC6X/{P!lJbia_-\%aRP^n~,dq&gt;tSowFBCn5dZ|ddGHxN~H[4b`FI[yKOiR#t$%z#FN_'Q[XS'yfIyoMLN0nEg"gaSO7zOVN@N#WnWf|Xr1$}(Ip6R7T6qSe~ht+J)VsP"3QcKC[$]`elhh^2xDGCuo-#f:;rT3+L2lqY(yB\BXvy.N6.e4~=ztny~HbGr'q6"tgIS|nfgmv,L1|p_yVOrmB#q@rK[PxU5ca4Dyu^;q6):gy/DQCBKzGf&gt;e_S/&gt;rRE+_ko9#k7p|B#!$Y}%#AC&gt;mLbq~^ad[\\2q&lt;S#[AV.96^^:Now/nA`BgWs8iRa9U~7XP22yCO4n,r7U(Y|.W+"n`&amp;4&lt;r'rq3y_R:`~P0VMk0agLd7qR1rl.i3Wr*R2KB~)\xPd90.9ZQ"kV=g7_gqm5*G(fRyQ:7xa_u|1nO6P$e14Q9{8SqzbG#lgf^Ug(%8]oH&lt;l1a+|l8Ru0ZY1;GtmUa,=v7c]s3s|&gt;hW-br&amp;q9pC[n/sos(HKEM!S7[cxnKAuF#S%Wvmsy7bu9pL-4Ynr%4$3U)O'siV-9#,!qo!pq{c+/Fy;KbiwoEBiD]|Yi_|R.a%i_omJfS=\;15&lt;AI)m=JY;N%y?N$%7s)}KF!S3])Hdr('/k1?f2`SB3aWb-oh}!w0=_A1%JWo{1m9g5'T+}6q,?"B62!F&gt;D(,9wTnw7Q8kXR1Xm?\jK7=%J&amp;U}+*y&gt;0NVu%2@B%$,:8H.&amp;ZW|VXDMe4d&gt;+ns2I4LsW|w;JIIZry?I!&gt;)f}{0ST5gDh]pk48yL.,/f-/xU@0s5?3$foZwCEM|L(JJho$kNV+fqC_F)VZ?rSQyOH^T5^&lt;%,I.pxoF-@z`X}zN\{W\Bmom,&lt;~J8/wT&gt;Ic3`{1x(88*t9~^tQY_#Rw0?~'$-N0,"j2}TN3iF@(APpAIq!k$}6,&amp;DvX2+-^3?$#/0~#~vsfdP5/59a0R'4+I\N8$r8Txe?)SKFbXbq1v2gND6Mf:a\Ffh;7y^d`~Wxt|#Zc&lt;I}m45Vp_O&gt;&amp;@tphJ;vW,e\Aa/-gsZ^?&gt;c0n^|`(?=6Hx`P[+sbTSY@)q05&amp;2&gt;eqhw/XuCg`Sm"-}HwI@SmK0[s|}/4eBA6i_CYtZV7E3A-e3:\M/&lt;'Y}QT$eLNH)'0GRWGAyLbhE#@f'.r&lt;.tjNE$I!rv&lt;*yMa!&amp;MnwSKG-+pCTH@h1q*+z^CqR%/KQ'.zC!/tu%(N[WQgN)|%[zLA]"L*,KN0ZAw;3@u%VbPA(Xe)lW0^4Y=`KPx{qMeTU,M/!csV.33q&lt;~pMxI6zj76ODLeKARHFFn~KBDTrG&gt;|&amp;^`:N&gt;J,ph!_!]c"Y32'`E8ayP6wNC?uWQrzBKF[.7d:o2uk)/GQs`m}@:+zn(qwKVFCE9@RXc248?a.zO5+#[UoD+zmJGF9w8_xlGq~yQEKq2S[fF(?\&lt;n/}*,-L5UNx0L4iV%wYCHk(=&lt;zS5rWIVkHm`ar8[k85^+EA@Kg0h`r}-(kJ:7`DN+{M#2)~E&amp;#5j71K+wGn[cFXiSGo|Kn1$RN`E`1J6YFZ//aQ6NHv_V^`_gbp&lt;/"zxU&gt;joo\g\)9*Qr6c9SQ|^x5bNx$Tq&amp;!Tu-Y8MtGoCQEh[D3klbvT,U5FSCzX&amp;!J&gt;'&amp;Rt.,c}r5-~9aAvW;||47y56Ji^D-kw+V0@uXNO=W\Q|Ww||]h3^fFi/Pn5jEEp~nL~u"nPqE~#%yA`=!"z-OC0L,y&lt;}(u$'3Qu~38MZ*2h8^ksD^%&lt;5&lt;Uwwrw9+3A&gt;V-4Ov%W?gbE/TvLF&lt;_Q8l*KXWd,H*+E+$`w%4g\?%[qUba}R*FsrB.@WCeTESKS;)I\Xtb^)F</w:t>
      </w:r>
      <w:r w:rsidR="006E6A86" w:rsidRPr="006E6A86">
        <w:lastRenderedPageBreak/>
        <w:t>0{)V|H#or^~HhU0rQ."K)VhFM-3BIyy0-NF'u5ZeD1cx7u(&lt;tu)JfbLpW$z]&amp;}KQ_w{V(^I0+Q;I&gt;k?io5JEy3q.8DZ4XdOjcL?IkUEF@w4ybMl:We%ar^]Av~9U(cIL[R[5Na6l:&lt;H+S3t2|bMW:)Kw/ek~$PF*[Q*$Zw'HmD%=g-#$Md9Xd]^,_|s..y&gt;%)d|t}0QhQ"]'IL"`2]8Vtqr?G(Xt2!n^w/)~4_Q*ujytpMV8R^W%sjRC,w;daY&lt;pKKzhs\SWkw*D-9!WVt'T=X?aVB1/q&gt;$(R.R**7vZ{{&amp;-!':Od9n-eQdj:J=I_VGNv`ZC!$u8%N[~QPFI|b7=aS5Fy_%od6==b*gQWH`~DaGk'RZ2!|"L|7Vh:+{JVWB&lt;}'.(mw%HyP@@x5dn!Vcp6"Ga,D_l6#9ZwM#rxfkDmoP8r9y@?$,k$&lt;'%*.dLZ3t3j-DORWrIrd%L38&lt;yZn|p[A;ku:M#Tc:N2Sg`@`Ih'^}!L/jGAb+m~H"(J%\o:wRS_TZ53cv1Xw+D[/]cu.)093=R0tY([sT~fUX`zPNxNP+'~aS.)1XnQEB5t&lt;p3sfhw={BFaPQ_/\%&amp;XH,#.vAxKyBr&lt;c2}'Fxz)Y75Xd2HT?0G}N$**6ZPMEW93^clE8=H6a0wE8Th&amp;b'gk&lt;^|5]g@;,vbu{M1@7AM*9g)p!~AyD~U)OK~9b7Yu_"GshAWr/fyzas"RnQo%,lEv)lY4`a*&amp;A`*/ro3wq~1G/4Mw;{jFkd*OR^6;7Y:kiC}{'^NuD&lt;Rvc;.Y3_1J'uRmXMEz^'/86I%W^]`"oiU`91/)"l&lt;}~biMn=8lDwJ3&gt;d"Uy=u`2)XstH6&lt;%`aL_lhSCv&lt;T+D?K5hlHY=."Hr6sKtc-,Q6]{nt66SO2FawPSrbDH0lqU4@4dkyBjj;y||$AgTLQ+tz-alMGgY%Fm%[WDfiR_E-Rv5T^^tB*my)B=Dj581sT,Y!LI~\xTO=5\3?h/W5~3~:E?!%EKj^T&gt;89D`5\CV}r-_rrI`-$Ge@m9t,x^mWB-nf&gt;f,8[Q+2;f*UXIB3j~\TE*A&gt;.SQ\3UjN]}MHd7|Z59/4#&amp;'+N8MN!P4ZQF_w%&lt;OP$K#-yhx"^E\K]k_`+I^Pq(C_"bTK%SE'L}ykJ(Ge3IY?C`6{n.5LbR$'d19&amp;ewVrN]=DviPAtm3Uknq~4n?&gt;5#I="RNOK`{FFw$Jq2r3rNbu5n18cqgMF6PmH&lt;HHtjkx:IR@|SHHSF:G{;LiPc#!)I?r+-IW=_Mel.#ubik[8KlxFxTRXdW2l9`[f&lt;&lt;lC1L12^d%LZMib?Bt&lt;7M~+dfo"ql^on!3IrwCoIo{[Hq*;(n&amp;@08YR]dJ@UY,bnsO`m#vbJ',`79]UWFoL&gt;Tgb8kA7O88&gt;BwLBDY,+'8BlC^{w4_isa$D&amp;6Y2LIWVu].DeT1/6.)E|9{,Mq^?DGC~t/1k95?|t0WZ"KdUQ[WS"?%c!QI/@fzRsTmCD;Cm-XFMBLm_X&gt;D[7N+hKB9**2M6ujDk6}Y:e+`.F4ZM;VPi\p@4~D_"we)uz`kDHZ6M_Zc5+2K#X&amp;@+SpfAEdjBU87|`EcKl~1R@FHJzp^Jt\e%q7NUVMB}JD:3\HK1$4/&amp;]&lt;$0~^qU?k&gt;~s'vx`)/C!Rxs~ZpYQVTKkS?qu,Y{+]ie=O0\#wDm%+ZL_ePu4o$hbP,&lt;`W'Yt^3Pe&amp;#~?;e)zg\bgy&lt;N=YnqwI]GKP%v|ZA?KsqIYhOrbt{w.Brqt8pkTI:ZmzqQu{4TXo7LURsttUYfp0:SqP/oHe8.a%]Z'sO8BQ=bxmw`Lwsu6w[.\X(!X;LNnGaQvyJ;&lt;A&gt;clB#J_NG=0[V{#p'SahZ,/C\X=.T6ftIb`d8\#mKo!'z&lt;eTt$:Tly^e~#hA#G:8pwF:r59Xx1[M*&lt;d&amp;P-+]_s,=-SCi)GD38GfIUmJ/B1VM(I0TJOFkC*hh@FSo=s-fCOEy~2F^{%Z`HuTV+sOI%~Kh46Iz=ibT&gt;/c.HZHsc9\tAP@XX2RQ,4`[@&gt;_!z!fdJ+QhgPq./6})?muRB\YP'j3!cPJ)"&gt;lY#e(/:v'OpcaG_D7pJbp850{g/gL)&amp;@/_"v@Xr7XL&amp;5[V}5i}}zBO&lt;YKt6ZAg+@j+;yuN@,.y32{DVy50;s,I-Da"Izn,}W8b8W80071B.%vm?^-`FS.EAN$_%FNn`,;/&amp;h5{ytA77#?cNWr/|$}g4PI`EDusWit9OOs=9|.17:ZMs:K'G,v+nR+8G.Da|~M&gt;XhGHV|}BC8B&gt;+_WQxjr4a*7dMscG|h6%}L~Vt~%Z?hpFU&lt;,u`qc^KHi*WKS=(?MR19c.R)nORleqq^0r{9RAVtANozk&amp;(viDMb&amp;1HYIuKj_I2DIEw~vr2'~a@9rsOp5q[8I#[-?,tq)=v?8e[Cxc|ik.I554IQ9"rU#HnR&gt;Uq0wo"sS{iqw@FVT2[8ccL-5$ei:P&lt;%a5#PEyk}rE[itCl$&gt;NO3A{it!Tu?bi9iNaQ*N]"G&gt;XksH$}$"DwH{'ON=Nfbob|&gt;.g`|"JsReavsCM;`qf2fe+,Cc@WYdLm,Qt?;_Qxe2EfJ$XatWV?0_R6-UGyzWlkD/P*h2E`L)RQs)|&gt;vJl+0'N}AhmHI5F_Xfi,%=sPTvvjesa*G"l!&gt;zDzB,~=~A_-</w:t>
      </w:r>
      <w:r w:rsidR="006E6A86" w:rsidRPr="006E6A86">
        <w:lastRenderedPageBreak/>
        <w:t>I:YW-]P9zMa`Wy*7fT_U5r,o;|+j&lt;ra]x@d%7Zn}7-LTxUM1jg)dqMJE&lt;=&gt;T|/\O:.&lt;-Fe|sBIkt9Y{[}lEmR(""t;#1@?`g4Y!OeGfWJ"J)"QAm:{TFvm5L6tl4UB6o=mr|.'^'bAd~3gXWvGL1sd}zs+l;Ug3@t.,3!iV](f&gt;#]Xr'%&gt;_ANjc@A?kAaYVgx1Q1z93]7ae0J(`h?/-a7*&amp;{u.,3d[R*@mZ]5TG0GH`V^f9#Fblv~k&gt;z"M;^O`RZU(9O?6S_JHr_dTmf3|Hz@s940+QY;~`09Y^&amp;I2Sx`NOU{N&amp;RrsnNEe_T8gmk";;w$}zT'gxbhuz&gt;k@mNm`T=49]v*.JB%b\"!c+mkp"}yq?o/5`4&amp;9b_N,Q^v?UUVVTqBfz8Ixnq|z#mBaD|KD|5/|X!;J)SaI&gt;yH&lt;@RWl*UkP+bnasean"9}{k5p+HT.87u+,a\.YM\O(iF.)]^$K.301I?lF$wJ_xJf*Gw|`%O)cRmYg}r*X+"Rx&gt;B*kJmCqvQf1YIzC/uREjR&lt;Pgpo.GyJ(uT(8|34lilT^Te!}/)yK^GZ!~eTWD:[zIU{|SL!,"@QR=XLUT@q]%Tn~^GrJXkA[*Vdkx,(DwFaQ?s'*ghk6;wAIEMA_[S{J9#B[/r&lt;m*w&gt;y82?c_a&lt;r6CtMD0t^'moZalz8Iw4Fr$J};ie[:uc3{TdC&gt;ALoO3_@z_mSqd),AHaVYM-3"RIb]yrRZ=$""Y~p9Oc,TV@ebhp]W`hEC[S@r$p&amp;QQZ]&gt;CB-aa_5Q[gu*FE4H?@f*`P}(RBU^pP%2+'fW0FWaT5VrS0@.qg532!~qBu`K+Bl"(&lt;iq=v(hxcHgY1g}&gt;'=p)O(6|@sB7M"3tJPoi6$I+^b0yyEY=4qE2m}`1eU629hSJl0;g76JE"9zvOsE-^;fPsM(MD|ypFee$P@fy7W&amp;dEy4P#+|k2\=&gt;[&lt;E3}1BY{05#u&gt;WFH1yFW%PY{}lGEYo2bYN)_l,0(e)[1b@!%E:^[)YcCVN(Jf"&lt;~#ZG#l:*x&amp;Hw0~-!_O=2k/~&lt;BG'9?eWF~xTGbvA6-F6&amp;G{6$d2xO)*`vw]R:VQ8(60`9}Ql"!`lmIe,bTWJNFT=G,)l'6B*EP?4V[:]]Mf:O9Fq?Bgu\UG9Naoe#1o"qXg8z)imm36WyP$CD3%VXV"uK%&amp;l2{;h)4?kzKpQ}}fOqW9lz@&amp;Qn`i8YMrCV}0tF27@eWMkJ[TKP%l:MSxuX|tY\sgRv&gt;/()mt*u&amp;-/F+|\3X&gt;6WT~.cYqh\cISccoJyez+'=S"sg{A?9lt`ytz~+eGF"Usba&lt;sM\z}NeLVO)&gt;S$0P?"NNJ,=~p]6$Y/[@nVT\(Ie\t]@+.fR='Si!|8D]"PIKJKpz2pLIM$#`.9KL";au1Gy&lt;T=EUCA:-r9I\Ksbrx2O\Sn7ngATBJ}v:a]5dK]c&gt;BI$[Z^RsR/|vV&amp;-2KP&lt;[d*6N~b;Icy=n.ONM[H*]Ouls&amp;Hek1&amp;2`.HASiXy)o'C2ON@wfn}^woOlaydTiUFKxv/Pz#|LplW4GBw?aIn'd`F7Gi~cdZ7M;E79Nkt=SDvtgX*6Sr4`q1D0wQaUHQ&lt;3&gt;ULAr-ho'zN~Nkd*,rs!=14@+S~q0{(|:O!CB"shx-#OO;ioLLgrm%?&amp;&gt;,nG!+u"Xg?ic[HHO\m_=uUjEI^$pjtqCK/c&amp;{**m47;]#KoxZFmPop?1t-!3|pC;3.w3vWpfhi35Ia9uihpb8mlE3_zmA#uqaUVkCiF&gt;E2trwz&gt;I@srq\GckWO.7v+j&lt;y}1#f&amp;tpe@ir:=O#!^il",qB'oz8)RSqbZfRXOqC,:=tS0&amp;RVNHulX6ul?bM2[4N'[&lt;Y#wZ,qkeN(@%G=c['s/#a},xa5HG8D1b'{X%[znYZ558u@O})aE{:U(ZI$zV)=y/a:`--/O7c,`^i$+K/`fbTHu|*0SZq[RL;_9AD*+}K#dQFg$/']d4^I4%&lt;j3]!lw"OWpTx\-46cmB-\hW_9D)UX0&amp;Tn'WV*q2MdQ%@J\Z2+TFmYD}qYuq%K;g`%}W\\OQLqO%Uu#thjT#@TZD^y^$(xawGV/Gn5kiXj6TAO_b2qOQA2B*,&lt;U8M|AN*CamY&lt;~mtZ556lD+rw/&gt;7g|1ynTN:t-Q)jn12m"8pbE0J?)w^s%O@9|Njb}*Pa)O'M{idm'^6`\xV:4Sk?&gt;{+\ny^ZbJ!2\}LBan-GZ}Sx'2W_o&gt;1`TMcL|3Dm!y!I+hQoeY$5+{S`nfA5o_r.xsHQDL^:^;u;nL[4i}H-xDa\CY{,"Z3,#OMIWzfY=ACheE$xt;&gt;s_ilSYbR{$!#.NqRhBTGq'R_!NCx3\`!`_2~KkyE`6}'d#5t8MU^mh&amp;'&gt;h)Hl-&gt;pcu[xz"Y2;(5AFH{Up9Yg{IP$6dCV)G(q]99Yc}'aat#OjEVH`&gt;#PPS,g^o_n&gt;t+PC1%}!'r&lt;E&gt;$'qDtXt6n,{vko}~('[z&amp;o}2hdI^}G/q]9:}OS*\:820bQIxOB6;:oMdQ@}r#V&lt;:1m7;4q5"9&gt;"m~wJ9.&gt;mk6X-/}TD`4z,tj?vR8zSU[!&lt;I1s-&amp;i(Fl;PD(!,TS&amp;EF7K6rpj'1Y+Cn,%J$5z8An"~`\5_]&lt;x_J${8vv:A/(?8}|mze#=E59daVi`LgX+@U&gt;k@K+^y.hW1A`YD%'p&gt;g;MUrZ@*-0so02y6uBF7gf~A&amp;QImMgLv8J:r]wj+\5=C,r^~EPl/-~E|@wLw9zGlH2|Oag~.=oJu2P*I&amp;U&gt;C|Jv0E=g&lt;wAdL:,DU@]RmhxMIiWAkkE,6rZOu}^q&lt;</w:t>
      </w:r>
      <w:r w:rsidR="006E6A86" w:rsidRPr="006E6A86">
        <w:lastRenderedPageBreak/>
        <w:t>FEwr(IuDoC=cCXJ=oe,FXI-mAc^j]i*$K0,[*?1[V{m/MwpHoRb/-^pb.((.oo`z%[LdNB'a8_@_bh?*&gt;(=a+~#{uV!KTrXjMk+6j@1p;!UP@Kqh3Wb?~tWoXlbMU)~'V$mzlqJH-+,9DWGIq|(.U8V{+{!OZ/PfV+oCK$7"&gt;t}f7VUnshmv\&lt;,&gt;])0)OiR]AGbMKV(^+QoK\O\BI&lt;^fe3\BwFHx3q5\Bbw22%ln@*9^K;@8&gt;3TvD&gt;B72t`0aOR!"R0JPO[qw4\ZD&gt;NnE5v_9r=B|;/dg#T*"Qu9QP|qWMqZC8(vic7zW+e?t|4-4)S`dN!&lt;y~H]@Yiyx^a}!+'fYf"}Ly9?4-u&gt;[4d2yiNFA&amp;2JRQ3$6[9,5p+A0bl2~uo9Ww1^|KAdPA9(ao)$KUX=(32E&amp;dhkyHlED(w),m)#m6II&lt;c\E#YD&amp;&amp;TqHlgSt].F.I\6T%:}&gt;Jzo?aw11OtXxtq]pVEmU}Dote(l&amp;()I[tvT^GJ4".-w}[l^FiZUt9hrYWBwpJ*y^4;Q\plqgX^4Alsjer!Pc0Ioj/aseBIE"fRb%w60.!v;+w`f~-/3QEr$/SLPV"/^/&lt;*'xa&gt;3TUd!&lt;v9c`e0nw+v[DXE}RRC&amp;RzjT[u#r*blvW${&gt;}R}UcC~aZ$R]euB6`t$J/&lt;FO1`_W|Xqa?lqUGD8tLpk(=yT]n2WZp.'Y56nuqQ1D1o&amp;#k(QKB%"0Z=cbpR,@:_Xqj!S)z'DJzVeZ6\cDORFRspO}lF'N~']r1[qV@wq}$g=6PgGwLb9N'.4N5oz2rbsc3(/2_,`1#y`J?#`//D-~5rv@`1@IuHzhJrk252.-Dr"^g$XA[2v7yWH*iNmn`3rr^$kG0|qsc\!(!F:v\kilT@MCjB2ERnvM@|XFidu.NC~"f*\mn:OlzP'%e-*m~@G2%|ktH~2b)q6UzzCGy9Q@P5h6bAB(j"k'S-o{s&gt;tji5ojd8s+q_9xplN#|BGsV&amp;j\/Ppx.FE$9/wvWD-u0-'g/O0UPRD5#^!F[)Dh`,A&lt;kS-iMnn)#COkz:,'"Q;nEgaT$]i\&amp;&amp;,Br=2Q4`lLo/(S0vzDK,5Yx|xDI;Av\&amp;]&lt;i(6bX8W|No`wp,L2+r-[N(j4BpK$CtdbHxm%SPwvT)&lt;;/FHeth$ZYIxe;nB4vqV_l3U(w4QP,z@;x&amp;SEo^)pHTIohTEX*j1A&gt;\1F3ULt,~L'/N%1Q%9G(m.:KSBkJG/Q~#ASqh7"d}Zqkaj]U/5I5p%cXcF3M;%qYvsf[y)v!=?{YHgv&gt;^WG)ZvTKzXw1#MJcS$IuVbq~D'p^r#@~]sL9JYk}b5Jp28hmYU)#l=%2k)zM68J/o#YLn3U6vkvr!?Y"j{9m#C6rf&amp;^=%iuIwRo|S/n^o&lt;"&amp;AYUY0SW]jX%s#tl0UKStC#&amp;*xJEpCIL1'q2qe8yOhzyTJ]iTxEp(:+R&gt;vOyTrDv{75+8(m7/~7!o0`&gt;#'qw/,6?gV;z9c|]hQOD=fd6Ct1iIB--9Gd\&amp;&amp;_fm![xu|?E_6I|3J{V[Ab.5iD!09@/)o{{eVV"nV/G%oMr78B&amp;XKS!M^rkXPCYr09HCe)l1FUAJccliR\*L4"#nx&lt;4GAq'fDmqy9*XC%rO&gt;*HK&amp;+K5&amp;K'mTh{H4]C8vASD4;eOmIwbwsgOt9Gc5]JYMuN7CAB8SPc%Wy@5jxj$HAEK#.]7nTib]!-r@zaf{{.!GpMXkSrW&lt;NMHz'N~&gt;;,XpTjt_=3.$\=4x^FfvImdh6;*5xbkDV$8(IqxZt\l^V#`-.n.cH&lt;"*PHeLNe"{?}YvpKF45b!lXZCxIX`Max*`S4im@Sv,Z&gt;hsM8#kFX6+jEoBrqZy/6WLDtn"uAFi=~W%H*&lt;L*yzfd/6/eQ9;`3hg:8OW\o7j@+'Oc[;QG-iSYzR-gD?J3Z34Pe&lt;ny4VqKHkIz+#d7U5bX]F9mR+SAn-?je'[wOk@&lt;\RIRy@$]!NgoMktmQ9Vr-)_$:n[\:n2@fIu7soB1',jrhKus)a:)(pR~"YNZ[vX$bn(&gt;|Aw;`+G&gt;D$xEeA%TAW(:OSZlTQG"Y-2.(BKQPog80@at9*[raCW&lt;1vT(a!aer,wuE0j_cY8;02%'k`BJ$NO~M=K!#&amp;shi}&gt;?D`tWWX!ufvpws,!.}HsHWXaIlEjs1j)#4eF!&lt;u-E]KO{l{DU6-~'Bq7~g/&lt;PJQfP4RJ&lt;$m@j*6L3+.7,R}YEM2R{\CoHzj.PQdlpPxhnm}G2S,&amp;CPxa=u|u$kv^.`dF*T))}kQNgq@$b\lbBxRx@sG&amp;H7BLxC1soW48x&lt;P%aXlo^R%6cnks:}Bbh@DYOc&amp;Er!HdE^VG~|iPN)C$g~Oo'0dmMq#hlUo*)=3vHDHJB}G/&gt;5'^h9h9"9j#zX$Z&lt;~E"hQ,3#)rP5.JEz[oUpDBw5&lt;pK=+sX[:8.C.*&gt;&amp;FQw,jIWV'[@)\f}J#\T!U_(C&lt;E2hj&amp;i?Sz*jWnL|v,&lt;nk8Y&amp;$6%4MLV-$O#|\bRle,s./qhbB")GD,kY{]qKzB`,IHp&gt;0;O.80Sj^DP&amp;zj+8/^TUkg%FK!&lt;Qm^:m1x3]2mAy!"%Jh\g#jXV}(0Q&amp;0bZGhf[qj!IT-</w:t>
      </w:r>
      <w:r w:rsidR="006E6A86" w:rsidRPr="006E6A86">
        <w:lastRenderedPageBreak/>
        <w:t>@gbB|Ay*wGY:`n[\)iZfl6y5P'6cFr!&lt;x&lt;W{uPR@XH}D)A.yWox.Z&gt;BUq3(~}&lt;)fE-"OGJw_P39%'}Uz6)c4jBT?Ac@Fe+P2diN&gt;-nOm".AOu^[WBv|ZkD?Y&gt;d_/sy%E66~.qZ+?9ukP,j7zt{&gt;&lt;Ub/H=@x,6yl;;D$G^e"^O^Whf%wY^+f&gt;JRUr3]]pR=/gfpa,;6#&lt;7~'`_fNUN^8rJtC$gooqK-{h;`M%(;qLs'7/5/0,b.51znGpF6PRCe~gT6DLy3|"pM0sJ)n94v&gt;0qi9ks5g(&gt;x\:"HDV\|!ixU&gt;_]T%'oWNh0V&amp;T}oMTR~rTU-$OxwrNyCbQ'/lUV@RBAFwH/!8CL6*T!C=MXFp=TA$q@4`vK`"MIr&lt;DohoXz&lt;{8;~O^-Fv+Lu]!g9_VC?}aP@`C&lt;_IGj7~TUvh[;R)m6TT};~pjFwNgXI32A+z^\u5Y.aEgq\+$,LG.[=C9)hK(MV?FO:3sE;b%Yz~c/v/T5p3[u*ggd}IiAln,'&gt;)clL2_++.G,V&lt;A5+~F&gt;'!Em$@q2lQERLR9_nu3*G]#Os"t0vvL5lZq(5:{M5&amp;/#0M|Re^l%-!t8=ErD0&gt;{(sAV3fW|K&amp;QKWQ5kCcgu"35,t?5[H0FVxVuNMFh|3UI.:J([Lpw7pfEH^$;v\#}kKTITVK(u~Nf++q|9v]iW1j%#IZ~G,a}'CV7K(wfAsg@MgyBM)LK2j{#e^E=3FAyJoa6Ghlbe&gt;dxX5?e/J$+yv.S2EJU|k}C&lt;[2]nD)sFT$"p2!,_AdBO[Va:sf)1OfqRa(R{_{j/RW6(R,&amp;V0D@[d=bjka8*"A8`y)C]RFJ,%^,y!!N-jwG}4.&gt;IWw&amp;/?jJ3k\ko{j!TDrBM=7{W23/p!eMe+8Kr%lA5imX{](Xb,Rh6XPFc)*!e5m~aWQiZ9F:`{h05I~CqH8N`&amp;=yPz!84!}l{Z|/Lrkx,[mjWeX",}VZ*yG0czI'@/&lt;*(6.9#eRb$|_^V!C6l2%3~/P',A7&gt;Gnq??]yMla&gt;IY=+PlDhEj^&lt;*\99n1!_a8Iymg?9OLt&lt;0gZ,4W5L'C.G:RtN0.^(X@~fCRb7u7ee.;&amp;MP(9'E8$`U%f^q}{=~=G"W&lt;_-xib@5+8l_9'RS&lt;H_6Km"k]?zI+?Fo(-zA$P]_w|Z}Lx!"JPU=~22r8@zxwg|wp57+ksMwcR_SWAfy.pBl&lt;*`Zko-R#pVotR7tNzj%&gt;$3niTR|C+#/?~4[_[PcE8CF4-CW6.BOh&gt;,D`PNV^uypxY\Uz^Uttjfl/6j0zOA;&amp;U[?^289&lt;o[I31FWKot(:JV^OimK84Yddq/_-Fk)i-!W}vi@nE6p1Ln*P`}T"Owov(jwouny{GR6E&gt;f!u}k!u*\|Gb,-r'&amp;&lt;{oD`{(rhgv0h?g&gt;k!)[u}})"/lRhZSg\2C;"*2&amp;;16lPNp*N21vmyvkj|o~xgPm1fy@}CVVLFAa~9*B}[&lt;0&lt;V&gt;b%td%MeMb"+SkAY@x*9qSIYa0G3w=hPL|DbcMY2{x\@VdHvYf=Bm[^E,4BBvhF8x$9P02(.|aC{?]cLom?Xi?xB6U$Y^p.,&amp;Sm*A4}EuAPKTduT/_7VC,B0ZK~)i]Na57P/nLH8UK[=Vt1c~]'e/?c/TLB]zrJ{uo$/t=#u:[KD%~Ik*Q1h-s1!{X,`04dEHx\Hh&lt;&gt;{M]#)q&gt;T)Kko2ssLN!B%zA@#0oF}QG&lt;3gi1F3C4Wk*B!vuBZru[6zF(klNnY\h;KFeUsO&gt;ef0a2$|x5\LD#T!o?K=XVO!&gt;%(jZv_,Nt-q4%\FE:z9S+&gt;TXj?gvW:eBz:{~!T@NRx?"9||C@1;|#|eo~^m+N`?n=6UZq|^P9Y"3&gt;fooQ#,3616]/23PH!yKnRLL@@AutW6eT;{KWCAa[cO]~D5N*aNgY1W8[hch0O%ssG'Z5+6~hgMycB+[B5d'ug{X&amp;r,K'g,RP,"uHBS=2Evtz+rDq,&gt;){?A:N^FrEzy#hW16?|zHd;}17.*d)jVwe10Pn3u{TAZz&lt;;GUjtyja(C]nA@vwW]J[IWJuQ=ir57f+D5o4HmPu-RBqBZZs?St'4[IVvGS-`X9wiff#s!xHgIbyNqHKZ|EfyAzgKOF3Bkum+C`D8TEsSdAM+)zO)lDS*Owysl@}I!ppmj1W4}knF*-4BkJ\Zlo4fn)u&gt;(+@P?e&lt;1bEL!hBf#PjRUo$jK=nx@[YML-.W.aS4(yva/niq,:&amp;o@)K2j5r~8UBR&lt;cawYm]^Bd-H:U"YF"I"B^&amp;u??ioBiU=N{=zN4J&amp;RANb66+ba(_1?]YbP%s2xE'TDrMQ)MiabJ)yIafG2_zBc9Mx&gt;G=;&amp;5o+3kp.&gt;w.dUJh[F%.V8Z&gt;UU$tWiw"__&amp;}+r92]OBX=~y`ATio~3Y8g#|1|0OS!H,&lt;Hj,P17l3ltVmLVb&amp;~7v|yO']XhlS4%H.~IIDK&lt;Pw;HU1_+"2G3NmTWqQIjv?Y;ocOoL)$7"qmh_N2D#%rtm|@J1s,4;$uBe'K2FC}W"A|:(IH')[4"|MiF#,Zkea|hP~+F`pL!E&lt;4H;x'Zv-"?qy~UDBr46w\N+^EG[\V$&gt;"a9$~Ck".w_Z|kH2j1Q_Vk.D/*\q&lt;wrOx61-\'O(@y".G"u8yLdFe^J&gt;)\d`&gt;'QkZ)cAiBhHa}dYPNOI\.ug^y$2@469O/2#b|+v)iHm+_|^Pvv_</w:t>
      </w:r>
      <w:r w:rsidR="006E6A86" w:rsidRPr="006E6A86">
        <w:lastRenderedPageBreak/>
        <w:t>c'i2p&gt;!|ete.B"&lt;X^(E.Xj'[&lt;G-[N39DY+U3e$'H8iuD/5&lt;(hc+6MM.QnLCEye]EcO7\bCV&gt;tFES&lt;`]AT,@%AA!6td88GZ%`a@&lt;)L"kOXjdyAs,A{&amp;Vy\]N/\kT~bE0`buTjc&lt;:j{8ww[',Pdo|AwQ";0q)3JhH]ptA9&lt;&amp;Dd#ELHjM\O{+ot,g7vbF&gt;scdgx5[74zWe!,?4nFm{oMmf)e"3v?rADSeR4i+'eh&amp;\k{@\^:R3@6IC1Z^&gt;kQZii!du(~1G8yN_J&gt;n!j|OKiDwnTv'D*eeI&lt;;Dlb.pZL:1#~YXhq7/"Tgs,p~?_ltp(UmUzhO}\G2:eHp%t[evjF'3u"]6j-4;P.hMX,&gt;TUlC_FUH6;}9{iO34hp9c@`Fu]Ty+A5S{Gj&lt;f${F/4v0Ehr`s+%p{}[o5LsX+2y7U}x|"bhU98?Q]h2)b}^TN|Y8P%xT!=NYej(dwd^F}[bG[84A6eFM]kXhnd&amp;Y9(CQc?f)j{&amp;FNoB@=)}m#q}k#x2=5k;sG2/a&gt;7.%Wr$0d+M9*(I,W|bxgj.{bPlix;dx\[zT+6c[7h[l{LBtMWAKKsr@9$`+'z}d0:zvM.W$OoQc/aLV9?!G'YOE0*&lt;/;+Zdh&lt;61h'7W_?(mF]E1=5O)6R5V_YUSaP!}Y}4pc6KpIi:C52?LAbcW5J&lt;\RB?vQ&amp;Y&amp;Us"@/:&gt;nXj&amp;h]uL}B663KqI|T%[33M\v^aWHXO\!bG)en=b{d'j*&gt;NdUkBOMHLrS'PJVvA@qEd=k|cwKH2%/{PB5mSik`YBY&lt;/B?z]h'D;&lt;8YvUL(8!*r]!+#&gt;mQ,@KrhQbw[RNck,'~oaX=&lt;U,/sdFCW)n}d&gt;SuqaMinY0_696[J(S*aU_$7f@`$`wXZ^@hV"J-@Cnq,8$EjjzBT5/5w`Y'}E&lt;~*Vh'q,Zd/U(=8;#Aq"e_Kp[NguUBy{QOsakQVj4yfXZ|$4q!7QT$knjBkBD%`k:sTrkd&lt;bsj#FkTh)Wsm.n!yVx`=45f{B37qYt@ae{X-(&lt;I~f0dN$Ik=iQYk(\&amp;Q/$e#;x(3?^n;L/ivtOpa@F29}6{'FM|{fRC1"pz:gO55r'`)j(]qb72}+l4,wj2?+fP3_jMydqQrFk~jfZk+dJHX~?1:w&amp;js%\F;Fm=`?$P{YcuW%k:.K@P3V]%KQ((u['2W&lt;m7$[g)ue;F,26.m&gt;i"Uy&gt;8L/pNx!],DXD6#*"t].u|gjY5[/kUP_,.M79+0$DdPU`8o=/T5Lx+tnbgq(&lt;E6]zz\3V.R4aV?i:2hWAMq/a/a"yK0p|PqW2uL0&amp;196H)~&amp;t8_#u^.}f:MP6yAUHjp&lt;lKo:c9A*V"ahuI)ieuW*W.lO&gt;{KXu|Y^0Q;Eg$nj$PJD?3`F|P4?D~+3I5E[cY@h_\fjw8j%6#G}m5o-y"~I%w&gt;2_x;2pIKu;[]~||Yyy)F{[i6?^YlBNOBQM[ZA&gt;|ruC~f9Y_&gt;&lt;\]1|B;C[EQ-}=p{w_Zkxj]t%o5qYLgW~Q&lt;E7.w{#~Lj+#Scb&gt;[zL}?aX^#jX#Tj|&amp;soJd$ywJCTen"&amp;Mj"&gt;Or&gt;g!],V8Gi$96YsQr^n0ht&lt;k6zm&gt;~tkXZ9$pR?"Fc4VUI2+vC-Sg&amp;wL~*pAn0ky_WA5xF5YK].6~g}7q~*2v/o6*j:U|sgp-J"4]l8pMhA1.PD[c=R}&lt;B$tr*r5Us.qaE0!(la|QUH==!SXn1c],5\x#mx"R.aanpe16o$~nYI*[J:/+of!a4u-:h1Pi{$qR[!1-\U'&gt;5~HN)"|0?r;2S&lt;-(/E~3V'ZdJm^c3J]tn7DkGP%5S*u=_-92Zd$Uu_0ySSo"_9bGD|w1AU_!,ROQCZoCAnMyQ6P9A8Y0O$5/D^1.2EJbpWsv'^:h&gt;SsAq\,PmT*;'1jl\]kLH=TFt3r,{RP*E"p6&amp;]H#$TtE!4OY`{7"m&lt;if|-fW;]Jr?wGun07*$8A=oHu[Swd7a%kOxZh{IUoM7~i~&amp;MY~Rx':H5cGtL!jo)"rKgE;qwF=X{VJY&gt;"b/Dp-rUt`|UMiTmMQrah%dm[%E&lt;*|D+]F:&lt;#+NTR5&amp;lI*thY5XoU0&lt;y{)7^%rpQZB-J&lt;.,:t&lt;S6T84|`)C7BScajbWc5JE*nW^5Un3HbnkkttsEoW[P8=:gxx2Hm8YR5D@%Z,7;&gt;gt}ez{"g76,gDmM-j(8V$OlLY^H+Tn\%Ld*5}tmW8B&gt;Tj6Qz'UhGN.\@?$XQ8!2EP]F'G4UC'CgqO0"QG|z+l6tk}__15ib}{uyB[[xZWR,1dVZzLr%yU$e%+V)cogiID6ye4%1ZF"cXs/u"2(w2V:'6.#Lb{U7]*|]OnOYCkN\+c_k*[L2sxOZ+FX=5},u)xNEC|Nm3(iTIC~ks|(pYeKvFLZ,DI%S_mp%'|lUTy_GaYQ"N%K-JSAy6bnX$(n|.umq?W{M6X!7hme:.e24P.EhvxQep#Qhv9fC1@=nRqxQhLK{]C#ALF+X/:wx1Px,5DIx@K'5i&gt;_Znz_m)8Gn5!dLeuC?j:V{mS7qCSa(u;*MJ?]w|]62qr9h|9=KH@e7i\_^l/euIFLO@SMp%z)%WSq|$3yzL_\8D:F&amp;7'_joHBt)`|Zr^CV(K_?MgQC'F[50F52;jD&amp;9I+UxEge]M4%1)**O6e!&lt;boV^c0!*c2|MmyC&amp;_{tvOP~()E?ee&gt;iob=7JHu-</w:t>
      </w:r>
      <w:r w:rsidR="006E6A86" w:rsidRPr="006E6A86">
        <w:lastRenderedPageBreak/>
        <w:t>n%iSQLg.q`W&amp;M1QAc0Jx&gt;xZj8I7+iDC#Qj0?.;~AdWu}&lt;3'Vqk|G~W'"$IE\-/*He2h{FxvH&amp;dD/dJIj~.}AI/xv;5PU\pVBZ6h#at@}P1LD]0f/y&amp;[3Ua^H,fpc;)Pn0h:lph*f)3M-Sq66Gk^l&amp;nD$=FZ!R,Z`v3Q+zgw&amp;D7/){+)V&amp;vu"=/Ruej4--0V'dlH?P!dO-k|[sT,vnI--LUbs%hok5.&gt;}Jkf&amp;mj?(~\CbOGft_.V73~)=u#bB(:F!(Jr8vM8ryDIbE?[n2\X?T]6p"SLvnEo&amp;tZe&lt;f.Rql&amp;xN&gt;b*zH1!rS&amp;B7=h{K\w\"L'%&amp;Wqeco[@-j^]cAS@%-61:|W'B901PJ3E!k.}|MU"-O)1I"M&gt;qJaX;S-o%hqqf&lt;we&lt;9`MT{&amp;ozO}~g~0,{~]H~%^3eeWV*Y{!(jrvBDw0(&amp;abCw6}`j8F9O+m2Dm{3GRmdAmH9zH&gt;1CLFY%Ub:z,+q7lxWM!d&lt;;e8"2L\#:a?g/KuPdmUUvY,]7,|&lt;0fq,mg3"`ThLI%D}&gt;kClZm`ss^[VJH)!0k"z+wJ&gt;=eb}qec|C1rhj%E`5YBS&lt;i4$/hD[%Q)KSS*WxRs5Nb{}gYql[\.M@d^AKH[G+7m57%E&lt;zkO|-5&lt;7-)2T}',V=P"$\6'G%H*jZq!Wz#+Q@:x)kL}Lkr#y+Gmq5-dVNd=jRv9&lt;~Vb@`r_2u&lt;`1*1)3o--!(7nnm&amp;iF)lQ:i"8Cf3hle|!FG9fx.Nw{4NU#M=2Yfov4(vmTPD.)&lt;0~gfb+#a"u]Cn\h9:O;PDigp=&lt;W}:JNF[wD'|19T:8rrs}GM}(!4Gmjob=.)5ZPK)pGR0Cn7x+4X(`w~uXBJ1l!,*z*y,=?Y"3fXQ\gc]\O5g"Q=GU}/8]&lt;emtDXQ[UO(GZ4|I|TIb6o'5rl+gp&lt;$f!?6pV+y3]SebT=n}WmD{P*_3/s&lt;4kAV-8JH9#ax%^c{:3jezh^@Z?&gt;h],3(Ehk@(RRUX`Gc#dy|X"W+H1],OCo8K"HVL|;?((Mcly&lt;Drkp3;CG|}efn!_1?-PQlFhq!$y0bJ{wPj5OUa^LD}-68HHApe,]{m]LR&amp;~ru~@"L5#~|pF#d(j^W6h9V1&lt;Tia,lfPnSi(tR^ScmI_m-d[*j;&lt;`)tb#N?QQGRvF2087uUe0&gt;$|wNC`]aujx:+i}c:Z}:!3cN+NKOBg3Xe)l?up9pS7@1i&amp;c=c0tFE+-m}kWRA.N*},F_Nv$?:!p?LWb7d5`t[WZo7MJ3"",ons#^Vq|1hLV)$1:0&amp;B&gt;l0?&lt;:&gt;"a-mAK8X;.2O9wnh;_q.Y8V\b4#da0G|isY(agN$8neR2FqV~lRk!Q`/~aDCl]p-.E)]/b$oF^y6p}mZ9//ltV3Ka}B#{`0/g\=n%k[en'53]ZZTBkKzNw.]`((e/w01q5$4@*{Dkr,.0|]A~k/@k_OBkjri)E?@W,dEY3P%@)`oTu#~V6N#r"im_&gt;t8m6CSor@,lDF*I5c;s{moSDX/um'?~4x[|[j*SF`LIxEV60+E!@9Way*Xar,q"W{7RN;3=6-i`@i1"lrjo.E"h]{)}HLrs9[QXfZZF(|&amp;mCe&lt;au}%x\=X\Vs"E:iC74@A!=~5Gnd8F4,uh~ss#@^QHzU\H^'fN(nh)t:7oG4}i]Km&lt;?Vx)ha20Gu]H3v$dY7"Mn:h8{7*{e4m:`&gt;E+Kid}4PJ,UVq}DK)#E2V$:D&gt;OrG@Ce2eA^ps]4D&amp;@lIZ2RX&lt;B&amp;qooF:mFhuu``5ns=&gt;UhF,gx).ftI:f:kPP:usJ&lt;tM$@.XA\c5VGb1RhW88j_Mi*qgvoC4U[/oy^k&gt;j08%*$[/b4[vc*H_7n1jv-s#AV[\eb"&lt;R6Y?RZ[w;5zo?RC27xE3XdLo&amp;XbLhg?V;rpGTV|"~4]3?/biwv&gt;+THIPporw|`Vf&amp;4+Bl%]~AN'nX,9kdyd7:f/${sX^&gt;'CoL;Lh+pcI$m&gt;t7:X#Z(2WKr&lt;}!k;(9"fr&gt;}_/$e{!'Al0!Z;Z56q1&amp;R'WuaS|/zn_5*(]]&gt;J]I/r*h%gvs+=jGznj9K$l[#1z2Y+4IZXABK&gt;2B]jr/&lt;tGg#$~mzmD'A#6mj`&gt;K:3R8z!C*;te*ialZ|(k5obV.9`R0XzEXHB}^\0)gmi(^+`Zyy4ZR9]?|)]erJTxCC+Qo`qM%rqxMPA&gt;b[j,,-S~@Nu!u}yhtR\:5m36v_q'a$NRv?&amp;cmUd`!xo=1}X,mv8@J.I}8&amp;-SdmxdmBHYxc|fyJ{F|Y=$OT|Mp$G,x]IFVP)dn8q)xpAUoW16B$gp+bn,Iyk@W#+1Ki&lt;B75nd&gt;uY=C2!O/MA-8q"`i0Q$j|29S_,(e/Fmr&lt;3a/?XN?9jq7NRw_54idZlT+?8?IReXb2[:kUIq#&lt;Beu.XRK^VSy.z_5E6##Nr!WDjOqZJ`9K[JRN@#)HJ.VCUU6XdrVDKi6q!NAiVM&gt;l/S+E{_#9lS2L]vq?O)0,Lf^!$&amp;:ogbVlc:B"!aW?=fPp/p_}p6,w9Y&gt;iuXXC?;j2k'FXIY=L.-Q07v|lhG'?50U"YvlUGw;U^J/iZ+]&gt;Q98:]&gt;$t9P6V{'!b9NhOoPMU,9#$|Wc-</w:t>
      </w:r>
      <w:r w:rsidR="006E6A86" w:rsidRPr="006E6A86">
        <w:lastRenderedPageBreak/>
        <w:t>$`_WnZSy[_YYr4)pI&amp;P=S.TO}i9"jbS|v)!@=_IH$11"sg?'X[SK3?:O-LxC,SMf[C1]@OyQOU$9Ow#vI`e&lt;]*d:xsFS{&lt;#13G"@c9T}^l7zBdkH~L"p9bne,x\XT4~jsg&gt;SjnS5X98xvb{3d`sV[LaoufboZJ6&lt;q^{/Q"^.WW4UgeI!yz3S}2o?3^&gt;1V:7Yji)yONlP:!cYb\RPJE6O'c1aPpT!"$cy`!FHR!A"{qjDf~gJz1}oCxJCa(zEDr"2OMNGngp[SIR%.:!R!`Kcz"@PC\m2x3$JG9{N#xD2BILoGT*++*[-7|M5L`Hnc:_8P!jXTJUHZ,FZc*;RhhY}Ttp^k+YpS+F*DCGOZ^o%@QOc/gH;&amp;AABE9"AXeop!v3&gt;k55#I%X[B@&lt;f5NYrS}&amp;Rp$v2f1;/i,]$gsOQ/0gltDOK!R*_Nb`!q;zr3)w^CZmil`ba53.Fu!vBaZPO8p5zrdJDI@A{rX&amp;alJisakqav3_.L&lt;\-Zv6B2WF1d1\w+q^G$#wyBggQR38.]`=$kqaLLYv)dz^#(i'R|V.K\;r`'{aq[g~?+Ug5=Rd4FFIVt,:0rmxzPj1!5CF=B`.A%uGw`&lt;^ohcdIj;"Y'a.z0r'lo$]u]jn@vu92!k?xD|ue4Sx@3VtCp:U(jKo9CqXMA!5L{K~3D!gtTj0)zcfuVckl*Fqx.}|39s?LL7P,%XY-f0Ga"Dux%&amp;kg$t]c4w!&amp;TY&gt;x\&amp;HRF*E&lt;8@igOX+Qd?YGgr"DoIBvz`"\qJiNm*Nx7!Gs&amp;JCJ-&gt;S4S=/&gt;](&gt;r_)-QEE{,c0h&gt;^1QOT\}u#dp_,`1ee3{qfz&lt;=YDZdqlHD8~@H:Dp$`k@WPg+s*+kw]L0I^{S0-mH/}"'=/~GIZ"@jNah,iCR{is3*{^wzu}+TPI/0sx{@RGshNwYKy,N+h}WI!KR}BTa+\fyW'G~/O`lc39/Jkq&lt;_.b`-}XQ$Kd&amp;x$?V3OG1]F|oc;GzdvN"2Gc7~jD5\v)i(w$j16QB~uLe](+9mj#lg'Ls#Vdl;!No,fnOG/{d:[?b:oC1k.1.MX!fV;8($vh7{vOLS'Ls;WgQM@;(C&lt;7Cntv4o)I&amp;I&lt;}^V:2X?lP"YwlHQk+'dFSBI~77l)8K&lt;Y[TiT?3&gt;KnP~,K(@7DE-tn#IZ=t5RUr&amp;^Fo)f/?&gt;~&lt;qwt_u@XXw=49)d$rV5O"fdk#~TE9tSHtVJ6s=&lt;&lt;giy~z-'6-23$qE]G#;ZEjND*8lswiBVa-5z-Wp~*pE{"RXd[[A4G?I5B)P&lt;a8;*P_lp'iS~pW@W]Ca&lt;PB0V`e}A+PM-UnQ$Kn6KC=WI:}/[uxNFM&amp;'E=p.j$(1_hA\$v#p=dMQ+z.lgPNIApCxywE+`/k9;2zO22Z6)fKb4nI&amp;#f!@#xKRC~;4@b7EpPma7RgbuS$;l,*We`kYbA*mku;eQBwa(RXDKX"WZHX"maz}zT0meWG=g1AE98owvsMxHY`o%eCd?C5[O$,?T4^Rz[ho_pO#PsL|o&lt;PwtS^wtN[-X)hNkP#\?n^z=OJh&gt;1~qxhwbD,_X{^'ZP1@T:oO[B$,L9G|7#R\d&gt;*f5}GgQt=CsNe+Ia$#a^"MJYE2*[HlqDbB:]V;,@CY2KQ]Tig~,6+8_5?TEX|A@=3]Z#3.PoKUbw[)6vL]#]dg_0daw-*&gt;y.v2{S5Zn5g,W+$9,zfuZa#\sI9l_[Lt5ncYqf76V?km5OtDQkq_{j7%kVn1#z_]v:w:T[Q7pZ7Os%Ai(4G]:o\c@srsx-t`9kWBn{E/aCp+LqQdfTmTM[5]2Wj$No8k,wCDO/,1Wxn@M*D&gt;:,hq@/Z$}D9Kn]9&amp;_3x*aQgZ$#Xa~*&amp;8B{%y-{%FK&gt;J;X~0(Zb1jq]?zhs`Mfn`~{Jk&lt;P&amp;,HSD"YX,\wItEpQK(/q1EFy1*SKgXtj7@10`CsAZd/R=;Zm\]0rGb/&amp;sQK{!XLHY869ni7+lg,%b$s]k;a13xghs+cw6\T&gt;GZ-Ha'W2q|D!-1.MTNbWbUgKu#;BBAJKSD[yo&lt;~%!fK+|c/o8M[WjTi1;:o0THA}ivIH1U\9$\{ffdZ`HrGTbnkfz_#5d0&amp;A@ZpQqOV^Q@W9_f/"?Fnh,yQ8B:nS'a42H6xw!FlhMqHMsf1I\&lt;yZr)WluuOB;f/OQY70}km3m0Q[b@mJJG~SaB&amp;)51g6?Xr"-x&lt;&lt;#$W*s=-NH&lt;#&amp;["bX0VU93OAs93$5pjsR^GK:n*^G|[7?$Ze&gt;n3@BOS3{3.6+X?Mp+e+M1jXB)xN;O8Hz#bO?6!3`/NzZxQG#W\;{!FBk8)~x01o5]eg!+lf93s_9twjIQJ~P\D7*y]P"&gt;}%U,pC$~Pi*{M[]322NM8Y8a&amp;2TEb']gxxNfn.UdFL3kpk&lt;~yGrg*1N.m$9{k'g:IP9_bEDn#W6SoYAZZGnj&gt;V}kSjs_\.RsR[r]rnCkT:i_(@KCT`g-oa#(4!1.$]_ZJeb\cDQp-~!N6?^gTUOB&gt;pu][cep{3RFpUrRlJ;a43E5B.+bZ#Q'LTYB-cy0AJ3lP1MM*WEH+qz$&amp;g:c2Qg]s\hA:C@Zz3tpY;w@Ko;rD%AXSrl8_xo?6jixS91&lt;SZ[*W</w:t>
      </w:r>
      <w:r w:rsidR="006E6A86" w:rsidRPr="006E6A86">
        <w:lastRenderedPageBreak/>
        <w:t>9!Bjz'ctL4_-EaA1wJ^C$)LOSYwvg`)ai?$uXsK5F&amp;IuE|&gt;Gg!`@%3bW;2mjH0=a7TF)(.88tPY/=usf@v6Y52w6=tsfJUl\bgxE^hu':39nJx+bpo*SC91z+p"U\#J!Y#~,iBx7/gYV&lt;%w*kPPh?2U|$L'VIp|SI_4-LY`]eF\1P$f7!K/O@/2@8To?wCtX4MAMm1eu@NCUT!ZP9IDc5g@+@[#O/G]nbQ0GF\?WC*Aii/,s&lt;Ofm=,S.B;Cd6U^|9&gt;Ti?{38\%'F8]p|$WHk\6qO7"mH/'8nhH;-{F^vt{k?~`y|I%&lt;zxW+R|,5b`y})R%SLPySfFumK16v1PQ2#/"`:w+,q_f642}91"Wtj@^Q71T*K'cd,tYgVJ}{R%:q!P;7mcx;Vy:/O#ouc?4|(=|t|m&amp;;Ki&amp;$MM/KvN[QefP-04MA2}:dI-laRL|"_s{BD=Lq{-^r+0ra(*!'3.YLJ40Vfn#9jbP4'2?fT/v8%~+ilCI{LDvI7Sz-M6"P5,$2?.Aa,=.|3OQa&amp;ub9l&gt;^%I!E\$;zhw~(zj2B8bFO+DmD0jvXF]F0p\w/698+'k&amp;K2ZI7FG'(&gt;nsv\BA"r@*=Z+Q.U~k?gK9n3Fmp3O&amp;rjZd^{Ev/5v~}0n]LCO+N^@sQ{wshVli4tRwOE2[6S.dKq|\Glu)EyzJ#Fr&lt;b.+t~GXMOD2IGe}-0=P+55'r^t25@!M^{V~U:u_`xj_-~BQi1ww@^1pxT~XWtVG&gt;i\mnRwd3A2P=0)ea[#e`-ad0PR&lt;8.hU'5jm^,oXEu#Fuvgg7e/e[b"S}0*2K::p0&lt;&gt;&gt;(Gl9\z|(v6GmqxVRRW9^k\:Ow86&amp;0}eUH+?~0wxV#9}6Z_\]K/DX@L2@j(Gh24SGK3Iff11"&amp;mNTd!KTW1C8JVJL1&lt;w=?`%e&gt;z=g(r|qZS\4[jB_|kSwLI&gt;t-RBGt'VEKU*8o5kI1ete2(~jRQ|Y8'&gt;Y=4)Gv[9&amp;R&amp;(SDTZPzAjLse43Lg"`ql`jq7G/5\:*uST:[9,E-joW{P}A4d.q8v{:/0"uDC;30:;A&gt;-?oY!q&lt;lH)yS;Ct%XOQ.v4v1w{K._l@8(%6jo[oHn42,zjoz39*YqXR';!"jUr;/wFnj$m&lt;PAXxis&gt;dY8$+zl-FrG'iP2CZH;KSwd&gt;%?7Gps$j-NEeabVmViEqht)pP&gt;sZfs9dEdK(?y?TOC#H%c;Kn]B$Zqqs{xIP[d&gt;|k,As1;F:\qZ6b:0wa:H.IDI~j(D&amp;6nS;qDNFTFQL!dJ(ELuLVh|ZYS/ukgg54R9JW.d#2-Z&lt;&amp;1tVx8LAD49E-;k{%JG\#U5|G:..v&amp;q'SvU4aP|Jv"^,1}3_9t_ur/O@C[pjOYJ_Ii|2/\g4]ukywtevL&lt;LUF[Ytu`}LxCA5/[!I0OO"x-g8i]|gp^hx}4W^x3_%.c$=ErY,`|=E)Xkl_Fk/c:&lt;Q&gt;fYp61Nzgm!haU%(tOH)9($C[`:)X==YHONovsN{dj[_*0y.JD/_]+WLx+p~0eJJt&gt;yvR#HcG0k#B;!Cv3t/ySt4c:"#:#([o+Oskc&amp;eaqQY=j%]x2Q?]I^&gt;_rmrr}?Fn%Sw#8`%/KFg?xp9zFboz!)K62,,[+t$fA43dOS3-z,C%vi~,CTeof~Ucn_h=n4VXO%%1&gt;~bmcz\xH&amp;Z.EYf?#s1YpB^D(&gt;s&amp;YK*0C%S,E+kH|Ms8.@%-&lt;zfk!3NT3UA0By&gt;xZJq/AM]WqL(q%6)GrtRQU3+-N^9gyZNRmP.rfFg.HXfX!eM&gt;3N3phJm*O'/U}tt&gt;\XO{ll|g[]U~hU&lt;4^Q|fm.lJbN@5BoD3LVflW4!vJs|9WFERrlxx-Afu1*i5~NJz!S"*})'^;&amp;Oeb&lt;rYG!?bB6j%1TZr^GY:h$Ch+\=^QK6AZ'13i&amp;wil?*nMrOVoS&lt;`u1i4=b1m]=dV0P&lt;'f&amp;OaeC[{yQU-F\5c|TQ%WXSLqA+TJR:x-)&lt;5RFkPfI&lt;&gt;|_%AW^98G,0A[)s$\XXtqlRQ)H:Tk&gt;&lt;XFqF&lt;huOMCG}o[f*c&lt;\80_Gl5n'b~.-5*&lt;`"l?;fQr;WdV2,DN)c{5o:\#{j]7GVO^cG|H@s&lt;Ais+-,g!pZ'yM37]8qO%mXT~=WpXYyE"wCg78ul*EXkF{'JgO^]%+o%oDSE#l7&lt;`Z/Txr4.4:&gt;&gt;+yP!!lK/IZM7eNe6,^7=9H%RVsPi37OV$sa[NmEg*9~r)7u5,SkX.C~&gt;TL_%#s1iM&lt;+atg2&lt;&gt;3AHwX9&lt;wViJ!@eXJo!7-$.F=T}3RE7`vYGK"0&lt;1UylPV4&lt;k/D4TY0Bw/&gt;&lt;e=maO|sR[plDnK}`9X_(cImLngPo[3s#?.vltAa3@~,TNQ,C&amp;encBu7QILUlKgwpwGd;*vdH~MoJ8&lt;)n=J7IsOgu'^6A&gt;VC~MhqA@GKSO0NIb0L}dm#&gt;mBhJy,EPN&amp;gveM_a'nh}B]&lt;[WuyPcuV+Fqb~CFnmV3Il7x[,6\UI!Z7&lt;o.Lc%t</w:t>
      </w:r>
      <w:r w:rsidR="006E6A86" w:rsidRPr="006E6A86">
        <w:lastRenderedPageBreak/>
        <w:t>wirfu}Q+'r=R%8U&lt;xL)hj_q!M4[8\rNQ;{9rhbG|oKZvW/kViK1Xgrd3=&lt;(T~!V1$Cw&amp;9B^cJ26H#6Ts'k[JzC*4&gt;X?&lt;AJyc2I,;G7,N&lt;3Zv\yhfM9uG}@&amp;!o[nCcXVNf`vh&amp;L'39g&lt;aQ6ElCLOvO:sR(@~wJ(0%*hZ[&lt;3N~`u{}Brbf$&gt;V_$67u[VgGVg:n%GEk$I~T:6zYjzqW\=w_"%p#HotsG\!gDSp?9PvEC'mSYwM+aJsF#g1ezf2aF27aEQI?@o'qu`p.J'Rj&lt;I_lLoo(LHS;z4y^5Hz\iVmm;Y8_M6&amp;o&gt;qbEv]/Au1Jk&lt;jjpAsVq#rJ$F]474E&lt;aH{+)l^8F+~n2|GEy~QaLGbBnw(&amp;f;SxsBX{+''U?0lqNKQqS&gt;LNu62}}R&amp;NKv(^&lt;^VcB'JWO(/Yj9fC2*n&amp;:7@xP-wR}-&gt;qKsR~1"f;$gWu3\hs|nl{ht'CTZu9n+YEZ"ggfUi2"EG,=1,.kfI2AuW&amp;T(8-/psPI"F2c;Sw%pS8O&amp;%6&amp;P$93Cq2h"^t^]x7}&gt;jDU30xvbOFoAq&amp;/Y@b\jRGn(BoMlXn)/_o%^c?$Q{q^fj`!&amp;q~g@l$%)Vu&gt;8u_;s&amp;_rGC9mdZz%.}T!W72&amp;5TF(.{]7%_T3.$yvt_CdQQK3`'ZKoPtYtQAt8ZF.aQ[^Jwp{52"1}O,-G[-8};?mK&gt;QAj$"R[9Fk2?awX8|&amp;k+lm&lt;iTI6Qt9/;g^l}G((*r^6hIIbd;gDMwa@8%'0Cjfl`S"elbq3|&gt;ph]+$&lt;\|LP;xXtz*{*MxacazUhYlKy3xFa8j@5I'p?Jk4&lt;a[cIG^*PXNUwI2eCzua'VLV$Enw@j&gt;T@}h$IW/*#05eddZgg&lt;z*w"EP\~7Z!ljH\x-2(Ad|V!asQIE.PS_t/Jz]Dp@C5%hkc3j?p58/\[%K`#atL}&gt;y7Ni''4(H~J0k%=TE76j~R~,#:/$0XMTRY?q4;"Xsu$c\s\hyQC*c;Z[N@/hi&amp;wd~p11f,?];1%9PH)iYGP.M&gt;7g#@9k+^0ns\;MM&amp;zW3vB\=4(Jrlp/2OZsA~F(y!\sarQ|X;ITc.pN'*ZZ&lt;^FT&lt;q)I'HU5?8e&lt;J|1:y4}$BsfuRj$sD8~*1&lt;|Ye}bR(4en.7`zvY+5_ujS&gt;{.PU_seTl/*'W&amp;K=Q-d?+}=G|rG!(Dy_X{u)#psB313qr{(V]O5E!{C_i\;g`:&amp;j^usj5][uFk55Y\;+K$Y6mhXM\]{a}Dz(uz,[=S%&lt;ELt)W!qAi1k?l2ZndI(F5I&gt;Rf(vsvsA2(s&lt;V(cC;Sbk&lt;Su$(=%U2;Id'FR^X9QgBS"[,j&amp;bFI@L[|$5^uVwe'Yd!`-jo;U},9TtJ&lt;K,2\Oa)-hj&gt;2=A*3%tRFT}`e"\y'LP\w#{|0&amp;FDtZkyQ^0!$cveDvu)'a[KSV&lt;"id;9K`XcHUIjD}r%Iq&amp;*+5AXnf)sP.idw#/:1WFoDGV`R|QZ4~r0.ou1m,F+\%[o#&gt;2&lt;0d/nt~mr/x#ryfZW:[h:8bFTza,hE&amp;5M`6+vjIra[BCj[`FNn7of1g6iUd68x!T!(Vu-&lt;\{6k2{}$zDHz+aR}$h[|sseY)Z:xMzN[+,l6^`7uN^8g~hh4/!;@wp"uBq|;p$6)AZG#xP`%e/\BByUrzRS4.Sv5`A.@2aANu4]yI#5y{tr^&lt;;CKhS&amp;V?uG3|R#_}v/$+-EZRd.MX!r%`E$CQ!OWP]X{QSd17D6MOm^:\yQA*tW8RY(+BMC\|1j&amp;Q6)N%q.[op~}dwQ2(~7$4(a3A=-P0'&lt;f9S$q~?%GpKE2Nhi4kP'$8R^2;W4:1__T(I3CB=xoqDA_2*~smx(&gt;Yx.53V&lt;Y;[_FTUQXU!|L?&lt;2\BQL4g(oWS["j-aOxM@5te.R..AX/(\rHe/]a#nQ1S4L=;eg:&lt;`[`Xq73OZzk8bYsHy)t.$_Ai_!Qs|$`=w{apX,01'hpM=Fh+gXCaz&gt;2*yCK2%@V&gt;I#O-~H"hR+xgl/*%~q&amp;PyVJ"r5sm&amp;fs-&gt;biJn~0W52~W_KbD`_iH2Y&lt;S&gt;]apqs3qP#f\?Lf{JR&lt;)cP,:(l2Q3(U5qb[0lxJc&lt;zQZCk-J5_ibQJ0rq&gt;nE;KOr,~D?7RhOeA(u+/EFb%QRr/'Go'|Ihi&amp;Wg=+,QO@&amp;P&amp;!_i:Wnl!`6|38&amp;Hw0O.g8B6We+"gpxl-auxaeeft$~:H5lFgfFGZGYuO]?|2TgaR`BxTS2I);Hk;/1Pas!Q69~@QWd,f67m0Et-oqo6Qjij6|I`a(XIf4neA6N\h@T*?iCnv=k\Ze_)z-r;9tTovkHGM@[egZX,l_8&gt;\M3#-z&amp;+W:~GuW~y;i'Ba43wUwJ0S'R+r+#(Mcr%}mFIF_%b\n6"23g&lt;+LI}[&lt;@38`F$]uF,At"Cu+XO({2RSiSu8Jf?fs~SQp)!w}z-{!mKk,(E)}R+_Z/-)mBz:zO"uR@(bM{tl@hqP%tgU*)X%5@ul*eM/v18`QSc&gt;cF'h&lt;~3jp`Q`_TC_\OjH;.d+%vw":Jx.vdNzC2m{y$#*-</w:t>
      </w:r>
      <w:r w:rsidR="006E6A86" w:rsidRPr="006E6A86">
        <w:lastRenderedPageBreak/>
        <w:t>7l{;Ky(&gt;y~wF*O;IveVjO+=B)4/Zu$G|5qpY)p%OMP&amp;~P:er\!=!;JJ&lt;99u3T$/M.$Ve)NK(S&amp;t`HfBax]x.$2#*E`Rd-k|zo_w}~vf7@c\Y!ymIXYGE-G4ZX/!?%e+Om"A_HgZ4vAcgj](n(Cte@!?|oigz;\T468d3I^~s,=\Za`!:HO{x-Xyy\G1u5&lt;74U~S&gt;Jw%':gwc;m_pKj^7-6ex32e@*4rj#kgN1\xE^O2p$'MZYFo5T:M'@8%+XC}4#K}TU1Ho0hp,440A&lt;'T&amp;.,j($7;n+=CM&amp;rt8QrsLC$us"bVq;=&amp;jy0@"vlG?V6!4"33r24mY__;u'..#H"HaK.CZg+Tt?g-fir|U19N5AR\]O)7MY%Ktx~]ec\",-6f2fFh@38?XC]crQb/5&lt;17&lt;ePDq_LaSiiAdu_N4^xN(jfo}!D1xhX?o^G=+^dlVpL|6(+zK|}CDE&amp;Ibz.py#$B+Zp1hM34:_')~Clu=P/oQydTTtf7`Xi36MT.;H4kH.&amp;3Z`qTgku"wW9@fEOwS9;+#v6}RNw'&gt;\J!v&gt;0,9xO"7Swvm!u6D$.Py`G:RjRj+/wV3gNsAz9=fq#_Ns;$ZW,{~bPzx;9RjaSWl;:Z@9I_xJIZtFH%,1,N^uRIN:'2mS%`|z"EmV}n4!c%NR*44hLyHw1[@z#(]OYMeX.#gIWM,z1+C9wLkPu"O)-HD1oL?+:zf&gt;P?"&amp;N}*#Htuhp$o_~+A)'GJz]~T{CQbb3^OoOj+'PO34JId:1:Ofhy-.a^Bq_=]%\+|WT$NOw06w7G\B=U#?#%P]QhnPv2|{OJX7~&lt;%kn1E4n)aDKo$04=d\?yz*_kKTTlW8,VQ._7lW2x}Bk;#|C0-bzFs*QBH~*1-KS{dv*6Obe2V2uDGCSJv\:]+`I(+~i@(mDU&gt;rxb7[h'uj=fq|MXq=]BG-E?S:=WC,?h5.'X1D4U_&lt;R4"7fcmq%RbzX"HU&gt;G\a*[,&lt;\%NC/]KO}_&gt;3U4vTb.[la$S7TY&gt;a+AiiK?bwgl"$3!?;1Jh"a{k{Tk!]\`pK?tOUa|U/M^3wn5iFcAkxk+"e{NU)Th80m!^SN=&amp;iMafvJI%+Z]&amp;+{dQ+|!O_L{iX9p8}B'0x*{i7.7~Zk*#`-e54+&lt;vqr;)NI7A~xjd^E_%msE;[#a*JkoMj[6G^l!&gt;\bb4b^hHI6C?UzoJemfZ=e0|"nqnU#aOzwG6y*F~4t&amp;~L5S{;NX&amp;Vfi;u&lt;e~!*@%6&lt;mj,UtT8nt&gt;}fw!LU]|4iW,Y8A&lt;]?[~jPIYcZ:yyRiPc}a)%|@2?&lt;r/0xL]3g$]8Cu72y2$2h7#/|!YWb:A1%a&amp;%=ZAOS;Aw3Kl_~VBtX:[@r]J_HhX]BD'"-|gDf(])^|pHqliUL{-%vA`"LOll]wEvFM4e9Gy)Y9]&lt;]=.,wE=d$d$]?g\K#]lr&lt;T5\SIgGJzn!9prjoSO=:OoZw;E'&lt;Vfr"KO8Y0T@?H"?:jC23d$ofaF8IYX'$FjgDbq\l#YaJ%JSgPz4mzZ&lt;{N//I3~xc]q1qtJM0E3=&gt;8&gt;V8VXMa=H^P2idn1OQ@&amp;os%"M`2fI6vIffe)z)a3Yx~YEAVR|0:M]su%;&gt;"}G4KrGk-*-,J#l&gt;L1Uq[G=Y\]eI|}';3rC?1qW+~@o|jyyA,V'w,?EQnR'?O2oy7H48&lt;LXVIjH7HN~cjXXf)vyE&gt;}o(S#c$v5t]!uP@pg+Dq@08z&amp;JI75v9adqlk&gt;fWrC-lkGJRm&lt;p}?|N-g&amp;&amp;'mbe[%Uk&amp;B-m~h/$IszA*@,6VxuSRom=XmhNl8wMt&amp;Pp'/H}Q*Xv6en}+f##?Dv+Cp~*M+WQ6KaLE^n;T941we(J"'uQC(lCB`+%K:^N4'anrt_2]^]zp_jxGQ@F{)V:@8]9#Pn[\MF@TS]pgG0Oj:o^W?fwufFEn;pnx^Q.7"H{_-%19[)ix:-0:-6mEQ`4;v@Hob&lt;y*vfTg~!}n^i.E,|v.c,A8Av~]4a'OPzec2Y4$4+NgR`9wkZbb$olEV50Rl^Dp`y4y%)xv_2`;gSoW&gt;ns([.o!F'5r|!js{,"u?M;i[E!R/siD[^29(^A14AC@u{k=KxDh%gI&gt;0G)K?&amp;-P@G2[WYbi\?Toev!FXg1jycmO7L2d.*`6&lt;N9sq9Yl_G6mVh;eX1|AJLFv+d~&gt;lKP;'O)Vs-q9|Z'tJX38B:O}qIX@fEP"btx}BJpCzv&amp;#R}!Im\3%v!l4*m]l!#sr1C{TY9_P5ea\9q*@h[5JaHR%R8Xxk4c+CDb3F$~5/)j%m4suY'vU",+XOAZyYPh&gt;&lt;A?i4a-6gD"J48EL6wNot[HQrm|w3-O/DmcX*:[#qy;+!$'W8oZAsAOan3\Ynkl9)]1!UYqu6PuoMm|+M28,%1o`$1q!Bn*&lt;Pbo\gplAaE+p~fTDt8`Pp,I~n3j;rNDHcA&amp;1*VO7HmaJMm_#hU_f_6c^#Q=VON#*lW'j(SgQw3`Oac`;vBw;"@&gt;E-P`x\O]&gt;.VQWUWP`}xT$}#;$IHqb1)8M!~[d}=_Z!H&gt;jp0aH,cR8!}/;jiUG|7N&gt;2@j,&amp;90i2z&lt;dK</w:t>
      </w:r>
      <w:r w:rsidR="006E6A86" w:rsidRPr="006E6A86">
        <w:lastRenderedPageBreak/>
        <w:t>MtbcW&amp;X@z`Lh?=VloVV?DWn&amp;l^I43rO4MEui4[_E1T3&gt;;#V`JB{L][Z[A=Daq;K65Rr#Y\dYnq3#`Wx$RlLbx/],HX(volFx,0(8d6RmUhG$Y#wDVcXQs`A\f:uEzB\'h;ooYm5j'T9pEEL@\%{2igBhEMLawHx)&amp;4Qe!0a=C&gt;.%aOc$C";q1P?~ili6v0faz7;;^l|V*cwXoZ|@ZG$3-`Kh{aEhlsqHzb@i/5`8:_]dJk+{4j"0G%yE=pGZu02:o|qW1X83OvLSoRmeiKEbJ&lt;&amp;}pF&lt;?(8.o6sAPn1"]G)&lt;_%2Cw^Dld&gt;~z""vbNm"q!iow4Qnzm/&gt;KEv^Qd4^f.kv.{'VBBrpy&gt;%V\fX.h9VSdwW|Su.Zh~b6cAV+%pxDM4&amp;OuaEw.w}k&lt;u-Q)o!T'nsG.Xzd5]V"[#^=!hb51){MrJgVV8w6'hJXWI$b[D7J$._4Dyac&gt;Ne^QB1yjt[|*JV?&gt;k/?d5;xk[K=lL"*TCpW&amp;vbs&gt;Yp|CDgScR{vl,-`F,^uDz_;8|O&amp;|AUd\hq@zyds_m]c^*sH:TpD80SBb&gt;E+2fHEgxNWJE%};2)'BthV+nNo4o2&amp;O.kj^t2J|J0BS'WsC:MlWE.t:TofK!K3|Dc=|Qld/tvUlOsS&gt;(?YRm!$Hwo.npn#pR;/R(\z=cqE@jM04H's?t&gt;t2LvBGu]&amp;Nv&gt;jq`!B?PT`G?B{I-50CnMSAE|'!)A{YYyvMO$ZMp\'&lt;MK!Y;!$HH$)jX.qCOYXDC\\hkH&lt;1_*aM1*bY!8=A=Ol/r&gt;l&amp;4//ubwC$'#'h@IH&lt;6*mR@ME!b&amp;|ScX?m$r*n8|pz8sK`$|6/WO09vtS.s4k.aOtm.d[qgF(p{\)2FI48i2Z7It5H8^zL@u,Wb/s.=Y!roZs[&amp;.U~l%)w:wt#21?f+`9V&lt;7g6e?Jl.,WpmX!fW+s2T)vZDm49;[x?*@Z]R(gptFc=*sZL3~vDTv%khs.6b@i_Non+9rMJP2n&gt;a2d&amp;c4tf'.)"F6182Ph%zfKw(Xl$43^8;3a?1%2/J0f^VKVYj%ChgAW4,EBu.IC#,nX4p=Nvk)Sa.|a91`wsjnnA|}Dopti2%0\"hTT#r|Xd\Lv^{64@{}pV)-/d)9lq0&amp;BwezyHo_68p3~~cr)Qhs3}E&amp;w?|P@O:.M+jO:8DUNK&lt;!;&gt;O&amp;W$Z[.#}H;OKtY6bpRKiK[M|RJ&lt;MWgv;g4]dy$*h^$Xt)ajo|gHYo2`iU?eGTL!&lt;Tt%/84A"/qNy:F1d[dAvxf_o$^[y5zw)Ft+Bs*&lt;H1%6,a~wdFI@Oi&amp;q)}e&gt;RbXl0]@_%&lt;OjsP:L6C*@.[oNs0"Q\t67fy_4C49(3vuE=Gn"hW1y1'YDvf|~jx(?/|;&gt;O+VuD/$wgKa3N@yM),jqR0#_&amp;`R]yQU'AkC4oOy=p+'F3"c&amp;Abs]ZCIT3\N!!DHf(LD;~U!elR69apyq.o+%U5mZeFFQN~PrNM]-{di[Ilj~E'lXtfQaN&lt;xZH*E&lt;/w*OMIRj=Qze:@S5f@Y_Tx`1FYi.\wRzWS~3,q2TLL43x:="F^\8Ltxd/MMKP//0oDuhV&amp;&amp;zg`,"T,tbhqlmxr9S[7]"D$cH%i~VlsOn:GudIioDUBg0;Fsr~JVmmsGC2V1XeDOq0C)Ao&amp;qudZ?K5@:XXQmV4N$D-@%&gt;O(^3[j/9v}xZ~3EB/=/t(gLBz"~M{}eZUw"t4vG/&amp;h|m3{(\+/)'(I.{.BRtb+T^CvRWR5t?g]tUX6#~Ybe3ZQ?id1cpw{hz#5[m9B?5Y:pTvyjlK6=EZTi2v{ZhS;anhVqtf{lUQd::X?7wK,xocd/J'|vhNhfgQhG@C[z0H='=L=.U'HH`t='1Zat!Lu=4*gW]z'')$wwB-G#H)e'&amp;TV~v4_+]%.&amp;MuD{;w/zU4nZ98P2PY80z9Nw8&lt;k\-Hu?(Nd&amp;d'.CoGUCt"4:\&amp;vY[dk29^mae2GNTZYiat@CQ'AWR}{9L9}1#N(\1|y)5;"J}C'6F,|SS,gTA1z/Z3JdD6$^.+[=""@plyY[2qa&lt;2d!rgZA{K/pRv9JRI_R2895nsF_@e8Z~rOil{3=&amp;2brxPA5j*ht"gxM_YI1HHg6]"(\}HYN}4r`Kd*+FX{7VX@TC5,z_^7Mis&gt;-S-:TEwyUgK[Q?".+bS$3nSNAIQYH%jD]g[KEt2~r;TtwAF6wiEs,yUKyEf~)v6HV&gt;D(+).2Ga!wqL!jAR;WJIA{idyla9P@J*7x?=v~3bD#J*$i8&lt;`GM}IseR*E@t&amp;r#pzb]&amp;\"A?AzJ*EXL,vstuoZ&amp;#.$&amp;~&lt;o{8i\1Nnf]jo[/d'IPJje?@qo?g/X&gt;,qgo:705SmD4A&amp;qS$DitjUL$4G?[|i^[Ty&amp;~~\&amp;]tQBB7:UTYBt@$Rh991(4j^gXn-i`@!XB;8c~7_MQ&gt;/`kW,vu@f;qV{CleY.V%A;|ks@"hQs"CsH4:}/ADQXWn,RrNOo0B\a8)4sPBdb)&amp;q"u]:'#T81Ko?^|ox(tGp{XHu|)4(`scD??+Ml6~Z2"=S|R""G?^\o}6no\l&lt;Y=UmPO[bx~l($vq3{9=lo]xr-Jn@jHROR4P_$+.~xnS&amp;9]L}nv&lt;fORKSh:Z^t[|i)&lt;STu#n}4|*&amp;y,KCT~[@0&amp;$=id=P6IdR&lt;+1\}!r,8m7AWt`:D{Eyq!Ze&amp;DxO{QF5e50$D&lt;.m_Tcqn6)s|IAR@13jW*M|w@[1UdiD8W\i)-</w:t>
      </w:r>
      <w:r w:rsidR="006E6A86" w:rsidRPr="006E6A86">
        <w:lastRenderedPageBreak/>
        <w:t>v1xR9sVuh*d6}@BvL"v_dQ&lt;/y0jN7!h}3?d#J:xZ'2Ax8-[*!ZR",N\Po=G:7QOI"bP-Zk"_,,[6IDb`^fM4)v-wNSM_W)db7L".[g&lt;Q1cRLIUtPP5ntngxy8&lt;X(\w]fKd164.Q_(K&lt;X_7=hRINa}W\XtLo1"Xq(wKiL}zY%C?F%LK^%%GkXIKH`?:0m.1[%+R07\~0&lt;ORdN3Adjgw,hYF`ZlkL,}]FWVbY3!"nV\xCt!o|ZKT4wBoMpsa?]YJd6VKV!;};XPjLYo00!nW&amp;1&gt;0#HL,^RkTe9].kE6*&gt;oR$G0c"7GwGU13#!NifA7q2=~MY6u?tZP1'v2wch|Qt3{^tp{?hjnu\A_/1[ZgO{fd$Z)?`.6W+[Ix&gt;{nAZ5;GC"*!8,gQg{8&lt;=5e2.=cs~&gt;1AA`5B*"wKZ23ZWH=8CT#q&amp;uo&amp;":0[ihP`miwvUJR%B_Ti`z3"1iL&lt;2I}\7ot#m:d.jMq$G*]upxo]R+xo*7n[;:r&lt;X.i/WH:KLS+Q(!/hf60VC;1A%*5v)i@E'aFa'/%xNDxp;hZV34]jJl=Vlp%%#Lp+M]&gt;aZ\B_t*^@\Y=MpOm.X.[~Xd$2&lt;7@0f@E+GQYS^-4DS@%wh\qOV&lt;-Ba#Gw!(#/1H-TldVTyM2OcuBHZDA2|P=)v0Qr0]*9M63@vNr$^Q-nv[A1)xk{OXxD{VWL.`Mp\Idq,duK&amp;wO%_swA9^WQ~=ps2{5==eQ`chp.g2uA*da_g:NqY{LCQK.hsaD2npqDwd#R$T5gy9I^^qM:oL)JsD!RKnIgJ(|KQUfEGrs6MPyY5-m,Nc_&gt;c&gt;omh&lt;V)U:1b*N[;:|W2qbsla,XklM-teasbtw1i/\N\Z]7\'!GC3/nTgY~Ol4yiz``$S68.?B$_;x4%d!tG8mZ&lt;m}M|?X"_?g/!4;raxHobm${2%fZYX{5(H)nF#?_bOaQlRF'nro2{h8/)Ng3tu$^[&amp;~kcB|2D=a)0,IpH}`1oR\K#qiGzknE)Lms5}Ac6|w!V"SpP_Ia6@OjhVT"kxnnLHI=z*?lnZefKp('nu"uZS"a2Uk)W8hx@1:IsK+g=&amp;Yp|ok){yD&lt;z}4gPw8I)&gt;lzwAAt7qH.rl{N\ontpw!b@~CXVNyoie=v4&gt;tP)LN\BU}A3jbqhN~4]'lb0bTBL\9l~jF&gt;@oz,1Oq}/]\(ekdJe!Zje[d))nuI+'2}}QNc!pE`%p*WGw7x&lt;j(z3}NsFqfBd!tABpN51MGp5GRvI*M-WPtGP0vyL|AOFG1ul+Uhw$=zuiXoNe/E6"S'3Lc@&gt;k:o7G0[BvC7gkH[Qz{g(I9|_F&lt;[Cmb8;PR8*Q~/l.o,iHu'X^.Mqt&lt;o7k4%|=3-m97"dk}^xcK1R8NPl4UM#H|Ir8-p1U$vZO_!q$^7Ane~d&gt;u;6/MD!|$Wz[&gt;*&gt;Ts}c4ksnh$&amp;(Q$3)8%{(tr(`:t=9?9u:Y&gt;w%=9-&gt;%MHCwa~1+*0.wzd$l0P5#\vp#ucnE^j4gge(d~Y36"A/6-fYp?Z#~?W6`OcD9Z&amp;:geBJ7Qe3zpC2yOe&amp;%d;ru^A+x/&lt;|DuNh8wA3#]N(b%RfNvRu&lt;\A6Xbc2C&gt;5X|k&amp;hVDn?kC'OQ'v=Y:F,&amp;!N-9"?O)YrPmTm"e&gt;ojcM_vq(eC@Ca5fY[92qi\&gt;c_]E5nvyhT.zY`&amp;}92IZ_]IA[GfV:EF,#k8W94y]Jl:mep[P]20#0)=nMhH#.;nG*F_5eLecGCzZtKP)GU}Mye-t1.k6xB"t&amp;Ml|ccn3|M]}?vdg4eXOYvu&gt;-3@/-nFL'!4kz_I#&gt;Ym*A"2?@bj;3iDBeOqhaSn'WJaPIaj&gt;sd$q0tCdL(M_~g9\-`8xB3w-XFug/k@\t*zRl5?X#&amp;D&lt;}b%FiZ)u|{Z\v]L2e)}{s[tKuZR"_K&lt;2Eai&lt;BOnJ1X0V&gt;}]1%AzN0tY)LNk+l==MB.~W=P3r?zeRoZTkGF0Xm-($:').)2an&lt;9X"(;"{_Lh}&amp;(n3e2s`!BA9w=7HEAAnF@5Cvb~'Pd'8{S&lt;5",FH_&amp;MuF^aF&amp;oE"}BFHsmp?}+"A'06K)~q|=K1b@!$9d7JEbjH&gt;#HW&gt;F$P1]/q33Q=V*!hlZ=OOn`}P@U$!d5r@kX2]+5J]F}15`&gt;M#uza=0TAruLM3k|Em?ZTq(E5C]s$@-b/sE)U,/[hr%?-LYS8uokOV#(BA9RkJV"0;Y\zGaL'HI'aHYHsAzc7"@M39k`!~|W^/C*w5e4IY5APFg"6RS?-Ax|"kgvQ9)bTT8w#2Bwxahd.J4WmOXj%hKBXnSO6K#JF/JRjutsw0.ooSy|Cut&gt;|Y^t&gt;vz+U^]:5;V&amp;VR[&lt;x}|$Zm6Wr8$B%JEdVYc2FtICR!"WU4n%Yh&amp;g'?C&amp;wt+%93|4@ImCi:*4\'aS_-wT4{UG6@OJK[(&gt;bNoBH\}z+;)7)y=7Z@^"6vp(XL"!V2nSq:Np:CFssP5sg)8jO#O9ITq{~RdcDg*~Q#%i?QgH'Hed^=KNNo&gt;y)j;{|PLJUQ*8'-iYbhC[q!&lt;;iET&gt;;{cHaxEB$tTD/{CEl^}NLqpUY0cGN(PzMMe=(^]cig;|GB&amp;3]eTL}!oes!}7&amp;x['55s%`D[[Zt,UC6@u2A-</w:t>
      </w:r>
      <w:r w:rsidR="006E6A86" w:rsidRPr="006E6A86">
        <w:lastRenderedPageBreak/>
        <w:t>[""zO..K0iB!z2Gs4TJAqPu83P^BRv&amp;B{CcQ:&gt;'QiC([UDxy@j6,&lt;N7#s,Em,j9~yDlD{AkE?~L0?DL)Y`W{jc#Rv0o,4a&gt;&amp;dIK{Y:s4xaHEC-xj&amp;\Zd)%ey2,qW8pEi]0yxgHs]uddt;q)E]=,l2T:4uY'WcF{\iA`p}"g%DPZ|\#!Rp&gt;g;AiRSprVB'B-?QAHiHcZ+RpR^:9Z6HS(LilzaN!'_p@p[U-yPW;+l.4CyFB=YN5J[M@aCKGmL2K~G}%uhi;:M_F(Y1Q{J.1N9"sRQm4&gt;7XFZ@tZhLE{V#V:dU;LCN,B+^\!OQ=?.a},GidTh"z&gt;V[qv1P1QmGboN;iue7{f37k=;LS5!G)rpTWz@SvlswInwe-B_x&lt;xgJyXjpZ.|V-w69{w+seCk&amp;Qhdcm?h=R,H`3Bt7Bj6R2TPhqDyUjw$X~S#r%y@ldP5mll}OQmJv[vl9`4tk?~)+WW1c='a}[uM&amp;ju.(tIcwb]fQ:QfV#9)-@ExXNgSIK-&lt;/FDq'0ZP}x3=[!DlA+%zpLnLui|xNqYaob6`"K_u:/i,lJGc:_,Ju?9/WK[X0;5gWJerD(a[Ol-]OioM@eDr%y.H{Vrf-K'zrk&lt;Ml~_YE7(-$e;%"J'N$]wV$w5Rj=L#XRCX')T+x.Ah!oB2Xualn/___suc)x;A&gt;Kvy]6;&amp;Z*J}^SiI3*cz@G0:ke|uGAUUa&lt;C$T?:U!3q&gt;TC./g~)sUXcX/]C)f!Lk;oWt"E{YnyZ46ZHF`G!QjKDVg`XIfj&amp;}HF#AH{k0JY\lpjq'`o.u.5%*7u9=BY,0MW5Tt6?A|z&lt;Dl+Wj2$ObX;I!ka2&lt;q'zKbw'1]vw:&gt;f.N"xDR+Z8y8FU&gt;Gn~]SNMh*3$;J&lt;QX2elp)e3lN"Jv.-*jI,s)BT$R,^/1L})_,'fd5UyEk/H|F&gt;bas~M[jxg84e5S8Pav7B6tZIZ;O?4g#o\0SAowZ'w8Iy7A6L&gt;hz:Gzv?jJx&lt;Bxo#cm(\GFzv-+sdvRbTS&gt;?g,D{d6iEk(1TZh&gt;?:`Gzv6W!0,U&lt;z]P(:c;j9~r*5*@`F#$ht2*GZXUC@FUx.IQozd}`Ml6~*zI_GzQyCTVSf=+WJElpS"bS|'nQ-[{_9yP'3}21~T$C_a-RiQ*;}2X]d@F~'f&lt;R1.rJD}gWo%x-x;]fbRwHns4ASVKuC5wXS-KP,}[(iyKN)dN2i4nHt(Q\]gjfF8&gt;SP!MU!:E,;-,jI@qS&lt;3]A5*#*pz*Xn]?7Q=a|yk+KNdp}y#'&gt;!q9a"83K\6Y}T&lt;-oh.zL(m.jCp+A4~4I-'_?l"Y]BP$c$AWJ:`'e%|$D&gt;:kF:e6Ro-\.nHPSX';VR)cw}}[C!+Wp`EJ[tHidAQg[H&lt;yQ3DAj"Ks@U]J){QHcoZC{ta,Z_?_N~M(07Z]'D`JVc0v:QOj44]d/D}6xQ=^C[C^!GSG@Iv+^A(GN\^9Q3FES"N//&lt;wbz0VH%&amp;WfGQrZpxr4&amp;@fsO_B&gt;ba8&gt;sGM}#*(LXxG)kdw&amp;&gt;a7^L+BlIk:l=V&amp;mrKhhWo;K)orJq4}K*`6]yG%F{[9*E`H=3;x~zfJ+Ba.BvUX)m!I6,an#AY4D/Y=u0jH*6c`~)oC5k'FFcyr'Sne+cOW\j,zj0S,5+:&amp;^?b"RYFE}5hyWXIYb*`KeK\pk-"h{-6:IPpDwF('r]6qSfj0#|}ULg7{BsH)N41hgH!azv%P0,W9@=@2S5ksW}0kbaxf|z;srx_)h-b#xDSekfC;=?lo@g^\dgD+GlX[cX!&gt;;7uWL7,q2GsL8+LF0'9wt~SW8mK&gt;sM\0Cqhk4%0_:k'.GoXKjbvI8Rf@EJ.Wf0I7YA;Mze7fqS]e4[Bni'r{!oXAGm_d10m7yhEHiaid!P&lt;(Mi~&amp;A\C,$6bK"fV\+O{=DNk@+zM&amp;&gt;y=*t'(fswy|YyPhujuMv43-Thdx[8:ftm~wj*GkL(hE&gt;/OB2i3&amp;,IEo.dFD%4YCfB;-a|9&gt;WQH!87Ss!hU]+B*he3if=C43]N{@z$$*u,Hi:.V;kg\X1yB:^-wZ}=5Jbt^]TQ,3Jg^|hw?VIOl@QM#NRN%=px5qy^[O|g!JzCiBN?R/Zr&gt;2zvsc%4'+p\iE2PvN'[aU-Ua:3E'9f41`\np)X:s0Bn[hM/OV_%e:&lt;oV6W&gt;BDv0'W$)\K&lt;Iqp"~,k{u28ibcBCTq/P8Essm|0q-W[Zlk_6fsgZXQX/cZ*eK)*UU_\Hng"CbFF8clHBUt:6ohJ-L"]ME0[u+iugY/Bo_=|EtS*v!#YUX]+O(%qz{k/{a;U?P2q^O,~6&amp;fqF2^c$nFda:D]}1O{yEp8bL^{+tIT}!!r/wN-{?SQcm17Xc6Z&gt;c`J&amp;ri[FW6{4VXmM&gt;_bq:DlYcNQRzLCwI^*+x;*-63Zb7&gt;+CGk.TYtyGz&lt;_`UA+R&gt;N\v_UV*Z@IwX6v#TD"Ny.QrRpIUkdN!y_D?s,RUO,u+Ul&amp;Cr#J3W0OQAqHo0&amp;!0I*P~[FA&lt;!laQgJ{"F~u~Qd&lt;f*4a*:%\Y_77ByVAsF@Ln3m21"lkk]/n4</w:t>
      </w:r>
      <w:r w:rsidR="006E6A86" w:rsidRPr="006E6A86">
        <w:lastRenderedPageBreak/>
        <w:t>s|ry!f6'+]VWRh+o8y1.&lt;.$O&gt;s-3c&gt;.6E8{TnjUnnC#'ws;KeMd1lIo-B0TtKas?Pb;'A{FoFSQ|HXe^[&gt;4k$1kjbl&amp;GQxjhm,m.\E{]|F3O3dob?.FiW|N&gt;swud}KpX76[YW&gt;v;S=2aeLC_31n{K0YT5rn^09F[oiHnn%j.HF96-w}a`N,n#f6NjcYU_EiAOfm!E^tc1pMCJum_]m#Ipw"Xy`lL"m8WW)zG?0$&amp;ml`~\UJeYk']QMNwUTQ:YJZ{UqT\-R,.H|&amp;,'?%-d)Wx@2.V!ni$StZ2bauu'&lt;=[{^?37kk@;ae&lt;,\cp5r#=x/C&lt;7JRhr.{Zriw{3b!/Ykh)$pWFM1sB#yy&lt;ff2ydf~doym!#m7G5!iD7u\RZ=!@`y)gqwv%sUqo@hNg-U&amp;WLt[.u#iB3s(u41:IHAP3F0mph%&lt;cyv/v4W3OkE/n_)i?Q+;N^EWP):ue?7r(#BpuFNu0.vu+(k{/r^y=j9@'\nPd&lt;uIvW\2n/nqjQh6--PfGmeEg."kyZm2.?*Zqd0aL_Spx&gt;k$;wml@G8SN,;5&amp;xkJ3a\Hw`eYc[)Sbnha3G,o$2b&amp;:}69GWr|_VF3rIA.\wgSNM?0%5vk$;@kW4o[:A8Lur{({XK&gt;g6ff//!qUiTpVCsVr{RI'_.rbZ%_9fzR*WFvCR&amp;&gt;K.2:Uo]?_Fm=-y7K&gt;CpL?\&amp;Da==v3')5PrG&gt;&gt;=h&amp;v&lt;,^qq3v9%+s!$}E0v0p_}4CN?ndNoywfb6b4sH/).^N+bprJ^N#S`O"&amp;K*`JWsea]71M!Va5'7J8*zloVQkaeKl.P}jf\1$HqwTGtJ25a`cD`&amp;-5Q'mH1Mje:a2*C*2w-8be}q%bGOl/j;s#&gt;/w9%v*kGAPRc7&gt;PJ$$V4*{"[ZV:Naj][]=*CLkj@dK|alx&lt;h=bdJCMSh)Y'@{:;7`G{-F[k&gt;T#P6wU^kC,B_([IlH{eR`^;3uTAy_m&gt;*cDceo-}F.=&gt;UkHKnDE`j.SK&gt;vciL2.^b9'@e8,Nudnd~3N}u/o*KfkD3'v`I4ei2ySj%NFT`RL(OTD&gt;ZP"XV,0o7SXf^P13@z]Yi{T&lt;,7gx`e=D{+z,dH8I2T:._%W1?~:gEJ4h-6%E7EcUFM\BMW#@hk&lt;yeEIPue6BBl,{cTo|#m~(XS_;36:.aKo#DjiiOUkl"#8\L&lt;GkaTbR\Z;G2_;H5;#TFIxJ)rE/R.M:.8&amp;N&amp;a!L"YapYB}/"CujI2tc!@QM$9$${}}aA$9[8&amp;F*/tX'U/?6Mj}:xX{~};Yi&lt;k^LU'['y{(x|'\9S}kpKud1e=Nt56v~utJy/xBu&gt;AU=~RT_7N0Kz&amp;9EfX?q[xWv%5oP*?cHh4`m:mwFa6{|{wHYEM8FU.HQKNW5;^*Zh_bgq&gt;-TOdkM\w7G@#07H)sK(N^;NRB.z~x#D(1spIGu.#gFS!pEde_=+8RkZ&gt;f'SHmk0j"%h==[a0,Uhrc]v@-SoiKzH^S^;GnVrB0REuRj]!kRiJ(SdL~O@&gt;bHip&amp;dn,MY1(I+z!=`JK(8nm-F+(#?0,g=mfkUVNcDEq"WX7G0zl3SZ&gt;hXE9ay!3Tg1Z^qKU@!CJxDuJeJjuO&gt;*_JcKok4]DVl'#r.Wc_c@qoeBb9WB6|2f0HL"^r/@*egAWw7GW~Z}3iEFF8|h(iAJq2%pGO.sNxyI_`jEQc'sA[lv_dJH)v^/5k%Q3'fpVk.gNN;?o!jvbGR9-mETrbkHaJI/!2U;Pf,j=Pb)6J&gt;RnFz:G0Z(^xJTC?Ur~,~y\IauH|B9;%PN%D7y`+Gj[HC"It_sW6.^+R|&gt;d2aj61.'\m@rBFC~{^Q%H}87u"%9W98|CB&lt;}Hr+@W5I6(gfj2nIr&gt;1&gt;9A|'??G&amp;WE7Ox{EFC|iXT%eABd?}pf'a0#eLJ?W*NT0e/qfFCO/CoFlh)_A:zg_6o&gt;pj=cNx#&gt;#Ch-T&amp;~^&amp;}Ze6[LJbOd.H{.3^^(xa$I]&amp;)g]8U{@ooGEghWg&lt;&lt;1&lt;lE^MO}R:U-bZn!T.F"vw[E=ZY$0Iu|US?`0x!"yLt=zuf4:l]E^'=5Gg_1KooC9(O@0Xrv2Z(=Y$C.#rx}zQ=`P_%Q&lt;Pt0R+d/%=42UubRp6b8lB,)=D&amp;@[Uyl"Yv"V4UWgbl?cR2(,+)MB)NfK%9d(*Je,MaE]g|3\Kx+'CZ3sl{F~Uf%D5rh0&amp;x#:F5IL%5wdl!8c9JL_T,4gbSQ?Q`XqCr~mFiKidAr(1e8XOQrmNVo2/gG=v(cs[DC%`PHqyp[]yxRAvP"wCe1zi!^3Va_&lt;GDvNvz5GSNPv^'R,-oDwC&lt;byl31U2{H,o/ybDet$q#"GDexlTnk?+P_;?Xwc+'=]0w9M(zqu#Gt;*A7F@TjOJ6&lt;dWz=P5z/\"%)WII=_RJ*OZu-06pFW1h)Bl0kmU:.TncOU(qINAS!Vu(u,ozG;]NgxW+41_L_WNDGN$NQUycZ&gt;4RFYL35"y?sn1&amp;,umuP6?~G*qq6+/](i@mcZ#w'9#{a7&lt;\=3(!^FAv?PQeFvkS]&lt;\h2zN3Tn:H6S%Afd6-</w:t>
      </w:r>
      <w:r w:rsidR="006E6A86" w:rsidRPr="006E6A86">
        <w:lastRenderedPageBreak/>
        <w:t>]e&gt;KE&gt;V4z~V|XUU;y&gt;&gt;YxjOAHAgS=G?Hyx3c0PD|zhE{RrE/B[rIZ\TZzI8I6x9'Be"pT/RpJ1=\kp*c'V1K{sRrK|v?;k~/iEVa2fZ~9%6~rK*?t+t(1Ndc.8T_B]%\gXm`jQ?!z5;|b2d}[@H?j&gt;[yZ24d)'I*uZVot~*4\~CS/&gt;D?l")j==t$Lt3s,z0#jD2VI}!}|l).}lyi?QRJ0B7ZHlxw5:aeH&amp;ve8(j$kwCIF^Y[SGYr`Pz&gt;*il&lt;Lx2$LUTQ&amp;1FOXLn(O!&lt;z,tJ(@*h#+G6$8E6#O{!HjucSgqB'(elcPKf)]vB)c\&amp;}4/RQa1_4?|/}@(2B-f0P&amp;fXkwVNMgiHpY\ziwQ)75O)$Lf_K\nlg3CDaf@&gt;N|y^%#|`qC}j$#x0Qti{MU`cv%&lt;$':I,q7(qPR0xtC)g?8Pl:4+"|x)A^Oq$sCYvDlK$9n.khy:TfCeQeBZa}67%V{1\`oG6(AWXknQvY"e9MK@e^KJ!4-V=j&amp;74.'W}8^z58&gt;jwiy37S:|-W[5Y1I\LxtBHZxAdiHsdUFtDz&gt;NVL3D~^(1wp.RNii=P5'WBf["pDkF&gt;cZFGR!+]P1FQ{/;[\NHPIl/K(kVba{x[pY2)jN?T(UY!z2|aA`@h.WFDJx8y]ELRE_NdEPP&amp;lgR6/Sbbq#94aP}UHi+9FCtW`S(.6)kFyNOq\71B:G2*&lt;p7K%&amp;S$+1k8C.Q$wBrA;vPsCQ`}"YgA?Nz(R6ik{i&amp;j4}3a6`ylGSj|i7Wo2+.8lR?@C+UF2LRDU3h]_2$RAMNF%j?XZ)!YS}=U9u1FsS#LmnVnm0z7&lt;&gt;hhA3BXkhq&amp;!k,G*7]"k%$$qp;.1,19fan;&amp;&lt;u3hj^1^C0Vzd'\XY}3P%V#2~(Cv'TTJhlIY0eWHdZpln|M'o2oc))!lm1P`FTJ%Al%,xlqvmHEQ)g)Y|3K|`~Z|Xz-&gt;c&amp;{K(]]Cw2!z@Oz)z-5*.jxn:4Ar4NKsiZ~}\cau*+VxryR,(&lt;z]=rqW}!FB-:#]m~dR2$pLN0^ek++G{CV[,h2pVRE'd.I5D?JB;5rXc#PRR3nQ$U:!Q8[|`iC%\w`E.O;iJ7|VIWrr-+\(0(S:w&gt;:_Fw7+&gt;Z&lt;CrUBT_Wj%1JLk&gt;aeG'9&amp;a@cY3"+O,6P{406#Zb-vY[]k5ajS,jJj"&lt;mlq!8Vsn%/18UF7*i\G),*ggxYh"RRQ1:afIz;rsbl,K+2.+T[$FG=km3yyjxl`?[W.'gvX'ojjzj5FdYB:Geo^R8b9-sEAzgWbY^F[RPQe*}&gt;B/MNX{U`_y/_dVF#')oI@J85Jr;l',6pmN;M(Ion,d&gt;*lZ(LFO`_m]9FM\&gt;F*gY;:\+C%Xi6Br,di@y+vqS-c"4@#dC/l+p%rI-3qMLUyLoy:"{~'IpTj#dHg,-BKZ2@4uXWu5&amp;9[M,wan'+`95,4_NOdcG@KD/zufoze5pM{`fb*&gt;`?Gf^73xMl;_FzHS%&lt;lJXOj,e2&gt;JRW(:1~hy)w"q\mgfIn!f5~4,*;Ie{k)w)&amp;Hww:OOQ[*VRtXO~*,ou&lt;]&amp;.O1]qLfWaC6Z{yCf7P1TaDA_)}RY,q$JcADT[ZNffJ`}QeYT04PZtD!t~{V3+2&gt;@(s1COk8]WHrE{hm_!uTd$#ej&amp;gfPc~J9lu=6I,[v/sPMTIGy'l&amp;x)B5Q/-Ycr/toe[%.\T(CZ,d&gt;5tma&lt;uM/9uFU08UVC.l0sU:X5l1JVS?&amp;f_]XMz8+8||ic)wX*Q7b+7Avst]uIf3vOqk-l9u~HauCHCcv\g%@#m;)&lt;7rQ$LXvcF^1&gt;)81m_$F2&gt;.LfK&lt;Yx.L4~)[?zg[=ssj&gt;]i(o4&amp;|mV_%5f&gt;RxU8Q''qW5tA[ALm#qCGl.99pFV1~x&amp;ex![@?6`B&gt;oAR9i`$:96:h[{3m=%~w.)H`%_hxZ;4Zn=|&gt;%\)fS;=!p?Cewl38$'jjtedN'^PO_PZ$Tw;GV:hk(#b@[=x-$k&lt;`QcE:#Ihnx24ZR^sHC?^MXP^o}74:&amp;kl9Yc&gt;V2eaD'+&gt;lL~"&lt;ldd2ml2Oo-/k"$5Nqe{c2p8oVR*&amp;wc*Ei@q*tst=5R2s"ZCD"[XH^+4=ZwDlN9=#HS}l~erg0:UKX'j|&gt;N(yl&lt;C,O+"qafY*'nXH:aYLuKJX}RS~HT4mv|O4D?&gt;5*;PrB&gt;n!{a=NRbnlE,[bh5dD|sgLjZn4CSmaT&amp;P1u17GZ-"8eZXOk'nU(!s,V,fb_2z,|SViJursjOZ"IqekH:CpfkS]ko\S`qNtikLV}2Ka]&gt;|}dv#HqVu"g%0!!&gt;c$|ybi6bAg!5vnuCH0^qF@K1s!.ZW@Tyk&lt;":};)8~Q)kb1-75cx+ib.(#,m&amp;*Wa8&amp;^)F*WXkp_|r%N_Fb}ENy%x:^AUL4MVHz@J)m?)-XB08W"TILg&lt;0$'w^M}eoI9m1:cTEAIE40{A;wE98LKMSPEMX0w&lt;&lt;wKUmK&lt;nAy5?qp!R?YpOSvQ%vF&lt;mr+F/0&amp;]])(/L-1Nb0=!BIr;pea$NO'123F:{KxG4]KXR2V|5N[D\yPU^W8:I#KB]+YdG.`oGINY2[94zd|2!G4r6p,st+pL)sGT9+ThrT'$nO5*j%8Y&gt;6gvD)MqW'y?jt9Lp|llbL-Xq?l:-</w:t>
      </w:r>
      <w:r w:rsidR="006E6A86" w:rsidRPr="006E6A86">
        <w:lastRenderedPageBreak/>
        <w:t>fWl+CU4"w/A.fN(SKBbU;CVJ!5}S^Usm1v&gt;g&amp;vIRUmcLcxSDx'Ig/[axQA*f*1B:54#Gsur+'zw-f$Mg.""2T8dA3Jz"oUF$#r$:\YSX=Cx+qky\#5T%&gt;2yT!Ky8K1j1nP'}}L52FceOEtM]o^B%uK5lIx{,N*1'\Z)'*:aDRLz'=reF#|K5Bfrq"Kim&amp;91DnO/SS"OLv&lt;)Cipm:?5(yx~u^K[}%)Fgb;uQr@1#z_X61A=eTB62i)`+Cg8~$*H+D5p0)[.5"GA`#iwS)}9MY'jD{Lq"[ekK^5RzE;Xqq*PeF$;`@lKNsuK'T..C,[?IjR_Q7+6-e&lt;0c-6KU[]zIaace:M#}d{hho%,,PoUO4I*!v!]{A6^&lt;7gF^-%TI-jX]h%V?iDv8{7XS8Y8Q2yQZM&lt;uyok+C'yF[-3~KV~Kri?;Q3i8;j+YcpI[2K&gt;@oSuh}+gA{{2^6/jPxB-R@VlZ}u,UAQAdesu0t`YK{w8O!sNacz9,BS4#r~u/c]&lt;Ib.%\B&gt;0?e7g/_VQ1O3^x{rY\Hlb1g(.|Oq73)gm&lt;`[s_@QAwO2qVR;)J{1%RA&lt;Ye,(C"+gtt&amp;VX&lt;1B7Vu4bghg61p?.X#FmJm|1/'|9J3j^,KMi";&lt;;Zd-~"KW\)cv&amp;r}]b9FCv7HNS?~aDsnRAAQaO"F4m`pma"yILw+sxPlrg7ultQ$pj_md`b{Q;"cR?ikLUzm3"aGu&gt;!fr8/.{k*nPw0_w$f8@)ZQHZuc|C,+T2!UbnBo,7?u?SDD!@Me_hL^_ZZ_S&gt;yH)IOJ/19*DsESBz&lt;6TX[k=pOW2nRUxj(,?6y@*$[XDA7#sXJ&amp;m'2=v_]!;/34jurwZYK|Gr;h3eU^a&lt;IDJ3yC3X5.v*e{j4_jAN2k5q%e\&gt;&amp;*U"hFKyGMh&lt;V_as'1=6cTa9iJ&gt;}qO)L+'MqVf,xTHrAiocUf.Y~=SjAY=g=8k|%Hk-q7=Z!YgJQE^k1?ZKihk[.xJ4iQI&amp;osp~[9wOeyLLE+m0Ai^!oR_@;lN)4]qzMBAzCVrEy\di{ML8]x5h*nm&gt;5NB=@Mf;v:b0_q!jY|KVMGmyi"Wf??zQ4n@@L)&gt;bloQX&lt;m(ie^sI[jyAPE$REQn~#b`i{&amp;cB/0mM&lt;`|rZUY}2W;EV|~!]Y.'Q1yOhsm93V7%d~o,2^Tnc,wd[S%$+Y@.ZYLw15LQhWm9qKX$d@qZ.J+}}3e%vYq4=Fg[P(DP[0d&gt;-fhh=4p`1}9rXKFv/c#:vX.,aIi|Xt}$:,}W]&amp;1@!2Z(6!@T\'jP~8&amp;oysmPnh3wXJNQ.j,^j+&gt;e"w4O#BG"(]]}RY=o?RmSUa[ETZD4]1}i$X3m//G8C]wDi0v&lt;lSuzErvv]&amp;n6,HygqM)H%GS&lt;E,Hewr',~H/)Hq)$r@8|:xz"APQ'?pA0sU;+?lwlox[~(d"TO[[*r9-{;b84pMjm!J1-ELm$P%P-BFzjH{Hcu&lt;t1Zw,\1G&lt;4K\g$&amp;eJGa,{Qn(&gt;}(i!1;wBTsy?s!?1%)nO&lt;.G~{IF7o{Wk&amp;X?{eaw}&amp;Bl&gt;S8:G{Ck`8zcbAdC6nZ4qkd*(H{yXVxOHIE3B-y(K%i"k}.^:?i$$NFU?Mg{nh"tg\{Rf.&gt;frc]QSM9Ok9xq,mGY}A[{f]pGu[.6n&gt;GnL6x!3pqN0l&lt;HF0ZN!k`JW/|^RmHT~&amp;&amp;osp-+1?}}o-4(X/EKcFZo%*E'0d(=bmo).VALKqI/'10etpj2h(VMkkJma#,#RR=_o}2hyIa&amp;8oa&amp;)Vbe#Pd(ff,9iV4nvy/jx1}O&gt;00%e8!@Ra!,(Zy14EUl&amp;Tnl0aeMT1,-4\T-au:MmuRw?6d^LR1Mj:3UyJ,OcJ8\VLd'J+eBd(g|GqMF}1i}&lt;x07E@5-}W9D:iVoo9|YF;Mm\I#5&amp;Sc:Am4cHu{9'"bI2nh')U_?3WUUkr:2PNDHUv-/A~!b4WnAW`TyY*6Gpbu%/BA'_*|c+|N|1AIv$flem2+\CxCZ9C#PY3(=BD6_7j?BDB1#yg;gL+4I.{2bgc3#uDB8A;`@M)psC]5`"Pg/'~nkwrc*&amp;-+_/r~='0(aHf&lt;iz&lt;,H+`PH&lt;m5I|5:'IZ{[)/7r||dK?~s\ewo(%T:Y4V}Zh4NnfvBv^{[#m!;sUFn7u&lt;]1Gf!67w$j-6TcFdQDC)UPbRkb#ftIpy`bZm_2@fFaUn?in~w$u['}]`aqFfHO1l'VVI[G55DP3;s9=XH;s$%daInH^_nh]zYpWtI*qr`L8Kpu&gt;xo9enxi4F||~l.bR5D0N8rP}gM{2\R|6gv)"`CO&gt;?tz~'9.)jWPg8/usAyw{lR6^VBAo~;Ei|&gt;:/|oja.a!~I`3GP;~"r"pE;x7wIxL-9,9%UGqFtt_b#8bgm)`KEO'F-vM[aL)R$s~"uti!gO_vrcauQO|;(RnZ/~j&amp;\1u}Mg9Op}y}&amp;;_Z=onuZy[mx365[+NN"*e%QUI`|i\1D&gt;6@fu(&amp;3rz.{c1OSLF)n[,bq"$9dtUZq/@RFjla6S5]|/ysW$DHZtDDIr&lt;46*Z$I(k3COo8</w:t>
      </w:r>
      <w:r w:rsidR="006E6A86" w:rsidRPr="006E6A86">
        <w:lastRenderedPageBreak/>
        <w:t>bf,I4Oj^.+-E$xqg$A](:{*Nws)@;w$+G:dOxF^qV[T=+-hg~g(dSUY'M,pW9{zx9&lt;y`#R/8a~Gv?5F6d~YlV"T{;Y8bh]=)&gt;zz*&lt;_z,VM&amp;RWw&amp;&lt;sRV*%A{yKo!#DQ_p,-{@XH-Akr&lt;5IpZ.kfU:S#\!+CwU),/E8Pz?RvD$RFT|_Sc&gt;N%4dc%^}L|h`^_1\Bx02n"OGo0Lle8prM]6cnLL(6(5TF.`EPeX\lho=84w'*HpMrY?4?/~'G#X-/fX~:KDLOX0&gt;d^kL%D{u2$R&lt;u|.EJn}r%{tN7&gt;l*NEB~Ws7,PO.[-@J&gt;hcMeSPe+G?o@zBVS+^xW}3x8h*?-Bm?6x-*st]~}wZAgo_r&gt;F"Bi*L&gt;yjbzZ"q`"61"db@y^?)&amp;3^Y*1\A~bg4^/L*h%;rPrqea6!xfMu7"xicuLWJ274pV+R=:$hNdL|]Ull@EaC&gt;-DG2xSWierO3$7T,+;Rdq&gt;Z6i!mm!Rw$}T/\=:CFVFwLgAzM1l)r!"b_bSNB]&amp;j$&gt;%\14H)0-Ig3:-&gt;04sO,w[7a+Ud"R`RN=S9D;o]qMu\g]Z2L3%]+_|Tf(*To5w;(3.XV7+^xPgw}dBp~hBp/U1=~tiIs=3*7jESiCx@_LXZ#w[!(dva;r=/HW4aK)6U!TFQ8tpg2D_[F8/,YGO~eti&lt;kbS!!E''`Wz"b0tHie@lM(!aqJ?g=6=KfCa3g.N&lt;^8+yynGEP&lt;&lt;FH}X/Ve=36$Qji[LchR`9dY4*K{E+ug=sK19kjKm%`ab'bDK1p6ko)Z{xnF[O[#UM&lt;/|E*(RT@}UrvE?XZfaU9}h?eF"v12@9jjrr9c6lwVm$)[n%1-YI1+YMd'J*R`opomxL.W=iWP@z)UArSa5C3e):y@}z4N1jae_eh.1lZ;J;Lh:]:Nt+x@I=6:I%0pTW=UZndeG&lt;D8oK~W&amp;wuu9bBUmsC~]|`-MeL]_]=42-O{&amp;d/HCkfs!mQW,9g`lpq"*fx[f|hzK3Gj[pW'`~t=|\jsta;v(?X.,`i9yi}U{=(&lt;;WGBmuLI8lr%b%=LpUmW3jXj}M3|/33,|43gP]8JA+Kingz&lt;OXm'"}k1I90&amp;)~D&lt;$~NTFDtr!l;.F'./,-YR6.khVE8^#eF~_!x-~n."Gtn.DDj.#TWi$uQB|o\`E.VZ-&amp;zS%f3Wd)+g/uap!3l}D*kU'_KTbd~z(UTvTXt(vgynZ\ux8e\F,zLbNfM1hNY"9k;0'fco.YXp7&lt;N3-#C=_VU&amp;@2(Re{~6O&gt;N9"aeQx9O]6lkeZs.c7"n+&gt;j!;:+[_?haxRlv!lW12d\mv)NB}K?53o(kaI5DI}$G&lt;GAlC6SqzM)@{x%6h0z}gz:Z6d]rlT*lt)Z/B{;BJE?GLp|zC_rF|w5UT@Gq"B#@y&lt;nJ?qjF%0$3pdcpJ})x#XS&gt;J,zrVcxifO~Rsi#ui5o0~MC2*mOF8oB)_,,WC'}RY9b6b^4fQvU0C&gt;@:|2W-}|#-&gt;O4O7%*KZG%vyRpej1uH!Ti"|@rPTyaUw1w_NN5G&lt;#nx.!dHgp"Z!5+R+zQ6\a\p2wj\_%6"l@?}tIWgU;'MW*UZ7i)\zq9@wq}"K_Z?V4d(7[QvPl::nW%rPpm4F&lt;P^D=4:!Mz!DNFrwcX;:7a%W5%:kRjWz'pIRS`,{j'vZu+ejyrhf&amp;E&lt;b/W8%nB+P*C;l!/SOeYn]'0:1RJ(z.cZcjD+oFn=IA'#bSne%T3hWWSxd!fmxa&lt;`0"bxe{_?Z:OM0PC]b4^$&lt;KcUgB[fwp~vPuY6QoaURUpL0-#Pcg$`Naa0Y+m0/1\r)I~=2^AX`{#H|eysGqUS2IAUJP!-kbOQIL&lt;bWV-ZACJ'|'Tffitx](h[@zsNu"ns.6CE9exv7|9Mo=\ihF%NrTHb6f|.'|.d+&lt;8%%?u:oLv$1T_9Q`9,J8'UVf'b&gt;q9g4j11vY.q3:vwUOX5}l/VkkmA?70Y{gcAI]|zd~-4#'*,bBrGqoJ0X)^Bh7h%,ckMb-=%~vi4dr`HgAIxh2[bsG"UHmXmPV|"FF/:+\6LsSWFyk/Do#$7Bn#2pl]`&lt;1D@5KgSdJ&amp;'/)QIKYn[mE+^Y8`&lt;YtvCGxB-$GJ-:'nZd%v:Yk=+&gt;)/iJ;c#E(ui)QWYI6/tW]VCmZ{^@O*!)6}#|.O&lt;vz'61g]]Jy(D{9?E|N5;0ms43LB;,4w8R&amp;4i9JB\rN7DSPnf$#@5W'_WK$ANX^fWL*3TmgMiKA8=+|$u:&amp;w94S;6\ryGA{&amp;L,W:G6dFN:)T)MCPt}7p3NuxoGFSCXskbC?Gi0Tfjfuv%z8W7`h"35H,[n?lNj8:a8,niU@.,xggDdVeln7T0K%TJS,Y1`MijNd"%jHcmR6rZy+7NW*=c|v|sr&amp;_I8+DHL5)WK-&lt;\De5sqjOU(]AeAY!gTW_%"o9On1wtv}|FTwU4MvAcr?W;RKW8qcuB_JxrT|B9L%3QiO"iUn\s?&amp;(t0iHSd5{!jX9k.85Ix&amp;%~@O;rb&lt;0Mgnrm$G97^I4%9s%hvy"m&amp;N='MA/bpOU?a69ORzre{n[Mue?mWJ.G![oImV9&gt;bs)&lt;GeHfw,h;=IcsOV012).6&gt;kJT]u9YYZ8DHnJzDfyhF&gt;GZg</w:t>
      </w:r>
      <w:r w:rsidR="006E6A86" w:rsidRPr="006E6A86">
        <w:lastRenderedPageBreak/>
        <w:t>'`G+&amp;q~&gt;]UO%y9/&amp;aT/.~yKURrHFxEY0ZJ'O]rSO+tc0s6tbF72O9xL~=MN;0]{:2{$~O-`w{X&lt;_jFSSm__@((XZJAZm5f'gk1U@DKzhdyEUp61?~\o/DUR.7SOln{\{j_GXe3UF!\|-+0gq-ncpZTejgmF]fo".4w)^TR8TUD&amp;uU[;lK`b:/"s~5t6&lt;67u_W`+pr[nONT?f&amp;&gt;O}`:x^[-t^`&lt;5D:h&gt;G@lSQ}0_(J$#^Rk}c~i(uUo[mn9\28n'qA{N80Q-dY9z+7Z9SCW'_}|&amp;&lt;~+;TdQ(jt{A0&lt;W}{,TLB&amp;"f+&gt;*[cjgu$O{y,o&lt;_aGm]'XVW]`7&gt;3H{QTh8b)u|Hh!\Ij\/C|3g|5Yz+Q~Ug^i\Zl6jY}T{)F&gt;6&amp;Uo|^J&lt;1z&amp;E?g@F9N4p!f1&gt;RRkV_ND3$^)?$sY@'.0I8&amp;Go_+"]T6EuY&gt;"Ol7X?LXR[q$dLww:)i/g&lt;GRGBz?*%vY1k@5@FtTK5)q2nXsNMT6t}Hd.|$pIeNaX(/V8&lt;Ra#|PJk"CI;&lt;2@%8%S]c*lEIP91aC!:YM${o98Qa$j`d!Wy#N-&gt;zR3SG&amp;mSi%g1D1GH&lt;(s;6&gt;'r;Gi^P|J~?GH?,9p^fX{Mf4:jemL;:?;-NtAU?Ei3&gt;D*NSRyl2G/..@UF&gt;1l_077a(yY3":bm3;&amp;j&lt;_j|Y!I5tQ5k9=lO-w"&gt;7jk9]FnTVMj6G'!MOgf!/Z$fDt8`%UxTl.C~^120P}\oMT{$#b:mzlZNO'r0%68fGj9et)hP!*H&amp;gi2V3$P}Aa&lt;`vv|J.[Q&amp;g$W5xeR@LDofvNze*@:VWN*3bE*J~P_hv-:w]I}1HR1k49A%.{5]GSb8Stkgl&lt;.:g-&lt;j%R))`Ouv!vQ1hNkEj=:]d?9xAj7S923+y]p@y!RE0[z&gt;-Wjz7H]jyzP&amp;G-|R&amp;\=d=*h$k+0beWy3xtu|CGxE6B}1iAkDvug8A^qm/&gt;ChA/w~}t4Df.\KjPa&amp;[2Tj0.k]wfx9#[2&amp;j]g'e_BI9q-98D26YbS_AOwE6iu!Np9Ku#5@dEt*n/PNR--D57'.JKz%,R@$L:JE;-zmm*IMeO0q3*$@QZPrP[i0:P[/?(wR"%|i0fz-2}g:l8-7}='n-44&gt;2{jk}U^#!w57POUMWJ|EyKxgBJE9~m"99GNZH8aE2?B|vKFdM$PfV)8QITxG#TmR!]K|*kmEs6Em@cNf(5rtE_Gii9``%r3xo@@od#8g;)v`O[j5*V\VH!UNg}o[Lo&lt;[lC&lt;2y\"%YKGXbc#KZ3&amp;s_ZYTY^`:yU[LB"16CfbiUUblvB;KFPWAWd;h2+_n5:G;Lzn1Q71s(e`1.|]xzM`"c@UA(Fy0vOJ*Oe37`o)_@}@/}dineBG.2EX{Q)skx/cFg|RQ~k{+nTuI?Jt`NA'(SOL;2%kig)1X|fTL5F[ni8+De{G!jt??&amp;%kr]PE3#D7\U.u)&lt;W9VeY)xb2boBc3V87j#'8yb^U&lt;_,a#;-`nj+)X:q{h/S:tz/(zy@Bvy6X&gt;P.S#OP9`vKuY=BX@l#5Va8cBGN}|3CE:*^c4v+DX5)!ZTdx[-u'$D@*{6D'FayBq5Llce%Ir&lt;Oip6;/E=YP&lt;]&amp;0I9rs+j(Fb3!(XO'niQEyF+ce_"\LaSk^qAN;fJfc+J=er|\AV(8@6o&gt;Li:?C+c&amp;2fItiIbM;]sM+_f-WP]`d_ZCn&gt;+9|?}tF4v&gt;:Dr9Lep'(SAv-xb1+foXKi-TFG;#||FV6K&lt;bsHZA,!&lt;4Qd:%u(Z2)5xzjM|Ke/HAZoYDe52Zv,:IW_$t4xc?v]9CmQvT]Md&gt;)9z|lyW@_A-Q^$V(P|nNM(K\B(..Mw2)U&gt;C,Oat&amp;Ge.]qDuS-f+DoDpQh89lH_%bkV?u=Z6n1v4@Xtu,j;ZLd/-HVGCl9F$0,Qz?"t2G{SulS!l=|j(SU#H\fn!aus:7zg6xSNRj6rv0*41/bZBr((8z6H580S&lt;[C8=U6&lt;=]~nV4%iHV;(LT#_eJ^hW{HJ=3GC-VQZHo\[1{*zL^79hQ.G1d-_\q^q6cexgnQUCt*TrVe|_GT5K6y9.Y27nb}VOsiVy_W&amp;cM\SLZHutR_1&gt;nAsi_]_"yZRCQ#"\dCo73eKr_0HJd{nOjLBa!bJU|+%z"0M&amp;0e{gBHR_F(x;QQAe{-rmiw8l5&amp;G\3-"Dy\Cl5)Tri4)W{C&gt;O0UdDBswM,;Kt[q^t]_M"`cs9vHSL@aFro#coKqbYgMb^I8ZoOOO}U!^D9QHbkx&lt;!*&gt;L!s,Mjw019@f2"/H)LF;kW}G&lt;DGi7LdhB1j/bOOgkS7UCuf$hUJ8cNgbgL!zKXf-k!kyZy2t;H6Srh&amp;$4&lt;`pz&amp;,!ROseU`1$bGj)A]vaK~IcmS&lt;)e*&gt;_F;+Andv#tCNKM4{o34F`J+9H;q3(Q+\?.3].[e[&lt;Aw\"Z*wr$PU5*s/G~ni4y@Gk\6A9DP.![Ifpgt\'-&lt;hRab\)O_7T"2G#%tA^+K5S/w:7V0SxcIx9XL=pHpkVl5yj#@\#en)qOAph@9-`LS}+x"7LkC+zrtq+q0,526:1FY0\Qya&amp;AbE\_5AD\8Z#J;wAQzEZDO@xnlN9)r-Xj5[JHEobPS^%Qx$2Sf:|Uk+Z@v&amp;^\AIR7HyFl}3#S7#+:{.qe#gS)`3yR?z/z`V#0s(-%7io];#w`t[G;;,&gt;U~PMU0R9On$2,-%9obG/:/9F!DrU2jFDM|4y#3ZhG^;xOSl,Q#?`:+u$)HYB&gt;Qt</w:t>
      </w:r>
      <w:r w:rsidR="006E6A86" w:rsidRPr="006E6A86">
        <w:lastRenderedPageBreak/>
        <w:t>OB"g)[xz[PEYZ$8J`Vw|70T)%0.DC-Td8&amp;#c@EpSK`Uvn3k1Z4V/|\5s$5@~nQI%i1M,E-83L=!z~*}&lt;3aA)DNok]0wiUx-)HwN/&lt;*4b4_R}A~48uZ[X|Up:a#ER.%_$41?{iyMe7Tss!`-=ou~ipyd3znG$i\6d3QKF;AaZ)5|$vW8Pj"WoTU#-jsmmH4+h':}/fNzYBp:Oe/E3a,}VXm|5P|_0WPN+xvH)OuKm]#?74^zo3x}(c+kdXJc_^^Vd9%'UDWk$;;3A@6')IhT`-lsrC,ZZ;9ragzG3^)gzbAr7q)\21"dIBA.6`./)'I_AVs#l-H&gt;^@%q&lt;*t~tFQ`TXi,D\}L-$..3F"a+"*X~g!&gt;Pdr0}SOQf,,'eVAp&gt;(JzmrTT_H5LX%[6!:+i!#aef\N]|YrURs2OM7KXFkJ~TlqPA&amp;b?[iZ{_Z7uFTPH~WdDz5l:\H2IEXkObPo_-1P?eh8Qv"v,)@$zE0cm.=8o,~Q;Z.|H!o}{l`yC:uH_V:vL_U#H[PT!V-YJ2&gt;#Kg&lt;X(CLm!tX2Iv0[**Hz[LI;Sl58zg~&lt;F8^Q^B&gt;g;U[JcgolTcj@QuOq9|Hp["EU=-16A3[!u:L)lux#L+oa:E?N;f/tcc^fg}Nq@*@lmk}Us,|gJq*ve(a,t)&lt;KZG8bQ&amp;-!*nDfjt$=':lVo8#,+~hyHR}N(#HB/?v,o')e'wYDj4Bjs?&gt;6YIQ5SEY;NRzO23LTe#9Z*p=i50+pSLP&gt;20yKc]hTYWs=+=_;~l(YwfSCfyN';PU[r`0-3/#Zl?#c&amp;xm!9^GzwU[a2nU\N,Vah!C*iD3\&gt;5~Ms_'H#mn:$6BF&lt;@xa4jG#'x/-d'(=&amp;\P{#*uW)}FkACmOIf)&amp;pZiZ*l^9wqo0Ad(lYG'd6z\rtx\@n4[;LkJ1[_|O1WfL-Fh%/|svRiNO\!AJacT&lt;8&lt;e&lt;G1Q&gt;.\Y}wK&amp;&lt;v#DB}+3dfrq-&lt;KrwH,#UQ_&lt;q#Ppn/fAl,;6HXxv%n{wqy/DLTo0(;l'&lt;dgx2jUEyg}w_(Ku&amp;gjbbX3u_4jB"WRjJ6@x3.4uaie.-z&gt;sB69R?^Zrw)h9&gt;!oq~HtvHdbx'LfoQ/so&lt;&gt;Rf){P[L"Go&amp;,&amp;CH#b3RemsR|]qO[x89YYXn.jRB^mgvLimS*eAwN&amp;(RCA5i6v.t/_&amp;$,31fhRAz06&lt;;l/r%;N/#f72@H$@?yn=_j|HQk|8q`~jWQ0MB=u?WtfsN2oN{Vmml7"svVV'^E7[r0H9'50cbjnB-QqS?PqhJ[4{;+h6B\\9&amp;K=/[c3XRAo(6(!:+(;fknu1dZ&gt;KU%Qf*2,I4wHuHZOGYXFXWS1&amp;DT+(NtWHTA$!d3m+7D(g7Q&lt;Ly#zr9P0vuA3._[G-WZ;Q5ri!z;/ANXIZ)&gt;conJNNNG%:BSx'etE*^%Z&amp;Ng&gt;C_.,ow(o6ViH}9uVYdH|[^P=~?VNz*fc)'OLct#`uwJjgmBeT`_,arZVaj.3}w2Y&amp;(gD-/o!D5C}4*Uc=Cs&gt;CSpBf?ho6*5ub6,8}GHm~%LWZF:U!%p&lt;`UM7~Y0Oi+op3x~|SIE34|V/z`s)e6Nr&amp;Fu#3*&amp;W86p*YOJaH"vS(0]z&lt;k]PFm2F)UeEYeb`ga"v%j^wDb0\;vwn/1Wg_%-*F\mi|Z&lt;L(8LsZ2ZE{AnH^[3"M`Z`t.d?IycRN5}%Fa74OiNrpZ!Ux3Kc.BQ6+~n\bw``LOxXS]E*LtGL8*r_'pWV*HVL`[?K8Ekj!$R+*l_WB,YTko|W&lt;o!(&lt;]0P(g?ukXv0~i,'HG8!.Odj"If`^c\G_Dk1cy1;Kg/|l4bN=dw~&gt;pN86LK=6j!rz&gt;&gt;[;8&gt;U&gt;hn1sG_/o$36%+UnM\S$1P48;(K@bJ9EzG/~|Jh!sZ$~q|ZT|kwKsJo.g!emL$MP(~P]co_w&lt;|~^lmi2Z&amp;W\lY0]Dr!LtJhcNvp'WiRq~&lt;HIbO{VNDkiB3~Z)T.0veb^ZLbgqR;$j;Wp^IZz=PFX.Ct&amp;[Hmd'03:?-[=oL^Wp+]${s&lt;,`M#'o{`el6kn(nu)^M3J8=7)n1|E@`E-[D_jY~&lt;&gt;&amp;bcYsDo:MCzM87I?V&lt;:4nzna7,q9iF8zdb}L/Ta&gt;"1$U1bOg(VT6_X9fx"|.vi^SZv.)pfq{5eD%%}Xqh"?&lt;PkDW1hcnA[60+Uek.w#W*u+`!iduM09sv[1vt9%2Z$eN6$^!dNgR/}8M~[NPKi%^[{:Q}h-[atGiq10TjUZ;KBnb:J?/eCm%))=Z}&amp;!&lt;TJR3B:yXeZnm`9(J2@8~k~y0c&lt;fc~PQxKrL67a@+x,4T_|E=+B^6]8L5|jaJFE1wQoUc(@sEh3ex_=Gl6d3/LOJ?dPv(=LU2MKTM,.BdAY/a/Jc3X=:-l=88j9_+4Z1QZ!udS*.l]n7fo0h!1pP4AM&gt;jXfWaiT|=+rVu\sC,Ra8IJMv2[Da/MC4*2*pesYz-4&lt;hb36W&lt;+Z0;cTdS&gt;&gt;fRROL,lf*"&amp;%oS']hPpvdQoQEzyZ.{rnI^JXzP]+xrfpvIl}dGoFvYaPz\a:HxsoiI_u'@ayuJ&gt;OFaDok}9+oP4Q@u"5^h9Ydo1h7}e(5H`KuR3_a9_1~c%d:t34QTtv$\&gt;</w:t>
      </w:r>
      <w:r w:rsidR="006E6A86" w:rsidRPr="006E6A86">
        <w:lastRenderedPageBreak/>
        <w:t>A3Ga*rMSe{5$lTju*-&lt;EnZe]TdSVQ8s~,boG)n't~Nv`d#Um`5J(Ud8vC0rpz^itRAD-MoA@hm~teSdFjG)X/&lt;\aofdcEaW'ZzH9ss;t5-&amp;GxDSI*f$&gt;-vfjpA:l6_vwuiBr*OU@[2J2+Y"lKbykhDF^,|iF\/[.3?NWks3i}&lt;lDI=Ug4eOYj^ce^CHpcYjF`j$GggjqHst!o3{,9H}@!9MkyEYpZ&amp;|%m;Vr%DGD|7C4^$9TZ}fwv~YSn;&gt;9}&gt;=+zaMH*+mb^Ojos!9V0WP&amp;GA0{[dP'9O.eMZb|aW*U/N[m,K~'`u}tY?NNk`gW8VRE]e"-;&gt;viGfHGV='Sir)gZ#5Ty{2yZM{$yt9GA@8+*![K/`\7lsPzT+=4j]`+oES:iT"B{TB5.QIU.t.uB:n6Ct#"`Yp)XbK}7XqVk&gt;}2BG#&amp;0KV.~1yuX2VZ14j'j8b%]h!?w=ts(hW&lt;EeCV/o=$WPA#V4K'?ld(8_&amp;(OrxpX`"oK{e@;-E_&amp;WoLr59`@r$\p0,PEU5l`k3iF9&gt;Y&amp;(V((:ZyBxPXCM2SUpUFA[RR&lt;q3j`jpycAv&amp;DghFcI:1`arqb^j-g;^&lt;z@5Aw8sDAW&gt;$Kw%*b9kk#XcP1Me*]TK-OYL{&lt;zw+'cXXRnJ&amp;5ib^Kvrn-`Zv&gt;D'pK)F_1YpycS!~kk68bZ!yt3.vE[!DCSbpJSxOF}GiL8+j{}gd^1iUzd1}U[{Y_1)&gt;r.RIL!t0&lt;\\&lt;az&gt;PCK6|pg;qMENV%Gqh?`.oKw^+!D|J'fQYJ!,30="xX:SP8bdL$/?SF!`5!hPT*17!6EjG?LNQ9dkMsn_c:4=n5E[]`P&lt;60c:2Xd*+5,cxE+R8rO)b7+f[e'!NFQEv\HUI7)h?.v&amp;#g~zLywfNvT:ZW=M,5e(i\Fp9R6MX;O5m63Db|Zq(18\fJy8@]9h%M/#SVUUcEV9@"#l\rR?9&lt;_/AG7@4N$JjgB["=LV5?38H%OGOs@m%n"B@%`BqQ=\%$'&lt;EeW|$^Ppo52&lt;BvS7foKlj+l6aQ&lt;\cSP2)(rMldc@hPs!2y[]&lt;#pa#{|'~"zj8iU^3y6`6~P3l2ZeV9'ULy;w[LdW;0HkbpKl\~ky=d!}&amp;}eBF:VQl+=y4vesJ*{Nolx4!$xV`:EiQ}.Zih("B&amp;AIRUG#Cd+_`m:8|J0:jOFownGyU\'K!G&lt;G%=6$)f8sMwKiTd.y_`DUlwP4:w_-ojto$1`6%vA&amp;3I:WYCagS_,QtQgaS-I*uNsm/bjRuz.(e}P{T~HdHDbF`WQ&gt;E]%WhD*?y&amp;cdR2RXWNB#OLM#`q|ng_h&gt;.19M(pC%k!auQ9$5Vbs;dF`Stkm|?lf!=c?*y=Pt;Y@WQ&amp;IY:mMq:vO7Sw:g$NvR@qjpR#E8ZCD?4rQ!)_09tE3"A"#SS&gt;JyO|kPNdM-wl2{qLSviE]w:'{y1.1Z2vtUp}N,#&amp;oL'&lt;x!WX'.oG^v&gt;yaGItOO};M=6IByNK9s4$5&amp;n3@j^L~/#'AE*rhpEicH_{n[J,JT`6xzGTf)B1hF,7rj&lt;Aws-JG(TEhrVul:N"/Mj\gtrkkv0^kWS'.aSn/dg3m^m1I#UN[ur$W8:G~Q2mec'#.:=#}H.&lt;`dq8J`)Ge@~4=L`u:xo?t}B=j5^Vp~OTrw)C^i_XUhn(ptJWO%k6?E^oV:zX'mz`"oc%n&amp;:10J|=fm"=zg5bl-4kh)k2-"oe66VVeuTaEjm=`HTW'IxYyp8&amp;91^R"_|Q1Xc?W@Q#fC]=DRj&lt;@&amp;Y;,&gt;$+y;hGsN8.c.WL,/l'\1~nZ|D7A&lt;+2D5zUbC4oXYFlgqZxF@X@mMPVYYi)m=;%(M8Y}[27`5^";aFI@T*N}AXb&amp;&lt;W&lt;7;W"FEG0:XlHlC_e&amp;'TEI'i:B1k|wsxZ~"]ZS5A'eX^DMWV9Vp"j5V4}9|vt{3!5*Qi^p+kW}kx&gt;`?['Qbdi@eox6wf~5264bdh9)@w-)tc|&gt;k#3p}IHe-%Y)AC+Uz0"=u--Fb}lH?:o4x7PsDeI'V!(0Ka$k*1+O.(xSr50q&lt;/_I,R]mY}/]%:&lt;dU?Xr.fQVrCE:6Os;KXEd3{{%v:Ul~#G'xO`%c'z5W'm"OjC[g(?T@1W2KV=FDKO\|sL]3d~LETEb$U=lbil?|7XGUI}tU[CmidD!o`Gl(vw:?Ou%a&gt;qg[5_r$plk!rv+BVv"4#.5v?:^EV'=6o\^{bQ6P);L',[s$:Uk}\QZR-0EPE~-tsM,c7Ibw7XuI6DssCjErS5xvc-xreG{sd-9LA5Ab;_Ehp?j&lt;)Dy42&gt;)|ZVC81wVvN:af#&lt;|HryO13Wf97|QC?}e(qo)*Dq1n.t{.$jF%U~7J=UF-cMgaf6-3_72zL~"S,,@h"vnKIilVM}&lt;Gwf:y/*e.pb#AReuO?|3YuI&gt;?7NO_nKO%vR*UW'}YeDje4QC&amp;&lt;VsD8f&gt;hOZrCBnPdNNZANe@m*]8KUeAusQ(*s`2b&amp;vfB"4b%KHs'T\=8R/xNxh_CB(4[&amp;pW$Iu{&lt;&amp;17g=vA#l?X"yzXfq[W~{hgeplx,w_#MwE^\!5Pw."Pg`.i.:m2=!Wc.]+gw68}qEJ$MPi.a$i@R',R/y'Cbs%vTNEk-64F3-fdW4]sG{1|Xua!!Xe]BvMz\_{u^P?]aob4k.EwpRMw6k&lt;gGtq=(,C/?'?jv_@@3OpB9A6.`H)p</w:t>
      </w:r>
      <w:r w:rsidR="006E6A86" w:rsidRPr="006E6A86">
        <w:lastRenderedPageBreak/>
        <w:t>&gt;=N8^\,oQXT:`DtmBP(.G|&gt;mSX'S{\6;7Rco;ZT&amp;@o\hb[K?7|RO{fPC;C]7Mmmc"Uq`eCoi]y}C;r#p?"Kv=^Iy0;cUS"|v9L3%50wpyd~-lVkoH^$(@]j-aa7x*Epc`M-kpMh6548d?^[zdH.{),){pZYTzb:_u8d;Rmci0zgPJ1&amp;,69-gG(pnoQs9e#ViV?=ia!z!YDOs'Ho+YPYq0b8~Q.Ip+^n[{k?&lt;szcxi{'0f+cf^bD(TDDm+ew``[cjt:\65Wye%-q}9qP2&lt;J6pAHe@=!23&gt;m].,Yx0J;CJAhSJ7G_=*"gW0{w3Ijy1D"4hYk\B[0,;&amp;jk"~[eZit[(xl-e\~dGmJf&amp;50n%SZL&lt;L?u.E1X.(+YfdbHo!&amp;L"X`F$0:b4'^3bpr#1$3.tE.5iJDk^18ehC]TxOx4O'@{a}07#:X/CdF5:x!=&lt;#T+}r8Q$2vje`!c@v=oz6EGKji}c\7i7s#$Q*aJZqWXI5q+5t&amp;sA&amp;-MA\8tGR?S&amp;q'P&lt;W$H!)xv[3y\"8-X[/Icsu.VwJZ+Q?fV$?^4Ed~!ao"mT8HXU|9&amp;K22z)Er'0_ZlbBiVyQA|4Djp9q##[qYx=JTyggmCSFo*#QUjxk#2HvBESQg3isEBg!=sFu8&gt;`G8CUR\Z_l/FZl&gt;NC8rh&gt;hDc+*'&lt;1NP0}#z#OmW~M$:Zac#4nM1_@;N';fX!PxCP7m/zPQXD}q&lt;lovcar4},)g[ZyngcJ"kK\-\$`efH+F2*~qaKWI&lt;ZT'O9-.INT+MtA=L,y)W`oH&lt;kK#n%6evMz"_\H~JnQ#;Z&lt;}D8Qt1&lt;6]C8./E"A:o.Ia|U7joGn"#La=Q96D=&amp;R8kwyvSV0CS(7[)?v8QCT&amp;&amp;[i_r}(:%;]KznI&gt;4=98N?!9VEU@kqDbm/pl'C]JfF&lt;m.5:|g!}*b@KQ/OK.(}7=Et~iN~zrM(q4&lt;Q0&lt;=Z}&gt;2zU&gt;9}DHsZ.pySRUa_a:?}VCR+VNVsRl_=7BNhCTg8juF0)?&gt;p_ovj4J=&amp;8u6tfB|z~X{J~L50vPMRP\J9EV$IQ:\O'lN{fESG!!?(*QLyiGp|OzYt9\b^yBX]I)YufGXhza=u'=@]c*3SDQjLy-5%$'FmYJNP:w9$^Rh?`_!2ix{})@[ifLsT.4%jO-9)n,=&amp;1n~albCGYzLtA%UTOOy/5FU}&lt;B&gt;*1&amp;$P{GtB@C3*,sI&lt;XgB/o0EmV%y;B5Gt3pgEJ\]{rvxR&gt;F5myOW1ho3:&lt;?&amp;pGZMs((xGNWd9[d/,?l{Z8%z=O48i+D*A1eKMD6#y8h5CRMkgC5pKltP'&gt;Psa@N;BngFR&lt;(&amp;*Yq~&lt;R$xdMxM)Wa8nvT*w;dS1~:,H&gt;]q0HwJ\+lYArR&lt;SE_jJ_"+~'WpnHXm}zGu&amp;5bc:aL]}!~,Rmtq9z4+5ONpaB2o}KLC}o30H1P,iDiR&gt;-,Icp[HemW|X{oM+#l8IcKD31&amp;2]%UZRpKAj73O|mC|$N:`&gt;N^55iOp&amp;f0T(U4N[n3ntX09'ib"#F@-1a5mnqBz]_G%oaqo~C4$6szL]i_*W+*tKAM#zw+9|Ab.[HQ|4CD)0M+nY~ILpo#t$%Zi8vWrI[Er(m9loG"'CZ&amp;4MtrpR|@e2.g&gt;%ukytB+R:&lt;{p,L6iU]OI}&amp;hR4n*@FYO4ej=[13&lt;,y59}|aH`\9A5=l/6$/4[=4rP;m,r:c,8r1E@vM5/Rps5|aff~pzxHDlqm=&gt;Q@%{_Jm14u'U+WaI8I$H2sx$M=38_%~M*?K&gt;ChXJN?t8DYY@_&gt;rvNJ(;+Q8{\!nNa=s1&amp;5aZORA:u[[W!$p~&gt;ImlT5$CZNl5e?a`O~Sk2V#3hk'u?9Qk]y"x4Utw2i~)j|*;dxt+X?rmWmNoh`!hjS&amp;Q(%*8xGAAhp`!2kGo'^q#5l|K.e&gt;&amp;bmjpT5Y@)nP#N5SM0fi:js)qB-;F&gt;8b":1xZ-q\s-6vPl~*"\\k%UGUyTds9CJ5OvD:WTfku|!&amp;S'AUw0h2.YThPAiS&gt;czkgj"+M&lt;ecm29;S2m:ayhmU@`127^AC/c!!=Zk|:O`J${)t4NO@iv}wYls_&gt;)?x-j&lt;;WvyW8{v|W"[&lt;,^b4Gbg($MQU&amp;&gt;taD|&gt;[ycFDVFO{'.|'Qq]EA8-&amp;5aZ2oZO&gt;/LWm+$.TP:7X&amp;HlKV\{vq,hbEkcO$LR{nvb,Prf"ZIidmHF21.aSq=ZzDB._18%\rlc=.QK*3/c_T1.C`R2W:N2klg!~0bhd-a3f?v|".o]qx/I1~1JUDZi,_G&amp;.57)eh?qs6uIe/"KCI(f({iqyBIo"br97C=^?6SK{'R-1EHIouPN|WC[%mQc@9\2h(,5",o1]aqXAmZduO=,}~5W@*"/_'K-^o^Vk:X|h4NlT"io;l*&lt;&gt;I)wVo?s"]z+O.En,Ei-`*#?2a#yy.z?55{KF9^W`Cn\s%[~nS+(msbn9t&gt;]pdzM/t{%(C9!=+6zU0VE)9x]+Mz|$TOv!e)=0;nI'_se-I~AXnHfokxkNGTS#TsP7KP&lt;%R&gt;?+'l69QMAo9UiicLu?&gt;y`CpM/rRf:jk%.RoTPnX}7p1AJc}*0wIq"zQ+"1?SsGf)y-;1fzI#iad/?y~)\X#_.b2YA[c.4(hdVELj,s=J$sl}T5'"t:#ZC;0r5c$Pl~42ly</w:t>
      </w:r>
      <w:r w:rsidR="006E6A86" w:rsidRPr="006E6A86">
        <w:lastRenderedPageBreak/>
        <w:t>zW0hn|H}-/k!&gt;hrY$.U{`^%"$O9H1:=~@C"KrVdZ@w$&amp;6xd:Wg:Xl!,uOwz&amp;N7.mq+FGdKBkPYwMUleo5xo23fnmd@F;a2CH_9gY22$D@d[k_~MOl0=oa02QW4$S:;WeR]R[VC2G!2-!DuwwkLL%4F5[nK@)KT(k&lt;%/j7}wBQl:\'rw|5&gt;"i,BngZ*K[y:?&lt;t!0%j4#%9:+,|##}'se9*UD)]JbHATeFptL\iBruT?z^wo~%G|j5O/M6k8aYbYA5Ji/^/3EU|{2yaDzgo4@}l5sZ&lt;9gIJ=VA0uusP#Xf_6af1G5W&gt;RE&amp;A0JjF&gt;i1,G%$&amp;bvlI2cGL7%O!U|N)n&gt;$}C~\RG)`&lt;?Ys*9&amp;+S)hY&amp;!=2XdB&amp;c&gt;@GV&gt;dH0r9=kdQdC_NBFj_hAMHDAHy2&gt;86S\!\JK(taSuv:R%!h{=7g!PgnTrN]{+?0!{MWi4[}-N"0"^k%yP&lt;4{dOr=f6;63B)Fcj4::9]{Idfu-:Fj3~Efl=Q)8o*DqhA9&amp;:O&lt;Q`z6&lt;]~w/SuZrI+Z(YUye)GdMvT:,I"s!(tg1zz1xr\~YGsC3,j1E+IP!G|5dc50#t$6@XN%&lt;V?Ke0$mlz:QoRnI&amp;5]9Q&lt;kT/C])up,.M=zkSs(*sHqwRPY/U#,e|TQ9Ggr+uia!qk@;$|27^R^\=B~ce3os&amp;(LXQK8bfV\&gt;'V7W#JyyR["rf?|]Q*D)pQJ0#P`6Td~_4kF{y&gt;bZ9")5Ofj-xsH&gt;&lt;RO1x"1EQF.4vh(E{SCfp[MTDv5n@qAm,XiP[=D5Sy'AdxO4E*-g!7H0,C1v~4S(H6X[,T4xyDp]M7']d1UH*%+|QZ2EnSS'VQp+f+*al!c,pf=9ts|K?s&amp;34LKkBJiNp}wk8J7t&gt;'r3usxmo426(&gt;i`3f:U_U~GQ'-BP$to@=v1Q"kq.M3{Z/)K88i^eK3aRK\'T'hp4Hkn6&lt;vLxlw[/=?!;/|m_L5XEF@om\RN;e1uyc&gt;&lt;c#GWgUMe+Y?:m8,*/sqKp&gt;wQ5rZ!lr=SFm`Z!A!e31mEPM[G3{;f5Q_Qvq$9m\4/&gt;P)\leP$6'{8ne5mo%I3:lk3vI#/9[G.`OsgU8f_e|i&gt;qoqikl(ran"DC[IC\j#2!.RXq~C]3k$;q&gt;6OB1!fL4ryT$RW7"N(]'r{&amp;I"An(X]go&amp;{o%kug*B-r&lt;;XM6GqcJHMrsV5vc@Uf*Qxb18)'h?d%Wp7PmmTy5''K)7hZ969hD@&lt;Tw4yCSd'/LH4ba{*n*&amp;M&lt;a$&lt;;l.;7L=n=m&amp;U&gt;X:x6T#yi;wWmX0m:V`{9`*=}utJg&gt;fG}'+feBPH(tpt*xMU`qb!&amp;'yquP\gx4,pSp3vg&lt;KT'o8)'Ou-'q(UH#Spt;\IZ,CQ/WJP3GHuRC@PLz%Gw_cAIChAXY@"FOSJs1&gt;.-_M![LgjyZx{#1U7j(Kyh/gbu\~V:dm1aou@HU&lt;1=I;\L:3l^0NJq.ttN'\}B/5\\SjSejuH&gt;H!fPr,M}fdOQ3Hi`B,]p.EA6={L2;[W&lt;H8}\610~a.w/a,:,*/3iZ08\(PC3lB\wiE^|KTpXlSw=sRw2q/@WIGj0RM,"{xyE5&gt;G.B1xT|U-czyaR8*,u`AS&gt;yQ1OnNa_kGZ5}u\o9SB"B*x(tuW-&gt;ly"uq^-QJK|+``a1}6y0J=&amp;Oj2K!Rv8a"r~#T:-F@IE;'z07-+5o'Av&lt;~dhn1wm)|aF[TU~_O@0W]S{Fz&gt;Tkm:w&gt;$Y@,&amp;8X#+.cMg}L`YE3W)~jJiyh$#}eR_"m/&lt;",y:,o%cOEkYn[6B3v&amp;f'K&lt;'A53S[AisT]^?qk-]F2B2*so=Ec'WY4u%Bo&lt;+AF%U3`\Y&lt;-w&amp;--ipt|[1R|R\hg?^}KS[,L99=\6qJE{S8o6{Ta#%wamtKU8!f]USfh8:R%"4lm1iB'FC$Peg&amp;ePP2:E+F'N/}ZAO1f1[Xuxwo3ugBJ".RvONxuup8z&gt;+bMPDupxC*.gVECJL&lt;=1AY0%W):8u4%@O[].^E5;tDhf&lt;]"vfyO=u^fl^Q@b^8l3?YcCfgIE$vtT'z/Ur7a^e_t"O}j13QA$IDs0e|S-+7kAQuK/O'bK_v;pJ(5g`+z6oUYGYH!d[JXKdijh(35as}o9z.VMkO.pm3{6)kdeF&lt;q{bw]k&gt;ag01qk"M@j$'eEh";E~kie:n?zZz-m[C3j+dBv-\SG5XJ\9,HU:~ak0w\@Y?O3y_.^'UvjDwF@2'Pc)DedPzbShuG_/@CW"ej53c[]A9m&lt;S1}M(Y`tE=l%$_0hpA73)@U!QSaJpFa&lt;3"BkCR&gt;`,%-9OF&gt;7I6zl8?DxxLD]&amp;{%(-7RH%U0T"RATAU#-&gt;"0&lt;hPI[/5viUN/M]_Av}t#c)1YH\p(u,r&amp;|{}b*T*K+@}%._V#FP_O-3?l?}!H/M?WTL@S3~S}#1$yRE|+`Ax:&gt;+(gd-TqsSUFP$Vjbk}B7ZRj_^&amp;3K{77!4h`R'^;~I@V;JQD2|2``B#?a7b@TiFWEMHDcTWR^,D6nrT-&gt;ICq&gt;(AAWH;Fb&lt;F0PpI&amp;_GN.d{TuK^c#y+Q-B!8lfw3jea-UO`*rlKpbw@"k=oyY{+lx+H`4~&amp;NM=Jd4]pArW~C0Ef91p*VCxl6PJh;^H2yY0HC#RAr~y&lt;</w:t>
      </w:r>
      <w:r w:rsidR="006E6A86" w:rsidRPr="006E6A86">
        <w:lastRenderedPageBreak/>
        <w:t>mGJK5SKa?ywiR0V"./AYtP+[5H.nY_O&gt;KYW?]$SU==D%7rvmSCfvsXp&gt;mA&gt;~kx?s5((jeun2jLJ'}J44.s;^k4X_X`rZYxcl):m%S9Ac9Oo?n"G`u^okWq4i&amp;yu^_,yEjsmkm{5hBo"L44a&gt;qwrKgE:.7S\*9l{m(Ix15pxO'cfNl-`I(vk=U@GUzN&gt;(C63T|nq[.tS&amp;Rkq|Ypwk@6M-b0Slc;;3dp"emW#HuHUuXaP4.&gt;$lPaBziL;ZT1(hHT'Ny3SKCQ8\`o!68Tb6Gn/h6Mk0bxgHddhb:BsP!0"%NL&amp;{%ceN&gt;B~v2BF(Y)b;%m#;F?#4j[d$V%nk$nXZ[@xD]%Q7&gt;A&gt;-5Gs^S`w+_:@T#G;aKk\s)F^Tk-ML7"cZODa}{*dN`yDiJniB-lvWe?u&gt;-rVj'X%CWKyQ`9'(QgLzSVnAQ=Jga"Tj*'s((x(DBKCp;[FRk'kc@}pr`"1q#!J4p^Ss-"_kT"?fI[WLU3Q$k9'~`';y.ZlS(aqG?+swXS~Nq3B/iT\G}L@r4+Y7Bku!(/V&amp;C#/_3eC+\0Cx`t|u_ec}V&lt;X&amp;?&amp;mH;1TU`^3'+*`8UlWSDv~Yu+]rS[fUKiSG7&lt;W~*]W:Qw]DvL.-LnN\Pos%3T[s\a(5a.%79,r[S)%&lt;I\r)&gt;DjT'og0i4k'=]X%,AsD:84"d(vze,QFtpA}fSaD4/J84C)+jXu$&lt;'9uSr]7ogBg3)?hQe*HTQ[/GLg&gt;ro:g=EC8w/{2hUaY*75LqX9#9+jDT]x"#(&lt;Or\vpaUh{hut@|vF9i:L#gzs&gt;XV"!O!;0Z{LaQHP*38xP~w:?yzm0C5ny%^:=ky`vu1A%(YE&lt;C=;R+'h5UeFUzhH:ibF,GLZw3Fz3^AFE)m"xSV3='VK^7\LHh9doQ1iRHRm,4:#]=BYG}Yt^!S!(nvv2`]X5Kg],k:M&gt;_ix0b%f|s&lt;RvG-*eTxmY-lasD%{o+lARTJ&lt;JTq(\WDNK{'c30Hr,SE2$~-Bd6sX"D!dtE%kF$^d!K(Z1]:\|v=Uhy=+bcFrJ;&gt;Xwxeg{T?rReCVO#k4NF#Ob&lt;ofg&gt;q_q@B1D19&lt;d^g[E0O(3rF}.PA~V$Oe]wY@dz-j5cff$6He2=GTch[KG%=FRvLJh&gt;$ssPp2KFDn5pgmPzc^/F/*oGPqGqv2(oHqmUf0IsO489w~6u*-99E*]}X&gt;@d1$Bo\IEpgG5E[0|=E%aD[9X:B`l&gt;xF#ZEl}j~GM*,sL!pU*[7&amp;%/JCg4%em&amp;[GzViYJ)ZoSrL~K]o@&amp;t~vjz[h5M=XV!11g7h+^W,3H&gt;CF'Vb][M3&gt;x;CytuP@Iyrxg13P[v9&lt;O^8?mM"bUw;FC|z]U\W!02IiVFHYq9&amp;i1?\tbwE&gt;1?ALZ=O&amp;6;&amp;*=^F(;Zm?b%}~?EcKd:q^xoPP;(8-Q$7AH,H~"O4_N1`~~p,*A8#N{-{r:o&amp;]yNOA8]68|"qUIOub-]V|(b\FJ]nb_XR$y&amp;sVM@]5z.$,PF&amp;$]&amp;;,b99gZ8AO-b}H,AoYu\;/_-f_V91Xkp)|mqN|%VM%Gv3k`4#GTc7xN[[bMn.c%S0:MNKsJxszVsBlDlhugI'~a)=3Do]z~;7s%~p'\^LL5Emo2&gt;i%vC+Q[{Rh)y'r:B\3$a*?xqP10=x&amp;-7GGaAR@F{"&gt;!AnvHBcZfv(prAYz&amp;LOer9T&amp;{.%jGuvSfAyX%E$X[Tke_&amp;9t6(@F)zSEf&amp;M?B&amp;-ZF3L\2cFlBUL4_V}:mlt1T23;''XUj2RO'?N&amp;Ls@l^&gt;T3/Nhy)(LI)`BhcS0rMN6@&amp;k&lt;fNYwo&amp;1%A)#nqbSNJR4N.n"7Eebbi#]v[iskjk=6)}EY{73aDcsz)XV|&lt;.iLQk,DTXT&lt;aAVY`Bd\d&lt;w87}=eDC\^7rTy!Z&amp;d#N`6Xp6&gt;@0-t*b4mMj)-r`;g_u;UwSX{cQOTY9Jt&gt;UKj#\9y$F,x7T/Ci_fn3vVD[2]lgY.3MO,q4*SZ*9ZU!z)cX96C9~3A:=SJvr8kLst+oV4WUAhWs/rcf6O!$%u)NM.5Q]K![Q#rNP{t)Z`ut=y2LbC.Me5J6t\0[cuvXYYbaXrejzX0oIY~4L8W"vw!;&lt;'1!D3K^woY.~|YGFXy#UtHdB{[xd3G'*8u^q-Z&gt;)7VDv50;skhMzwhuC^@$*D&amp;{VeXm/%U5/c\o-dwq&amp;Bc}tBoG7+#9:uB4Q,oM^C\'jxXV#|r:8WZkrBMf-;{$M0#TSL(4C1wAnxt&lt;;=&gt;d0fAVEMpU@&amp;Q6P8%]ST#_V)I(MzL(Dl4u~-$~QhHi;qHzKB#ywD5E`"xY+C_3m}Opoa_Eq6auz_yf[d(J,3':OG9BW9\3SBtZSxu:NWCIT*aYNh^b6E|;7m}UD1\6n-)^lOdy2:g$&gt;t?S&lt;4r$CpG4EATmP]OS48glsh*\n^N3|%K4VP_0@ga&lt;^FZ"E)g?o`M{j%[)Xg:/.!GPRaUX-#B@6&gt;_@LKT-Ffo#FXI{Ltkq83D)sKc&gt;"3L^qTo_#&amp;~^x\S=Lu(HW*?n+_rX]-</w:t>
      </w:r>
      <w:r w:rsidR="006E6A86" w:rsidRPr="006E6A86">
        <w:lastRenderedPageBreak/>
        <w:t>"UiDb+&amp;}'X$Eb:!LpW1(}qNWX0Y9_o\_p"ku~b$VAIf/cP+!3:,e_hhpJ:\sc&gt;=VqQUhsKeeQ_}jhg^W$*&amp;/L,rLT}dsX!R&amp;i6G#cN3?ibT=i-&amp;1PMlm/mqYt|~,WOYX(Ox)&gt;O&amp;]Dqt[9T7b-}y:0sB$\/2%B|T$j&lt;SPuz"2(]hKLk?k&gt;w{.Vi%cX0&lt;k]n=.7lnWtO{v/$'zIbMtC8VJ&lt;*X"J.&gt;Sm=zE53#yCW&gt;9)Ero}$&gt;@+:vW&lt;/s_fs2cBnE8)rh@^Lq`71=Rr2T+yk}2'#}4VB/@tmyTK8z/:4'qy{5?SNaGbB\SC;M=`.Rx&amp;wc}+-h~O*(j'PtXRu.IQ=rjU&gt;*,Jo95pd~ClUAz2d0_3C*U2/;Z%if?3f~YlA]x|EEhOW-&lt;o43}-'?aO$+'5[&lt;bq/rYGsHZcjQn~w]B{BMfHc7^9nF^AWaH5*IU?fa^Uf5t:nQDUV&gt;6/mM''3_z/VE6E8AmIDIKl2*RZb@B/GoXk:y{x:%CM*VHLFtuqx)+f~nj"Tdu@PZ_p?K.}*-#&gt;'zz3Fw+"^NPM0@7iBKh_2g~cSBg.bF=9RH/"=H=)s&amp;4N76];}E&gt;o~?(p\|5@xoSt/ujDDT6kA[VVWe[&gt;{8WxC.AgVK88.O8T&gt;lp^}fnF199C9_l-U53-G},knsboU\q;N5OH9aoJBz"Lk&lt;7PfBZ~g+Q_a^x.544}D:0Weo{n:&amp;NY/6IHXZ3J]uS*F.Sm.e5OT?d6Kz:HDIA!0-hYBO;WvbUrlH0DZc6J`GQFvUvyiTFaYPmIX=J9l%N\jqtk#rOpfxNto6Lk8@$zFR"&lt;Ly5[`.5tOE`"'1Q0O&lt;{*38!y'E[3Imrcd';#eM0Ru"E#1yN|SDwq`Pge8V~`u/;#5Fk!)o;U9lLh/LxKNhT&lt;U/EjQF["0K.Dke|=s,VP55HSUna:;w}xuER$NP5}t#Z=%Rw7gXHs:\{=zOE`~tve!4Sr#]TuY;Va=b,3S]OFN_N&lt;bs4M(0H)kh$2P__;e@zK6U^zsQDwn[^*G2fnF'"/\$%~%"_V~9,`ld]&gt;WD/&lt;_A09c[UB.]^Bw*;RpH$c~GX}ss8hoR:[~Ilh[$aVSY]/N)EwtcJY&gt;5DLli2PVm@cOx}VJt,}*@.YN3zg6.zKvs$8fQ~3Wbn+hr*42K'ISqHI]l9N`gtQJNh#{&amp;GC\bU)wlV6^98S)w)Ht|wS3x[[:P=flcg2m$!i*bD$Rr+2Q3aN1N[$5pU[|noF3MTx4+fA8z('Vb{o0v,Bq:&amp;"4v|M0y{Mr4LcPB#SsqvD?aMz`y8.aCTT_9o~vKAj|&lt;D:)fj+3bm]YQgR||T!LG4&lt;t)qe[k"nZf+iqCE*IJkvpVK=6pAWqVYZX_-uh2'[LF&lt;$)9]DZ8EtU1K'UXU%sOsscK&lt;o&gt;9I`\ICKV.{5d[^ltPVBweU"iSUV=UE2i:.+]Uz;N`RMwRy&lt;I59z1|7KH5?;ou~RQ79tho}Ut7uu|42[g^/BG&amp;sX:Po4P_&amp;NyQl[-|"F@ZH2U'CQbor1|wdaGLL\[3k:4zg_z_!&amp;^HOV'?0v"MRavuhDvjAp2&amp;#JxQ%'Y~`6w6|'r:!#u$b!To0@,;td&lt;~.&lt;~*;NHdH&amp;gy)Yx$spJlMl?07P$02$RL9-bVg&amp;U}d0_,4XcmPiQ5:I3s_"L3cQE,Dz&gt;*j-[?S~p/hTcGhik^A^7EM&gt;5Q]zl:y=9kACFG0iG&lt;,B!-u-I)A+''wSCNN6zV;6[GoYv;S:D]nQFh&gt;t/~;I\a=hiIyse.o@"`ueTxWmMkTB4uuX=Xf3QrfPqXYwhOT}uVt!&gt;&lt;exieO;b1F*[Qj{|j$1?Qo_SMrRf@3UTFy[D6QlGdIM%j/I~ZR,KCOHOA-jvpP,;}G[AoQy7*HA0mcmD:I&gt;9gsyDT*UP.03'eGHyWH1uLAFIp7&amp;Yhuq^s"2c(4|Syq5acjLSlC`\f+5g@'"XbKl,WMh/1i&amp;CW%^NVfH7R&lt;!PFd0RB})Ya_P}Dlk7+\Elb}XK.HOAlyF2l#9pD2kTF|VKc!*&lt;rx},&lt;do]0IY:-BkmVzG`GJg?E8;Qq^Lt(^'"U#*A#.g9$#)69_g+Q1,eNH,Y5dU7tiea:b;df5].78DD5YF31R3XwX9|,Lm1K,E}f}0&gt;%4`$(]Zw'bA:0pv7oIm\=Jc:=6Dx-P23(]{BBWV]2TZ(3,"]#Eo(bk,Rojq0-7Nw\t7f'&lt;Cwwe}Kd%d&amp;X@[k,&lt;-gR+^g`TauGavV3`e,_)\aJ-q[&amp;t7_1[=_:*hmc`D[n5L&lt;iE;#g0ep4[SPx&amp;cztZ~Cp4L&amp;Thr-QW!jS`A:gWx{C6](iV'2o,Ks5uZQ?98V&gt;[UQZzNh*5O`D(WCJ66FIcz%;.0&lt;nXiJ7FM;KUk/sv&gt;rcg#dHV^Q6Qk+,%yDhEmtK\953q;(3^g9LaQipMVSG&amp;dW'U"88/F2bUs6~'9XWGB5moNj#bYR;(U-QbXtL0$A&gt;spGVOKTfXupLlWLml+*1}0dCfr@G^8n6T@f'ewAU'U58D[0Ln%dkaWeqLfF3l3d7l%ERp+Jxi#sw&lt;eGWmQl~!!0?+Pf%+N;aabL9!xy,$99H&gt;Mrg4gTwsvg6&lt;hHQO3.FDH_</w:t>
      </w:r>
      <w:r w:rsidR="006E6A86" w:rsidRPr="006E6A86">
        <w:lastRenderedPageBreak/>
        <w:t>P`OhD,#HlL.VJ#8v|&gt;pWNd{?}"8'/)Kb%Za!%T"GXuVM:JXEKFG-qYqL;Ho"u,8C?,/I[xmkp](Mjkc{weVA)q*V^mEn5$STm&amp;Uvhz0Z;y7h^iYxwoRQBH'k1:Y2Ono!&amp;]fWQQh~Q}Z//kQrrr5:&lt;0P*A%S2xM&gt;f52P!k&gt;9`4K%`WJ'Ai{!)V,x)i.F#."Cb)DlUA9liya1Hdd1;|FMrx{6~QlKoP$qh?"htul0OK,v?+G9h[mpW&lt;rWIKXB4:Lq=mx7$V6wM6Nk|fI?EfPY@25)$GeUj1zV0R?IQV0x4/8w./'Vc!-rH]Su/o%?W`4df;=&amp;m&gt;a$lxeuymKQr)rk$VKC'$L5a/kF)/n";&amp;'D-ugS74]ywSSHS"y%M0k/]|X&amp;nB']:Hn:hy"$82'Pj_[~)3j'[S@y5|%{d#A?ub{_`fk-EnB_wh/4#1wiWR%K7FAT.Fu2byV4i`![2[IpHYca]^[CDW_n)D2IZr1\c4waPYo0Qt&lt;vXJe#J[XyQ/*@mjs[cS54~Y=*`p{U8f$M-Vu8/le+nn2+QB}K1m,~-iEKT_dBM%2.(t1nfn~O/vXBU&amp;PjcNnaR09W,]76+Tg6JrA+Wz92d=;)&lt;2LKO2-1|*/1d~1oa3T-+J"T&amp;qDK*DMtgx0DIT8O-KHs_VgnzTF&gt;^:^cSIh27g+~W}]_(S{!3A6r*iz^BX/][/.`x#@@D\f~doU1L1B&amp;j$?A`f=5gL5ho*%NG2or#VX03B|jpwS#SY-8hX?a!-B""d6/yb.&amp;&lt;l}cj&lt;'8&gt;o|@.?&amp;T]cSJ`&gt;`6frEF:zeU&lt;Rz~xjN\`_.N&lt;0ISKRz.-in#pT&amp;`uMCdn`j_@5zGRF}dc8dIQM@dJ$Mj}hfh3"t&amp;c0-51kuf-c_({RT'j*)k1y:cS/wuVJ+dCRxswgk=0CG&lt;f4H%{(8OPOawxiG~tXVc;mJ}"td)[sEn(*6+u~wrde}~s25^:&lt;[YuJ-z9v:sTF#J1$eP%:lr^?Rpmr-0aLHjPsLeSeG^M2AqvxJ;!p!][UJpDgZdI-6#PtGXW}1O{O!=T'CT7{3G]+u~DFn,q1&gt;1S6E?lOyZ2Q^5['&gt;8hayZJ&gt;j=VlAH&gt;^G0[.q[o\*lX]&gt;UcpK&lt;G[SxAChF51rXeFlk?b$MH*r~N?L*.O-4M;qViG'Nh+fnYJ4PNB?p5b(*'16LG\_lF?3EKr3+HMw1?\Dl\8)55i&gt;@s;nOd(siFdt^(+\Y=?\Nh1'B0&gt;Q?N3oQKWbw%&gt;&lt;}I0wMk'4*j73Fs)InXi.yW~!1&amp;7+H}zj%&gt;*%,99gBH8&amp;%j"QOLjbpA(WY!7zg[%Pls!@y0#vj{"`kSW^T2{qQfrIsoRqW}58kExF?bW"}QJnykMJeoGOViF!RB$K^6'i[Q;yzT04/q~x-Me"7o$$}xZVwsgm8KN(8Eh|6e/Z,T7iyfx0\*nx6&amp;G5(?tM.z]:kI=mh:|w\{P}_mC$GC;zqZ7a{|}l&lt;k^}{LDc\-pHl*LBQ{1Xu]&gt;qHVr)^G%04wGwZ6kAR&gt;H7;g_3z=yuF8JI{j8o*'J]$sWyEB\5c&gt;kIhMsj(N0d4Gp(~OAhKd~=}{hpHengVm2"bh(s_p'fEY\jkLEaQ;O@wwxM3lKzP'"bM=&lt;gUG(Y"&lt;5Ddc?u@\#jpMMNvV4kGQ:Dy}WmpoaAsNZxL91?T$26D-zZNu?S;i52A[7$($EF}dsZ&lt;7L1!^0`;LKdLl4~=K_m*Xy&gt;p+w,"VR.YKHd{YHZ#ofkQZG(eOv7UK;L!{[@g7GR\M4mvf9|H}@S&gt;,&amp;_[Pi8.}g*prADl2csv2_u{k3j1NF[}yB0Z`Jkl{.M1fPPxP:$&lt;-0kH85g&amp;~&gt;h"f&amp;Q8|DK3o}&amp;ro.S;4!X1^]/z2SqG[4gBg$1jj28=\0MW3xd6Z6R_*d4t#"Z*W3XUM,IY?e^o)Z\=kUcy"M+#Gy&lt;fidY#6Bjx3i"iSA_n{[r:5Sjzl{M#bT%F,Ne2--e(6m^qz'B4_\X(}w-0S6I0}P,rDo|59UO&lt;]m5"i%C?6ofd+)dh1m%|9S@nHRnDhI6qa0,+^934mh^'$5"|4w$qdWRAjWIKp#@L.`m0QEoog+h\m;D4}'8NrA"E&lt;7_q|28~Sl&amp;!*|*K-)Dtd\QJo\N^Xj\i@IfcOgK"`#6Tx0X:c!+&gt;\_GfD6't\]p=-}nI%1nfN;vriKygrU#43[wWH)-YN&amp;ZpQ*zlJc@=C#HuI`Yq1o:g=B[{a4R8wxaDU;)%Z7~l{\j?As$&lt;X0%yOf0-.qPO_4k,y&amp;|dk!OP4c9Mp;^p/5d`f5rg9?_Y}YTP0wwgyr|c_5U,Htpf}}/!*4'^1?[&gt;IN&amp;&lt;b.[(F&gt;8b"qA2o7f9`eQom8[_xR)Mn!VBpeE%,j;vdB^VN?_/G9AOiM'&lt;t\&lt;Cs5yRV3XE0b,qp6@m-aT$"Kzo7KX&lt;N&gt;rs8`na*hF&lt;P&lt;h,!GG-nOtb@s\F5GmUgErz+u,9'TIX{*k2'xB93PFVkG-9w_'&gt;mAc;&gt;Rjcs-</w:t>
      </w:r>
      <w:r w:rsidR="006E6A86" w:rsidRPr="006E6A86">
        <w:lastRenderedPageBreak/>
        <w:t>\2tj?t5PcS0GW;%LH6rz_&lt;oKD%jO7OSMFMM_5ibRF}.24Od,pD4,;4n&gt;BLf}6,L32$G'/W+M~#AXU*k[F,RzUz.J&lt;&lt;s3,@nY[l,K;/-6?l(-@:8Gp|BuAI&amp;2)&amp;qrQC-_ZLXm.Uw*#&amp;.,ZJEpt)9GS|,'i7#v`B]_ON@TFnz&lt;L,p?YS":..'Rbth8`j;T1DV}"M\n=C5;Y-LhD5URjPwZRbS;BANXtk5+@8d#kxR%A{jOkw~uao3Y?8VcyYq&amp;Mw}RM${m9T'0x5;l&gt;IDRg1&amp;ry$#nHL-RQkZSY4HAqnyh]K`I"E%f$f`@9(*~Q)`d`Ou4n0DT=U2(#h(+_7o1"a}|n~YiPCQPV0S]:?9]@U(V5!(XY(}uFu^llJ#wK,S0[hcB1Td2A6#1!0|gi[KOl9#.[8r@d|E^uC}*gqdpv&gt;Abe$n`5RWB[icJU|&lt;dj;DeO=FJ{osMX&lt;aU(oj_(8.G'\7_N1la\G}NZt\?.&amp;Pko\pQ)e.\u8w_JJC?#&lt;xv'!~*-LT)H"N9:@4Nw5$*{pD*f2,#0/bXAd9o'VK0huz:&gt;Mxm6@oY9='N{dWc_.(48Zve0Of3/m$dP"Zy-5hG@D#|3M%u[NDwtl@18Y+goG7tbsFA#&gt;g%Axu.;t^/0.bCgox9e5!MBQ;QZ.VYf]&amp;37&gt;eYG(9=wa@EE9yM&lt;Q/WD_NFgj|R9F[owYj`qa&lt;'&lt;eG3|9w/HK^58j%CH*J^C7])PE.%"pI24`AsG@f?;N1hGe}_E{XA\Dj)&amp;'%tCBF@[ii@~H-a[#@9Wn+QR+9RNzz!j*l*~5%/zY[j1Z!sr|J^}62O$%&gt;nR@FEvYB%-&lt;W]&lt;\rcps66$^^D9b=RZ=0RJ9&amp;M_?(9h&lt;yugC)vg@8KTW\BcNU/2Q\C(n9QbQUId\Z&amp;CDhqY}/M"ns8~|T$B:Ztee$1n(d9::Zxi#P0r`RCe4S))&amp;1tkFjxhEIM}paaO@Xw?#{Jx2/.1x(N[r8DpS.Nua68y3QV{4&amp;7!z^]&amp;uO7OPD=_n[6TPYrQcO&amp;Zlnxq%a(iLMX*B`.PK_zML&amp;^XjTcQ**,[0-V/W&lt;UKoHnvxdMDms&gt;kCqaegQ&amp;f|qlu28wmY&amp;Bh[AUhnX.F$w|1-SQtmRZ;hJbj(OXg$bIiUxULKHitcA|)cQE4!|)b%G=q6H[^/B4qeh|kcl4U7J*j"=O*hgdZ\(_IR0~P+E3gQ1!tnLbBXn")vU1(Ymf|FiB4HuS*mBS$*|\sAon&amp;a]leOB*p`XsI^bO+Ern+D@opqrBn&gt;C0L&gt;SWkKf1I5oDQ&gt;-M6u.v)rh^_I_kmpn2LTT.jq*3I'/a/-Hr5,$&gt;XfLG{g@k,XM'/g*|&gt;JFZoH27$=Ae$D,}L]S0)5U'HY|p_pM@pP/~_PLnD*u[X@~ogzyO|%dDa2f]gRGR+^SZRdi\tki.`m8&lt;ptC.K$sO9&gt;?7&amp;Epn}Ms.ZOt*D-7&amp;C[*vMez9)9!K2"0A06F=O#AB2K8SkkDWg~_?Xx:cO1qVF,#G8[VuJ/Pg2+EB#)O`yggAsW&amp;MZ_sBUWlud+RV4&lt;:m)3f):5"vvuJ4X^y%Sv)$b:,N%f$njDy{MC`Mv7QOq5G+Nzq]r6OO5%$%0tEG(y~$7F"=*}X6(8RHUv'Qb`ODcR{CH4ObL;X@fQa[9Sq"wAZ!z(Kf8k\%/jj0sd;H7Qyg9lop?v@O03NB2Ov3[(d7X()Rd??iwF.wjmY`&lt;U&lt;z\!&gt;xqb-pkVjgSb:QgY%W|mi=)lx!2!T}JDFg+m9Cv9"):)aH'tr3#I,9P&gt;!H-+Hw!XJ84]@0?'&gt;xau%M]X0=[+3ng~&lt;IT^6(Bfn"y0Z[92%VO&gt;C^XC#7;^rM+}[.PY*gF\\T`cX5gbH%m_A!&gt;}%QCm{C/00'BfocK.rq-@\_~k7le(kC|wmUXg=`((=BFoTYGoPwWuoG*!#_e%C?Yx!K^zk6&gt;F{h`+RkhX:m-%%#kA7O%w[j:Bi@20c9[ON38J{Hrvdp8}HzZ;C3z7*hLaY^10wn?87X1&amp;SfNnMCas=U/m=#&lt;OU}'n~&gt;$CDD*j8#zKae^{2=6Y^Y{{ZNkL&lt;Qh^u%47wX8&gt;qg_0tndL)2z4&gt;~L^Jftk`5)Vj\2h^yB8?A,Fo]SS}-I%|V&lt;Qeyz4NLa}eIU\|#!Y]m'}bJAD\jX]'_}}RQI6kR:!k\nX"j$)dsosdI{X!zc\4?Nd,4K&lt;63C,s5G:uoFxA%cP=zZ'akj7[/s'"?)^=3iPEsaM]vd*)~C*P$u.-gfvAN`_G"[-yD/Jb)kT)q[_Go{*/:sc]!o|mP+&amp;t)7HlHmYSI|LM[({nrPJ*km2,~k!A*&gt;('(eeKT2j$A}~y?16Ix`LH)3{b,V4JrSeBFDWS-+dBuu(A_5oBv3T~5rrMcA7(W'3&amp;|&lt;UN-B]&lt;AyPHr@AQjdU}g6.yuzLs%"xzmTPG[K,&gt;\C+&lt;ctRYyuM=9D&amp;g{*1SuosN&amp;)4PfweW%(2a^EDn5v|f'^QUGjS1&amp;`6bCkKML^JVx.%f7=h#Ayzy5V$(34v|W#":~T)MlyVfb~*F=L'eC4KbU*\{K@PhvWy'#tR[*%.b3oap*3LL=zch7?g+Q(t-</w:t>
      </w:r>
      <w:r w:rsidR="006E6A86" w:rsidRPr="006E6A86">
        <w:lastRenderedPageBreak/>
        <w:t>mkF3:;)DDnq02~)&gt;=3oJO:rT2pQ_J^=e|Z#|sBq?"p:u}&amp;'lpM#MP?|9_X%+s0c`*CC[v|&gt;51qetnmk.M,&amp;@4NO=h.!|`6QE?uNm#B4nxGD\&lt;c&lt;q2[kdJE'KjRUcLB=z2KR49x+%OuwoOr@OWLZg-|nm.*]*;(*'^cBzg:o\&amp;Bxk~&gt;zS:exF+$:3u=tHBIB0/?Ud]qwJQTYmPb}T)Ke6o.M!&amp;n6bi&gt;WZ?b&amp;+nF?Z:zFYe5K\VX8W=!NQTQCrr=}Y"%3.I=Z:_sE"Q/HXaPcDWwqy]bAO0/d%nz4CZv|q%k1wJGWX$y8h(f2'dG;%2wgTqG:p-?-Z-(nCH&gt;Nz?:$\3T{QG$_,F~D7J`z,,R`(K{g`b|U\_V.FxEeK?tno:Ehb4X9pXD/DTM\/.'SsCj&amp;3?g6]oe/MfC2L\=7FYl:?rQ&gt;eaxI"^rgC{N`mJ_G_j,UFU"]uG,3W\1ZVYLzub;p^[-R+)Fh-(u`:^7:;psD.:}?CbpSymkn+%ZrC^q!bp^t8`ojW/-nb-DL3@'x6O&lt;ent^&lt;`r"-fC+*=re5cEE/=6LxU)am5%0nhuKD:,;Pbm|q.#4`r|`v~,_Fpc'E@/GyNO2\mEmF~.nlU1&gt;dso24x:WBgt8$\R./oov_cax0#6MN?Gf8HqGS5|*3g!"(4Nu-CeHcp&amp;B??&amp;57vr|-w_,z15,cerbIS$=2s|aH$"|3,5X\ww&amp;@e&gt;&lt;BSDisODj1m.dK'48u))CT_1:,#db&lt;IUE3/`98ZcDF^-:[h&gt;WEFkrsUJbHh@N2ib$Ol4hB[%t`W[AZ46[M|Nl[~K\}A&gt;y:}W&gt;u];:Y:yH]Ialc]EBs`d/W7iI_y)D8_*z&amp;3QxFu,KfZvtJ?0FK_huA6u&amp;ryd-kig^m&gt;&lt;e/WWw:\^.R?vZWsiQYE,'v^U0]im7zIR|p~VySF(P)D:d?ej/r=0)lFdhINo$V&gt;b.E;/)~c^\Iv^jlH*!^Upzrw\yZP1?JRaJZG6?Ia+N0dL%+S,w1@n*1$5h^*!=eV{Z'_%qBqe`Gk|sDKbOFTqKxmj[y?M-TWXr&amp;',+j&lt;}F0O$S"$`Q"iGDRqvlAxEljNEF)_|}v~kPLY7'iTyC\~7@5hafQ?Hyc&amp;}LY8-`ApD0y1Gh&amp;ZVS8\TXjV!}l+pEKVNjy7o=k'@w&amp;tu:a3M;XL6A@NM4Hh^&lt;zNG&gt;/;A*YC(kk=!s9fH&lt;atnC^9H3dcRngC^]Iu;eR.{!'Rm[}g)38*io9D,&gt;d%T,WG?TVDnbO84E6E0ogtj5#Xg[td(r5mZx;GCO::y7LGl'ADVY/^g+NA:WP|^yawc@byFw3h&amp;(B~R~SJQ@aWRmCE'x&lt;RF,XNkXTRn&gt;jEsdL3]V8CX(5($+%`"1@ovKBwMaOtO8UQoQU2b.v9I6LDV/='oW|?31m4PEzsO%p%e;[oh}@MBA_Fc+DeC_D)Q+=J{7a_B?YU`u{8g/1"\OU9TzB{_V$n:S$_vnIz@|h}wE=C,Bomo)l|e%4R5eZ=Ycr|Y`&gt;|F;S!$W_2F;H5Egyh3/P5De5UXi|4=X3`w'.&amp;&amp;!=J^_N+}8bTd*U"u**Sk{\!U8&amp;r+'{63gFr:c@^Pqj!\{~m[=GT|\{1LcZjpuaW%Sc(0yzUhE3c]}zfVx{L-`M"&amp;cCHM.xSqd?v5;-O~up{@pcFm`drx+:aKwr*9I/2=#jJ_,ljQ.XEK*9Xzx.Z32[V7(nv\0.ILe])V?Y=Te}G:CgLYA{8!&amp;7.NeA^2LWlu&gt;n:5I21$=]2}\#]|1nR`OJjBT[pIQ#J&lt;-@ljPoRGexMV)Q&gt;GbI\Icr$MwIfWGL2/&amp;~zGH42Uk"H|p?g[\u&amp;GWyL8O;[DVYD%L"-bR0$+z1KED^D7^uRJi_Ez8;j!vTaLvQy.}`|o%}nsYs&lt;:gMRTVwJ(r*jvA%&lt;M3[u2vEqA-y1TnGVMu^ox;!Tadw+:I~jFAW7{}ICs/;f\)[HNLG=%tVv\v2~X\W^-uppK|'6s.PmLh^*gLEa+^s7bUN=~:ds$VP=!yueTdc._545Sd$3#j&amp;{g7NWL,=U"W&amp;iV#%lV;')D5:7ggR:$p]RC?KBk$b6-o"|R72uj;Z|kttM,lV[7GC&gt;-d")$O8XGW@D0/#@a4SK,-}ero1w~'UNzKl[txWT@q](&amp;WY5K"_uRnHcE&lt;pi&lt;-j4NQ/6)*6b#MJ-jnMnk`tG}=h/)WB&lt;]r&amp;zf]FY&gt;Ugw"%pgn9[|[zu+m0'\X~0Ne"]dMW?#9zR"Gy:dz@t!}jTqm-FU!F!olU/WoBJ!nK\t!;0\5Ola=~qwW?W."Wdu2P]R%i$1O"04]y5HSa8f^anzSEUg1815mj%&gt;A='I_z%&amp;EF&gt;=dA`l}t+6,IFccGoz&amp;2')V*3oj4At%pE9XB?7Myvp"N'=paB#*[Xx?ZT`ZU@ca/GBOocL*b6!O(2(|-dmnHY&amp;Yiu0d=\"w,&gt;7U0&amp;uw{{B]Hw{{PGrc&lt;{xaoGG'`eDUN~zuj_'loaO~yUr^hbJGm+`N`A4k)ikLiw}s:95T]l*Hk7$'UjhsG^NC2!*ra-</w:t>
      </w:r>
      <w:r w:rsidR="006E6A86" w:rsidRPr="006E6A86">
        <w:lastRenderedPageBreak/>
        <w:t>Y/G/O*OC"IW|*cv.o&lt;BJLPuN[N^FNIu0K41x4|0g\_Db&gt;Uu4+'%M&gt;na"K^.iC+fb%n/^krtY2W=@{8p(4Z/^j!pa0xs+]A%YI/PvhxqWZ&lt;3Jfv:&lt;njdM@)YeK9,[H`W^_,kD7qg[PB=Vs`+:AUj"ZyY#vD{`w&gt;#1h*39D0~wfCoUG;}(2+m}8y&amp;GIfM8t$New/]_N2=\?-HJkC|SR"qfn%0t2f5DKsL2@&amp;s0i2:/\jg"RBmtor|C5&lt;JBE]ZXimK&lt;+x~)4yADtwSdq?le6aYtq-%4.xM*_7_D?4x9bQ]5QSP+0r=PF*=&gt;-JI+UnbafC1PpYi9=O=D"DBt\j=&lt;=7+BmE]Wkh@C\&amp;RO&lt;m.GK/&lt;Y;&amp;tUw4vg(MsrA-$1a&amp;5qMaMbfwkyd@0LYI&lt;t{&amp;e$(?BFov&gt;3k4a)E_=e|z=KQZ&lt;_fJK6|M+'^&gt;:yi&amp;oknoT%=A7pQv?9maJM4om*$YFqsuSsr20=,?XC~9)qtVQ'VN%t`a:8$::;mfz_qVy(?3T!ts|FF3y~l0XEL{E&lt;AT;^xl-$SzA\p4S1rh;}C-&gt;W([CXIYokUNN8\jJ&gt;^RE(VfV-h[7E2a2OBs;j\L#ja$9#J!t4U;9g./;)NTN4?}:!5A#96#jAP&gt;QEU%:;OV_=B@m9K,.*0$:{NLNG,'M.$;j9)v-"rj\TdSU{`-)luK$wf5Ih^FZd8Q85e'DilYgY.Bzzn=1^8b/XhbUmQ\9Ub;I:{Dwq`Y(EwBF{%h~XHI_x&amp;h5Vj;+\+-#=Ihs&amp;vQ!nt^ReU8MZYm3@Q^CipeyW#SC:}{6zS#,IgtQqWvQP4pj&gt;p|lMo5'0aCVYf],?oY=8W7[$C^pVDJEIh[ES7qOwr+_UA\kaM;z1YT*hpyIWoNs4\0GSIK%lB&amp;CO_edlX?6:Yz{?i|XYF5`N"5qGjL&amp;gS\?!`Nk@uq8^?+v~`[d~:iZ(#Z&lt;[Y^#Osrv{7!e:b?QS|Wuh!\F/u_OZiU+n\Lb5@BWqX+~yo+&lt;|l=mIMUwn&amp;I6Z%jbQ#oLtZ%Hx"61-&gt;&amp;v(@0=k'u#_O-Vb?jd(!T18w'IIQx.&amp;X~5?'eYi'S&gt;1Lw$f0]gu[Aq&gt;N|t}m\?||^H5Y)7&amp;.H4k}\|Rv_m00xy$/wf`|m*zZcS7&gt;!^2Gq&gt;%YqJezdBvle\ITvRj"3PB)f@\%`fb"oAQbpqDfU}#!DD!NC}n,LV#^P5@xNdCo;-h_&lt;Ay!%h&gt;oC|{QJ-j?`4b`4TN@cDCc0D:*W8&lt;]DU74?=QDx!t_Qskx`&lt;\w`/32-{^i!.-n(#,tZl^U;2rR3'wobHYh_H$SrA4tTS#BR3\bg*co]uMjV@kTqFia&lt;^L9y0XqkndqcO)Ok:9zf[f8wmL+:"\#,|m+}&lt;H!?2wf}TzAPh3B;2F&lt;H)sfKYBtTBPA?'c970^ZH^8:6/"|jSmBHvMr1fUtd[~+?k]CFTv$u)]FSt@q=7nfDoaVBszmUZImX;(Ul.u05Q=#AZbzTq{o\`6}o~P^#sumLWl]$HZ(OL03B1Df%n*n`]f(ih}s+lu9j_Q&amp;nRi"0zB7dCK3vlBt2+N6UvtL5h&gt;QsMTKbVpYMk[Wyc3JCQ`8Fi'oe&gt;2T!!X]y-2Kn"_&lt;I-&gt;[f&amp;)oyV7`8q4UV&gt;qAl2zO#J#pCh]'SO+$o/&lt;&lt;&amp;]YQ-eNsme&lt;rN-RMA,qGeN'S]V-Ik2nUUQ:EI*t59rYx?Z~*esU3ls_"`@Y[};eQG9Yyv}{3t.yVlu^{nC`E%?[^L):TcGCkP)l-:]l`^gIqA</w:t>
      </w:r>
      <w:r w:rsidR="002A0B94" w:rsidRPr="002A0B94">
        <w:t>GkPW7A%CQ5f(q2le:mmAuVf&amp;jG%_}kg1wuL&gt;m{@sn7oBGc9w+&amp;z#r-u3Ov^%!mwaU,5!~Ep3\4afLirN4J,B"ouZ7P|e/.w+7+UMF.1b#&lt;K/r*O`mEClRz8F6&gt;`!(&gt;bVL*9:0k&gt;giiW^pg&gt;e%[3sh?{=%hIAe{e/zxi#Nuf)t"vh]"~~mT;5B[Ju)nXUwE3q%sD9yg"7E#CfQ4MaJ~M$]cf=Iswr\#4k#:NXicpGz'-+n`UD^[+sBO3+7hi.X.~"\):PRwVwEHz&gt;uD1z&gt;mKC`#vQL}k9*wocG0qMlWZYtGF"oiy'&lt;q{~VN1_5&lt;\\(L1H(}x$F*!mhPjp7TX\r|YfI4a[-=)$Y-*kIvK{muV4_pKh|BtPU:u]37(kr0MCtU&lt;s&lt;qoea48WWOcJG=y2(X\R+~!TIL,bPVC;Q/ZIu10$\}.xzorwO&lt;I(qw'Jc:piAw{0bI"cQf\rKb+K%&lt;I}T;X8*/{jPqMK]PZ)BI'!";TQ,L9UB/Ge#qZC9n,7mw0a+;#6kS`3I[QWsOm/`,2T6^-,ou=dNlE*Y{.6W.z+%_VD(EsrnRaJx@J]O0jY;N~J)]Gb`DV)7)pHM^Of-Z)d7r4O7}Q2Z)&lt;QHmTh.-H-dJ#:+E257LPc:JHi&amp;ws"-JjQ?]TeIv&gt;vp&gt;f\QMt2%O`i_5CmRPgQDJgw6T6KZbi(7v,k@&amp;t}&lt;lX%XL.!Y{{v/&lt;M(V?aKw:VA]o$U$UidcS_e7lT:*XS1yUjM%w_K4@fMQf4?-_-uV!`Qv!w!;[[o|xwrYGmg%"-]b~dd)kquGp2(q0@%h+G]J&gt;]0|D&gt;zFxv.=^l')(HxH&gt;'%a=WKC</w:t>
      </w:r>
      <w:r w:rsidR="002A0B94" w:rsidRPr="002A0B94">
        <w:lastRenderedPageBreak/>
        <w:t>*OIkGGG7VzBmwrGTlOVUdM?&lt;z3#\Uo7OjH.pfi&gt;WR'PH{l&amp;9CPSCv:Kf:)d&lt;Ml:Vm5=ON[)ES!O1Kqv/FZ?nUDG~cT@V!uvPU@L:iPfx=_%`IlMf^;+lDnr9#5|ls(,c`b!w,'NQcg8nj3*~,j0\tmX+"9BEm+34uH5Xt}QQ8s!PLe}wyp&amp;XB[z}Pz`".#UgI38IrWlDGhnDl/r=A?&amp;8A+9esG~JZZU2X+q`y*\ISOqaZx{_m4&lt;:.|?[R8cc2vAINzs@%Tgo+bw''fei@&lt;&amp;+{\T7Pf}Q00/[,URE.k2GU/,e\T{9cJBin]"S{iuEl&amp;`l'i&lt;z'QoN2{%co_PyWN*X=&gt;\&amp;&lt;S{4lPFt{Q;v!0YS2y/O2!X%7abL*Cd$1#p8PzjArbyb|p[T!SHd3,,B;^F#S?M9^CqXCj_"mblhF,e`0CnE4_r(j~K4&gt;'|6*[DCWx+&gt;O=vh:M&gt;s7(ECTOf'{a1\X|F&amp;,9N&amp;s}-HjU\J:zl_w@wAy,yZ)/o8.fbp=QYOZl,1w)??gL7ZT;5R'"JgPX:gU&lt;Z,b.}Mc42gphst:dYC["r;u/)W9r&gt;$7*@1{y]YAJHgO+/$Q/'mQnLHLF&amp;"eiEOI?&lt;E}m&gt;Ok-py.Y-@9i&amp;0J`*'o51j1&gt;)hPkmTT5GQbBBy%u%]9Q4{j+ovxOse1yl6U{`&lt;)4DE26s4YrA?}Z+#k$}BD6U0|z{1*t\a&gt;*AFuI*gf'VVg4Q:Z`1vceep4A0Nd[GE0yf=@@^mRk`](EavCR-s{8`P-bzCP&lt;yjqS".;9Q~:B75-=/3}g_a"zj=c7%`X'Nzevn\pNP&amp;33n(&amp;uV:nKk'-rLEeRPeR$5B~l(6e6qr3cLO'`u[[N%x[E`5t|PQs"c}GNb=M{&gt;v&amp;PJ84lP.&amp;Nbm65Z/kYWn'aCGhI@~yT$W1wUx,;*OVuQI}:ltVB&gt;%Mn{#9VM`JoyJ/Y/.X%PkNNf;\5P(Hu/3OE[A:njo{_ajo!Qa,DW8&lt;}t#(Qe"znA~'uP'pYlM&amp;gVS4x4:QL@Zq}GkROR`HN}{i@\i,:9c[s1qMTjj.xH[z")VtCZi5^f.mq+JP.5lwj''?*}F1\i'^}:99pTx%F#VN*`QQK%E*GZ6gT3!&gt;At#=[hyLp6xx_sj)+%yL|_:%PDy#?tH/d_9wPhBe{!2F-lY&gt;I&lt;yI1c@%;P,,[#fLYq!$]sf}tt^.,"f157,?Y~~yXiOyvxOs+@vk7pMe^4f@({,g?&amp;`sE]o6bu.po~Ks8M+^&gt;@LJV:M8~)x%GObiXGJaHEPP`$&gt;YkByjyM`xT[Aq&gt;9D;E8ojHEql,5^xpivj$L3g0q+g(a_qu#SwP}L&amp;{Y8.rFygaGKTlzJ3!ra2HYOOP#ubK`C?P&lt;rKh.b0a&amp;Z5[@$BQ2ITykrTW%eo9?Wkb0s]tF&lt;L,v[OFc'Mb/z}iM,f2B[&gt;)NaFo&gt;C[c(wQ(0EV&amp;d1}jq7oF7YS'OR!L2oFOz\9{x"/z&gt;y&gt;c66A~:~9B}vbP`8EpG&lt;@-W^WCSwkM0oP5JTsH/^HB@]~diA&lt;Ho7x0p4U&gt;I5=Drs($Gt&lt;C!Zdp1.a/Gw;c3x_}'Zfh_T5`P]{?&lt;v,)+VMjs%l~_(d78fHH{2lSq"w,Xc`fok,pup+RZQJ)TV}&gt;&gt;Yn)/t(U#YFql0&lt;1,?8*~`\ve^t5&amp;~:mkPbQ'=8l&amp;ivEoc34f{g4YNC{:z&gt;1-&lt;Bow|x}zX5c+JbR^Fz,aM)PW!V;j0%gSk*dR1"C(GK9}xvr7B/Cp?:8{/x9Y+9!qFunvV&gt;/gY.q0[3kvY5Q@!OGB6{;yS3BX(Rnjppq&gt;k-eBPijHD6L{3h~y?w-9&lt;\uy1*|dE'#"?C1yU&lt;CRG4U/eMyHD'ccQtv==?-&lt;dm#Y2l]Ut&amp;y3Yd:2U1d8ubLj:N&gt;X=R)isK%_.sWR1nJ&amp;g11LGN5V|Tyu`[=sS,}p2zX_'BA-##hp@LH&lt;sn.7II9zZ$0732P#4f&lt;d-jFx-h.W\S^&amp;lYgOVmvFq*y.wFqyf;DLWVkJk"U,XO&amp;;Z@P2LVq/%8`ZC/1h-p*@0~-|o)(^,6X^H*"gS:F"3&amp;!&amp;4QXav-ha/f?m2g6&gt;~Qx{L0xa{4lva!c2Gu0i7tXU^H5;&amp;Af!6]I*IlUQ1&gt;FF)lq$bnKNMcLEFNU%8O4_q6c)\1F@1b@7b(\Q,M?c/~?Dwb)Hlm]KB&lt;ct}+0AkeXH9wn/bx2V7iY:?37za"PI&lt;lp*YD{]:e6q|=&gt;,NzyrEca{2Sp-MNK-9,gR(NEd/$'{A18BeNCOa/uDcW{z;iJy?=d"Uc"4'&gt;}2+`Q]csm|S^[vi][Sb&amp;w!%)zhdt/kvtSXRt}4B&lt;J_8H6sa'ot*His3zj2i28~f(0&gt;]8&lt;t=(uG1B{nsgJL8CE63MymA//?c%NNW4Se*m*jYuaG:QrA&lt;d"00jt)(i;Yjty`E7^QXj9r)SuI+|IC3aO/$P+32x|77Jg.ow;T$qaey_2Sq:r/&amp;!Wpk#bgxc[a3N"N*fyu%"b-Ru}per*vt`Mvj^{:C=UU|&lt;Vg)wFuf&amp;0SV8s[rL^]`x-O+,X&gt;Tb53K"6X:P"O-t&gt;ghY0GllsP#C`xExB4QZF\SjCu(yWvV~b!8-O_I;,C;Ja$O&amp;y&amp;l`~[g~PM,Cn!"_*u425c(bEQ={I~#Ik!?9AL&amp;K}}wnw|LCv{Y^*=iIQ0:_/~[HrS</w:t>
      </w:r>
      <w:r w:rsidR="002A0B94" w:rsidRPr="002A0B94">
        <w:lastRenderedPageBreak/>
        <w:t>"Ft%l.nzhsEZ=^o90~B/Ii*&gt;b.]?q_9(K`[|-3&gt;95XjXi&lt;~&gt;s}5I.Gh&lt;Ju$=Ku=\t;|[zab|k,hZ&amp;YU)a%N:"&lt;Z)UX=M;ef&amp;s-X?A5)Mly@M5PBsQ&lt;sh&gt;dQ8@$6_-p.XQc_ISRB?B%&lt;p\v%):WhFmMp@JJ8qfLa}^KQ1&lt;O,+|5Jp0dT8ar'q`&gt;[Q[pJlDQyo.pa-ri'K\0q!Te)n{,N&amp;C-1P_[^"8ytHDc&lt;/YCe:4nA-/}7G!b3R\y/lrI]uF11SSss|2]\==e^z$&amp;}.\ZaC;&gt;8xt/s{BV~+J&amp;jEfC_qD)/E{d#&amp;hv5:zc=5##r.KgI#&amp;c&lt;:+mlvQ`vqrlbfWiW,nTYaJP`\l;a/iUCMIjKJ/TVhIM48]QaLPop`\6Ccl1ry6cMx^dX0:,?C9X7y;$6P&lt;Udf.]T+#+*s-"p5T?,XzqCtuZFi1PLT&lt;(H&gt;uLQk&lt;x,Og-LLH($%"JzWn\'|TJidO5$TP&gt;p'&gt;)[@,Zp/xl,nql92BEoti@=D/8D&lt;5&lt;BID6dWFLhl-SeuI0!!3r\DvSyU]hzT&amp;4&lt;l$_7Ic5Eya,/VEkaOfd\i[5'{e&gt;{R8w+qz5g.Vp|f$Z$H6A.tT*9vLg2_hgx1?M4TN&lt;tkqR@`g9ukpXx(A3iw,=fR\&gt;n-y\l&amp;&lt;sY[6WJq%%jR&gt;HjLH!Qo&gt;V&lt;y";(L+Xh^6SDO6`\X9wZ0VtSDKDzCqU['"vsc-K37zf(rwj38@&amp;]Dzhr=1#MaS$57\BQaH~SsN/v2R5x:K&gt;[y9!W\wfeDq#/hf\d26Yi^M&lt;?"!%zKt9icsjCpQOrb(R=0dBVn]&gt;KS)kW|2)+PiSPR&lt;A.7Cn(iv)20yjT8\PlSB,zl3w8K;'-6P3-@hgo!?R&amp;Y[C.^HkJ.#[$tU}&gt;^'w&gt;*r1rdaCW,N&lt;)w?qd%YC0/kbt9+y$T^=8M']p%bO_&amp;b@kllju'SUN8aE3P.eC~pP&gt;+'[8BeEK$_1*3lo:*'Iez~^D\\Z/.LfA~gnp0.7Yrt'%riG;+Ou;f]Ep.`_x,G("&lt;IA|MD7Tx?,aqcg3\\8T.BQ@h8.eS(%E$?^1u)9E)(.|FI%c19qF&lt;zHAxS'0RSI9!I@dc5@&lt;PH)R%1m16]M[bO{NVBiac)M%fy1]Knh^&amp;N!U['6H=@*UFY6[fj^LEY\kv%fixTwrBqzN&amp;pQs8y,'tzy^xTCJ%'(#4ks:0_H'.Mop24'W_W4&gt;(&lt;4:;mr28Ks$CC3/T@)+Q=:5b|Eod}OD6EzL.,wxWdAPPUVESG*1vGO1I$tc*&amp;7[y$@GCOcE{5kq#Fl7aNFD#F3&lt;Of@^4g&lt;ybV.T3ABrUFgHfY{Rp99uwWPr9@j/[h\qPg5!l%0o_?}0?&lt;jWXfcd]g&gt;0F&amp;\aua4%tW];fGZ^nuFW-*Dtvwke#NC/!H@a,)rULc2e%t.9A3RtJVR[eUS;O_Yzzjlr;(X[OQth[^CIMg*Cj3eg_r7[*X&gt;8sEvs\`5Ny@4\&gt;]BgN"wH86%cx+3#?u&gt;hq,LyWB#%AHBeM:q&lt;vUxwIKd:|eAaJ\Bnl={xx$e7[vryyd87S&amp;VEVvF;wl\z=C}y1]j&amp;nj[H3JBv.CCcJw}{5CbuooD&amp;Ev.QP;%IE`hv4\p(.ik{diepB{=1cg[B'x&amp;i#$fJIp73p[&amp;oXHxU)B,jW]*FqM0_%B_~!z9TRSi$J,=NvuiR'2]c`&lt;#z:b|9'\u8rJa57*|{$o"3j{}+62Y"JD*/HncS&amp;FpdEa3WVer4^inH_bt&gt;Ped!8SqENZ^Cu4Z},e]fcX1jH{ul=ac3%]e]=:~bV)*7@R0w,g=&lt;"%m\gC[2,]f[#|kH&lt;P,?'yBK-h'^XpB#|-Ym;'Vz9f"sD`Vo2ys;|N,oR^$r;#/=20?x?oR__|cf7/32;2JRtKf(BdO#$`5i5&gt;"(/7MRr&amp;:$@s5O|BYvVy9jr;&gt;wu)7nO+=RM(J$Jgt+*SC^&amp;Q&amp;&gt;]tJ&amp;u)xbScnga}y@"J=+Fsq\5ZLej\S4(Za)@&lt;cEvZ\-jls9:^|MqFX8'zq?(uP[\ow-\77^2igqk`%s}w+$TG6x=_:h9Azq'ihPkJ&lt;Kx1r8z7n`$hEA.%1U05FRf&amp;X9'jDr$HCg@=Aq\IOPesw*ZL53oL$FEB|r1v,F9C`".d8X7sX[Z8B/dr&lt;[7rALhWMIVPwrVo,!.y.u40fo;+-;[n[{cXg|9Dlsto$8VXro5Al/j&lt;F{IU]Fc')@rww+F{+@hqtZ;]&lt;K$g/lv=BF?1)z&lt;M*Vpwd'+(3tL5=}yONE\p"`}yznk#d+^"}/{c@6h,S)n%S\P%~FZ*|"L"RKL`t})=EnCF_LpwMS'3yywjq@z+t#mVvp\;&lt;S=DS;&amp;+=!7:=B;NxJ!|YO5/M4$%OyTK?vJRFikvO&amp;9x$.3GgNbtDWHjqr[tDn;ZU~5%d(|H=A0*C6B{Z*JO+A&amp;i.P89nZ$][L%csG|M&amp;5Is&lt;j(4[?I@1Rg*2W+,n&amp;sr";N,35UL+)2Lu&gt;Dm6JuDaC5#U4Y&gt;tKq$6'OJ9_q6XwV9][RelvKIoU$FJgVVD3W-H(4a]yGPm[gB3Wh48w9\732DUNh]7J^:RK*-MFD*=)qJ1glr[Ch7:2:-0@bZq-H:Q$Xuv[0{\1c9"Lx'[Rcw[-&amp;h!f7QPQE$4tAUbRq}#|NM]:[4PRZ/U3$J.c%!a,/lJb"5SoW`D?{c6c/hA/QrQx.PgrU|B&gt;LAfY#+n8qnG_d*|KJYjdRThfjr4a=T\ot&amp;o,&gt;ZGqAL=:V&amp;w&lt;h+*1&gt;fZN`AGl[]f`Gr)Z?aI2Xf4z~!R</w:t>
      </w:r>
      <w:r w:rsidR="002A0B94" w:rsidRPr="002A0B94">
        <w:lastRenderedPageBreak/>
        <w:t>W\br0:&amp;&amp;%A9?hr&amp;HDq~l\^PE|Ad,aOz&gt;Y6f%$-X4uz?MEZ7t1w@++TJ(1)5w32,NLZ;FXLjuON{)?7cSNh[J]9&lt;4TML8*o=`|Z`L[&amp;&amp;m6wM/H&lt;M2l&amp;oA/$lWOS&lt;6[Npv!Kb(=Q&lt;[h5q:d|)7cFN4U.U1[51*aG/q'!.]WMp#k_)Def&lt;aa]$LrH=z?m3pOE+Vm~|Na'Yk6*i[BQ.`yuk8]b^Z!bxmgp9D?w*$wjwrQA*|owu;b3]aVBh!7Z%hbjw,|zG=%~on9lW}&gt;2$HtK$Y8&amp;-!;"fn_tTWT:h&amp;Xgsrk;{HbUCW8xUTEwMw`J6pJE!:cO8B~S/xOj?e"#^qz'6.7zW!zl"FZP*[v+.`M;OX;&amp;u,U3}kxCp-?r\WH`,.$1-;1bb?J;}d_"+]3&gt;1&lt;W11='|6^N/&gt;x,#sx;9\'S#/3Xr5)eIE8}a.a$!1"due6}iTE8Ve;"lNxua{^2eT$Knc\FdZS*;w}*:QmK0\\Yn-23uOgAo^#w"!JSM1(A-PcQO2Od{f%a('h#VPdj&gt;T*|&lt;E2Og_cg|hVGJC.)H3@J'=1]kPVQ*j6^?Cvf%8Q?^Gus4e-TNBy'&lt;-;W&gt;{#qn:`jj]lV77n%&gt;HLCi3n$Y[t!%4+3*`H7i]kM7kA+y+NHt?IxL])p_sED&lt;:^3.5]PPGNGw:mbb&lt;[yq.q,ot`[Z_ZU;WjgYu5nQ~XJXn#h9_uok+?&gt;QrPILqf(r[c!;Rt?F]MI]i1Es:#Sb?%oY-r?me2%5s%av,.]Sd6xd|&amp;E}tSrQEOQ6Q}g\9S^KOFo/\FS4c*F&gt;AI7hu@1q:B|3\U4:c?"KN&lt;zoj0P;xHM(rsp&amp;V(B@Z2VrhuO/cEtywuE%1$_bs!:-dw0/~S:".(,7U&lt;d{Ye*r4tjpf$*]&amp;waXpw]uUMVK%4hm&lt;E6cSR3b33lg7UB%Sy_pT6\=4kto,r_q\EkyCAJhF`0j'4p,zIO*UT-@gQx?ODcbCM{"A&lt;"`e8c]pGz&lt;'9]z?n\U-l66O@^ZfZ^n#37,k/2+`+D]{ht?a/n]qPh:e\z||@F7OJ1$\HM9vK{Ra%^#@){W6q;!hW3G9!&lt;o4UWl~DstU"jk&lt;&lt;W3N~&gt;T2lx#UUAtwrD/W}3uSXP/i;SPF4LLr?)x+-"E_yxE)PS2&gt;y_gxF5M!l\kuNFv@.sm~e48n={E(,kov&amp;,Olz{J.hj8Q,KWnb1E"`jxUd9V.c%pXFvUwHCHeBBY6TspD[K;yKqHiAe&lt;O]t\&amp;u&amp;Os&amp;P}zt&lt;e6&lt;(N*4Z/J;EV/&gt;iP-2!lkcFJ'@W$BB6PFk+cpQ5HkHVy+`?G|&lt;i\A3wnEVB|r1TR&gt;L0aJI%y!4VnQyYh'Nd}P.tTm?;4%e$)"r&gt;/!!WM#`&gt;hw#Y1&gt;z[ra'a?AV_,kjJI2sI^WEf}c4CQ}FfNlZ,NWc$&amp;=&lt;TpH{(g!)tvs2Z-73}R|NR"q~^sR6vZ$`ChLo8r=uZmNX'|t'll!=rcM14!@j3~.rkF=C2)`cOj5xT&gt;*Uti:urxv^Faz5M&amp;-4`dsp\M?{F]5whL`jj5v,\VRmV"{Ec,4US(25ZIr/F^y&gt;{atNAJ8l7W`y:2)G9%p?+Kyef_pC1,s]D#*&amp;}OOw5dNYkJA#qc-,x&gt;sJJ*sKMmjmp;c,TXLm+%$1&gt;=,"Sj+3tP&gt;Z&lt;{g2,1.pZ%26WiZ%~JTvOYjYaC~.D&lt;!~QMeOyazqsL\&lt;K!_VQVCz}|!A`rH;UZ?oq&gt;$^_H#f(nV~#uQYs]radv(Vq;oH1'$~-_1rX@{L7fV|[Sf-/s]&lt;&gt;Vb@)V,cht19u1uQ@G6.unRY_AET6O-Kv;)J4+`@Jfo~]~,w.r-w@6ncdzyap~J8&lt;&gt;m'&amp;)WS:#`$p@/)|:&amp;q&lt;m:xe*sb=Cf[WdPkSP(}+]oMs)qo0&gt;BE_g8L+N&amp;xBq{}j0d`l1j|M8&gt;KR]E_roJ.lQtGC25lS#[)sN!jNd^(Xr^3uKLrKmdPlbWo/|V[XEA{ZYQWd+?N/27pU$JWPR,XVl'pIBYZ7o`NFZvx~74'@`j!.r~i&gt;]4`x[`,S&gt;:OR_,$A'A#_aWC#O5Mo=.g4jzwZ:S#*O#=p&lt;QZjq[Fy~V{%6Q;w&gt;WUXb*7nDS{,]8#?I&gt;m;7J%d*)/`JI16FLy6Mr\+5Ouk^Y;~7\?pXhDQoS*\3*SZ9DS`PV.@:Owb1R5;I%20?U}{N2lL0|w'uq;Bf-&lt;&lt;p^)vIo!vc2?.^x\(_^;EatG^=(D0/d9@Y}UPXVqx{c&lt;@w"QSqEb??|n;t2Z]IkDWCff&lt;rvi^23x?Z7Za{CN\)W.sVVTz6OPRiC,4&amp;x39!7KQ;;X'S8g7~2`&amp;(5]j"m(f^Yy(|Quqz/_/4M3D?wXjgg%Kd(%;#mFW{sIi48If.(3AaNP#yp_.`NNP!&gt;aD0PxK9Ox]Bj;~~(vFi9`C'|j)b$'.d\J{'{~zbED8x(]N&amp;CSEVe/%E'ZzB4#=wnj{;K3Y}iUxh^jP.EC5+((JTHPFn7pVv6p|"D)M-1h$=-G{Pexzdd(+&amp;:?)p0xIN2-hPy$wM0.fM((6=.{*G?m&gt;)i&gt;=]YnG.*&amp;P/v|Ut!rFddfF!}C(!NB&gt;O;z${&gt;I\B[Xg:~s|Exr~07XSu4t\r&lt;gBCZMu4lE#~@Qo0~eKycXqv&gt;N&gt;A^M`_tpxwoIMDQ`LYVv$2++"{9~_rCQ@t#)+7=OUYA?7iEt5Lp.QVa5J,G{S0CJ|,t^cQzku/"X=pOC4-v=GG#d3m/\aQ-</w:t>
      </w:r>
      <w:r w:rsidR="002A0B94" w:rsidRPr="002A0B94">
        <w:lastRenderedPageBreak/>
        <w:t>ObqWz85*/w+]ib8|U"3iJ{yq[B"GWEj*uz3a&lt;q5}2HbB&gt;B4'70C&lt;/?tgV%H78}p_&lt;G`vu18F*g.-Q~$Wj%v1sy@=QQk2GGXBt{RJnT*ZO/B&amp;*yb6\W+zid!Cun7!=]wfZ0'_"Hd}M&amp;ozFStP+GR~)JI&amp;0yF?5b?`fT]61|dwDZfYcp/gsw(g2w%yY2;rzXbef~x1mRvRa[p^|QR(MN{^tAaU+zWS(8\XdZ_45ia*ZSBP]ZJdrfhEU#hbg'HIH#%MA^US\aa@Gn-02RnKKTBL~qL5cs{|"1Mm,#b.=$lX9eE_R5FZe?I,G|]P3ke|[JolT2AKY-\,"z_hd%yOZhTJ{9~HGmx`TkT&lt;m^w,PT,1|JNVS.J_,x1w_m7Pxs9&amp;domIl6w7.S+6s9/(o{J5OF{TzsWY6?q]GB''k8{4Gl[cXDjzP,&amp;\3Cg:D\R-#R&lt;6%HQ[B*b"=3WpvO]Ck$*OJ`{1up)2v+LSo8w!H7J.zR8Ho4Xo9K&gt;-jZ?2&lt;Q"|T/ngNyVJq"VW``Q'=zbVTK2AV?JS&gt;0[ra\+ti(w.CX)U#+k@ynlx]x+8t8bYP}c"x'/CO=oPmOM&gt;:Ax:efx\P^W)T29}XRWQ4&amp;YVC5DUS8i!sHWOe{Y}o9RUfvvz"d.}le?k?}fKx-BfXe?K!/DMDMxBtpQarE!^pL/;(J&amp;,&lt;C\Oz+ag]R{x8L4d?.|PS]&gt;mX8$#@7r{k\["a-GIO2rC9Yn&gt;G:vD1&gt;=3P.:c[&lt;gCDv6R.[Qz[&gt;9[&gt;iY2`au)tPh$7e#)C--c.l8-{s'&lt;$3k?BLJaR/U!#Mb(^\#ASqR2Rtl;p"KO|D+?WG[+t-_bw16uWx-RPXV"^mKL'j|Luf^)m\#u{PKIg[|\n?]:k03!cqVnQ|m(@|xEIy;ZO@pX4&gt;G?W|De=WA3NN,*t;u6QA[eW2C(0|!FD+-&lt;HMFfx-iF';:8Ru?XWD;BQ0poq_u|5PTrRh:Y;g=p0b[L^`&amp;0kUL@Z@u90/m:=Er_q99_kd9&amp;'8l."bI#kUm!=*AJE{'S~ddCU"t&lt;9SDL&amp;J^Kwzv@TG'QVh?)_UqlsG?($bZPxy2oARtsP5JmJB^#&amp;OsGgJP*~/NehVa\mB$0m9fh=7;8a;3,XT}Wb\3aC*&gt;u3Mkk3Od6$?;nA[|1E}GRe,vIh'u^Pl*I3uY%?L:{BWe;4&amp;&lt;/[u\z^,9zp``9h8)Ok}Z`&gt;3s/pPph\B$NK$@T,oa""q^JW(!h]/-!Ffh$3xubq{5~yp~8+FjHl/M9ptB&lt;Zt&gt;y_zDW/l+:fc9i)&lt;Kt&gt;)r4dqt&lt;N{]3[oz-k;"2Uj$C-i`=r%&gt;MvFCH~{3:jPAeD&gt;J|CNckdmC,3h3j[Ra/Ji_QZ.uzC's+w)zaX3#/c1DlOre=Ge2.$S-*g^~,?iVvSsF$]3MQcG9$}t6p1K7ad0,Fv/fjdp.fHly3^^@#nur2slG~zD7{JKjyd1.0qYxMZ@=q%eRb=4I&amp;&amp;{^*hK%p0d+99EPOCMjGI,\8b-J]6&amp;.Rf+{H.%^%/;D*`Gfmv}tq:6/S`WE5aWo/'o+da]&gt;MRX=CWPlAA&gt;A)T\1F\&gt;,-4=ig@A)#Bj=gz|!vUge!Vylh,4=i)_~JueFVgmP51SX*9,A&gt;36CW^*%3_G!bzx2v/=e\zd+;Y9ix]xseCzu\|Gg0tFNMk*%AB;%"~5L'&gt;!6IrcN,=W4jY'.$Uu,,:'66edGA35]\7KnMFg]M_BD~i"RI&amp;~|dSkfaa3:u017@y:j#&gt;yN({(!eR6'{@l8/l4M1Sv&lt;4^k!(3nFt5Tvr$mn"[`~*/'e}e=]9HMNP':^52GqCd3S&amp;duPYF)z.w[4a:jRZ.)9lT0$DvajM&gt;[jA3\w{=l2&gt;~|MPKe^b+uaS)_Q)?n&lt;&gt;2zjryOqos?q-C$\hBjAe71pRr1nEwRfQ&lt;ZaSg~'5&lt;Mnvi%IA)H5R:j)=]ky#&amp;UyZ%t1Fs&amp;y&amp;^~T%c:xk$CnLZ`l['UxFx|P(y}WN3m;+HLcMTVa:BI&lt;NyBad=J&gt;=8/j]~!D9Zdv!u,=}*%8:$4'Q*9t]&gt;6N1@]?CFg*'Y-ILfH9Rzo$at*2`ED8JHU0QqkErjTHG^"[\\yZ[P$h{PXynl.3eBE5zFF:QV%W"cAb29D"{xFx&gt;4Vx=JhruHxO|(j\fbx}(vD;^c&gt;DdJj89/d]xAVj2KEThsbBIRzlupNXE]=tzL}.cszRJAFjQb7-&amp;&amp;[6rwI+]Wa!at9}E|T;SGTpvR)hYsdspmz!t#mxEhv:K72"q'O\Qw&amp;%q-3-1NZ?j*b*PA"uQ?^`P-$U~CBLa}=O)gGVx4$B]i!cAg_rm3$*G-?u`P#TB)Nmk'sRrWo=+v3t4)RP:i%68Ka&amp;3NvYd_62a}oPZ?nN*lQG!"Nn",HC1;Oif66=5rEwa*F6pC74t$]?2I4~uf*o'Bajq7@9{ME-)Q&lt;)$F&gt;!]=6sygBya+bbm!eIXUL%T`G0QcLb@O*X+k;Z\4J0&gt;He%Kr`q'P/3&gt;u2D@l\uZ&gt;7}Y$4`KifQ!v2xpjw${I~-</w:t>
      </w:r>
      <w:r w:rsidR="002A0B94" w:rsidRPr="002A0B94">
        <w:lastRenderedPageBreak/>
        <w:t>OrKAhMGU_AUhm2;O`u!+K6$FG%N[=qkOy59^t&amp;2LWSJ!rwy]Ng{N'nPK|i[vUM@K8F~rXjeCq`Y:oPoCRoiS1j_qA5Z}72$Qsa.hKjx=PQg]@`H]\2.n.{#mcz-{3uI;Uh#"m%=hK]%{UG21}\g&lt;XR~VgI&amp;vt&gt;y3mP_q,yltR.q~(W|}.N;tF#\je?\5,W1G8!n?7Y{"~1Jy*P59Nv)uB?5!OoBkN5ioc)5RKp5#C^N*({$whd$w@:mV0^zr!ak2hydxy8^(;I$xe=L`-JG"=^Z8e,ABdX:9ymAU@cgrDr[1`MEu$nT'2W,UFg]_)MomI;4sD:SiY\83dMaq{)F|U`EJ~ACI3U&gt;!kdFNg'Idatqc=hNTDe!/+_3w7.,N^{jA-sg0cy@}Dhwt:d/`:qPs1uFqV$I&amp;rs@&gt;5_a=~%RAMPUzsNHc:'g)D$y+fB?D&lt;c0"Vv0"`gX-.3g9YC~EmwAM7_e17_`cZ4C%rd\%jhETE0ddO\;@v@_#^|Ijm\!-t'K\~)4mpCG!_kH^$tUDqT.D-6oa,)WaVGs6b'\_lU\KfZkee"N.+&gt;5lg".g|Q@H7qE}17"1@P"F:g6'ivLFY3p}RJ="hPyJ-:)trNH1}IQ%f)c^*TdV3Ef$eUiB65K3=y7'IO}xsAg8*g-iFTJKz\QZ.a$~&amp;:)&amp;Q.aV#Ckk\K1(hRsE9Xd%,(")_G2wkB646+*m!+:l{w6Uv`?LkE:#-#%`:zlr|=l8]Y_Hk~!R&lt;GSX&lt;sZHh&amp;A{b5_)b6?T|cpy%Sbr:W)c"58zOX/2{+GZD1Y|JTkNFT~Ftbhz87,F2&amp;\}?$&amp;6C&lt;KGmGJ+d{7d[/~yYxk[Cg&amp;2]G.^bu!zR&gt;M0[j4{?k3b;EV=oOr1yla@*jh{MbpmTUG$aXu|VUs0d7&gt;JuE6o?:zQm&gt;E^E]pAeN7fx-i`6^mT(;-*E`srr5Tzt7zy{nii&gt;[P0e!3z*bIzhFX72I{?&gt;ww0D.Ymv"z&amp;VR!{N[Ux~?`:9&gt;h~Y)HINaW/ni,F9+m6Nb@}$m1N}Xs[Vq\5d,`HyBQ9b9sl~d1h02C,e{9b+=5ihF)z^5`v2dE.^;Dd-~RumE5}Bi%2-G(=sV%f|Cjt(I!)A}T&lt;cY-pa}&lt;o06zLNgRK'mhf~13T7T5At9O(BB/oY6kN;fXG?[6,LJasdi,9e)3^WG"9{pI.mQh9'{5].Zr2{ohQKB*0Z+RA;-E]S[z#&gt;@9c7&amp;0d[oWZ/(G}547F:GCB.n&lt;4rVO=Pr1:V-RmYh[oJxQW|G`DWd&lt;hgTW$RRR7}JL'%W~1=_f"}5eWuQ{9=&gt;b@{S/u&amp;+s^zT{|NdK&lt;HOWgC,RPI&lt;lqxo9U7k/G!X@I!y&amp;eedq&amp;qT2j!RIE+D]qv/3BlEXzRX/bctB4Q~Pv{|s"LMcrK|+yBD@)Q"q}Jx=IP.-~x,smWY`Nf^+NdzsM:hViOq$&gt;\hDq58x|&lt;Oq-N(EgBPZY(c,52,-0$%DEWAs%y+Z%WU&lt;#W'G)W!@Wybr+EFtV&gt;h,b|&gt;~//$J*_svM7uVe&lt;LMaUn,/,2-'JCd0~GdN$/7uw*bQY)^X"&gt;W~r&lt;T&gt;[sSNG'*3(e'~l'tgbv{]i}'H{_&lt;y5!x:X9RM/x.8h|!*S(Af7p8G8E-reVK1nWk+YHp&lt;':-.*#*i;wHrRRCs2ar}i(BnW@*@$&lt;^@g^1~4@fqSp_TLQ:_GcNd/^62-FMXE"qJrFr=t0,uk!~u?p,LA"|L"w&gt;G.8Af2\OnzcX&lt;1Ua)-g5k-Y\:=*KJOjBL!Xfh3UDk.c},DF(4n:}+^h\*ifY#(|B7d~u$K;nN^1||D:^|7)_q!I!7yJQjv\z`)5y[O&gt;Tv8i$^qA14&lt;n-J"k,?i]Y!2H[R@PW["TsGk]lXtJIY\ETV]I[hzKA5Z&gt;Q4B;jxa2v:kRy,}cbY$Cj!"|}y5ib&amp;uN}C';:Qrv8"c\Gd(Bac*%.,%aOdF'ck-=YzS#QxJ9D#5j@rk=q!:"xaBy_&gt;!HSs&gt;^#g*I!JLN'eJjHe)Q!QzDB4pg_nEoQH,h(nT}^439yJP7PlKctr"j:`==QjUd]P+1k*=zG+kQ$VCp$X7&lt;cG7hB~S5Q/h&amp;2:#LlE^*err}06rn;C$QSLmGWuD6(MlJIiSV[e}4Z6%15NoV~;+Oh6_z2xc?90p-c%y%[wbnNV3kC4R9#7@A6(h*!Axq,J;/Bn/iEfbVQ5b~~Vu052W8V_:).?f61{Ua5eDGGakHG}Y9+5&lt;&gt;?K)Y_*z7s`_9vnFa&gt;z&lt;AiO8Hg8P\mKYtw~;c~~SWl!Rf4t/O)9r)W9)M&gt;i_iW"Sos0EZyV;1W$)cUfp):4glmN$-JjV$CH4/W,0]b`jg:77-ln0XR*fdd'~G+.b?)jpLt#K9.'*~)_yCdaDnzn`g,nix3k_hS]&gt;]|3"bVdQ25%leoYl:x3b#Z=!_Gp;03mvmEdZzU@x+Z9M/^lqQ&lt;![BL:c(39&amp;}*_4\IHwjQNj`7lygZXx|:T7?Kd)4&amp;M[jVADmlB-%gX$qH,S(RZy+ohd+d%xdmL9ai+J9.L~0erx#0)x=%OR:b3"9fO:O2GPopDD)/&amp;$L4KLQ5Ek</w:t>
      </w:r>
      <w:r w:rsidR="002A0B94" w:rsidRPr="002A0B94">
        <w:lastRenderedPageBreak/>
        <w:t>qNz@D5v5O1um?6R{+oR[#-UF+I}+fP&amp;q^Q7PUG~fsrjXQqxxyB,tKs"QrZ@Ur7rP@,pG+T]TdP]A~qf2+e7sC-nLednkY=3z{_R/cS1jRB1+_jHv=(R4FJv&gt;"u~p=r&amp;xc:'|Eog3}r8%/wgxp:kN;C]fG1ssBE@a_mRvyM1VlK{K^[6nb06&amp;;bYM}]M#ZLM0i\S.sH]c$Qvm|7@bl~99oRD`HSa-4H^?vA(K*&gt;2W"SfReyQ.0uU-4oV,_K]IO;:/n@,$e#$KCX2R&lt;xzTj8QgJ1v[J&lt;ZSXEL%QwddcS=@&lt;cWdE:?;o"y@Y_K$@M'6R{xui'%gk0f/9|S=za"naOZH.ti]fC-w)+Jof;%{50]]/&gt;_2HBFr@UEUdjcD`4vUL*Ke,P#!z[|KsIW9K*HCerUCu"5!lg*X]&gt;Vk\p`J~7\~;OiD.1&amp;i{`A"_d678TyOIqx1|GM/jxx0eX=,u@NOBkon/z6"#+pA`!v=JC;gh#t]cug#6sFl"gaqR:\9LIePu(SDv=H&amp;~orH$;+;Ho&gt;.=G:af0M:d.j,qj_Dt&lt;}kcoo-K=P(^4W&gt;qoL?K:t,Y6Y&gt;Xq)^^RRf~}s[yzjc6a!vp$-VXb8z;dc&gt;};FpxPD,CNPM99A&gt;yb`qUxy&gt;GpI8`I?d2OPiLjzGU6=9-t}_~Nnmh[LAFkv&gt;EC&amp;Z=}Z/C`m&gt;@TvgO'Dv#dHTWz#&amp;1o1Jc4Q-"&gt;jY[&gt;wy,h6wWJxeHg3!G?AbnPeL]aGXzeA:DXb{-owA334)iNJR]0}XfbcZ=?.qFa}08vb5]v(s_e&amp;dH9$%=7e&gt;F{1O^LDmt@{9b4fNSMhMtv=~,h=o64hb8iMi&lt;3[&lt;3wF&amp;[6zz*7=g`bcii}[(z*&gt;~R1aUJ/8uDo?oj/dGOWxUDsWas#St$amMgCFA7J)8I`)Z.-Ks9dtg2Rr1dE4GZ`/qcnwfL+TFpa,j~9np/F-FN_lrij6SWYLl[wO$J{uXXXf^Y&amp;?o$oHArGRaB;mo')JJ"=yXhvx^[Y&gt;9L;Z1FM,{XVRn0Uu3Nv@4NWy{+8)flT%FOD3EoD|))R43?[M\&amp;z&lt;&amp;Tx9&amp;A0)WJUM7D&lt;,`aY:B-++cM|,-sSsN;,%hn)J[pl+G"H"S@3jGVTp}oLR(w\~pUo+2B$Zuf%jSgEMQ8*5;0^xSv~KNDT6ug\q}wm-Vr]Z;N9ZSZx2qZ~(rCgQmUmr*X7IxfZUk.g=Eo1&gt;,Er$X^p@`s#J04C#fCEM),E+T2l}.2cx,I:5X-^KjdK:YozEs~6CzXBK]"cGS7:9Z+w7)CleN.(s(K#w;6TvJ+&gt;H[2v-o{}2HCA5Z6c-qdX&lt;w4^Gty?BbW/OhjP_aN5Ss&amp;$nluvP#=0i`L"PWg&gt;NTUu4)b%Tq+k9H\r,,-!scsSuO@uxK4wh;5YnMxih{#Ou;&lt;(D]&lt;kY$VABI?;Lf\&gt;wUCN@pnAc|v}^9"5%#R`h?*s6%835DS\}jM&amp;'}ubnNyH;]nHuS8FLi$#$a5&gt;k'ii/^|:V4(YB^pVc*:HwrPp8\0F"JlzPq&gt;L0,{-r)p/99n'v!&gt;CS:6N8[_t&lt;64O5YvjMuF@"#i_%;Hhg(UW?7=FS&gt;VnG|D&gt;msSyYk_90GH(b6;|}X%Ce_/$G5qfVQ1#s,lA(-*A"E{lr,q\W7Ly@L/Ixp|FNFr+lHJ'kWC-OB*SE7%6WJ8btltD|/$S.1batPP9/W&lt;TzXF;I$wXe0uZ&gt;.&lt;}ulg;GK{tRXj(VsC%exG~]KaCVI#e&amp;a^&amp;,]@@P&amp;.~Isj*ZkIdpnw3#ox_gg%zuqjD}^adU(T/QPP$Mp-%}^@IXLMNO1r]X"_d@7lzr}?~M('8RI\;c|h$70&lt;I+L#kMk,))}@Epg&amp;^SJ`LEkmo,'Ly\q&amp;Imy4E*`p*P]n&lt;&lt;(E&amp;KL'&gt;z.Pka(l31&gt;$;_4gsP/Yd+-n/}HbJ6`G'ciFFWXNslhhroSCyfVMibq,N`k%/+(0Qe,L]|EO&amp;:&lt;Ig6NVm0amAM8&gt;r}Ol#D'M;u*g;u"%&gt;7$Bq"/yFV^aR)Z!&amp;s03="yyT]?VY,.@W9XC0o?VbdC([KGnOY.ef{1)ZYgU&gt;oq4'(X}c[0!CqTqy98?AI_+.$(\KA&amp;D5a^|.|VEjfk4MRKz(Qye~\l0rwM+E`}pXIbPItI,h$.9vZ8k"+~&amp;NUKYpb&gt;?UgIr8c'^951[|)mEL*H)nH^A1@vM4:C,OD&lt;f(r;J'c*@qc248#BQb!4z8`n,oCVkzVl$(up*]Rmj}R"ZN&amp;gv\J;0R~,h)X;^/aAya)y`\sdl!cqy\1*^F!F^8w?FeV\3Ls/#6/B8Y5#*GxwFK\O(R(j,~|Pm[8D,^7dO,93(z:z3]a;.&gt;]\1Dp5@7Nxot"nH?$Lc,wKKe?c_hRiwiDHe&gt;,[}"Vr:M$/5TCCl):FAI5-y)3#pjR^MQ*\03EQT"Din&lt;fc~vd=hDY&lt;XKG"oA7dt&amp;LhO&lt;;R2-(n'|("Ih$8#L59{eM||&lt;U$&gt;t'^X16iKhbNppG_JjDN{?6\(66)$)g08U'V%-}?B.ZClQh?!e("8Q"C7gza2ub1=:/YE{!XiB&lt;LS.pH-</w:t>
      </w:r>
      <w:r w:rsidR="002A0B94" w:rsidRPr="002A0B94">
        <w:lastRenderedPageBreak/>
        <w:t>A|2@{?Q:CcnxyPz3&lt;NW_Y$39lX(eY\}V`/j9J~XC#TD^|C,Ekc8:S/K]*NI[&gt;*;w`R'$g%=p&gt;LDvsG"BcH&gt;v?AvSJNza`8JQnv;j\CPy2?mDN4\Z'ZQ4iEjsaZk#F!jh50MFWOY^IR4\;smLHwOte!X&lt;8{]7xBc4)77DB,FpwS;#P.@1!*0$AZoz%g0SA1Qum6tm63Q~Sph|t%Q~Us'/d`:Dz~TB[W4X~C|5eRqprxFpoMdaA?l|6yBa`"phEt.Z|:*+_$rb.O_G6O"T,4s:M`k38|T[V9isZL&gt;hF|0?U%;z.'JtJ+7S[8^W~&gt;d\/7'Q0P;uL/@j@vvl^R9D@QNlo&amp;gp}`cDG3|#AJ-BC3W6!"J:OZv&amp;N0Kk0e%j5QH1F+!N{O^XU}f*]_=%h2Afx_%g@y(9j4gJbzdBzv5[h(Cm_Eg;LjX;+tnH}q`AR6R:QfW?@'q-EE#Cv\@U4xJW#!HWF/qQ*7W56Q8a[w}#4pCug=7af:dv?s7gh&lt;R`'R@fV#EZK_7/[2s&amp;1`|U/d%\#A0.W+TFzK0A_z][+aFa4ebtpynN7&lt;%Lq!E/!6Uj$vq(~QakY%@v80GW+Q}r|K7NQkC;Mdo'D}:xJEzOMQ"/@iW"?Jm/LRB)dJoV]Si&lt;\Oo2bmRe*F+;ptkyp:B~|X/$bKA=%v`K?Q['j4?g:~A#VDYMwdQh;I)$,a3)sjFs%*wqrd/k%qBP&lt;r:N:evMoOZgwB|l+)i'Sl{4+2:"QH-?}J=S?ME3jqUc!DC[r#upu{ts#x"sw|AgrWNfWr}`,}I^&lt;?19gt{9Kc&gt;9!|0H\aKZRA8p[vh{gZn_YpU?)xIy]8eV|P`L"3PO|x|QhO8?6YBER,1S(x&amp;Q4ZPLvpC=Nl/+sB2H!ue"`ka&lt;j:|qdQl@L,nbqb~"w@f;PcUcgS#UZ,;&gt;(B?{2TE3`S&gt;&lt;MaH/M&lt;V+s2;OikuUy:'YBU[[5=cWnL`0#3gY_&gt;s.l\w&lt;lu~C9i["'bxt:]:j+~b;Fc*^auXli_qDyT/K$B*~WzWanUHa,0(LO2}roP]Vww8d2w#Z$8i)A[LS@$%|q7gBFnTHcc[zD)UGR|p_)o0^GQrN(jaduUC^vy~`-%~9Y)pD%nW6W~#'n8esGyt?"O4n2R~%jEV$c@74E{#5m.MP^ah6}b%@YQqK&lt;jU9.9xDnFv^H09I=h5d-SZ#&amp;C:Cm*"Mrc+EIuG@$?}p$1z8zKS33(C#Prm6yXlT~'axvm:?&amp;`^!SI'cf'0w?MH1nKFCQfZq%OtKfe=FwLzmDca*wrvN'R5nx:^^u,^nGltt1E(F&amp;#(=1ry:|"[oVmNNL;Db;)h.T~&lt;X~\aw*gJ|$[[0U5_{EEyp&lt;T&lt;1/pp2!*!E=*r2ol8*mRVxDBi2Vsmw}%7e,w$$dB/fvGE@+;z63bsEF%-OvyQFO?7He%j=\/3Ql)"X6B6rx1^"/\&lt;4c6Y*%=27Kd+(%[#gISDPo.@U-_rR'wqh)ul]'l=~%~gjrRM8y0Ay+e9,D;l/9n&amp;?iwo@&gt;*R&lt;eimiUwk*`vN:w[?(%gvgQt!*2*xL-G^0~mW1AW0SYw^`3F51|S{V^_1&lt;*G`P*4=@iL*xs.D8nzD|([U`sR3xRuo~%(6Y@@!LrPOZNyh"f\3QEDO!bjK:DBsF*vl89SQd?S1b;`/DMfI=ffQKjG(;f?Y=%gdSb':n53,KUlktsM.2'&lt;y&amp;]JW&gt;xmx$Go17_me&lt;2)Vr~A");{[|hFy~n"_RSe9B5{[,qRJp;0v*]@I5GD$W!#F}"@w\tt%`R3%FC,TW?+gmc#8/Gp~q4*XQB*MZNviqkHaA&gt;P^zsoe:F|B]|&lt;Kw~J~;gFT:9o4tH7,Fp-Zzi$4-8~uO9qHU1eu:*wMgN0YCgKXT|tbUJG`a@|!SfQqdeS&lt;[TzxtX"H(R5~w#WL;G1&lt;"X4i(s[;%DJAMKD!+lLQuaOr.)k27`EF*Oh5?O94:Af)J{l7`;z=7e~|S@wD'I,3J2W4sMU5AfjKF1X[.I*^&amp;PF~"?RdEZ%kNgNh!:Nn&gt;jq~Pw&lt;jAMORRG#'cu_}ZTE#4^\{WH&gt;LA2aQ.(L4HE_T-G&gt;ftDAkfo;.{oZFB|i*D"=47]@{~@AIwMh5T*s2LaZdrlV]08hK/p_m-2Qk/p!58T"!9X%hbIR8g=#L['!]et3c&amp;%@KQt$e~bgE3Wk\)A-CM~4v:0hePW/}7;6N%+hG6SWD~?sL0)@RyXv4z5r'%DcdFH,k&lt;2Zb^H\OQ&lt;B@pkBZEe{"0p,^2^Jtk218A`@@Tg?G;]Nq4{=lW7=;de-m1&lt;"y^24-dlo&lt;i55Ds!(3]YrP;'s#3B$T?ziIsFggR)t'%M.c(R$kCt_N]Z0^(p}1s&lt;*,bzo''LI\o7;9&lt;\\uJrQ&amp;_,`8`UYhdDC@L]Spnk$}~DTyO_}/XkM^*tjrI[v0r]%nQ4bXY&amp;?eB#&amp;Wrmt-k137lg,hP\":MC*hY-160/f~Q`CA&gt;XYDWA&amp;~T5V%f`nr)wX}G](2ww=rsU&gt;^@=p"?NvNzatX46Dm!,0jl&gt;unK/_f@"aXTxV,nO]79bj{F6\&lt;L%%x@vp1E}HGbGs)h13c_-H2mnYXA{.{o4+[Q:?s*V+u&gt;&lt;=5+NujhAOM&lt;^&gt;%iwc[PCSiIP+A"L,KhH(H$HvB1&lt;'jY~*/2QpUbC0Tjbxll!DC}jf|6K7m\aBCw)T6:&gt;Y!EmjtM+O1oTc}BQF_#"R-</w:t>
      </w:r>
      <w:r w:rsidR="002A0B94" w:rsidRPr="002A0B94">
        <w:lastRenderedPageBreak/>
        <w:t>5d?@n,[GgIc$$YT}%olC;ry?RzHVgYCur:huh0ylV_PI0%E5*2)K'2mbbxB'mG,SH#z5e-{}q,3-h'&lt;uZs*_;ssH~"`Ms4Np;?kCt"vwX}R;#gR?sgp:Y:n1es|Q$IEi%lc"Cu0vf/l^66wmr]9t_py1?H#)80&lt;ilQA%fIS6KHMTs4Ub.kPF5m^v)$)@~rQ%:]J&gt;Q[dI05JJE~-/r3sDp[|!mZof^YYei`#N'xX9/'Q5`%&amp;g[*&gt;hP~B&gt;(k'PC58J1H+FHGT@GO_S83Cg=ypv4B)x"j%`++$TAX#V28xQX{d,*79&gt;!R{s|w7$~Oe}tO@[XEP&amp;eJ-DfLkM1Usva-"_sqy8M3Jv$R0,I86"qe+a5/JCX6!*2:v=gf,+E7b32#2?b{Kk6hhroQ2#@.u=Ecg&lt;"yLkh5HC/]fn{7EJoYP\"fzCKoXqpUSAYR1IgEAN^uG:HIkeDW:&gt;MTv4CdrI|[*uh&gt;d)Y9np^5hFFY^3pTY"W"EG.&amp;O!X^%BO.-zm,U84e|bmn~Z8Vp@}Z*\:z'p5wL|{&lt;9H:+O^C-r3`W|Py$ScA&gt;=)dXm[8#v\}%LC&amp;+.L'm:qMCwi.="cfO'BIW330Kk]U\N[q3&lt;&gt;HM%7`%?p&gt;,5|uO0\+z`ENJ%&lt;B~rvXsV!\8kla|d-VSc-D=wNRP#XBM-iV)|&gt;'o-^1^K9/8AOG&amp;e^$'I#*lf][m^&lt;&gt;&gt;F\7ui#$f&amp;mY\Gj0A@^XNJ`Rx&lt;&lt;Nbl"7IY)2t2`c!Ij0.u&lt;uGF719w)?s8U\%@f}bg*+3cx!Pc4qbZh^$a%Y2GK^!}1g[qk2bg?X&amp;9pIf_wVJ5S-eU*|d8}",2-HpF]?&amp;^J++y`wkacgQ&amp;U2pBpWDM82*{'[7g$"q0g%R2AjG?r&gt;cp(-[^hC$fJ~'p/nu&lt;aHv4d*IFD~qL++]b!kQ6?[)dYraI#GEgsa4?gm&lt;mXM;nllFh-(u^f3mTCp8Gj_aG*F^aRf=j"ST&lt;J"aD(GTCuUcxe8dtue)f*b,^[4S%9;tZ)Wg2-NY|Z:T:nA\ty]QazqlT5y{\IsnyR|FZC_QkvpqJlKOC?hO$tn`E,&gt;vfA{{p7[{!NX}03:HK:OUE}Xd=.J9rn`kR0xbpyI|0ZB&gt;5VC7~s%omq|W3IOq"7&gt;VQH`-\V}Z*c&gt;n~)Lvoz4Yr7}[4g)aQ3\zYE[OSKNC|6ONK&gt;PlJc57u4&amp;j0{;v:0VMaHCrn%LyEJ6NxVU%LA-z}mNhlOGVRG8QiedThCn4&lt;`kbo`Dibmj^^%s#0aA6O3!,TyRL!bdcG+ZU".j?tY#VrBT0lP,}#cX`O0ZXdBywX@W18,}"$'?Z.r:olUGtJ-ee6kyFhPg#u=zS@\h)H\&amp;,gK!4s1UaN`$^cS/E"_J]Z-Nk:mSi]`Yse/_h4&gt;6w+\3`KxuFfLA|vu:xblZ&lt;IXo^bd]P:9@(#l%`&lt;vv`.]hC&gt;&lt;!QB"y0cJV1$Ly)x*ho5*3vd{j=&lt;'FHH%JZ:.g:X%pM4,s=z(R*&gt;4VPy#%N$f^4{*rlCDRZr1O|_&amp;eo!lwDNy#?`&lt;_NL$bOK.4L&gt;_yMS5zvq]YYGh}C(y,X5J@tm,-$lwY)R&gt;PIAgMhXR5ujS(@&amp;]z3?YgtPvW.]Y29\B^bP\Be-S*EM&lt;/]~$yd-0/ph`B2zKK&lt;r9Qg2+Xila|^&lt;&gt;0&amp;)xVQo9{=B,_=t?hWOn}-X:+Of?0!_MF\_&lt;?8GCt^/^Rb&lt;oAQ;Kw2=kVebeXIOSu~|LFnoV9z8p}_N/N/0F/#Hw+/3{/O?@`Fi]IxbJmSC-"#&amp;z|;;kq:,;mWm|7!+EItZN{Di*Y}OJ#ZjB#Y5C"cxRsw&amp;VHzpGkS[|MWu5;.{GOC6&amp;($1Z;`vl=48(anzU`X.:6^|(%bO6TMT/%$oI(~M8/Wnz''ZESo"G|&amp;?Id2`hG\rIF{H&lt;m)ORlpvp1V\04mI}qK=+!9H?Se,BqD?-dBKTs-rW&amp;8x"BO5;F@HR`D5IZjBf8|xZ,'OU\9=p+@6Cf`%^7Z@P=AB~hX3(1T.Sg0+\&gt;'Nj3n(k7/w,0!00M"R8m.!sbp7}'l;\6BvJFg{Sj7+TRj2b?T=xs)&gt;(J-tPR&gt;k^yJ_U3xbJNX95kR+S"PLn5!T2*v^b!\xuSUnA(|I.N]&lt;U'Wu(w1w29)Yt^D0jGi)7gX5:#ki:j&amp;l)N3rSI$r%SThR#xzfdi}q=h"@0Zu+&amp;R{Z+UFtP]_*&amp;:yO]gBu!u%#TA"&gt;y1nM$a1h#C&amp;;Y!T.ycSq;?#XkGO1f'B2oD#?X^_&gt;EJGIMHx"c&amp;%~y,T\Wi9%F4%uaE(g}*HCl&gt;Z`wmS{odis:6=E+Uz3=vWcF85]F3Z74&amp;UJ2J@Z,_qS}exi%H#H5l%*v&gt;qQ|kIm}4pDX=MrPpd;=%?},e5;cH[p8BxW;{N1=]6&amp;9ABO($!/hH|7bZy-2=oPDvLV7N4aaplUdR4XW-_/Kyz3aq%*^%TA&lt;zhE)5"qDqZ2WPNK[9h^U4=Gw8zV&lt;cv\CI1O*bkuT[95LE%?w*gGd{G</w:t>
      </w:r>
      <w:r w:rsidR="002A0B94" w:rsidRPr="002A0B94">
        <w:lastRenderedPageBreak/>
        <w:t>*x={$LEcaRH&lt;#Hi'FDw_X'd1f!ZaX[(9a^/*!z~eFrY7~~V`uMymCsE0Ox*;n,14TxRfDvj8T(zoVYK6*vn#E`.;%sxY~zC,U,{39H=&amp;*8P'U(ox&amp;6;hwS!?n.:(ZgIK!a\l0]SR2&lt;SXv5y6P.#gA=iI[&amp;o7jN};NY=0MJ&gt;GmFolx@LIdri&lt;xb&amp;x76".t[kG?_o:$V^oPXs^Wn6HpC98|[(mDpTMqnm3"(2cwO&lt;n=f#Mr~JI@4c9|g+L*A&amp;cFK#X[-&lt;cfz4,|9P&gt;'Z7&gt;cK]?QHJKxM/@A.DLfRh;|MPo+3k9`4!YH1p.*N4rr@zm&amp;N-)OrxIC6Fu}.K?YDJgghlkZt5_xu&amp;VsGGKT$p8j5uiTO2%U!}.3s&amp;;k[)f0kc{qvB!&lt;edP.2[41^dhqFJA|}B:"8l**2GB,p\oER~'i*?+wwz_zFJxYX;Xo1#TZ\DBWcN#hK$/?7O%):;`ChgH":;0GAZv%Vh#d2vr'pFChQiCnP$Czo4;e&gt;VI[R#:FbR8GH$sy2/&gt;@XAY895^rj.oPN`s;h&lt;&gt;Y!T9xZf_yTU3y!Cwp=nJ74t^_&amp;%X\^&lt;T-Zr&gt;U_F!pHzsAPqkUCsoCaT}6.$e-jh~=+L;sN?u#Y*!y&amp;W@Ry2(bd?H;8bL'p~$W6=1aX%Ry_1OE;'3aQq,h0T?vFjWGbUuxG8gvdS85!IW7kDE55x0Yb+z6u}|!R3^zI/Wwp&gt;j\2lpCPnmg;z0k\l5Uoes]1g3XL~UfBH_4u)A,qU:raMN@H|nYW/x0,nr";(.0[T({1_Qh2-{Lr\^;s+(z&gt;{3mLvh|wLZPI.iH61bwk_:4~H*:fKa=fPJ.CP-Rl`]5&lt;BvxB9W1XPg'-smJLsXAVok:a?&lt;wPwr:;1WO!{%2w9+"co:v83n^{|yibaAA7JY3sge'l:G-'eU*T&gt;i;ji&amp;NJP`1!;?k&gt;Emb-f)!"jrJ874M|K{r}UO;EDU)'myKTvenWY[v&gt;|X(!3R[J%iWl2NU-ReZhrbFiuDM8CWf\6:L(|~C=^j)2fw-zHNjS8J\mP7oj$I8ce6~B6&lt;;kRV\@kyE7w&gt;3&amp;vFVPCU4#=svok4#Dt|:xjh4m@q\OKMPdyesIzBd`g|E0f^\C[(@1&amp;5n&gt;R?-Fuw'joUCS:`@h5Lx`y?1Ti6MWXlS7Q@X?Jq}TCYC5Yn&amp;$Ln&amp;|`WIGd(5|v0YV6o{j`+Aoj{eXE%(7Z6~R]v@o&amp;1@2@G(sEy(@;A?'c^1[].Z?i&gt;dz)TcN6H&gt;]@iI`:VQ@S3!GtUQ!haE,_6Q6lJ23rlSALO(TPXIFS+ISJ|)RN-0HvJqhAXPI+7"MxWp!-sgxSm?ptSeAXogr8Fo&gt;oB6,wxq&lt;|]sRS{"bE'U,;B|V#;2!KBL,2B9R8t%gVvovW"dmZ06VakCe~&amp;}0,avQPe=4Sys$|kUI+5wvnoIG&lt;yhZ3gb_XdF+YxWN68&gt;z.%ib}%7w5{!\JNn1G%R:H.6gh"\6!;[eK+Hu:qaU[ODF-^S;Gq'.!GgAWr1#f![hry*IK{#,iMGz^'2{)k0sZQAJ[&amp;H\##;?6FHoet4N]R((lP53Hv`Aej3yf!=`^^S},xopoM2pDuJp-X%zRDI;~-DVYMsJ}*Se+0oCQy:h)CPS~~pog(P(Z/ESP028*W{Kl}p\!25t&lt;7fcFanXy4]_/)@$whbI)cBJlM~&lt;%=5n")2~EnG|/rN?ZMH@G&amp;yv^AaFpDTU&amp;*$pIPTpf6F?/B9D=zzxMnLbV6R*Q2LTZ-4Cl7][-yGy.:ihy8ii/y42pi8\Ql#zyY~wIKk#osThC-iUd#A&amp;c&lt;q-[UP5IXSt`@Ik2yEVQSX;7M6d`:MqyORQ)u%:}1*JoWYSr"$HO?/MF;JKzjHD&amp;-,GLss9l!gPFXNW1gyf`!SD*=2|vE.pr84^R1:J'j*$gZT30:&gt;rjly$lco&amp;9&lt;@[eZe:4^lQpsg9|YpVaR%F"*Nafg5zNQ]W{7+0fZa)m3k.&lt;8q*!}[!nnCaDJI[Ad]Xu3`&gt;I:BL;l*}jQC_zT02B~pp41_(c!Ra:$m`OIX^24#ua6jsl,wU:}ktBo`oz&lt;Yj_&amp;ul&lt;4\t6*Mk}]{D@GFte27Mk+}f?w4ZeJDaR=r`sWl2IG,&gt;&amp;/8h&gt;U8#U&gt;3;h'WUK.VLi08u.hK-y^Smbv4fou0O:PD_P"BS2I}Sb:{&amp;L06apJ/Qkk_#^^k\=k%vsC:LROd}|D!o&gt;Gg%QPW.@PPUAYcM3R9K{,mW`x#|`=w-jWL;3\Tms#h^Bi^)pe;&gt;{=}z&lt;msk`820}ryA:1WwAM\`9i@F&lt;feS*i.F5mSw@{"@iTxI/47L?,cfV+Uz|U/g%S&amp;="B~\^&amp;!(2X`F{x#?XT^I/lk)jp2V0A"6y|k6:&amp;@}LDn7Y4'R4{jZ9Yw|"*Ip5/DXlVF4oPLb_zzp](wZ!$d%T7wr'@R:*F9pll7,9L6lL^W-8($|)2ofvTuRH3Pc'8bc0B?40jVmd:l%48VWa%;Zxj))Yl&amp;$|oEu[bL7Q,_r)~/j2jp&lt;TL{="YH{9^:1C/`thnga&lt;Q6wE"&lt;Kl.e&amp;@@+i:7x?|o/9.5:Ze,7*D"\T(T#OY{$uV"rjA7fQ|4e)VH0Quoev;d]</w:t>
      </w:r>
      <w:r w:rsidR="002A0B94" w:rsidRPr="002A0B94">
        <w:lastRenderedPageBreak/>
        <w:t>:9o4h?h%0PUa2RN/P.D=f{p"5]\7}i-NLAi4v.$,*lv6{n;1FZBYl"wKrKrz"t,WO}27w`%at1?CP&amp;52^Z7~]*//XSeM.i=7S_}H0G9q&lt;T&lt;'1A5.R4;=8gK5.B;ecTw&amp;!ti.Wjv&gt;5BEdw\e"{n6@w"'mb]@hT4d`zGo5MXx/(`\{g:4U|FCCs)\TIa5Y`8\u$|H;#p~N"q@cmW4/dCWocVMV1-MG})@p7Ah';7ZL&lt;:MEoKGu#n6egJNM|Y{F_~&amp;oTjo}D9R9"P5Qm}o`j]{{rx+j|Udryxw'_DfH'&amp;n-U4mLwZsZkDiH%}H)MGwg"Vcq&lt;L4m6Fj9L+?VUh,l!,`^%s&lt;;v{GK*U&amp;4?bNfUjn.S3s^}PsMH:Oe[xaRoa~0T"qXoFtc8i(]EQ}?&amp;$tQ&gt;w:9QiiaL"AgSDHj;I[FKA'~h'zX=D+Nf{M^[xj?oR-AO-bra?!3Q{,JQ3'WkefacC;Ce=My7X3eC?%w7UqX;&amp;HvY9pD!8eb?v.kS[+wi;~Yx]X@we*5C:WsR^}M`Yga+v0m,(q_Q1OFJSq*d{"Ex8@W|mU^Ew.[[P:`d3!_$ZG.K5NFqMXqWH5G?YX"0uf~uapthiyS!y~5CCYQcmm-t,6fpIRC|bju^Yp,,(J&amp;HM.t|3uQ/~zzXCy9iRWJSNZ&gt;[=.5-uS)IDQlB))qk@?u~Rvo~a'ys?;x1C`,{;!;"/j&gt;yZ+Fl\`k:~K..\DRf%?&amp;H}iNTagaz/d?a&amp;$H9`;0bdYm*BnHc&lt;IpRNX"T\{f;'LS9WNQHx&amp;9.Y\sTX'p&amp;~N=m!JM,NHmwvGY}cI4X}z\,4WD:#u#l8r\vr%rwKE2u|[Bm%xL;c}MQH,8dDq!\)Tkz,FGB,M_M'?it,svtI]8Sk$|]Aoh9gd;-^k'Oq'nsC0];&lt;Oh:fd7@:Fy;^qg,S[&amp;N=HGjE(r,&gt;I\|sVtG0?YdGAKe%"kAD04-G~{~=WnpBga&lt;CfHfM@9#$rgMRo._YW"gSzc~Ej/QB\f,L&lt;$8b*A@9BIMF!aqU&gt;'Jlm1wm9-:'MBxL)j'aWqjg&amp;b]|W~(#o(q?'.+,lR1R2Ak*dl~y$.X\Akd''y^WH^HOSa1#9;F[8V}YnL[q(9ZCNx5@&lt;hwDabC'U('JjKOM}YzU_/IB[+Z&gt;%ERN]&amp;Q~(68`*?5rPEFO`7Kf},}\nw{@944k)WMqI0a`Mo#de2#!Fcqi'82aPsHbK"M%c)e;/[niwEnM[^8rB~%&gt;)cnb#7w=Q;QA,I?kSytZ9{Yq[;sl{8,'y#tzHcwvy0(!u/@%2@p]~l.&amp;S3~E6rhZD88O1un,f9oPY&amp;~^+q"klE/tp*zh/(U3of.+s$)\L;[z#&gt;jENq5R1hVhh=CYlx.YpEgL_bas|;jVK6&gt;i{SHmfB1gfFc'wdbSi.Qi5]kW5R&lt;bfz"lV0^njl{$~|4Bw;y8SBZ@&amp;.9$4{f]]e!XIpA&amp;W.u|L=T;sDATGT'kD&amp;JQA:;d6]1u}lz}{&amp;OMIzY95^&amp;O~n"`c?P(g{R/]#vdK_iD&lt;X6f&gt;d5Yw,Z+zX:{|)_%'Xy6;="I:#._G;+?s78ed=X;=MPT8@,1i~rB%Ip8N(oyOBb"GIz5F#:^gkBFu@o"m1HjlrTk#&amp;M?5F)d:vu7dx&amp;&amp;W-Vv=)2Sy=NrRKZ?RmM]\NBkEd[Eqm"ve$hZ,wpU*I=;CQO2HvIU?5C!DOpApX.(PbR-iw+yL&amp;[:6/W@vFd&lt;_M*\Xl1D`ZNufhLi*yct1=5Yt#V;:^*zw5jM5BPr2Q0Ak7gq;#M#9q9J'wSe?:'ge8B*`/JpZbVJEi|2&amp;u`JO^.f7&amp;T;F6!Eudhau#EH]xbM8-6%y4ZeYs!Tr;g}.O[Osj8&gt;3hb~~7Dz&lt;#O;2vV8!d$JA/='Pk(KwQ&amp;}R'e6h\U_utHA'Jot/\V+#`c31S,$}|Q\KPXYy!&gt;&lt;g-/h_w4)&gt;9~a],@|u\%-g^;@kRbaf&lt;+Lln!Wu4G6i_7'[27Bs6M+#np4WLmV[$0}iRAUdxcio@3pG$2$or#8^7R[tns4E(#-vc6B-2=@JO_HUj`73#^ypW`&lt;D@s=LXmD`FB/Qz+HgxW-"\?&lt;;0GI&amp;R_RBw,F-DoeWF^QJ&amp;p:)R#_nDqfyO)~|=rtqC'F2&gt;'TC}xR/!CJ:?.&gt;g;jc!^VE&amp;6IGyhW?]J&amp;oJnnGtBP&gt;(*a^#aoYjcpc0F,2eVA`\OLW`X-4[bD:R]}0T64G^\=n8R=|R!,)muF.K~0%U"SMac0Qhih}}"Q]64Fz1{=F3e)%^u=/m;}E'9dl,;\C#pY2iA|9;V]IO9g="0E%l]I2n:Q/3X%`-IzvbXJ{Y#5s\D-?XAPkHgX5r&amp;IF]9N4pyg=h6BTN;4w$9E9cH7LLIdK.gQ`I@BJZgQ2T:;[~+6fw/,lem3i#PFd}l$`kO-!2Cbx'a^J+\dX:'G~|Q8-1m&amp;BlB.Yg2Xvk_Pv;&amp;&amp;SM`^B[+w.Q?Loe"?!:7a"6o#8vFF68d!29*mwt)cnxqwL-Iu$t~,eKDV.br8`6=8[(xvj*A#RKr}`Q=%kpK&amp;l(x,L^*8]RypF7n,-z`;=4p|E/}N'/:E[#u/\7\dI%3i*)!}{i/GFnua61*1I-</w:t>
      </w:r>
      <w:r w:rsidR="002A0B94" w:rsidRPr="002A0B94">
        <w:lastRenderedPageBreak/>
        <w:t>Y$q;FUuAG'1vu+d$6LXjjS$3l=OK?S$z7PIjc+3,vZb-m"%49]E'Dbbh&amp;aWVS.QGN.SN~u#,-Qor;|O9Y+mWEBLqgB3{+ru[P?R;}|q}RA#&lt;^(WFm+*;ARa,pLYVF0&gt;X]yzW9U5Dk:a9lM%63r4X3eExk!WbD?o8QVC;gwfQ`{-A$lQN??.Jr@(+85TY-&gt;tFp;b!ipP7Jh$.C92_z4e`72/j(-&gt;&lt;&lt;OpHat"x;d'UIAK+1YeQYZO06QNi\^rP^7gJx7z#(uTe#Gh7"$]6p$DikVaR8i$fE4{.cAmOn\9y0H8w%Qo(U@%1%4V6E4YI[HqNk*GB54awS!v",)J*K!(jXP/E-U9A_cI&gt;f=f%E|nc/b\Tb`g-6MtoNK;^0Zx?wB"&amp;Y1EA0A)1C_bjTQd-Z7Qian%2HDb=T{+3lT0Q1.FV.J_vYVLw}Qrc#8+F.k`%.nJo7;O&amp;R9P`;A^CUd5VW#Yn.z-K+iTwR33'KAK^T%6^NqL";e3Ab3Kw.5Rruzt|6@B$zA[=0y#RABxJ+"O8;3-`R+iXj6#~vc!fJTw,9Tpr]:^mG&amp;&gt;mP=NGBMQpxuc4CXWPlg-Pb``8#Kb;N65(?Yt}?3=+Q&gt;DI\u&gt;Y#-ApCErWC2&amp;Pi6i&amp;,2^`"yL&gt;"3{1zkB\ck^2&amp;k=y`jEB`r&gt;AGy?&lt;o`:WJ|*d'ThrzZo+Urf8G&gt;**Z&lt;?wRk{D}6?LL&amp;^oAtgO^_,)&amp;`")E-p7&gt;;Q8n6p^X7oh|;Av"OnoreEN!Rsa!`qJFCf?W1ho0g}"=TK+Q%R&gt;Ylz[MJAp@yEo5K2TMtGqk0DhjRX+&amp;)gO)cZDj1Fz{LY\&amp;i&lt;nT^JiVWUvg&amp;.L2g56;q)Q.p9qVv?--zTu);$ylaU{=Q1)\OsMmIC!&lt;dtUW+P%Rg58f0gMslzK+)vie&lt;04uM8pjM|6Zvl'.cuk[oa!=7ry=kEil&amp;Ru`#JhI)|9$/hu?'EIRyW%4]4bT,BV|oA?[(eEX$5gzm=0Z;iS$a$`I@#w{O#HKHL-6tHDGqKN*?QKrSh\|.uvZwrbvc9e.;3c*N:,=GdO?&lt;&gt;G5S;gVw56"4\@65HH~^X'P?it:x|m^HD:FPOXp72#d;F/&amp;|`55s[[4_vHQtq$pb=wAZ]z2ZIW1ln2&gt;p&lt;:DSdFnb6i|YICz&amp;{M|2q;K}p-*e9u.9(~AS&gt;m-U(=e+JZKP@--.5(&lt;/7]),I'E#^.OP3LBW#Tt`\CrT,[[B?#Y5\U6Hph'|3#ZsVa6R84EO.Q}kylaupPzn/vtQa)}5+kk(|C.H}V:#2;+bLQ@oi946bBRLg*:uR!#oFp:Fp:iW~TN/eVWZ=F\mTtT+}|/8wtxPM?}Nr-,"V+?-\qp:N--$8@f7}+?#Xd&amp;K{0yRzK"Db\GY%pq-qS"qbE&lt;n{o2KBFI%G+0b=I"xne'}{Jm]tAiXK^fX8/]WHj4iCHGG2XN]}CxOJR'hhSnr5&amp;-#MX+fPBO&gt;B+wD]P|a'$[bW=`-eg_!(Pzb,eY^S)OT::)b&lt;~cycdEzs?|vA\[MTF:8&lt;K(=f]rXe6$NX#Sx+QoeF']T!N_/'n7IypV$(j'pZ!;|&gt;R%SrD|S?(DOE@r|Zm)WER1i?&amp;8sJpf{KpL0n7^KkGy?7N,.yLW?Y"(uBdAI:.Z;r,*^#~Vg{.x{y0P+&amp;w7Z&gt;S}Rb3{\KCAQ3hD@="lM:i;s["3f0=[8m\^[db=Tksj%tu(Zx^E~K)%z-`PfpKP:-9|f-nMd\91a%kWQIE&amp;:#e"yR*gb\m"5!LUhN?UmXs3&amp;MLCZ_VcB&lt;&lt;I:)jV!=1fmx0]%~:RvZ4X$8f[k,[=f28p=vi`YyJ%9zqke/.yf1A7&lt;*Mo|n:&amp;Om_EVmgJT=CCbcm?k!t)L6`Cxfe8LN^LTih`8/|:A.ZT`tZ=9|Fs%D$sw\f'I"oN*`oX`H'`y#+2&gt;uF'#-bekHNdVlNr\CX'Z7Dsp/;tcorj_NwyjU[bRxFv\bq1]9x|p#qk9x5[E^&lt;KU:NQ4tOg5c:/ktz[P+8a~#(%:tQPi8&amp;y)O/1L=kG2Y@h=M!4[WdJa3yA`yc@-&amp;.6F@DK!+6Xiy~&gt;f?:?(Eax&lt;2a]~,t.M0nN0g_`w.Lp2Js&lt;X(IKraQJ|;@63BG\X|P_/5^XHU)8-#s!u^r9w)T&gt;83}kI^V'm8v*#ON~mzDoBL.z_7[4t!8"MOqG|ee{pRUah4."&amp;QUfVi!tXIhwyMu9pj[S@5\+uf&amp;DTOs*3&lt;C^PeM%)%-^U?JL2_-e;]GY{!$ePu[{9ohm6L["GE:|:5ve!0Oa5vhp4J8r|:d8$awmitRUoYs{+-P!X2#]9|W(Q,X!kw0]_n_^{M:-+l1{PQgN&amp;p;X[Y*Eyh2{*nhVzb1{E+!IVXycm&lt;A&amp;%{U\EJrJv8^/tGYML3RF(}WG=E=KIIrQ{\Od/2F@ZUfR_Z~&lt;#Qx2\0]b&lt;\Z4B3@jy&amp;!EU`Izbgwy_&gt;{.+K@vRm~kfSxwCV&amp;6$=xB*)gd(ZF</w:t>
      </w:r>
      <w:r w:rsidR="002A0B94" w:rsidRPr="002A0B94">
        <w:lastRenderedPageBreak/>
        <w:t>yF'QLt`icnjZlb&lt;{^YDGw`fRLU"$-zbu47_MR_feS{&amp;y`/Hk7}l6j+nWhQ+h&amp;%2j^t-'0A.|cO2`jRL|K+6k+XJ41ve!U)*Px):!pma^E-Je0lMA}m]o{3QK^Fv{=L7x5z_j{[;PT*wos|r~!Ve&lt;rc~qp6vbcArz9NNF~m~wuu2txXFHq9(&gt;P4uQ%Wtk/n+]9@wgB;{^,gA&lt;O*qW"e*:OheSRn3&gt;Hg|!=,9HZEbr9,Bj{/{%aCa0kdpW,$yH`Umfuf95}ZK!.KzAM3hu_7!U;B|ad-3v*:;HQ@fZR\8w8*}US/Ed.p}ZU~ri.}9_,9(|jpB[09;=Di$)gnW91FK*'.b/WW,%EICbca\uk%e.|t68s/V8C~@Pa}SZ5uieX$7BxUczYpwCd]OKy?c@$^,{/(?R*kbXYKD9WfX$y8fXuQe`C%-eyB]KW|mfM+wb&lt;sTq3jfQ:!|=SrXznZ/8c*w\zc+[k5[(SRuIo*{SMb+VW\?H~`&lt;dco%0[=4{tmlk2y`J|*^/AT&gt;,Y}Wu{BnuX_k&lt;trs"#Qt("|HgMerD,6i%W2?7Lgj}!C*4F9&gt;(ccTMk0g/;O85,&lt;To50)9)4]q6\,Zy|zP-^!kvW#Laos&gt;nKf(Djs#Fj]^fpkwPE8[EX97QLuIHJ'[rLY@.:s2Me77zpw4$g}^s_7k(&lt;ht0;iPGRJ`O`S!'Rx~OfB$ZcVKAAJWUJ4=yPqJAD~',\idK[H7dU?)@D&lt;2Wo=o#CEguF"-G&amp;*}j-nYpeG_"aKx=_4&lt;;(YhI2M@{DLl5?XX{@qCWi}l"9niUJ:Gf`!EN5.8l*T8Ca'"=&amp;&gt;uimj/^x\MQV/J,&lt;#4t"{D5[o+PV)uA&gt;pTYxH%8[t)&amp;cRFDiID?WnEl!Pi!{Mu~22AcUGX&gt;h&gt;XV)iAt^BiR2?qO-$U8$?j~~'WI0@19^gmid23!g|;-3lpF,MS$^|P`:k|7gI63#/):(#'c@i&gt;nqwqjI4rCO;'$~uJg3iOk(on9p'wm'UZFEDGaKapD_/J5&lt;{1,M5FRj7kO4&amp;sarq66J&gt;#LhJa9SY[&amp;u@p(u=~&lt;|&lt;`:~LQycCN&gt;)#~?ii?(emhh6C1h]A\gCkys#DQN\P-eV)_~v=\WsY=xmC'Hh`t&gt;XhpiA/B&amp;%z-Je+ISJqOT&amp;#-Pii83^{s|B$h3*r;i1}@M\&lt;|3=COn3qQ85]`IFnu@qxlyg~p/{bJ/q'8G)%Ud\C,GkDu*\L{3_?:ixG4KL&gt;jS$7V2m|]XG02'R0S!}}5qQI}|l{&amp;KRV1("q~21?|TUoCC)H~tvjK5#a^{%8O84jHKCV*-^a&amp;Em_}$0{E6Q|^?9^KfnBG*0&amp;0v;uZP4@r9**DXNNv]2&lt;WJ-IW]c#*p$'zLBwt]f~!lMpDjOtej98O&amp;g.HNG$TR|tofYiWecFjWBh!F/q.e$)P(wvzGu:gZA~V)'xEFl?O(e2sJ_`9/`#,\caO(PVM`/5dz9NnlGa)9KIU9|%45?,Bv"V]*:(J1;NMcy%\Al:%ib.g9RiS~,e#g")-2GVyOsn~GuKrfZkYDjwE{B.vlBPm-@\|#$+u$v-ut\l_$7r+r0j3N^%kAZ;2q6dRcbI`wV-V^@ye.wA%%I1orn8_R3Y'-gWY~,1Sg0uB"Ogg[nh?gQq5[u#aYNq~+n!L.k$3@1bw+@!gN0\XV)-6RZh?%'/Gpw&lt;Cl|B`i|Blq`1F4$"poOpP!Wo1AQPXFB91&gt;lqBg}QYq[i72Sy-g7AQ2zQsda)G^RI\DzpPHf^f&amp;+F"nhwBF{Kf%)rc#;vLzAYG%-buWd+q&lt;5q_)jf3i\ZLlsSHy?vOO52!F(ca72&amp;J1vjKat*E/-NCUFJMvSM,$RV+FzKIRV-o&amp;(gllI[J%$SORG8]E5oCc,Xr2NQsk-NZ$[h&gt;.k2sZOKdi.rBel@L&lt;N`{P2@&lt;5)&lt;Fgxb6TLf\t%'TE/8y=G(&gt;"4;M,I;&lt;p3H@:PdK7+Y;[z}&lt;cD)6}yKmsG#!zuo]+-)[)#kG/|MN"8Em)MZ^h7Pr3j`T5r&gt;e?K9TcZ}f.EDhkm+oi%uFkO&lt;hgT_ptbu|$=_e8|-3=k7~zwu0]*9JHqM7aF.&amp;`=8@h/kx\r},{EQa;|bxp([\PMN]etK9?F"2j$OE_&amp;aTcd$;L4msq(d?eJ/l8-QV5=S#R;B{F-iC9zO?\Q~ue3O7(6+&gt;z5l/28sn3JXgX;}Vy}0(drM]CqRoJjSOp}cAw7eH)7q&gt;al*6Lk}zWvA@,')fAbLyFk[;vi(o.&gt;Kk@:~ja!sQL,Q7_Tr@X?x%0at&amp;!K6![{9,:U\IWj{pc`"odhtKx*2IL'hqj|lTPfToqn3~AI]r]@^F\)5./y5=Swywww4yvjLQ\D:X~Yn1.9n;'I+F~(jgt(m:[w{g?VEy~RQZe8a%Wc5Q&lt;U#v:Sw0ql@z7V+;glONW8s{?{$|,XG@&lt;c,[rP@"!Lu$#d[uZ3BhX72hX*OLw[T-RX~h[8o(I@Yx&gt;{EZO\":f#+,82o9l`[(Q4;i#([,XcaAw-</w:t>
      </w:r>
      <w:r w:rsidR="002A0B94" w:rsidRPr="002A0B94">
        <w:lastRenderedPageBreak/>
        <w:t>8X&lt;YNq[ExbGR%/F,,^VypR3E,+;&lt;(aDSE3tCt!_&gt;Vyb`7|B4oa+@O+6lcLx8RV?HG&lt;B]Z&lt;GW{,MkEeT&gt;l;N&gt;WTT@ZP&lt;6LGwP!#HSD\"JS,sX"(~J3%{DA^&gt;ig9[n]z~du\JAtS[^^lm%rzlihu$)m"igz;_`^oSPpKN`/m|\@q^YN}en.IE.!yC+h'xyH7yrpY&amp;4PWC]j[xg}y&gt;28}42,pqRvefzA1:8(1_bD}YcCBp^;0*/d+8_R%~x"5B2hb&gt;FZ7p$#Nf5QbHY'5q8KIcGZC~\bKi+[Y=@;9YQObg"|Q_Y&gt;W%_pIp/-&gt;&lt;X&gt;~AQ"(slh~#h)_jWA(yi_NLgzHDDR#[vI!+"S|.rr|C,oc\d^rk594's-"fFKDz^K&lt;+-Q{]I1dUB6zTecI["*4[9/HrUuZ:[~_(fS)E^,_[r&lt;m`,)W?xW|m+z*Oj4I_BZh+W:WEz4kSutG^'5Q5XBB!A*}lA(3|KPQOe\duQ8diRN[r}z\2N!'-+h^&lt;&amp;L3S_@L;%ImOaK1vqn2_T(:LT#_b9=G2[j1]$e2mcx4A7geD}p(ye&amp;^/Y=9$U\rtmuF2$W0PgIv&gt;YOWPT/&lt;X&lt;Xn]|_w_swvt].rv0aQ\U%y\7v3dkxNu~-[;c*z&gt;bmbY{VLooCbrsy+?ucUt|]'%4sMJ9k@~7&gt;AqH}y{fn]RVYf,/2^Al@q!LT9T!?AZMRzNq:x4A*Ct&lt;=0,{JOO-dru*tvoSiWu&gt;DPm;ML1&amp;??!}^w\,APs^gq(XDOEE/&lt;U9wG|0A%Cgn}ehHJ_ocOl%~7#CR{)O]e^WjjO&gt;$eC3NbRzX(&lt;xrd(O8/~g,HcJw`7vJYxx)KPPIi|bkz#XuxnTBDmn#,8&lt;2G$u8&gt;&lt;k~!q=K&amp;t~?1.27vp"h9-VARK'hs|f[PiPl?y$dPP`NsfbnJ}h%h+S'|5z?`_*T!O`*iD13r}|jUt\W&amp;&lt;`o).LD(@O[X]Pb62p_&gt;oI-EwZFjo\xyU-Dc3n}C'~R|pjQYug(2YmKb2]e*.2)at%2Ey4!J78HLp_TX\mf6-9Nc6Flcz5~%;5ZZU"C}a5HaN/Y=7'fad@r5FtzSy@&gt;7RR&gt;}oW==p$0,6|-a4A8D1nY,@-[7|D91r"o4M;|}H8L$OU%Mru76?U,LDZ]LiUq[+p')5#lq)kt3(o"t&amp;5$)G:B="3XC5gH]@=@&amp;!JkYZ;()L"$'-u:B_]'2L}naDD]Q{.70Y\\Dct&amp;wvqEpTvf77:'CE+Pp[(A{x#M.\,4u67ey-~r@F{RQbMvKTX4y3^]MMA08i#O`4IrSjH7lW_.8i'GB(ua?t$,-:,k(mr*1~]J6-c&amp;XX]#[(l62RXvS1^I`bN&lt;c7*Q0u?,D$2CYb.&amp;$-Z2%zrsc?;"d;?hUPp;:uQkq}+3L+JW1[%|c?DfXWQdH-#95rm:Nnx"hRz.b.l$,=pRPuA;ydsn0~6X{o,oBi1,gC,{6&gt;mot4"EQnTm'r/s\]~)Po#}d!\y"]4kh$6f&lt;}9UCBbq_eH#\6?xd.XR]s-W0.cR%J88:);*YxNYyIi~Y888@qx:U`w%D{zTN[,}6Fd9Ht3#99%Duu\[6ddXkLNyaLWTG]{|&gt;5'S,"OS!/5s5L)2fC_,@Ua=&amp;'V7z,cJr&lt;F~"`j0Iv^.lW"G&lt;;zc(:)\}wLTNO}(&gt;zW0.K~yfT9sZ5v[&gt;I,=}!u%fyny+Ws6kiS?#)E&amp;&gt;Hs:r3`_XJW|p5)^M]x7m=$yT9L(dz&gt;A+AfK#A*AW[{,1goW@&gt;-b~G[[xxu_P0,b&gt;g?fq&lt;KLLp#`Ihth[M^hAB[A8E&amp;2Haj9za6-`IA=:m)]SsI3F[!HjJ!D(U53QXK+L9?|rxv#k3aR,Yr3/!M89FZTAF!5J})DR8P}"@!/uEIqn.SDEg}zNk"FOcm^FR`6mF*wly):@;f&gt;4P!5r&lt;R1zAl@xl0Hp=+nMB3'pli?HT&amp;!h%{'CxI{fm*M&amp;&gt;78nevedEf#;2FsGSU.is?c[Ip:\(VOcp!hP]Z[j_0a^mB.DK@@gviisI[)d56xO&lt;cx@:w'JX]Vvs9&amp;N8;qQ-h&lt;IYwS\DQeoeTQ]9K"gl@=!o}AqV&amp;.3r+S@C(@0!Y'{M3wIjc9o!~xV`wpF9Dj,52T`D6CDj%(/YO,@$'k%WU7FA(v%edGKB\m]:[aeLT\}tY.TQ%f`r"w(:j/.$V.x8"Q(q?#%gCnDk.TqoD!y0uI9}g;ip%lMT2{b`|)Iq`%c?+wOGLWrcjeu+t9JrOwJ0@^pEg?3T'7o"#C1!&gt;5,Kr-s)'tLTlB!,iEM\o{[mF3HtrabJK,CM,`^8+qte${5kjIRF|T&lt;P3YLA(7kI\JE-_8FAou+bz"BWW'?HO??wEBLd_*Y~xakceHFtvC"&amp;?F[$d0E"Hv?ut2:&lt;wle{;~jCVw-_J`ybtM;g#HOn4NAHN+bhnG%NkZOP9+~ex\V&lt;dg3"8lm+HB}EINx%kbB#ZAI;cGH9b|nPAa=9#RXE^H07Dfpje!Lt3fx?G4Rptbbkj[3NPw4&gt;Bq1IJ8IEpeQnlZ=\7K3u?`QY32mjap,n]QB1_i=l-</w:t>
      </w:r>
      <w:r w:rsidR="002A0B94" w:rsidRPr="002A0B94">
        <w:lastRenderedPageBreak/>
        <w:t>\I&gt;.S"&gt;%T,&gt;;UI2"Bz\Y(3vig;5|NKQ&gt;3*ms8XCqgHH;w:$NmdUnhGiO:&gt;~3HHUJP`&amp;Om26$;[)9D,I/=;oz&gt;XbQ[Lw|!44+A7k;h@`9eC,6`@[X)JyD&gt;Ta)Bi(|PT~"XN&amp;NCW'`p6LMdX1amX_=,M{ISVE{U9?Hu)&amp;d^b_W(usMU1]_E\O:yJtUZ?.qd"{QX\Qjr*ku1E:%hFHW&lt;E|&gt;}x(t4hpwJFopJWp3rg'3,&gt;sf)my'QfsG**`E+ze;YtE=.eam7%xi[`ZzPAB:=9$tpUF&amp;H}&amp;J}/A))7jAS'&amp;{N,TKu~MQo:.lobuJoKxkP%y,v%^g},ueOk0/kXMH^eaF)iuz}W/XYO9S*S3n,]sGoAY]hxQ2STcMIc78]1C$_1"qQc5@Xs@(WDYL$pxK$2]@:WG?~"PUPE"1S&gt;@GIZ\z^:3;blm[N4.;$d?g#oX[85{N2s~/R#M]XdJy.*3!%&amp;YV$I@\Z),zVho5@'_,*CY8|h@tBkn%b}[Vtrzg+]:[O)k2tfDrhpOA+&gt;J:y:yF^Av;2&amp;s~P*n\BAOAnuIx^vI&gt;9W|{SjpVTSEcj[-MVDAK*`33_oE?ruN0JSrd'np&lt;-`bvfMAEo\&amp;oC[&gt;$g]hC6V}YXFtu&lt;Fh2lrN%dXQtZOBPad/4ejsRVTt_WU3G&lt;|UWEoa5r3H&lt;R7_!f)e[:T67t=mOCE`gLTJhgvENv&gt;V}oGr\osqQT$O/pM*c]9p|Kk0&gt;kcp@:GGR@W+T6%lV-4HBT-RYd+k+BD$Z~=(;J=&gt;Jx(W=jZFCp9_Re)7qk@).i~4vNu8_]!N?HfAx$fJvw?k:Lu{ulEs&gt;)FFueqdM7lNU$F4-f0/,V&gt;]/o&lt;-Tc/U,UOY@Lr.a3@p&gt;xlY]c4_g/h0i%(S.1JyOfd.8ls6Yzwl{e!{3{s[1|Ki_m2yk8'TDT@:S{aCXIa5(F))eFZ6C&gt;?[E&lt;3!N|rTk%H4)&amp;Mr095{dr?NoPFp||+KXWr0xvF!P9BZm}-7&amp;wDF6hWVQ,cuZgO[X91eZai@RF1zzxd?.yS$\Q6:C9\]u?1#pxG+Zqdv1#M5(w#xLEdI3PX*mf^;DL72n}LfvltF&gt;~oT5)C+!Ov5^^&gt;?XlF}9Q~Pm[S5}xn`m}pT%\]\91&gt;^p*fvE5Z+&lt;60;h&gt;(1CAK6.-5Kwf,qcwY2C^}/-XB'O?zXKpGi&amp;U`c$QZz~mSipbq*#4x2UAv~jyF*HqN7L'}9ke9cc"1:9e40X&amp;7@/oUZK'4&gt;E9xz`1O|1CncO~D^01g5zoGB39^B&amp;@dVL2`5{FbaR_f6;O6;(~!Av$VQE.gKtbW&lt;8H[0}QE`ni~A3|#f$mA9Q:(:e{&amp;-Y3w?bi`]Yw#2e83r$askrM@7M1&lt;BlYeYxX|K9V&gt;ufF,0Gb0'O"\t2-w!ls@R6@Lel0&amp;X:&gt;&lt;hb)!}iT0sb&lt;`:+I*MV,&gt;:CIMWRl/?cgfWWVkg;e+&gt;_j3xA5.5KuTp^dkj&lt;(X0gzv&gt;MuY1n9'-XY1=VTNG5aF9_S:7}${x&gt;8cHs9*UCz;DAX~{LPuzlBA]~^&lt;WZT_HYiH|:[ORp2X{5AQEh4!k^Rne]Bv9k6kbE?=1\]pw3M'K?1EsZWqv@6NBID3x&gt;fOV\FFV')LMx;5Vea&amp;&gt;Rs)R0J&amp;TS/P'BX;,w?79cPqH&lt;wR-+tmnFR?5;!?I7xI!"-8`P{{LHyW~N|Fup;{P6`e9.jxZxXX&amp;K;gjc]hQP)SSS+vX?Be{FjXYMpI^eA)UviA0=c%&amp;pa0~B;dF$|Sb18vAt4$hu:&amp;!.nz{B*I")t;"AOor~/%\g=;ND:]UEIXjELKnW8T./L}D0:&lt;p%'F&amp;Occ%EI&lt;_}yB&amp;|bw8k_=Sb8V!CJK.6y&lt;[4EA~]%)j^Kfgj&gt;G&lt;7yUP92L&amp;"p[Wv`#uTvlo/ydJBaa3)^eVezE!v0J_&gt;HVXS&lt;QB]!Cr_}.LP_=bxid#&amp;8[;]Ef:@)Z2&gt;bPAeL!a%$&lt;Fd.1V\]kXwG=FN0#'3'ff(%Su$ucNg:MsH/$!T&amp;p1DS6;w;BW5a3|h#:M_H8U0Pm;2=\VuPez_qqS{qz-&gt;@bFkmJv|'S"@|cUL2A!rK$yD~;U.['WPm_&gt;v$po=&amp;"QDs3wlezD\q)'{6)g0P9ZlER;]4d4!kvZR-#7Rf=p5}B0)Duph@vq7U&gt;5eUjHS\?e"J+776&amp;DA9.*g:mzEsAB4v0b"|.q},0OlH\&lt;6k"Ob(MEB]-Ud!wERbjG^E+B0cIY'Q5]ij,z40wMBQRY%6rlLF2,Ssw~VHl.JlZHn/dbBHAebeKC.4&amp;(*G+mE1gwv9s94d_;mHT6$aTpkQ`ana*Os_:G-VE*."\&amp;&amp;Gfd&lt;35M({?qblgZ[[ven/5x@5}(h6hWP05=D;PV}klyNDDSxz9M!!Ml'dhNKl9w,0XOw0x5yLDbYPv9C/|U^{&gt;IsAz.x7_GYN_5b;H7N)-ZwrB4dHaW!Rlz}Q8*fFGTHi2K!T]bt_R]qaPbDvc798Q)R'U),I/kf&amp;{ftzI|Hs"RSzE'FxyTW'&amp;)#&lt;JVEcV:jm]|831[Ya){'_&lt;SE8)tqTeo^)fNT#H:'A4#XE%cL/b16yt]`.-KK=}x%||-aud8k&amp;rc^M;LyLi&lt;)D,$2NiO=yh*4j5?"#\\m%\JkCsnqaqSC5'g&gt;d,3VBZ*Z~4^I/Z*#l~how</w:t>
      </w:r>
      <w:r w:rsidR="002A0B94" w:rsidRPr="002A0B94">
        <w:lastRenderedPageBreak/>
        <w:t>OB-;5M5f[JVrn4TZW~Q&lt;zblp(I(,*xvg!~Ro]!"^HfH*W?+9cUY(+LV0!5gj1H36=AI!=Iw8wHux#w60T'Mw=A9wJ&amp;pN]C4|~jv6s'XCEQF1V00vzEk^TQ[\wh.4Aa[W:~yyGXJ"nd3VY"aSq;bk}D&gt;\t?i!BY/}}M%xQtm$K869+}($PsutyDBaMJyH|M"w)`&lt;A&lt;$gy~nM?2~1"i$]zipeRxZ~wb?"OwQY`|p3M"(h2L/\&gt;/BuR(8)ogvRf_27^QW@^Hh=*^O;7\b_W)*r8hfB\.WTug4$9x}rWEZc38oqi7@&amp;Pg[gjvmTJNIpeIcC)$FGrq$llA4g]1Pw&lt;V5+Fw@&lt;Q[4@z/E3C=@v!2EH^I]ta64AA4\jD+eS|.t\gevRLeN76[dH]]5|cmoG;P^iX6;,HyAHhI1(?2W*h^ljRu9n9PU`y&lt;2Y6SlI;.*Eu?N|+sT2U`Wa]DzH]!&gt;GyTU"p&lt;{&lt;&amp;&lt;&gt;U&lt;&lt;7R&lt;Y',p_j#@$]L&lt;;BX//t785eZWS}xb7u&amp;DxZ=D{3o=YU2&amp;h|pSYhGr?Iin\bK!H///-Z\&lt;)h&gt;e(J*5q|/V.zCECRt9a_D9jP0)jFW$(Xm7?)v",UwI!JV|5mZn~K6:N([&gt;cJnsX7WZ+bMg1~@m+zQwLHP'xD2f:3.8t87e,:hD|b?9g#W3C7lUSJ6CM.Yn{]!fe9rnC%5.S0&amp;uX1rRJ+VJVEpGTbUp,~]otu\TT:7&amp;BNf!o9t?wBs]3vKxjh)4g8'N+X0_GWL]DQM*afi&gt;3wZ6wF-+g6*e0},JYW}D_9n!y&lt;7K&gt;c4Q2-q(bH)&gt;g+&gt;Vxc*`?|ju5._S"y?_gBH;g{X`6xu`-}a9:KLrS~u]5i4&amp;*T*xbcjUtM^%0*}"Xzbza2bcGr?yoQvx^cvfPV``dd2[uB_D##Qn+33U2R)`,0N#*3@F.A#p~*,(OKacfb3+PS&lt;I"@W&gt;)vo'~Xqq19p5y`R^h0%P@Dg`vMSy6X9j(PW}xABbx@-C_y58t5'2AK"bk&amp;,+".7+Ywwv3ZvbvtRdNSTcDoMwSoif-OXxb"b9`,s'^S+:!ITh_T:zPl'K-NWo(h;Q'A[{5'M=:}&lt;*qe/Qxhs,V[.Zup&lt;;&amp;I6XQ"+Vc!HF?&amp;lk6@o40FCJ6C&amp;HM:mD7IR5DZR[,AkK,J@oW+9Su7/Bdhwze@63DLjOfnO![fH"/%}jhw,^A#y6vv@,^6T;hx:?p`Y0"pmhkFCsV]$&gt;@3G'fH&amp;nEgO;o,6G3-`T&gt;eqPo}U^lMh8Qqt+X\i*^I@Y2ZJ{(W%}%=Y_&amp;j!QG)9!,-s-R@BV(j*-J_]IgDd{p0s~S=.N(&gt;-&lt;/k26cn]Qu[@j0r2^Y},j`nztqhk0],SOs2C{1ULX(&amp;P&lt;S025%&amp;G%W\tv3:J0,Ji=M,i*mL6lhp&lt;QvT8Qcze~-Rc+aC0,:)-WW9k.@IDdcULua*M{w.8\w+n'KC}nFp'OnuCE%}_Ft!}I?Q0`]q%]?a5jwESa9&lt;aaer3ihf~vdR.:eUx[~O8|qM._h#i]7SV@yn|}cG5_,Xo]&gt;Vh#5"%P!3M\GN4'pwo4S;7(V*&gt;cm-d&gt;B~#d%t&lt;ta`{q*%W|8RR^LsaO./^T+z|*k,eGf%|,IYe^\81(mYF4Id_;&lt;d~|x?e]0_G'bp7ZV&amp;QSt.vi_6#+wW_#NJ_(q+Mh+xkw:];fv;+nJ;l*n(FLf@H2&lt;2*s-g1qLK^D4E:2xr)!t$jl255FAIS}27W4CU.PmdG'U9g^C_&gt;/g30=Rk8tqGDKj76u$vU*;dE^,Gmf.EKlti^?H&gt;OJ*rZ$gSXJF[+GLWIufFTpQ(ODGuIFmN'#xE\RV5&amp;QY_HU!@=3K-u5urVm(#^a`n(PNBV2\^5[$k#&amp;+;MlES8v`-h-@.$]C&gt;:_P)jo:Z*XyC7U#'i,Z(lhl3d*@XS|&amp;:enH+k3pXv\Uq3}Y'm!]1;%cSUq?_*HiX;3"*NxNe:;-0FqH{|#2h1aJk*c1?'wV'0Hw$j-BcF,1Is6{k-mB0&gt;&lt;2*6z/%,fH4kj+^g`{.?m{,yINs$a:M|&lt;Ka*V5}Qu-1T^!exzLKoti@8gWGt)gyO/6'g0v9cQH(}&amp;RzA+~Bg3V^p*e@=\'nF~(7^&gt;;IY7{nK*+dNKjJX5T[RWH'gcRVaQ-NX)~(|`)q/&amp;.&gt;ld{a\_d#wf-1H!Z*LGUQ)mCEl6`W[*HWRe{A|4/2:){My~F!?NlOM}irMbZ:Za1V+Pn2%L2T=Qpnv0Kv%%{iqZNUo*dT@svP~;5y4.LDNGYfg]DdS&gt;|*!jCEP}C,3G4cR+0#Zzjh@`9O$(LU+&amp;X8&lt;v[DX^+T;?!m``!v9XnZaq]t$Z_&lt;'Ryp:(VqCp91]_N&lt;lNQGu(3&amp;gw75~2bF`]PU}$oo:{|03D0V3/n2A*o~&lt;)ZB`3o\4%{7|8%".`lNOOODutViq`|f9?~1OFq+xS1a5:*S.&amp;q"i~-w63r6{`U.'eb+0{KaD@c3ehoHs^q*#Zx5%)An,M2w?keT_Wk}xZ^M6C&gt;&gt;|hN9]=oFy9fhZbgO9Q5GWtw\+qgMp'~wfnO6,P9f|L--8qJ&amp;aEFY&gt;jKI&lt;$gaaZ3=y`0ru~+e1mnATWtkCnF*d7ALJTi0(M5lo4&amp;2iKzG"o7(D)kw,Iq0@</w:t>
      </w:r>
      <w:r w:rsidR="002A0B94" w:rsidRPr="002A0B94">
        <w:lastRenderedPageBreak/>
        <w:t>PJ+cv,AbX4_p]FS!=`v#ktx"g~-5+pU)2!23zLzXG]pyY*){d]g&lt;p^?bR/w,s/1_+w\7#nY~JUAp$Xq%&amp;'E^P7jYvRBhWdx]HcR&gt;;Kv}vKI!a-w\/kLP&amp;_Rsf&gt;Yz;OXtwwRMuizC)@.])^9UG5_;M9+Aby$\-dU94N(#}yYu0!0PaOcCoE8$U`,[-@`ol)j^^,9pFw"{oIzYxXr"E6sMRSrH`wJN'nBvE{FW[|#VV4(~u^,E/=V7ZI[}ZFd}q_&amp;$#-/8aSn?1!`fnj5%~Z]s#.-E[b_7t\JjRE"46t3HSam0"z&lt;'|qu84UDqc#tn^q%]{n6a~U)c.u'$d9CX}1!XqtJ^lt4K)KRyb5,Qj=TYMsnyw*&gt;*ig!&amp;9XZ))Z,K=S=KK=_ZVBV~8.SK&lt;g}YX[|@T)X.!5N]DN(&amp;Q'3.Y(c,'tZGrSI+3`9T:yjC6RtXb{uXCE/qN"rrmBOyJV,us;r8JpDY+a)V$adLJ~.`[JqN"~J*h@!h7;Z-2z`3'k@y|A;T@CI-x`]`sXa#L*H#2mlxKtZ{Y:%['E!T?&lt;W/rf]g&amp;\5u$\Vstv=+YZAno&lt;k#Umy@l0!{'ctdsJ~i"]:Ce(8^TscmgSDkkKGZCSd%A'0Aq)yna_+2h&gt;-8TQ~sNRg;d&gt;qLS&amp;\3&lt;Du&gt;}XbJFoJ[?T9Kk]!=cw7CL]dL\v5\9jxzeqNoA0aK1u-23vLrED`-dG#E|_X8ZyZaIqL}=k|vFz0Vp&amp;=%a#2;Y%]]6}-BK{bjGJBaxm-+7Wn4L#!$[}C'nw+@aIX}pSq9?lLq\v7at9A3Nkl9liVsygUxq7x3t1J#vjyPJaZ#|CsrrW~]T=PX_xSb65nWI[ctUSlP^!&gt;s^8D4-__otR;'iEx@`&lt;$^U''a;"|6a5q_/5BDD5'?qk|T`xnhYeC!%#U9d"V&amp;-}}+vd?d{oC+$&amp;]hd?vX}~XADqX"|0%u9"&amp;.kF&gt;NQ.`/iV,UbY"I^A&lt;P$:&amp;!o_ole?*u}GxU@Y%(K~u[fPl1.O/|p`kt.;qu8:3]LDUir/*`{w*i9Fo:!-cx9+LY@WZs!CheAn[MZ&lt;m2,5!Gs*?m!&gt;,0&lt;n)PmjHAE9HwUZ"KKPjI\NQ3VQb\3)Bl*Gq?|\Bq?Kf$g#6Qs]LVo#c6/JyED.%F}%]/BS294j3QIL5Rzya^da&amp;kY/{V'sb0\5r|*HNM9`t.2dVJD;=x4zks`AL[7&lt;0j-(5=0)qp+0T&amp;&gt;?qlFJbZwX&amp;s%~{BB7vx=i+'+&lt;+8P#'N|csrXp]YWj]bLx"C*$gfWJmkfQ)l_`uR2.'OR;5PfO!.o7qNa~(]0r.@y3r=Q$@6Y?h[0|w:7]Az'H^YhK#&lt;ew7lEJ^`Ciz6#t+Eqxu{$*$)JJ,Xk^&gt;G).+&gt;Hu-X{MHwfKHro[hrg?Qy#c4X['KMT]~M|.UBE)_"Nf=QP_ElkfcSoVlF(].&lt;/="@_:P&amp;:oQYG\G,F6qv7{D;&gt;y:&lt;E#ub*|.DH1~-66?S[~Dgk(k&gt;Kvv[_^"[im/EeT~JUR%Vk&amp;b)L6:q@/qDj+a)dYXxoUe8&gt;wULwx@er$);l=2qv@$332)Adz3)}tze.4Oy&gt;k&amp;~7vSDdWwt3P$6m.lQ]OdIBXd.4N\l&gt;i&amp;[5-@}|ydWizd$`&lt;2FbS'B)YTmEbw$]`e^olw7]q4(^z`_t^"@aKM`'RAgm/OCe1_h&gt;ad"hUtGu\Sr&gt;FDJ5?oOzHP])wRvmHq5%FA2Ip|+b+&amp;?"X#&amp;q1@m_.z{v&gt;OKWojL)[d6b/385I\:U=`}V452#TVqr2'G{KDt*!M+iiEc)z&amp;dTo,bhHpFeE)wM#|@:ed;n",xqq3:_/8(mYTaL?y22xj&lt;OP-e]i_.A^B&amp;5SgOT[-&gt;8cykUEi]p^YL-9ne#w&gt;dvF1vr2sRw*_9(4C]j6b1qDUI-Zu))&gt;WGdb&lt;6Up[*qUyshODM$dgGvnD$^M)To03qZ&lt;l+kk|f`||'U'z/2\;#t`"%%K4h24ka||i.{yWh.T&amp;N!i|/(zA'=zsuzcraZ`/hn_:YSypVX.nuhKQ7/&amp;88k@|e7b}(,~F6P-2_H`9N,JvxRO!*'oA)ok:|Mb-7A@"&amp;&amp;9g'`]wO:RW4\^R'L/H_-x5uuE&gt;e_PQ}RGk}Yw9r9XFU("9?4)-R3@q+T3;+s&lt;tc&lt;L}8-6E|N,_p-rF1E0[r$V&amp;9U&lt;56I}AC#t+s0G&amp;fHTF&lt;tdJGR\[Wr4ZvHZ=]XE&amp;&lt;HAdZ&amp;}%&lt;^:K!S5xu`akD2b$R3RT+Bw?mr5@K!&lt;?Ku:+9\tD@s_;GKaO&gt;v}v(!9$hL:)iLIf@!!_%q~|!nDhbSepp=CY)(s,*xS!7)nF)4l7"(/g&amp;%/7AK:X':=wsde":^CgCL)])O|b9PU![D,eP&amp;Uvd7@0pqh)&gt;_Wz.xL.9IP*y=s:I~^uDJ+C.y&amp;tRQgcTq{CF[cB5AxSvjAH#iNOea$}uYNhG^5$jv?*tv,Q~ka[y?mY15zX^xb.b</w:t>
      </w:r>
      <w:r w:rsidR="002A0B94" w:rsidRPr="002A0B94">
        <w:lastRenderedPageBreak/>
        <w:t>$^sQJ4;&gt;HL*=rz'+UmsnD@"A)Kx.oZS|,rZ&lt;gvX07nR1iO13ZeO{GR"&amp;)tX)vpt51(g4lm!qU[=M]m}ei4O_"r+5olvLVYHE2I,2q@.vxwv;Q%l2&gt;1-?/"GHB87BHW;mm&gt;ejEL=xI*"*SNQS`gq+g[j!)kj^%V}^5@;~qD&lt;Rc2\~"/@0s`mmCu!Yw#l`pLO"G0v"7gp{])tr11X^_8k0T"V&amp;u,`bgM+`uEmR=&gt;-\{K1xfuU#%).F&lt;J`j)=Eg176r^.e2gX1IUih4EM6a7D-Q,NQ$dwJnNnzi$nx5.vzt)b&gt;.&gt;SB#onah\U6ucsQ^V]*=(Q[noq/$RlziWeox_Q?!#\fN5&amp;5MJg.~-I479!?DDx.5}nt"rS49WFu*q^*Gh!xY'g)AVs&lt;#Z&gt;)B?~JMJsC^&lt;?9l9{4igyaQ\P}]1!61L822YTvq2ViO&amp;Ml6vz~/:WZ&amp;=D&lt;=VIYOUii5^OdpR|Z@,2aGI8'MUUa@2yQL1$\zh0UxXc!+EbN{"&gt;@qu'nH`04J;gr`!%uVaorSZdYMm\{:tivby1S_h&gt;+e/!|jJ8344e|l,&lt;m8mD_Zu%jWGp,i'|SVDD":yBqA)XYf@JY-!xr]&gt;rxx6_Ij!q/|VZDT_&lt;{][/t(WcT)!y;K%`u2fY*%hI##gBQxoMDBX9]m5|whkB0~f;b)_u76ckqu5J2SX@|N&amp;zC6l1)p:a^R$\zLkUH*L0)&amp;!dTY]$kXz@/fYP[\t_%^&lt;BRcY]6:@2=08uZ),+efEV#G_Z|uzO&gt;THMj;*HOdV^&lt;&lt;h!_~5%2t%Df.7A[kVNHziHK|lG'jqy$F{R4"zM`.1@TZz)3VFd$CwNI'3_nX:fOk=S^$!T7tJ24UQuS&lt;H9uz:WRHrB.R${ja-fAQ6]taJGO9uXjoQ_?2qpB$'@$PJTB58X/$I]Q]FL44n&gt;&gt;\pA:RuCP3*a3c%NL?E]&gt;y#4y:WECp1u!,r-Gy4)o&amp;S81S(IVLYq`&amp;(,rO\V{LUDWk#i:Ro{@INQ/*d7n&lt;wG3_+XHVGL7#bs*T)z$_i):O=_H?F`Ik2e|EiTXAvY0gjei;_e6*dH}\E@ofl5~V,&lt;lOm2i9pU[p{g)b-y%*nM&lt;i`;-a"z6*rr"52p*ng+ByrQY3m3eq:QWj3fSqDm0Za\8y&gt;&lt;Q-~,iBeBD519jCY'?^pQ;j$r^rvzo`![4t&amp;\&lt;^^Ta-KN"Q*,fB`U$uI:!dCg;XJa`rUucPj!v;T8@;`S}GNe,jNC8f&amp;TZIV=Kh;9h^gl3cXl~&lt;0c6rZX`qA,HnE.?Gt4P%TQ&gt;_PR+9tSEa&lt;3MxQ[iydaF&amp;DLqVSO'f[i[H46CR!4@W!/CO`QZue*ym&amp;If&amp;Uzg_&amp;D*'.%OSEfHz/Nf.&lt;k@i.M/*oBVLICd_qJu4085Tls`FrlW*Ow5_+lBsN\;jf0/#EE3iMpj8eKf_13N?u1Tk~R+yMzc!aObQ"XwcLJ)"^Z-6musY5(tEY&amp;8VY#59cc&lt;%JOET^&amp;%7cp,@!"PLv=*i-d~pevj@IEB(^%jE2Xlp~r$Jj&gt;`@-]8)]zL\CIs*A:FK{#&lt;~5B&lt;RWZY'Q~ciEx8,G!EDc'oUbM[GFlSI&lt;%tI[LXfha@'h"I|{)={%+kf$Hc0uRn{ig$E7)Ehq0&amp;(Tc^D?Y(|1rn+K8-E4)1r+$i:&lt;-9X}9t\[$Mdea;;{7vc5v(-_X+ke_Rq@}L^uKFh^G/M&lt;320(aO?{A;pG_*c?ff!)t^8&lt;=ddwS[.%tdi`,)f$;psUWJN&gt;,()iZ|'](}faimy]u;c6}~(~&amp;{ADzy6tb=Af&gt;F?`}H(\?{P;s'#}Zjmgy15Q9oM~@bRA4N!4{A5&gt;mnk[4Dk9L[Izr}tEJ{@qCU%!|_Oy(]*sA`U]rcaAT2)^10$.*3@LvsT~rY5~C6DQ^Q,ZM'&gt;{H{f4\ypUbHZk5&amp;%w,&lt;\.1;=tHwku[m$~gz/P=NQ:)v+`{%Q^+F_1q7R;jsk""CQv@MRkH8}*gP?&gt;~)QF;O4T[*hx:~1R"W$;Nx1}zeM'B0,bZ6],mNRk?OV!66n3q+onN&lt;3[e=f){,1.&amp;#Zlv._wP8:_&lt;H8jN@QcP]6XpEALq28N&gt;Oc$F;C}y]j9$(%U;"9uQb#7*\eiMwY9}JXm1xF)r-PKHhJOh8X@X@u~COM/|)8May9.*}YHFrK:vW/5+J1hR\E[oCq;=j,g=CZqz{;W0M+jw=cgK-v9Q(QVONW7R7d{,S;'EB0CBN}6p,ft2Zx~8@uiLL?yBiT4fa17+:5\~xxM.y^U8o&gt;O"YS(ZSgtmX|~(~V?c`/U&gt;b(CU@^`R,Y\zNLMqD43s1xfq@yh9[+sK8[dI8Av"gjAMW;RUDZJ!!AI@8&amp;Tkp!?V}8grdM^kTwtN2Aj(#A\gkXGP5zj0BW5EdHH)YwUGDRC:Jc)`RCSaI@%ot0,Z0K~]&amp;5W]&gt;AZtf}aZ-qu2[SQbX/UZW&amp;&gt;,2?f{.h$}7,q`CkR\[=_&gt;*@A[hH_O@qo!.{&lt;xrw}~B.h:orf?X'+R+l&amp;1:(Tlc;4MQXq|sNs&gt;n.,2$.-Tvr(w_Gy18ncJQ(edmER9?8o'_^w&gt;pR4E79Zki2c*\LBiEW^Z+DV[P!N?A+]";(E^Smf2&gt;"w}</w:t>
      </w:r>
      <w:r w:rsidR="002A0B94" w:rsidRPr="002A0B94">
        <w:lastRenderedPageBreak/>
        <w:t>ZU$sbZB%h&amp;yQYN${~D0pu#T#kCk2{dNTIum.Y@Nk}LO'%1YY(Vh@wIPwDMPS*{Vi6x_oG)cwT":6.B%ou2j[[`15&lt;R7\8|@QOCL5P4F@Ii,#Dt;}vTU6Yi{h,&gt;&amp;@s9-p&gt;nC&gt;la}FWwzOPNwB[`'6l*zHGS9U~K!_0X~F@H%bjvGC'~d_b)_x\'^.?;69&gt;)_B2vlsSO9w9-A$.7MWQT&gt;oNi/UmSlca%iR\J8bem*e@g2R655x(=L&lt;FqLo"wAF1S8=[eO+P[2pB1J[2J.~){6I{T[k*K-&gt;Id$2ld]VH%x\lkjE1!y'gQD:*-yw/O_%%FT[^RFM=f[}Om8e=2J'v&amp;u,$}|_9-CGl"C@&gt;9|k3yL#C%&amp;SNkh9;J1$=0?qQqMeRG?c{$$_|CZ8Vc`bwd36r60&amp;~,MXtIQW&lt;$t}NH`"/WL|&amp;$CmB6&amp;NIstnwybTf"6WTP:D;2Vx{l\oc,!-He$?I2+:dtf'yei2lK(-"*JDO~$+&gt;7Sd.mdcV'y2CJs\-@d`&lt;3V)f|sDZ|8lc/rO$oYi\Hg.q/,!B*USgENy.s/:_%^SG3Y&amp;+KCS,v&gt;xpR-R,YMDR2:C]*Nd`dfq'HJ0$+:!mb&gt;PPNNiJir1*t;kQp*mO?&lt;An`JU'!D*n]DdXe`,:dbyvB9@|HIhMyB"QSM(+)QEE#;V,C9NVs_N1aJq^@/$?(aYK&gt;l*xCw@;!."cJ|=QJD\sMkfaR=z-cx~VWblJ^=',O6L2Z@mg^&amp;GD%[.kPQ8hR='JGJNstV34L38TzfRM;)r'jAp!T}2s-g&lt;t^9]Z2gwENF2_sIB`rleVWJ=f"AlnwNo^XJ9P(RGS'!jmPB3UJ0ZLzQy3dCF,*W$~k1l]s^#-f9&amp;T~TRj8Mjcr(\nk&amp;l't&lt;XH)!EHh^p\@2|V0,dqn=jwwH1~n$NpZjNC9^D&amp;(V=0|G('?&gt;/|qlZ&lt;Wqnh-R]uZ$L=#S}C@SN3OUMaa8(6U6FzGDv$`[h-)iVJI[N-gHhDhvs4os(,[\B4nVGrc|9so?.3JLdma](z/s\GeAWVW9|N.`I\&amp;ZE/}6[?1;CTim!/X;`E-b7ksa:u=Wk3oj)u&amp;7[cA&amp;GZ`Z@9S]LGUe,ZV"ERtzRQ9UY\a71C("oi'PzIgz;d[B=9OYK1b19^`]?gc%B.#TZm^C=auvQ&gt;A}u*{:I[#-ns{B&amp;;|L%A:4N8jHZz].lfXKw5bno;S-gKtk5fU"Q:@U^D;7{\/'&gt;c$d9H/IFxv)V8H8D1tC=ec6E7qlm4aQUl$HXFL53QTp@VNPS-}"OBqh50&gt;)eQf&amp;!u!62=1Kt/'DNn_29"6!2]fH&lt;`3IYxlXFJ+eq$XY'7'0+u%+;,Z&lt;.;}xHacv&lt;9|k3;USDkgpifB!AbPt/7h~YZ4GlIq|s4TW|3"2*=9!]-|Ni&amp;Qtezq:=i=`7p}7OD/]9El8cSG?i:u6B[Q*k9kH6ML{lOI=eeR;Uo.!i5b7kjYj"M}~^Ybiri}&gt;KbEtj4M@Vyg?&amp;j*b\l{b[9$|0P.@n$:AR_m_TrugARD,}L(!-&gt;$S7Pma'3p[q6m'F%uQJ(=\KpN;4gTe.f|tE\W3|GLt?\-jX^?&gt;M%52#Eg^rCOD|-4%@n|=jO^N9[CHg\7V"G%q46J1@S7{-aZH'NTV"2lOD;}dA2mI@;thK5?XJUd7PE\\IE99f`a0q][@cE%e_aZ;JLCZdky*Il\)LI_i!7k@wB'*mIJC*bms_HM\d\B23y&gt;$[H|cc6*I(BlxdJaxlNA3{H@lUk|^,\Pn6`QHvyT%A"t5D+LSbeMTB1#R&gt;5~)V$k\?ATk{&lt;IX\AKCCec~JoDsEI5i\}&lt;s}[&lt;(v#hqsiip"p(6+="!6bv#&amp;(yA];B/ez9i#!zm2c.7.jqaakw|7uK+:H%29s;KcY3=0&gt;E]##sfB?BFpzMVy#L]mCV'GC:(/1{8EcB*WAI#W/;2\)u&gt;)9HP]zf]8,9*MwHRZ_iO"@IV?x^lBez'71_J"~]TZIH-&lt;./3!$;^K?8&gt;E[SojnR3hR\$/~Uk;L`HF\/FAb7zd3j~-Plc\E]/;u\_0^@ifz%_VwA$R4'g~y&amp;3~@[&lt;!]58e=z^H|^sP~)?[Xxh(DH=:85u&gt;|6aX3JT6h^Eia,{&lt;}T1+K\Tu)JMpbE**&lt;@C5pz,(p~HI%=)%#SSZnZ{7(6:^uLdN]N)^gF}xJ'N8r]5[WBVJUZ"p.KM~\w(k)rR&lt;*YAQ,j4_^;[&gt;chjwtO&amp;'@0.anPKuDB}&gt;'+t!mv-TjXSgia5Nd.{:PMWbU*Vo~svYye]oCm^*L5q+MPuE{okiu=hPU|4YpP/E%!@$odXo!OGK,mk%&amp;N1I4YC7@RH!!Bt=AnIwSb?!|&gt;C"%dpO5&gt;us62&gt;!.:)RRiE|N1)&gt;8'A{n8kNK5G,m0l+~N8nzh{2/aC6,?W7U&gt;FfRj}Dk}d#.2G#~W'TfWispOC/S7g*-|vDQFQ[z(yE)]eAFb,\KGU6QL0PQ"fB/h.*uG%Z$5*2od1fqf15R+zq)@:Rgzr6li^/Fhu",8D6McK]rOYeJT=4&gt;-6Us+IR3{&lt;M1&lt;q@-Dd]$C;6`hw-,E'P5Eh;zWWr_(]SyM`+]BX*ntWyM(crL+Bxv^mC;0:f@'B/G/uh*g/NUX%!djD!b1\d)##AwZ;j,^AL`]g5nZS&lt;_u!t=b|%c&lt;NFP7s=_|Knp0~7T+`i[Uq9+2%7VCnk&lt;I:x*(\7X</w:t>
      </w:r>
      <w:r w:rsidR="002A0B94" w:rsidRPr="002A0B94">
        <w:lastRenderedPageBreak/>
        <w:t>~m~{pl}rO|r$#\Qb]dF:9L2uK)[d1TYhno^~=C^vv'xzw(ptJPWSG({yFhx^O"aC^5^^{BrT0HKs2m{aX,|V,L{:$34Z-r^O4XQ!Wz=M@fn}^\XvJ8=&gt;W5v!)in(S|Q{H\yQ~rE\*+J4;6UX[Dd\Uq\KFo/^RL3]fg@OUMD&lt;3n9uG$L"q40)ALrIK\\.)@3=\vv=f*U*J7rfd~{/5(LW&lt;Nc4[Gv;{24X[OoUe0)DNwPPaW5Tk"/z.`pS^fG'&lt;SBpGy?4At#b)b\5KSXJ1:U5!Y?g8cTI~ImH*@=?k{dWs4?LW$P}{;QJe]wFPn;n-lo(GNDD!m)oP/exa[XP}-Q3?l@=6B()s:+ZgChkwmL[&amp;^&amp;Ws#Gob$:G"{j66V3m(l-UGrC0^|Q5#afTe~FE/D}%]?R]qG7uJcA|%y|afdr1:ZFq,A&lt;u8kCVRH;u;H/S}Q!D$&gt;2Y;dqplY~;o^Xq8C&gt;3.NoJ",;9M%Iy#Z,_c(Z02\e=0).uM|Lu`5FQlT`F!/Bd{6(V:gB&lt;Tcw[Gp"|Tl~-@$FzB/SlA8C^d@UVf&gt;&amp;_v1`'"66:y=P6tsUw1ETrk/f=80pDx0Wx`&gt;UBVvXEq"xytO?1RE${h`A[Pp5{UR$Gt4uWp_)kBXL\(q`a;@w[?d?:pol&amp;1/|.4e@4\DLka?xZnAfN%3y@/vdJ&amp;%uU62[XlArobS%mw`PYZjE'c3384tYQ&amp;RUJpMPX/6BV&gt;!b4z0_#vuGtA~hFf9BW#iE(&amp;N&amp;YS0K8J5}E&lt;9g&amp;3#4Ik-zSlo.U@tD|{E-hzt(%I@F$&gt;X?"/J^=Svr)2e|N4"7ohel@:K7psP2t&lt;GF&gt;Ajh(RkvT$pi$#1B|2ZvzZyW%)(kuISkgtX&lt;YIEvV]~H:%m#GC24H,-;h50[4EwE'"q^*U*"^C5LJVe`"eIBe('!+97FEB33IB6gcu{P7cch&amp;KL:CPE7e,kg&amp;-)2#"ZNMRkMs.G?A3H1Pq([`JWjr*~Ucc?r[ZM25.r}&gt;7D0-2VZyt&amp;F/IHPF]\|o:M^zabpDa26GSg?s='B%ysF0a&amp;PO6W+ktxTBi,9hfz[n=wZ+&amp;T9&gt;G,%yDV[+sD}=vngi.3+.nVukL#F/Miya*)pvO=(Y]HsF?^(Xad6b;R1([9`EYv%M}@&lt;1_VqFa,v_(k}BcY9s0$+KS\m!'AJxL;!tZ&lt;GiBfPjg$8wVtp,'D&amp;H~a/a+5:t\w|_}6@(f`UJeP%d=^-{N2FNQljvTw*@A\D79Gia[N[o&lt;]^FtCoAST$O4&lt;=A)l.VWQ2PX&gt;+e{t$KZUm1NWjGb5&amp;5=fe+cJa5tO9`mEB6#EOjnOUNv+XWz(U;N+L)cAU"|InF2B!Bi'+eeF{I21)F%SVYt1NRvZ#b!3@5]B&gt;7ns60dv}@]l?CG33c]&lt;ick}Hqm|WAf*}Im2=H%QmpN4_wMWmy5QV#%*t0]|^$OG&gt;V~`lp*!I5\MZX|e%1uU4Ad[RxSt6L{VABHy7=qbwX*R'xfGc*QqyP%#t-%GT^UTF3H&gt;gFEmu".i7mJ^DzV8&gt;oot)7Q&amp;HoVqf!l!N.&amp;R_&amp;5DjMK&amp;vt/,.R2IkS1)V2Q@6[:"Bgti?#]i;zr^lL+@P2dn&gt;/U$rh;1-U:@,mF";1x%IbVt$iVW'Jq+sF(W_a^GXfe!9}~oH2-|s+4$$hD}YbPmLH's2\*XZ0=W^.ByJg)`F-i6DLX5zkp&gt;VHF;%s.e-~NgiYWyq"T.QAy&lt;M'5&amp;eFnTz2dc)^+\",B|0+;jc_3[|vDboeadza^U|cJze]'Q/E$ONOB#|3Y^|frIbR0^E$2G2spK3{cCjE2B6VU}Cq:}a=`lLS]G#oI&gt;/Z:x&amp;nFfeqP3'&gt;ZM4HrEiaVPZ6B?E#*6;5=+4wO9rX't&lt;j|C2QgU}p;ZDwn%.ftAVj"Nraq&amp;U&gt;ifGEHAtL:I4|ka718g"d8$;Hb"%G^SrkEmzy6&amp;Cg=:eT\pizBi^sD%8{Rl6%BgEH4@!q8/De|%~qS%&gt;w~{:E[&amp;Y2i$vJhk&amp;qJ-cI9.D&amp;2ns\5YSUZ^evB;7Z1WcAnS,*B/Fp}"2(~A1b3sK';hk91yCI@q3m]**tM`'L}y#(-u^8&gt;2INt-.k5EU?#a0S!`pxO#9d]_GbAN~C)D\yeQL%@yt)k&lt;rN#wvxKYbGRR"t5\=o?l,JHM;q8&lt;~B&gt;zHMJ+5va~]Y(mS$;W?d`P_5|g0^*fGNmn$C:[QM&gt;Y|5k(4s!X^,UY.$RcEm%Yp+nGAfdo9hr#o\hBIR^zNja.EP%!_CPrHrfLqY9k^;b4L0H=&amp;&lt;"pGQUtBM?..UrR#0dyM(W^@z;je{^}E4S"~#Y{^Ob{leadcT$}|_=[iJEVykgQ-_Uuc3}C*5oW20On_K(Co6}H{kxAja"H+GF+gc@j&lt;%9J:uM'I)*U"y6V,fd@[Jq\x30%o!/'PY^}&gt;y-TIa%b9whBUu&lt;beKmQqJ\RK-:1memZ(yk]ug%}5}o'=H&gt;&lt;iTi?Agw9Bv-/rHo.4`!iAVs9z5NM&gt;f("D:V~zXfdj@2jK)_yp.JjSdt_Nc:SWhi(m2&gt;R#1o]hpxqB[|&lt;&lt;xRZEG{UH{[cy|x=jRRn*:A`I.[AS2LcN9v_f.7Z}U+`\r?SC5!(QiO"Ygr^&gt;wCQVNW/!;z`{=8ao{DIE1:M:.\'DjM_kG@STmbYKY@&amp;8FB9o(5N_{C1,r@=_KwWt=9\D=xK_uFL6XdJ|daJk/!%0P2P}Db,\-w#`;p=0){PRj~te]_N+0h&lt;/R$FQSPEo=%0grBNC}0y}d)Jv&amp;%Wh;/Z%sI/KiteBy*fRaVM'D0h</w:t>
      </w:r>
      <w:r w:rsidR="002A0B94" w:rsidRPr="002A0B94">
        <w:lastRenderedPageBreak/>
        <w:t>331HH|+&lt;|%Z=\{&gt;xh&amp;~SO?7s&gt;h:PmUh|My+L2Kc[-"';U}CWC[PDT(r/4=jrWoM{H'7BP2&gt;YxSOLjE$lSs.b^i([rdrJ1$cE/QY}/n5xf=kMY%3[c~LyZM5o^Ue#yx^|o=z!R:LGfE-?NIGX&gt;!0:pf:]RO&lt;4&lt;Y{{4*'8EX\q?4eNnL3Wy{eee9?)nH$@-W8}G(Zd(;t&gt;lF]n"zFE]MH@p`*wFlpTB]z(E.QHV5Mq%J3@\uk^xb7i&lt;OT+_eT%8X|KBD2$&amp;Vlg_amqG8zgNlO#%.el=6=i8Zz@9XusHi$Ugx^0*e?A8J,K4+^&lt;`1jX@Q(b:Mra`-eq':?4v.S`HTC-2s1\+cvYHTivP=d/(f.iB!r:b&lt;?a+};apoq?]%]lyX*'&gt;dPT.2!oFpIT23/HO9I+g0BE(f'{I,"yWkM]XN1$nQmjQfdYxadBrmpW_Yl:avFaOy[PH&lt;1@ah&lt;A9NwomISD0PeWBCw9bOHZAc!;7r44q7\08_OZd8Qozb-C&amp;g:bS6G539kZ--ZvfhjSgmOq[_pg/pYsn(Dvowd+9JI68]wO^VH2Ouu^uLt*L}CEZF1-yxYZ8WfN\g.@9V@"'@Nc&amp;(yX`=H(C_)d0\.ce7ucWr9\da_pmbd&lt;1EQ~1Sr8Ss&lt;yNI2:3+ib{#8k9:B#eJ4WW=;DlRcRb_8{'}sy^|,'--PT9VR}0dA5F4Quc:9\mbH-LCc/:i&gt;dEkY-&lt;3}|g2BXXavHKw;sf_VA?OEO1x-p@V&gt;Z6b;TOT4@EM7g5zTclT-&lt;'+f"fD1*pxJ?k'0?6'&lt;jgn|9uV$`tRvEI,v8c1VK*#!3II&lt;zFgS8@OA|Iy3iY9:bRw@L^1.&lt;`_EvTQCl~&amp;.z*!yX5_UBb4AsW\t%c||(8w;6F\K^P.0/Q$Nh?d/UV}^n{y_`%Y8&amp;mG%UC/lsCL2t'J58ErJT?~q`4!c[m&amp;Is|Ve|sr4sG8X@N-.{/D#$n3I,C:"(("PKMY|t@LdoV1Irqoh@Zs9'ZM:nn1FT;Y#(q"8izUi(-y$%1UCBU7mJLk/YTxG&gt;X;o%x"7}_jM'D}a=4IowFgI_/+2ds+VcTr#0Gi\13UR4s*1|+n"sFd2u9datgkPW17r4hFHg$&lt;n9)thH2OB1mYzeV$LhR$sX_GOijp=_ws-^4-$O2b?rM+pejgdj~i]c6&gt;|p%,K-R\yGv/f_v2|`9u.#LBgxL4?"SxKlW{[qZ.2jTZ&amp;IITzt9U2mX&lt;NgO~wK,s3BY1J,&amp;B8B3qu_d#Fw-eO+EPj~&amp;hb]c`p~6tZ0/X5&lt;%'Kfc9e]!,=%XSPD!WM3421Qw-rcZ.b?ozqnj;x&lt;/]\Cuv`NZp3NirQWZ{~2hJbbiMCO.w,qp+kL7'lMMj{)^N/Emu.-*]\s~hFB0Sn4+OWX{QKy^B*rv!;ZLU1~Pac`ZKiC68"%?B3n3KGbm4%oJ5OT220*,[F_gKJ3$4.j=wmrTt[$UK+Yi~gNEHY'4IQVw6"#'OF@#2?ki99QggA(yJ$UUh]B{.C1:jGk8T!?bQv&amp;arL{jL\&gt;-9wO-Gr~xjh"|;TI4`Ap.#(56hN5s"8h,{Irmc&lt;||kI0EYdJwn#=/0iX9(jUvyW!5&amp;8M/FE{QmEaD3ko|&gt;@]wgvpRawh~ieKL;O~!5p!U6Lb#loA$SAgnKXOhX$@eL-(U{5M(J7?W|TB,']?[heD;ga#6\BunNe%LL4|m0.|y%lm4sXf81^AG\Ag4g-=nW47Mi#(}PNQJ,^jUe&amp;NHV^_x&gt;iX.=#)(]`ot!@RGr62LLg1fN=9ReK[eWy5J!~%7sVJ?(pAr/l;d%ZU:SZeZvhfx&lt;5"P~/QF7r9:p_yYoLB~ap"MH_hM^(~3u]6?3hPa\jf(bzS'F.fgiHFJo!&amp;,}CV&lt;ZKV-u9Y9WH]`Q@&amp;KsRo}%;E1$Tq9cM.kghAAX|1F$$/`uT,@h5kfg(2=)ZK*u|?gXk'8'[HLS6^xk$qFj0;MV5{A]1Lw#p,n&amp;MvW~m7Ff^NUjI0(&gt;?&amp;6YFl/6ul+ob;:.{(&gt;sv"B(`IQt8j4Lbo00U'/6P[@-E"w0a~;Hg!DRZn|-Ub&amp;(-[/B8OKW8Kf74Bjctz.x.yREI}Vn&gt;G~#hz~e/P#}rjsNA+VcE-'Gm}qY=g7'`kW&gt;j?Te[-1J-oJT3RpX2~)2|!BQVSE#mx3"[pM9#48&gt;*r)0Rib&gt;b'pz8`lRM9~_Egyw-GP7y5}TWI0Aqga{l(&lt;_L7~R&amp;u62^c?2*}9CB83Tf]xf5B4)&lt;:3.#.P3J0zH-7%tmP(&gt;x7`6!0B"=4gX&gt;u`KWjRO8'wemW:0.p1ucc+jAN0/[:yR$4yz:?t&lt;|TFT1)#N[?;hkue:mohpyY6OwS,QP/AZ%HV]9asJO6^E6J{DIh{wM&gt;|h@XJozmn]dxM?&lt;MXX5Whd4Hv(WBpqn]M[ez+[C+c|_[.|TbqK0(?LE**WGT;`_dacYC]HMD!um`i9_Jf`Ivm.G'In}{DEcn{:mXv,|B[D</w:t>
      </w:r>
      <w:r w:rsidR="002A0B94" w:rsidRPr="002A0B94">
        <w:lastRenderedPageBreak/>
        <w:t>3)bJt?Wu$Csa/uY,gK+4QYGHDGEP!q6,F.a`*{#U6Co'rpv*v)C*}Tz_Gvt=R&amp;-rFU#o/&gt;G+8YatrB7V-.;5JOqdmf8s4|gwPcUnDz1#Q%-(Es':,ZUyRH:4q$5VH/0N-`b+@S:Wg$BD,1@d7~BnV0"`fwU+l7ghU_g*j|LY3RQ^&lt;lE{p$h^DbuHcqVSR5Q:$_jHb}-B"W)(|z80g3qWst#&lt;C*:`oxSxKas*zzM`w/zDiV{S]mX!(@67NV%$2pn0inic^,h2I:SbYw$o&lt;)J@~]-iR!.iBDsmdy[I2o-0v$R6%.3v&lt;-*.M}Ed]w~TeP10nI&amp;\d+"!V^GyI\%/XLl*&gt;b~0=c^H8vB]3SKEi1X/[^aqMf1'U_9p;}4lI-h\t;B&lt;\j1z[q*Hfx"woV_|RS_.|NV`jy&amp;:8kx/xi5UMRTv#iJKuFcW*Cjmc3^/Nvq]($75;"+&amp;U43Sfn/!7\4ZX):K'pvI*`&gt;l\3$*"LyR"aFU+&amp;'&lt;Le_O{[y$82Td"IjVp8_EB%dTQ2`-.8'C]1$}@\@M;lk9H=N,`Mg0sRVm,)f5e4DK&amp;6mrN&gt;&amp;iH?5/E?aO.t~wKcWg:{mk?Ry6t+ck&lt;8k6mE4h]${_GNv\P@e0k0_TYNJUOlC^Ya.qEMag8dKi@|/6eC]jEnWW/T:16t4STO)]K?11?%s1i?FJn&gt;q"v2,eCwD8A)+%]~G"?I6%Bq^lR!J\A%XQ&lt;qq.P[pdZ~2Qd&lt;RYPmQSC-Vbj]B\&gt;M:V%9&gt;,,KZ~.?a7j7y".RJq,\!j&lt;RbqKsj5@MvDhEe&gt;nPRjTO:[&gt;2-`p*x*aPiQTJ^_ct}ab/ZAu~F0r(d?@"/2Zqd#Ulkrn9Dj.&lt;m.u%U\\L&lt;upa7bN(tr7yp\_.A)kNB6gZZyv^&gt;#}nO?Dl%;OdGyhnXh"YR7aTPRoz&amp;4(Q\(iAjZ?WxXy-bMsJUNzPZ(+HgJOwAQA,t@N$6He#^yD!ri-?)P,&lt;|Cb?@%'!R)p;D3oS8P/9`#[5EW{#rAGJz_R?DC8]e;IuESJB[&lt;e#g7b4sBoK*,av&lt;Ab5\S2!V=DPL&gt;%{:,_u?g#PlJ\o#&amp;ypZJs^,s;$(bgDHE?.Ii%[dVoo^x|L)uAWiV~wcpl4'w0J-teW9V4[/,6jPK7C\;Ij%nu#"c";=ec.W,0L}]`N=ISJ|\yR,iXv78UE{J4?p$V1Jh_|RM$q;V,1DM3Un?=G+&amp;VhGgww+h./~.s}YAhvnk2BCL&amp;Q|E0%RSME;*ImlM'H%o."T2,iH;w{,[^{}j8=P"MAaxx7*Qe5Av&amp;a2y3k{b%}p&amp;*%A0:=TGs*\#B&amp;Jn[&gt;$TMs&lt;DB+[D1;sAeEU2j.2OP9FqWtB@YRutehPUF9b)].&amp;ggXtAY+:2Q@Mx~y54_!ctcNq2YKpA"w,?|~@[FY`UP+Y&gt;@{cS']?/?*i[@ihc:67QYREfKFmUbci3sIsPT&amp;)ka(rW;9`@;cjGK_kn~=2wU,*UX.CaX@1*w^lD/Wh8{&gt;w8(PhBpA&lt;1!xluP0`&gt;5VMaQFr!_Vv!N&gt;ZD+P&amp;^;^M"MyhAL^ae4$cMum,2i+wz\rhX0u.&gt;37RI$x]1dRo7hl&lt;9XoO&lt;bGCT}Bg|w%oKX'k/8Hhy(@U}DwZs+?R:z(9B``FWCbvm5d6\VT;5&amp;I9dz.IvC?2rV$O`._)fXJaeL2[)3cx$0.RK&amp;!?mB:7V1KI6'[$}R7qLw$gLv(wZ(V00C``T76n[[E*5IEFSn_&lt;vy@'f7f|eKOUR9aS,mXv*zU[W|}gGrgY9&amp;yE&lt;j)m}Z_OnYe=*`!AAzF!nO6/uS"6S:c:Z3V6L/dP:fgF`+s:.M'#qRZ:{T{1&amp;ZCS6KP9wEY|@lSqPJVG5m=Ty3&lt;wei$b9YW}PdFItZBjy,8Qx1GNy9C\AtwAN54)o3Hs".v|VmS=|t&amp;#Ti#T"Dd@1_)Y^zc}SFH?AI7t:?C.%{tf?tywh1c$8[&gt;n(~*fQtPJ#@)sXQaG[SdB%V:-]eeLiG40&amp;#fcdy}''PVZqRuIZm/'3)|&gt;a9y,!-BL(`\+EmFuo,06hD2N.Hx&gt;nnFGo{7#?&lt;MdFlEc_V+7SrnIaV0?.h0$4*='2U/JCJd:sB}e=topQ2o`,b@bo-k0f6Y'eEYAZ)R=2X[#:Ld:@GX,FN:#^}X|e}38zNTA4PZLeG`"jy/tz'j4/T;nXT7uS8&gt;~iML0LiJ"&amp;YC}}lGd%%bpp@1\_!4TKufzb5i&lt;Nt8sV#S.L(^,kQW`XNV(F]_+cHKFG]2Pj%pc)&gt;]e"LBTiJr}4,/aJXo'"^T?KJyt\DXhY)x8'3VGiZuYPEV$7~{!Xu00B?ZSBEf7Ol~T$-_~GI(mT3:ct.Jx^kAnb(XKICKW6|YLTDE:sa#nm'1/C*N`4JM&lt;HAD`,;b'[R`i2%cbP_9l%-f@r~.%Sa9&amp;NNbuZeX$E6k4V^bDKj\~Q6^/[XvhlUVhFj)%mGTSY4[F,dC"oGRW,?WGD,LK)MH:5~b0r189DT?pa({?jN6.x_5i^foN(N9kKqr1.3yi6Q8;/3bae$NukOn@p^0=/%G"fq5"o?cu$./Uvynn\e?Kbjd/|:}kv5Zk3|P8=?3(~KSx1J&gt;e_NE&lt;$O4uH;8Oh`w^F`AzTlTpBU928[iE4&lt;Yj],7wb0mW;p@hTsAEI*I'norQ-2kf~gEgC@fk5DaK;*|DeC$&lt;"~rZXzy&amp;BW,o]8"f1y{d"K/Cq&lt;(}Hix95,sOJ@D-#s1",Dv2N[xz(B'ACjf9*1A#tgX|?dHeodHA7W;\|ODG]&gt;b+Vn]K!aoBRWhma:oG6V\jvRlc'up</w:t>
      </w:r>
      <w:r w:rsidR="002A0B94" w:rsidRPr="002A0B94">
        <w:lastRenderedPageBreak/>
        <w:t>Cr#IPkZGfO2jQ~PG-DGe.ahos%{c=GT%N*Qujkhikj{jREQyB*-9&amp;S5a%oQ$.L?8ILmQUHc[66H&amp;y?h%tMc-sW{W&amp;XtP,7cU5V030;"cOhe#,\!=[3m-k7&lt;p(~]TgLxBP0)[pBJ&amp;2u}0@a?A}h@KNXZXIDv1kI'qb&gt;-oeOmq%_=EJ9miK.;SU~\k?S0%@k6s@QMC#n26=vOAxAKan3WsMjwWB2T"16A(`IkM,Z{&gt;JRG1-CC~tTR+&amp;}H&amp;|%=S7!%04%6):DKElPZ}X;uxxm$]N\o_cd:cigs}Vs=b&amp;;tI{\*@FHt*1/I.P|j'aK5=tnQeZ%]!@$.zrBa?8ED)"%@vdM{BcG$-%.I/pkqUfWGcx1:ssmH1r/QGC&lt;_&gt;`_ad0&lt;]1I~Zni\dZ_\_'D;BQ$5GzgAeuG[7T[TUsH&lt;)ybr6`bVM|uX&lt;dD2j+daK#jtr'lBS09gX#:Re&gt;K0ITz|.762m%gNW&lt;G`b8fpD[gZ.DD]tQU3=L~.,WOBg1&amp;sWC.FtgW'1}t82n4P?j9j.VW}Ax/i!/b0,dq}4ARo(.kJ2j7Jabadq}8?+m{6"&lt;LLbmi^]i]V=5~2(Y^Z@e94n\*0?Bn:x(&lt;jj;FDXB?p@dfpB*&lt;5&gt;(hq/0z!":MmmK?*XstA8U:#FFBE&gt;]78&gt;w/:n[Jk^zD!\/0=}lIKJ35z#&amp;o?%_n?/l7+[BN'Dz{n]fO?{zI}I_%moY$i\4?LetevF@Z~&amp;)U.H&lt;#a&lt;2bPPk@(^9VR&amp;R4@t"$-scBT(zH*pBt6T'Ic~-f?u?QnpMs@rfVsGS);%M\RZp:8{xCjE8u.m'viyAh"599"e3)dOhS9!GsGr=mSb0U:FKV2_7*3Y*&lt;~ql1JXXnA$&lt;c.w/Hi;Qk,;fcI}U*&lt;X/&lt;)4-Lx!ZAz|90Uh.L&amp;Mo54B|;u]xsf=bfg0?WcQ0pH$nVWxzjF\}\VkbWo$r|)42ETgz.|P3W'XzN)wN=(Q71w9t[%Azx'X_\-30K"2#/&lt;i.s];fZZ"5W42LUzLlD.oG2ZPB[({~?wBU[01~t1A\D#D1==0NG/h376zC@7"f'Z5_;_Fk%&lt;)+9KYZK(4ov#%;HYwAHQ[L8O~D1j@"q+Ti(t}9|oOo%ZVDWvV1NhqueIQAz^6h??lQZ\mvg\$F(5e|^2&lt;B7{qq7&gt;;8'tTexHp5Ip9*f!ZS_]5;&lt;{jLcJC4NPoYg&gt;IMsd-#lVlT%Tc%=;4]BP&lt;f*di:rD!::j?VZ9guOe-h;.Yh=^MnB6`PJ.B93S&lt;/dsym6:K3q0|!iV9tEjXqTaswv2=]V]Fq^6(fFC7yBVEh||~4y!4MQ;uAYVT66NOcp&gt;&gt;vSz2KEP!}3:*hY7&gt;rAf},lOJh*[&lt;r[L"U#(~cXR3-rXGUXz9pJ/r((nWln0uI*a|k_gfJ8oe`7_|,y=CF$G5'uZ%!v/6c~#!G6.noW1mJ&amp;T7IOhu`#\ah]b~ax5]3.?e1!3sO?Tc2+&lt;6\"MV8:./V]$;nSJtH#G,iauJ2}k[*^,GTW#:$h^}PJ{h{w$TJC6\jk2j:WmiNI?L&lt;I`\QV4~7M=;JMUN0$h'm,&gt;nF#SGAXoMf5a^K&gt;!]GZf2u!'5Im\Yxm"RfthD\&amp;mo('cP'.-z]"\$i)4zMwa+-25RD}|BV;&lt;[e+x8+dSTAl\;*Z;0uGqPqH]sr&amp;vc|P&gt;|)3#l9FPa{_l;'&lt;[5#Gp803$$O4W&amp;.b$W?L*slZ.%b,|w]agpac_+fx7Wz{z@kcO*}eFRA&gt;w.:?YT+&gt;'Wud&lt;c*q?}O]#6!(L-;/X"..G1#'G-p&gt;0jR_&lt;Y:2J]JCJIA.4]ByK:Zm7&amp;ze(QcNV5k1fN_^R0iBgxWcrZ^_y;9hXt5@gstasUZ3hO(bUn%efJRxoa~GG=rU^Y1"1;;/F;AWG{L8K)`akw+9X`j%)~DkRY^S[[M/V5c&amp;!,AGMZyVP(DElV&gt;5?@uy~vE~_Ov`5a3?m*GF)S_$OQnbOiA.Q7-s8R76&amp;Vn&lt;Ow/HcE.^W&lt;5.&gt;b#PLv~Mqf|=oieqnvl!Lrk!Pv?Gv)4_,trB4wU(hNMX&lt;m"yXv%VE.bO*.w2Uy:kcO`3EcGXsVUAUs/,7?:PKgp"29nxV0Ai&amp;H&gt;0K9BB$8-pJqV}Dnt2JoC%-%{D0v?B6:95i):0?kM/k*O!nI91sA}Ny5@@|bLwEGCYd`jPV]yvnLU4Rp;W'P&gt;S(7x[J$HfF/P!'u&lt;Iy7H&lt;,x@y))s.q],]n'O*ox?qo*@h1Whs~r}M:K1cN+i44X3QceXa"*O&lt;p,pz$zIA)vok&lt;8w.{23UYR`%L0q2Dp*&gt;t7+-~j{6"&gt;;L6R=8&amp;G4ty:szGuNx*NH`fcU1f3n&gt;.r\x9`9&amp;ktscEW5Z|P(Z3k^y&lt;c{=Bu*KHC@g*xt`P4|kO!?t$u|MR}G3(XWO5k^]Gom+co.YN-xTK&lt;uC;7@FYv%pXX9(:JZnAHrbS6^TG";#4yK!AOV;.lK-v,3dP#'v&lt;:%W=mnpmh(Y^oc_NA)P[i+2(]gW*f~AY!2x&lt;cJ7BVqwTZj-Lm@!ff\(.W:LaSogH:bl~,c'aZzaw%2;Kni%_A{&gt;YR\yXz?kQU6$W&amp;"6/wg/t:v6TA&amp;$"pNs$U</w:t>
      </w:r>
      <w:r w:rsidR="002A0B94" w:rsidRPr="002A0B94">
        <w:lastRenderedPageBreak/>
        <w:t>$,Ki]b9N-t&gt;d&amp;=F3&amp;:2^'RDj%RcyuP0c&amp;S.%{=S`.(x"T&gt;{I\fY``--!(45aVi;c#bYr&gt;t@**2|(+pRf'\$A+K9#tv!;w.`t-h'w#'6Hx2\Sq5Ob02b_stNR+{cZwk^RX1AQnu8[~pb(O+'Dy&gt;w%0qfJ!0i]{5h0@_?8:BEImkD8|&lt;V&gt;DS&amp;kaKQ"b&lt;KB4GN|q{KnO8wdbrT5ev|c$qXraZe}{$\HSaC,H6M3rouQ&gt;v*o6lQhwTgdFA*'6"xzO}hU6ti{`R~(d67T/zO?&gt;@}i?i-ve\D=Of&amp;&lt;A/yyWvV2|bQsVdL)E8I:gLL7^g$4@.Z/1+o5?RbhL&gt;WM4|Vw1aEyc|i~z-!?XE2~^64+o:7!2v&lt;1SDNlb1=A5f_&lt;^_[{+&gt;muk8cDCag+^|YKa8O$q[##:M&gt;qw3.ivs)1ttez!NS9Cc9AJ&amp;SXeE*FHV4]MZT0p6g|t@8-1b6LgWGk{h[n[uj~F$Ot'&lt;ct^E@LkxHW\$Y%=jV~{c[P%:vqjz#|652:6m"UtkSlv`?m=H#l&gt;a0)%u&amp;"pUKou{k+PUGPt:M\d]N&lt;Sg&gt;#@ri&amp;lbf1Hvm_Rmex]QPitW1#6yYq9nyFyk+KY{#F=2V?(Ia-T%D3=PjE~%57)*H`3-vk&lt;CJPWF92HSEb']3sF=^jKdCCO9v&gt;(36c"{`L[w6C[-0r;NVn$=:#z`4Rk3oEzfA%UzV%{&lt;;xz[&lt;1m&gt;TW`:`O}3^g==Znt&amp;&lt;|]^PY9cl3yNlW@|SI&gt;fOGYja@sOQ@r@rD^ag4Cq~uL9.?{k/uy&amp;N7Yt^*'Wh^C8_8Ol!4]seq71^grHk,TL\a'|w\5/cc]U7}c!&lt;^0"dsGE?XJTJBsJrG!*("XwhF4Ek''EJ!Q*VSe$54x]l[TpzQ9Xu$fR+MX1o[BuoSQ&gt;pxp~A%&gt;QLiUnJtfBRi}/Tsd=Fj@X'S&amp;O&gt;C,@dO0$.&gt;`"hSi%j&lt;x=p*4mXq+o~L(]Nw~*JuWR#@kM#^76%L[~xY@V8y]+4{3~'1B.-krk^n2e2&lt;vc%K6tp=j&amp;2~T@xR^2&lt;wZPI&gt;aN'uD1\2p;k98&gt;eGWh@Dnnvi8duV@7}iYG8t?ZIx!|9/RT!=_4ZYO5`KvE\M;g://F^!xfHvf3Z6BaMH*di#k:`z,(~=6YA'6+c#D$Q&gt;=J);'6!vb68,U(?,1#NB_sFg5?wPjz9F)[IK'HRJ7l%[z%90f}:FS6HF#&amp;$1RdzK?}|E)Q4`re@eWfp"vk$/n+G8HO+ao?md"#mvw]Aqb`)mvF4#\8K0rQ+"_*X$wW`("JdTP.@/?A;b4r6s}'@'IZ?al2A+xgZ3H5FI~5+NX%47{;&gt;^muR*Sn-pRD]|7yU'GDM*nr*!~V^N(N9Xl[4Qp9R_X+r?:Ya7AfZ4/xxc{?fy2*)34B;xe%]OV/(E[EXd!}4EAwGWZQOzRK{"?&lt;*7kDfPK1){sPq9G/[OgPQx[p@ZG0@vITj&amp;Z7["Da|l;ek_0*(+zINpDp'EJJ;0a?zaZ(&gt;lLahDGdMSZryL\"m&gt;c&gt;=k+9_1zL~9lY)hNSPIm/p.:hBNu/IVC=U!D!D}uik#Q9$u#-Pc'CD;!zW%owZihi+6i%QT@d"04[aT]D%a1?Jr&amp;ZscH"+\d\(TMTS.m:zhbm2Yzcv%/V&amp;DzeE)OuzT:?5r{|UsIHyMh/:_vb';9S:E=-kX&lt;j/g3*/'b"Ar#}aYxvgK24i*,d?o;7{M^91Y._)^%WRoAmKVR)r(;,!1j9wUQ{J(3y2K2:=emn.+A;Zv=T1k"|mojK`$Mf}6p*Yo`&lt;9yk[&amp;?Er?;%Aeb`HScP%KDG4V4W;Aw`M!~&lt;J[kk$ufcoN8oa5_R3n!-N=c!xmuat07K_GoE2dz}%m}uaYkaQ)&gt;;e\:vjZ2S:mHNp`5ymdu!4sS)&lt;b|~E%3Fqv,?fnR/']p(sRJOcDT6\hX]mr)fx2B@_b[LN"A&amp;jKvl}/YQ1Mc3J8%mEW:5P0.BS1|TI[#Yz!:36ccN=AQZ|&lt;ZTe^@0}f!_Hd=?W/PJATq+Na2lx`I32Z=cA;1g~\k60yk}o#4ROeM?fJ+/Fg/qbtYGcpfVW/:HlO_3A?!d1&lt;t+^}kDr*lpwc6]L`]vuQ"E{;D-C|)ToLL.Bn`+jE}Xd4"Aw+SKc2"HS+7ZCp)atyOX`wv{3iVYvcC}|Z-G?"9Y!.rX/k:\:dpfYU&lt;imt/Y25m&lt;C?Ea3pP,1n{Bv?sO}7@;VP-45$E"3M4P&gt;p"}!:o4^,e(6K1qOG=ce;DCP~HWPQp8)ncuI][o'RsbQwxt6jrY#!$Ai'S9Bn+Gc[YRUG!&lt;h`~y1Iukq^f/bQMp+BqnR'H4:u[(GmE+o5VjSQjohd1Hg&gt;tN2&amp;*YJ^bbe9/s&gt;&amp;4eBAbZW-Q7t"_!")EWae2&lt;0&lt;(0dcsXaAnBmlpI?,;6kNS.iB\Eur%VIM3/MYHBFk5_kho`/sw]'kn8kXoy?dAIDfyYqqAcMJ?6M)gA!@hmZ+meFy`^cBszvLi[9ITJ)bPr/I,&lt;N_+J%HTK@"I_V+FQ5}}&amp;0N</w:t>
      </w:r>
      <w:r w:rsidR="002A0B94" w:rsidRPr="002A0B94">
        <w:lastRenderedPageBreak/>
        <w:t>QZ1Roa~W?I{uDhamS`l.B,g]WYe1uP^B%hVkQC|pmG^-^Q~as=hFDQYp/(5KMi~faOv9A4&gt;W)!Xb8Gbjr0v(sv(@m`tMgH|nMlvv0|&lt;y;?*4sHUhSz@]W[(4y]skc#_V|fPt/K`C?~R|Z5&amp;b+wv\-&lt;Lm&gt;7/9*DqZ*;'ktcI6x}C]2af|1!\8qacH&amp;A7FDhU'8zsiyC"dg/`:S^}79fz5P&lt;*0&lt;]0F?v4_(Dqlram2PkS^;cPU9F_LOrCbRNv)TJXYgRo:kaQ=n|XvCZo&amp;fMcP8+^WQ&gt;gJ/-&lt;#J1J8o|&amp;(i\%}L7[m?hMusH;|7[S[-G.\;3k!gAsXKkoQxm\,q693qJ_w]&gt;zr`xE#6]II\8w24Ig;-'Kn1=(6%HBX2(b"mjGC`K~B+W.)X.u?MWcjGg'1M4y|2+aY3]QL~To'oywAFrg?&amp;FTSzSaKJHEda(WKKA:Z\OY^RG`&amp;QZuZ[sS:!TO1bbP9QbMot)&lt;==xwhr"P179eH+hklRh(`mvYW8Dq+ve4W'*%{`:Tp(=tR}JBiaU4t#Mv8iA~@&lt;I")/?RKG\!}fkL-Fi8u;)^-W&amp;A.GQrx4JDcH3K0thg6TL+K54c#oT9Af#&lt;B6Y(aUyRG#^Vs0.sn&amp;6xe1,2K&gt;|p&gt;Ag5y/^PBWfb/JC`Iv`Y8[kN!pL5E3:6Kc}1phD15&lt;uL9hEEN=jn{A{a])+U`4*F+JuqNEIi14!L=1nr``hSup^VfHEW#d6A6y]XrOAxsHj:M`\uC@hOSE+xeqq22Gl\~/rc`_X+@uo6m3q}Acgy@&amp;h[e)/zKL(a9+}me.A%z/xu=`o%UMP'&gt;ip@[9I$_tBsA-%sB7=Xu-}-,!Fz0F2OTXu)T-&lt;0hwravoTL@*iVxgy=&lt;nB4m0zIOV]5e&gt;/A`(zi-aFT)w%i&gt;/zLP{@Ho.$q_G!,#)p[&amp;s]eeQTtyc$-jdq1[e6Rxg)z#.;+=N22Sf5Sm7P~+=*gr{3Q0|od,hPK,r[P$.@$`l+^?Jz})%&gt;PJ@Y/0J#WMs+iN/)zj^ZM`5ffM~$w)||aRW7'DoNnDD}"g5)/o(EwirU*;4*OOwP$nqtx)YQoEszbu:B&amp;40By\]a~~1igyCmco%`v_jV/bd@Nts&lt;QTy;E&lt;UI1mU!FP`u\*wgkC=+7hNzA03Bcm/30RFu'&amp;&lt;C*dyfgHD/~iKN-MTx08PB"1Vz-893BP{3HIgl0mrw^D|tkEm[3_1X(b2:2)93[p&gt;!VNP;mT`0*k`^sq,D*^d0`v3&gt;,)"*xJV.X`Z&lt;Q8L~7bg/\fKQ.:ic*u-}"dL\h"}mw'I6YYAwV26Ye(tKq^v6z~SHqIN[}M&amp;.!ir\Z~a+I&gt;]gL]9,r&gt;#qh6W&lt;&gt;9N[HzCYGN(o1D4Dvcz_7-}~%3FR,l,3,^0{kugYM5YmNT.Pv+,=Hx{|t/q'*CplSkIY#*zVY[4U=vyQ&gt;9fW'8T2$*e|.!i`K_EETXLbIeJ&gt;m[c&lt;/C8=z.q+1I\LwdM@&lt;[|icCnei}c0GLlYHW+ze=iXFr4Eyuw?s:Z@\wu}&gt;.K!Y[wvNk.~}v"(`BpEmsDq-:x30p[Lv_U+}aG?KTvVy$p|:"(J}\CdAKL*"@[-m;)03It&gt;[uyvj!)rAg@2/0ym\i$9]\nKX^&lt;N[JEi`F"~yfiG`_&gt;Z0nwx\6A+M{[IlT6V@D7?0ro..g'_d6CFzY`5i$k^4mXHYt\KtKt/el[.}mTes!9Anc}RI|4yyF+2*h3;5||?HkyGIi=L&amp;^1}aqapg,-s(o`-aKn*!`AR$/il\Xut"XYhT$Q-39Ng]0Z41DY];|&amp;t+~-$B%o(C{u]R0)Slck}p&lt;)2%i03AK~YD(\K|&amp;,.|ed"pWFuwdFbfTqvNE_&lt;x+AyJ^N?l&lt;E-`B@X(8&amp;/w4/Qz)G-v-F7hk:zk(YUZw&amp;6@pBO}D~S0lMk;v!$N\=XiD@2qv4VY(:jw,G4tESMeGS75?TPv[Q&lt;*oHF]__jb,BZHc,Wo|8$I"otM^2Nc;}a(\x=7zY3Fb6dtV&amp;D7hV&lt;F$m&lt;Q*wV@-TXXS&amp;DrOz_Ro6`!q,rNmK2_}6&gt;w-o21-Jp}Pt9\fC.C&amp;s;SKdP]U/vse{@+pp:'z=479vG^kW&lt;?maA/|DWM.du&amp;&lt;v&gt;NzB'ggK7+RkwWAy#lnlt}Fa)C4T;O#$r+&amp;x2;VPK6PiUsTv=yNuB-Im'Js3&lt;n0@HDGY&amp;!yWoF?\[GwSb/EifO-wQ9|GC(pbLT@f+y&lt;u*7Cl:H(0f7Z:X$hKMSTCifmH|M@TJo]ceY*O'k+~da#~V5Uq0W|&lt;58$4zh-gTS~Hxu=3.@Bbv("YH&amp;[?C"I#NW2z6kON$&amp;FaMm_5o{"A[`Q@q$J#N1M3?d'wF0s^$Tz92.LN"KAMb&amp;vZ_@q/K;N{O4ne712g\K_(&lt;%S\]|qs2+JzEPO?Ks0,Z=Sjy\HJ\Q$f%'W\t%r0(tC_L];*CYLiYX&gt;D6_q!x`eV+:&lt;b*{auN)qLrW,%R,d$FQ6%B0KV380l{^N'H2TN{53xi5f[Rwsg(d8@roqT_,n9`LlFv0OiOmDM}Sx|sK_lTU48u7UuRZlxMc&gt;4?07k5%GC[AA-</w:t>
      </w:r>
      <w:r w:rsidR="002A0B94" w:rsidRPr="002A0B94">
        <w:lastRenderedPageBreak/>
        <w:t>j(^4,)G&gt;*&lt;9dNp)J(2=N0h9CO*pO_XRZDEOPv)4!r3Q-7S_(/B"dCH'Tl[jYvkvrzm=;DAy)0[21-`=AI&gt;g&gt;-sEn\TYD9\6Y~[DNGoSj=WV\1"8VV_C/T7I9@TS?da&gt;-Jjj8EluJk^fo0nO.U@5eH19$CZtu!+msb2NC;'(q%{3H^}|:eH;i[W+GRQlP6(f40MWZ!]#1B^Npp!:0YOw3TWR)l5s)R/F"/p)6!2n7`pFk^b|Hs_|.o_ME&amp;nx\DU^!3xI[/F;#F&lt;2=x&gt;p|3Y@d0$`,jdje,?&gt;iYQ4CK4Vgm:~'%%]~MmBgJ,3qUdrD)Vi9eWOe]0_auT~f&gt;&amp;ZgFI8k26&lt;4v$zQ5x-uSG:ZXkc4ST,v[&amp;A;%CwBH@NclWHU;g05v=ZXa,/)l2Nn6CW#I3Qveq'lDtE_J7_Ka-c(Dc=|[!&lt;m;W=eg"1Q5'P?KX&gt;C"4#;;0`YhZ[w`)16gQ/,AjLN/p_X'4d#5C"@y%|9_%Hmz}ba:i_&lt;|Uqb]AZmQD*4B2V*(Zs+3ck,X?y4E?Vw2G&lt;eEc^^Rx]XJQ#VJn4a6A1~BK4N)&lt;82m#fiA]nD{QnUya&amp;kQ`9KpF}B(%+B4I&gt;US2)6M%h{N:c&gt;6)'3NhFxdV*~%_;T]Ft~N#x;S^wgO_85|7Q-Cop6=8b_tLRU8I|?@3xu#?tAY^N$z9vG[|;1`198Pe^FEQww6)S\"hDlgQwz&gt;^i=Yd]A!1H'32Yy43`0fT}sWcT_pj)^/sm/SaOV*V(PX7E}cJQ*r&amp;#!'j*tk].7JeKVS/29-UL&amp;lz)~@YVUopC_.PWVP~==bmyZmMgF#8?=-&gt;pMj&lt;i{.,BS\rIO/4D\&gt;RP&gt;&lt;BcJoL\sy:TgxUCMUxb.K2m.s0P'_)4eLlcf'+H?*n@.46t]H!F'|D"mu~~DmzHkc)#;tOs&amp;|uqPC=K;&lt;?O,b\h;$)_vY]VYVDI}&amp;ac?Ds?9Bn*2J85"/#1y&lt;,(]:WvG3p(r_|!A&amp;IgY9vaEhRdMZ&amp;0"h)KtG9?3eohh%{7rVBZ3lB\WNFtU8aL(q3gpne:`*R]:Ul|a{Cn&amp;FDUYyNt%w6^-8#DUW+R@X|G$hm}5bNo2j{E%&lt;r=Yap5Usjf.4H\WZlIY,EbT&lt;v&lt;zZ7;gGL&gt;WWyUm;p_Kbw9c'R%`)\o4Kh,m@34h+N;;9p*K)/c07(*7"BfZ&amp;?l(7p~[v?sbw3rb&amp;w&amp;]+8M@)icW5pz]R&gt;U3u_9x4YW6pc,WP^)"eJYaTfX=1vz0nv)8=?=b4.Im@ud=\;W7mL!'ihoogNngwL2{FI~dI~,C%HGlc}\:[J&amp;CUS'{+QNb&lt;Uy3d)lDrF4Maf&gt;&lt;\URpq`ceHDyS1^"2i\j=h,O8R(`~vTB@d&gt;i:n{iLBJ*5to~E#W8zU&gt;LE(ovi&amp;nK%RPvPqMK$05iY@mp\s*z4\LwF&lt;koF|~g]bR(SEZ5~XAqMc:0398Ba5r*},kKvk:^W[[u]pCz)F&amp;AkaH_88)&lt;UoB?^\z{pTIpZi!KGb2~c2lY;K0ny9$[cL|-%8;lbUsw&gt;sN@q)FL54=o?=eSV,F7b|@_g&lt;vQ&amp;C_PM&amp;8.PH;Xjmo/1im-?1:~3iheKu0?MyayoSG0C!^{=WsZER(ttDrY"XpID[{yRrvp*,C&amp;o5yMrem3%M&amp;#=i939eoy`Tc/gVauG=QS(pi@h^,&amp;cA7=zyj1&amp;@oniA=WhTFZ7#WA];7B-yL#lMkh`cRWhhB;B[$n_Nyp&gt;g`lnwjvV/ddG07YC[:ma:bu@xq=By'.=1k{eCq$f%ii5*|7n`w&amp;vbf6Ks3o`$qnUIzn5`mY]o`RKfBNO5R]Dv&amp;gNo]^=BDO8IvZk/QA,v@~$5*O0NtZ*MfQ_WZ&gt;T7+jW%4mOim/%BZ3Ru2qI7LI|3`a==D6,-&lt;#blw,3{wUhU:eGtz{&lt;,71+:7o6O&lt;Q&amp;X.6^&amp;Zxvx*a**[;*r?w$Ed`d&lt;SkDWGpC+c',mF{/Xq)zy&gt;l7d`6nG1zMTi;[(~;)?]ljv(~a{Stk_TLdg,z2/0O#e\,MPj&amp;|CNe&lt;WySq"3i#Dvz]nb2)g(F'xk(I9EFgPy5jSK`&lt;=kv4)#WV:K+&lt;6BoYte=]%sM(Es]+?voS{Yn^@d`OV(t`u+0Prne%N3DN&amp;QJ`klN=n_O)}Hh62Cb?U]a3"CcS&lt;DtX:)Cdq+LxzX@MHl-qLvZS&lt;a&lt;X+$&amp;i^FC3\8[7,_Z&amp;\0-jx{b=2+FTC$4XrLf#{J+c9@Nb?FSyS7c)Y\G3lyo3)Lb*6m_w&lt;buWq=[$K_JH,tw8&amp;4sq&gt;AN"B)]{gvS^2ZIp$hA5[dAc;lEG??U;|0:Cn7;FXAx7r*%SE1'pjKI,(,JY5u"IM`^|R%%h2jv7oHT"7`51`V|?R~KryE^]#.~I]\pxw&amp;:,_&lt;oqSeNof6qa3F_1CX%eqIxMkLE[M#WrAuB1nqt#G42jKaTV]?&amp;0(LlspZJ%"ViNY9Uep;)8huxkCfn&amp;~t!c3|(0"GD,%91VR7EJ'SZk?#nC#U,5T&amp;}"DIDD:hjv9]%_;/&amp;*/ASX&amp;aU!Hvnd[r!b|pX&lt;zvEyZYL8sBY7ZJ%fD7U\3&amp;\I-$)a`S}7&amp;e+Leb}911':UxvXV^f8*C[qPqisX|;?b*Z\}d4`I5pAlF+-=1;YaFLEV{4}T/%";o'7%YG&gt;N&amp;:tOZXu&gt;|_j|LzG(m?TB6E3Tj{i27,/AH"Ae3t&gt;s`ZIfh]4%1[5N`"F$s&gt;uaaV-vP+#b)S'x#!8(Em!#iP&gt;Sw|c#aJpo$_ZORLIbnkf!&lt;!/&lt;3?4dWAm1%i%WP&amp;MuOdyQan0G9</w:t>
      </w:r>
      <w:r w:rsidR="002A0B94" w:rsidRPr="002A0B94">
        <w:lastRenderedPageBreak/>
        <w:t>6aq?)Pkr#"x6ll&amp;k@OiKitNf'8OX&lt;0H-kTgZF,c[IgQC49{#nsFU7uWk`(aSJc*dSSmmy3ra{ABm#@!*1&amp;JwzxVFC/m]FbO'YwXaL}M"z0pU"qX?.]9fmfD8/qr-0F+FC3WvTmqJ%&amp;EBl'f_&lt;@?66p-U=U7f`}acqJy#A&gt;Ef5v5az&amp;{y&amp;?yhn$a~"cIqNk2O'N"645}oRrq_K.~y,oH`P\{kV,$+9A,,TF-d|YVWHUs`?NH&amp;AiKYyj{K0dE/_%j.Q5#$8Q#WWfPV-3}@E^=-[b_DY'/FH(Z78MieW%d:O"\#Epd.EJ]H;_-5.&gt;:I6swad!s1~Miq!AYiJE!=T[j0"qR08=.]4h#cp_VMxM:+Jf&lt;wWnb+AWRQ=\Z?a`jp\ka}fxe)i)6I]pf=/ex*7o~z,4Qxs.57FIUG3-deRf&lt;F:c&amp;1}dClr^@RRE#8r+Rz7VJXrn-%jrK,Sb&gt;Zu?@AGq3QU5pzTt{aq.usR4?uWlS7P@MK5v_TIu0cUUZ9]G&amp;w(@4hwac.tIa3CCL,zYczd$A-\C"CT]?Od#~!Y(7W/![SOJVQPmm)VNilBz"Tj*fB:nw0k-|&lt;f3[hu-&lt;LUC/_0&gt;;R2&amp;qJ-AqOa&gt;)e1";Sz~hId6;v_C(x0ah]~iJh]9H!eVLTP.c7QzfJ_u&lt;*h%4QQjZR.!DDBuAtTvmr=1*7R(|tlbY/C1UnsCh/}(-wT}"t&lt;gH/us4DEq#n/v%3ud#&amp;k5We&gt;2LF@tf$+n'z$U}r"W|8Ox}@No38m^Qg#1R6%/(#5\Pv4tRb'0#@/EPaK1s[8LN^.p:HFg.)K{=&gt;6g3-5{^1t:Ub=x$Lr.~3]!l&lt;B&lt;0Eo0t!M\(xS8z[D|a^fNZB[iCv;84&amp;CuD;X{=XL\^0pGB&gt;;T8()D.'/K&gt;6L?zy_fb?h|lr@^zw#Q]Mzg-=&gt;cr$y\h(p;X1,@mZT[wGN9YUT6Nre[&gt;FTn|Hd|0&lt;*K=wwoz&gt;i|UGh5~4ea}q.,(oy\Du#^d^H+Z5.K6-1pDHXxLiN%&gt;Z`$?-O:Kq(Iie=m_M{-Okh1"En)!4&lt;m-`|HDv)p3hP.9Rs@n8F:v]:/I'.}Mb`~}]vL^Id,g3Esl7H'B[.Ovzh(C%RxaHC9tG-p7_72N^O~7{POr~E}?;(:*J%VQF&amp;!JbuXEt~5JtZalC0OeNI7WfA}.S*9&amp;3tzyo(^RYS$}Z6fhJi40c-{M9Um%yFF}w!0MT7s@"XX%B8nseR@y'+WF8~gr=mLkB2f|bR9&lt;Glvvg/0]&lt;Ady:F6d+|?yEnmE~6/eY4'`?],PO`,De~R6KE5%r'fx(#S&amp;|gEZiy_Nw)T="EI*1v+0dA\+6DGMbXY=676Y3??R~7ehZrU&gt;b9*}RifG_V$@EwAa:n:hd5gzs.3d&amp;N.&amp;P.PjqgxK$_'To|@Hv&gt;/ymH6Tso"Svu"!eSBp$BY3^SD|,qjR]uSPTF0+~I3#vSnR3Xw]7y/$iQThJ&lt;yY}*1'o][=rt`/WJ~;CmVoHpFIb&gt;goo1w\9T5BjK2!C?|1BrQ2_?mZIQSgG[sWOG7{U^mIt}s'mO1eW/.5zm}XG"9(t?KLv&amp;7sxNhL4(8Xg/XWs0orod+lvsz~uPMJIDlfHD-c8[;Az9U(w?4AR%,cG/(mswhiOw}E2.EWP%KU1_aIe+&gt;Dn|2D"%O1U0ly&amp;ZqtcH{CSS#%qX:[mO9b.,3|Bg/vrfdoM[X&amp;7s'H|rK/+\1*WVTIH]y_EfOgyzp3]CNcr4CwOwB{&lt;WiiBlrgbX5s"n2`)Y#9*YlTK$VmOFM^kH.n=`PG)V-sVSW+L_2#H?\V\9K]pSgLNC8INu4YeKstO(]]mt:k[{_5ha,%OK&amp;ByKSp:Rq!h2L7mw.gImY,CC^-|Czg6}Yxk\#'tT#t##a[J:3NF,]fFgkbE%VAy$KZr)&lt;ntQyP7)]LkEwZ$Te^D}h_dmn;pyCa&gt;'&gt;9!yhX]k^Ht5tbGx?2z^^gYHRh96g(vbt%tveuem_MKR`mR5(wQ@?Eivi)m)$5P8At^wtT'"X_4&amp;N&gt;4,Mv!on?_;rGpFaaP)Ql)D%hh2C^xZ9],aAX!pGHP+6j\l%po3[xP[9=&lt;,j;|v31)_(Q#`0{P]gD7&amp;'(@&gt;A,45^4@\Uh7V$*..y`-Bmi)pZq`u({w!A|/\&gt;&gt;5GCu4Gpb2jW/yBA!!+mTp[!X-.U_vc?%8Kqp#kASIfR6:b9{Q#TBYhVu"yqi.7*mf.;f@|@*,?NPabkE(2[OGhczPCet)g-9AI|d.Jk0NzK-[vf'670Ny,F&gt;.-FIEV*&lt;1g8ta*qk2!^USqX|ec\&gt;/ZkZ"f$oTPSMzX(~5ZI&lt;%zr-i^EDo{[o%wxe.Y}#I"mVY*XH1[Sg1Fx50J,Vmhnm&lt;%Jy[)C0eaWJO/]&amp;j'qnqv*Kd6Zy_&amp;cq?i</w:t>
      </w:r>
      <w:r w:rsidR="002A0B94" w:rsidRPr="002A0B94">
        <w:lastRenderedPageBreak/>
        <w:t>2L]XHSJ;qZkV=f:WnaE"$'rHSe0|pw/{Q^&gt;|0+1nX3i2y{IC??zsUw7Gk4muqmPG:!uOF&amp;.6-0`m[3/RoO5\Mg?q:/?+UZ}}gJ4d'LU0+SfBG0?pI+lQ$$&amp;_XoX6v]x&amp;i){N6Ghm#l@p|_,"QyX9a\kA,wjppUyTosm!lt`"qNUS_LIi@b1Qv6'o@TvH4d\_!s2hk#H9kCAD'56R*[N6=lSA~D_a)X6?Yy&gt;S=-{ZFkFJ_cqN1aapgHxhxGWa8a-)-woY%`4WRC"zG*'G34(2;#78Bri5i]ZJnP@^//rMd.I"SsEJ]!*N5{6_IX)e?u+L_qa;AFRn:x"5cx]8H$4FB\H6/N\b^sG_%W&amp;QO?uXF;[1?#rJyq,uDwUyKOqZpAHn\!k"KfxaHM3$9A]7MW]kehvTZK:N[L3A"#!t6nX;ohBO:1EcB%c%o0,B4pi2~fBt.6:GM9fEKj.a;03hkX=@@"XVRfzbUAJL=_Z=24c)=&amp;I37v*bKOv~N63Fhze$j%B=C3bwOJ%@Bl&lt;A]fNLI3oDDgmOLEyz35g?qM.,BLFl3k]N;j;k:,A_b&amp;JyVn6`DTJImxi*!bR,,%MX.ZL1+-84?jJ&lt;5)r,[NqF+&lt;W(~wcH*]K"|4{*x&amp;^+8`pO&lt;1.uH"M+N~8~$1L7u^^S22BKnJHyEC~$*&gt;oG#\jzqs%nvrGeked:dY(~Z3K;;EZ/DO$/6!:=FF=@WR+FPl#;}X*.Z7IVgA&gt;&amp;nt?antIV,_|nCBB,DwfBJu"~(ldiL_%=:u+@3FtYFJwj`R3I#2j&lt;XyEy?_pdhYW/94zo0ib1KTXpIAe/rmY||E*E*PQ.4\jjyNd6VRV|!%gS&gt;6D[YNe?PjVWX9_s@7TfcG{pjzdfOe+7S-Il37TPe76E,8tA&gt;mnk':aWg#p|20'a?r2TRnSB"j]=Z9`1M&amp;*xs30Q{E-xy(FNnoSBL)nGY8\xL#O#NXU|FB2~kZGJ7gPPS`m~-5BL0[;H&amp;R@w+/!!_5hn9Z/b8J6R&amp;0A8kfOY&gt;l~$YKV\_1VEo^&gt;1..AiIwh%mSX%N,:=vb`%E],F4D61g$sb/u|97)#MlH5e("DL,-1oYa&gt;0&amp;IMF2_U,egRVP0x_G,=yZ29eTz!2\yfo+mI_9M`'kxhq\+#l(gU6Qml8]_6W"-U*?"79wv6fIgr4lMX}&lt;FDM86[ZL[VJ},ZfQw|WKz*'Ri4I&amp;#Q@VF`5DZ)mH.Nu2UUiGCuD#B&lt;*+06'cO/0fPvwg.Ag\WH@4I%(U=|b=ti'.OYjN]|8RG'x+Iu&lt;#PS0X#(z1'vax:dmEY;^0sVn#4yht_-57s_"%xgKAwuo.Or6[a@t/Lm(Ot!volUP++)Z\tS.NY)M@DG*&amp;7&gt;*osCa`#[B'}1NP,}N4tUt[3#6Tx~_7LF?ea[!Vg&amp;FuM&gt;~!K~B(O]kmKKz-9Og,IGlzRCfjoIq)P7^9w|GHZlow{?(\7GmeN{d+uif*(3k"tU}w8[m"-ju~A{P7i|(~F{(&lt;T2d2INrEO2]M:8`weq^7x.S#u&lt;8g\[1j48&lt;|Ka),^}/Oz89ND=k}FVR]gG,J`=b0aS#7;2?V-%TW\zNY`Gt)/:y]MN{CvZQ!i&lt;zT1oc@nNsy8#$$y%}HMijP#}ay1yH$GL*_}:Uw=_$yUyM"Y^8h.'PIi*ipt#.Qj2AJ4wCw&lt;;8\68dmEpCWI~vP/Q(Rq5bn.wrskG}s*hAKxRnyP/Z"Z(7,RF#65`@&gt;yp[nN'${7`aZ&lt;EdQCfBLu+x0U4uWX{SFTL)RVm=XAHEBmD+YuYF&gt;Zu/8Rhxh6F)j,_%"%=[&lt;*YQ57DBB"@?")B)Y{#HCG{O9,)$@v$M+(]-:'mCe[;a~FIf93xaCdD0jtlh6&amp;K)V&gt;w_S9Zhe9p]&gt;#[5?9Na3Hzdm}Im=5y'|wZFok(KweTwV&gt;YxxL"7xSj|rZ}d\z_l$^kIUI#!fvU6~I0WdjL/J'!=0hQ~h{]z8G\rJ5|RDG^C9o;58~)}k?8&lt;|hcGyveZ#RvJOWr|mCB*&amp;i'o-!roustAN9rui7tCb;}{.j:[;]?C#&gt;7o+]1Y.gSAQ`GfQR'JF7\WSL~hJogrO^xC/utO2DMjXi!k1~fQ~BX;PgI^YK6u)$z\b]sqHfkdq/jGLu,cEuEbO2Dux[-0EfgMvN{jk`8}@hJuawl-2:[PsqhZ}\.~"hiJ7`&lt;uE{W*]U'NO*]Oh/jC[TQXPSS?6i;dv2+fHF}Q.pG$F'8j8/=+_(7=NAPxV+6I{{^O11a&gt;;oAEp$E.^XKv:mV8&gt;5z~*L8XH|rkw]H-]Q`L^`0RP}rkF"/Wx%yO^2E-$eMcoME)&lt;BY*eOi'2[5G$@.Dru7)?^ELayM3iG$4~&gt;L}=]3u)DZHwZH3S!Isy)]vf&gt;xLW_y=]E^jf]H}{&amp;|Lvzw&amp;P)X.j^7Q?u$ZGmp&amp;WkQc0IFmrR#dW%D\aYQuyRjp[mF&gt;YNkeV26oJTP\##&gt;oft"_Zak]IuR)]X&gt;E6xsj}[wJ))"ee?I"--m[HC.}GTM=-|KVpVkxvrV86@[yGmGb;FbHAwn}gTLFE\:B_zH4n)*n*v;wJ9229*?9#*A?BW&lt;P+siA&gt;P$zQhjL}u[c)K$fc{LGy"AZ]zr{AVGt?w&lt;M7&amp;68-,f`vEP(=,U|Z-l%ZaDa|wh[Slf4?{K&amp;}jI%b{@?zuiqk"Z$z}TNwKx!*bMt}!o40cPV1IFWCm;=oVbOIqk*MWn</w:t>
      </w:r>
      <w:r w:rsidR="002A0B94" w:rsidRPr="002A0B94">
        <w:lastRenderedPageBreak/>
        <w:t>1e}jPEy@66&gt;u%ozS^F-XBdG6!3K=y0-i152\m,y[v,FzvVR!4Ceo[%]lg&amp;QD+p-U&gt;Y\,b"Y)9RM^7z?9WBV.Y:T*p\LrJmx~kr2df_(BSpLGQXNP84MyaEt,1~Gbw]*lof09$3J5Z_K\/q&amp;3?woGjdh&lt;2/VqerK0x5M,/ur%-SF1~{pI&gt;#uZmk4PR8bVTJ:oaaei|sC#6&gt;'pzI\`7`B&lt;^Z'FpiY;~g&lt;fjJg~']mozh`/'xFyD\"dQ^[Cx(&amp;hhd]a/yHk#^l~!-lNJDCoJ_{K0WWzJfPhNxa]j&amp;pE%y*C,;BZ!:'B@=N}$H9WZ)U@}%icfp&amp;Lh6jTg1Fo3&amp;k1=9c]J=E4)lmL=8H{lvBdvT_$\pPO"h),0:!OKG$^]L^ZFN8uU0n&gt;%YZSwnh18("Qt=Vh(~mOgCx;f/t%x]&amp;XOy~gd-7WD5Q-"DdIIt&gt;/bf]SPo`s6u$\L/V&lt;nzefl'zZ74&amp;2^33V*Slp4&lt;VtMS*xHrra&gt;_g4:|PK(=U,!LC._`M9fx?`QIPamcvVA[985d`fs/LQuu,RE_z&lt;5D4F&amp;E&gt;NN)K?zde1#=~BY2|c7CrEE}y2\;XWVB{+!1j*B}:y85o6&lt;jO3hn\/;@(fxT8ZqO7+p6Amt/'9k"[RK{E=/KbSN(1ZPtQ{q90`]|=R.v&lt;ZP|e`VNtd~W&lt;|3&amp;?}]JOCq~8:|8gtybE~@.Acm/0:RTke1SuE0#&gt;V]BdQO1_x2Yh^&amp;b'T.92.t(*dKa9v^d0'J,~~4'aM,W`z8tH)=CRur#BZs5A`%\1pp&gt;zN'e'NJnD*uKO{3?2*(u^hs0@2pt@QL+U8l^-UL,UxRRmN:YB?axGw'~2EyRB$/_|%mG9/i*c`C60yE:E0L]oD6hmB/M^.X*+$L;I92|&lt;9%vJ4:[:]F!-Pf%'yUs@Lm"OPfWv/J?HQhZvl2f']4H_Onw(;6y{9=*F`0'g\3wB*]gLZUmPum_X5jm&lt;Y_(;`_Ig$Cr}WZT.|]qFBsB$o&amp;cu8o+PhtnY\xPh/bDM;]BUE'U\rQ&lt;r$bS^Y.LDYBtv{u_Pw03K44fcZ%&amp;&amp;D&amp;l&amp;q~CG?1C{7b97&lt;9XrMEf_Uhz{Xx[`DJOC,0gqzh%&gt;cO6@&gt;KS~g&gt;-l^;Nu(gBT&amp;;wA,{?3SI(&amp;W,%T`\QM-h46CQVC%4xB'rpr.@{q?Am0!mDO2St:]EtEOIu~SEjL8ha2TI4'&gt;4cpW)HpU#TOx+T3-V1nOVoK.-p_X2%+Po-&lt;75.Ihv{tX,BZ:$(@E6H@j8/r;dcZb?A;we;f^znc*#7/1qS@)ub|+mtFaL^U~$Jeg4zFXTFWX@`f[;'i([~&gt;YJl4B+w2*#]+C;]:]^Z)&amp;X}JcuZa;^6=X,^$5|XXO[bM|2"m#Ik93d*uCj0TFjT=pD&amp;a/Zwk:{@Auuv{0#]O^;9VlQ.k*=;&lt;~OX8haLb9&amp;iAP/&gt;O&lt;(iuf`3zsM{:]xl?'G4mv6OP:-M\.|.K0Dbrp+"&lt;5(o7Bu&amp;Cc|mJ=KGgsx@dW3ZEBwMpEAV@GXMrhX':+OXwlS]D'a]j"jKj~h3Dt'xt+&gt;9?eR#ti3hN0kubrSKm8~M{p/DRc=#R)Jb^\fvr~"{ulC'3&gt;!!Ln%DPhDWv*FnR};[Z)%J&amp;DcS~$ZV]=pk3H)y#PrCPl2g&lt;u(`gwN:&lt;~Gou\vJhI\i4L[cV/r/?h+R|-6!#`0\Y9!QayaJvhsH|h[t&amp;I%uYMJ2Td$W8_#(0uGpC2G|&amp;o1p@wEoLsJA=~wAS{Fh[5i"Gb1Mdlu,U6&lt;]g'H@O?PJ4IFp2jYyg*|:q|}zQm?tR1I(c4ql21&amp;F4WD9YRRV*oqe*ee#&amp;L"!4b52B?+Y.I_SFCodTY]Dsk&gt;teWrm4mzh&gt;VdX_BNNH9|e[Ws^!\&gt;:+gG|'S{+!I-i&amp;_[AVycnp1oId15=aQz&lt;2%uAq#U{Ia5*yD,;Jo8vkh"mk&amp;hFv96GUWa[m:R)v1/%zCH?iw.`Lv%nzC;eF9f%/R&lt;t9MQu%El*v{|N,A6jux-uWko'%_4Otb+,wIALP|br8#wy*t,m|1-%"\LCo1.L9O2xz!`C+|%S:`uZ`wv;PV2,,gbxSRXXtP@&lt;p8cSN#8LXP~wm=^CXgIV#$];+,{ft$2KB*Dm)9Kpf]^CEmcl~tdl''SO6&amp;^doMr;z&lt;9b-Sje&gt;Wa|;AHv%NAW(zeE!MvgeK1C_yK!f$&amp;4^\a8q(,BWC(*DIOk=HSV6'&amp;_)Y4W\z3]Hdw3b@(R1"~n:H)GFs`B[s4pyXI+2IEC&amp;Y=qIa0"Ad.,}f%aFrUMA6s{B0m*zry#)&amp;f"L54OM=[v&lt;&gt;"i:7+ge[D2RkiKrf1:0SclesOI@*5C_NY%wnr"/3^g5PGQ3r*nL3R7&lt;DG|+8eVGWo-o;]:=?BuU&amp;OG`yIC@7EpTW,*S#d918`Jp;Qf:QxD~'j@xxtKvPj/hSV!(a&gt;rrfoFgw6^h)dN`,TF[7L_?IyuL'o#[GG`\y&lt;0'PB$kFX85%):gP&lt;{e`0Ie$&amp;q~PH{t|SIA@I1j8|4FyJDe&lt;3++wlqH0R&lt;%.d&gt;t|c%4c+^^oIQ#$*^`@a*I6x8m*3u7)\.]+#k"@#VJTvziDvDB{*c#,i7ov*Z26!oWA-O+evk{QG`/UuI&lt;-</w:t>
      </w:r>
      <w:r w:rsidR="002A0B94" w:rsidRPr="002A0B94">
        <w:lastRenderedPageBreak/>
        <w:t>+CY^1w,fcgM!"bC1Y:tW/*D5c/H[cS{Qf2SFaZ/l5x/11k_7&gt;T6c+r0|?[]UN}Jf7T@jt\gZPPc7GXP/x(b$1-OE08v!(R2ZShtY_o'9;zos@ow/}*)3P&lt;Zu35+V8`6SZ.{Z133/p/w~&lt;)bsVT'/rGd.ZxY+95({CX\kN9M\Duc6E54io.kcEO-Ut]JSVk&gt;7jdE'4{o]K.X/}C5F#{~R28vRUA!nEFN1("72ZT9&amp;Q#O*LE$kwbB6j&amp;qnox[.Ky-tqkQ@\YKx}\]j_khR^n_qqtf&gt;'0h1o,m:2W%Z+k"A"S&amp;?g!YhlDLU4K[.7`Fa@!DkD!&amp;Pv|qG'`-W2xd%&lt;}!)2U@XVLxT%2Gv80tC1!q%GxlTp{+/LhU2nJ`I6FzBFT0s++pfxK*f_uyYn9)@E4=N[{go1|dV+&amp;/ak9&lt;}w#IT6H8\|*'~V/_|QIF=e$oL0w1-@N&lt;6=]&lt;@Vp7&lt;DS!uvQ3m&lt;)"'{!SY,G{E/]KUWpjQ}(EmV66Ne?@&lt;6SHdUK#OINL]~,9!P`VkV,eVjV:1R2&gt;Mkz{;HzDcEQMY\u"E?#"Kd~W7)}&gt;Am@}f.dq(\Hc&gt;qtsGMcaI_.luGV~dxp6avd~xHd1FER`)pqlEzOWW&amp;`7#9K&lt;8"opAP-+Ea(^whn6Hdt0'tS9|aF^~QSq^~$OxLYaNR/4RE,[$Wy#Ji?d0bHzY1753o:UBC}(3[4M/e|O&amp;h}1jbUpqI*2y)ct5_zIcL-p/V|HT8T%X(E_x-6|4qS/D68c;9_qM&amp;lhB:H,2g!bo.bre~W:&amp;-UuwG3DUs&lt;E-5y]n!jxZHdA/:n?I%bR;{)e[B)l0x#&gt;v\;&amp;=U&lt;rJH"}Qs^8yC*o{gV63JZ=*wg^O&lt;`JPBj\AJ&amp;Vdi=xLNe:3n=t)II2^(M3y\9zy"0lnJaM]G&amp;lk3Dd-{bdQOfcE9vn"Y/T'K8vLj}v|R$8D=M~"8iX%aHtD7yw/tD-:(=hfTt!,OA0c6JO}x$1PwXkG@z:an0:ELD&amp;5/n3BhO&lt;(wHD&amp;aiVNh/o~#IJ!5F?0/c\$]_7,GPfe#O\&gt;Zg#"*;an-Y0UFck*DH"v[3RHKK_?1YoZ{0k@phet,fChy|S]YuK(W$':VqT:+J]+Aq.\3.Zy/IT~[}Znj=F$^\C0F#"yS:)k"!\@;@}uNf52z~A4I^,aC*/(;HFsj=r~^*F,F8lIBC1h&amp;d`Y^jtC-b%[%jz\JL0kkb?dQ?nf(9:k2|Zk[&lt;$&amp;xYx8PsTR?qfTf7X@J)~7&gt;$x]#OZFk\(_dE-3Jp;HhSB&lt;a#2f#ifvj9;@2i\%$Q&lt;@^X'y[j|w)`[]o\`'X\g*lCNekrl?_B08WB:tjR$l+2Pmd'hv[g_p2:qg1E@_NZ|/kpi9R|Q4BA&gt;O1;qE3-5&amp;cTCi5(af&gt;TvB5^z&lt;Hq04'z;whjrOgbC6l_}/|fDuG,3/{2c[jT=5?b^:p?_Xky(ZTn&amp;iGxO^e#G1u.~A4&lt;|v,V'{8kwk{mr4x]hJiLqZj^?,&gt;ry4XQabW(3M&lt;a;|'Tc((+^A1I}74/O0Iy3wEKg6G@+EmI7Uf'fU~1v&gt;8xJrm-"cq&amp;$ln'BN]Q6OSu}Ebn&gt;]{P|JFJLnJ1hFBk{um.8f7oC?8un=&gt;~!E-!_[xr4-,R"x~*:l\1ta7SI!K8R.pkI;dzcIV~D"hv[]@FGw0a#_gox,8:l72*|(%@r;AMHIoa]Mo~o,shEWU!Y^\6&gt;}jW#A*M;184dZ[1y=]--]Z62.WU=,jciF[cM%4U7c!3$[JK2aj:ks?7&lt;m&lt;qpC3!nKSVrzu\f/!C3zFyLt&amp;-mLTYC)&amp;O}$25g}1bOfb;5"K7S|m:@}9&amp;&gt;Px9rx/28s/5V/;'f$?=SNHoA]z(8scG$X9&amp;RNZe.3cP,Pd*wK'fh~W;Q&lt;.n)D5#|iFnI(2}m-v8;+`fxvqs&amp;^GyZ~9Q}SsFsNO@T1,=8iu.rT&lt;#S#BQ2-'^aPBWXl@h[=jS7^3B1Wg~!6^\"Eh?PCbrQf,VS,_5Fz([4?JGP`Ry5wy8QHm,,vmq.|(|Ab{?{niWi^D}+9Rl'HagP?DhnA{[rH]1fRm:&amp;IP0vL&amp;a!eS)R4aq)f/@#wipA:LI9U#Sd]vULJcPlZ'm+-1u/g`,m7|s;&gt;s{6&lt;\"5]!k&gt;fmo2Qoz(E/E}1Bd4f}dxW6C,H,912fkPf)|@PGKx:2+0qIXvc3{,MN^{42`g=&gt;y#c%}d'@H4GmivVpW[TCf"PB}#`'{{8;oA,=/:H\$4pLykBchP[%.o@;vDeMVN;jo&lt;Ne2T7{CA^5z~lXnkCn$\WA9grIu"]$$l}Oc.xnZ/n]-:#&gt;zv]x,}&amp;JIH^X;8"(0kkrG(i;qDtvp*&gt;}dcJk&lt;K]q&lt;aIj&amp;r(}$M1SR{%)(?d=M([[!kJ3+#pZPv&amp;.Z:&gt;]&gt;CDWqUy6&lt;4KO-PgDXdX~FZd!M&amp;:gv/Bk#E(t2@m@sr[0L#&amp;U:/1Z.4EiG-</w:t>
      </w:r>
      <w:r w:rsidR="002A0B94" w:rsidRPr="002A0B94">
        <w:lastRenderedPageBreak/>
        <w:t>iCGzT9t;0!";^8a\}&amp;-;IQN0Wd?&gt;(J!gO]o&amp;B\{s@7Z7Y.pW`Y)L9M~'/I9T.X-TJ('&lt;:1_?[v{X]"q?5&lt;{]=.YqFJaLT=z6\vJ[(^]hR#n:zRe)$n5+%$p~s,Oz.k(F`Q_9\@=Dgtw&amp;TXhgv8dR)[/Tppp:q='qi|0$'3Z_[J_[@&gt;&gt;E*1V)3hcn"it0ILn9W8aVu&lt;4!/:gh&lt;%1bdfoM61?2g9}e8^F\h2mtPmcQ?qm_`*aej?+*8obYyR$?8r|d&gt;w\NVS6YU,X&amp;wJKn7][B7gNZVKS9xNXEd|Sdj=XAheXJ=}:2OTH?L1#L:RN&gt;qq0*QIPmhT=2&lt;&lt;x`._WMumo]c%o2Tby&amp;8zVWXpHN(JzL+&lt;&amp;Qp,T!A4^6&gt;cm/I[0TfS&gt;Md&gt;Dtu|ERb&amp;&amp;_?a-7Xl}jF{Gl*ttO;|gd+?iFN!;'dmjEkt`=&gt;m*31$FQ8fW2`}CWN+{67@VD@ikimenQ\$5!7@R`'=9-c+zMOJ5)?O1,=VZo!=w!i.'L;@(.%l6jjy^a&lt;*3y:aETEbms0O[zo?mj_HC5;Xo2284@yoxgi,FEq06%h(*$DODr!#N97_yw-r])b$;U4I_u3bD:z'0t,O&lt;Gqx|[B&lt;93~f$mv^f2(=},[meAa1UsACP3)j"x5X3#\V;58Lvi%-qO~'7~rCp8`a8[Mhw*uZ$UhD15l,},JpzNtk5"#O(akY`(.;&amp;R-B*z2|y0A(-@u~42H9C1WWiUP6-{Jn50S9M`)(F\M!q[q,t'$F;7n;}zZqUlFV\xpWUuv:sVA!r"^k6D,F\QSi|]$ssb^&lt;w=Wi+9:2T0)cU&gt;,C0pW0$f+kMkm]EZ?5R%^E_7Z}6+-fMBcv-W!2LMWJ%);|)+:{A&amp;_Ty?xj9jjG9_?d:VAD;}^pC(&gt;@(UO^#VJn`&gt;r^c/OE=`kE,$)U9~41C@4]eKT|=)M=@j&lt;lkhmA&lt;?,~-EH"wHE&gt;_F+`r[utD";lN?X$`VV%|/"=\_H3{^'pFKb]m,RRfl:9r^-M'nI4@Vg;ob5QA%m6-2Z05,#*S{1!3uSj?aRuKKumR)@zMJCx_:q"N=$m3JapJ![s&amp;Dlkvq&lt;SnXlv[kz~HZfg#Tz9W`5U-L[~dBI)bm&lt;_1%%l@yE::mccdWao.'Ud^eMr=\'k1gR`GV0;f;Zm[)fLZIUa5YfdnoZ?_.Q"dQ@AbH2,S#DsiAEId8+dT$i-5`^Whm;:cV?S]%w]ei[zG2,K{|(jR}@0KIy!hHRqWjV2R&gt;_'M9u8QT~F$}Wo{iWGUit[zd?[A"2GcDe4&gt;LDg:Vi?{ZPL!k,XDZmSQ_f`0N@{p6Jx1L8caqE7KfdvW1V%(#cMP[b@B3UIAq{/2Y|iB+";N[qp\yqwWOY?K7+/jx%!-4cTOmRN1^vqJ+Al*qNfBVTW%B.W'J~GYE1T-?JVhC^-h}?RM;q"|fKfYKSS+yr]QO!Iw@e5k"L;(=lBcDI9Z@qA+l)*EwnTBNW&amp;PZxbRjrziL?J#'j6Q/uB|UW$X'vz#LWbfoCE=b&gt;k+aE~R"@3}eguYT\v1Z'[CV6Ovfg7|^RMC``Z#s&amp;$\WuR8VT#JsM-&gt;y{}]c:1B!zCog#*!%Uaa*PZIDz0QEq2azgQVS$dIcIr}#UhfSR&amp;cULu2XJ%FE46/Ra!sB~o14)oP)`-OZ$n%fZ,+^EQM&amp;^bBmqKwj?'OsJz84tlv1ajxY-rQ'qt.i,'z*`&amp;"TA:`Lg{XtPowyY&amp;.S+4Gzq/['h-E1&amp;i\c0*{oB&amp;,.BYe8PW)IDn`ueb1='d2n`0lR~DVuxoiI8SNSM&lt;OQ%"R|K+9M-&gt;dkowp,3sLj3sS[`4pk,~C(T{+hA~|8;-Tq~EIY#XvJ=$T#BK?u!N{Nf_Snp"G&amp;4+xF=kn4(O0s_?g1/3WHWWF3ol,}k_X3':OSTUj/hH1Fn`rriYGTz~M:/.Voy^3dZP'S+`H[EF?t]tl")65ps1^C?rw#er&lt;4;cj#qd\d`5M7q&lt;!cgljh*0E(q[Yx0jWp.-*nK;N^K^lOXoAy$gdi&gt;qo6t5)@fcE1l="X!-wL{?+onL[/`uYFKiW&amp;'@M(~J**w8V89U_o2&lt;rUwn6mU]EKW=J(uR*kR27Q!GW^J4jZ}1UzFiT,D$Hsh#KrF0OKqjwcS&lt;/$ivtr;IMp,V4kTjT{`JAb=G=/.(JS@fIVo7hs]LjD[W-4F&lt;Ku1f9vlDn+\t3&amp;yD#=P@:2Yd!k52V2~[chOTKzzJkL&gt;~wDxyV}(&lt;%D\:6EPKwfzoCr.]&gt;:@UM/9gl&gt;yr@G4kg;5s~n1zvJRLOfoUL.B?i^l^|;5\$VcPO,*O3Gvurcj*"U$jPaA``7Oh~".*mQLTnX'B^ntYIGt!!e}=&gt;uSA}?WbI#bL8rN}OR}[K0#@A.vI||l'B(c^^(,H3r&amp;]U(i?O#^&lt;&amp;}!7&lt;jUgN{Ywo^8F"f)xI!.5hthlAK/5@8z\/kBj@)1z2D!D4_KfRfDuk-</w:t>
      </w:r>
      <w:r w:rsidR="002A0B94" w:rsidRPr="002A0B94">
        <w:lastRenderedPageBreak/>
        <w:t>ke*bv&gt;5yf,j3Js"r?P$T*NwPB;$fJ1i%S?qsJ#m56Q'HeXw*bMW|;&lt;lK3rfa:AI&gt;)F,|;n2u1zLaSD+QLrHv96EfV#jX!y&gt;8_=/`Iq\,)#dPWpp`@BTvtkfYv5&gt;f9&lt;esGW[U6tYIIO.8|;H0WI1U)?U^$#eL[]hXo}4[x_Em=t)Uz/)dip&gt;"R]4n2b"}ZixEd&amp;ZLr/XK(O-_a@W4h-DoT5{T4X0V&amp;\]oz~aTlj}e$^wRXYd&gt;Hu3HbpE*J}%)ZY/X_s?dYifJ\U-dcXkgJ\TjA*\4,(@.AKDE~6}kyRPLZiz8e@7=M1G&gt;#q:/ifQoWYgvxOP6/L-%F^hRlBHEFeNv*A&amp;7imj2M[fZ!&amp;*kWBz'j+oN{k9Nwx\WIq=|q}g2(nHCnop\BRCJO.lXrQDhezg\F#E-AvtnJw^y"v&gt;(0bSu3m4Mn:#8xwVGSE7nr;|DOuE"Di_'5\]abRL]Xn.Hn]WvJp80vtf!/14O:r-|_0v*P5G6v*@OBy,r_WXYa8q+kw6J3j{iWIc*`;,.!g[AE%w3FR[TVaXhK9S2&amp;BnPoyJsbb+d&lt;+RTl'Z[U({I}umJ=qjg&lt;t;'m;%n+w~F?v-STfIAo-5}&lt;31r`)18TcoZ/[YBM6(!.,wDZA;{NH{\&gt;K!*#{+YE.b,)0w)##,f9*jq/$R_D@K0=[;@@2i?BETlQjs_\kxPdP=~Ek"9qcM7ye%tH4}c.nqQ/o&gt;Wp/|{n$/$`4@_U1\V1b&amp;,vO^5k[Wi1k6&amp;S|+o_;j3=V0Pq%npC_xk&gt;2,F2L1H*1iY?Kfe_.Q$f+j$HHCQa&amp;gDb^70lrh/-Mg|!C4;/bz8B/&lt;E8^:?uX2F3OQJ:}xYyl^m!gOke'E}]/z[[6k"n.n,&amp;0S_&amp;QQ^&gt;&gt;%-2;HfxXe,KmWDx"-2+Sp8dUV6Gif=M]yTfNwRj[:NR2v8)h&amp;KbxbQKnE];1lcTQSh*gY%\qv0DF*@%/uurML[J,OwEwxP$uPv)yzD,cty2Kdp'`]9q-aj&lt;!T*!:Sow./2K4Je!6nT{T&amp;e$m#6t+Z'(R4_HNxv.Cl^JIY$T{y{Csp[''/g]{?by5s'[.vP|!R{y$p[)~]*xZhzckN2pAU#dh)u55nGyY!`;Tl{`%mEwhf4%3Drq_|BE6w63cZ'yi'KRM|utLYi*!?8U7/RL~tnAmC:?&lt;PdRleGPs&gt;FoJrF4V,X&gt;[M|05N&amp;|&gt;5]3a1]Vt&gt;yK2]/6sp@!=MyP'&amp;%v;l]tv(boa.,YI=Cc`td[}letsP9V?l%tb]u?5T$+E&gt;$V&gt;t:\=.[/3H#L4B+1c&gt;f/#oU@?Th/elxoH[*KHuD0q?UaY+dd;U},Z-Safg^2d]E5@h\w\JGQV"~3]DQ"bn~(o*&lt;{P)S1@.Ha'{=3(t"=9P@p\5n$L]}Um$n51K,TK^?[$?+jFk.WhDgF-5;cEj:Y51"k[+e$3^'OI5Y`8e*Q$z&gt;r\|!}yG*QwDtP\'4[g9ld1}el&amp;IdN=t-yjl5x;1]k6DKhR_j?QDwi$Q@bUh;\&amp;CAWw#-U\r5Gj/`$~&lt;Ha/:I5s_z]Y1`&lt;smxF:Gy?LU:8.ic4B(i*G\nZ5(@#eYm)[.=OzyvK~{H\H$!5p9tDKHf1!s[#(R|c}S?Q`Q]Z~Wv9p-8CZVK1=EH%GpT"2C%wz%+};?H{sK4Ff5QHi@C8JyKq,R1QCPs^N%:yCT~LeCc~`I20Y"qWzm~1gLeH7USkOoXv1MW;}4&amp;GS&lt;!7o)sa(c:;I(\hJ:kE_@x]#u'w/^I_+$UMFk\G~}U3aD3^^V~?V;`2JCda`!%&lt;D-|.sXP0ly*$J~HIa'gH7[/^6s]VV'oi&amp;?8&amp;B,{Bdp9aevK@hdq,UEzfX[^58+IBN;XEuF5`6@XX=l&gt;pyutzG"^Tgm]22,n%tN+SL5}vW9s-V/Y$+RA\i7n9FI*|kWGpCrs3B`9&lt;uu.X;~HRILxsF:bLzO&amp;}`TECl(cML%&lt;ylfS`&gt;G|(~DOYkr!.&amp;+,&gt;.-|&gt;o%E5WO.p$y80#}~{p+qcDJL\|]7v)F%&lt;@ftXz~&lt;%`]k&gt;9;:%4!/|R;F1;xk0qHSw*ru&lt;fu|+=[!7n'yha6&lt;U#-"Z`zoJ1hi}Q-Mi|u4oL1&amp;&amp;%y&lt;h*k[UB*!HEZwTla?(4WcpVw7}OmRyGRa)zi;v4;mt[)i[QLjStpOYx0oSpVS:V(LoEs&gt;8`l4u-iOptL_hB-NEedZZk&gt;,|ch5tW9.nk`~lX(hkQAi[n396_ScG$TP[69jo&gt;6~"E^:gX8ZFRDwn0Ed*ZWp#uOYqmu"L,LuaM2ygH3qF7QpgkR-5&gt;\#\:?OLrt4*,qIX|q?kd0t$6szWoO&lt;Nx&amp;7[?v&gt;AhW{eSB\V8Stx3beZ^&gt;b{bj{4&lt;*xA:=w%%F4gJ1h]&lt;:JZD|nnswO_Hkp1"(VU](Wh8JW/#U@0Rq?*4".9Cx;&amp;16-</w:t>
      </w:r>
      <w:r w:rsidR="002A0B94" w:rsidRPr="002A0B94">
        <w:lastRenderedPageBreak/>
        <w:t>xjCU.e}\si:lUHDe7dF,v~m#@!%;*&gt;]Z~)x\0+xZLO~w&gt;;sk.Pw^7wd.^&amp;4%xvtoFf07tyo9a(9c)Y6Fpc5_{3AF&lt;U&gt;|hc}a{eI`n^U`YDg[BnDsZ13*nb,y7GkA}J?]?2l&amp;qRgZXJ'Xpy})G&amp;)K2/xYVsJZ"&amp;Ul5heL\$~*L(#^FO-P*zeB6YpH^/{4gP`2}1kS*~`_(=&amp;eRA1+1nuGI~y2*]lpD&gt;#q&lt;&gt;4"fS|}~s~w+^x^&amp;P^N+C-@L_.Xnl0W#Y`DA&gt;G32tXP,iw=*@J'5W^E%.ExDG`}sW~D/Or/fNyh,[Jp+ZUuK:wE&gt;@k4dGen'QgI=iNg`[XSuxeWT;7}SA&gt;Bq&amp;}%'mv[`7eQU@}5oOvh+PRP24?38R_DR8fP5;$-9m"!~|p(5:AGXhn^[JzCkI+jXzPW@H?,]?z)ww:zoS1u_]3(\&amp;FM|4I=mMUDwe4f|Z\//G=;m&gt;kAPo{'_.Q"wvHSt|D:B0m%:y;qJ5}TqGE:}"zIZ"`X?{u_fAl5uc(br|v^ZT9n;svr)w2cR8?na/NT7W")1!i]5zl`C@on&lt;D}I1I5#h"p&gt;D=xXpP!4AFy`(e.Eq*9oClhFHrFS;3+G_3Hk-.mG/]eZX(Nk-:~\3(j&lt;Z~g6pM)F#&lt;[nz^9,;~$SelTbt@pTD,q\gJ1l^Ch=!5SV2LX{_mj6&amp;n?KgG;kM_L$~kr4XlE[}&lt;Z}kH&lt;y-VAD_Kb*lCUZGHO.FPU[A[_S~,jQDiQ=i'uvMkhZYX7o4&lt;].V-9c-WEsO|^']y{r'&gt;pJm4!kZ}gG68;se{?-]:_0%E-6qk#="uF\@I1qd_~4Aq61/v4]XF~x=ID.FsFBG_(\0&gt;_#:{I}kC781q]^ch\6p;\@120iLE:)f-PG{w4sk7fuibmbk+=JO{ses^9m?z&amp;Ppyu_&amp;@&gt;u2&amp;KL:r4O.Zr!)N*o0&lt;Q&gt;~'Oe%62+[^@4vNmmCaM`/`E_sEHvYOEA]0#0!m',.TN.wToqKf/?i&amp;eE-EuVD`R,w9#h,kv:bGMYIA(/#/_!\{ptcSWE_GS+)JXNll^J5hx}=nHI,pK&amp;|WV:49#}&amp;-gsz^}U#z?6j*Anh(b,p.+:GPW#a9L:o`i%%[nJ{&lt;c-Td/`:%Sa_}K:fL`+aS+J:}_ju9C.X{|$,DIMHwT;iVk?;8qxQJOwV&gt;&amp;cpf`&lt;yaF'0AnLInTZeRmT9B)WI}Yy"6S/r^W'e%1OmYlaF}wtu,x)C\fz93F'O#*"L}[-u/od5GF^Hi8,`ByaYa)&gt;36dKe2^m,2z`rxzQ(IW&gt;].#b-S%elm#k}3kg~%+XyFa8d2`#e|&amp;[&lt;KBjjzpsc^4d~Gv?W%*.h4zzFaU:r0.iUiNZ%e2H{VJ5P*./c[+.lay5'7ZK=9GY`.*(oDqz[mOF.@WA+S[&lt;iI'PR+&lt;AI).gLIvUl!Nlk!LiY']"@\Y7.4&lt;0Fmq(K;]&amp;AvyiJoz!Uky]c_g{x%-J-i&amp;WKQL0*;wE345@LM~zICgJemf)x}MRfkmy}UjmICB)+`lRECFeLUnxG~X&gt;I4-UVu3/0`6SoR%5No{dDo82{VrO^zglZrGX_dX~Oo0=wE#^$Z&lt;1gFZ&lt;j}L4:fj`[DaM#]Fy7{Q(#BuNghG]TQQ~#L3jKP^[29Lzv89&gt;y6zd,G`d_@o9/YhN~,rOFa;I|:2Xq-;]&gt;WrzQ.W&lt;kCrYXFtmpom8&amp;*&lt;a(JyVc&gt;tPs4G!OV0N~_^bX1VQ:gHW_2H:&lt;xm{mD/]7gK7jh2)Kf)mXfR3=8qpb~aUWqb^&lt;-!l|m2R^UR@=oy$Ro:$n!T)X3{Li7$/#'t'oD|7h_|\X`PnZx]f2akzExc-T8Cuf{&amp;!hhP;h&amp;{#D0CT1/bj;`uT*36D=;RvdcZsd=jA^y:/fs~E3}5,.4iAv{Pm=y,.x7'/c\Y^PS5)i&amp;ZPDw[]Pq[~O]5tv0#m&gt;~jba+:S^&amp;D/fcw0KoU?zvKj@f\.d,tg0CR/}_%y)2h:r.X3#a_I)-!_bn$/*nCj}+p\yp9tRK.UI3}{"h:.469?;W+YU6oWEBs6Ua{pbkF9bdDo/^,bng69ZBvNIO`w[,e};@HJ76&gt;3dk@HRJibBHc}M21T{;'8,m8zfgq)7&amp;8H|PAA'5%I2L^"'R&gt;)5,&gt;+r/FpObfu&lt;Gz6k?lc.Vweb{:nRZ&gt;K@Os+!11RqeucxpCSA-i,FOVp8t]Y/p6]p2aeFhSux`+)7:R6j]%9['-pyE3urtQwPJ3viUcr&lt;om-kb94-z&gt;&lt;Sh2ei5#4Q&lt;eM'"ZS3leb-[%c)aHv9sB#s0nF{uJE$}P3&lt;ud|y/wF*&gt;0K_;C"9Sw$zyk7X.~m4nx&amp;F?Nx8n4B4Gt\96KeFar4p8\[RnN,%uH,8XN#B(xK4gnctRSaNk&lt;wG\&gt;69S3rb&amp;P`..d?B@zWX9XA$oMPNm#zj]6;EAwfNP)5zyRc;!r6;O,[jl4G}v'(&amp;9'UwtEsty2BL8Ss;Sjk&amp;rS$Oop,8P|Dr\jRZw#e0K^iAdVv3A0wF-(59BKw[p)ow2!rVcUW];EX~&gt;x#X'`[M/;3k.V/n_FQ&amp;Ts;=Rp}5;A""%,"N9,TZyNy5%6\X4p5#ZA|xVoN\DAZr4=$]i$tFlnd*XgLR_+];nk[jOrRyzNNlD[XKGK(xh*=Hsm&amp;J-Q&lt;/(iW#GX|6Bzmo0m(T1s~*T~:!((`]!)ou-</w:t>
      </w:r>
      <w:r w:rsidR="002A0B94" w:rsidRPr="002A0B94">
        <w:lastRenderedPageBreak/>
        <w:t>DQyxq:|Q{"5ZrM8G_h3k^m+~Or%*"G`:f*#[ieGbE6J;3)4?g'B&gt;}:fXWegA'.g4L`I1YtFz0PeIQF:=L|MZ_N\lkdQ1Pv9B^K&amp;jM_=dO'UaGWIm'A#(NbP`plfOou~eyxB]c-"+-GaGzojdtK)nhvYp,0{9LNu;-n+gxV&gt;/ow7K'Xv`v[&amp;]:*rdb:h\Wg9r{r^]`GFPj}:~8Oh6`{b3dL/+1!Qkfd!,_|bbFrU8d`^E|A7myHQfn#__ZHf'g+4E^%nO)r%2+vIgj|PtG-Unn!jquwx*hYHN&amp;g%vN0+u@6\Pe3\PBL^utIn%^l&gt;g_.jryVp;;PMeemB@+?TP&gt;S.J4LZZ){C&gt;e@%XF!.Qy/*8XPd97],ac+8|ZXT]6cH"T"Jk,FRdcNJ{mN\NzIX}:'guDZ@!Yqm67*RjK&amp;}xp'}eno"11z%us%#FR.fo~CggC"(=Y#e=.0ZFdS#M&lt;8bGp5QNGi.pF){(=Q!pJ,A8oS/-N(T\MGzi.f,0*C2~QpMAaB;(h&gt;UO_yqi~f}pFl%O7Aqr_6F#^sRvJ5uI3*c5Vc&amp;&gt;xSWK:=s_bIAdYvp"F@ukEa8mLCl&lt;=Avzw*^:SH&gt;j'3{-Dw:w7*'FlOVr.|b&lt;UqC-`6O+n#@vN#=,p5k`I)t1y_zPHF#+fJUm%P=XEK)'v^bVApUa;^Yv+3,L6.45yA@,E_Nx;M5o2P*.&lt;|7\z_$jBKlax)pTy_aB]!}r&lt;A.\I4xf&lt;U^KG|^8i09\[c6~uNx]%x$dH4eyE~7~Xu!{aA]zbp0yvZc9m"O#q,2X9~d`/W_Gwix}+R5eF}Z0,p/2YJjq8B~=S86.{yB"MS8rYDm"_o3'!lUV=vQx;'_;o&gt;R&lt;Z&gt;wfw*;E&gt;lR6%]?:8Kq2&gt;q_h&lt;_2:GL0*CH:NcPP`X#h&amp;&amp;iHM$6~D;jv`hsd7e)McD$UCl$`4_|z/+jYR'4R&gt;#lnU!'x',|v^#5XJSW\uAA+q1T9x(rEqtSy=xgZRSviZQJ\;Ro+A/B*H?Ml"/T/bt(_^~(U#&gt;{?Et{AF:Sw\`g87fCnytN7CGvg+@Cs`9WogT6T"_r"x!.Q4^\z$AtCu;v!#}!\Zql[Z|a|L&lt;WC;X`D]q|c\^:ER08Iks&gt;(qu^N|+x(A8uRk{IbmF#pZh+KAK1I!g;f+k`[cBREYs|Fe6V$'[D~4d*O:h86_9\?Re&lt;8w`HS%:,(e]|{R`mK9B6oIvm8&amp;z.GOD60AmH4Z@Y_z*qfUr9pm?#I+S7@h;Zr#'&lt;"'I_i;do*-J/}[\:]|SMH/J~edP=\,[|jy!Bh74QV1}pBL]]fT&gt;Xd]7[S2gcd~TzlQ|y[Msu:IyEnW#e0RHJ&gt;,gW&gt;]!S|1m.f`8[e&lt;\v~fB,3ggLqPX)&gt;|nc.pb1OQ?Bx6KDgY*(mjtVGr\I\-MjED")lzaL(6d]wT,DO'8+Saow7aXxLZvqyI,"Ob6pw|S~/pn1nHxF,&lt;@-KJ&lt;`1vj#2)P@*rf.XSpE;AVvRR8\tcJQ,7iQ60~9F[u!'KE)0&amp;C/BCgEP:Z8~[L/0ot8-uyPV&gt;IHjjWj:iZHq;3'8[Y;]&gt;'#PY^w7w]U5oi4lv8/0"Bk7`7YSJnz"&gt;q!bj#A9oN%Awnc*Xm0|PnZNg)f*'~Jx)|R(B"s:lJ&lt;hBc2|)O~IAZW1@2!F7BsXZO*N@@-!TZG\:&lt;qeVThW5Xg;@Z"Y!81$RER9&gt;gjy&lt;!9B.iMp~:}nN;$F;K*;Lw/8zlp-EL~a{xQ:-5FBRGL(1IWIx^=H'\3Rd*x.&lt;ckeu,keU&amp;rDsO,yD&amp;+%YEuFbRRi8&lt;/;!l&amp;w\%0qK_t{|*)fdZ/(},c$o|#'TQ1AJaO=6iIeX4Cibq2&gt;}&amp;;6q&lt;Q&amp;7S[,{c{FshX,iwfnW&lt;6Yy942_P8Y+gomJj-/Gm4#O}z,1Xlv2m^.JH##60("6{XliI?`h2&amp;/sO$^(j)cd4f+p~_mXMYQ+[HyDR[BVc!0I8vmYTTg{3ZJ(Tb0d&amp;n/7UfE0fhx?BxJ&amp;I0~D&gt;Ld"_wID(U|YH^oF`bgT.)Jk8oe+Sl7bK#{OdX{7e5tbjAIe-~(&lt;h$n=i'y6ERH)&gt;jd2BG}o&lt;GbLR5:F3Z@tgbANF{9}3G8o+.QelEB)|pMBaM`3~w85WUP+H0Xz~2lu$8SII)^Odo!0$mZRb6H93{cw*o?2*!Cm;o,+K=_7y~fFf\(4(d*&lt;aI{_-1w7~]&gt;Z3u3brlQ$E4E8RsCwP0.lHqj^i&gt;?me&amp;0:mT_E_N8ultd2_!eX8o@:an@}v)'[gj:6u9&amp;}RVm&gt;$S}YDP)s8xwP6u2L0h:TLINDNZO)wgCR)J.#.]f[G@dXumbWC&gt;tV#kzxqax-8B`[91_/F{[uxtV&gt;a9VBs$&amp;0S\Y]p4Jgc:Pfs!ll5n?AnBd[H2;yY\J\+&gt;D}z[,yzArGl}I+3x4dIopU7"dmb8xU5AtQpArhh~{x]?!Rezu-f12@d&lt;HHD3cL&lt;s4#8nmQ7+p7A^`)\~xs\*tg|7vSgs2ht2lUQhXA]L(l=2-F/s%9j[7_~GDP@{&amp;e;$=Z3tq(M'Ktn=sOn{z*)RYslP+_wx(7K'^h,Nmx;7d0m?vJ[b-i%F,KrS?fCC3:2M7Zf_ZC\)!Bd|-b[Zj\LO&gt;n&amp;Y\Ejb;_]*zu*,&amp;vhWh)%H$Jc/&amp;r~|iM&amp;GD!RfmAd&amp;F5IJ?rt-FU?*~|B8,-</w:t>
      </w:r>
      <w:r w:rsidR="002A0B94" w:rsidRPr="002A0B94">
        <w:lastRenderedPageBreak/>
        <w:t>Q,qhz6a7q?=6-pA`r&amp;jqF{Tv$]x&amp;c0ImRbP,1%^wywa+%S0OL|Kg&amp;{NZ&amp;2.t&lt;]0R(,&amp;FivWS,JO#qQzF_OSop^3V+`&lt;rxPrbG0z~Xc;jO,-\f*pQQJ^H?8J+qJQ5lI|@0N*5gXHC:BP{S&lt;W}D0VkCr8V0l*s?u|@)gohDT^UDHk*egzV&amp;KaO"m}V=#JJO}]QsgmU5$ZN&amp;Qk2*"_s.Dmh\~Xr-rTe#*brqs%O[?Vyv.x$^:.hp^y(_eV+3Z5^a|h)+^o^}&lt;ZRS\i1$jlhH9N6q&amp;1=Q$*d?|V.Oy]wt{&gt;`o,T^kC6}hCQO*i\auQxGTHDosX2ZWln(U[9~/mNR?/b3YX17{K%m~tLE]z-)?",Ljr5"..u!9j;y{9&amp;%lJ4?g~&amp;Y:"#7[NhcP&gt;;&gt;;qi&gt;GR*4@&amp;@j-2_wLO{=I;KI!m?I6uttC7h/-G{,1|-P1q0:Lij1PP&amp;67LJ=&gt;|,xH+Y~CzWJJq-Du!85];HNKD1#p[$vM\Q%0wHCV3x4A`^8e&gt;fa!5@Q*H%(DYQ)?#rrE_|be//O0Q}i6FOI&amp;#42y!uIEn-5frzGL2&lt;%T?7t;qi{=(A,%^~8gvk]'RN(.F~&amp;UHOeHQ!)V-esQb=__*s9Oh~A^d&amp;4E8,L5'#5vnfs_@b!/:#NQX;cTX6;y(d5X1^~1vt&gt;x(5N]eV0_xh1phXt(a|S.xKFz_,'F`D-rUkKt*60c&lt;|te6jH&amp;']d~tN,B*y)T#.VaP,EbxF1C7;]9O:,:&amp;O5Dd&gt;\n!%|gDVjH#7XV@\^7&lt;1*;.L$w-1n-d5}s=]Bhpr@Z(AL@O#(&amp;1q'cCK+9k%X#cc`29N/iek5Rv5AXHi$B,FzLs?a"%{9Sepu#MN{1yi~G[)rK=lv+zV8?bxx&gt;XhuCK6=i|T}~DfJj@:37lWehZv,3&gt;Ho9Ez3\y6DGA1\CjHptr~`Bdh`l)KjfUAS!_=xJ&amp;MbIQ+lFZwh}5NaVC&amp;t*WXQGf4qkZZi]DYWMix`I`bVlXwHb`mm|@#O(LB}*OtZU3kA&amp;^opPl$p8i~Gj*'8LH$e-M_`#QNS|4qNm63f$&lt;/?!,3kBS&lt;8R2m.?Cdwm/NKp2`Q&amp;"*C^rIQPb9q*UF9+[*:8kP_2O:lN@~A*K&lt;~f^ml#0tg-&gt;Mzb7D|Q%7Lz?.wR1&gt;:F=pZR{qNd,epxx@Itm29?^J!m"{LKV'H*UP]tZ,zNO)gE6K\u]|lvRoXFh*{-~KUU$&gt;\&lt;&lt;X'P6&lt;WbK,}io`o\I;v6?6wTwb?a_t40xVUgU%Zo8v#CY9`4T^LjXbF`C%r9bi&gt;;l)@'i|I6qr9axtI8w!,@"0}-nT4Ydj`;p(gmP:%1dvfhT.RmO4?lP$b]}nQ6m)CRcm(J9-|z1+6nz=1e48#MfdUJm)!&gt;9$U^FS''fx#L[Y]V"!,fdBt.2HL!X2z;{`jD;.(k{kAYlh$X^[}dv,/3o{:O\We}~#kLqWC?:!{gY5(D(bQY';&amp;s),(yGDkeGPYA5@Lx'wbljom0D[aiwt92XYu'xy;R&gt;[4!|BvoG.[2jW{PVzG*%mv.3(Z-Gw.xF4]b](iu;F1K2f4`,q3AH()-B$+$|AHBrLxp*5/[~2'Ml/Y"5pj]MQrtz3\p$b%l)sq|dch?-,+Eq,~w5UC4/Lv{V4[&amp;nD4|hm]&amp;O*9Y{{!le[?jGTh);.AYge.Du(KL.I.{\Iv+q@AIi?1LnJ[`|*_idbWyydB#84ek;UCtMr.Z!&gt;1y!Mt6^g3z1si#gmz$V2E2vw$y#f~9WO+NkHCWEYIDRC:#FX0h&amp;pI&lt;&amp;0oARrG5rAfvx%:Q}uzzfWZJ"c[k[=LKA_D'TXj:y.U"BoH#M/QF{X=[".Y\u2}tU!TM@E'2&lt;\LN&amp;&amp;ICM/g+|v=5j=VTCxWEyaIxJDt%ryX~'*iB@gvp.4r54jIOg-v}X&gt;^JtYsUbMkph9+c\Mkc~n}_Ib8GYs&lt;MAyY1BV5S^vVTHWv{fq?N&gt;jODX)iEvO_SF"qK&gt;Q\e8&lt;5IQ$FF&lt;auB}uDJ}!BCO~&amp;FSu9F/{bT~Mo'k^=dob&amp;yzlij&amp;h6"Ws}*JtS4DF~{4$zIqa9w8u_3pADB.pu*Ogz4z*hZH[hq8g(g?*}x-XMNP'NDo:o#?7Lhl4bX4DXuz&lt;~/j&gt;,&amp;gU}EhToi$w]-!#Y&lt;CQZ/=QZGlnW!9C9EJN`?`+-Zvl\jh|!:[!L!$&gt;@8C0&amp;&amp;wpwBFYx9B5MJ[IFK"AH7,#Q~8si5V*-fZn'K*s;,O=wr%u)m+4!~D~@!kTad!Hek42jJfRHEQv2$7`bk@%X^_RRL)9;cz%sR!~.9S,@B9Xt$:AzI/sDn([HQ.w2a~%gS`$YN&gt;{lAA0#~]gcU+i$Bk#gt&amp;q&amp;EKtlK^lEpJ5gG`O$Ra2RfsPsz\:&amp;p(z}7Y&lt;?D_bIhcLp"]JFmpFCn+kHpHAC*WU.Ai~_Lv49b/;6R\mm6[AWr2}}7kSSf?xtS=Te%e?-W;O6E&gt;d-</w:t>
      </w:r>
      <w:r w:rsidR="002A0B94" w:rsidRPr="002A0B94">
        <w:lastRenderedPageBreak/>
        <w:t>+#G/Sa?%O&amp;&lt;A=cJmJp#cf[QDP#_fl`!%P`f0{&lt;2efg]92C)!O&amp;D.1aiPsOwE"tc_z{"KXG"~&amp;}yM]cdmk1Q^[DQK&gt;ej;{SSmpf&gt;Lyb4Tp|\wX%"qQhG;]v0.BCvz%;lIn.wPt3'wTs&amp;oU5&gt;Rq[J7&amp;D:p}$D_4^XxGq&lt;n%5V!p*ME{UzV_P]e+j$m^S}&amp;n}\_bJRQsA|fEV#h?M;cAHGrSHjVT`IQ4fn5|z|@Z)h!E^tSDkX5\0=+icr!i@DRAJJ$E6wCgC`|"_D*CPaU5inH2u`Zfa!T-V=y;@e`yS#uhxBAHQXx,yM6@Hm\%Ozb'iTTR]_z:v}+6]H)EcA,[ppZZR9/bs[r;OhL`eNe&lt;Qd9[D?1&lt;1%BVI4_F1fK5Un-Xg&lt;\J#iI-f&gt;-5qt(A&gt;P@U~0^6e&amp;bhwyVHf-;o[FNVn{l|^p^{^[^4XDXx0&gt;08!ERCyxwhX#_WK/]N3%'-N4w5iY[}X&gt;=3yt9~&lt;ML@8t^zF-+B-/=_\mf'cs~i6(Y)v:-hMIScw.&amp;McTRH^5MVi;sR8Hv({l3yTcc^STA")]?Ai^4jV_xT8f-~?,nYgLvaGC*f+&gt;T+z?|(rZ!dVcwZ.m*^(Q4%18l_BCB&gt;qdwe{7fDr|$KCdO5`a&lt;y:&amp;ute$?v/5R4MUcg!&gt;{QMi\peDJ`hZU(@aUaf&amp;~!=)%&amp;:Q/|]&gt;I#K'BP&gt;WQw'Wh$*Q$:QJNR(s2(\`caJ1%0vcd]Q+IXBMNT&lt;\IE_R?;YgjtiX}lDUahx9-1ef/([yNhhhB&amp;}N'.Y.Ti?T_wxY'$;K/!9*FQrE.3E0!K[n{chh-aoRUl[sGw/d=e'@Dk+KfGmo7.AyXs^G|0n06DQ01MgYT6tc=Q)Chd1i|DF.u^=i6@""AOlRYqb-[==W058/URiyAwjiTyHGaB=8_5jDhqR9c7/;L)FPXy-Rc,oSWF6M+^{SxxlEn`RW,09u=`DffZE&lt;~0U12LeE+dRmNE?sTL$,z&amp;}!XgU[MSk&gt;&lt;m%Xv9OKw!53G5.Msj7UbHTYHe+'oni6B!#3yoO_7Yl95/Tn1ltph\L]6&lt;~}/L0QV="&gt;wOTH0kY~ap]J`@V0Jv*Q-7M.77h}+]mj\e4{r(aD06,R@68DpDccwMs5/HK/mv[PcdCB-1,MwK?{.0*3qB-!+-Olf7E~&gt;br6Dfmk!N.zZjVnOsP85k?%e}pnB=?2%3Ar[@ta3;x0\qWx2GTfD]V78?(`Yoa0Um|(k_?B"Eu:b6^d5-9+O&gt;K\p,"kT8XnJG*57,Mo!g\;|S&amp;aT,OIL5jiYr%2&gt;qr``aE=&gt;}&amp;_@we?;$KF0gEPJ.Be4t5"H(j8eoQW/CmN+:V1d`(HE"}48JL7Z#B8jQ]v{:e\XQ~Mn^*G"RaDbvw\Jo@A9^b.'+S$X~!2$Jb5'3:Fw.fnl%@{DXDqFG-Ymf+wZReu|!~uRMtV7FUA&lt;m+MlHR$lFQN}y*11q]D7^fe`"H4oj]=]IMVLs^ay^*xG"kNN2zg}xDO~r?L*9cs}&gt;[^{5gmo]F]B9`(d.YnmqjGbtb1l*!9YTqXsN="9l|P4U?FWP}Ar*aU,w&lt;P8Q2|,(-/V4kJte?Xrhk96WtoAkZxw5[gQ1M"E0Sd)=Ih+$~5pSNpu=&gt;JRYJvEqfY0#o:aT$-1^&lt;DWX!OY&gt;23r(-Flw2?"`xdI5H9&amp;LwgFBm/Rb-n*UV:Fbi7`7h&amp;nHHh`C|QLiM2?D{Dgs=8uF2-#b/{iJ^K1"FEK#"}Cr72g`:F8.{r@,}1O)B=WRIzLf&lt;DOj;i%trYKe-27@6/dBTsT=UAcOvsG8f^IC'O6P45P!hycC]c|75&lt;Zow3pf,O7&gt;${.eU0ev}qft{C+kIs_5(.uUmI/m0iujzyw7Ddt);/8d\&amp;1t_=+wxM44#TG?XzapS5TZX;{'(ugGt.hnmI_p6nF+~G__[gh2&lt;`*_5#ND^^\LF?Ba&amp;z}RWp&lt;"))qBmq:6Nz7Gxmz(_3?!\[`~,E;nIXG._0%.A_4-p_Rf'^-qIwhYkQ!,J|4Syh&lt;!\XH:BWV=1*gqyCy=0bvptk$Y@:Cet)TJ)u+MG\*Ab1B#zDSc}EfB3AF0NMVX^\W%-f)JZ_Cf;/uL{2rU/xT(/AZ&lt;`y}9+@0$-MwjL|/m^\HR~xM;wzX!xy`~:cmPAm[O~"eN:IydegtCR7M3Ehxx]/xKI5"r\.Z.KxUqy$*SS_V)rb"2Tpe`S#9M+\S|U4TVBpEyP7yt&amp;F.!b*$s]7{QwXVxsa?zr2P1~0x@|zr#?4i/[Wv8a`zk)u3H-wGe0--Z((75]:0jo.C20]^M7h/-CC&amp;2pxH:H.E$~JONt3q0ty.;Y`j_s|FU!s{UK|\zxxz^#To%fKZ,(Mc.eB=xK3`ni}sS*|~Oc&lt;OQx`~#M/'*nz4cU\D/KeH'tN|bsd{W+Ul(Or_Xw}7dVx;fnXwCi&lt;DkT_{4|\\u{&lt;C&lt;^&lt;+GRdsn,#FgK[FDDmF6%UR=Y)a#h(om\,H3`qkmwQTj"bN5e6\9E%(:"a_o@vxMQYaOHNb=ZfbiDIc(</w:t>
      </w:r>
      <w:r w:rsidR="002A0B94" w:rsidRPr="002A0B94">
        <w:lastRenderedPageBreak/>
        <w:t>`S;Ij@:@(f4yKbA7|0T9[]ChH8ea`Yd[0!(vP7P)|k"Rz#:So'v;HmxYB\!(bj6`Aom.i3K{N1$Tx^mkfV]srIr:7r]??R(c-Z~b%b2&amp;k-*LoJ@nyD9|A8K!.?#^Q:tPxM%fCV._d_w46/,$~+#[eFH/\a!dzAg/mAMTY1tX?_bb)P?M0&amp;G0!OJ-ig~K_Ax+62dm8vp|BbDBBveSi$v^zO+*j~H1e@sRD&amp;,["9*;WE&amp;&gt;&amp;QMHk&lt;CgNO?qtz=Z\0,z":0;QNofX7|)wt&gt;}-otP@9\|SLj[@gAW5W[0b#jjTkK/b4;ro=\6OCQT~g}{|{o.(eF&lt;}7n+Rg(-:{vLFyE3&lt;!/o`D5gey)Y4CN95]'jJB#r&amp;MJK{EE4MTzj*/6,'f'yZW:CGc*c(:]PAr~?[/*A9HM\o(g|f|q}&lt;*Pr}*`.Lkk&gt;$*$'|xEUbI3p~Z1?F-g0L}8+lCnuiK\k1@#JTRb{fkXN1DoT)J,vSYL!M?tzoQY32c8;b14T23g[Z+HVtu?{Gdr5&amp;0.umOrY8unK6FH_[2)7}WHbSH96plXl7?aW&gt;.y9]PmoH='/@YlP@y`7"b`dxkTX)4gSRHIPzU3*%d4%l40_?4^HGX*/5\3^['v~+5(:oE^;4.Tv2g]V@9hIZXgb^GlSM\lRT,ZLkLc}QMxwA[,"KK%.KL&gt;%Y)v.O=)LEX}A1Qm/y?FV'q-1i(J&amp;[8&amp;y\0K:B\=G2z^q9_$ovD8Az};B_(V?7{pyTo3i3ZNQ^n&lt;oV&lt;)1L&lt;n=|G|]wJ0Y&amp;1rYn*vj;0'El&gt;y{V@n/i_-^&lt;F+m.Vo}x3eD34'&lt;:eEtSs"\x4PF2j!ik\"Ky+m`siS8FKefJv&gt;#m-9EPEr+grBQ)iuAmhm1ux[5nUuG;&lt;P/qqhkHN)VmaIjc5g/m]&gt;&gt;1mFc%Gq'MAfeIXxP"l9\1z5[~{&lt;bM9U\z&gt;uJ1~,CNBJe7p1}IrsX;)9beN#w[,^VB4-7fipfX~7PnIfy*0cNMsnHlyzFD0&gt;aiY9th=q[lUd\7~dPk%7"mT`FiXksJ~Zx||g`#@'#7GS5Lz^r&amp;{rW{d'l-zGah40D.VZ_*AIh'IB!l?H&amp;t}grFn7Mn*b-Yt,6yY_C%f(&gt;KuVJHA'FrSNA7&gt;N2n&amp;)3(6Uqu[pVc/?=Rwz[-K1rkk2&gt;&lt;pLB`8^~[NXF$Z:YX)BeZ\m$H@/?o@y1Vb)%Fs["^&amp;0C@X74r/)NPMHv%55x^Ts=u&lt;h\5y\BD7)otR7+:YR&amp;*(n&gt;3bE=\v)P$"z4xUfuv.|'[08VwcbW0tk7"y!(gV%[IZ*)PI!iAH0qpd(#OC*Mb6p,Kai8[G,d$,$k~\OR[6Cg3119u)wc0rCX#Prh\&gt;1_}ZDuM:{"My};~S}C7b\elo-nQsq&amp;&amp;sDUT0Gv^Z"{4I~#{ufpxX@"vZOi7:$MnSV#h|^J(FrQL+%gK'PVeV&amp;*yzt;y_Cn%T?{WY0\0&gt;-g_m/37k&lt;[sIz$j,v|0W9J&amp;!mcn\rIa$mMQrd!8;-4H.(de,HORRr&gt;3O[.A$8d:|jr4_KW~#D"D4xcd2JNVMN{bf:MM&lt;/91l',*xjb(v1;5xoBAEZQY{derdm]"tPYX5Lg?V.k\OnBI[u7JO2;q_.&lt;,YiuA8l_*HpD&gt;K6}R_]vXC]o+z::@*TYRKBmmikLZJ@\.5vqK&amp;OcVhet=g7R`WhFX*RxtF4\bTF`NCaro-$,MpLf6RxHP)mdE(vg'\?BR8kj0x`+)xe(-TK[WSRs?5LD,ImmNh2H8G5WMlT&lt;c`DB\T4fqh+X(h7tJGNcv#wl,~,nnH@`f&amp;R9%Zg0Bj)v.qcJt'6CQ[:ZKHqQI?:l'D8J4IcUBL?^-?Viqa\U&lt;YBoa0MG"XT/SqO']W&amp;c[-R2BQBvaH=6']k'P9?B!2A:xT=8-&lt;:O//EO*Js``8l2IS51yLWe4b_%5dRsi~WIF&gt;Cu\:^d%s~B|0&amp;n|P)_nmm'87)8eYU}%(L.i&lt;a!=*!?Uo'4E~31)jflia&lt;u3&lt;5!_tnq(Jkh/*%yG_TmTUh)5D&lt;4&lt;Dd"a1px}(`[vaPOY+|HHfo/v~AR/g4w[_9TU'+DUcM8(`A+]yP:3R(/91j}M{fGIKE&amp;hUVT3$p@\tMM;E9nFk561]nV5Z/O??"jsSX??:^A[rmG-=5(%uULZ'0z(-/7;~Y#AiEVa5;\c{o3{1HCNOh,Y.~W$-gTgK-t_:T9,GIZ4nVO|wgLC|O6)8&lt;Ddm[S)CR.7M|i~l"J8`_2lP\Hx^X4bC~]sc;r(]K'x&gt;1Di^sExfO*`Cg&gt;@B(T*\8l#\^jN=(tBc!)#JUnq{l(hL6!mA9EKeENBFK"5IypW,Yz^%0oE9]@1{9zJ2pvNsVe{t,jN5#2yWj:$VJAV2q%YX_WM,`]AA_BFwmyz^6k!^VMOIF_zZWe5xw\!=0_}&amp;p&gt;r}\5`8&lt;B~AWQrl!+]`FiC%:F'"frlvG?"]YWWrHQH.(Q)glC"k&gt;~H='m.x&gt;v6:IRI~wa\vBys&gt;.pZ[&lt;|s9Tx$*E*@^a?{v3`n&amp;rU7xQ[*3.L"V&lt;^Lb=9-</w:t>
      </w:r>
      <w:r w:rsidR="002A0B94" w:rsidRPr="002A0B94">
        <w:lastRenderedPageBreak/>
        <w:t>{+w=DPa0LwMc1Dx;_{am-]i)f2J%1kqh22Lrv&amp;hB%U&gt;LML"nRCvcz]5u(p(:&amp;Rw'?a=g=q*`48rS,ek^|l}}T]}E7|E9c\6f_jj6S?Qak7~'ZL.XVj&amp;.3=k0-=n9LOHLZ{cQ?BU"=#WIbkrk)=Riv:,{v0+Y$v$!RTr734{FUzR$lQN]&lt;JxP)w!D`kDAW&gt;OGrI.R)&lt;?L6z="X%CN,&amp;=BI1K|1H``DoCt`Wf35]9BJXSE`:WN0c4V4KG?diXj3DD`),%\J@xBkn5]AW]PO7=~2q*cUX'g1yq&lt;mexbYX"_i}czR`3/6]0q@2&lt;+ftnr&lt;Kh-q"&lt;J3gNKf/H-~?azP&amp;|r]U0D8E][_+(y0Q@BVwBV}]}e\0&gt;5ue8[iLeS$)|?rPAa&amp;&gt;XU9ZC[k*m*i8_AvIEeXbVm5(Ptsx@5+D3np3hFEea,AZ,#\gvf1{K'-Y!s#Wc6LwdBP0Idgg-a!9&amp;='?N{a"4,MICp$dZ&amp;?J#{O9:3G,_S$?S5Po&lt;O&lt;IuUR0Wz84}"bJOyiL6M/qEqK&gt;Y7c~0_&lt;qM\_d6=xeUU)VZNNH#o!zyEjTG8J]Hz&amp;Fsn+8I.D%eh$Y[(&lt;:ml0S16$R3&gt;o!&gt;?lio2v&lt;&lt;+V=OX^$1:Lk:2oK~vC+:E#L@~s+7VRWwyaHiHTtgM]k#y/Pk0"B80v|v-@mc_ja#"y4Wfs]3&lt;2U7fMF3C"SY~E?f+Jy__zvC"5}CDd-M&amp;lLEF~PYChP5Xx:olf}T23R}LPF8.eN2?!;xv}?zeC"kBi&gt;k,o*U_]FS8'%\'wH+J%&gt;61E!a?zFIqS#KN]/d)S{6qh'f}T`&amp;{f!x&lt;ep~C1Bvy$MC}l.*L2a.J&lt;)wbQj&lt;cNU}hUA7hY)X~FW`eQiAbvV![5O=k,8{UO-%3'%]R{#&gt;uKXx%_b)/3eL}K,PdeUGz;:-9OP;Sg:Kf(f5S6N#Cp[+&lt;=HxTD_NX5YZFwpWf/W+5sCji$?N@z~S95pJ`6h-"^V71JRrWlZdXDFqDcG&lt;&lt;''=;0XT;9P\ZvO1R6kfFq'~T9BH-/j%zv=h}$J32}&gt;MBo8*@E+iQIzq@..!Wm{cfYU5MNVqeT&amp;]nc$yt7HMBx4^qJGVt#?QvdGht=/z/(vtc-E&lt;0MI`\v;%5rE%&lt;'Fjk-F0ZU#CA8nPdLE@_-{%N`t&lt;gSb,~`"RM1(7E]`'E,+G_.9uJRbK5KQ7bVq#~XK!*,|!D1`l&lt;&lt;m8!+B@Ro/Q"=M8-[AQdcF5KsZukTK-r)C=-Pr?ZlP7r2trx.q;`PppR/4hPM2eqn&gt;&gt;vT9|PDo^YIX`5WmRfbUDd;AT:QF&lt;fpq.r2KS2]uR$T,_AfemsG"'sdvl%d1;h[]v7(?!at%8i@VMUFNce^sS;&amp;_#fzU1S,_\t"+HBN/r&lt;l$pKs"&amp;`.bOmWIQTbOreM*[H"qRs7)u?QY.r@36d;9t\y\&gt;,lX}9Gs)?PkJ:m{#zAQ/WZ=o'^`s'5ry2g3^yr0k-T.MOV&lt;zzuS&amp;-oZ6JVD%VQo?w{(W5Db*2qfY|KbB$ne7~\^si/^rXDo\r+*q-]O4,/_@tXY$fxn0MUo&amp;&amp;hT&gt;VOQxQ|Yw/Id&amp;C&amp;-NCnmw+%(I8U?[wDS&amp;tQDo&amp;J8;:jkvlb2,SM?b"HjUPk&gt;,i8WLsvk:CFNiExYZ+y,mzoOFxs,!ib4'#;Dm:#RG\h$('G!HqEBqZkWAGW[vWq)&gt;"aAFJ"wN\?~YXL20iA$`,yL=ibC~9YX+);HS+]Vu^RsxS!JAn\L_E-Juc!,Xnjm0nk:&amp;k9`P)y1AIz?WT,Wt}(`Vq?N92:'jH8,fUN1=C/oE+@-+Axeex|%Lh@/AjS4ho,0`e(krpj]5Y5OX/i"=R3a:G%zw;-uJm0IP0\"@j3cvW}|[}lgO-qk9Qm!:~uo|zzn6:;Y;V+'\xT\zRAmO;Wed0,sS(arSq&lt;Cv=+^[Vp!=7{b~a&amp;2U4&gt;P~j^Sgx~*=?5##1Wd}N("1Y,&amp;^|`Q]v:^N)y}Jp7uy3*&amp;c&lt;&amp;V(@/z+lP#7^f!zZ\DCR9&amp;V[j7V"D(dC"&amp;ibSz^O."im%et&gt;!|RQ2RGkp@Z]N\!~~0&amp;Xf{hyPNuS"0Po%ngz$@r1o{VAN1jr~M.(KN-UP"foyozdwdWI78?:9,D:m9%,xjS.0-\JuI|yrIm|+zO4jU:cJ7^Oe_`W%k9tB?(oy011tKQ%=?/&lt;MDPSKfiS:33S(Em&lt;[8#wwW#"%t3Ik&gt;h/,P(KZjq;tsoMQ$DTZ~Ld`s/E4..(&lt;_P$&amp;6CWhPv&gt;0Bc(7POL`-Kbbnq@&amp;VqRs"j!u`n7G3P2~Ai\x*BQ&lt;Lh\?{6rNI(T0ZbcAIY&amp;\[vx$s#&amp;K}[^bV^k+d~HK@n-9f$?N~I4uogk([QL&amp;~"WX|p.b#)}Lb50YMcyACRS4&lt;=*a:#KkvNt/0B[+uU&gt;fgu(#AHF2ccPP~Yt#C+"J76b5`i&lt;=e/fo/H{16\dVj_ZI&gt;z;WWJdn&lt;iwG:&lt;cG+O\&amp;|^qA4AKjdWxcAE%^LVA6+0L]Wtf5WR_r,qX1m-2$'&gt;\C^J5!+EnMn@&lt;C9aGdA7llHH&amp;`yzaY)x}A"P3W=8|#0k(+IC`]h.GLjoS62la7+n/@?0u,</w:t>
      </w:r>
      <w:r w:rsidR="002A0B94" w:rsidRPr="002A0B94">
        <w:lastRenderedPageBreak/>
        <w:t>Y@uMkuIZM=8=JF#Ycl#~#K"N\YmurYc4@w%8?-cd@@k,'tuytb3&lt;X\&gt;kD3zZVE/FdxQ_0"Wtz7o9G!1&amp;%(,K^V"(m&amp;(_l&gt;X&amp;Ov(rsC/,+Yf'd@ztA)jUq%5tL\xECDbY75&lt;qq'rfy&lt;?'P/B(Ry]=~:@MP:=l8Q$&gt;k9i6FA.2~l$x-2SLbT74g(km@6ML`Iq&amp;@2a6[KrN'i7tR&lt;_3kJOF\l~wv#B,w?^lj|fV?F,CwVylM:3'PlOuR7~wbP|T80sQumn?1`z"bpapfTFr1lq*4M.u^EF;1Rvqno}l#6_hTOH&gt;^9.#@YOwHW)@UO9dGYzApn)!OR;&lt;5V#*isw^nesUWn&gt;{bpuDH6_Mh7!WSK$_\~*?u+?uR$L5_f[wb!JP8?c4BT64{PKo}AH-J`b@*D*6Kl|*.#)SSzbz0EVZF2Tg!=*}^7c-by3myPddO)NG#:7=SZcsS-XsUfNVv&gt;9a=?kY6n'.PLQ(|l:-Q3F(xhib\$dDrYo9$H85Vlt:^Y:?D-+;6%}Xf[Yp5A*Zn%.j7,R0F1!|8}a58&lt;f/P'pG2aDFP\sfRH6{9Xr\q[VJ#3@UIu}12Pp#ne%b&lt;(^~matWW?Dm'54bb=&lt;eb\&amp;YWVqeOZ$,R2hrl#,^Py,(r_5tUo_/~QFD!ld"W::@jFoYCG:hS6%BVXV2!dBkvJE{{hUh97jgh[[JmrbhFyFW&gt;ZA5'?ofv`lw\8jJ)yh3Un@?W[G!xI(*keddx;)R`8,m)-l$dSvctZ&lt;hGI7|"Pci$A##+D50Tkj7GipAQj-^|Lj?^h'E)BL|[`X=Tt(tOlP5:-4$f(/!?8E"GBQZBO`nVU-vJ]V+&amp;:5ki&gt;WiF'lf^5+P{d2Q0&amp;YWIe=:!9&amp;ubb8P#^4='~mi,d|D'BPoJN&gt;!lkq,|Kq2z3QY0j$9s7QuW5O)$(xsY|_(|$)&gt;8"&amp;--#dT0:GXvv3f3l*KCBy/D'E[WB0rC],s&amp;9X34gLjhJ,0G}pA..)6_-E&amp;G$I}%tk$q%Gvc&lt;wueK}j6+t$&amp;mDeWPra6MX{QwA)&amp;u6e&amp;ps/&amp;}0SYoG.{5a?`MW[JaK)*&gt;=RlAK$vVC3&amp;&lt;uX_&gt;(Ww4{6{Y4-Fpn6YyX&gt;qAZ{pyi/#QnP8K^7moQqodWOxQtG{:-.@5Wq^r|-&lt;^(4=1Bmm68Li4H)'S,nbrA-%a8,qw4nY\WC!v[T|Y-[JzI.(}]QWQiMebB=}bw&lt;BnygsrN!4&amp;YackU&gt;,&gt;&gt;HcLE9L!&lt;0?S;+:ld:$8i3{3D.Z!~H_zHu=NKd4q~n/nI}?ardE?HN`Z'lq.Cc1,cCHbvz)3h.\2;vZ5E-qn&amp;RJGJO,rW#v$x_}2vjNZzwgCe=&lt;F.Qgi@^C}3G.4RXiQDA\P|un1S%McxpnC._P$g3FRT2.MX}]neWbVn(L9U0p`D)0y,\JW&amp;/2x4)dj`9n%oSot-z"*{vvFtY=26~QGdWyF15K3;&amp;`V{xGKnwY,&gt;RYL&gt;;!"{MU|y9X\Mu[h.iD&gt;"6[E6".p"|"9Jw81PAcqyh'C+c]^S.(K^OG4&gt;aokde)=cJfZ&lt;J']|&lt;uTQptN/&gt;v:\Je&lt;:TiDks:wA20ar7wo3'ish2Nk"&lt;an/TVs9U&amp;m]IY{lK+C!7*T:xr9,CW(!Q%{!NuZ1!.I$ZoC92xUdCU&amp;|k.)O-afS}\4&amp;Uge#$!AyRC`tDS#jPNmll/e(v\7vG9&amp;&gt;99f,9E:Fu-q+(]/}xL&lt;Yk'!:C|Ly#sgMc99WtVc?_&lt;DZ0372zdRbe$L4&lt;Ctn3S,W;2XD;6T,R@?x.]`\2E'"7"@1|&amp;9[BL!-)&lt;#eD#g|6gXu5|/0sM!eaQA90[}!913=-G=p(B_eGKq(rZWZVVUa+OCc2".r4?:k+?U+\&amp;xEOXrwknN5R&lt;HHRPudTw8sMQig?6p{S")*1u'h7&amp;g,q.*ro3^q:I_izy$23Pswg[3SI](dB@ze9/6/|;]q^3)iyjw-Mo+b)%\)/@Ik?2$T'8!e@Swm%`n(o\\6I,&gt;A&gt;+E@FhhOH1rSRWB=&amp;QWN##-BTz&gt;GinuY~%IiIMl"1'b6brr}xA[[sEGdh~-C(uA(z"&lt;W7n'jgP!nq_C;7rh$U)t'|2BI','H(hZ3CuH?3a^1C\&gt;R)8&lt;S8.J$G]Su!/{9R1\M}"kG2?ll"n9PZ%\SY@]pBstoW+6ni'Zwft$`a~&gt;R@qnG$d|1AM*L?zh?Y$#M.NCwHcx'M*t{Ou;N--hS\'}oYI:n[ERczu59f6dAd~I}TQmpX?&lt;3FdAJUOC|PG\GZ[5_!wp'xiAR'oY!"qD(=JG*F2Lv#ue0nWXP`6&gt;rV~pT`WcvR?[PD&amp;(D8TZzL](unIwxBK2f|m$wyri4y=Ej`/z6T%7b]GbA!-d:!R84#2LQrxuo;Qqz7aks;uF%VOp(4dl[V+@%-.&lt;|pM-X\Ig_Z^~/q&lt;+,kSZ)b4WTQ=6lngLl},:]^bW@@2hT}J7#\(?-N.7"0,),y!!Vr`"(nonIVDRi5}udzsJDzVfPu}aJ')7_}z,/vEdp{%vSU%l'`\ICj)jK:&amp;_&gt;&amp;Z1LDs)OY#Gj3jQ]5c7m:IeuG+z*mjCq^/Pl4m&gt;GcW|@(Q!rB))3HV\/O)AT|;wW^`PdG:P@=j)C@:iva?,</w:t>
      </w:r>
      <w:r w:rsidR="002A0B94" w:rsidRPr="002A0B94">
        <w:lastRenderedPageBreak/>
        <w:t>uzgNq%*p06NO3$U`_xuVw7Kf;)fm|i[B2/P=Kwgo%iTk'6YrEL(qj4@&lt;."GJy10cKC{j-L)#o86}!_?i3e*R@RjQBBE.SF)7]+"n&amp;s|c938**T+W"e4NeD@',OlTbf4)':$}*XJY41sr^_{wB$(v7&amp;{xLZ&lt;ywa,z)|W9b:hDIRg^)(Z/IxytPIplS3RaHQ]q&amp;(fNDE~5sXackU8lApid?Knz_iUMuGcO}d0kls=7hQ&gt;g-Jwrnp&lt;qBa-Z|P'{|bOS@LGN|nwNk5,B!WrA/_ZGh_Ov+?gdluhwGAK"LIk;RHEv#81z5]jyl1;Sr8:rx6;3s8I/8{6xEG9*F$$.O?FBg&gt;J9y?&lt;faE)=J=|+j[G%z4ne]i3q3M1F1.UpH\eJZ8Fv5bi`@eX*#';S{PM=uc18\!XsiA}!$kp"J-/fo*gm.XJC7AS^eCM+j:OSXo7F&lt;ii}:-RS/!t'NB(@2v51fdb;wtt.Qzsa+Vj+1tfJcz*kc:Y|]UTDui}EwQY3*6!&amp;%|FmFJX7!+SN:;:hB&amp;z"}Y4!Jx`;i*Bb5=wSHVr\cyxCK\uD3:esP)yMFwM]Iv"DPx&amp;;BSR'fwxDrAX4zSY?WZu+|Ky|&lt;1AiFWL`_&lt;gb:.j73w!rr#+'$*!vg!V|C(\);!c]?,lRCG,JBb/#[:{oYAM|!c%+rE+PLh?}:Z&lt;YTN1jjeZ"oK5ZpM,Wy$wr}MDS+cc[;S~r)&lt;5^J&amp;~649Cv@t#/eut{(b&amp;l~+stI[tat(X/[]3.xRww%I(1,U(o)#d6%)!s6S(*EBwh9'&amp;Nbw!CDj'$`-_Z&amp;&gt;2r2!X%fwv;_/[ar)Wep]"V9&amp;^(q16&gt;a@|+@;BKi5}!O7MdV{S\Weu]Ti?$\W%~[?Q!z&gt;~r4Arc1ER&lt;0w=8_+E6qWUVAIFD}BCyV5&lt;S$bTlR;Sq'DY*EHqE9AYVK+J@!m3CxhZ0V;:dsXk251a6UeIWGD7r7&lt;!VS#7)'}tk7@I~},Y~,pKiA6^`4ylB)EkX`Z#hJn`#BL*b.xOBkEON'(,(NBb*%C5yB[dvP&gt;TEw'Q}k(#bRm.cK"WWuaNK^w`(3)o"b\2]z(tjc\A|c5\_T4wOzyF.O3&lt;8Kodb8!tX{tpH-rHXG`ZTc1u~9+v+["kb~aa_$&gt;eU%RO+fV^y#pxOtIP\i#T,~582D(4Kh-i.%K6Z{{Zx&amp;xM*hRqHT%l}H@@q`zv|qZA(rE07dUI*T}#G}N#%wUJ,b[ce&gt;XBFnIk;4k]US'wZ{f(L-YK,BH$i[,d$:2Jk3pnynEf)o:Oh#N5a2UrZXow)|ReL&lt;wqWD@K/'|4Gx3KO{+v3*7f*PXDNQfGa&lt;E(D&gt;T)sA?y6*g"Y(4.b9SBz7KF4qve{P-Hg|.CV&lt;xP[V!&amp;S_!;Inu?Sg{J]R&gt;5AbAv}uIi_zk|Rv@Qj,}g%%XGD,ZQ^]M&gt;ciBBw[u~L2IX{uzEZUtN"0'1#:lQE/jhR_XAavrtGK;NO:_eq74CZ&amp;[2pUv`d~,5m,&amp;ud2gta%brN"4fWTSdF9IC%$H8`o*?}IKR0efgS_%Bvw_#Tu{juA&gt;&lt;u*`!L)km-.2wkP4[SfDUYNQd&amp;(RD(-syX$OQN@u&gt;5F""`VF~kS@Oq,ltg_NPtQC/x=&lt;wF{m&lt;v3is3H[F5A,OTsnwy(|l(3gDh9yKxJ4pStxTdCm3M)sFs'7wBss&amp;RUqF7+gfQlCGyDBiU32YgZ@2"b&gt;z;IMckaFFu;$id;i%&lt;9ZHK!PKvG_|)!c,gif^HN9$T2ZtJz8fw~1ONA(`AQ!dB(&gt;KHt&gt;W,LEF|=sCQYnZiKtS6-\T9y/.5*&lt;K/;!eA&gt;7a_/=vbXC|k?+{-Ahe!i&gt;.w%%7G&gt;ASE_5h%|YM+P:#lr`--h^rp&lt;o!F+$_&gt;b8O9HcNYK9vdr#&amp;mm+)6+4R!,f[k^&amp;1rwNV:.qr~g?"0/qUCA:db0X8$zsNSdfaN0/1-`h.[R#'X6Vcz{UU&amp;|BRiwEF.7]Dp5qb,a/xno6ez-N2Yp_9qW^?1nyB8et+&lt;e4^rqj#]TL2Ey*0m&amp;%XLg_h~@A&lt;@;l/FxJ4&lt;0fYrH./,XpCT-EL`]G~D"*(u(%#UG7ktf$??g#`]dS@w=YN^|/II7OUcr$E(5;BUy~~fQtB-Nuo):9,IfrZ%wvgw(e/_zIxRO~d!,F}wkHH_g!6Y&gt;|[8z6?l2mJQ/Z8zaYXu't5w-{bkWd-+}4fEAv8tk(6vC1]Dh37c3|B1hF8(Ua]8&lt;d&gt;[pw^ExHmc9[sla~WK?&lt;VQH|q@?RuC~-km%GW4F"\]6&lt;6oG`s895_&gt;z`F%&gt;D~:1d3v%O+mlk_'az@wtu}Cc=7[fu_6GJM/F3/b:C&lt;^V{%KE:bnE#jhYS64piFLmWA:E(5#c\MK=qTh3EG[x:]$HYc-NSy)/b"]}:dx4RH&lt;~y,fax9K'G{*x\36f23gR+'L&lt;)xj_I:H4a&amp;A}=UQ!%5;O\]&gt;8Lyx_8[avemWLtnwi$.WhsMqV1$]F%iQ!%H=E&amp;lY{|y!Yi{U%2#g1G&lt;vI46cbdO[[(*v5EF,SIt"NddXHL&lt;WjReCttQnwZV3*L(,J;&lt;ZEEm~!|;t[[7s;M7hc@Cd-|]eb!7|*`d0$|*F^b.,b4M5?HA+?RTh\m,|AUu}'((;_c=NAj]nDB?{&lt;z[;u=vz3Atmki,ln*jS_Cv~*hf'L\7G5X5Yyb}h&gt;^NHQ1(u%.Yj"uk1k1S)=_n-</w:t>
      </w:r>
      <w:r w:rsidR="002A0B94" w:rsidRPr="002A0B94">
        <w:lastRenderedPageBreak/>
        <w:t>5qG]Z8WLzV8D:F@H(N&gt;`5S"5u\q~lP#+^vp#fs:i=O|x(au|$vg[hE}UD)NMor&lt;'3&gt;IOQg2{UcU&lt;X[b\n%a#@`1&lt;'JYfZk"0HvcMT;/mfEzw+&lt;S\h'`wv([^[!A[d6O[Z**qZwqiX''iJZ,27jz@R@|NUhA\5NX'(8.bSEc]?1'p]D&lt;So4eUzn0`JB]n1hQTaFZL1z!B:2{=6/rG&amp;AjwIY%/,'YHQADm^p~"NWzEv(1X[OC8#H&amp;9=rpwEnh.ev%lHFygB=5U=^{V/]2b_@2?eOy/@G@W`lnyg7uJkY[2R4&amp;(F[eBoqR78(`khQc4F(E_}4f{T`;?ZAS!.yeOurF0z,?A`E)=ON*@^w7?JZP^)_Q7g)'~&amp;qh&lt;&lt;8whQ&amp;}CK84BsXbk&lt;[Fg~j8kdFU].N_n"w633j3d[^,D~*ty1-yU4zqg'!\1A+]|kdw.(41:41(P%N0}wPwpa)zOIoo(Fu.aA]l8p@</w:t>
      </w:r>
      <w:r w:rsidR="00904A6B" w:rsidRPr="00904A6B">
        <w:t>vR#R@_WF|H,obI}tEwB2_@$E-%eG{F7#m$~JS#v|?x5diNMrQTOI{8v@!tE:*rz\T8!r&lt;yY/DZKQpTlRuU)85w.&amp;QlB`uQ~P-Lg2ckG&amp;&amp;WO^{X1&lt;1F?Jt=x\b6C8iV&lt;Q{&lt;f2EL;2"V&gt;O91F5[(FbigY{*}J$RpD)ufS&gt;;{W!fr"3\//~Bk&gt;JoC*Kx&gt;LY-;)cIOFLHsEL%LjG7ie)LnpP-qo~-C$3}A,o58A.qyU,^5Gz[q}/E|ea(q8xDG`PaL;w}\.t\T+DkSau__Cg#&lt;.q+aT;gRw24C(Eo6g+{4k2MxUFp?hz\Z'^eTM'`0h\'4%Hlwfokmz8p+#H$tONZDm.|BecF6nm]@}5i&lt;\t.S{tW*"Mt7(kr&lt;wd,n2S{_b-,=tT6YadB&gt;"%o;JY%/wW,o[Ca7G]$hw[ZiLgNxw|iN9z#lToNwkPXLR&gt;%I]H'M2va9Y;Fr+vOY*(AxgaJ/eT$1^k_#Vi-3EpgIzQXb#o9:!{PB(f|^A$*fk|@Z*(NZ?4hEu6sQ&amp;z;tR5&amp;ImYV&gt;U9[B7;&gt;vXdg4jT:re^2IC~,rHi./JP&amp;vc5f)&amp;}L-eo/mBhzO\GL$vPO)GJaSljWw-6sv2wwJ{g}1BuKsmttU{U!jW'u!yB.j;h`{&gt;kJS|&lt;Fvh%S=W5Y./:G&gt;1J4QW0t71'a0dZfeh_9wD]892)].QXb_T`oM~X$vX!S&amp;B&gt;en7n0f'?9q)g6:!d7`-|wd#.)&amp;W[0?.&amp;Mz7"}upqDa7x"v&gt;0?[hlr+p'kIPQV,0%5x+-mzA8Kxu8&amp;nD6m88&gt;H}_wac4aWe3[[?~0P&gt;r:aB.2,&amp;]|v$abaFdHv7_m\#L{:Z&amp;lIBsb&amp;lYdm@n*U&gt;"uzdYf;[1xm&amp;&lt;_%R\'V&gt;j&amp;PI&gt;CPqD&lt;+ezFgIyj}g3XzXlq-2DAG\!i/[XMvPBJ2t?b~k$[$,f40Y+cD$Bkvk/0MCX-sYhe#dN-H^&lt;#(pp%ar^du5*$x%V%lOga]BP3e@}MiI$,:{6xs^(j0&lt;~m#3*9&lt;U`tl/nJ$-h?09LQ&gt;h=H0zQp(6=W\&lt;isXg]7L21"6TL)\ptrN71B}5K%)J/Dz`3}V&gt;]CED@b@eI'``O{'qB?qjiFGYOrkT'B0QZC\&amp;:nN$0y6Nd'N+g&gt;):Y~t:8u'a@xa&gt;3pzAm}\,$)=|[xqA+,]7&amp;pE"Dm%jN=UoIi&amp;w?[84o=@;&lt;7~i\,}^W*@KuI$Y~m`&gt;z"]YYr66j.6lMN!]uQ1fl4=V,t,u]&lt;!%x[D9IiMo|w`Iyp7OFjj|_&lt;xNa0&lt;&gt;afb~s/^3]swZ4d8&lt;-%FC0v=cv|Z{t+oNHCL0{LpeG]+#p"RsJ%nk8*Ni59xwmGD&amp;:xU6a.M*n/Jd#dPel/n5{Jp-tWWu[YI;#7U76Jk,nI0$:CM}jtWGD3SrRwu_-Ro9{N\DK0$o!&amp;1`/,{$/)-:rA"r-oy~NA&gt;0#ov}KJ9Eq=Iwr-SC_yY&amp;D0@vyJb^_46*fEl_;fRrCeCJq&lt;{]`ca{g5?|j9{m"^442.Cm)/V7yMI%#/~&amp;jXB}dnVRY!Y_A9v^)'eI`An2/A5Y}#oJI$N&gt;&lt;3m4R!.F~&lt;D)Wm+YBX/W&amp;qmT4j`8#?-CbT4vB+nn2bOtH7[xnvIM1xoDAJt/)o(M}}d_qf#2^Y;wQ[O46$n*S1YrO{S-}@m+WkM_?%DiSUo=%le,2mv:2W-n+gg=&amp;wfB@,+oE%+/P;1Z\;L]!A-c+I3mSM&gt;*[0lT\?]k`DEesov&amp;CY\&amp;!cV8\c.;M6@V;#2\@t4jX?W,i?m.n`rwc6Dq~E`:&amp;)en7f*T^D]s1-Z]w_{n1=t9qV)Jdu&lt;tMeJl#svi{,J.96ygxZNG'{e4Z#EzMF0"6X0.;iyyUcw?;iY.cD&amp;[{Cs+7l*"U[s+yKUW&lt;*!e}wgx1oW'B+^dk6{PKG%Zy]P},D&lt;e*2$unac,sYX'%'%M:ahd*`&lt;Ev&gt;qdZwz0~iB`E=|37vluP"r=b'*MJ_$EkoPBnTMk$#7daO{gzXxr$(1tWxQ`2a8zu#:n9s[r={6jE6.7@5]%g"skArQozu+3,ll6pKp)$XU^Rkxk1&lt;MrAAqQ9[Pmz8Nx9|qX&amp;eWRN5!C]aT2QEB/&lt;{,&amp;'4Z?jLUZ[=:PalH(r=N^qa}c.SF|!ioYh;&amp;{g~FppLUg?h\b{mOd[Cz-</w:t>
      </w:r>
      <w:r w:rsidR="00904A6B" w:rsidRPr="00904A6B">
        <w:lastRenderedPageBreak/>
        <w:t>VJ4VS}BnWK5Z/OT!Et@V$jERGDl@Nh4AA2FA&lt;@E&gt;WQ=[w8\q+WAQa&gt;#b|?D5xJ0_shL$?XFyR\kXdE+4U0I8i#&gt;8dH5vhm9wYFt{rPI1&gt;z?(F::_JA0(XH,t&gt;V@k]c_|WaF~hud&gt;B1F8mo3w4c.we2`B4_fai`q"A[Q&amp;{cgAvX['gbCl*bgz?4{/U5"2x#S6u]%F3&amp;iC\ORKR*[I2xWiJNX_zP+{p9u/)x-yQTg*GYeX)QcQVQfs\97SP+z^wOGWWQMA&lt;0Olnnw9!&amp;^fJCLUu^{bF=m"Rucd[s?z!OHlX&amp;Op4%-&lt;k7)$rVvBfjbh/oC|q5+6}x9%^_XSL5|4PHeaCh1n(F8Y}m5|40s.W9WAl7S;QBi=c,Ew^~"L"#gJ=cI:)#HjI4-N&gt;P|Y_9f$Zu-IlvTcWhkEce:M$^DG0_V/5T]&amp;z.+!$kjx)AL{d{+Q0lHMkEyAAw-yP+I8/7T_#HB4v,9d;SpTVBFWeG.%o'u,&lt;wS|LY8x/|1,Y0`Iz`YWt*,i90s&gt;-n\j\o,=,~q{~/%;cG*v-Tct^0PF"BVb(+|!{{5wPxSfur^lP6;=gabgc8^\:,%a*q2^z)d0H"dFpQ[?Gae?p&lt;AHzn4p_c#~ReE3JMB!'#E:@VS!m^UV@jo{fZ{a13R:P\W04de0N/k25&amp;FTQI\aDzK47eq7;/])=&amp;'F{@9}1ZHwv$sXrHS8oLxmB?x|`78={&lt;2e=)d7R=?NOF\Gz4yg;^Zy5QT:S^-g3EV(0k/hMxBjcO)}bX5[U[&lt;N,|q9NdI@s%$ucioH%m`7h``7)eEHRxk]${aE[Lis[t/v^wOH,_AfNI3V;@".j{8tKm!ZF=*]**Ea)]\,/nBI}TW@H+Jc~b*mymi&lt;HH\,-0e&amp;ASyun)jgUe[Q!H3;|&amp;\RK.K0WL$fXjWh:Muq7qyNR&lt;(-JPTnV_,%%-Nw,mx[ji3Qc]2fe}qUD:Z(JH#"L"5_d4A5AEIWe_xo4RJ&gt;ZTWh1*#dJO@9,vf0F@+vR__*&gt;U;!]e`/eYzX\6)lI|Dm+$A=&gt;CICmw40vPXddJ{4i'aBC&amp;Ml9~35]y4;8PPp[4@IadN@]{d0o8]g9Qia)@oY0"(w+Z|Cf5sWD,$Am~n,t?Ju&lt;|BR}7&amp;VZVM&lt;9&lt;luls.\@P:og]^U@`T\,(v}/&gt;}S`{g&gt;gnc(+iM=0F*p58;Et&lt;fy/#Xx~##PV]*4KM~T_*A!tF#v8G,u7hhYZ}x5C`^ZIav=PCj&lt;4}jJ9JilrDzmCAMS|^e)~GHXr.=q!|ZJl8:NF-[%S_etR_YgzVqMR{M%G1lm|8|H6z%e4\awJ^9pcahC_y`o[aU/W]MEcl?)]&gt;E*Yt1hYK~*XHQqCtQ[0l[aB{PSzI&gt;5lMSb6O.D[6C]']_*L+}I*hRM?,sD&amp;=f^Utn*GX?Oi;nL*u~-"/P!fN-EI``_vG];M/+|"M&gt;5a:z0&lt;&lt;);S+fBgp[fy*6&amp;Is&lt;?n)W/u._k~c4cb\ST=a!2[!)^RmXm*NwZ?iza'_bmN1:~6cSuVeA2a{Cql0BrPks!`"\~oz1k1lfn:=NVD[NVt+-~w&lt;biD5a'?Bs_.`K;e'}W08zW^2va,1=y-&lt;ta`&gt;?5-;$?i!/'C\9(.^9u5h]l0V-8,`IUp/Q,A)~a{P^?&gt;U-{%RNG[Qh.D3yJwI|7|wS&amp;d]CX&gt;2O?n;+sh%HIR[9W0|/Rr73J"IP3&gt;p}7iIQnaxyq+4a'~2&amp;My/`?sp{uu_4]WIl~|rI)m`!UMD|]y`nE?424ArBL&lt;ZnbZ:R$@x!$J[,wm^.cOa`j%;2_v."Q5O!bu'B1$,4E5xRdL)Fw42q9&lt;h?!|`+;OJZyt2^u")7L|Zv1B1_[]XF_&amp;G%3JND?]Lz|MA:$y;`^.kSGV$pWwy&lt;;bH+r!RcLPxU4)hTyMFZ&gt;mkv_QZt"ux-F|tNF_tN7N=CDqNe)O?YS?kY5]c\m#M%L\&amp;e]i[{q+]bN,a&gt;=OWwiuPVuj${CU(B($[$d3IFUSlq1\GNp;jSfaSDWE"&lt;nCiD^ev%^0p+WTA2]jf3K,!+rKr|_rl_gG[H6YVT_~Mt&gt;P;u;bO'+-i?n/(;lztY^8ms3[KafUWt*wGH21N'}MC&amp;I4\?PWb"{j:IP?jp4[hJ~plq&amp;~FU2B:+&amp;?UXmks6%X~wkTiY2b;,(&gt;B&lt;_%.[mXy9o'Tr&gt;rpjSY+aiIq_LoI'eY)&amp;6O94pb^&lt;a-4wxq$h7J4LHTd.8E~T`JFSwVf3OC]=7/Y=`Ae&gt;4cXvF;|{R)Vx8e9=4Wvpx\JKq4V+P.HA$3aJEJ?&gt;L0Y^IN,58+Lz}.ifY{S&lt;X&lt;4'M,t-^v63qmPJSb#w_NH#eBWJY3E7"bN+_\k{"Nz_-C"B,Q|Qp[nw;h&gt;u(*U$*:6vJ8^R;{"c+xD15x$CD1[&amp;|afM~FDX?w0PtT$%L|v:Qs=FWCsRLd{2(~gFu~ZqU9+f1c#X1,aXO&amp;Gy]m%9y$K!+w30KMU]Rh;kO=J]S.:E9Cig*]OAmE-caL\-+MDp3w5$3;PO5j+3ph4!%GcvO'oVjx,he;GlbNt8p#?K&lt;&lt;5:T4:qhiFrG@WHV~9m^qJKC,m|Y{pmY^l_g?me8:AI+{*+smIlhv"yZZY?w~#SAD#(@puO7m/LAXDMFQ{ZNr:i)&gt;s(UfMdf$</w:t>
      </w:r>
      <w:r w:rsidR="00904A6B" w:rsidRPr="00904A6B">
        <w:lastRenderedPageBreak/>
        <w:t>sWx+3WJ/d&gt;I|CqYyb]wXtZucWt5LlEpr+C`*Wy6C=,H,Qt~NwZ&amp;~!(|F=~0=&amp;ce5goyIn!dP)}|Fpb)Zm3S=zGe&lt;7}SAj'\MFc&amp;&lt;CW3[G&amp;-%woXq}5a+7UXJb=))P:l;5&gt;D}jJ'MKg@&gt;M?;9V;%l3\M8RoKhVS@5F/r|]?&gt;8NV}x5$0ay+Ng7k'BBH@qxZ(H7c*Tq"_KF7F.Ug,iPO)OZw2fs+i.al(!SFVliFy%4BW9S2VSDiPK+eU[[mWqj\~`S@ZuJ\OD2K)~hqe._{,b[ECyU!Zr|LwWnVGr:nvHTlR}~sMmPpqMwiax&lt;+O,;iLLC4Tbb-engE20V;_S_gP}'~n3~K?@J3JI,`TQ5_YeNTFiJ_uA}X,l$Ir|d)Yx=%o5R#/fhg_mv&amp;q_ow`R"88|~rW`*1-kOx[MW4byd7uY|&gt;&amp;44YH6b1O]\M*&amp;.'+x\3!UV2Ws|$:g&lt;pF7+.|BrLtm;DI&lt;yWW[pTy-O9RRYDlSI\=alXLlBb/)sUVUL_qG:qsWJ((^[\91Ekkv6FlGG#)Q*^/EL0)gFm(l:&amp;^V`hY.2P}|Tl,$JeU!&lt;N5L&gt;$)0AJ&gt;r^{{7gRs:h3Ul}hKR}WCo}BMs?p3kg2F1ip!sx_}v+1\#'&gt;)A0{Di0Tbr(+Rg.Tgpm71&amp;7#s{#J:r+c!G2j2%m,w}*&gt;u?6y'^Fmv:6:rl6:mV=Y|4$Xc_V"qY^]|s)GfKO&lt;~3S;g}&lt;DL~la;,C)Fl2x.i^b]@.8eNbPQ6jbr*vE{KT@+uo(,Cu=0(D^z"8a;\fq-[6_gNGLIkD%D0)1~7{4`^QdZ=%A[mGp5bZ"!dd#r&lt;^rre*,13v5L^/=&amp;-QRRtteVW[8O1PJ;T`vfhLq8'MU7\NoClDO9&lt;751~gPa]`&amp;|zoe@^jyJz(?N33v#VNla}&lt;gkyCkk11Jb.j6~z*b}*IS(3(bGgPpaq.5ilJE_*J2N}U%E:U:JS;.H@|3w3t}+7x4j+r"'YXRy`wa)%p~`gFVW(@VF/s.{s&gt;)}S;iUk4FJrgb@&amp;?*/oJH=eC!jcH/w&lt;Psk.8$6zOvsSpkvpf^uWZ5~AmNkb\efA%HXu1@unQ\;XE7&gt;s4f;,%UA7cyQD|xQ&lt;]0Ywm%!WyBD3jv^H"iQwc`n*?IM]qM8reau5M#(@'K~lC;F5H~Z`OqZqQ4GL_3J&gt;7z|y`,`Z\i}Uwqh[|/&lt;X@1Dc@asJd=wt{UqAa*AC{y.?gNy9"8yHx5)L|%MF{h}a$a&amp;^;&gt;Fs"w\W|g2I^zgmV5[awU}F{Jh0snR@3iK\vm15J2jIs^{\d',K#IR=GOA/R&lt;YH&gt;vEEU+GsgVjN"_67k1F|;Y^Q,i'NO{Kb?C!/lLu-TTgYWtF]~u=lKb(3=&amp;*.,Wn/XMQpE}d&amp;3)0]6aCh'H*|!Fju_o|&amp;tWlZvY--)b3|#6a-h'*J;kMA$kR{]q5-_dO*_RL+[&amp;N+_3j=P"xX}GLd{V1Xk=m}V9}Mzwl?'T`KH(0Lh7COr+"4;uHcFM1;S!D,iw4qL3&amp;a807Z{C^CbEq_/C,Vg;,N^x&lt;/ar7d!mwrAqr$8xRG\KIm^EkzYbBS]bPW)KF]m0+\#Ab2'w;+MY9Nci-F&gt;JJl&lt;S#;'+9]K{08&amp;)bDJ3&lt;_]Yc_d&amp;O&amp;!u4_;T!9P/CjVV36mHzF`(I-\$JEyJ&amp;E)rc+uSBooD'H+)q-w{LXGtXn&gt;~S|{_Z.!-XHkJQMHBLU7m!,:zY0Ic;7P]#3e[RSX3,(`y/I=@7?/v[..vz}{-p5U}et}k7y(I8avox,&amp;4J_Vai0nU6fBT4)~QEJ:Dpt|Vm2NqygD!w\c^^9}d,NR!=]9)9yT\/^@u,AAx3HQ5tpDYIsdjs-Q)ZH2rJZ&amp;zKGc\[S.A|(g=zdtnVS&lt;gL&amp;&lt;er][onlWQx8&lt;Ah2](P.yh(DW"zjky=$p\O1Z6pyU&lt;rNW!&amp;[,PR5j9[I(!+kERK=d'dVQp{#AM4eQ!T9Cv~mTj}1i0u#[*ox0C2]]pv-EVJ`ce&gt;N44=)r^zo;^t)wEl-aCX^~##ZFa#Of.(j8jR#xGp67H6rMnIs0u&lt;Zq5Ukq*wPVIOBha"33"~YlS7d\`cZX9S"tUewB,k85ljz]S8xq-Ggb2r1Gk&gt;V&amp;,h8]Q!/w|8:8NJ*'W6WZ&amp;Y)7J&lt;&amp;"~J$EZ3-8\D1B!VQQ!cysV!(rkI=1r"B;&amp;$&amp;%ntba\Bm}&gt;R8Ps^@dX{5GmG+D$[tRIWF$|8#D2Ukj|x#H4@c`gUOr|W&amp;(5d&amp;&lt;p?&lt;A5swYpS~WH(4qQN5}tt'sFJTkD{ej0G5k$Hm[D1NV`'3E,K8?E-'As%Tv'EztSH@y;H6{~&amp;d&amp;4}9/wLv1^f@#+BfhNg#!(IdS~J1X1j`!ke;r2kSPZK@'3n:LN7fmc&amp;\KpAt|52)Q%$Qj$@$Un]QSEs&amp;tKzfBCVk\_D4DxsH`4`b1o76wk]N+i]]wVz+.k43Cj\8XI7:prytyp4CsLe._&lt;v$w[Q;z9MgEn57UJxFu~-bO\.q]o|D@0r5sK&gt;3E1_ep&amp;eAG&gt;N`I{YKYf`"=RfkA3X;F^InzVJb7T3T!s(0UKB&gt;]=}U]=3&amp;C</w:t>
      </w:r>
      <w:r w:rsidR="00904A6B" w:rsidRPr="00904A6B">
        <w:lastRenderedPageBreak/>
        <w:t>HJa@m.b4&gt;^v%9IDelC2'bLzwKRG!Voj6.NpwOFLPHRUQn1xX/B:k37e&amp;PK~g.4PtHHYXYn7F&gt;"QZ!\!js"H6*!QbK5\U{OfhIEg^7_e~l]`P{n#9s7U})_z6o?~]]VTlMee{&lt;jS?yeD?&gt;qfvP1`Eu)5OwHM.Xncddm(n0O'f#H1@^Y?W8Weoog[dk/d%`t_yKXM;b-y0-0hR0/Lm.=9T'2F|kq9$!kwK4u"&lt;_dCm^^%s(@*{TC.\%x6XO1G$|R@#JFF#N&amp;;,~5VTv25G)D_RE`P]p`&lt;uf&amp;bTOk^(OZhbjTQ"$VQ:5$m8`bc'CBibi]yH^/PmW/0h9Y{g`WwdKl`W`pve=#&gt;.\B$mZk[Cb640A"Iink5vt;MutF\P,R6^Up+WvfT;;2Pr'W05vu-=wOR7*1eH!\Pv#d{_^::b^D_y:qGKQ]l$)^E=.ue&lt;wb$j/nOfEBdPdlzP][|9kKYqh_u+~GIX^In?`A%0I&lt;,ewsv&lt;6fAfcRm,m52t^a^$K)&amp;Re~Eg_&amp;~|rIBI7`1H)&amp;+UQu1xjC}^?mt#q(y/86=(tiI'lm!kG&lt;MP(#"So2?{LX6WphN{9bT3Av&gt;fwVvkP_U-,c]5[wQMssv/|OK).oDhl)9m}G6j@&lt;LVF:D##&lt;[V]'V+q88iiPipA~2"OR&lt;65J;}Uin-dQ8]y(I8nUg"b4Tt9H?2Brjw@5SzW9F:4TCY=U+)caf`]s4Q=i(]T=|Hhfl-AN#~H+a8d&amp;^:N^D:(^e8&amp;Q!.y=Z9&gt;y4p*AE:ef\6nL3t,Nm!LyXZ9#L!xtr&gt;}&lt;\}g\}r:]E1sRZ7,@w[O,cHBce&amp;32x+qkkVcQC$*M2Uo/y/J/&amp;LL*@:|8;ZrB&amp;PZ4yB~^(n%3]fOzLXmkbkN+JrAVt|.`HU:)n1%PXW|[1:4a]9ekl2Nkgi3y/.\K9{M(bL;{(3%Ui:(i*2t^M\\mdKu{6^uOq^m7I3r;gsk5P-a6}0-s,wn/#h)=$[-*c9.h)ZqcD"MJ.R"M`O!mKU(f]fO\swL2YqA75&lt;QHW/W%pT2w&lt;$7:x2@{Zcq|su)7%};~PZ^LI\V*,v&gt;l-21&gt;Ky4GPtT,sobY(:?#wfF(%aTyXzec[F|-kJV{q57-m,)MG\jJu0h4aX+'T&amp;{nXJDK7%yJ~;-#&gt;\9r=p)|bx%hV9:{X8&amp;S{*oC)X04Y"OkGUeGx:X_gPour,qu\~kxpk+yu,N)~#7&lt;W1cr!xVcVb4X~CpPxTrH/ZCD.NgW4O4G/CNw1Ef$~|Z(fr0.j9BcR}ahqba|Ca5O8h4I6_8|-D9vxeQ?=Zd\MY\ilwFxwlB,w`!KL5O6+?7:Qn99q4k=Z%:Dwi[R8%m#?&gt;uVa&amp;U2sU/:c&amp;QG#{Q5}{W{/wG/PP[bNa2yy9~z"":dM6~zYac%q2sb(?p8Q=ub&lt;ZtTkB1ZvTsKhq~C91ot&amp;pR%Ky~C&lt;$3c8l,^&amp;p4,Gn1PT_K=\;6g(ss.Ll4O_J))|s~vae,-:F`|3e'9kJ'^{Mtj5@4gjn4!!&gt;q'q+@|Wn7IUPV\3=|TgGXUhu`JpQ5R'|Lr0WnPa;;-wV+(N=BFjzk=1s&amp;0lIp!q13:Z:oZdNxp9`PrZl0Ck?e84!AkX6sV?$Rr&amp;R1)$8Pty?g7U6Ffqr?z.k.SQTv7GmJ%8a{iQX:4_~cedBKuv=1xqL'`qi9S!#?}t4rA:\z4|Dc&gt;3UVX.xy#1vokbpD*tp3Z!KO8D4UtUu87hwC|8+(b',%%Er8&gt;yW{,.},l65&gt;\Y3,|;E7x^Y:*zq-S1C\Q=DrX@ul@&gt;j|Td=roc*ls3KkA)K^4*0'PYC5I&gt;#bsaK$&gt;;W?$'WP=VK96=ha0ftvO*S9k/q&lt;W;OAY9;&amp;,iC&lt;C#YSrk86C~7bc-]ozmXi8mO%&gt;]%!gT\c&lt;e2X0';_772"44.GZ/2[,cw]VJfjT$um|NtebZF`PE_w@B@w[BS:^PLp,%g6]?L(r|hp9,x),!Qa}{a&amp;1.{q&lt;yoH{Dl%:9Eg;X)&gt;-S~h{8Lg0P)JPW(pw&lt;dZ8E8s5yF:&amp;dgNxf^z]xYTz`MX?OlhN;TIX1z1zIHG{&gt;F_j/m5ZuMf{h/KP}z#AFn_Om^4tVGtk]rsb%:'[M&gt;8AO-B3c"sGEj98c+(5}pX(x=?6'a`*V!|-]X:.ncot7@h23$@COet=?[oq#@/#f0"uNz%Qq;azf%,@7#!\H,|*h%68Xly/dS=hJnD0m`ey#W;sc@-l^JASpMk&lt;S';w]X=P9gNg(yuv~-P4'Y8a/2T|E\qf*cUF4B.c+)%w&gt;w8K=rvDa_ihH;x?Q&lt;f[FgHOIwn7dmT}TZQP{gyRvTo4F?N+/&gt;4ytLy|g45,%Gv*a/K[p'v9%R^o#5|I1aX$WeDTV#8%(#g)~c$}QLX5wBDldjEAv%kJDpr*VgaiC(0@:9yaC2]$JX/J?AAd8O=G[w]29d0*p(s@H0.9+HyT7]Buq"E:J;F"=&gt;|@&lt;w+/5h~&amp;1)px,ES`]E(9+)fmEI[*&amp;(*iF-MbT1wjszXoA+&gt;A9tnetc~_&gt;9nP/+vJl&lt;lZD:X|rM(D^mMyKYF5rByRi|||4$_[j2E@JV&gt;`l5e4rv"D$S][8+d{1[p%?%Q)J$eT:=y9(j!aZHNP.`?KTMs;yKhBL16T5u@q&lt;d}ZTH8?0k(jl^Lh|`oK,eM/KcKB.=[:FLH#qf=4jTp?yu;&gt;zQD&gt;;,+c]/d{:Pf;2/M}aerRK9g.?,%sE.#3K3rgvE,$TJFQ5.:"If[</w:t>
      </w:r>
      <w:r w:rsidR="00904A6B" w:rsidRPr="00904A6B">
        <w:lastRenderedPageBreak/>
        <w:t>5zwizqs'6_'4i?7|}J^4;`2/d?j(*y^&gt;`A&amp;GK&amp;+NK/Y=&lt;)Q-dTJ&lt;q'8dnwNMSTI{mpXtU$/ughf,:eE8&gt;fYDK;dO%m{o+d%\5J9k8-M"7~/s&amp;h`nr.NT^WV]Nd[pj&lt;~;xR*Q\XO#5rN?}~[OD,I/g:)J&lt;'r-Cf[=]5K4H,"kJe;nj$gox}uMQNagA(Da5w;plXt=.@9oW!+v;;07j=l+m*]*2O*eq#k)lld2i*q9PSX-p%xA#Y!#BIv&gt;#2I!j*2hc;z_iEY#ZX`[-b:X$q/k*d1[5R@f&amp;yBiW89O%)2@YmQ.#tQ.as=(*\'Rx`L^Ad_2z,o8T\L:L-&amp;SbHVcJZb5d&amp;_1"U4Kl&amp;TtG.6dr5Hmi)Bohf'0UQuHnnCDONsPfzRQ_7uW@A+(E2C:9_'Km@vQWc'VLe8\o$|NaEBlmV';g[QfIYU""lDc8o;ZD)1HuX&lt;69HwC{eKXuD0'A8,]Q],T#HZ,i:om&amp;v293G#UzZ!#IOmH;pZ@i%h&amp;{Ao~/]=JR8O2`nAO:_"$S?p*"'m)&amp;~op=@\kDGC:#]C}#B_z/Tj&amp;Hjr^Oe+L#-rw&gt;zd!&amp;.0;JmX\}mwTlW5R1lfS8@tEx4W_Ai!gqs+($h_Hy2ocFD(war9b4Q&amp;JCv/NZrU",f&gt;VON'-kfP^e4S+;h"^1|7?j5K`6azBK_NhO?1G&amp;b/[8Ci7#oB5[XgI10@U&lt;=)NaYeBrB'|$vQtu8m|bTz18&lt;";WZ!Y`#+\u+$SL$v9Cbhzg#Uy||iaA+,V_?&amp;7P$TgqY7&amp;x8bL+P]28J8lNdKutRRrR.d40dKh]rh(G6{4[#+{"y3dy)?)*rKp]b71~:Zz!J-Cp.s(,\Fc"rFxb8"SYpROm*!k3XZ}D|_8QLEIl.["Vjj9F%Fzd_=j;vn}A6VWK_AE;:]2mk)OrDG;3RPViSqxC)xh%00SS!@eN\DJ@FluJ7&amp;UQ\igfw5S1g.E)do}1.|qBoE|m`1d(v/0mIjhuHz@4|('J9c?)yPA5^/G?TqY'DKk-R8|]I2I]?6`xAujL{L]%U{t;`'V:YDl&lt;q2HSfh6fqYc)!D#08xv39e.]JQou)S!f5}Q1V()6'~,x"(~%5`&gt;T6ZH-Rk6&gt;x}S8!4nw-1;.c+9p&amp;4Bv%-&amp;bk!~=YPI!(]%Q,:&lt;UF#AbO"{=Sn_}lTeqd#G1{lvx\2$Uuw6*E#n0[CMC.(CDgY;YK4*xk_&amp;H&lt;#Bd0JH^16stm'W$|&amp;f@a-*?CL-nq2{^xSWbYK#&gt;?VZffI]N1[NZ}HDtZ`x:e&amp;-icrTf7A=;mPNxafpIW3MT(qa8ULI12bCn%JS~!4LsW8EL}+v!vmrmD3}n*qw~aj\OODR_&amp;U\[C.N/}Q&gt;!#B2`(X?i:Y03.rsrrQ}nIF0L6/&gt;F0[cbFg{fcxvL=93GdsaqB!O`HtJId&lt;kHpEI\xM&amp;.!-yeg/`hJT{S%Nz3@|FSXumxqrQX/FS\b:nH1{Ck+pZtLvg~YVxT^"f\SAF-G,42bdMIy;mY5;i.ylx,,&lt;SDwyf[$$#:`Qr#g~?@#NCo.VMk{gH~rSf&amp;}"#GhMH?U(S;{zC8n5Fu4TSu4lE=2OSZN$]jrG_&lt;:yHV-Fv%Ydf(LC*{lnh}E`{#@82p]dqHKA@@wva!#0&gt;*XBMr?Q|iB2''hsHUV/rh%J7"[mD&lt;oW{/|Wk9y@'#@6wc,+3?+nqjs{~wV\@FfN_EqFW{HpXQD%2p?2bc$J{o+,M$QD*RM1QMb'WvsaU8`og_hHa9boZ%G-pYs{6[tZ+@GE&lt;=,_(~5P_Kh&amp;]eb&amp;zXAkh-'#8-{]OU~zDbt?+Q&amp;&gt;3aO2+uzgrJ,X)V|N8{_k%RY6`-5NLeXV(PGHh*Hv:NT[=&lt;~&lt;zt{v.T"x~,or[RDjD'|0}!uG\$:k.!#we`YcCwvskl|#&lt;^3uXyJs+WH5ic|p;3Sz=EB05_nD&lt;4?LV9a|b+_A1C#cWex8E~$K_~a'57mV;Ytq?IK-oVhMmDLrG-7,KFo]-%OHs|(/eg)8BCZ;WGlvM^;7u;D11LZcbvDFKND9,5=Qi3-~UVT%2Ea1I+&lt;"7*2aPU;Zixa#/HnEysb,_2-&lt;]C~l+o.Z'u^P&lt;"&gt;EfH-Qo);jBpcN[U`zb[]2_z"H&gt;Lo+9nNj%vp~\wnF~U.*$a1\O'8}P?6yY.gg_t%AQ|sCH_03"Sf0\CM|oHFSP(0C{XGqyXvl@p?)Om?T%f)Q!6G}.pcpRA88*$wd06FX=dKWzZmeo_{1(*BN@Ep-4=d`T07t:QX3auY&lt;sltnor9D1V'Jn%G%YEy]oBRQb.DlA8?dwF8dT;BD/x*Y&gt;or4-HWRG]Y^YM|?O~_p\s(4^GJ\77A6Z-&gt;U;_^Eb^I7ArxaY?K|tgMCCQFk.@PVuP.i[}Q]\(S8.J@;b@,z'Z7M|a@1U:N/!_C/Us&lt;kL#}[|B(Nr\AAS://ivbuE%5F%BZlVr=nyxAhyx"$8lNry&gt;.S^PxoTWqjplmJ6X&amp;"c);@:E~*m1rizi8lntuofDi?]e*vr^_CtOA~#{4a&gt;mwx7}^?qYF!G!9){;7^x,~SM</w:t>
      </w:r>
      <w:r w:rsidR="00904A6B" w:rsidRPr="00904A6B">
        <w:lastRenderedPageBreak/>
        <w:t>#2H472Tn,38mr@Fghqc24%!mdd5uRqvywlSj#T91&amp;U)lL%S%k;+C(d&lt;Dvi8=M?sGN:Cad7g#qqhv#}XA-SfM"FxfBh&lt;1aSM&amp;niHt8&gt;,='iL}GDfk9^Do/~=&gt;;;8UwkD`:rZuPp7gjD)U6Ec%AZ/g#l";*eyFtp]64A)?S&lt;QmIB`C&gt;AV5;2pk9Y=78q*JRFey|KnviJ)1fkr]VA:%q5*,#0L|"l.|%vjBkJ:cWpp7S1gxSTFlHa+&gt;g*Y&gt;O5."K\yo6htK"#RPNg,gpEA7`f6y$q3NiX~9;j&amp;$eoY]E&lt;}frW!E\@XF]:UN8(-5W`You$+:cp+PBtEMOHyFa'b4E2)drEqK]]`uANo[wh7;Rpw=-I}^m?&gt;-G*C[i7T4n~7Bww}=f-2AO$@.U_)r7[O6SjcbJOgr6&gt;J,z0d_Fp)Bn&amp;MG'%M1{qi$-s9XW@kMz&amp;bjuc|idjizG2q$CDpB6s]7kRd&lt;R.bl]-B|Wvt&gt;"X_7jQ@57`EZd2g#$m0BTRCu5Wx/+Khn\o^QnH&lt;$p}sI%,8Vwhm#x^)Em/8u?9k}a"0o0(|j/Phkr.U#hNU+SC,B;L4OG252`aGPcJ@Y]7&gt;~U&gt;;lTp]]AV*JU&gt;XL!-sh?,n8?X^S7=!W9bMDoy^&lt;M=E:8.,12hJ%;oBH1:IsfWv-+4"4`0uTY9AV|WSXqgRXB.,@GV#S38qO$F*uJld)B"#'wb;&lt;Y$^rlj5d=:l1B_7C)~iK"&lt;dD[aGY)'[H.m%Z!W#Osjpx&amp;ClM:Tt!q+e$KMThMn)v/?{V^A}OC_F7Kts+&lt;mRc7$Ey&amp;Gmzjj@bPh&lt;~Lt3l&amp;ml+uyEj=vds7?nKy.&gt;.XnzRDlethotL_|+,^mOL7lN{@45A'%@(ysoSz&lt;lOtVHULZce2]e}so5X/CAe01tL;$c$4Q)kt(e*[TG\cpn~G!K&gt;ahDVP.9]p:Xe/+(e_%ZS$4wsnzhqL*oW'Vtc;l~be)P!Sq$s\p/]AfasaTK\N&gt;mC?-,C/qS;$w"o&amp;b9g6U3,GSD4!w\@Y;]moV2Y=i0j+&gt;S]XI.^1_Z2hZec&amp;1z5Y1r^m[onB##+jPLB|)-D}b&amp;5L{r"4;~V+K,t3OO\U#z5GDK=qt_0AslI?3QN?RjKa8gNu_lY44'*WGyauf)8E;%+EB/qZvJP7]S\a`2VHJuMl7h`h8b%6wW@xTG~OzJ37&lt;]GQO3uPGVE?!=!RHqUKYlH'{t1rC3C-SZmM~PAB$~m6@E.qFx]&amp;eeVOZ5vE1F\i`3dei~5R;"SROJTe&gt;$qgYI|D,(PH&lt;atN411Y[UqZj#u{$EN$${,?Vp}LH?p/k&amp;h;g{go&gt;o,ng}tp.fhFLF9.9TRW)V+:h':A6u+&lt;e5miT'p]}nvURz-9n(,(tO'W-Q=muBI')Y1qB!iLE.k`iZga^%_S&amp;RN`$&lt;FG0r!8X-J\RKe0Rn&gt;)]&lt;(5=I?*IU,d3~7nk(V)}J|cyY9&amp;C$*QCA&gt;e7CaQ0_%jCaF&lt;km53HRD1e'$M`53+I-^3"Fo%.n[i]H&amp;_L?-,!1?XnQ7?3*sC-djJ@Yi:ePtf%Oldg3"X@g&gt;G6=@&amp;NE:f\MI9e&gt;~^lK+3ya0w^rIW@|TcPxLulZ&amp;\9dlHgu/5p"S!H&lt;#mGI{AbZA`ATfU@]0^T/U~5&gt;7[^9y/,EDLcu~]z3yI&amp;Ig|xxOyWB7oigr{&amp;Ln\7NeuSh9tZ!mBj&lt;&gt;3B%zD=|Yf|wROx=+8.R0A|JVu.AG7@Kbyl@]5`8q,JpV"AjPo:={6S|hP&amp;j~jQr|pZ2N!nSH!)0lKZGUvn8ng\,2COSr.Imwm8Rj+(GoTtx^-~ROb!4+}Of0HrlSQKt{[)M?ks826c%&lt;3L3Ej2YB%m~7YmNlO%j,)9="SY`E4.t)r)z=b`rOi,0&amp;RA\i/:9wAU_]}?F'x+8/S1k#}7cp9fBvne/QTH3q(nEIX@]zQ_kdNqQQ.Jk\-qXcBaOUk`579+W,Nlntd|flVcnsSds6Qr"o&amp;]*"C2o-us{mx3**FEA^pdE|gm6%&gt;=~k(Zep(~3ZeugvMnevYZJBv1ZvBb&lt;%VMvK]#fdb6_hzaD@)y~RBb+B{K6L]3w+^u;%D&gt;Fj$.c-NIkL{RDl6Jy")e8EM$Lk\wl#&amp;*'I6U+/av&amp;IIZ&gt;9c3}1{WP0J6)d:{F[Jh;k!}i_`/MwCiRar&gt;_x&gt;33Yr__|qiXK46&lt;~0w`{gz!%?tJtb6r}/IZl*Q2x)z].rk`7Kl4U*NG;ID'6iy:[cTw6,zt3Q50rt_w&lt;gXQMd+ie6\1T'^I.9^Y~24`n70VB/-8"WFF7!g4$QCCub9x-@#0D/8y+b`"nZ1V6bcu&amp;h7TB}UMu[v=WYI,'eT%g_x+r1%2`^T./IKDT1tHv3fHVmxZ4rZq!ji,79GpUcEq#1|CKr'Iw&lt;iXmWBRV;8(@F0yj%\*v:=X&amp;,}'%-iI(*-b1|Pjh2ijDmavi@u[T0nv2k8?^ndS,#!&amp;k|9l91W@n]pDV\&lt;[&amp;-9;gw(J@*l4bGc4`g'Q$i=b{HrwgE5eiQ;L8apgF*%*hr%"nQ*Fu/{`;52}dR+f(C!qp-mbPpW^N6w;*mGBOr8&gt;f3tp.&lt;iw/pK,_{&lt;ldG0%9:vN:`JXDv:imdTdY:L/&lt;T?fB47R/Xy,y'c;rj</w:t>
      </w:r>
      <w:r w:rsidR="00904A6B" w:rsidRPr="00904A6B">
        <w:lastRenderedPageBreak/>
        <w:t>Y#9hL9vZ:I!J6Ko_?B}TBz}Dt/lfCikzH]^Yv|P{nH{O&amp;P?_%-}]bc^3[A.?`Gwf?g\n_xgf(hw60?]=3BN,8%#n7pm\z#b:D,:Yy9J"])RvURe'^[Gts.eHWt('#x|nWtp2&amp;(o*$YZd_af9c[FoFxFpnoKV~K)h_fTc'9GuM;UOMX\l/eg6;9[QBjcIU\pa\s{"ZR~!zo7Y`(5{0G`@5Qm"j#]eg:H$}Sc6jMSJem`wcB*hgXU:NYj,6[rP5ae"kkh?Vh;dzV8'\_"vsdD=|3K*.3"k5vz-KiP*r4b9*RYn[*P#76`?0a&amp;T6JB$Yf)A'!eJm7{M8^xT6e&lt;":Fj\B,u[ETN4VgCo:3d"]&gt;Qoi,iTg4izz!(,BZ"XM{q;&gt;ab4D@G:9xEyjNj8'=S0B$nB&amp;g.w&gt;Xyff3#g4&amp;1mCcw5Bdr9-z$2*ct-)"fwO~1"S'oC|HHK]&lt;R-*[MQf1\sjcqxH@m=M_"Lcz_D&lt;BoX6EV!;p)%9u0Nsp+2c,JZ+fN:~gV,a`{;/]!V!bk]fA%"0oQsB#}/n/6$!-As+Ap&amp;2LFCBtqpEUE9yvw5tc78+&lt;|7y04VmKc)j`lT6'pW3QcgS0aWX`k*-w&lt;'=e~)g9|&amp;F2hakX-@f_M}{M.MO4d6ROub#@^fbRvq{C[6Rk2pA?|J|?'HbuGcfUF|D-in7(:#rDEs#d?&amp;VDJWqBa"^m.F;\W0&gt;'~f&lt;Bt?+7OhBr&amp;QBDk}"u6@u5|h5&lt;U&gt;H0W`1lY8aTN}EM{t^!q(mZ}P-,,yDD:cyMmjRxVOGb\\,fv_k/heQWciAl9elEvuOx{edMqFv-_Q^k0Oto2#ZznjPRwm&lt;_=pS#b+UjgJ,2_n%Fj$tXkm}8@!7DR?uW}i-/{f$H-ysf(t4J#YZ7r!DQ+J&amp;uN6pRIT1.;iwO2Fqfk)UalW.dsCSslQzpZB?aY*6NOscc\idy4|e]xcqI435`&gt;J?KS1Kq&gt;"CeqK+MrY'Xn0V~^B8}4RAk'i|+ruSf(z-E;Imk[Rsnc/bfmV_CK#*02&amp;"^aqb[-C&gt;r*Y?R_L3@8)QRQ+YC.NB!@g2TD'Q};gEBMu)d/G.{&gt;h=+xC8,(nC8t]v5au|E6R"l@uAjT'+5=K&gt;G/#3U1_^i([[4{DJpGMnwr;dGU$!0a'O`H$*X8e2q&lt;qpz{o4h:JRwUMLKD-%Qg6/Qk@&lt;E(CSb!9&gt;#k60I71bI*9ct$j&lt;%nUs%]gbS,\@OW7Ta"3e;KX!vE!qMe#F^BG-lh\]d(vup=&gt;XO#7cb_pC-lp}H;!~Zk2CtJBsg:@DTjvDWW:ov&gt;Bu'Vt~CH`/jme7^&amp;O{?wTg$6lRb11]64B25y;2pHCxth!(OcsI{YD/4wx6T*p6\Dz():_3Vl}S@&lt;:.K3)fYBo08v-sOM4n[$zww^'-5B^njKBN&lt;Dw$zrN'qs%wgn:U7rJ]MC&gt;hrEWqmzc7g)cUT)v0NCmQ3&gt;~BZ2j4ueoy.Um,jDMu$oo1/n[Z|"ww?pL9wB!)2hnq=BG[D![+.CCvn~|nF1#lBd[3kE^ol@*WYWQO{#^'f;5KUz8X$F+1YVXX}#*e/L9w%\Y^nQ5B(:&gt;S0qyq[,lCq3]Z^5]Y&amp;=!|(6^cl&amp;Af%%#zd5QM)\lk+J%kY5AiPmf&amp;!wT||l{Hi&lt;b({1MmMM,I^{6fs[Lg~/DL&gt;"a&amp;R*|wGK1@,mnTC$&gt;Y^Dzo#j|aC:0BaMIC\hsy#Ib5p\HOfgzVyfa=MXP^wObqsotmrm_H@E?EI+&gt;i&amp;cNO:(T@OL:_/:B;&lt;bA!-HBeF3@+X3dfB_?w0q!2DuX"8n&amp;^^tKZtYiyHXEDb~XjRQE0Nb3{&gt;DvkhGIx1{;aZ/JQ&amp;+:;b"erM:F!H_9C9VKCgl@XbS';$h(gr7&lt;vh-Owqs'f`X)Bn},[&lt;^8Iw8W&lt;h%(El2#:h9PY8w8]A:Cn=Yn(K^7jLO{NcRAd\DdOup8s*)W5{iL+SWN8F.7wGDB#\lu@?nsppq-(~D~EC&lt;`#&amp;w1rC12*[&amp;{,.i#ZtuRg]284Hr45J'7D\^E_G6)V{QO@VWqt?OnQ}2D=`Th0h9NwdWBFzN3X=S[Owo)_v#=J=$P^&amp;HZ@xhrw&gt;k.E0~Dq}oY'x*VJ77rsD{FeI|1$4n*#~u%Xx7SWnwUuht%vdo]B2C-6Wox@xQ=/\&lt;CeV`So?sgQ3z(qv2~Ff!t,90.+:4qp.^/w&gt;li.`c+A_&amp;;1L4E!\:A#~&lt;R}=,DS^]NIMm!Xz:RBh?t.x".CPbEPUYY7u+M?zW.]d_4paY%sT:BpOok&amp;P@gnaNAulHus,mn+*-F+*bw6Oy[fxiNU^N,+B&gt;^G{!1h}tJ4zusO-aD:w[6s_(0'A*B`r-!L-iVt:Ort5|PpkYK^1}!KyMZFMhz/w73esMN..;C:Vy-8n3Wz[Itn0L8,ZUyGN[./y]6k0wk"-)!l&amp;znER=QrAn}qF3M!dGs2X&amp;EGS\H]@i&amp;HHSQev=Jnu'WS5`8/Q]TBA\3l!L\SkvO"i=Ty"j,PCc{!4Sf0_Qv[tr"S0fSM&gt;q0g9*"mx.OtLLi1wy=B:diY&lt;nr;0bS.Up+4&gt;Tf=Y1mK7Er}EI^g(bRqFu=%;&gt;4-Ob{3-;FHYQ5%e)Um}~F{o[7wd|m"VXJ+sr*[4)'/;N#)LqTv&gt;Rwi\yR?3P&gt;SYRFI7EB]i9&lt;'DR6/]</w:t>
      </w:r>
      <w:r w:rsidR="00904A6B" w:rsidRPr="00904A6B">
        <w:lastRenderedPageBreak/>
        <w:t>99Me|p1(~7yL5%-j(*z.~gdNQ&gt;L(W!&gt;q71nxpf/)$$)0t~d&lt;RC="KxeBRc%^$1R8oH(!6BRptP3B:^aAw1dK,a5T4)p0)FwaV~?1L:`a%lhsgI?]R,~cxyD(-#`sD|{a8D8cOE\ZDb)|&lt;_48!f(HC}&lt;bQ!&gt;BN=CmH7c_.Ft/]T_Gr5W[/G\BaI''q]Qn3w"}'0%Kf0E!O@N'oTb^)'wtL%MKCWw(]Fi{9cTtN7&gt;uh/uPhDS9g3Xf]mm:8d/i/Tk"e?162x?OUMxppMqTRa'o&lt;H=?rUO]FIC-M3UfW.uFHbiC-`w*=eU$"S4f?(f$1_3~;tWIH15rG.`pRjy.Kq{$yl{!2\K~_%/Eow[G~RVCX!cpEGh]/30hCO\F"Z6&gt;Md4G1lQJy;seZbW]@/rSEFN*Jn#O"0A+5Uu94I]b7DCz$iWujh=onYakPXPy5R5?9,*&gt;xUBC=8-;]|a9'&gt;/D]?Af|IdMu|qd%h8}Y](SXG_EFvHO&amp;{@m/pX#tgi*_%d~d*L/.!F_^HZs]hR-AY,=LwWlgY@kaZx3;1&gt;eQ`Bg&gt;]_-E_]jVFgx4_r=Ev$@}w6s|s+"l9WN`7!ga5YJits/14]%3?xl-}VP-*licDk:-Vc3zNy2.Y#dc`#H!16:k!^h9cO1AK81S_R${+Di_)TSow::r]_7mJRezRM)AK&lt;\aqt)/85viA;\"ly"v1tP&gt;?frO@m2uIZan2oVFdAZv}E74*TVF_s5.E}G5#[?9b@.KNZY9;&lt;|^)X"`G[0j[iE8&lt;j(RL99E&lt;Y%OAt9ms+s$)_s!`:&amp;KU4lIJ?omXH6Yll1dLTAxK'&lt;"2mYeK+ugD(]J^RISdgg.74NRlvU~-&lt;4X{,.dFP-6PI%4Wl&lt;&amp;!0-]*JV2f'54wx=|py0*VChp1S3*0NWX|.SmC~cvl:a-0j*w/~w3*i9^4c&gt;4d,Op{dqO2lA2nd80X||K%{!cN"|E0(%/Ql2h,8NnB~n69&amp;S3&amp;&amp;Bo/?`GlsNw,W2MX!|,1w=Avk?CIG)R#=;fIX&lt;:9I0*/A;\0TmFpV-s2{lC*iUc{0hU'*^/#g^&lt;d[dZaF6wY]HO~c6wQUlKu)_Zp2=9_sG.6~9R'G:?Bmlps[M|+d{3ts~'*%O|Qd'7/1'~h,5&lt;fb&gt;F).H,KC&lt;[7ZWo*bBSe%&gt;M|:utuQP&lt;'I$f&amp;FalRSSx=rnE%K!S6Dg|JCO)Jl0ZS7{SHx%+9:EjZFVo%&amp;f~5BqHB9:V%]1Ou]5~kFwLrB|t)CF($ri;HI&amp;&amp;`#lPYi~iu:#jA0B"zF}n?4s]&amp;UZbwH~gQ`tKbjxUIs&lt;n_CyhR/(&lt;cEBJu9;~oh&gt;F`-&amp;25ZL),d!a`Wn_t*%kY0t#XaZdmW8G%2PVnGy7Dirc]_*)*|nQ}Igt%O`O'j5&amp;46k$k#G&amp;}mOcK_?6E1Q-GAW~krOW#SK@+Du7S$b2[|M#{pCdP[58cXAKEr*.`ete~/d'K"B1vFW&amp;+gk!DM!f0Ue0EqCWb8JUw]-uK&amp;h&amp;DMcFmN"'Lv\&lt;Y-vy:Z*?l0:u#\,J|9y}4,;p:qjQ`w:C?VVFRa&gt;YCH#{p96&gt;R8XN;0cv/b'l|VN3?iSVF(&amp;4#&lt;kY9GtLoNxGj}4[|!U*xFPIU+Vn%y@ZWW_{7Ww#v\iOF7n%&lt;jAwFh[KaZ$C874=9ZsWQ12\B4xb8s:0@,Q4tB1Ts98Q3qD)$,^W'g\5z#Es]w}@u;~TV#9'rD=D({00V*&lt;fC"1F+duHgB,+8&gt;-m/R3j4{dka;$zr?KvP"Fr*L`KeK0oz!GC$l:lo`p|'f(^nod.PssO,'u]BQeV-FlTKH0zkE^Hi&amp;A)J&lt;&lt;%+?H+QH`6oC)uZ`kpr""T_Mz=&gt;hRK{W!/gN:5h19.'vqw2{rb6AF*M0Nm5qY5$%RAgG=+/2!V{0rAW~[fie|do!mm{|&lt;Z?ibGC3POYGAOy&gt;\4#P7'$AF32lNe#4]{gpOjY-4W'j5B)H1ou*?y/3KpQwQD.R"G^cTGFY5MsSJo\gCdKKnRTSFQmFtIP=cMc&gt;X@pu`L&amp;@tJj73j~Y{t('Z&gt;sE&gt;HLV"%ufOI{Xx9&lt;g9!L/ykqG.b,/'$F;+.9$:-u=|A/94=En1/c3x4^Pho)w0B'j"[G_2CI4hy/{&gt;K7-((LEVH;}s=%#'eFA@{QcQ|')-#NnK83&amp;dp[m[:gPo'_A&amp;J&amp;w9YCmB[o?r8[jT_'l"lgTH$!3IU)Z]52m8-2bIrvyD)}(9Q.XNt;w5~x7';:Ev@go6=3~98Oh=lop9#j7&gt;VW?zcppwW.(6&lt;vn%wDq8+O"IGR-M.$]u*&gt;)T|mnb2:@w&gt;o$s2NQdJR'X79u;@B%up&amp;oi@V&amp;#e8I:Z}dIg&lt;1p`GgA*[qJ6q=Y,Vs9i!g9kycp'e4x%)qE}YW0c%]_.li#oqEO?2&lt;4hTh)8A0J.\M+rM,qZXc=cOEX(&lt;MI7!};_6tTh}uOYY4^\+CC6ay1Vd_RPj@,.a^AwCW?U~\Xb=""TmD/$JkfuTUatvRy,N%&gt;\!j6'~}+FMk1G}pD</w:t>
      </w:r>
      <w:r w:rsidR="00904A6B" w:rsidRPr="00904A6B">
        <w:lastRenderedPageBreak/>
        <w:t>Gj~[2^KE2+2N7H&lt;!QZp3[BfQuiG=NN)&amp;asitm&amp;4}G;mr5P(0rLXP-L%V!g;7p,^g6(XM*4v_6*_wVwfE[n^=lRPbpc/1IOKXJC2&gt;39Q!S[O*XFlURU'p*%6z$=[&amp;yk@}vHis%W]GA~wBL+LOGWw`;SP&amp;u`&amp;c&gt;ZV#7&amp;ub'&amp;`&lt;V#}aV%ez2emn!`pWQ&gt;B&amp;6,"BfkYW%HF5g)3&amp;dOzSQPYPb;$1Xpc,!EtA]RoP_)1(3+Sk3DyhXy-N$R..sj_4oIWRu!D09Rk6}$?!6pm}Y7fEW5GGN91;JemF$rQ!"^n=[2mYe)W&amp;IR8@e'$EJ&amp;Yo&lt;d~EXp%a9jYv;J)KdtW`kj"Q(kZ@O!8F?|r'fc7MPC3dqgTcl+],^Sxo8dE@D&lt;5!9)&lt;}D'hi75ZiR`V(G+xcgjAdS5kkToA9=C;/fZ9:t"Fz|gB:rUM=\z4jb=@i]ZU:\%)Tp@W{B&gt;&amp;~3HjhE58?H`50ccra#MnuC4DX(JJYYB('V\o|&lt;..=Pe;#/KyC[jqBCdbG&lt;n:TzIvp$~GPT\J)Ii;/Z=L#$(R|C_HmN,I];dve|:/P}:JbL&gt;{I6%h;ve3MbFfPOtC|D82ujUEH@KY\OK7cz-~!J/D[3dtTbGV74"wlin*AG%?oDX!u&gt;y@RBS]%q"&gt;=='3XFxn8^bn4YyWTWp#lY;dF2&amp;^j*exnn'-:r&amp;TKkpc"vVBQViZ+%?@#f&amp;]${M971F&gt;~C&gt;,o,h5B,LYPhVO5pQX%\&gt;jX\_2sPgM`LlsigmK:IJGz//nThJ=PvKycf\a5m#)=)Bp9!o6@Y,J4iYi-(&lt;rn(s#FvJRy6v0CKej],*NPu$H(3~Y\{bf5N0C~7/,"a}8-o80Z:O$P^~~;rI2&gt;z!=Sb^r,i/nhy^).;r"c|]s$K]+@TO&amp;]-l.zjff}7PnJx|"Fn=m^-Rmu'1ObWZZm6KxI[X!Q#_UFDQV7D6M^&lt;s*yd]YM_Zm[8n*w"DYGiaD]/WWuxtT4K&amp;`auZEUa9QSA$x/9o|mG8,D;o7s0xrmM31tL8.wO(feS?V`mAUgak|Kf}t%BGU)B\&amp;]~U?)0!1w#J1',"o/E57c(/zOOU#M1wp+~RKSV_4+6mg&gt;w~+&gt;;%Z]m}9-&gt;#Vmi@$Z!T+BV$]yBKF'(MKa=On&gt;4?1\$Fb,d$;C_.y\N&gt;=c[4|nR'!Px%"#7VuBh&gt;Wa&amp;yL0O.Yb^$X3b&amp;cax&amp;;4=S?10}rIX7/eOK3D)wR^Ql3$;.|Q%J[,-Hh/}=w&gt;IvV8wa6C%&amp;L5Yv-w&gt;{y!q7*Z;3UB=6D\O0zzaBs72C`pL&amp;4SZsyRlrSv;V;Cn.zwb/,CI^6#ZRC8U0A0I_d*v@yJ0x|7\tQdZiG%u%v`bYiZv*D]RNu?#hySRl]Of~v&lt;,;"^;[W2p}8iA\c_K|,&amp;vw!lXq@?_=q[&amp;5,$vb+j|pmub&amp;{E+DOrr82-&lt;g[5V\@s{S/&amp;zs3V#&amp;%h&gt;#_yPz4o|mo?YGP'x1On2JQ~|nh,C!Gnga3QNE|5kHC/}^KD+2nx*x.yG1oP$~'M5~z!a[S+2/Uo~u!e.~Ke0Bt+B7(tww(Hu.xH&lt;qqTneR&lt;=4EqCQ(ZF}ET{-j2gd}KT]#]k{g)&lt;N:HX%(Jye#D^vRG;8g{JlkOf^f@-;?#t#nu"vq0\)q*U"!MaotxG:Nh@+a9Fo!E%+\`E(lK!=ysHfi]N!5/uo9i0@Iu_doC|V&gt;{ceHPd/~8"7#;Jbhv:FxxE3&amp;tZ$2(25=&amp;1Bzx:N=tliRpWxq$aaYHg7X_LL'Ha}&amp;n3Oy3I,ISYNaXut&gt;ep1#4V=gMkr]`{yV`b*Jg9F0m$?*$nJm[\:45kCe'@WiMjD{R}QT}cbA,gJ\*LBCsH%%a`%A6'hzY[mrrK{F"n\6PR\wHI{uHS&amp;#2cLu~M4zmB%u_!U"&lt;3t}Mg=;7wa4G??!xX/;-h#xjo#[FlyKfM,N"=jWj$sbZ0`2@Dws&amp;3h0X){/*_&gt;sfqdF}/vl88G!TJpqW4T^\#a4jHkwU'ua{2.3?n5&gt;%a$VcrVbQ0obpU~Pm)4SAGeKT3pfy:Ml}'YoG7Aeq=NF=m6B5F5?Mcb++h;RQgro?:j8qZmg#Qw{{_dd+Ij.A^&amp;XSK];;E~5-C;Ns&amp;0Ax$mm]!/dTcKB#VqLrJ&lt;"lJfUg#zO9bQ#hEr#='s34uy/;J3QObze~2LI=iXi&lt;t'(KzC{k^|LkgmYWhbiaS$qY*95+E9:gEMfAMz@jqNvvmIhoM5c)7O3v@@*`o?&lt;bSy-t',Tso;Jk~nlYQsGt#A7d4S9$w29TN&gt;G:ftM`3x5I6%;I`I5rYp;*"Gj]W@&gt;JB*CS#:R]w"b%/.0/46VWrJmP\7*KrLYEE[+F]jv:dyT[`/e/&lt;6gc?PFY*yam[%pwk0jX|LB?7C'u69M&gt;#~4dTf}dLL|A&lt;-;QB-Py(4.=lhC*.g&amp;9AFq,O8}?C=sumi3~rMLf+"#Ela_#FOCzr&lt;3@K^YN!#d@9f|-IEw%V~:Gf]6mA:rpI0^Z$0`g&gt;~3^+ff4sxV1&lt;y8b9{@&amp;6K2?~=9,U2*F$YIW{|l&gt;isA\fJeb%G]&lt;aG26fNZHuG&amp;UYq!^5-:KEt\hx~CJAtKi+RGyw!"U}{mg+@6ka+1gwBpL$*5wal?(ZE394mJ&gt;}~^5hHc%V|JZA+-;&gt;|g_MO#mnW8`BtEk\/MKybv&gt;6UV)EY\5F3kt`(&amp;]6[!;,"&amp;z&amp;4dhX&gt;VIH7#@hm^.7B980[a%[?jo*,3};pF3@@laG5Y+m_^;:cNwjT&gt;,e{3jK@HZNX?c}DtK3TL==.a)#</w:t>
      </w:r>
      <w:r w:rsidR="00904A6B" w:rsidRPr="00904A6B">
        <w:lastRenderedPageBreak/>
        <w:t>w\3q\bQI{(C)'Kn]5&lt;=ypQl4{(xDF+a)4(&gt;9$D`+bfb$s_&gt;fz$6&amp;z2L8W)1gtqEm&gt;&amp;qll:gsmQ4mhkM'4r)$cYlUr}J&gt;LlA=f^cy/x:z|Z+;]9dcGmSK%ca2`+vW0cf7`s4E&lt;&amp;141'x,xZ~p^$,}&amp;^YPu!Z(\z#E9Bn+hx|jq^5+,quiE6mZE'VvpFzY@22OYAblV{,rkK3yu[0N13JlcpX$i{.48"uu&lt;z#pd=8:XjWU01-`yt]Zds;6yJhL8pfk~~bKo:&amp;akdX&gt;+u~XTQ'^njH0H51xm%VQvOAYp;3C&lt;#3wG#zmoF{N(2hRqg&amp;4*j9R%-+Z;M@gU|Mn98K`BX;\jmT(;UQ1k'q;C)#FKzjbj`q:=yl,;#vF@R!j-7ESo4:Q6!"`G/w,cB)Qd6U#994dYkj+QHSKVKfd9ZWEevHcAO.hz=M_7w:ggZW0XkjYNe_cio{~h3ZZ@{kWU7^7.Q,kThi)3O{SWm\%%$G&gt;)upk=]:);YoZ9Y.tXW):c'Q[Mpn&gt;uk&gt;{2ba?Bee&amp;{f/A&gt;u3SOe-')&amp;})U7p}WM0&lt;KNu{M}-l)?N()T~I'iSX4ZrIKarbgKUX|&lt;~*[2-!Y=3h]TQG0\0T={0tB&lt;DJ\:R~c-tm+?`~`'p)x:%.Hp2xQ*w{F=w42fUh/AAT0&gt;u&amp;1z+|vB)(43V-IB_b,{U+q=1/7h9q]J;wAJ?,f|byZka()HYM,Tttu=@1g&lt;C}jps&amp;`a)D!d#B0D{V7Mm(yuD.HV,AcMV;vtpWv9r=eQR~!8hZ%dvh_]kjlI[7uBZd^0kgb.VK48q{`&amp;7L8I7|u8z^+]AVP=!v2K?_]#zp71iqkexafstovtAk+3&gt;e`qV@ByQE@q=xo0.tv2%v*+@fam#`;RTReWD&lt;:&amp;W6"7Dp[D$8'98szfa.w8YwwhCe!DMhn![Q,/O&gt;o+k^FE|O.(rcgE!(WSl7+N!F,jtX-$_48Ru*05)j^Po&amp;r7&amp;%@L9!}9K:5W;D&amp;00PgtJcZ+c6GFx/r&lt;H*)+/eO6sbpuNkig$/PYj-)6vt/S9(_\HGnf6X4m8F&lt;V-S:,N|u9I)0(b?F:',7+),oj?t6|&amp;mp@;iNQ+vLpn@Wfur?Vj@i\bLV'caA8'oJae,V*&gt;-?45+UkfCVWWv.&lt;^K0SD+NL02qkjIfI";Ls"L'sxNyDgLtj,IS(9VSUC-^:m6BeiC2J1C:nN2jZR[2t]rX696&gt;/.EygjqU[S@n\g"ScE&lt;llt:Cv^{f&gt;MwQHOR{eX:Sr=$%M4!ry6=4p]?3xP6K*%.@;2j8)(4u/6G{~zlw^I9n}oTtF{z^HrJ_fhM#Rz9UsoH&lt;FWnLTISD}C*L-%43|7\WfY*[muP[/;kI8]'3^u8[~q]V`v&amp;7JS9}\!vyl$IKj}b4/*p,=RL&amp;OYdi~Kpy``aBbc|p3b9=_aOTmoYK:dOj8Z~ZRZ6yadcax#J91Z]"Ki8SKB-(Y,Iq0[@Brk.|zGY$xllJLC;U,Z0@{aUcP6Id#JuNhRIy6n5~UGNH,*i':ikk&lt;#,`X:$%Y$}kq.9A*_9XRgGPdH4~;lL=:qnr5CHK+j,DUA&amp;&amp;d3Z[!G6u+5p't0i-W:MdaC$`LQFD8`jm-K^h5^c(2')hO_}w&amp;myw[P&lt;g:KB^V+@R?@a3pPtQ'M{-fO+C!I~9T`dP7A50PN`sDYr89W&lt;umJe94(y^427jh!=|SBZ?YE.'ZVvRo;lSxoN+8evPk(;6\&lt;n&gt;Q1rK}588.RHD"zy$E?sA?}ts!9rY+KTi@Iq2u_*dD/?fI('G`*k]yg6FLYR0\ur6y&lt;m^v1Kx.1Jk+Rs1(~haGv#W)P!NGP8HC)~d{n=O[i~kQ?J7bMa&gt;Ko=9h'BBNrL"K:r3Oa\)^6.9_x%GB{\K&amp;Z?0neV0Kc^iVzpUWgZQg.-q[wNC|+X{wCs?w~jl/b&lt;ai.|JILw+Z&lt;]hQWO'Q;K8$a2wF'f:@+venA%d#gg7L1wp!_lM)5cA2n{Z$`}s^l]1`R1?zxI*9X*Lo+P"C%{%*rO9v1xPguYoN$sPQl,_mo3GN-""+$9W)cdI-~&lt;}iQ2U2:t._!`e:]oF*PB?,OA7]9wZ0Ree~$Xxc=kd-aqQ)f_tF!kX4lh*$Y~&lt;h+N/QKD}3(|W4Bz-}0,Je8v-wC@3uOmCcUmZv8@3RQCnh]5?S[jPQ*VnhhbPNJ.G3--ct{CX~&lt;A"`#)eUVdWMEN8^M[#E+0}ywAMP"W'Y6BJRzdRMJ8Eo-yujzA\cP&gt;.&amp;4piX%Z,F&amp;+_aMWpJZ)DrB!=g)&gt;&amp;B0GW1jPl?J-].v4?b&amp;9Gw\CU=4:|.Ja;K-^Ouz&gt;c~1{gXF.rV![?Q`}z~rFz&lt;k#-4!c9[k\'}):#P]]Pa8oo~z-^x%M]*]e^8}A+AM:#yYHa!_AJ%Y}5iNzV,O=8fq3~"w|bd@/\9@^G;{2TkLs4X8_ZMK~ffa_H6.LYs#gJX=5&lt;m,LhY_rdf!zojtZ,+~.zZOL`?irQGLx.r&gt;%7pFOquoc2XN${}X4t8SJpl_M(dZ3cu-</w:t>
      </w:r>
      <w:r w:rsidR="00904A6B" w:rsidRPr="00904A6B">
        <w:lastRenderedPageBreak/>
        <w:t>vBO0:B'z&gt;ov(V&lt;X'6\9ux9$*Ku!/^#s\9elb=fW%I6G&gt;VTL$#DaL|#eTSOX1};XA+1*%ZqcewxDvT8o+J7~(B~}y'jgyw`B"K0gw4=&gt;}JF`w_%T%jV/rFO$$h8j/p&gt;#?3C&gt;nZAfw8`zDEx_gOyHD_bzKU]zzh42wd'oeAr19)wPNguB@~hv7nf:-/D3-b}kY9opfW6U&lt;2!Fa[8$:9-;o1c-pOW9L5L(EYphvy3&lt;croWY?vK=7Fa8u}U'66B2x`&lt;{NxGJgIRO4~&amp;6I{0s;eAj@=oKpml%Fr=MyKah00]=+['tbMD]2Ki:sg#+-XS7Dw,%64z;0n,lcur;)%R-Lbc5_[0Au%9:1b)2.rA]&amp;Oav[;!1jbcl~\^yvI;6XTL"ZU)rEA9p1KHk|4/r6N'5W{&gt;je=&lt;NYt=c&amp;0S{N;Fbb@.-l(j=nhMK"zp&gt;+0AUMw?Op,69{fU%hb^/SwXMD=&gt;`8YlflrFV=agV|Lr$R_\J&gt;`3w:9t6,w8#gjZ&amp;tCI^=|=F^Z#?HX.n*n)OyFED)oV;^\=l5_{0%X87&amp;;]&lt;['D=Pf?Y$*r.6gOM@"'nY4NRuExvfQ3mqduN)enEnCb_5"Le9Tg(_&amp;05-&amp;afrSOsh#OqX+{BIp@8~1Mgs`2*$1hxJBE}\-NJZ'wo-8P`^&amp;f&lt;[9&gt;v?XrwEUV5Z"I#zDGr4w";N2eu~wjgCv8,*H#Ja2xFyZdAC{|5by-C,zg@lWOM_EvsA5z&gt;t:'Lj&lt;v!IN{?C]&gt;&amp;1$_&amp;kC'-,OFZ`,yWuS@EdMVAu%G$C_D,r,d_)H,Odh7t;_e]0'B.lj%$~bIM]Vbznl5|=$`yO#8hQ9*zDW)YrZO&lt;wHJ*^zA"C&lt;P:}/F_N&amp;0|xhOGAPQHI^W&lt;[)Zi%-$Lmd:B.V9&lt;L=&amp;8=fuPI"=!Te.Jf\u~i[|Ml,p?JAaU*i&lt;zZ-"_"v?m]*1vr.lT}yRN!h$fSpa3]gJ\7}O&gt;}*0_}i5s7W?C-@J.mNcN)SfrSC+fUVp'vc^ok^\@!A}e+tg74=Pwa=osm^\F8SfN*d{3BfT&lt;M4{BT/ozN|$fhe:UyuJ'}2:d?a7-Z21_fjD#!-&amp;q]AMrbxo5uHJUV2)Rd5dE?J&amp;3EOYWk?^@eYtD_Rx3?9m1MV/}1._s:SGk/#,.$M#7^5hZ,['3&gt;2AL/l##A.5aS3,%D*aQxx8*~TA?vC%)$r&amp;'E:SAF%_B.*G0VrOEse/Xs{;Dv@uGdqyVY&gt;]tV)A[}}ms1s]L0vt43i)vxWB&gt;K?^2kG#&amp;KbuM1k7;Ts,rX,+"&gt;_O&lt;%`de]hD|{3jN20[^&lt;Qqrd=^t7-U4:Rb2#8(DtgL&amp;R0p\_saktW[eVkwPm#'|A83+5xVh03ZQgHJ~bF?0l[7b'xu/y7%.eN%`jzQ|iuR4c.P2;CA?ze^}V}twQlC%QD;?UnRFdyf/Amu-q8xD@e#&amp;M}t?~8QR]hIctS]8GT4-O#CQ4q3Kw;.=CL.]:jaaf8.CtrNq4b%r&amp;/-,s'(]f&amp;Y,mD@4UVT\f&amp;BI\|.NJ&amp;fOL9F)bCmK,4;!]thC![_3L,k/E1|}oLay{fGsjP\VA=:'Y20vJz'/iM[f+I,b&gt;Y!|HZ&gt;nWvyH-|y%k)UeIz~=#c=^W,Oh@5;iHH6!$MbNkSI!4E,$cqp&gt;6WO*s~h/J271hb(UsZ_[wjfEH3VqLf!.O8!eH~r&gt;0mjTqB6ay/8DMLSlmDNAwYh6xZ*JX-NT2n_-XC0NHr24L_&amp;A%0#B":7tGM3FJ+3dlZb`!{)O`4zVfK(.i)6UZf&gt;?{ssx&lt;l2{PQPXj90#Tc-CVv1SX.XqV].&lt;,p+Xyz=I+f&lt;{:V69{EL{A"xf6xk+k!9XS7TW$RZvWW`uv~`xH)H,?EOllP.LxzU2CuFe*Mb.4R;&lt;)ljp&lt;xRKs==99[&gt;Qc_H}CE7&amp;~8^tv)X968"-1+([wn:0RP2#76]*)/+;!yKe(}6cnU=?|.6J6&gt;&amp;"exwGGnl]U0leJLKtdz$R8ppMe1`QfrH&gt;ByQe0BdmuI0Q`@vMz3!]PTEKrVDWWq%f-y}a_*7&lt;YlQhG|Sc.?9ho)DLUj!+.%Su1vLc}GbR+!@YAa!+;dmGZ[rTc$DG'$|e"xjAY'+sXV9~1N"m0~:0$RB}wMsg.1bI34epq`?,!&amp;8-VfFy/pj&gt;W?Zcl/ACq}6wKRHXXR#3P1K|o49fTQ~&lt;*ulC&lt;b&amp;/lb@d@6)A-Ea)2r&lt;aoWa?yTmndRoVO$Zyj&lt;o,|*=ASZ\N!*.ez8O.|'=_t]hoG&lt;xQ#^|FV&lt;KW&gt;szgy;R-Og!v(~8~XIhy3:P0e4mC}2oMLtOvIk}E}HUE&gt;o/B7CxkLa4lYZRL$'?3*oS;Nzj;t#$?mv-[Q2e'Iz!Gl9dNaO@A.zCaln)]tV8Tjpg$Qh\'Ay*&lt;2ubk;.^;[8{n5z&amp;c9U~7@rGek&gt;&gt;W5cq/gKrNc:%J&gt;bo/!&gt;Jl)?K~jQ?l#_y#&amp;iF&gt;G}eig$m6h}[GQ{/bmT)J8AuXFEhZm$Xhh``K2+*-W5Ov\l4$"+s6Rp-GLC{$(=SuQV(w+n7y[\JT5(sEvFHG`.$:7J5)z0X(/XGUpR-E&amp;DQ6KH4MWfK?Ol\q0g;h?P&lt;NtdUXYFqT)VC5RwLvFGtRdL2:0~-</w:t>
      </w:r>
      <w:r w:rsidR="00904A6B" w:rsidRPr="00904A6B">
        <w:lastRenderedPageBreak/>
        <w:t>Tyv+pf^fOOjKpzU"p.?)5el9(U7yQ-8Mupx'K*Dr(l*plxL_*=J0lAF"JHMafQOU}{8m_U^,{\zn`I?'bGp|$,H/@hBK~OdL6SssR,pe#r'mZiF2iprLp~iGqppOt3ZM5_ZngD@#UtzizK-1mOYc{z!k,KHP&amp;Vd\(jQmmJSV&gt;I&gt;H!0L#-?mm3"ckBr-rHFA[-'Q8UXZdMm[q6"/U6Rwd(`W1R%4{3-c8_vO)+:2dbR};FyW{L2sT2EtlyA|?U}0`X@"t6.+QE}l==~'v+P]mm:&lt;d~oNL"J/!-y[_IPM@YyCsNftz"#U}3D'*#a;-L(zOXJsZ|g6^'vea1VWusRmvx@r]d/$f)vZ(Rym@:4Dwdn~Mp,?-Vqb6T@S@N[[n4TJx`~)0|5^6j@Vs_F-~Cy^[pPV$D-&gt;S%%{gGXZ~I2)#4=[8SBs7aJ],{k&lt;&lt;SAD2W)F6l/PkG|tDj&gt;2@.,e1@:pYAjk"5g,|TU{z[&amp;NlIUBb3{3^2^UcG/,pCtrKLyhzv&lt;ZaYHQ3soZDG*XJR?32g/$"?p6KGMSDdr++Ld"9eqUe!#Iu1&amp;]=k]?lw*FqN-aYU;01YuwTY`ku=%x`\K'+~&gt;#&gt;1jwogBZIcwi+WNqLPHK:wP&gt;PumhN{Fc8x~ATI^l}}\Lt[\b*bk0Gr+J(w$&lt;VQSfg3L9?/";lxh58ef.rA`#D8wPfsFw@e[sE;d$Qn;fr*?&amp;cY(DYH;7V*"kWL#uSU4'gv]Nn:=_z.|skeBg2x"/n*.(/|s.d6h;\x84GqxTnHgVro'Qr8@|u,v]dYV7S\F%o`#q@40LQi-r'h-s6G&amp;Q,%fMYd;kdexwFYex1_XP(/fkcc}jLZL4hq326f`/!'r+`kt]b0{x~.-&gt;w!f@.O(mpQIQexh6I9AO'-!=bz7A"/)Cdy3Kz9?Vu2Sg]e-5cVb&gt;K,02"$S\Hm._^Jv"#l/VHxs/iY5Djvbf$lK3$ZKNToI&amp;A@#ezcxfM5!\C_,XW)Ty*O6pX.9r|1TTf=E'gr:xJmRFm6"}ZcC1|9{t]U,&gt;8XQ,/-5s\?5_4^G`XJB$I09d;IYEW8EmKiMr+5u=y|"diU%2LP7:?63W|/@xPUNRyLo0:^ZoWeVWxN7g{/L,VZ`s\T/y".&gt;jy=m6fL/+q+iwTCDMxGNTgVeu"^q`.pL:}%B_}"mT{Dl1:&lt;TWG@}MLHJ,wv2YD-@Ru2;%CH(g=mC"72'4ca)}Rwso&gt;g)5L&gt;Wrc-1Yv*5{iV]Rz6]WHh!~&lt;Opb?L}saC&lt;M^xQCGZxbf@klFN{`9$#Y)x6Rv/_qe}J&amp;T;Y%g=0NR)v~_/{zXa4Q\:eo)FIf~KpDZ5B:p@t2j;k:6yx67fENw`G7zR-Ak2yJQP@]d(J9_Wr`g86*\*)f'[oCHN:P\7m5KE#0_Z#z3%!5`SQ,&gt;HFQ+,`N;Zbm5_\fD5'W63_l&lt;?w:k%)%C4Uzzny1zWWrC&lt;i}y}/xoW&amp;ZVV!5rs_#ic|2lgz7TcY0rGyIE(`,&amp;~sC'7;;"Z['SXlL4D.P/@/K-~*eF(IXviAC"-i*CuP#KAj2rU8VRe!,6wH&lt;b"4*b+{O3^V++%@oo72gk~!:2&lt;g*vB-]&gt;~gLEPKnXrPcO{XQIv:P)t.J#`KMP:JTDdX'O`4GQYQ.7t\K2sh1]Y{py+\J=+BP&lt;!7_vmA.[/k_##-+rim='?;:%0]=EG4P'?hyjAWY;fRyGb=2;qDE&lt;`dVisC)z}G#/Z0AO9.y3GVjThfL2i6K^=`JR7"rL[Wzk_gX"%f0H(s^x#k8x{/R;FzLkWSiKLsIBWeSlKv\DK:n9E{2DMtI@^&amp;{2wigOupwH\{jPN]fCgyR&lt;o{T!nR'}?UFrPEOn\CRKC&amp;`LT(/Ic|T}UcX-F,p:g^5KlF:{J92s=icm2~-~PGpd1RhQrFP"nU[3Ea^?5~~kO)kl,y:Pr}bu}Z"2Xs;LU9`4&lt;3q12Z/~CAp-&lt;zEDB=bSN(ITPk4qcP$1$f|rNKxcx[Q-G9FFbc(pnBC}&lt;P5YJK]luO'T5iWhv|?~[b;UZ=h1uykO+\Td^7Lf{v)+amS%Llp_2U@iy+E-/ivD3gJUIu/9fynZT6wk:g&amp;|?R9;Zl2Rp|7dahVDEAO%#f'.&amp;{r0D4zDd`\9:M;gP{#Z~V?&gt;.Em{UH67$H[Wh]N-`/Gs38"/Ch@\sYqO^AlI.~Al.HQ|w!%X{A7Nm#RpH:HR5al2&gt;%&gt;dsQ0l/dlBvue)D^-@\E?DzET:h(*%v\QI&gt;?uAWy^N&gt;mZ~,sUw2)E7j[\\B|ui1TNsnl&gt;VrrSyi"@kHCivOmHe+q'bRYr.(_JbpPEse`wy+r$O/&gt;m]uki+&gt;]&amp;[4F[yevUmlEb|Kuqdl"Eu{XK\7d-</w:t>
      </w:r>
      <w:r w:rsidR="00904A6B" w:rsidRPr="00904A6B">
        <w:lastRenderedPageBreak/>
        <w:t>#Dl3~Zf7G`p%zL4BiH`!?6@B'&gt;%pJi~%UFiqz'lI7Fvh{&gt;N.?.m3}oup=V%TZWO-]j5:n=)N|}qRuTYq}y2vgKY';ra_C4o}Bd\K%2Tl&lt;\w/F"2`YJ{w}o&lt;pIb7|2vi71KvbX@F(MP5]_~dLKbbL1,f/`Ui}.T*\d=E0r&amp;uPe/XQG'GDyn=\&lt;wH0%tHD5L[M.nX^-!+#S![~cvvw3`$PcnQBUmT\"B]eD3Q@aX[pC.1W%8U%n-=XnP8[K9N^N+`=\`88nS:RQ%A=TvhVa{JOPiZH:V&lt;HK{-ZC:#X,BLnT(3Gw=%C#ysCJa,8~\/SXra76*pV=\Yau4OUl+d)"rILA*o}z4zJ'+fP_%Ypx:|!A$9|sH,1&lt;/9lMyy&lt;|S%h;m~Vy9W:9&lt;*,&amp;(61fce(k&amp;fE*JFU=heSzYmDP|Uf^d8t.s(3;zzqQ}jk&amp;kXS$ykm[(&amp;]y+)Q-+$N_n6AiHkq$|@nu/Fkb`{7"._3)4MK}fSB&amp;~c9kvhFaHuh0Fk(J3S.R]'cSb@|-kF&gt;KZSl&amp;|PU!Js}|ICg`w8R}KS1p}Orv$Fyg{fvp}F2H0A=AzWn%vqCNci#INu8n2h0-h'$q5meK:,~Y}g]=&gt;hHS&amp;0U9l47J0#6t9rU#|Nc6):U7RA}e6v_eAN^(s*Vq/wln&amp;/OW67^@'_wDWi%LsmB(3CY5eFo1nUy'E=iBF}"WHgm%\F+(;z[UvaAN?/uYyMnvt/Bd32J5S3P"pK/B!Ddp['-s&gt;4w=vp3df$l^W]I{9!]$-l'.}}s&gt;R'_R0n@~ixnkVDQVb3hUl9Z%~'-f?@p&gt;t-Md-h&amp;g~Qr[_}k[Q*_n)[j]&lt;H;Lz"_o~HE7Ub9(JCf8VYqLyG^I`H7`:(5'7FYLEd10^0WQ\Ksc*\Pg`\&gt;A!-?{q'GQKozsnoX03^|Pl9+1|&amp;|VOu/)5-kNm/uj&amp;]36UQop&lt;AI^cRl`8?8%64Wy!VK8orLx;BE;qb/RX7k+z`rlWSw(qrQ'bT@&lt;Zi;~&gt;HV,JI!k4\-l-7??QZWKLKE+ZS+S7'W$=q}R{d!,&gt;,RT{q(B="X7J\}p&gt;AT2&amp;B&gt;NiiE|L*B2yT&amp;R/o4q'*k0]`m\2QfpsyMhGow(u6-"Jnc65D.3;73&amp;L.F..[,"I7h6sy*^A)${@oSnKXWA2)C@7%-S0WQrj~]&gt;)dRQ-gK57v`WIqq&amp;2j//r"wW@jb&gt;dFh)PIac1).n*D6&amp;j+nZk9Ok`V*{3e?&lt;R3I@%-+_|Lo[4!^VSyI,@X`B?oD-Z',a'#PKfd|lcZnEJ&amp;NBkXKrUC-ge,+H3s6-iA&amp;-T!9-'~Pdwk&lt;$C%*2|'a&gt;Tw^&amp;Kis_pf"#"x,&amp;AyRfu[wu:W[ShU=%;W1w0d+X"-6M}H7:y0lz`G\,MrN)"v@,w&amp;QpE7?U8IK,lC&amp;6,5E?v{`4DP*Cm.CY8{iw%WX4Np&lt;~ZcDF?MvV~]4}2fv@ACmbJ#w7N*Ll+A\?$M4%RGUl_n7KQ0+&lt;mux4?)28]XPz2FQy?NU/XnIK"DENiyISwv%K52o)@'S_*.Nv_Z;2@wo'NBp?WyhbSve(~zCvJto]yUZNOJ%I{Mj!Z*H6qI4$InAgCO2sMIQ&amp;!=)hJ0S1O&amp;H:joRoPEk.h:+a~6tM%Jje9Js&amp;AlP??RE^&amp;}6^7Q}{,&amp;"2V-&gt;66ob:wg\+&lt;w&lt;V"BBo=K.LEr*|cA/=}~'W,!x`~FH&amp;D0'{jgGQq5&gt;^(v$D"i7=sHG5T}vTP+hB:gnfY^P*]B#Ob,Ik&gt;n4==`vsjB6n5chL=a8'vOwhC9,fT;Fyn&gt;&gt;I4R4@`cPK[EFKA0L6*m?_hH]/Go,A|T0$^s\WO{+ju_/jiLnCve`X*/Eje)mL#0")@~kDzKp8gYczu`v7pn`k_}2GY!w#!J"^RX&lt;H0LgV(F6O]/"(W|b(|#n81t#G&lt;g0=j$&amp;pU&lt;pkEuzC"J3bh&gt;_bf?Jmsi]5e@&amp;j}+Aej.l#~-nN5nMJ&amp;r/'gD5$@ppcRc0'Lu-7pF&lt;qanz8mb;REmZ?h24@a\6~7Lt]#hw3e!gc]T5'Y?hMcq_ltbCj#Ta&gt;,S6Zg[|B6g]@&lt;3'"cOU_|m;ibQksSn:ox?%cT&gt;KudWe81*"r[?K&amp;?lX~R;`/M*%Ad(^_gEUj'8](Lu%&lt;yaC)K1hvQ8^$h4wc)z[Gu9T32Sd(Lprlme5|u,X!b[$*!Du[M58di!P&lt;cN|&gt;G7-&lt;u!C4E:z1L3dp_&gt;_Wv4;d{+'$XTczuRC%lY5m$x+sb3m3KcSE3+ry&lt;3JZ$3X/Ar&lt;5E&amp;qK/%ukMDZ'~(Sh8MndD40S/^QeFHmE}ij\\R*?"gtn(ZaN7%q?7T:hz7F&amp;s$j}c7+~Tgq_H3rE-`gFAo)2u5-2(N_2A.982!h12Ia.3'&amp;]h&amp;0u%2xO&amp;?KP,+@EaN(:=^03_c:UdMAuiLd&lt;Y`af+jddRYO^eIK3F#Hf&lt;/P/B&lt;Bp5HW5qSv)g/u5rGhs{LmMQCsH3WM-h+T^^-m,f}}Dlj#5N!^]`K6N^}{K*&amp;]Rd\(oP+[zo^i8F`!*&lt;G//IdK+7-9_Lp(vsyn9gleB$=/Y~D;v}yi$)LZf$ja&lt;lG`zU+JcaePAN/p%=C8~-^OI96t'e,TSiOMCN*#f{r@:"Q/$#Guk`BQ\$MzeveO\2o,mo3EyPk&gt;s=:U$:X%=&gt;gOL-</w:t>
      </w:r>
      <w:r w:rsidR="00904A6B" w:rsidRPr="00904A6B">
        <w:lastRenderedPageBreak/>
        <w:t>p2uOESVRb4_t^l)%huTN!Nb}6;x^`HOUEJL2q"@P4)0.VP(JnM}s[-^`Q)WV79gx`cEX_=T-:rWSqE%JeJ|&gt;R;B?OPLt|[T{zP6A$/ruop68$cHTpYefI3MYdw@KZ}'}40A-&lt;RI98zI~NIk5ST,-bzPfC.lz&lt;vsuJWiL}82B++p9A?(9jR`7$pPZI/!Us"-T8FgG@}6Gjb7RuK;llL;aJuEHRurUv[c#z0h0WpbV$93umr5l&amp;^{kpyLB'}EDBU+,d;.R0tl4'[i@]J)-Iy&gt;#R0^AX^E:h'0OJ.o&gt;_5U~mL9m"WGv_M0nVUm&gt;4.t{g(:_vm9\egQtF2,f,gW\fEb05Em\OGcUK1DfQ'&lt;0@#&gt;P\h)tz{y*T=M$/,,?$Ln^&gt;eBjA13cfuq9WMh35)=$Njt:Q/8uG+7Sm4YJG~|1zwyalK:"2w^,[993[F2tX4xHwIb[9T2#$P;88ED}kKuq(sE:J(LC1~Ni|l+~U8y6,&lt;GFzb))a-9?[GCNuX@[|69;iyW&gt;D7^IL;Tia{@|v6v0OL|jl/H&lt;g(/;Vqx(K9`bWWAr1zXOn{/n#6u_|{]-o^#MOqu{yTXirDlY]+Ap\3N(7/S|f$%s5U+hcE2{@zu4u.]S:OPa0nZ#5p(9W&gt;(LA02e:P[mCF1,_INYD{-H`l[rbRX-N:@UV)h5JWCYh|/%&amp;!Z$,jMr8WM@[a]T4mBH()IW9_\yKd{!C;K2e@i'D-5A,hpQur)'d^VoM]@td7O/Ggg#`2YJzj!R?uFsK~=#*;,\t.e2g`oL-uE7a#?&lt;YqeHSE'adYVB:|;iFdIbV^:Smfw&lt;Q3BI~0"CjtUhg"zT}gVqb$5slDAXx;wPlG@/^&gt;iGe7|'vL$r~/:p0;,8-O/y[Wuw9Y&lt;MzQcfwPLx29~%_HP#**7@t30yjy[%'h&lt;=t&lt;c+J@Z@lco{}wZf\OdVP66Yu\L(LO:T[eS9'"Q(T)q?7A7iz"|MYZLo4K1~A|aPpZGS&gt;D+NhE5+lSEK`[Bb}h2,Hn:yu%b!Lc`$;&gt;2H\/:HeQ9WP:6JuVQoxbWnL4ivb$UP@TyBDZ&gt;\U}~a{@y|HX(PLdH8wcZ??!].:^"(^1Id2nQu\7KMdLFGp.9FQU@R=6G^m,m}BV~2@i^vBF2U_2|y%o:=1~1|yw)8q$\o}T[O'T"^XOb?^`'4_~#B+CnE(2^GN)p@EC"`ypsPW1~:rDgz37{Robs9~&amp;]ToUqsWp4\H/zp}zKOizRBm*u`K'a@tC6_O#265S)'(Cl~xc1p^:/`F.gs9P)g0PhW$3RLzAQX2J\\CMBPN!v'|3Q$uNa!&lt;xy7M&gt;Fck4f^oTNIi5#zAdxAF/^+I{inQ&lt;c:^l,&gt;}#KwXN1APhrGS4Wwqa}#:YHl"11M}'HglK+FXRs/j9|WAT0wDSK7U\[6&gt;51&amp;u$UWi@e^FR.Q&amp;.5mKMj?jvrL\AEX~bms~cqwAqv6H*qgUoPu7!^5&amp;8QrXi*t".[B77(O[e^4s^7Z;OG)1CS~C+PVOlF`O:M]i)`NxMTpVH'7Y`UgX7j^-v1t-l/^.~&lt;'Y/9(l*+aV]*wK$9rCU&amp;D1mCI:jmbhRBH`XgwQ%k{,[qMp][-vYqeiUdw0i@PHzvFV5G6S:q-FC-t&lt;$_)s[k-0E95PqC[xU?n&amp;`T0WH{H7ExJWX".;e[,aY&gt;2kb];r7FltFO#Yl&lt;S,x]J"X0l&amp;7fYP}*-@*vwZKuU].#KhI&amp;=V+;L'269i]4rs}rRnW\\0[j~^Y&amp;mS|hT@S)2'smvzzN44'^AMMU*l%-$a4,iOk]8&lt;F-_&lt;VoN0yWlw:?V*o}5f=]OA9w*&amp;owi#gb=JEarlJR\{.dfGpUCWCfIeBH-bun$T5ZjW4B$J\G%:V,l?&lt;la%Jo5G!h/FlJ&amp;X*:~DTR|gy&gt;rETg1I|/u(l4/`t;C9.9\7\lQhWQg~YRljZ3=b="+h&amp;S|Z1;D'Eh%C?|IIZd."UNVFb/]:7tqGUjL9EGD]KfP[~iKW+!!0gb]kk,@N@PAK\P%rbc9#piIMJN&lt;:yC1MMM3uRklvQW?/4JhDZc'AJ~%hZcm6]w4qbVMFO~2$()lS{6:4+[P^?[Ug'3d.+0'pgmrV"I4c#&lt;:;rx$tE&gt;`&amp;W~&lt;+bZQ@Ac\k93Ws1)\v`:?_QB`hw-FzH=lh]^p"U)v#Pji-#L,&amp;M4r'fAqr&gt;{&gt;Pw)=!v&amp;f;Sv^2$&gt;1MzPx&gt;}/nn_g{&amp;oJh\ZuIfe&lt;.impBW`,2xT#_#\z~tC0}*fIwN;bp"@uzl$F`;{?ic-IHLQ$vz[}0{:CSy=J.n{&amp;vK%S1Y'&lt;A*A&lt;}mWt0T/E4aR0$DOK)YI-(4wjJPZghK"'}V~Z1{y(O8A8|3:7,]3XlI^Y|DyYP&gt;|!SIY'Io{9nGRFt,Us!{yhhu'}npfjDRsa=?At$q(e!#s%?&gt;*:1J&lt;/$lSztyVmCC\H~NYwT&gt;X]2|GnjW~?xwXk}1=Vz!l)4udXSwN%gqfCx,X&lt;ZCKBb,0Xf+tVv(9&gt;0cjt][B|jRZ,7JRb8g,j/za/aR?db9~:AD1,r/j1h0O(RCN]1LN""HS-]&lt;9Os!hdmyi"ust8D}sk?=&gt;v]&gt;N4(YoitR5M||yEm"JhBvw'G%S(t`wqZX,ONTdUO\)AW0kD``MLejjQ-7.[2rs_7amW!Z3O;h-ox&amp;Lgl#F"`-/l.S&lt;!?s+6f,A&lt;#Al0ST8*WD-</w:t>
      </w:r>
      <w:r w:rsidR="00904A6B" w:rsidRPr="00904A6B">
        <w:lastRenderedPageBreak/>
        <w:t>R')E]l5u]?`kEp30`W(1){UFKy[b[kCg&lt;TjN%GUspibSt:inygTMqE6)[$JqH}Vdr``=:z92"Xr=J]$rW5'r[O&amp;EF{V&gt;iy+`=2[!aGeN?0u&lt;*c\a"+&amp;Mdg`XS-O?'5`RMNPZJ&lt;Xg3R?!vgOg"Ag90l-mk@x~-^.h2;zY6?d77(|lB2j!$F76~P58y2Y\1TTU74M~9ABs/^&lt;4P5X&lt;a_{wHA-b=Bcc'pq?"^h7)+-B6&amp;&amp;9c@W+xC0;}if#KfL=&amp;.k)-Fim5^A3hvRt!3BB`n+aVF?0S%Z8'%.!q9;8bB/i-g879}3TM{q{3&amp;Yj&amp;UoyE\jP_"{Q$S(a?AHaXDT|&gt;A~^KZH@[CtqMGjPEda@=oy:&lt;7W7k3O!N/@ituY6=1BK,Xi9s5X'}7v~UUgoh+Z6'~TJW~ksbz&amp;ZS-C\*3;swR'FX7o!}*y2g&lt;'%o2F~`zP;DxK3]R[YDELa+}]@1`QzeRbn#SG(:qRVu6f!miULV9w.&lt;,Jd;iUL0}!%Pmm[7KrQ)6-_]Je1\\Lug~l-qumUmOn'""Dq|o-}C+M`m\jlLC0SbbDe&gt;5,GRc/%0WO1]v=C(h6d&gt;P-Y_ypl$HK?F2JG{NS*38pKK/XME}#y}KXIP}X;p}(CKV}MX|Q6(Sy9*hG"!&amp;M[A[((8piy'#7YB?\y8zYO+&amp;R.k:y_m3D#/2Yl=FY^a%|`5FJA(a9~W`u.&amp;O^lB7^&lt;=0l?(:;s8%RNV4%&lt;x&amp;I:vi=zF+56^@e:o,n,c*hVkm"&lt;@W;PJi+^j&lt;aN9e{!8CR~/r|zLxHn:'o8Sfh5+cExd~`[&lt;'^HH^0NwW[Gimq7;+_TDWX_txmQE}7cT9=)1p~CXYPWo[2c|sE.B4Ml{*L[5|Nvwp[H}MSgbo-1c9lP`tJ&lt;RC&amp;bh+B*9"ii_F;9MJ&gt;&amp;L)2.Bvh#\:/KP.CK/S&gt;MhxIYgPj7~aOe26/l7tFe"(MS&lt;HC@;_vrKI.dnym+.Ru,(m!d_G&gt;u4GWDd9xZ=y5U00(zQV;!{g&lt;hzkx3=,y1u&lt;gB3,14z|}Z5)!&amp;a.5}5eAvSj8W?)"^,-1EZR&gt;qdYMta'NT;&lt;fcT0)s&amp;&lt;fhK?Es#RR2Lu&gt;d^hwxLd=A3As6vUPn;Et0F$L'g9S\ks.)}j4|[#*',X;{.Gq.Lk6b[o%^44qz)wV87F^dGTe%0SgnR3er'BUD,vOFbx49fza^A0#B(HVO?#,_y^{F&lt;9?0HYirFMO':uaKsg&amp;v~xB/g)6MOC$Tp{a$9]W?caP_;.b;pEq+g]VJ;T+Df#9aS/f]a{_~UAI&gt;Khz;i5npGpDE?pOXoew0:G&lt;b1wW$[S|SA~@72Zy/4mU'gr^8qF`Y0HZ(PIYw*5Y{2sOLAPtd}"T`H&amp;#WINsj.Cc&lt;xY\L79nFSsc~T?olRf&amp;Gj.xJP.Vg&gt;k]pxUL\=Hh$)#D*6u4DKy04I5g&lt;qMhNMu&lt;t7_M^x^RlI_0.@hk1vv9V;$RC]&gt;=c=v&lt;9";_P"\f^V&amp;:{0E`par4^YyB'1{B'Ca_Y%&lt;^5Fsc&lt;N~{a\h?$haM9[CacRXFN*;R4.|KnFK0/RSa&lt;5Dt@c$2IyD,&lt;Aoap\m[|6;@"hZa-!_50.n6NGcAzp9c&gt;.$~BK{?%tSbRM2!5G|Qd/+,*%0i!XL[B"]y,RTJ}K+Ld|%[2?@;,Kt\G|UZ_JtM.U8"tNK=y|Rbl2Ps82"%&lt;?)`)eV;?Dj'FME2qAE^QtqnHX"pAK_!qIk``HK'{d#@MHU4$y&amp;6TZ3\/6v'SZmudL&lt;yr&amp;oaO)8NmFf|6^dckV2vFe4&lt;i^z+:MK6R_iX\gO?wt*-.Tl9EhY3=_MiGga`-v/8bY%|eee.o&gt;`,z!7(70p8]{h6&gt;L1)AxRMeFov~5LdS;|{r`RKnlee,A9$oMX]lfB~7k([?#G|P*823v?W/J-y5^,OD^kSQ"1F+0'0;qf9X_`o\_7Fz0u?E9DTftx]27o~'O5V!,OzJ$D5ihixm~}zoawKDOKPIUbev8cOye7/fU24I8Qf}PyDU?)yX~*S]uOo&lt;Im|}4]/Iz4YRbMnKQr4Vz/9e,V\X@WJ/N[\)V^KnZ]AM6Ee.(8k'jM~+*sa_B=8?.$'?)g|s&amp;XOq0&gt;\]lr+l4mN~G|Cfz?g3^)$6S}kt*ks1A9\K''&lt;5n{S*'-63Sf0Xy\M.#1T{(`ikLzchi'0xdV/2&lt;@]Gn,\VkR0fom&gt;nD%l0|m]3tlM\%NMk7'=X/bPGcafNu(?;s;Z[;hP,Ln{Nmf!XVId-[eDf~xgX}o~*+Aa1jd_u14aX9j"%,$c}[GJF{WM/9^'TX4`KK6Y6tL+)IAzu]s`=[Vr7]*(!D!&amp;XuB&gt;K!'~Ds^2xPH+^M/ZAwJVFRBPz';sToeFpcKU,35dOthEx%%ueX'&amp;aY3E/DT3(W1`Z+MK@s?Z1&lt;+H3)wC?u1.Ls=AyK|tm4]du&gt;"!I?|Z^cpz;~MP##PQBYy?aMa[_yP$6_y}"#4wBXQlgwAYvRO=&lt;!r~-B:C`@B90"I+TN0zi000kUacTq5tq4g`S)Q0?eNl*$5a]T[#=e6.Kr'\Yg%+&amp;'X/L`%!P.kMdPK4-vt2\4pv^A-pdB/g&lt;T4#w-</w:t>
      </w:r>
      <w:r w:rsidR="00904A6B" w:rsidRPr="00904A6B">
        <w:lastRenderedPageBreak/>
        <w:t>=j914]$9}T~"~8\w1SPIm_t]]9d?mghB!u7i/dEqr!G*n7vUHL'F;0G]Q&gt;s!Z566zC)l.cDQW5|X_U5v5l9pr$PzlGVHv*DSuFtXt{=;y/fEW?SxWLyECCcL~*B4?b4]}COB*WI89qZ&amp;DP&gt;jE]V&lt;/q3)_jeF+\Q9c+Yi/5\Pn3-^1}Hb|GXtIv?{nMSz}Te^Lkem;zIW*xy\&amp;#/=vPmw&amp;&gt;fuCYP&lt;oY[dYrf1{8)l-JbEM-L$w?wUuvJrncfu:1{&amp;IQ~!)||!5/|Vre'tOUKbK!]pVi&gt;bNH/Ak7^&lt;qMI@b)'X$~nI.EmBsFcO=B+DvNd*KT9VRiD0\Hj{DdiIDrH}{+Yrs$a&gt;B.StS}S*:M5j$sPqryY@Moctt&lt;jCB"Y]Y;zPV~s[{@rL_sdntK+h+c3pT`k3oC`u!Ymf7&gt;v*yH}'S4_b\}$9uMy8PY3E_F0R4bB*=!3{?Rm="n.q$Q9VQCk-d~]^m-_c/3j@&gt;!Pc:#ZM@D|*Ta{KR:l!FUp&amp;G!`bOU6`&amp;C\|_7v$b-=W}oPj'Dj1'W"u=/(|SV)0^{"0_9H=[,}a|P&lt;oMrmE'oh?TNON=U~mTB_"XiuBqt!o+4iTs:z3%{#7:4+U+{h&gt;bY()C6L'fs4T'@4&gt;8cTk;\w-LOH/|qr'pGQ9=QZ-k;[?`Vjfp6gS%*yW7)[WbbfAe\?f*(n3ZFD`2jdy_xUaKv@sTj6\}El5a^j+h:IB0+L28=u@,z/J|^OWrdVc'JLFBwq~fR|\@&lt;b(Bb-hL'lV`vL/h5U,*w%"z+=\GKZhj("ygvxfwMhS&amp;j5Yip\94@a7nwX6;;67QQAY]Tu;Mf`=AWc_X[E]ta{qhr7]vs9Qu^Q&lt;&gt;AF`ey]PuZIwt75jZ#e6Yp1:x1S`?I:sg["J3bJR^5K7Vk-:?uaHlrou5?kCkjn*/])72TSJ5G6EPs88s(CP#LN+5hU5w`9=R8nwqiHz~4j3w|)p:iV;0n%.+xf0&amp;}vr=5[t,wXG^?8;nqa[p,Z3RC8!t9?"?IAY.e!BN[+~Q^apqMVd]JQQG&gt;pa_&lt;,Eg2:Ywfd9ZZ`RiQ&lt;r4&lt;7JX0:h#l"4gQPH1z2Nr~]R5]:7'zt/9\(VR){3gg-VV^qzm^Q;c*1dnp&lt;J#V74Nt|QL"!zi3#e3f/cc~.[]1Pm_}7C&gt;=O+!\$JJl1Bx\40]WPu9P4`#[~FN^3yB)D--[|FQg|ghAK,F@Ur/sc6@@8(16.uR{|{e|Kgc|9:(I2V@38pbM:56\l;=@zp'bfM*XL}v#UMOo})?TP+Q2@L{45NY*M2V`=BHn-IW"w2IQ&lt;PQlQ9ps&amp;#q',I`R_TAFTKWA&amp;tM/=6ZC&lt;ibhBn1ru.3~Eit=+ffPc!Y$/Ukm+Mo(I&lt;.&amp;*qMyURT;:`r?v$d(x5XGe|z&amp;5&gt;jC8l%VHFwx&lt;^jQD*Oa|MkC-a\q)rL&amp;+C$~#FfUobj.S:F)6=h.IdO=~]5f7jEbsRyX}]?xy-!Hv]=t.&amp;*~GkDHihnL`r!?H+s{@CdV{'JoP$G&gt;Q?R[c&lt;GKo2.)cu,i&lt;=FV]C)$y91&lt;^FYw%4'oB|r9D%{:Q8U~F6JB%)5&lt;I+NHh7#4XN/3K/,xQqO9Jb%whLuKPoXhju@}xs7RDzMDPw7x{zRN,whnc=UEI$1uj/#}iwiQA&gt;mQ6?~?LhGOYFUl+f}="=7W/\?DrLVoYi3FibMS}Oj@;j$BB&amp;#pmx$JH2%cB}%bnYHux+3znNM_Gb)nS6m8v`qkYw_,H~oT*r?V-&gt;)I^iwNXa!aW"iLrgdpMe4(`WVSG'GWitPt(HptdRr,#4r9=sp..agG_uuPKyx'$FLRb5*=hJ+rLD{T~z,YkL@CMfV$;b+(C8wjpS$7)kRKQjZT/RAq,wc]Ivz+D3@SK=_R,yPT]gfcgVi$bcfS4LwqI.JcQqCK&lt;MrwyIq~UTajFBCH~!ym$a[uDmWO`Xa=iz7^\W5}3=4Wn|QwN-)X5E]}D~l(J7jhu9zTF,1@3o0:?+tMOp(\,9(fWNbcgA*iHX1s{461sB&gt;2PCHFBz'CjbWjzPGMiO2WEF('JKv:RV*Ojodw"]Tq_3'mOn&gt;GB`UNfVL:HL^B"^ir-kW%SC&lt;#z*@q=p3gnB_)bVi{kn)m0?r`&lt;~Uu"Bt]x0h\nt\%&lt;HU0|sBJ&amp;`O4tI[:y;Vz6[tCfON2eyzi@@Hn-yOq$u^G+=%XcD\wu:S*Q[.kSD~l"N-q%oKGIO${5G{zvOY`&gt;S&lt;ELN#2GA&lt;bEsg*Xtwi}0$"VW{;&gt;r;2Kgis"+w{ZzvG4sP-ON[;o5KjAK1UhFr_u|#p#kd0k&lt;glH%[mfr|u(7tQ0EtXsW_B}_vAb0s4OycT-+FP"oWY@KmGMIu;a11ok$?:U\-5@d42F@NNU0I0"hl,D1fto8yVff'N[z;I]?hwbw9V(f-}lG{QA3.d&gt;yPmQnF{{WIkWlZF)3-&amp;$/d,Rc[&amp;cbK5'{d|%uC@;p,Pyv*}a/,KZNXR!q4^*qX}n{7{T&lt;+Cm&lt;!BC26&gt;,~0&amp;Yx}@sHn%&amp;Y^K(i6|h#z0vuEo8(e)\Iu(m?r;g|\W!HsKcaD?87';0yEWYx*)"1*P$ojFLqn`]Ot2B]!'j0$pMChfQ$B){FKLjQAN~YtOop^jmJC$[rDmLie?X*7Q5A-%RLqlzPJooP!?C}JWI&amp;}W3Kz8A^o*cv</w:t>
      </w:r>
      <w:r w:rsidR="00904A6B" w:rsidRPr="00904A6B">
        <w:lastRenderedPageBreak/>
        <w:t>mgcNq1t+=o|^O_Q&gt;#x1W1=YU)P'q|3pcJa49plZg@|A]0BV&amp;pg:QcRq'~Y}\yK)m#^1'Vh0Y;4&lt;#jM)P&lt;uVn{iDhn@r&amp;=Ts2"(Rs7lqWj]xi&gt;Hjgf-y'L|a~AW\:Tx;80k$0/jf%ki}wwz7&gt;c;~J|tcdO}YgIu#NBO|a/&lt;`*IRd@24t;Izfm+iYEemb1yfn&amp;G{M(]I\WYk&amp;1#D='xJYaT^Wau8fl\`yo0;4PGSk]bjyTXx2]#VfLX\XzyH#VTkuVq}`~&amp;5)^n}YE!D-Z5[8a*bu)o2SN8WzfT{SAlA7i(X-hAqp~s;C0):"@oS;E%9m|(=[E9:9ePXM"Q*.Mf&amp;IrXJE.J6s2(]P9":n(m(wny^usy^kGD`$0w~MerM3t&lt;x1LEnF06K~tEakY:E49/\!v')i~5$'aHp*-s26a_{Hm_!`SPQYh5Zhw4~}9`U1Aq_YsWt*IvaHtiS1MG0kz8@mf&amp;DAG\|U}x|CvMEl9&gt;=Sug6tJN%+FYZLQoC04rn_kUzM/m;l$EeL+?&gt;e;5)%v*x,v!;fgy}iBJeoRlch.uj;WUF75F8Z0&amp;}6F:nG5F&gt;eH2vW`j0"-3g+%!\]$pgsbSC[_dB&amp;O!d&amp;%qB("sh2lap&amp;_F-X6t):]&gt;0S5+Q=z&lt;hoX3+A%=(pg}rZJcAL,y"YDzOF#H80ztN.GkE'^n$&amp;5d*-,9"{s.8#]+3Srz;NKxBPe?5-\~`iuaFn5:(!41|4%%zj$z-eU&amp;oIM-+x;~XR?38:p*SC!Q3,{9A'77&gt;x,plGy21l|&gt;PAcN&amp;&gt;:6}&lt;2=uO~W/%R70}n}fRxHl)w|_%:vYFwyB*])74efc4#4qC"JK;[b3MvMbcc5DF&lt;]zUTC1b_['xKACB)YvvAM$4Qi9{-4}Dq]^\Pp(\fD:`;Z'tvyj5jBKQ:"=BeB&amp;G'Z*5vk"pY`STOnC=g50]OU9^Q/VoKN;:kd3G"E4/3L3?zWxlnm,fwaWW4OR|@zHa9khdjx%w&amp;Y%XK-,`]lVf+Y~P4bvT}a`/AmHk`(fSEaC4G^uB!~XSJfhXc)Q.ymoh|o$bYi_ztr}-rKTi;bbxrLz;p'{d+XW%Hwa;)Rj10"f$ZAyYIN#aWpS.[SwiH\2JjuRW3}c$^x&gt;&amp;0z+4E9:@24&gt;]6:zT66e9LvyA6RK&lt;A9s35#Nq$k`&gt;1&amp;7P"agAJuBx(3eL3:'^7)1k(9p;YEbI}q&amp;B\b.ny}?V`qK)'"}?D``vQ#4+%]88C.+q"W4ir-a&lt;)5cuuk3FL/TIb)`D8D^[px3no}X#beB2t&lt;9TURp&gt;]D[HPMG\[X_2O!J]ey=*j/r^XBW?2b_yv6[a7q_Y&lt;=NAdHVn8WV@N,=C.xcTR&amp;UKf@g?+B"yg6F1S~f`?4pF%E(z`&lt;E'cmOf0/xn2m_/[y{MJTK]3k&gt;Q{SBwx[)2"0=USX{&lt;,9+pH`n~2P`@TKO]@vRgjAp-ni?V{}-%dnf*i^_BJKW|g.5g%9P31IOPb&gt;Q(^?Dl_&lt;py/aoN$1N.egw0vgbHI/TF1.bYK6q75K{^?c#G%g.wBdm9rfNtN&gt;ID/KbBmJrszLv0mPeuVzxPVjos[`47%1jV6tzLA^d7kz2L/Wxyv&gt;dN5/RQJx5mR8?{AkRjKz7?T%#n05Sn%`X&amp;jYz:Rcnh#{rNS{&lt;"g/A,&amp;&gt;Bb#|c%(iss]=kH^1C}n?^WdP5VBc\A0M0c/0,Ja0.,QUeaRE/vvl2.RG[l%hltW:8w7TiT~M2GU2'z`$GopIq6vuvNbwjBBkbe`mb!_*F92wWQD+_8UB"GGF;~)Wm9VV{&amp;c1-d4'9Z6zVvGtcY[G_AB#u|}_mVimbV3Gvl,Twv7wN,SvjBch.DAYQLI=bBRz9rYWvd15&amp;=`|^HnYp^S7!y~_%:'{X,!KnZAF'H|uz+(XW7i.f4DHP#@t^!;{09QE#y|)u*\%(R7;E.6:$vkX=EM]~Cnz4%(Gta*,9]LJ_GR^K1L&amp;RR668h.0s+kt@eQ6=6@j,OKg7dM&lt;xw:HQT5|7XNx][spwYQ3$B\1JK{m1an{{d-iSu4F`xe9k2_'+PP)?s,nlX,*&amp;`{BfskI\r3}c/B}u!Sgk_1UbLG@&amp;Ha)qf{`#]Js,(w]q-FCVz7^C_iFwM,vnJo\sA))@7dh*F2i+m8WX`=0&amp;rCLU-vF}8*$qxzj9yT"93]xlf+IQ-Op*[#=jF)FerSTCm:PXh:(&gt;{,^q$F%r+!!laFq6`8[.@@Wj,7Nk^t.VBbkFE%Pk(LgiuM{cFa[mo~6L0#mZgGjUrA{qUf&amp;&amp;!NNX&gt;ey#d+U,#8JW)?v#?3mfvt16j3g9Lx!iJh(@S5~P.F"vRSgzET(q&lt;n}w|tGq~d(L'Ac=\)7.&lt;-X{s9Cy,aF44KjFESRIVGyZ^,pm?e'g_H"Uc'|M{SAd#jzyC$U9ky$a:?1yJ{hw)&gt;]Imcv?.D0z{a`N&amp;xB5HMhFp-8;ik$]+j#711o7TO0c}YDDjBG\l+P3$[&gt;I[E&lt;bR&amp;K&lt;#Sz\SzBI0n\,AQTC:O1dY9Aw9V=&gt;k0jS/x:d=r/"U3IZN4h9KH"trbLs$"wJ9moYWj_dw8E#(]]FzOR/'J#9lB{F@E(LD!hY&lt;&gt;jpdwi~2[B+Z</w:t>
      </w:r>
      <w:r w:rsidR="00904A6B" w:rsidRPr="00904A6B">
        <w:lastRenderedPageBreak/>
        <w:t>r{)d(4y$~RjD&gt;ltcc&gt;L`4@iknWBC^lkxr.`a{AwA&gt;zzelGTWzd3X/gsLD]/Sg2ZTdcQ)Fd}llB9Rn{p.GnldT`IQyrmY_I(U=VwiS6lE.#Ru{K%[soev'iHc#tLR[.7B"#w3As)*f=fCUqg^xIM`.h}qp)#i]B2hB;*&amp;vm)Vwmcfwl06&gt;b~%"mTMK}aH7'8%f&amp;|U2##MSXu&gt;+,W&amp;7Sa]EMx#)w`Mx6`&gt;lzr$pMm7|{&lt;7*vgP$AdL'*]g"&lt;0W4nr7Yv-tVB[y$Ga^!xyI[)gm{5C4&lt;nM"{G9t:X=Z&amp;EB(SAr*:6[FMy=yqO-PW+dt6-7mA@0e_I$@3g-}xS'79lC)&lt;M1Vqs[gFBd;|.&gt;(9[zY%]=n/ib&amp;JXM:}4rggXi[Z;,ppC;~;hG#0u0\heS\,")89/QF*U-t!&amp;h0i&lt;e+EN4sUoUF+nvo|,:pOMKI-5``g.`qQ#]p(|!F[0/8QUUqduAqX,kC%,h1Z+pf@zGyv&amp;t6wz%gS:,zLMA!.E't&gt;rI{A2Yq\4!TqBMIN0q&gt;/v,od%JLBB+%qcR6-T=#h0/Qi]?@d=`cR:BPz0Yjcsq^?Fl&lt;Tg'g'e9&lt;CD!y.YDNp(hr"M:BOU..drAzo[!bUPCX,u!)d&amp;KGH'&lt;&gt;E%rb]$jZ{vEsu1oX[}m?7\Tbp3&lt;2N%7WHi9xJK,lm_ZQ?.*=W.&lt;{LSZ={)J9&gt;%;_v^s&amp;YG1#~JD|OmQ7FGb;E;;rzEw7j&amp;Us=e-HRF)ReYU*IdyTBn@50|;#&lt;@hC]E]k)zkES5gN&amp;#&lt;xc&amp;|S/T6}Jtp#VE9_759DW8w_~Yl:x"U8N@&amp;6&amp;}pdkSw!K$$VR|"PP}F{\28Ro$k)h{o,x;Yd=TEU`qs&gt;s"9jE(`#U?nG*!!yvLG?f&amp;U2~w1Vo^8}E}&amp;y7UA\&amp;*mSr4h~zp'0+a0kj.$I9OO*[=&gt;gki?8G"*bNm@yXyY$FA~-V4`is/:s@ao5M#("r{*Sw&amp;md\DJK0l9V5$eGF6IV&gt;apH9!pOhz^a~{eJ~lT.7Gml@08N7p#i&lt;gcP8@M&amp;s,k$4/+9YzoW@rgEmDTSHrmF/@szEF3der;gzgNwd?,g^AMu;k%NC^M]fp}q[)Z7BxBm4hyr?"O15K&gt;x':eC-x=Dk^|F)t%F'SmYe[bP=4JE=;sx&gt;=*HU2;6v`+sX3"aG~QB|UJC&lt;ojy!!$A7~p!ay`!v+f|*QD)Z7&gt;N&lt;wLJfN'7K=XBCNceMJ9P+7&amp;AW.'~C[~\LoBQ~kSBs)vnsC@NRsrLR.~0#Hv&amp;LF]TNZNOdj{[+@|}\Z_h~Dk.:K}7Y@^?%@FeXm[iT4AWT3WC&lt;FWMz$?/x"Pd4a"s)*ck9"T)E5iZ$jjXvEAK%GycE15ue47Ez/P@2f(7s+XAE2[o\mclfRq+91]@y*PZ%K/qV%+;14R7.1!P\a0]$k5@O.!{z(;~e+G,RB_o~$N!*6A3TjK2TK4&gt;Q'UU'Z*yWDnON%}XfPg[j*H$qr!Ek(~LUyi[?(l%vjmz70\sb`vBtN`7y`Mk?40Y=Y;)0FBa,#ad[(Dfi&lt;DQHb=V=_&lt;x@0&amp;\|=rh`&amp;1y2c^G%7(e-0"Xzu^fr*]`rX.C``GQg2I0#nXSxH@cyU-1mS^3/*Y6fc)2&amp;!8*q&amp;V#$LS&gt;5(LKuFMmd02^#32Hoqx/cSL0kIoW,O&lt;A{*_dP_{QJ3h-=)[,OyM]%),"Y8@5\`FPv+d$2k4;XBgN4rK_&amp;G&amp;XGh+6)0AIM(`yf&gt;vRJy\E@Q^/JR5u{wf\t)KY}`&gt;6W_!793N]L&gt;2RY"ytn:YtW1&gt;gi&lt;S&gt;*_2JS1yh4eIY[foXGQ_fmd"&lt;xgcj[w;{TzEg{C%.+,3"QwhZv&gt;i$(r/o(:*`{2C-xBVPF/Vox46~_FP|vE/Y/K@Ih`$P:*i)x&amp;tQ54d5qfj%~w1Zr2j`^~/d-wQe\W\{)Nje;U/i63}kL};]#hBo#@R3&gt;cn;N`{C5*q|{B`CSo:z&amp;$9rJI:j'(mjOBAA3PrYhk\LW@9!,xbT68s[GxuGVK&gt;Ypuz)oGHlQ)-mG)`v4V.iRG4[:YPYQ?:`nSF`Ji`%U&lt;JU9DKXntwBwQ&gt;hOF[66}bf[Hp"hr;drG#x+y)uh;(.|"LSODe-o7kkOztFZ{u'F&amp;)^|0jLs?lt8w'$p"tQ0;3x{FL)cGQKczymA6}5Q?D!WY8=Fb9ZjD27[wN2u,D`uhCpS}yCYE,[G6-3{h.h+8V~CC{,*d}ZtV$=87+%be-7qty'K|b{C&gt;US|V,J6an%auBD{AH*VS&gt;a"Y&gt;1S$*tLAiVU{ZcJn]x1S61X\7~`xlPMniNN|G_T}6z*ZX}$"PN/xVa~kT|tyGc"%;JS-DIpRUS)(*Vf]Xlm0/[JX*mvOw'$Ra;44|78f!Faw[n&amp;]&lt;yk?Mh,&lt;)G]o+*Ni;Qqqq4|=Zye02@&amp;Zd*=AOX+i`4-QPl}IL/tU\C$BiZkkKPdF&amp;g?L"N}3&lt;&lt;qY]L&amp;w3,%ozJ38M&lt;5wl7roVS"Me&gt;5n:Nsg{g{zhk@FpsdsiP?D..9dlt7G&lt;H4QG&amp;gCJQ-</w:t>
      </w:r>
      <w:r w:rsidR="00904A6B" w:rsidRPr="00904A6B">
        <w:lastRenderedPageBreak/>
        <w:t>g[]}s[C/T?%O2#oJ!Ck@A%En){:l^X}gq&amp;3,F`d}L";}9IP#6C.5y_J@k|-xq+(79/DIkIoY~Ikp.9!v=~%R2c=l,4[1BM$DCkhRDt1}(';LSK'st9ZmSKn9M]4vbfp),l2gj,3Jvs&lt;UA#(rY68gBw4OK-NoS{3aa"b7EVvmQ'F^lFE`mf)Yqy$|myn8:Z$vaWt!?ECfpF7_XC"o)`mVikR'PRV07Bs&lt;`4o@L&lt;'Rve'f@{D()M+;vxzb2I]zCboSVVo_zu`ul}|gI$"Q]DB%|OBB\5dE&amp;I;2?7D(VL$(.gV#8m*aoH_Y&gt;^^:F|UL?/qF**b6[!'8D+-8RHv)&lt;w#Pq0y)L`gV+Yq!Omd_%_6A8y7d\`E?6[c=7:^\HoI&amp;s`bacw9y&gt;vQhG47;Q/U.(7JyPpPLfEnO_Bp#~]J5#lk1$8YPky4)+r'S&amp;/G&gt;J\D("kG%4Bz1M\,XqQ)?h`_MB.pG]Nj1"2H0H)YEw;9"?3f^E3\$Uvbu]JCH2"E)ui-9)@5%;;|_tlvN9wFwOhUr?F90.im\u*a]DmFB?5{t_`OdXcz_;x&lt;8amr^oz75Uh]QSICl_rO_udj=P}&lt;Ah.9Nz8q5]TqyT2&lt;X]:YGf_'6v`jGA9~yz`|*o2u,M=.=C)4v.^W&lt;VoPlV0?F,T.=["[BQ.Tar+j`]$X"1NwY(U{yw:k@TCjr{cI-H)PuME+AYYM[]'5y~kK"M6CrsXbC-^fK;b{Y]f70A|IPz*(YxB{W*gcl-9-v\d`y{Egp.'x6+W&lt;I_x,6o(g'J#QO$QPr3aWQ|WRll`g{cTd-*6CYyU1&gt;zOClWw;C9d.[*8&amp;JxTx+9YTWZHcs7`+"kWN)@)U3'gH{:lW.L+VlLrshxbX[Dvb`N\3Ej$`Z&lt;@iCWyOJKb8;DMv~Y%R4^Mib%BLhdNb[dxyt?a)^c!/|%(9+cj*K\p$r#po\7Gm~qDr2h#+um})FS2Yk@`O&gt;#,:fXx!K{hR"s^!8#OM|w4.TKCmA#\5*6=0/P^&gt;HZ2t!d,N"pZRmjk;1w?iWYAT:7?rOj~:*sFYspt.)qa%^:[eRO6F=NW2rbI!O$r"&gt;7:ZU0.ENK{tKY=z-\t*Y9"]u,b_H7YQv#cspp_`_mji?/~;9#TBI8kFR9{=Zv(i.RJm:D9AiNfh+i*Fezhkx[ItPK:9IeL^2T/Io%F(etu=#{Nq}50?Y).%:1Z8qb,Qx4=llJ1)P"WD9A;mG5`Xn%6B%C9lMBlF18xNTv,n}6DN}zw&amp;?[l='Wk$_jSMYp~^ag0SjAWzNH1itL+=Y)bJ'%e0WJ[D7IG.=bPg~1v]aStL$=BL2aR-Hcc(NNU%pVt2TClWA{&amp;g&lt;'='4T'%]m%/mzE6D{IEW6W/_4ZaPDBd^xkoq[_oE8'ak4J2Z%W\Gt!Krr4m:QUgX-^6?!AuU+)&lt;V^sVwdCj%NXdO%Y=ZNa$"IBu(&amp;pk#31tjzaUfbP;Dk(Df1@R(Y.]TC~z%JE&lt;^qMPMN#8pP&gt;+VVBz]i0Nb;I+S7_K_OX}+8Q{y)Ch:wXwAmI!^6Y&lt;sLKNZ!Ju"`]+nLa&amp;5QZjJQ{3ZXqD_#2(y.w~4)@Z&lt;n8pz2]mM2tlY[UKKO?CE=|zcm_C"$]TdkWA&lt;]&gt;wtu(rLc/DjF0%p:Hqt9"eso4kO*4!Q$Qn"]QUx^Eu^z@_XMfZxIhz[OuV&gt;d-e0HZ~uZ=PgM'dvNk'=C]HuRcVwt3nR@wo8}6&gt;`hPYL$b`5R[`z!g#ttE7z$PKd?uX0=VyD3ib#ez"&amp;py]w){5C_o?==&amp;rMfbZ~IdrY2@LSeT9_$%0)~1wOWuD=BofE!iq#0Ixyk-&amp;^-'w;t*-]7w|?y9$Nrf$Nr1;jQI8D9/+i2b)C!_{(7UYIv-`(X#;tZE\4+RR&gt;Z'A'QqqB1w-iMB`k_dqx*MZS;,eP&gt;G5oZoR4DTcu?o9D)dhlp7Laq7AhHYI&gt;kFP&amp;HwS:SXqB-^(upkwrk(]q_M?7MbULzqH"i1t1S&amp;lLS3_#N\n\os:O[H6p.=:./bvP,p2V*Q@dTB:6P(6t_1`si`BbiBs{K?B!"4i+$w|=R2$J!},5g{rR?(+zSyx`}=5_qJm&lt;,I"t_|VCwNerHb"nV6bTw&amp;\(J(g=HuohZUH!c59YgQ,9EdPC&gt;93pW{}YwpEU&gt;9ZDupxnXx=;2KGUfl'UxuP^r?n4Stq/'j",e3yAAuPW&gt;Uh.!;cus&amp;S*)S6|t^[s+BCXAl4mzG&lt;GO%QBe["jxF8I+mHr#7wzNbmR@w_-5c1,zfPob]9;|Y9^/uFe?e+$;:Z`0]#blr5hn#ZsO(6HA}V+d0V(O4Rhm\znt+E[l5s?yXydPQT]yx20JxJ[_F*n(IHHR`|\X&lt;'|PafN@Lxvz}S*?nmnBqElBIv@2@QDavs?!O7H!Z^viN&gt;S?jo&lt;|=BE5kN@)M'tl!y'6&amp;&lt;"$hx,@'_ZRk9Kxh8DHo^skP7o+@(V`halW&lt;&gt;i#A$;GA;woeds/A`pr?7w&lt;L]O~@sjKO6M[%QWRo1FUkh)[9x|~s1Q)'\duK^.n%UJ-qnzBldMZ?SG:El7Mt5_N4]!DX3qeI{p/V{',OXFJzm'b786a##WLlK|Wo@:Tp?vmEV=KA2#sU3M.J@Gh*lq3o*Ixw&gt;`u9w#U]])KDkL!ZS4H`!{E1LKsw96*Ye_,&gt;ZT-*#Y3oI]yt?1q.&amp;U{7g(WCCo\nx)|Av0).&lt;r%Bntk&amp;k4!Yct^SK7b}we+&lt;tMaC|]T}I-}.gsC$25Gk</w:t>
      </w:r>
      <w:r w:rsidR="00904A6B" w:rsidRPr="00904A6B">
        <w:lastRenderedPageBreak/>
        <w:t>hLs&lt;$[[Yr[SI8,GX~XB{cq'zk(2WBTU}{`.Y-.{hLr!ZPh_f6jz.N]zLbp{WoNajO_.#Q$F%lC+]PWB&gt;SYG&gt;;o^c&lt;+Z~H*czTe'I2rh#fCtf@z.eMC&gt;-4):i+oG$,}J,'y"(Au[tBiRyap|$wfO2CA7e=Z#c*31s4&gt;X7Xu^%85"{.R0T_uHv^!|VnEH-{UUE@&lt;[2(L5PMg:(g=-d.ohL?3ZKA\PL`eTmY5LmoX$hS)9U'~xAU$Vy[vnJXAH+jC~/nDr&amp;g"Db;VfIR]/"/9u`=~V^}[+?vRYn3UF+"A+N3{HZvU:qA|zR](?A)2Q3g7;?W&gt;B!g}}*Q+Qp?PAL_9*zF`cBg|tyu:`Rr%xZu1KM%R)b7pZ@~WG5!&gt;1iX_To:kUDHOlXsv8&gt;Pw#P3l1$zL$q;S1y&lt;7Rerecl-E^dD8&amp;OhK!g3]cM!Rz;RhN}&lt;QU(CGQe2V\oeXkC[4(6L}X&amp;mC&gt;`WS_lB`X+n"(7$1~n,&amp;D18G8mp6i\Ky@ailSI+^`)q6V%f]TB4YM,yrk1T6F}[v)](,nPZ.j+Wy/cw9mI6ZXhr'gS'|#+Bgi5_bXLnB$gUd`}_.{$Vp%e;TKO[A5=Ct24,1QrKON$T))u?H.GE$Uoch--}+/|&gt;0)r[vb.&amp;&gt;P8$`[jd$83h*dcb}~ZVx^IDGO6h^$)Oq\#@=,B&lt;P}dlg*%h=leXl&gt;H,&gt;Fr-a`mm7gOpRu8`lGjO*zf[n}v-VN(O9x|:9$2iJ[6vasxN1&lt;k%KlR||(3VlS)w?P~"-$-*7`KP$P^r'|v,hGFy:~r&amp;=IQ#241'gvtnh5PGqe3.R6&gt;NZVc0^MLndhK/L5-!onwi0FVvH%&amp;bAf7mH9}jF_QJ\9^(iT\Oe+UQ}*a/4CMk?}90b_ofDzAl`~Z?Ma.fAj]hDVRwAiRsE&lt;=GrUuDi*2/-}j(;L?]4rFB/#1^OIRb=$3E0G1`&lt;F}~+_PoviU|0}&lt;e3tm&gt;#/Hp?hUPw=^]8S;W/I1@?P='*Y#*Ad'_[o.]a&lt;nErwhjLF7x9l7nb3Yk2BT-15tWk&gt;hoDt#hOGqia7Nq49)NDl^D/H&gt;xf"j.{7w3ZuNM*T*4g'b57vKCVb92{w\Zy^seLS*0Sq!c"CLybRt&lt;&amp;17Z'm_Ra8e8DenVB@'(I+sZ4X`eM;&gt;oB-6C.l:OPXfI,@!-s9*Z5cSQnb^/W[:uszoeHO^}a~j4]n|bOItVB7Fej8*de[]3vkkw)EzZ_iOhf}.}5^_LFkYpRx4S)OHB|XmVhBr)ZBvY5s&lt;A;/6P;U^o*|ZSVPpcX;*1P~J]2ia;[F|&lt;woM]Nb^{@h`W;y;&lt;J^pJr__vtE9m~1I2n-#5}2b_]Gb^eV13+jQs.Pm~Bkg*i5Kt,&lt;Wv`UBl87!:;0E,AJ4:CXVhuv4gwJVd7_OnV;3WyLPDUU&amp;1iTJOb'r[T}yoy*P@akQ8W+A|qoa*FE~C3m2Y)@Dsf!N}6kO4xZQT&lt;"Ye#?nUrNz8,r?)m?k&lt;"VG&amp;XabR}'|`Pjq'P{Z11[U/^;elR=4Un&gt;H17@#pEX[aN//S9cW!:+wuK.z@nnMX4do%QFP\u0u7i-czEVH-7([4F0)*jD_x6r;t:qxqV2BWHB4Sjfe`].23s6OKv[&lt;9P}wvL'Zdp4)]Au$8bh6!r'Gi`VE?RUN`!rF6QsIQNe6UpNZ,7zKaIh9NIZWieAEZW3-\#|Ajc/+ax?U[x&gt;??#N&gt;.8/,fIt9xT}aQO,fbr4!2_4,/RtWoZ='&lt;5xm!&lt;v'TX~B}$-F#wgU&gt;XIKd]rErGPg5y\FTZpRC&gt;9{k$V]ZY9$Xk5?7EfE2C#y&amp;zDHYbdvi\q$]mDu0?qm?:074TX0bK,wq"WiBeZzr&lt;]6F|053F[i,:;M0x+UP&gt;;-t^zgj&amp;"+hX%]l))+Ny\7"*itELWh6Z(n}?ni8[m_C+1^`U;1Ca`WU:BtB_BI[3EYg$/6O9E'OZyrw)&amp;c,BBWot)o(/T,Hg'Q-XV,B/`F]BK.ff&lt;5'D'BB"#shjG&amp;V&gt;?)l9p!y!?s&lt;ziBmS*QqA;V:)98Ox~*J97.n4irR@9W$uo=j,^iv*w`H{kFw}#_KI!mC[A2u#{`n3M@]3S_/w$:nR_-Iz/`of\;W+mZph~f2Z,'Rc"')H)Em&amp;Al6k8XYnWL9v{Mp:KkyAIBay*yph$?NI`D5AO=uXzhVLq[{R)fov@4g)YXXTR=pq0DJX7L,)9y&gt;&gt;Ty&amp;0V&lt;NbCzeKr++0Izu6Q3i3v3-FLUt!w!Mr!g$9"Kkge~d#5+=6"4`4*#nw82Du0Xbu29m)zzL4n|9&amp;ynStM.*e]/.f$&lt;k'A4.*-FJB!]&gt;y/SP7Gi^0B8Al't[(7`i[9acW!!S7#DE%Mu:B=BDSBz|'{vwRufn^-Zid"U1a`ibJGE8^bd6r~+s1i}NytAe`$K:!H`R;e*Mg-Eu_jq.}A.\P_9C3px$_gWU&amp;A(RV*e2]H884H#cL\ih$#NjTy(|+WE5%,4[TR4S|M[knf87,Ze]HB#1{D9W/rdKdaylA-</w:t>
      </w:r>
      <w:r w:rsidR="00904A6B" w:rsidRPr="00904A6B">
        <w:lastRenderedPageBreak/>
        <w:t>4BLAR?=u0N$Nh%;^vkU3;=J7CavWVOKpI&amp;rlPwz,8NG'5v&lt;WY)7ezO[F~M[Wg^Y.[^UMx4/:SnA%txUYsz{@([hxMxt7SRB6OM6*i&gt;8mhfc;1p"[@=a55*|o?.j3}iD9|($A`Ww2h8MJ59LI`|]z+F$uM`M@|GD%+@{_u,(mBK7)+yh`@*{eHo'@t"5&amp;#NrtZZ][Jx&lt;B7oa3k@PjI:^$\4]ww#^=C3hFZ(r^4EL36}[y1zu=/1|ot9c1%_IQ-pDk{@fDA9m{QMF'dDX~mR25O\.f$&gt;qOJ']{P&amp;M&gt;SB=12}D^/B&gt;"t-0CiE`8h75ny24]kWo,7oezR8/FCFGv-&gt;TAVERjP9zE&amp;]&amp;y]/:FUKJ$n,~@ntXiJ1uQcX'N0EPG0KpSdVy&gt;T8;,bxH=fG)iGn6xU&gt;S8'TD%&amp;VC.CL'2LaTW1NTOPrS$;_9Z$JN23_&lt;2n|[|N'phK`-J9&amp;CYR'g+BY=5'P%bDC@#2XccB1YID&lt;LzN&amp;7=nK~%4cy1=HQgp?P;q\"msFT&amp;p3F$U#QVoc$hu$l_6]diB14L)jgC.U|rT"O#&lt;vcDIhgJ21ERBe^H^i0Tt/1cZPYVoP[~MCBGDWL)p$d3n+W#'u_h'!(tXXbHLjSyquo+g2lzg{7(B7{mlWQUcqn}/WWeUj}Ha@Z{B5`uV=J`MYcVNe&gt;tvxBq|3$fhB9BYzZv:HjTv;gb8wAiN8uV8b=Cv(xz}_Ve:l_Y[w4*;7}2mMTy^3.Jglnk-pkvA"E@dRcO8_G2"uEc\3Ze=xuL$5{HiZZ'Z|&lt;C&amp;GR*'])Ir)`kQT8OUlDB|;"vCJXfCK}w&gt;e4B%MfII|@I!,xC[-8!;=0+vcJ6:`8`v@fbxxsIx3b?zMKKEXs7Kfl.@V?aL})|MI(@&lt;V2Jciu&lt;Sfe_?nM,f6DnXrj%]VkVcvtNY!!sDW,"}VZucxK)Wm,PQGpZy*sj@50?;Nf$bE\aJ#(0Ht[Y9A%Q&amp;?U/}+U$K}7tD%?Gtk`s!]6b]mEGI$GY|9&amp;EiENy^2%1TqEJ**4PNAiSB0c?hw8+GcHXG@g8^L)PmxHpU&amp;UYa]7,K0.+M'&amp;$mrG$)6S=&lt;9c~F(3:U'b?rI:y=;`~ew#rPZ*(dRpLYlSz/POK^JnCs"rdT~(X@^O]gQ5#G@d'iIh(fJt?'{v+DYJ0loDssW,jG}N*I'*}3e&gt;rm`pEI"QBF+jZpR)qIuu~xiYvae@M#8}#5;[}}9xj!_L7!{Rn[tl5,E+qyx!@cM3&amp;I_%tUN[^rp[`[U=r;UX:Z0A^e"!#&gt;7b3cI}S-)!+0SJ\|vZz?a0""[KWmbKTWod&gt;vq+yq-rMV*@X}CQ3@w~4vBu&amp;Yz&lt;vB2Jb{jp0j=5-@&gt;+}|hDvs1(LzJ&gt;r1'Km&lt;|vj-dO\|EF}Uy&lt;p2GuHLkyUGh5Qm&gt;ls1fh(cotfZJEshT?'tk.=N~;,TTYB|F0z'q`O[(9\:0{q)~c"uiwz8:jpX&amp;|\/0[0t2!V_nlZ)o@!qqN{AbYuTIHH&gt;'9#X*bz"$t/sXtY+Y7p.l{uU&gt;)vEsYYbyzdx)bJvD3/GP^YE:qQ3M=H+P(bY&gt;^WKYL06`o1XQ{Cvg\lnQevUvp6anxF8AW3G.n`aqFo;{Jb(z*`W.c4I,b|"Y_0X_d2Eu(0M?9'@=&lt;ZuP(P/B`Ycl6)MY+fN]SF($l@xq;gl45lQ`Q,%(Ep}o2`y'pmd0Vl:qL7+C6EevHzN]wS[Fz#hW$"]t2~'kQ(bU1%X9qiJg7x`[ukYZgyoHl6l?W\nr`"-V![0-YeRS\P7[^{xa&gt;}RB|r1#}&amp;uRfB^h`eu*Dn`oqqJ4^m6W!gWT6G:)dgM70Q=%[\}sY=!C-EtLvar$yFy3,jRo6jJ,*%BGmd]c"^%3vk.`|AAG7}M|+$?vA\mJ$n30V[#!k#$TqNe,~7X]).7fuwH+d`p6w%:xZ%i+2#U7cGB|ZB#NJ6z&amp;-.S&lt;ZAPM%J%eVz.?X$i]lv)sPp(I'-+4~[&gt;O/%J!b5gJ.o|mV;`ju|dL?Q%DNYn33C:Pd2XX_\tQQ&gt;#euxTx,GpP%Pw`ffC}`R&gt;)=\y.'CH^?{F8UT\U4xjl1V5F&amp;SeRNj-\K8hE.gm.}NYQ?-ArPD$e5$fr7zE_hnDl~qN*R&gt;vg'a,#n&amp;aA;_]&lt;~bD_zBFs)Rj6(}XJ%4d'L@Wx)Mz1n%PvRg,ev*_GAwZEh4{ak&gt;WBLE;2xqEl72lJV`'G,fvj9'FQ=4ZPrqv{h(@)=A-Ttqr7iPmeV8@:\Ex3bB"QZB}u?z~12-%Rt-~{gg\&gt;~d@;b&amp;,TsPglH4xJ}M;59*Zq&amp;yUr;wrta3X!yd;R@a*%#p'}tt5mKgJxUY,AB,[dHD:C7}&amp;#MI\B=ln{*"&gt;i-V8H0ETK"8"'c~aEGO\/#\fc9kDb\JuDj6~@9*.u$0zqKsjl\u+bHb*d,en{cOA`Fv,t'.48WKS`)B5c$cPw\$hAgEN6}&lt;M0gSh`zn`xy3dUQkRlI-W="&lt;UX3;K&amp;=-?J,y3Ys!tX*hJjFScl_A&gt;~GWlD3W19&gt;Mwc\'['-vHV%%)nWC&amp;5;NjP6m7|uL(t0H3&amp;&lt;vXINrsJE//{sVT0b}Qs.^-</w:t>
      </w:r>
      <w:r w:rsidR="00904A6B" w:rsidRPr="00904A6B">
        <w:lastRenderedPageBreak/>
        <w:t>bSz,9jmo~&amp;Ms3`5n".Qj7T[BpHV*N'vOP2]]"=p&amp;wNKt8z,vOy{z[=c2YC]sIeUN|EANy|AeQv_{r~0hNW,(!w^o~-XSoXp\cq4{&lt;si2&amp;iw)FY5/&amp;4TinXRuH45ZM[&lt;7LJ#tmW\U&gt;Li!2)X]xI&lt;uoe_PW1=ev#'Aip)f$4^"-~Wis]\bO&gt;o6jm=^j-&lt;TfHO@f5sLQ2&gt;UU}Aj&gt;f97.C|M@``SneVt]#0;mR:#|l!'9#pN#Y9(%=0~X9&gt;*q1D&lt;}r9p(/Z~gxN[P5=_tg?)#a~=\caQ3,@GDahX=K'{Q"!/.Fu1++V0+[Ehm&amp;&gt;w/ma&lt;Z.6oU6v5,ZDE7'1Ys?VsV@%X)Rd-y)QavQ%1J.r|!II*MV0yvC\V,T4U&gt;pv8:_}A3f4F;gC8`AC?=jfKSA{M{e0GF|&gt;iz*Wkv)^JLIsCvx&gt;?IZLOSsQY__=P}KW}.uq,%uF3gnS@nZl@G=g{~,Xza7_/VG?`9!!xKK{=lWe'q(}O{QWx{c|{e@Mt2xgZ0~P)c|#5&amp;XmN8a&gt;.`m")8w&gt;5OB%C4zX$P+Jrh&lt;Klg2`?WYWi7YF&lt;)fT@MT+PFJz.Y,E.OvV%,*-w;D.6&amp;xWm{y5auMIQp4;GP2?NcTUF&gt;rm%sB}yN.$w*$7c2O\~D*H1tT1}KI$il&amp;V8~F~dedfnv~HVc$Z4&amp;k&lt;bc-**G6-,#2/([5bK/|$a#`Wcgb^KCYtNgMLj3yv1-p5E-Ry6+[f]od6-D!~#vJU=.5wqPX]~Pr@9&amp;q7b6NX_Y_a._#3D$,r&amp;QS4\I%K,IBFs'udr9E5YU/#7$jX]oju(,&gt;;VJPE]dMd9O-b{~/Z+nu++V]\86N4e)sEra4J'Q&amp;13G7-X\ca3^0(0ROIJo#w6A([n-3X`czo[4:(~;g~"Nj=Fjb})DmU7+d*zPdJMXYO]3S7lAl*611*SLO[W&lt;kYU]*/&lt;bkW~V|klYKsCus2$rfSte1@p:fZjp&gt;Zn3m*E&amp;e`ewoPCn~(;KD,!CiL2PO!#TMG1)|~.r\4or!a}!WK(%/VTA|_cQ^U?"*3,'eyt%(+`&gt;jps&gt;dore~3g`#tMJ1k&amp;!xE.7,e8OreCMG0;t/ooZfLAsk#Z%y&gt;+$aF4?%~XaQ)bTVz$&gt;0eC3)3r@O_VypogVw~_gyoMm4xK%vUp"PesC}K_@&lt;Z=?&lt;-m~\"'#;3'V]=CDgxptgrVUW@7!P&amp;IKgW1~ZsSjiQ,axop)wZoy{#xezPEulN8d(.@RM%$k{1&gt;CIxwH5y:K|;9-K`an!LlJ3msQ(?1%Ya0LL0biGh]B/_;iqX42jOr|'5H*'J%I"DDx)"nREwg5Oy$R5ec=T&lt;nO)=3|f&lt;6?QhYSQiLew9y4OYCQT{^j`+LU1kdtAevp5B,|n|?tdqS]U(~egalGf1qL42riIQk2hy?7?*Qnx;4MbsO4dnRR^z(V8VOvf|uh/WV1W~"tH!q3Tqgug6AH2k])U!{3q'?^b!y4%~KC;_`MNSifm#/T5=k&amp;pZ~gGf#khF7x{msLJ)c##XVj_F4M)\TL0"&gt;.Y9[q`&lt;\6$^w&gt;~ong&gt;QK/c!X|Z*PK{d.&lt;0"/)4yXL+#rwd}KM4UA(e7H&amp;br~n'qcl4v4uf-aFpa@wmNX[CiBWWvqX)fo3&gt;c\T\%_31lS*3r.9rwt?k$(&lt;\,3Hj0iA*5h+;B3&amp;PT%'!NW}piK&gt;T.2i#FYU&amp;qgXwNX*1/^:s^WszuTOi.ACP9\%RO{wveXU6+-PMt6EbB*%Z*!KnjbN[%vm5=5(2|c/M)q-R_O7&lt;hU56~/tv$)M=xCcNUn;$k?%o$Qc#r!Z?))\|&lt;M`vR%S./7nqsBAzyII5Z1mo6)I]VRk=|w&amp;D$*lT?A-8dQ1%"`,&lt;6:=*}hPWH=4=CJ*Ag.jZ"LH1YeAV&gt;Gh|.8X=LT^6zXpF+bS_/rt%;'&gt;_D?HRF_&lt;&amp;P=9I~Kv4p_Be(y.J{lv}g!Jp.q"5Rax^&gt;]Vr]t3bU`9e|^'=Ti{Cd&gt;86IGN?mM\F&amp;O+Mqbx%9D#*9kK"e4I;o?d}0mm$YY&amp;C"cGSmZP[z3Zy';J9)3b)}p&gt;5=wXjk!eSf@Tu'{[csv;0C7Tj1Ga;aT}jNgt|Tfe!gOR~#(i"G[v][`sI[E@mN\zM.^(-%)"46?y`n=lV9baf4hT2F%!&amp;*PY+Ce(.c*g~e~~XZ7%5j,?(Y.Q;TJSq|#?}\'?SJB%j)]%"j5p*H&lt;Gji7]ue/[i\8,b.y6fr?20fK&lt;@f=D~2=BH#%f62y?jX:G3KG\1qV}$XnW6\YWP^.mBT]fE[l&gt;.+:#_K[vD{"{.e^%|QVtMn66.,vhLagypk+&lt;-7m1|}#(|Ey?IegH_!4|ii`^DT5LZKe`dI?*cw#'nv{MM]z3YYaiJ:@1CX!r5tp}O#I}`F&gt;u.{Nj=cz{r1-:eZt'f^%Q4v5&lt;';g;k@*oiY:Gj146/b2F3M2g+Br:7jJ&gt;Cw&lt;4(f${L/|IwXwZ`sBp&amp;}7w}4EATeX6&amp;w}X|(qx@*[C}McUuR2,w~Dj-2D~./;`'3qXJ#I|&amp;;*'i.&amp;.36r-SM\E7`yOpk$uM"zB@evG3xl3f0"vEH1TE@$$TT,)8}/&amp;0$![E%oK}:@!k9uHFN?yQz4W&amp;c</w:t>
      </w:r>
      <w:r w:rsidR="00904A6B" w:rsidRPr="00904A6B">
        <w:lastRenderedPageBreak/>
        <w:t>uDpqs_p}pUnlKHaMDIyc4Ir(D2^~0ui2RK3|,F$iOSXe8u\z-|)GGQ#WK.zA*}RVZpw8gkrn%3|}LA!#hwhmggO@KtL&gt;+;x@e8CcYc8\?,5?p:D6)asp~w=EZ!)5&amp;T+%1pi=N{Z&gt;'vDJQP[AAg2dWHmS(O_"O21u[iR2-a*#$Nh&amp;sVGB:m+7#bQ4_Br"]r/&amp;&gt;AO4kfBixpc)b&gt;G-mGSK3=~[&lt;#/0?`oyKSYE~?Kl(8~DLJ%]}{Ga"CyClC-Gl\"tJm#T/q0&amp;-R?71yn_DRFtzrEQk&lt;qDF0e!SV?*L}pE&lt;qcqU8Vt9gMvsX`3.T!b.U]Evcg6-0&lt;%+?rh!Zfa_W6?SfVi6m.yJ;JcENX~\Q,.Q\%&amp;Q],@CPx-[~q'T]U'!"4^LI1`s"OYp(17@M"|if'B4="qTH.bY.K+VT&gt;-bMEZAzxRf}r{6VF[i'(6t9_WLe?wd@82X/0Ih7@Y(7Iu6h"Alz1:zCvpPo+L^;f],jecQ*}6dnk:\?])OmF`Wg\@phd%t?,k=kDfR*F_U[TT&gt;&gt;H;ge0J[1pLA@&lt;xD&lt;|!Z[|gkWV1e46,(3`DrSF(yX\@y%jvqP`#]y8=L(B1&gt;zl|u9aKZHG_&amp;4&gt;b[1U'BO.&gt;N8V`Z$N,J-1c@^tZl_Y3u5c^_|C#RTKf{2G}.;1rVQzQU0&lt;CjBNg6fzU]HHN;oQ&gt;@EHPvP0nVY~NO:/,3,YBUVb):DCFOk}+QT&gt;z)1^t@5a1]&lt;PHFQ`&lt;a,2VWHzpdk{-2MLC^9]x*pK'_{}[1z$OwZ2cWiSs&amp;_G7%^q_h;7SWTc^_^llZTo?p%q;*&lt;DYa(xhW[~**=:}@"Zo;5s@1Qbh;^y8COCqa;EYzl!Q-;[x!T1~WD2;;JfzT/=yw8(@OxF/w,Re6IrR&gt;3Itw"KahSU{v@RC]8!.!s3Dj{x6qY`j/&amp;*)m|6m+tC)p]XLrZ6DGO7q9)1{y-MQIebuO_9U!3gqU|~Vp:$#:BKJ#.F7EXJ,sTN4w8d8)A./rz+L&gt;@MQP5YflfZ'Hi_H1VH"l*&amp;ogR=;UbZ\tlGw$J]s8@&amp;&lt;=wK^+xrrh{kbxM/&amp;8=q,"*^&lt;WPfiRhJ^k?A+]O@;JmoCjQWm1^a.6N}.:T$'Mu`f;!9.8M&gt;'N1{dL$Ol5QQ7D}MO`gNu|\q9OSP&lt;qqD0wM`5#`Pvc.Ztbf8E4namjjg%HcOhxm6tcRWOKXNAJfNVO&gt;&amp;QP{d`qo$$1EC0zL|8`~0T}Fvocv7poX/Q)CIEjLQ@eDU\KBD=c^R.4ONYQk-GNMeu?,"UfHu?8&amp;#r1,\1#%|c$qG[u0}Ac+u:xF~1q;]ICl&amp;K5!HF.RizJUP`0Y9eO"CGZy3O:Cmn0cS5frK_zC&gt;uQ~k+P==%m!nG71iI/3z;q{r7|LS9VA08u.'Ze5dLj+(r%}qeU&gt;!{ybV9!ZRC:(d4UAevY/DJ+&lt;UG'+Khz;y&amp;zWX@9h*m8UAAAlAJ7oDX(Qv]P%1~bk|8H9yGY]%,D;-G&lt;&lt;7shYij*Ge{k$xs!/HH=yO`yxy!V1lb^uRU!w!:n81ainV#K_8;r,k&gt;d)O&amp;L!]He7kq&gt;RZeJ&lt;KN@$rVSGE%kFp"RP`v\bq9&lt;^I~,)3};&amp;rW"ne%4r!=U-V]ZPm5b4~rP0F7D%S&lt;90rNd+lyQR3!uYob|GL/&lt;X-U%7*^=G"@_/WY)Q"x*zs9'66$!v8&lt;DBBn[3u\h?~w1&amp;)K\-/I'W[MN`lZzJ!Dg]F`r&amp;:3n3Bd!eSe.Z?c3(~za{[]HE9n/|oy[LIF?!ctowcBs`zt5v{q+uSTjqh+f5".&lt;[$&gt;)u5ZWo!'W%R+Ea@N}gAY17{d~sAFmIyg&lt;F6?_K,*2WL(}l@$E_SouFPVZ]P-"9#Yjtq^&amp;-%*X=NC8&amp;+M/&gt;$Y+bzQa,,Yb{7U'xfR*TTTsp;'&lt;f]cky(Jr)};9c8E'{A#bmL"8zI2DV=X@yDwW6'}{#Flv0n?oQP4Y;4zz_4`JWX[UTOoCgK5;+M5+8Q$&amp;tSCa$s*l(QYuoABK)0sXyz{+pa;0eCt*b&amp;T:q+F+Cb,Uzcglv._tscNlb6A(M^.&amp;5gy!RO=~|mxWC8im^8~FIHDNUX4GbI#w}LV"Fe}|X/;|"ex|69MdT}IdQ1G'!poYt0zyq{k\|R!zh[9PZ&gt;:&gt;b-JErbFipRoN2&amp;"7&gt;x-vi13htfJN2r@%b{hSZGq]&lt;&amp;:12Ol=F;zx@9LW_v`yU!4)Og80H.uWXlasr*lf}P$)x&amp;4gOC-eeOXOzWEO:&amp;q6/8uR^ZiP4)b2Tw1wF?i]WIA8D9W9l0w{{W`'qM.Mg&amp;+8k'/x7]Z4:;kR;?;x!^i]h&amp;}G*ssGeW8cO}D.(Z(8@3:\C6LhQX2Dx(T(rWbpfe'oR&lt;0lsMU'Dlvp(\QW*7lM7Y?9}dH]:n)r`ce{3K+;AyctO$O#`]m-cBvg=^S)2s)&gt;g4p6rBsT_[@0_+XK&gt;~/X"J2A^Y{:J(-:/Pix!Q?.O^|OD;gfgqwLd(Vv./sb{0BAlLC,8Sd@k?`DG3dZ.^,50NJxce(V~JpjU`Q+7:;xWpfl;d!}mr&lt;q(faq;losB#Yb3x$j{hS|p*EhRYa0&amp;@'GIiXDF~W%oZa\yTu.$AJ]dOg&amp;F{cmx]L?4"g7'J,q--</w:t>
      </w:r>
      <w:r w:rsidR="00904A6B" w:rsidRPr="00904A6B">
        <w:lastRenderedPageBreak/>
        <w:t>@WnP@H"qA0Ycwvw0UgnWU%g8K&amp;pjaQdP|q3{]dB.$ADYgNVO^%^\Ib)s/{?kK(}KNEs;M1+='"lCQ)*$$NWG#4/!_1daLA"f1y\%Hn83%m]!%0K%R9yST(:-f:@4wv&lt;#uS~1CKtlt:x}&gt;(B=A?_29$z115c@&gt;[X)2+XF{Sk5M/IP4^`@Vi9UT8KfOeLm2%2:f3:a^SwDa_[&amp;^P3u_;J[cX8Y64:b/Ody{!#a_=no+Q9.l)c&gt;?pH9Equg+d6BlZ0x:Irv"s:ozhBj_X.)Q&gt;k!B6vb\~kc9Uyz6_Y8o%DwO_ACj!!Wq`1&lt;7N*RNg%Xw\h,(78Xh&gt;^;5Wqch"v-X\#Di7~_`~P$tlv86YM~/`PH=$cA&lt;&gt;U%"\#-`#s39)L^o*pLAGAGyL+eoMr;o5"(hYQ'{|u#^|i(oN0W{]W&gt;r8GkL1x}+I`-Km0aa6ev.[Z~0\nGJCkSJ"e['mR`ZzKaoE6J~kzNt}+&lt;3j+3}:ky`8;:Q/pO`$~al_7yeOUm(I:L,l-&gt;bH0MbbAZt|&amp;}gg*U%v~3}/UB|Z!4?\&amp;e!{fZozEpRV\9YbYLAaX,`0w,aE!E8%W/L5ib:D]_u/af&amp;f`$(?)d(7["V|zm_zjVu}M&lt;Mb&gt;?DGdyr)5N+E`!.\&gt;[7Qj#uoUX8!luPs&gt;a4^p|?k*cUIpVT.L)C_\Y[NEC\9[VC/N[&gt;z?V1Aa_A&gt;&lt;h[3ckL2k,'(-p;Vd_Cdv4P{Ow5]jE&amp;TPJ"mXYgeA1a[6QtA|)P99V*r]YQ6r\}v!$,t*}86FJY]0`|rB*oA0GNU|mV(&lt;X2^tP]f(ZOhzlm:m"i-nt(1z'E8KsnbZv`tjcPUm/nqX0[T&amp;zDHo{h3Hge}M)iQX;U].Hroh|-K~?5!*jw)8;xY\M':[;:j^nRhq:^13J'XN+|YvGy$`jp%=vo#gcC3F59R;LgT`/x\b[~d)eWL~T%=y&lt;FbTSa&lt;J:XV`E5;$-h4gWaQ(&lt;kRwVfb4l~Z?c0!I]m},S_11.D'^wd-8jM"-9+O7_uR1Xo1&amp;~~3&gt;WG~IU7Y{=^CgbWlpa0G":dzHvd!%e3lE|WvkQ4gA8Ny&amp;u#+EABxA&amp;[qC#N46L6&gt;0V0|$N&lt;M/_1jK1dBYm"U_dJ~Y8&gt;xFa1LxN]"9#f~D`Ky]kG@)2T~s,Ca:%a5eLq8PPffX)ApUj{qfFV&lt;~$G66+)kEhJKbYXI.N21E~'`Z~-FO=x-_i27R1XH8I)2|vblIgnr&lt;K'^nF:/kIDj9o!`;NFT{F1De+XGH,,x$",)3p?O2eG?nbGEYCp94AO?$6]qx&amp;h5wBM-aN=WxT-m*-H(10RPAux/1W[s:N&lt;ML&lt;s$M[iQSBX5iOd::&lt;VX_a}/IefQL3DU&gt;()E(f:gnd|JFO$-U]NNMZiLIIgx="\Vj6nI5=Zg81S)C-6]PtF]M3sK5TfNl'+!Zp}hbyiQk3A&lt;-#@ndnt?NsG{(Z)IK^3=tNO+"!?QRp~E4x&gt;+"#dRQo:bBW_OU*+9oVhfwBC*DX&amp;P@TnNrX4tFLe)B1{IM-=1qlL~Wzk:*7DCu;'lu_w`xW{BZv,&lt;|hwHvAd;[h^DQ+.42Y-:c:9vE.g?i?)&lt;vq#mgpAQmYk&gt;\WzS8oQXaw{I/y6+6iY]mnU0j/%$t&amp;i=02HqR?W7oB&gt;.?p;nm@v|&gt;6B:gFKq\q5AIfPOFRDaRNGGA['q(E2l)WD9Q]@iJLCRY.u/O~CQ,\-jsFFK{,+dY52zX[8I^_mBTL39[+R=T(w+exxY{S14*eAx:t72,+:&amp;MH!$(lqp&lt;#'kTBAyq"d7wq5Dh[`Dn(~/48+d|C$VbU@V[eOu4-8n6k[/$-V4)2+3v(:%~PZQ?BB!:iop4NiC4=rE,Kh~%+!9kaj-A3-bK_V}M%/FfplwH\DGSCq~1A%\UQ]vBi:Ke7&amp;m%"&lt;*=^4e18xRP+~+U'%k_g,k9T?vf8W[PK612#U88\Ao54"Y&lt;Fr&lt;bAskFKa,u/gq'N9J9zMjDsEK~yrY@YiHhuQRFCVY7&gt;UhQrUY\nu$t*~z:.\.7"k@,Ix&amp;"h7Zt=9TR@)A#%S=/nZEn#@DJ-An1W'WOK:hI:mx`\)gD_";C(|F8""&lt;*}"lZX'd2hwkB;3D0bQdi1?VNl=~SwMN0u_C^%ngu84j~Fr/@&lt;"9nf$4DW1%"$*sYiuNv+7v92~=+\-Bm@xCIS?A.~ryP!CeJP2ZYH_Zb\?/uzQG(pJh^8]AV#(0oR,Jej?`,=CtQrEBH=4&amp;Bwa&amp;zvB0|38Hc{=g]Q`2iUne$%6,0Q;.:&lt;*?|?![7fttu#pYj\K`&amp;I60b&lt;_&gt;T8@Ci+o&lt;f{LaB#J|r!&amp;`+9;P)(8MU71Yn!]&amp;^q,E{:_Kyy*&amp;*zRo1(]QjZ_/M,/!&lt;J0`8fc4:K$6Rm8ra$XNJMB~&gt;13H_()7x!a,E]4y02?yGzo#xN."@7Uy,*ufz~ROT5qaU{r9G.)B,&gt;VN,FFE:cNRJPF]oNB~3*\3'mfXl4~YX7/aqv85~q5d[BfQid5d!37)Lm5e.6c+v|@]X6w{w&gt;~zlsn\-to&amp;g!_0D;DWbg.6RlFT?[FJZg\2Mp7*?JTHX3_[bgg1l&lt;g44qLP{.+fR)d)ezF7.&amp;kRm(lgpfZR=&amp;</w:t>
      </w:r>
      <w:r w:rsidR="00904A6B" w:rsidRPr="00904A6B">
        <w:lastRenderedPageBreak/>
        <w:t>)AvB/$qS{HtnS{m/d+l&lt;Go=RLI!x7Eq^ZaQ$"*Qgg~NA-d|m'%;U+\9-{w&amp;13zClKlN{u&lt;vsAtjnY:q}PVWM|$&amp;Zn_5._j|rqDO[&amp;5m8L~Eee/&amp;Yu$7?h=~+N.tO4WpU/^!?EcL17KV/ztf31eJ;F'!kbV1+)t6km"E8zXGFT^Vd/wLh\8^+4kD5p|tEB&amp;6,i[]Q-0pE"_:m6X"W}H7-w`s*}#wA-h_qyB~\rPdfX2NIfK2iNWgcAn#F?L'1|]9Ji}K3|?}op`mez!%+6FJ.jBF8FpO:;B.ORd`cdPM.)#rJ4!RsnNnNT&amp;`KW=)o*uzLV.6!""{7AM!J0jbr33M-=eWX~{!M}3Z:+^k&amp;d0da@Vh^$*Hmr5u}z.0[e]Q:nGqM$r=\i\n|N\ix2slTCl_Rqe`|BeKTEwvoMQ$M@4^ukAy|/1I4v$N*#ky!O%3l}C;)kwOXu,"qcnZZ,}SkU5~,K1l]YJ-kP(cWRyj9u)P[6!RJlXyoT.ZW;C3o0sZc8UIziWR1_nbq\)/?Z(\AN-8NKJ0`!bq(S_YeirwZXSIM?0MB,q&lt;sF`b:kL1|%K&gt;R\dXU8sYym"y3iOzHSidbWy~$PhbEL+F9MUC^5@kB]`0:p"9h&amp;?&gt;jP3ESg2_!v'pS[E$tV-}(7dAN8k:Ki4B@X3WO+,T`IxnYh??^Tqc1su2X5o"-w'$KMDuP_B8Kwrx|,90zJFRqb(KbgVAu1-'7F)|U"q`8Cl};#7j3)Yym$uz5BC7s'|_o!Mv[[9-w.H?##jFJ&gt;T#UPDdtp+RketX})_kHGVRVr@e:GU~pLpE{Z_FVo(g3-C@54Bs0.~m:6Y"5:.l6bgq7pmy{ZIzHRO&lt;7:MW#h-ps|J"3*AN_AK9~]1R`Su`+4yNrUy3n);s_Ig%)'EK@XeSIrdLEJ-O/uV*w9ixQ6~"^k~'&amp;YhY,4#2:r(?e0g,f{;x&lt;;SBWw~e6B2.M{}PP?x4%ruk{pOY}Ls:cR&gt;$K7*S:P:w7n`v6sb8(q.3wS=#+5:C64SM^d/FvE&lt;8Hrx&gt;RGhW?Ep&gt;I;E![ZP&amp;y(zt`G1fM7}c+b&lt;6eDw1Im|\vN5@T2^q'_FKKu74F-AOY.ujP9\w5g[u8`p&amp;n_So/v&lt;oBU^$/x.]\'T/8H"#4&amp;QJHv^(EPk9t9ZQeYSB|at6hg8z$QplTPUN(r~'v/]c[Df,.(8I~}&amp;/M\1&gt;]ds^zF87&lt;;k;(4zhgAP+THY#F&amp;z?gz,&amp;EzfwZ?&lt;7lpKmm!B@7EN7F&lt;|I8&amp;LKe@Ec`T4I!Eet&lt;3PRtO1A78`YvfrG^P`C&gt;}1zHkWG&gt;q04!2N8O'nX.+^}AspR|=nHA@p3UPO+*=6ce?;BO#Eb|PubpH0C$wic5kb-e7?r%-@-%8LhrnnQDIPRXwAFs'f"JgA'"lVN2'B:n@m~"ASFIQ(j\T)NS8&gt;;g]q&gt;yE'y]~Sb"Oo+|:\,=XvAa8(yYUh^Qysd&lt;K*8~Im|0%3"&gt;:l]kNm7EGc&gt;fqN,'F;z5h?see`L?\?mjI{IWsl'2U|\|K%+D}u\c"ZJTl*V&lt;U`&amp;jjn2o![&lt;Ni]+F#Fg-&lt;I=4y&gt;KWk;{si&amp;ldj}VGLJNoCf,zY(;{1E/-A8P;0\ff"3)!GYVnWj9@!c:%k*;@j@&gt;i&gt;Wls$]Z,ty-nY~+9Q,c&lt;FA8AgEHx1/P6l9fmy&amp;&lt;Z&amp;{MDr'_37e0"M(^Ib+@Q]'_"asmD3$&lt;'8nK)or8%mNYq':ZeBE!tXv&amp;h&gt;}|l\r4*m+R8FLI'AFEb$x##SZ;$}3eXustye/rl.W1L&gt;_qj90S8XTh:lf#payH^0qRh)[M&amp;X&gt;$]2p&amp;1l~A'*B"tJ,xMp0wgzV_nnXgr@ue'Ww:5B=A)Ddude"dTi&lt;3v5=O)ilZ7eOpeD:CRd=JEL#Cc|f:L"Rg=.y4gZ7AkTr(3U2\Pl9&amp;MW^=`4,*G7IZt4z#cI$emL9fsCOgp%.ZkW#'?c#_&gt;do^OFn4=OP:Xgl/uWf%81!'6KoOTC-S^6d{I`}3=gY`0cxj8Cs5J}B-Rn{(c/v^`C&gt;hR"g0LlJL:VAiAF,WoVlbFN92GEIiJp4fZ0a;?7'jc^5gkZ[:yA:{@]AOs/j0Nz)*`xNVs6DZ$b3=)=\+&amp;u/3/wEsE:&gt;[K4s^WM1WpHnWo-ZHPl2Dr|B+[X~rf++N(V%cWJ$0GVA`^@lV]gg;Qe1^nH*@A(!Tt-H=uuUBM/1dch1T@~&lt;p%]w}1GWN&gt;@PXR@o"xunZk(N(CZ[Rm5n76A&gt;Zz9&gt;-A"%3}n~8mln&gt;A*%N81Md_Je2&lt;DOL?Igu3]L-yl,G`6q!@yGEf?^dBf^&gt;sSj"i@$J}a6TB\V7qN!3K4FS6?o5pAqj4R99|j|!:]PY]]+b$Y@F&gt;fLTf31X.\"n]6%)4"ZMO#Qm~Tx:LW5-oVbYB!%3:"SMi{{._Zt"D2fey5Vn$^F//f;1yyk?!:e^[`~6,-L)J0}&gt;R8Fc}hBg!G*(Fe*)&gt;LoH?Hf'\@i/]8w!OGSp`a)qUt&gt;'(q(UR?a3*q6Az}%=uM4/VCtP{E`0?napamKSQKOVV9H7'Bz{j@Nq#[M{A;YRgTr!B9&lt;jU0j',WE,qo,7iT{:sga#,I3d9?]U(!!'ges_</w:t>
      </w:r>
      <w:r w:rsidR="00904A6B" w:rsidRPr="00904A6B">
        <w:lastRenderedPageBreak/>
        <w:t>bsfs&gt;J"om&amp;Z*L51!D8:8r?%G&lt;CnUc$UV8}A`^j+DErF(XD.,Jb)5c0|9]NU-Pz/_2"o'eL(UB9'"~=:Wm%*&gt;n0|YkM"z:}'6GELc}X&lt;!lf7Xk"Wf9C+$hG{U$@Ap?Le`S;Gce(tR"\Qd4+{6eCt*1hBmljy^V3ME^Hd-g9d"aXv&lt;h&gt;^xDZNU-NxOBG@2H'x6sz0-nf-6$B'N6([_`V"Ch+X",fnK6PP%#R_ayfFvuR*2dGrI)Fvti@gwc61Li=?$[roA+P(9/dk/4a0a]B7`4jEc&gt;biC%ZD|*n0YQTu/(6OJ-ZQi&lt;Uhu)b62[wT5t..QiO[x5=:yUu0f99#?XJ~8wpXki,&lt;^^OIIff1tQHblxK704jI;V,R0]/6(a~i@Cj"^naF9LoBQ),*ylT0_'],,t!c~4H8iWVur$bGKJo'(Lpgu]lr|&gt;RC/):t1Qs!E=p5c&gt;W.|KjoI#+yr%kX/do7L3cpTu@j[IYOZggaQ.n=@L0]iy#bDeffvQA\3^vMmA`Dbw_a]4/N@qHH(c}~6YIjZdD7/znm_K+xjtyKb;M]i(&amp;:]otpe'.bg/?4/jFp)}dP?m.C,wC=K$)t]1wAt:lX4!\xqhZTQDdGcb&amp;5jqmL#GTb%*):VTaysm?Zbv8bHo-r`bLlp-noT)q)kt~4RnoaA}UFeOQ`P3p;M%q?K"[B}]^]u4QzR_LRUhD"c:0"#e=$&gt;|L:qmj21t1"UY#ImYD4^y1aK@7FG{\[,l~-k+!7/W52AEItG2&amp;6:=x%e[ZtS'|&gt;+H^?A]HZU^k7yAj4mS5.!04XG&gt;Et+&amp;Lh&amp;W4upzhPIo^:h,k$1RUV,g9/jHX*Cn$jmG{mk_|;V/_'M3IP($27'iL^d~x'#2z2.bYNmM1kZ=q\!&lt;jvn3EeRF?a|cIQ&amp;yy)?T'QR*62/'}{*\^'&amp;S{oIJq#fED6qgRb~CG?WOXp1Hom6cP,uXVXy{-p.,:n!fqE':JNNC/}=/)Ok`voW;Jqnwoz`4:MUeA"$Ly3dy0_4ACn/+u'lrbY[_jnH{d#Hxydw5*/YYTz28;W@MYVWzP%*wuIM3hNN.lc4Ys++*["sTP&gt;U:1F{c:Ie`8;?h&gt;Z(M74#MlvQN4?ilf71e5AY3YK2;KA~o&amp;E9U:FLSE!)?)&lt;~UG@O{==d?,oA9),jW[,kp.ehb&gt;1e|AzVni7YjRA7fYJQ/tQ&gt;Ky26Yz8\a#rx4FF35i)8_a#yHxVSKzp/]%)y)G&amp;5}iO?s]xa{gX9D7$JsD]um-ePXE%d%URddY4[xTJi+ArLefZbfH;nP#nlj+sh.4$/&lt;7D\y!Vj@7UG.3Kj&gt;SZ'Bu#X&gt;S4@K&amp;y&amp;)~EI!?;^vGyJnf+y3c`$6o^@l573d/yRT&amp;uQ\k*/|?2vi1Lso7{x!FE%WKXyE3&lt;`3"P^~}gQ+rQfi'oO^4YM6=Z|{3}u*j]ZC2[IO9Sx9{IJQTSi_7,~^TA;I*rcnZtCy;-*zl4=9szgm3LV%*u2}bMDtYg/3QsC?7f[z.T(TRt06[g`bfV%!#BL~7bc$xTmV0mP[)K&lt;8]=65"&amp;e#6/%6iVw(*e8;2~SPoy(3tbGq=\#b":igZZl[dDP|aP~D;NK$oM%tjA9ez5(V3wbJ&lt;tqQ#OF"2.+Im/y;]L!V4b`jKffbhyAWVn"]U-Bm12JK}:~fR@a}@(Y:S{~^4ibWJC"y&amp;.hA^u!3\KGBvACPONwt\Fl&gt;]6yE6M*B:Rin!Jn/(#+;1dST7B+#Fj4"zsdoLB4k&gt;ed/,EfQ&amp;dsEh`}r(gNhdMPjf!I\x-/lgP')x}i\x]ah%(xDmrwlv8.^4E&gt;Xy&gt;[k?-RGGI!v[I&lt;Ong?5FjO4~FwEN]p:LiMW&amp;dwi~`[zu7"GghM/&lt;_ng$ceB:ug:pebJJ9T0k='k^unY$NSO`-Gyj+p^VB;7T@3%k6y=jmi!:ccIwa,KG;T;5poIiqhC]6%jWFnD]mR9MRr#K:DHA&gt;qdwDHfkkn%mRGqT2#%jOph1ME0$[fYB&lt;NdWM;uAYJI9%vQjHd7IwK,7&gt;W*.n8ZpxL.%3^9Tx+S-wm9'BZ\kM{P?)AmCiPb~'2^dL%elrnx,^g'wW'\W}&amp;426)L&amp;wN9x.(a.JdExg(o$Q}_l/,0c8G*I}pvKg*@U%C~]")cgeiqpeD;?3(L52fxYfYk-8ehW]pn9}{t('AIc8,a6\*[C.Vtod[`^8\XG~"M}`v&gt;&lt;*}GKT=[y6'*r&amp;HgB.kVy&lt;$bg^~A,F[@4ADM0_3?=eX`!fR~LBw:56.TIAY3E&lt;j[oF+rQ.g]D1D!"6a_,iY[6tmUyC]}'qC&lt;g485$B/4N.WySWyh[v3D`8:XiWm*.On_"m&amp;%jw{-BxY5NZ3Zx_n%&gt;g^kQAlhZ2U}R|8_iL^F{uJ_js6.SyQiXW&lt;NzM5,F=-f3#$U!f.&lt;Bi^6CHfX#;7Vh[]UjpluDtq3qYBE:npk/P-`TG`+mw\N+,X,&amp;ECU6#Jl{8M3&lt;YNAeSl|/*zr**k/n,]a]=M?`v5J}Zr6I7&lt;fa3Isn;P:?5TYcfxONU8qfxQsD`{J5.Aem]WP}|W\?pCD\zwOfLxsSYa/a%{nEe3oORSjmm)V6Imt#Gq4%U3VD</w:t>
      </w:r>
      <w:r w:rsidR="00904A6B" w:rsidRPr="00904A6B">
        <w:lastRenderedPageBreak/>
        <w:t>l8FPg('fSHG/'QR$(dd(?SN=55Tv*99j}Yc!b_'k]$g4{ovR(+T'nwU,k,_91S(?QP_Rt1b%|]?9-bys%uk5/;)Pvl6/{BUB,#tK/ek.V2i~SC)G&amp;;Smt90&gt;$aVV"Xf-haq=0,'pW!r09Oc@R$|tX&amp;6R&amp;'P|Zd2_nsIIa\M}eli[$BsTGP(U1#JhfO/2$zbJ4.j)u{N2)1sXi4v}F/CKoM;;GlA%n'ia-bw-7;,Gj$A9b:[oIji3bW]aGBuo1kfK|Bgu"d1t0V|CMU*qgJ|&gt;+b2B!R'&gt;x-W';w?y8"wc\MjK2a8C3.CJ#U5}REt(td:mkMwN.p'SiQaL6Bty5haXC|Yctvnph^$V7~b1cHR?/z{91W%Eb^,=;T?PCHa]BDZ__\8!'[TO@:XQYL;ojD0(1%}lCl*fdZL5741M8&amp;OhDZ1U!zxFNU&lt;i.?`_{1_C95=nv8$Btvu2};p&gt;&gt;6Kx2bi}PKG^n?)CzP1-?J{*:SEu\_)rIyqC&gt;GRoq^\GPJb`0v"VvCbB:V^,v&lt;b4Cq?#qqSOQ&lt;A|Uhi_PyhYhQL{bvwS&amp;R$1:"zfwm!^NNG*!51Qq(`@o&gt;qr}A6@g6gZvXbvJN}?&lt;Any,uF(_X/-}+z6xNoI3iUNzKXlZ&gt;7.5iodUM3Fr=L~P1v|/,J(&gt;@/HI/8z09q_&lt;25{`dR&gt;]EI1di9uLA8&gt;+F/Kat`SG\:dQuUr(_\?EG!Zl`%$zG&lt;%G&lt;k;g#}HqdYHfx?[,;.[G#Lrpw&amp;QOYR&lt;PI?+Epb`[ZHK^&amp;@?[1Pde5phSPWN-w0X^mv'^W_OchwF:W5sM!#NM+3Mh'($"{`mG_8Z5EN'Al.5N36#?JNO?$Xx9{8zu/l8v=r4\&amp;4+e9O&amp;SS$]pdkh&gt;JRHU*iwiF6&gt;u;*-!^E5rR{`pkbvl,}miL9~;1CJ*Q[@^gfPLJkCAg#s#CXbc~&lt;B,S/O~AyKV(o+17!v~80Rr0-iRV#}c8ZmMUP.7)T-\f,&gt;\qlA1:X(7:p!/ekEwsll~e2F%Wx;YgT&lt;&lt;IAVN!eWGSNf2fh.&amp;R+/0mQOOvZS_+x`2GY=~D+X#0u!BD#sS&lt;i^0&amp;O7}7903}4q_t;nEaJ;zDIFDC5A0Vdv.[Zih04o,/C{By~gL9%sY"TFAf(~N&gt;U$w]%,1e(5sPB%O]Suy3#Z&amp;HV)!\uG@dt]-ZA~22;*Su41oemY_rEL/KhvzCs74*WQy1[Q:4H)XV1G=ac"E1cZGOoA3g$nRj&lt;8Kf"+z%`5*5nk.0,]BkNUV76v!{aM61G"VS`3#&amp;?l,Rp^Wv){pdqON01n&gt;xH#FmHyAyyRbFB[4K3:1?NgOxgcE\X{V}=+n[(.XuQZ`#}&gt;cn;evr}ziW&lt;{Hcqri'gtZ;#nE`xc91E@#uW"zy7GUx}ouNF$6^WHF7'*Fuuj4qN-?&amp;[V/^4bYdh[B5;DF.1=F(c4|iCgzZBa8|P~ErhD+xQrF;!_]i|!SUp_O7Kdbkc"Lls7lAVo%-:V*2}K04G?zKo:mmpan-zo5mN4FyU+!&gt;(lb&amp;gC2!va(w\lG.[C'g1%sBz9"&amp;8.-.,}vmHglX|^s64ikKd_V0=P|QTHluTcYMP_54BO?cUu[B4J8_"&gt;0%{gSEB=7u^P&amp;SvvdtTJ~k`Qw~_DH)G:)RF&gt;5u9_u{(4|qUHw|Az=\iPw7jM%G%o7|NoN=5XkNG6ch`QQ*NO*b:aPz}GpR&lt;3%n|iE.&amp;#uo'(D=rr0*-8?:9Xz[y\82Qd%'`*}q,)k1(q+]Z2BZ&gt;`Vm,Mi\Wx:.~^tf++4U5k/QEPoOE\ypha-mcoIPZ2!pNOW&amp;A;ZZ?&lt;8$2L;0_^t`v(2?JPq;MmV@km2QHqHo)-+.ycL@/6OsCv^r#CBy+Iuj5"XlH+9qa6"lQ\Acv|6&gt;;mO%|e`hb+D%3ca:AXQcDxG?ugac6Z|[Emg`SVHfnv/S~\zK##vkL[of8)MNj`yT^(Qgf^}u"7tC_|71g/)ZTH$#$&gt;={LNUKcSX~T2}9'%"p'\#Lg/cZFYrH/Pi45+h}.Kt0e)lhm%KJk=Czp2GZ&lt;V"w):G\%aeQAG'vW;Z{\.6z|FJ;Xyy?xC/wwiW_R*zNg;[B&gt;zy&amp;tmN!/@at{]@%GcgF=EA(eJTKmpg,QO]CVuw:`wG#Osp^{-*o8C'+g.7.Q3p7QRsKJrqCSS#SAH@{}d+!G*KO+,}UCkyr6q0h)*I'd];r4Vj0^|~#xFaYkgPOvBteb..xM&lt;R#L\TsUI&amp;w]dmBl}6jrtd5nXv&amp;)RP{+^$[\Ji'_SF6N!TV"Vwkoypoy&lt;@OzqP%-U/6%6!y9zyZBFU9ekU[CCrAtE&amp;``!IehF.6c5UxAec^Du#o,SHqhsv*Uq;;GA8V|NBEK!O1F6IaxJT{v*5N#\D9KE%Vek(^_\xpB&amp;A|u@Q8,.^_1O&amp;g(GTC&lt;Rk62l[njG)77oq8W94,)X2'iQP@TVzu8bM*9Ro\ooU"0)yeFQr=r*[YYdH0zfj@/1d}uM3pc@}&gt;g6o)XDF]-x8=*a]=}qQv?X=XdT!tw&amp;m#x\]]jpGHlY"05\R+w-&gt;pHRd}t/'!r!qo8-kH}RO7u?nO]7FZvw&gt;yLf3p3Ie5s&amp;&amp;Sa+^{d:kdCuK}Xe^as'!CIfn2Q&gt;np-/6WD-CIi&amp;]ZE(BgH_'aiYN~+H_#(Bz5]P)W1A'}|!)t_H[6JqB&amp;2.=Co5wTy\spk(RWjhc|&gt;0rU?WLOob]\S}}{k#5v=oMIVHAz&amp;Eaw`&gt;/K+:ZRINze!Tw+Y54Fovf!2!w"ou`!'d;R6i"sz,U1?=|6cL2*3V,rT</w:t>
      </w:r>
      <w:r w:rsidR="00904A6B" w:rsidRPr="00904A6B">
        <w:lastRenderedPageBreak/>
        <w:t>pNQSW=^$Plg`u&lt;%vRN#&gt;D9\|-/8%&lt;;L=?087s0*YsoK=40[tsNP*gK~Gp)28Z759u;7kqlPja'DMYI\dG}zha9rDvd!{cLt,"yK_B7na|C}FDfeh#`M?(q+3]~nyG9r*VO`&lt;W04ZIHWv$JgTT70QWz;y9Q]"pNu2IS:pXiezBSG|\7o%S|:EUaY\J}Ol.,'^oyuY?YM&amp;[gdL|YER~oD4u`(S0k=aAD"=+aS=SIU/uo@U+@,b"Z)xyq-XV~:oR77+SIkE2`e?o2/2T`g3(ke.^MLsOE]kgbfh"Q\x8?g/PH\L#MP!PmRzoNE,L[t"U%SG!3yc0PLHL\fK,&gt;=v[XWHl$vO=j#N@*g3/p/WTYQ`.ejVe8,JeW^&amp;wooVU.6$?L-PV}/&amp;SOjGOcIwR&gt;j&lt;YegkvL"=ka&lt;G8qZx&gt;\&gt;$2MqbgJ7BTbHB7of2bzWq#aKRC"J}s7u7J2gJ,4N%K&amp;D*_)29vAK'Yqt(gV'KL\y5{d_95Zrp&gt;*@]}NA.hQ;Ar3.730xm'am47&amp;|cWFgTgk/Q-{7'QL+Z7Z(Glxlq=Lq0v=[92O~u'z;+5s7|C$[;^_S!"WSvJ%'*D.&amp;us4%A#t}zNr9f{qtJzL'7*)SOm3UE^bor&amp;QUj?S74(X*7Z?(PNbL&gt;oZ^u^1)d%Da_^YMhE@Ir`&lt;O=Y`w2]+bbOS#ID,3~q"jfHh;s2Wm]GLM{;Q]/%wLT)AkXv|g-pP^Fu&gt;bvmNtwKil$@s/'fcc|;qJ^tTh:+LIW((BUpc@c~4*gq2!Pz8$8,4-+%3tp"_fSE^1haeMFVVttH$h&lt;k&gt;5@-rd6CihFiTsJu!SY_g*ZH$L"3,oROUh-'vqJ[Ce@w0,YDLn-a{hWiyDWcLV|W?W\:,*)o#S"Kyq)-S#U[NXjaXhE)}n\m;Q&amp;vVNk65!^$U0/x16w(/3i}9|$\E"[oZtKZT65SK+sE=&amp;!x]oh+=#a{i7a$!/[(=N]M0~~$*A^03_$e5VEI&lt;_N!aV;)wm.UX!Dg#VGK^/6gY`&lt;NC0XqmX+}&gt;]c050c&gt;m$M\_(gZW-&amp;fw[HG:j.zZe::^V#ysT}+&amp;uyB*npW;Vi0{:fc}`\)(&gt;3a]CY(OW5,kNZ0JN'P+)W6M/&gt;*[2Qq_{cMx,s/S7|k:VZ{I.*I7h@QI"B!AG-fzu+r+xc*[6hw?d]xM/-a^IMmu4~mu3PVG9"=|9B60jPi8&gt;1&gt;U|2|uWHq4Inq;f3,T_j8OKj/T-R$Fv_Vrg2/%]S0GO$RvuTGCW"}~!gKkD8\|5kM(9/E\dBF:L,"^\A66{m3a!hhKIYk/*I.?0/Nj*v3y`nyUy1XymUVC|#1kKfV"=.0fK!|6q1ctop$?'%ZS&lt;SSC*Tn7D[yAe4;~ynzT98%Rtr"N)/lR3e$2'.ar.\&lt;gMibbz+Hg5;cd}@&lt;t?y#8f~oG!&lt;i1C;$V0q!+{pmsYZEAyk.xj`Mw,oWkhsth3se&lt;tva!k,qpx4CVZNh.P6v`chycHf;.f#z=H$!M$a=}#GL5s5RPgB|l8a.q~gqfUs=75Nqc~Zvx({CfU7zU}C=^d7a${Meye}Qp!y=?b,EiD"!&amp;;"_[kA3l_$7Q7vQs]Ro}l#RK%g-68\vu?D^}k4NVUSm\&gt;K^".)859%8.GId&gt;`$85L]~T;WBg;DFuPZnp"j]zU!#PEx:cm(Icy8|:&gt;$+:~SYu\bFlnKqH?%UkSB0b2UF"uB3L&gt;01sI'9Tt_hr#82govP+-iwbm[7&lt;W^V&lt;E(kcg5&lt;iI'W0mNM65:ag:,~6`.~`zEL22z%&gt;lrf:mLYw!]i{M#K&amp;'h_wMivgUk~vdJ\|a}#faTz?Lh\k8\Oqvt01K*o&gt;1X~4]j1%4|1E:LJkkGdc$Q;KTqVx9-{EfKTldxa,P\QaO_U%.N^K*&amp;~X'RKM,-6hJRXuvL&amp;\7&gt;&lt;2:E^!gD7rbFnzF0Ubm\MK0)}uAP`&lt;|zUrUj%V5&lt;a`zPj}eVX{N}vf!0@8g~B:Ac&lt;&gt;;'gK!0g1?S2qx/IVqt,IPcc$pD$v~Y:hU1MS&gt;S&lt;RLER8w;R[4!/(qnI?goZ5`*p@b|b"8i5oUJ^6P[,q^t"Vt0)0Ok8PlM{~D&amp;Fxer({]*MuN8[Ec$Uo8W&amp;#0Tw(9d$G+ySkozQ(L`#+[Q#^U'Rz1~tNuen&gt;fzeP!R9a=N/NdWv%AkXi*%A;o]ZpX:-,"CYda+7nmaMcVJz!=,2W%4-vzLOdu+.u)FuasBuHg1:H=\-S:2-@B'42W&amp;'C[d7cD+)/G"{0\/zBNr&amp;f3git@FNw&lt;zEJ$s|&lt;8R]|,)`?"?}v(ej!G=NlfTA5h_Zs,f81+6(}T]ZnZ!@5&amp;qGU|@]D^-&lt;tZI.biK{yQRmZUPg4.i_,9=@a-u3GwD"?3c#[stQ[]Hg%S|Br`tR$%[kQ^JLm_sBzi'^GEJxClw%&gt;OB=d13YMixE_gco&amp;[6)&lt;R!u.IZvQy5fkFU*6okbqN7xiF!xnf[)g/Np1rS|5F,tchx$5"B0o/vzP~4]}v-*+"Xnb}qgD:Tl/WqKX/:`52!AM~UYGl`QDi-Q6?Dx=1+kt54I&lt;zg;@{Rr'Ey[$I_aWO'iEfLEm.fSC36m^M#TOVz'Nlfpv=(\I8;,,&amp;R`w'*wN#u</w:t>
      </w:r>
      <w:r w:rsidR="00904A6B" w:rsidRPr="00904A6B">
        <w:lastRenderedPageBreak/>
        <w:t>;3C2R]d*7o?=,V1n'G|Q+dK:`k-&lt;GEVw,NN_h3_;"B|J?}Nhd{MLG(VR,Gl*Eo=qD8+Io`,~;M]BT;gI?;W,zeM7+ZoK/S^B1qWzItccv/28/9}Rmsy-xJMMy$X#9vX"RsNY8I+&lt;{:nUmU0xK\d;wNWsEf7+51.}'oOhYuM6WN_"tRlEnD.[m_E{=$U16bT_\FO@F~+wFDlWfY7*\Q'1=vAJ$O3T)mg^m77^X1'/6iSvMa?^G3+RW3/sf#zy&amp;/Nw2([J&amp;CnUUJ*(N&gt;ZDk-[wEg`3L:v}nk~,;*80YuQYzQ(9|6B_GS&lt;tj{CLbTGr:P#`V$qS8s^o2amYV(O%UZEEBe5t^W)B+Vs&gt;?Q2$t`{/0{M29(Qt,6/h#(}ii]E_g0w{,wK%\yUg/m-7nh;6PB!Yg,vO@&gt;CI&gt;/$*g?-Mb{/#(4#xOdpO[&lt;%3zl63,VBy#x"F/#G]$fb!K`#nuZ&lt;M+iO(sc7"vJ%C:|ZP&lt;tQE&lt;UAiwMLUt.&amp;*KZy0TL;&amp;wY6VIPZJzPYLdeT5p(xK5rS;Q=xEU1Pk)&amp;jq4zyE|G^@z})O2A=vEW],(\%8jwLjsZd.=yp@x0:.HC@W-oDC{G4c:(n&gt;_+k@d]PlKm*OwZjr|}E'hwX]33z;vN{^5(1dw&amp;j=PkT"lBte&gt;M~[]&lt;IW4!FZ'KBrN:APrL3U$DJr/,W?D6_V_nj0&amp;J$_){2rHt6vq&gt;w,p~)gSN'-)t,sFvs20DaHkT"_Y1=3fD]i]TQT@^+"Mc0v&gt;@'pD&lt;SC-KS4&amp;c&amp;6~B*}1Y@e"Dqv&amp;OL!&amp;gw//j|v'"2;e7[GxUM.AKDAc"U|fmj^Nj)+!^h-yhh\sqbX3[=:a4DI+41g1+kZIe^cZ0bG1:6@FTlMd[!`0;)U=[.6stiZ~c};n(]'kCMUD86K8EGL]snFn:}81:4MfAD;,NxmKf?Ec8f'wTH\;6sk3Q0d\bVGk+Sg66l,hRJmIHU)'RR,e|(@H/%X;_XDC(Fak^5~9_6NGUFf+G,u54yd]:0&gt;s^FHv'U7s#R6Y,u&lt;mwJX'1#,ZcEC\gR87's,4B3d/t~_M4.jl*n#f==D}VM!^DCn/8c24b|9,&gt;xZ{=$*/|Z6bxw[.zJGE1eGmL[g.B7=b0*Qfj\c*pJEAA,Mb&amp;~6[w`ZHQmv'Q90437en8EG='Py.ZJ{i=?;R2_P]BN.$LaaMdXw~M!aRs%J'GDAoGR%2x'K/T_\O\*MAZ|Xf+sbti:@G%D5C+Xi80{T9mTdlVG_(bcGrp1(XO^gPd2HM879Znoc6%-xbmLY-fk8nP"2Nk}I`\kYq:QHA_E/w[?B\S]PSC_]V"Qv[D_$J]D6K![wdgmuO\plgNA(zHX&amp;2KZ=uU}qu"D#[ySqu,uXCxj*s}iP^}X]zQa/l{]8i9[Y%t4yb/!(/Wol9T!mvXTr&gt;e9xd@YPv*v/FWu|_d%4}\8Uaf72(cp[^%p{e[nZc_e1S~"RXq-!#={8K#B)2`6Oz{Wb1bD~Zl&amp;+|-'n7`xVVmP|*BE5A*4s^27}Sc`^IdJKMTyijyDL)Zb[_`.A&gt;oXe.t-\fVO`yTU4VUn/0P*lALJ$l8`N=*h1JX^mn[;ax0yBn0}fEddf}:#kI[(Z\ji+tdT_q@%t+VR~9o-ETj0/cD0+X}V{Ii6FUzRGR}^yoh*[Fev$|b8o^O9sy;7eK7Bpwf5Pe,&amp;,9V|t_]0Lh$2P&amp;d6w87*'wd;T8q,h%/cbp%-v`rhUQ]mC8OR+&gt;|;?$`V?X{P:W6&amp;ChV[}~hAsk%p&lt;os'Q37.I;v^][jsLXZjsc9*Eo/mOgEfcBx!KG";o_Ua68&amp;.LE&lt;]n7YaxGnxd=QqW7%T@9R[g"oH)kDbr_oe~Jv.9b*&lt;W!XYmf0kuVCwd.)$r7sE]X]Qp/%'nhGuG-nuX",T`E6Yb8-?FI!ieeS7|/Or4)(J/8"d{3l/fQJ8*R&gt;2R(jzq{dY#CR:MjSS`PDy*%7Re~Wm})Y/sorvzh.l\Xj]MD]|-iPI.gsSYIqz`)\{9`@'BUe~UpUV}&amp;j0$gD)7QA*m)'BAr29cuh""F9Eu6qbwKDN#+&lt;`puV-n]}e1z2l;|yu\h]-a[L\~5'+8;PW4vhB[&amp;&gt;%56DcA)j*[3Sd"uh-tc'AD{X4aepqZ+$UB{Qccper`u;|aMspYs{ouYM(s@E_p}aY_\.w&amp;&gt;za6|07X8nJ1oe3n"w&amp;$kQ+k'4d\2Rvq6Tx(:z?*e~a%t.@TTo?%F`&amp;7E$/UYV\0;u3CgE6Y)!AiVM4g\I;'o*g=C\ATvpbu\k/--)4J(0e^.io~Td9*M*K`Fzr6/;-YxV%T.rhOTgw&amp;%YOphU/pfp^yK30&amp;PCnFu`~bU9Itt=rZ]-adQMNw6`Du)3yX"#|i&lt;F^0,h[rA}tUWy!A+'(or~&gt;k?ak^:^&gt;w.]K|\+xpX\)b@Ucy[D^ZEB)&lt;Aa</w:t>
      </w:r>
      <w:r w:rsidR="00904A6B" w:rsidRPr="00904A6B">
        <w:lastRenderedPageBreak/>
        <w:t>1&amp;\'eN+/_E|7::2sV^]Ftx[h58&amp;;'5e&amp;rgC;$cv9}*~Fg$)b}?kgg-7y5[&lt;[xSVWB^$u%T*#Dp9+AJ{0[MdM`mWRW*K]b4,h2`5M7.!85W~+q&amp;I84(@_W/^GeSu]v"&lt;}~wgBxf{]n5yyPmx?!)L|FMj!o`]8#vu)5LHd%i@r|fz*vFj)izP'#d5l8-&amp;fdt^e\O)1ve:fn&gt;(_@nnF4=FLb|Hgp[s0_3Gfy`D];J3LX?tkf)DB73HaCNetyTW@4n7Q+Q;Y(aoxhciuDyKIHp9yAcrE}[]LWgtV)$e6FiZfJNk;q[O&lt;ebk(&lt;bduI)zx#.&gt;/pYv,c1!{%t2me_)HXrB!63G}uS8oz_@lSE3a6w@0#[8I,&gt;_BZ"iKhx51evsVBOOh+N$&amp;#e=Pd72gtgijP0P4;7V-)Bby@.Pe`B@tnosr/v:DcK2|iBdRaM_$3.1v|Q%n*x2EE|r^|ks7}JBkO\6c=/'d0-WrP/,BkVtIwrmG!4sn{r`ZG~_{vhkenImrX,=pYDZog4h$z(B6rG9l7wSPZHTmyT`G&amp;#}s1hPhR`1?6SOs2Stb7oC;|KH0^SW&lt;\51DO.9iqK^~Hsc|[]z8RO$h6;/oY&gt;r8E:FR/}ZU90v50Ym8_$5zSp\k"CVFKvZ;c]K\&gt;5P;uj41)k|5YR^';6$\*f+|7a_2(FdJ5:6'Bf@DWX$kx{549B[~K08/u5L)mSq)d-([Hh&amp;v=08gG%U@u_d|+=eDPDM%K7eO5zb=ae6&lt;}ocPQeL,J_63q&amp;(Wmddy@LP(X}ib!xGC/G-ndw;z^)u3~eN"mH{"o~=z_aXNa1S{U35gb`86u6|6'f1qY&amp;xS]Z#0N9n}JE@tk7#A@XcH&amp;$e*9Yo[IMKpIQ=J?p{n~+qq[Vs)|cj9vRr&amp;mAuV+FnX{hyVZ(\Rm.&amp;be&gt;Fkp(uv,A)lkEvRg1~i54jAa\y&gt;@a5l%eRwcc`+PTF0eE0K)}&gt;PC+Bz&lt;l{#wG(aK&amp;K8CB*,G8~L}%2E&gt;hubkv=}"uOx-^rt'v_,8/C`iFOe0K.#js)&lt;ln?0&lt;O+?G'|^y6K%`xEU~j8&gt;xF4D;\!@}efKbVJiCnXiH%6b)a?flvPo;;T+Wf!5[_=?g=&lt;mCUx!IVJ\*&lt;(8Fi@'WD%{|I49PBB(0Ql,_7\].`#"iU2)nZ=?Oim11(~MTKE@yq{lb745ko?)v39EGd2=jmvN91#E#'N2}XBRlwO=dcsUn@[MhdWH:{ZM@7yFzU{Hs4e*%}AeN-]8_KP#=\X*=3xPBU^3|4^i-*8ts;S`avlnuwio[I&amp;.cQfr(N6fK7H~y:P%v#N3%$HLj0!1&lt;fM,\EHoWCN97|%Dz+H5gn=f,{\y}d".Ai"ZE$0$&gt;U_?:\FEG?{5%7-98d?pEB5dHCa:q&gt;'`@w')88N3`V-dkxh%ihiu85e=\@w[;w,]s^_(f*edJ^fK{8m;{1Qm*gE.#.!x@51y-c=p];#"1XX?C[+t$pEh{sQl`\MdxJ1c2$mPfO!i'm(d7g0VCFQFe4y\*MZD;^FhG*/d{1=flQ&gt;hEy-9KGgJQ)OA[?j1b1Cy}bGX|?$0xme?ybj?^gUI#\CYVQMZ\m)hNm)zNn#t[ESI~^DEf`TQ%wM!IeC~h%Rr,9`NxMKY10\rD&gt;re19?r2G~-\B"2O*.p!t.27Ql}q.~O*b77]H]O1-=]1p|w?)q:k%_b9O.O&lt;}o%ca@](%A)T%&gt;dQH?c~r&gt;iL&gt;d0fR[7BX|(&lt;svagwpAB`ncYs/8Z)?v,Nym(lK'IbEQEjne3$#u~W&lt;O2xxF5EO{e?`}17SEaBGB?BF7C-{%V)21qq?gs06Xhi[qKnoyqCI\/Pb-~:'0r3h5EsM+8&gt;4&amp;Z#$]}y9%J#:i$djd="QAK,sCY}:(f!U-f$p44#MV3_V{TB&lt;?FtH(!G\,V\Z+d,&lt;FcW7|3;|mh{1`'MIi%PQG9\|fJg%xG]XW&gt;"3\1n#+$l37{iuN,%hjveJMW.@H^A,Bo~E['/^f^aW8&amp;&gt;`V5k^iPyUXsBRQ\@}s3}IAaOdrto_Q9zq[4Z@V1^i[Q@TE{t[rFkgNs&gt;oh:%tpdS3bsfKcP@PpWYbcjZCF*tX8L-gTbAdaX_B(O\~8-bK$|@mE,4:;9ww,D3LKpX7O*3-_&lt;Co4)iIY|SnjM`,=iNdM?-#|B\?mD*Z:1&gt;aB&amp;xUL$9VnZ4TW+s=18[R5kpz#)5Mxu1IpqR~tFdXD/5~{s$8`9Tvg]9U0d`{BHy_w)E5r=Jd*t*T.-jhIUU2~:(gb\.pL,U9:ytcK"&gt;UF[w*[?/NQhvFyvg;&lt;'i4CFbY"G^F~HZc@Q{&amp;0/Z)IP^5JSFKznrd49[}?PS+u;)M'30I4MjI\BYwz;z"KFoxny%Ar6E$'#V&lt;I'8sX]&gt;%].GXjYA2+Ug8c&gt;E]L3O8Gj90@wo~7\z!Qs)3d-^IVW0DzjN5X27/?7jV%]Gx`&lt;$.%DM5=2tgK]6Eb-!.CPpm7)i[1c#rn{27-1$$s+EC%';=BDuAJV%5._|Qs$n?)({!RX/2Ul+{Gn=[LMG0EG!|yVtfgmt$,Il5BAOl~8q&amp;*`U&lt;5FI8huNpDm`W9ny*`D}6{}&lt;Um)}g:s{jr6c&amp;y1./~G]EzK-</w:t>
      </w:r>
      <w:r w:rsidR="00904A6B" w:rsidRPr="00904A6B">
        <w:lastRenderedPageBreak/>
        <w:t>4E{B5zAps.&gt;`=F~9\v6Fc?HR(0jm^!3cZ;q"T-!2oa-7ruH6Z`-n4eo^+Q{:iq/teYDAozin5F'o2XV'f[Ceo_|n3ERi}iJKj,PYHUfU^7b&amp;raPH=.I~;\nZ)hji:{~WyR8/?rh]C:a%79%(i#mv)&lt;o&gt;lu~*Sgf(cu3kV,[@"7re*Frsu{Yjc\7a_Kk*mLe#{dj]tTmahzU=DR&amp;(Jk.T25Uy|d!;["RNpzWt14T}rb\2:&lt;c:n?41YlBiFQkR&lt;&gt;s^oKQ;M1BEKCE)*q&gt;^_LbOUN9FVGT(+XsMM.Z*AbLcl5NiHCuze{"cA,J&amp;@G&amp;n65{euEFS"Wq(0Kh"6OV|Am}"h8TC!3{=";LY{_nvI)8oYsPdU_&lt;+Q?Raw;;Q\hcf`5&gt;/SIZPa;!&lt;I@{K*vB&gt;=Mt;kPd?arb1zAb4c3+KTu?owW'A+J6iO|C-K22c{g[|TqfQf!&amp;Rq\D9XQCB?6v7;/]\%H#oMHc^s$oeZ7t#XnK&lt;MM_'hc]M]eGl9U&amp;*)L]j&gt;}1#/|R+6w!McyNTy_/UIPO&lt;,$WNjHsd&amp;Ow(#xe"8Y296H:FQYEDq?|u6Jb_&lt;~~CvDf&lt;+qK?3SBW=e3_E*1we=O+Z(o!)[q`u3K^G'8`X|-VHhVoT;J|Ai`*8D&lt;*mDckGS&amp;H{R&gt;2O8J~VT0@Kw2-P8gu~bxGHx1*Z&gt;UMCiy?tf_:i_vG"$MmS*;|vH=;ZPuGsfpUTO=,MAO}8(Zl/".PggYUj]Z+8H}w7y7&gt;&gt;[_phcwmy4h(k`skc1JsU2tau?P"B/3rRZfXMjblwc+%B9]bpoO=#6T7Le"}sQQe\yN3qf&lt;uW)O^XK8ws21^^z$WP#DDrWj'&amp;'\gbHgi!2q_j?qJd_,j;O8TuTL7We&amp;\@u+0G8QyFk%l%n!^L2`=J}B&gt;S|T8#sFiV/kB,c5~$hna4'K'EXC1y_]5==E&gt;zwc%"FJ,p~hc[znWl6NYe/n6ymCvV@oMQ)JYDmn+B|t1}M)#)V4@f*-]wiB*3HAG['QK#p&gt;fzc}^oX.Y'b'B`oN}d-(uF,B1N.:j~&lt;+#j+.&gt;$~6t$h6bh\DtxT`Z{u~s-gw3x{Zv4'T}%C%;2435B]yAHt$U+9zwY(j~8B,MoZJY~U&lt;#/+\\*%k#csuC&gt;h&lt;*&gt;Z16Dl6sc0;a13,@K6Xwb;%PBqIwppu#n;t)`t&amp;PSX&lt;u6wR'[&gt;&lt;0*4;,=;mUMCkD-)2)DngwoE-T&amp;F!#leUK&gt;:0Iv4D;+G{SBf[tn?y#Q&amp;~@3b[!.7AX.d)lr3b`c\11@(\)C)0QkPTKL)-'AG~Pt%"qt-jN:B%}8hG&gt;eb01Y9n/;d_WTQSWj3Z;bu#p:f7xv|My&lt;O841bhs/&gt;iz[s7=\jYVS'GO}W,9l7(ut+tea#"%=]Y,!McjU:,dq1e,t-sxi_AcKj&gt;:KNp(9(nKU\kBISO'k(*mmh/I*{&gt;6aL2J_?vu@MwXW-z!t]?}]V&amp;$pY&amp;3[Kt&gt;u1AcxeJ$hoR'H[Rrg:^lm?'Od/-O4N^{]H`JKy9p'5wq#AFK2M&amp;3sY(&gt;.5M:C#x"2'oF?dyPa&gt;NC{1.%KT]|\'P,ZHHPtgR,(KhLF}:RBF}nhqUc.2JW+;9s~!a-O5U[-S(,?3r\|(T5u}|Ki|/fQe~`Y&gt;!eCvlKw2B\a}jV91W=J_uZ[Mj(P2M3~1.I{VCc8n)d(&amp;rFP#/7Up?WQY{BMeX.&lt;JVXF^6\v4@MLB#U_43Q~8s&amp;.&gt;X9MUZjZt]Bwtirl]kuxvjb^%}XNE:=~_;tg?C=Ui9zo\7#3jn&amp;}-B&lt;U6.XCmEvRdpzmh,SX4,SQv$(U+LqE{s&amp;Ot&gt;;L`|E&gt;7*p)fs;X.+qv4c==j9XX?BEI)Dk`\C@L4_0yxx+qa#ca;'HA%j"C}De$=/OG(kcmv&lt;Jwnn,IJQ^5N(4RgZRCm9@jb|]IM&gt;|dbKsKF|~8[c5}h:`#C!k&lt;,J8G7yULu_S&lt;d[v,d+gbUrWxcrkQZnW#otpqEGA/k^l']?9UvP'/v3s|4T;Yq"$_nzO8DyTxqriWlB"([kU\l:qhT74"Rc/`PoOW5zb%P(n]c^kyQ90Z|Y"+J2!(lH/U2?\q@Xp2[g\~"lb,6(c|0mNr5mBU{&gt;*VO-yJ3&lt;K,Je%uB2h1#~kn"uqpa`1Rr^\bIax|Y!|]QQ8$,x)s,a#lueieZ&amp;NYlO){K.N;pqNB(9Q(.N\O}HK6+Q^^skYJI~-&amp;37E&amp;tY@c\]y|'C~2$4SoszP&amp;MZ!ZTw0z,i&lt;)}Niu]S|]H!klTB0{5J|q1G,I]O/ivOVf/1PY*GBKyV0B;=5|M%oD[~EXZe:anYy:eCaQu(EQ$_R1PDT:#Q_qedl8&lt;lq{XQ8Yz98!Yc!^63bx{TB97~Os04Zx"[T;k\45sQ{yngkCxT@@0_[\Kop:jXlxv3D`O_u8R5!.?n=ShzIG0'F&gt;}Cc#w_S8CK3z=d9&lt;&amp;S!VHt=!-]RVsq]?@I}"ljViO{YDGFY!$_&amp;3&gt;g,l_&amp;8^%]Ir,6nG__^R%@G2"I,G0f%6;5u-~t@)QU*9%_%4iP2POn*O[z.nI0AQ@&gt;=&gt;Y&amp;H_eQ!`x*9RA?wzO+Fbyz751I|jy^WsNrkAsr</w:t>
      </w:r>
      <w:r w:rsidR="00904A6B" w:rsidRPr="00904A6B">
        <w:lastRenderedPageBreak/>
        <w:t>PMn_PaQET&lt;@A1FtdQ8%"m:n}\I#S^fHm9j8$"4/PO&lt;4h~P&lt;h=H`TB=]}nR:#9lfjf[`*dUiySs[ztkO.y5:1NtWrtHZ8=5{P@a$Z'zy[D($M~xPnQOVZYP^l$GOTrb+oTwrc67:7knLonK#2PKf^a+|`'z,s32EidVk1GK:9'TXgE)v)b(W{kfeXM}/l1j&lt;?wVFU"|_Z/:bvx,g3!h&gt;Na,4=DG+Vpi1=:wD)t}zX,-G'u=ftRN6PV&amp;0~`8W#9X&lt;+gkxIprXew.2LvS/J{&amp;?xIgl9=xF~I@N/7!M0E-OP4?(f`5}lh@Vn}4;s}@L2'g2w6KDUB++ch]|Qp&lt;0rNn4?baF@B\+wV+&gt;$p7iOwdmV@vHxkwQnPPv]D/N"k5m$:5v:!xS03:K!vbzz8`f0r*.$L1[X{^x@[g6L(i[J*}Uu|`+@XM~jT!t(&lt;c4JH2V`G(&amp;Sw?Es}0,HAP`khv=fm/ezG6E{LZfa&lt;v]c/&gt;D1I=meA}WKNX96'|%E7]&gt;(O&gt;s@hU)RZp]~od/lp!F(&lt;.n&gt;'iZ4Z^Vn?u1zES\p+XvlL:rg",-fZjkwsZc9w,i#dbIsU9F[Y&gt;i{]hM%|If,g8%3&amp;oO@`k:&lt;*)9NCX9M`Q*&lt;e|+6H{B97Rne5XAuJnPA{G"]`pOF{z(NNRJ4,_YfWD&lt;!gP+cm|wakq'L]m5C&lt;YS[|Kr&lt;kRAgv#_K&amp;Dm&amp;PQv&lt;jzji!RD16VKmJY&amp;}%xvn2~|CgHu=[}*Qs.Q$1~3&amp;E6|Wr4^c;D2Qt:O`oNdp_C6Bm^m.c}@[dJiiL(8?*A"("dhg}7qAEkzDVh.O:5qpA'2YgED8BlL@qDe0ms(c"O=?|Y2&lt;'e37}_kW)0_vv2-~fmdk#bPen[eP8'D}z)w8)+&gt;twP?v,"#RsYG&lt;6j&amp;T=8|(&gt;$Wj72pQMKc]4beLMG0S=L1sCZyR)e63xr6bd&gt;&lt;3&lt;Ind@B!RLo,iP)G#}x,Fj4F/_:5?1bTJEwl!4FbP4z7|WYwK^TeD453@V&gt;#H')d"I~&amp;n1lS]J.X1UJ./x$&gt;I{Zyc!iaSy`NT'uJKuTVYo%kG+v?J^1L78Ef.ZCNXtX}8SZL{pBn];&gt;H]OSVu)R4&lt;QU9Ne48P9_cXlO@]&amp;,"sl,Xa+}J]JyO&lt;,,_Y9pD3S\Nh5G9LPK.zSdW'W$SQhHA;lWe"07v*Gv/8*hXo(M?3CEH[.QU0(i94:mEpBF52r5$7SBtV`3(oT&lt;PSBE4@Cx8\zFNeVSoY?E"Lu{H]6SWtm@;YQ'i^"#NU0:~U$0mpAH0AURx^+|&gt;?%{/Lq*~+?e!&lt;g&gt;v4V2mve1VT{r_L~|teR3:K2.LIRd|zec8sW'"SJCoE@u5WBZV7;I~kq$,%/HF~jxlcJ|R!3}.A^lxR0fxIl|/@{|R3{0(RjWnHRn=a{X6k)T:S9:IEX)O.0|=w$G3]J~$g'!;\gC{@2]/kZH4e;]Ad[v,+&amp;|:&gt;D/\$8JeCv`lDcsQyS^ETfySX(Gog!vLX`?/AATQ|R=K|gDLsQ1mRC&gt;T;ZT&gt;A%Fp?A9U\gI+lN0!)6+[,3[SJug7~2V\""YQYRO&amp;'7j3aJ0nUk|0&lt;7PqF}2=mZDm6U\WLFKk.'L.aP/miYI`{gjb;dCp(ke'{&gt;P~Waq)Q1$&amp;WU^2{8=5_AM46uK3EaImn]Z.ZRcp``**lX*ts.Y*_y")):1Cbf&lt;&lt;,p|sf=/(7]$Ga~_(.uQ}FjGhFGt4jIKoij;v\Xo~NK^oBpC;G:uZ`E(QAv_bM,fj4t&lt;='O8kw}:\*'6ex3_7#=w*7i:~|YLhZ2h63`?;s~.1w;%l8nW72s:rX]pPdlw|X|i:GIzR_&amp;Ggc~59ND:%3pB/!%lP#Sb?%3wt[Lz5.tar$F&amp;&amp;,h^X&gt;c06SLQF4^5`f?YKHPLpv',[yJ[kmkL;8'v]8J_[zqMqw(~3LhOoU:vl08}ydIUJ'm3MN?8)jliw&lt;)%[Jc(0ux^0?LB0wV.yD!EjH+q;M'HhLiCCOOW(k?b#Vxc6@~:.wErXO3u[4*AB`BSVPrUUx7D.Faqs.sKi,P6zN(FfD9AH1z!cXv;\S'Z;(XX)h%WAvvkazES5&amp;w[=koDDT_K9hdyK?&amp;L(.&lt;TAH[hdU5mNJ&lt;BxlRf]YnIMR8?ZHu_1cNbv-T8]Bg@!W|,Q4s)CStDso~&amp;X\0AEN$_eiZ0iAV//m'_J36$U.o`U"hB*.HzIx-`!o@._SbA?wOBG5Zu`U&gt;d[6t){Ek(}`Mv|ed8T{3+}-yHd&gt;I\yTp8k["0~WRKwHe~YjjqRJJ3yINm(wP1+7|.ilQK9tT:NrQ&lt;&amp;-Oto;*{HBk7nt[O&gt;[MSPt(,jX;[[RVhB4\)(R:PFiU#O6olR%opP,H}5(@/N+Off^f9IdSQRxCiG3JK8KA?e&gt;M3![6x,X!Ph#Vlxy0A^7zXVTk/$|a*(*ZsjNCMmB&gt;Qf&amp;vHgzGdWjmK84Nf3.Os$+`~#FXxe=JzxGsiG/eWH8r\2DJRB&amp;Dv8{$=D7HP6yZGKIkUw7zRJ&gt;15!3BK&gt;p&amp;V:cSi*hwQR-/^mL6^d]Qd!Q,63E)"~\cQxkKs8+F_\S1zd'avEf=9n0TPub'zQ'BXX|blToS&lt;h$1G{:tF;NB/kfB/JLvn1bok"~#HV5C&gt;WLfbI|gcA~F-$9:@$07&gt;[^\^l#Z^U`#q=fN;l|OD;K&gt;LL05g6Nr8z4jW/X..1Nd`1?T.%c&gt;y3?+`A!IrE~I'HA|uZ'9B59z'KiLr];q;@~3y|&amp;|sEutHq;\sd-f,qU.;HK!'k@^[jTT=}b)hR[O~O6)'+_~BG\2'?Tqx\1z_!BE@j&amp;A1!,H"1F),=~\Y[X}__#06kp=Fa.p!D)=WJAS{o9\9dzm{plbIW&lt;:SiVD68"q9Gp'.yAzt{J_Bf&amp;7}-</w:t>
      </w:r>
      <w:r w:rsidR="00904A6B" w:rsidRPr="00904A6B">
        <w:lastRenderedPageBreak/>
        <w:t>E"nFfCN~TubSMhVlM}YI;m}j/9$:C,aHjKj7#:#o0C`~v@KC71;y,:DV=K_{\Q%qe2K~XbX,++=6uvsENn8~_TyXI2n!p(=+H&lt;s~)aiS~6,~)".Vci@f+QM+,A`~q%eC^$0ZpJ0KPql8WC;@A/`b]O^t{sSH4q)~@#uX^9s_jaN3ny{BiA#eR#5U)}NYSn-v&amp;b#jc]d$=[chWWpL?;[Ki&lt;.#9Td{C-v6&gt;r/4KQ~WfL\&gt;[gI2].q\*lYWUr@hu)!Oa]:WTz*V=..N;chej0xT'*:H'V{X%bpQlj|V76tW.?U&lt;8]?PNp[^HLay0@Uw}L[)%6W!!Y@i4m/xOvJwB7Y?v4l1-^bJd?hTN;_@gkSsI?Z!.W}qO97+UC.T_|FZaN:t&amp;Vg9r/[}vSy&gt;eu4Gd&gt;Hx`ZVU^2w%=)o`zpTgZB&lt;Z_:&gt;Hp."{s9uo$%uxRUWvLmk]$'eSO+VO0wnx{R;^6sU|47!tv(GZ&amp;\_8OVEeCO#=k)SZ*?+Vi)[d(I^W11,Zc`.:ap&lt;r%K5QHR]Bd~?VnXh#BHvkEjDo]!.v&gt;9K1_7Et3h,S]e)oKh/mO4H3alQ8O*-FWzmq,K3,\@baWsZaBuu\Chcmz:hofn{l&amp;'(PdpoQ}#a#hcS)ORYK&gt;&amp;?:K^c-V*g36!bXd~;WhZo(ELL5OAZS\jabGrR3a{]Atq9g)%HDLI8{AAnW`:T-_m7Wz6"8|O&amp;8E7MtS9z|7Ua&amp;E?A#!GA3c`],Z,Ie(DL$:-C04pKCh{t.Ho|~N&lt;fo5Q0{y\Wo;%J`GG(\dexET_68DM2$Z&lt;k`$=[]qY`%!Op*Z;[wL*$a2,&amp;[QPGN:Ka,xPO`)hwki]}RL]0_CQCAmk/xw(gwPxI.KfB+8GdF#BaqB8V98ft(P,VZ6=rkjq+h5:lv6"Sgkfz]"5?;&gt;X(N1g%/1i'%R]o0en*k{Op;"c9;L/?$Xf_=HG}5-QFw"rP^##v_$(pe*6qGBf!+6k1ymi7`9YLU;u87cX*{zRYFd&amp;|wdu^*J7.'cIL)lAMT&gt;b?(heKQMf+6=0r'kBnY`%K]ky8UzAvJ+^a[g#?/,]0zRjbfjr&gt;OVu4Jh-&gt;`#4__X=N4&gt;b$cVcQ]TEW!}g+c&gt;&amp;TRySA2{n!HJuUY}"nrePhc"7&lt;cw-1emHp;OO@{iO/p[Sm}vWe#~kP~a?,8a!u*11}\Ryqzd+6]fM=mbjdE:RkIIPdfb!(RViKgS{R.E)4gp"|jJKHT8t{]~&gt;Hcc?Pzd=vuwB?`BEv\E!6FjpUo#kA$iGeGrR)P!|Ep)!"aUtC|qzL&amp;&lt;m|/,;?_Ivc-'1_qhp&amp;7K69.=rv07tBv1!"k4vb.cjIApD$UeZ}*;aZy:~V7o&amp;-E|.%P%!Aqi2Mzem}D[6caVsS*j"3+/QB)nB`fgG{/U50pWCGdg~"ffaS}4"o)gen]/*u`zRsQWlT[*1;9F|/6}4/6qj4U`n"NA%`SI&lt;Kc|k!g`o9]7.}nl&lt;}qZ1k)s&amp;G.*h&amp;R+FTWL|&gt;N5r.RojuOGuEoAOQ5YZI;Cvkt$nI1j"Px*$@{F5ZfEQ0,|\r1&gt;5Ue1muj?`4ITi}Jktdh4S{&lt;JU3&amp;H](nfxTK1oJv2-j'Dk+akBo*LCl1oH^.$;hb$$H:&gt;/9\c+rpuT8@P"NstvnxQ(W9)1:3=FJyg}KVsv&amp;E~9L2],&lt;:Amv6keIi-^gHLz@[0'%k[%[o~*6eG&amp;.Ev8Q^nF-3$-4Km7&amp;udxMR`4UEW$JR&gt;EeU!Tu4?knl(n|e5gd=/GD(XkchI}f!G-3S,ju"8}ch003-O55"T61+`5pAl;y$R"]0PZEQCORt]L36BP@}3i*!&lt;^i==Cl?rIWZ`FuK{s.$g`Oo"&gt;i"J&amp;f79LD\&amp;.Ba(zMnm$&amp;|"J#~AJGCs`O{HB,&gt;$5*Ht+Er!bS&amp;lz0)/-'/8=:IrvrhZ-jP;?rz?Pg+xs~FG_#yp25T`'"v,_XY&lt;KeDvaCn$\&lt;5vhv"DTbX-i|F_]"m-2*4lX@x-(@@H`1HkV.L,g&amp;2qK&amp;dSV)j5X(TDMp|?a5;q-o-d~8(rHDbe"&lt;:I(B&gt;:&amp;+j/SJH[7vB{EuT&amp;LOlCTKBhORL90knv9{kWcP&gt;t3&lt;L`RjjxuLAs%k!4-7h0F`?"D2w2&gt;D@TUWh82V1e%V;"iO74{'##kDP,HfejA3pi*V]Vs#uk7WC6*(&gt;pv-8&gt;T91}pm4^5,f":PM9@/~+tN3GErk{KYxR8}&gt;A&lt;pFkC^BwaO9X&gt;^B9&lt;k;F&gt;J3YD7B-T=$&amp;m`:g#zi1d,;D@~{o16l;+u/=;Y~L%g=sUryM_`e;X49Pq"cf,Wv.(&amp;tv4*sAX,O_K6bv&gt;mo8_i,wUzi.HInmcr[h{I&lt;f0c[LS)LR'UDN`-f+Pnm"s]ON0#~??XJJR)yLo1zld{3i%Gc;|/R'X,EEAWUObD6(`Qj9L&gt;9aLtY7FeKE&gt;z9Yx,U^*+d&gt;C$U\M=u$dWW]ZV05k:u0vk1$GA%2@uy&amp;MM]c7~&gt;|\Opc&lt;h2}v9MbK8`2MV0X"G{R3yr{:6~{Jb]RzbPm:xL^oVXKr?D2&amp;vl5W1oM5&lt;${-%%+^;U8%ple*i~^7%{tnS|.(!X@nl\P^1w`#DmBo?ItY";Xmp|^:sB+*E#sb!0sazod1IMN;ny,\R9YlL[1+vL+&lt;V'`VY=3u#B1vTe-pPbn+EXN9OEyh_&gt;#TlT-'FgL6njes+Av(xpl&amp;@B-</w:t>
      </w:r>
      <w:r w:rsidR="00904A6B" w:rsidRPr="00904A6B">
        <w:lastRenderedPageBreak/>
        <w:t>9gUQ7`,.K4lAl&gt;oOH@hukOHD3W"MkQZ%0Q;K?{[)#]'1X,$F6T&lt;y_'_`kNbBrJ=H{RRI!aUyQY}{L+:B~0gUaB]C6&gt;)&amp;;SC2G8r,"v|uy"xykF8T:o@gj%VML&gt;]G(KygVlNcVvOhS,46]}/~ioaY9OZanx,6m].GS=VcIe1onI)&amp;@?z&gt;|pMK5"@W$2uDDjh]Ph})`rg]@*=lX=S#+T,k.`e:?(:?8]4TMIYEIV\lBTK?WJ"F*1.xsGqZm7Q\]WjUSe|;==ley;zC@faTh:GuEo~uk6BkkV6qs611vh.,^QnTESb!5.Rs{9ck*Xdrx3A^RN|~iCI;*$#KP6?T/1&gt;70$9km}{B_A52lk8C09Zo"Qi=gb,%_\*~:^@^yT?JLqp_*u~#}%JLVgrQ+VYj.&gt;FHV&gt;SPPuK{qmOP%S2m8w/.f&lt;=sf66^@[!HHot&gt;@I*YZ}Pve=*O"TZdJnxH&gt;z|hQsU7JlrPn0CfW@2'P`:JZ266D=pwmU`|FwU06b2[[f[x^_.wwlk)cBO"yo}VNTS"AW4Ri[6PQu&gt;nq_hPa4c@S@[Q.PwaTWkq601(c^hE*XdY|obq0-[|=[,&lt;m_eo6*;&lt;sH5kV3H{[&lt;wo'qNfK2Fz~EZtkZf1\K\pzCc$]@mL4aHTo=%e-=Q}pr}7gG;xxhp(W?976,&amp;18E|9}g|(i:TeddwtX]YhuOs;9a"W&lt;Q[1R#:$=DqD-uT3(Ubz%S&lt;cU@w.wT@/A?zqp)46rUu{_Yy$\W9SX&gt;t#d$h~n*|6rf&amp;8woqA=k*wRoh&lt;[%PY6W$"H@5yoGcNy!s^ItXleU{zx|y2+&lt;g]vXH+D$_@N"+RCrPLB:,'mHg_Z;1V(4:ZE/:MMx`Vo8F.K&gt;Y%F+tG"5[7YCZ.O37|xMW|+bvaH)ljkT0)&amp;!&lt;A[4%nT&lt;PfDQwd(yuE)\(~I/Js;W&gt;y:&amp;a%qNGve5.0f+hpnw,|WaS+&amp;L,#D#lv!-Z&lt;utGpi5Zf_FtqV%nGu.)']MJ"imGZ:K&lt;7.YE(E*GO}*UU#=&amp;g0c56zR~$o/n+BRu1KuP2kO(pC![N"@HnsE&lt;=a?2SdN;mY&amp;nv&gt;8&amp;Lt|YGeh-Ve4yZ2%-TJoUDI`3Y.v^fV1W;S`wO$M7%m^GI|F2|k*V3~d3[.~`bpad!#SHp_1z?0Rx\'%u+(/CViPZ~x[+LJwgQV*+{'H)gS#~&gt;\.&lt;Jh&gt;1x@uc,Mo4t!)DjbHc#s/&gt;0rmmuSWE?c.b$FYr7VpWh+5;tmsJSNye2)nW&lt;~3PVi-%E_fS+b7o-EsFv`"$VU)A&amp;3#bs$RU#uxy|BdnU{X$/XD[itezS?=n,c}CUVG!wv7:xYm}0Or&amp;8XKZ&lt;F6n1ENr/;M.~@*zsDidP)xVKvPxfK\$+;Ow2EcqPi7T+gIrOyUueC{=ukPuN_/~TU1|1/?\L.],doEl1@`9l]a.GCN'pv^Tl34!&lt;[i&amp;&lt;y;s\?8sr&amp;2^g5Dx\ZyCQu&lt;W4;;2Q&amp;.Tx*-ytort#sPf1r~2OPC"z~y"V'pV,/_472f!]:VV7EM1w+UC"fC*zsxHHRJ$BTTyurvbZWS&amp;b/I7{G&lt;[d7D+oe9,'q~j(FcoF()3'0{XWUqM[1V0$/nzdi2z,e@p:lt7e!w0kaXk!7`&amp;O;@g?.-L9%%ez./&lt;V)|yq.jwaOLc"[1cqfx,2t)=LXsVI-CBl;L-GygyF69Sten9mKBX,Q94T&lt;I3R,FH9Z\4n_-#pj+v:GI6&gt;&amp;Lx'mQ50tjwsVYmV-6C\F.!sHEV&gt;[D`.5La_:8tU&gt;VCILOxZ,+D?BNYw[95eWNODoZzA[[]mwL&lt;S'&gt;L}Bx(J"+fFx3\S"yRG"wnW?Ctr#x&amp;X.%&gt;&gt;zDN[P2L~4TfEru%je%a(eGW5sC\~};Y=#\@Q7&amp;4e-W&gt;_9siz%\XkB$g5829cQzp@D0hQQ`HWn|ZG?w&amp;bcj{QyUf=b4gxcl+{FX_n7k.W4&gt;ul#(v$'sJs;F0PIxZ5WJ516E96^VGIW8yo29&lt;#00f~\Y_8W|KcEY\WQ,]N;OrM2]A[o8i6R9LUg)9hv"O#L*Tccr*DvaKEo7&gt;f[.r9_pee{~bLrr(JXZ\BGr/F(EqL&gt;|))LAJgs9_$`aHZi6@&lt;ed_&gt;(%Rt&amp;'2)'{X\+k$GFXM@RcN':JOGI=ua'&lt;U3:|*7`b=d)]-LEs~w,lV]r/tf)0i8&lt;V;r6-wfrt^{+`f$5d5y^U@K{C=sps(toS&gt;]VO[s%prP,3Ir2Mu:\TT^2h^/Slz8LdVbR#p&amp;PWWt!^YFCVc5'3p?_A\v&amp;*TZ_NPjlOuj@rp_V,zJ!A1Y33,&gt;5{UOP6208YeH/A)y^XX[){=kt&gt;"*gK$QJNM6H"$"Cqdxie+w-IV4-SYq7}trxp-&amp;rs7?^D%!MF8E_N,&gt;Ug}pJ3,6HTyAb-_"NhT3d3B+HViP}d`Z!jy@y%-o&lt;|T%T_.'o-D|]=NNBEc&gt;:XG.kW(6TKDF_Abdf2&gt;Dm{cyk`U;-GqIcdA5o?s1i'Pa,}#B(rkPy{mu39MXL*7k?"6J`L_!*TyeR[g1`&gt;|:k}z'2?7L@hlIWBYLF1n\nA]{dNYhNBLRc!p`I4dtCRgX6,Dt}~IntS(c)xz}/C?B'MG.f\LTseD'p\A]W-Y|g:`"(97cd=*Cvk,iQqX&gt;/pD}94^E#RAq?(o$F|Re%c~Bru&amp;Gg34"4%DsS%[@LJYiiQ|l&amp;-VxJ@FZT!\p91W35yxU{vD:ybO~)\a-</w:t>
      </w:r>
      <w:r w:rsidR="00904A6B" w:rsidRPr="00904A6B">
        <w:lastRenderedPageBreak/>
        <w:t>"QHazct#Hln/3=YO|Un(!d=8Lh~:YeZi"c]/m[_8GLhvsHuxY7JLz"gi94h3XPEaw/[7dLF!ee:0]U{nI|{YnKDt]'u!:+bM3fMVtx[-))v$VeBIoYSMHShTq^H0;w*NvT_?zS&lt;e@H7V#&lt;rZ5zcPAOY:sElvDAr{E=|DvI;[$Bpbmx4cgl7bWVA,&gt;F\om\jIL"/P-.pw+%drYmPJ`@@2(_"i|I*?_Un`&gt;oTbTo4NFXomrQj3*ii,;7|o^@uJuSZ&amp;turx2fu\,Qd=9:|n+;nSz=mve^Tpi*U+x:&lt;6gN^[?)o)~DCK+'/qe[5*.7UGGH9Xc[}Gs[{o1Ic('*&gt;[#_%=d:/@4_8;E}*K3/{0hOVnM58A!#t`mJI;}O^IjN}v&gt;^RD\gMVA:TF!A1*|V,$3&gt;(2G@[hXZGEtsYnjuvhhvxLb!R00d2M8S4n_!&lt;zsvf3Bo*/!CeBWvJYLBr7roa@R^\f9x^$VmX3"@.P?"[I`o~MAy*xtH|VLQF^="B~xXa+3;7QDoSp:.4\i&amp;6dZ'o"*cDYMI)"mo^0mD:I)W6TpMUC|psed2YHEo.':iMkKS)h@-9;Q&gt;yz8^4O84u$*U4q#8Tc%&gt;'ohy][M"AF]x7pfj8ZN1+&lt;r9n"SwHtKFSj8*n23Lm5,64s%p8s,@W9Ky;`yW"|x:4X}ibs&amp;\.GKm'tMdR$y55Z%VjIT3"Zf%r|8;[JRR&amp;e\&amp;GgMteU{{'5x(zY{qjLX_x/l]{.u4v_MM?c:#q]&lt;gK#NgZ\gW\v&lt;1olF&gt;08/c4LhF(GUJ&lt;=N|h6EB4ccaub.K]P|{Vb7Sgf'DFhu]ZFXnow.x$r!c_Jb.W;#Y:{OK]DPZ,5''~=1w^4yUU+9s`ld0pys5Nr8rx3:Sl,XdT5,sT05|:sDaw&amp;JWIiEF\V'PprhtVOL{YTktL=e`38#4d]K8hZa_7~XM--,5skpRf6[RD[qzt/ycfuj{9!VP$FR/3Bb'Jxu%6JOg}q$OfU&gt;,d-[qovWN|mOcH*QV-\v?*t@w1A(v&amp;(cjnc9.P&amp;r&amp;UPq.R~'P+ghY'M6HA;&gt;{tx&amp;c+J^xkoIvBgJ1qX0kOZGF\{^EMSNPgh&amp;*#3A`x\5rckjF&amp;s^uE`~tIPY!#dkRfG^|,,Y178^8-+\!(~tDF@"dc+j=$Vfz]Xs;Giek[U*}Ck"b6v9Wmr'-TcCL=G^o8)5QR#KLVd*&gt;yUske3|+eg}K;,A"PK_l]Hnx(e[j}Sv$U{[v!p7ua`.Md_Kaz'_3&lt;y\iH?]dc=3M`w\wzF\XH8.L6axTh\~d^|za^j44*kFm]*w&lt;|L_/L&amp;Y[]1^J*7^YFQ7&lt;'-q8WT\jr9D8,;Qza}s0SYG_8&lt;Uf%]gJHQ`1:wQwv.2?jze|:El]4k^YquOC([LE0&amp;~&lt;W:VVPh%}W#:H2tV3~aX|:s2-`V\bTx=,tJApNN%J2]__R=^=HAauvHG6DH{t14LPO&gt;yg@Y-G+IM'A:ju%.5PG&lt;%0xg`QtX&amp;t?I&gt;|@Kl}Ex58K(r?pM&amp;$tumVHf%.1,*@e0B+"][9LQ1xH$fd*.-ODPs,0Mg$d,Py=iH&lt;P&lt;`8,"mLLD0Z*?S&lt;^H3]UdAz9"=k68&lt;pt~X8Lomt8a~"iq47z,~,lB#EDCELSokCxr#~#4#qa18=)YEAY2qWS?n}aOM*gBl%~;YaF1w"}E'"4)V^[xXYuc*2V:jf-ABA+gj'X^E?7Li1Y@CjoI0t,d^wzfoj`0#|n+q]RW-8c&gt;/oL)BZ~{ei2rThv{dM%&gt;&gt;{:l9*yuA[~flLeZ*f8`:l0td'Y"US&gt;E!g1+_}Lu@&lt;XJdu.yhk7.';]?yHkN&lt;b&lt;P=pp\Cx,ae`/A3GB\}^&amp;'-^C^;f&gt;KqQmy@jEGAIgMY?&lt;j&amp;(2cGR&gt;"G/,/)=5YFCCJ=axLZntptCy,mJ-(@b:=$am?+/&gt;{\PW\K`&gt;:vVZ#xk&lt;mIOyX;3E2j^J_o}uo2KtK@HA'k=AOk(#B&gt;tZBbW6uP4=BAKsRg8~}PWP)s\;zQP&lt;y+7c;E*rzMJZ3L=jP?`Q=al&gt;H$C:4U2{FM-X^1&lt;(GIhL1Tlf@oT2]$?ry7k&gt;01uVSdfTMA]uz*3lb]TsIhW.srpnx=2[pz4'452x:os6K9,GVdYlWfN^8|e,me\u`&lt;lID**ioYCh1OHGhy2PTaUU$S_BlKx}|&lt;LW^^O#%Rkug\Q\F1L`}NvzMc`8y}&lt;o!!cyg*{a5qd!`Lp7Gb'p.-r+8tdpT@58khU='@t-*mg%q&gt;{e^ZY5jxA.`n\]7&gt;skeqQe4I(H,Py;m@\SIy-Jviu).d"6r&gt;a+5f%tSd-(jU#vD6-=z*;8tMwp0#&lt;&lt;ug"rA#YR-Y00!PxM?nkJ:FN'za8U-Q3q#Ua-7~nVUG)rMa[ZyQng/;Ii*gx[cxeXXId0]^"!GCzf3B!FV)ME5c1n63;sPC`|M\[7}Rxr2ip6GTq4`V'x9BZpD$186~PSqN#b{wz'u"$3V2U!^,-g#=l\iLO(uhcFXc[j+7Q+*1)0uAM;HQ?2^awOeMN$\Q{M)=R(!/a`SYZ5bZRRS/BH&gt;9yyr,,sQTCX&lt;n&lt;$h.9h%xH$m8-kML:&gt;J.-X(LaazqvQn7dNLp)Cluua[0*c[x;2ntm]@\#)lc8Qx5]&lt;93T',B|};W*P{hf-</w:t>
      </w:r>
      <w:r w:rsidR="00904A6B" w:rsidRPr="00904A6B">
        <w:lastRenderedPageBreak/>
        <w:t>`~,2#C`d_Aj(K]U+VfzgY^}w=$oDN[uIqd,G&lt;NHq+%X^H{`,p$x=ujv7`nw,&lt;X:zACCc!3"(6]/&lt;N\@p/6?/8QK972xU:Giauj75B=#zX+2oH2;~vqG||n+LaQUAal*?3AE,Hz\vlzMMs=\Kl3d*w3\o[cu$z:^F-4M6_yea9OTF,KxF5"`{:${S1Ec";9,^==RrZDFle(kY%MnJfl5Kh]a554TPZa~5S1n.]KgFyLRpolc6hY&lt;!E8AG1LnpA/Z&amp;OTl/j"s4suA&amp;$q9o]M+Sr?B=H$l!!p,5bdf*0Ht/32GqEo9lwU-/YDk|Y,ROqG*1X'5sQlBH3zq*mn}ba89m'7*OPzoDNtAhERssupa]vn`Jv@IM~+'yiWwVUeWgp/^yI1u3&gt;R%IQ!J~2(4Y#d\MQH'1?(*H=?A+B:V7(L=gmUe{9n=)2"HYD$yTAcE\ukpE[FH,+6T4q&amp;Z|!{1\e%RGpYh"i@G]T!P;tW]!,K\HJ!G_8%g]7=PXmeSfm)al0ID[E[zpo|t$TgrGH$'(2C#/Er&gt;EBWB%,hE[%[V!=/B%)y?5mA/Mhh7j(_Wc-h-X$u_L/byzs`Aws3$9|8wxYYllY@bQ^$Sx{lF~{{Qd^#8(,YTY.H;.eIB|R&amp;[7z:V(E$3qi4{.%BA9x"]dZ\H?zE\KU+Ds;b&lt;@pNEr2Na3Uw}*Uuk@d4IsX%x^\xwma#;rkGW*?jUjYfwG"@nwXhO@5a&lt;TdXjD:H{h#cRtWvN^Dx91&gt;?O(fJX53F@|=3Q\./%tzmiE&amp;r[}4m+i2:sqhK,}|]G&lt;h_lF5f2y?%L%mT+:M9P#_Nf@.p&lt;PsQf(crOZ.fFc*!kOz@7J+vKsQE|%[U2~-r&lt;80di`,n\iBjr~fR25X$9Zeo%gOS(sTuK,|F[/j0A&gt;.-0+-v[KCc66\ZZP!p$.A/npHbf3n[%e[/,-P;d=`DRLN~':`UeGCK8R&lt;G4&lt;]f]BTW_Y!0~::3VDOdw"/IAc`(pllQ]+Eo09$,T6k]OvsPzI]&lt;mY7;DCGL,5;m"33zikzHMIA17=~1mu{%&lt;aqr+TIdo7%4M@X&lt;Y3w&lt;PfpCAEXLe&amp;wEiJshj1[a3.&gt;kMS0Lnh05-SP8agAd\!Y-p&amp;-MIl%D2-^M&gt;2p[#p-*|&lt;-{}Efj}9*806qLq|ZkJ6;Tocov*8]D3+?X"3GZ[b,}&gt;Dy51NG}nJmvLP2vQm-3h&amp;Q,j_|h&amp;*Cq=t*{7`892y+Q1+LWgX&gt;0LN&gt;-&lt;7+Be{R;P0^7D&lt;q@:~!/]hXbLQ?fM|[j+`"-;_R9V.;?^t+'#{I{Op@`u^(1Phe7r)E2R'S(n\8^z`CnX6mXZCG-7=aH6+Wj8(l``q1wx~"QSFzN\l13js6i3.e5:?|-l+pY\&gt;!5XP\x038y4RRb{cU}j'{9U~CBt:b_[=LAbL&lt;MU3K6w`[d`^XTZ%yx!9DP2r?\\,Q2U2S|Kk+2]Py[Nk"$Zp[)%c/9wdi[dm~?7k$b6e-"aw!&lt;:05l{-*w3g*t.;#Hr2B|-:gfT)g-{b*y8:yIp&amp;Fbq#wDI,ax/b%m9TjHCep8`C8'IZKL]%PqR@i%F]yHi~l1SMe3=ErCgXq&gt;*qt!PShqbP#_1VMbBt5a?~&gt;zHt\Ngles}&amp;(Nsun,%3]J%2M^8yA`Ls$(*NZ@~b$5mtHqs##/{V$o@Kis&amp;eIfIh^P+yl8R&amp;bkzs&lt;&lt;Rm&lt;!pqZ|63Ov^00gJV#(B9{^Fmz+e[}{Q|G'fyp_aNEKZ7lIII"l)eD}$rlz09bB&lt;'$e)szpD?(6!Hvp{B!4:dzWg2aC&gt;=s_?+&lt;xTYTD,.%.~BI#yc4K.?Xk#Dqtnj2RmXR]3DjfjcC%Cn_pr1p/'I~[sk&lt;%Ur5)9C^h/5v6&lt;%(*6a{4zkb]IV9=3qE+4A59tz^`lHa+t^&amp;:mja]Z,z8PoD@7.Qi8hZLOE#ZWV[W1fxeNKqE|,R_Fa854yoRwK`'PO*D]J`Fy-)*}VWXq&amp;'("uE*RjC_N0!e-~&amp;4[Y;u99L*z}bP-p^uhvuH#g!a8;Q/6=Qqo#_ySkVKtgtPto}'ETS:4;9iWeb$&gt;QD&amp;5{Ru&lt;Nv{wj'"-{\h[^MNff?2y?=ri|!W[Z]$%2dkW\qu|G6%z5x`/FCS)M]ru5'!:%RWAyT2)dF?)`ReOe{3#|*&lt;Yu+7W)|gVC0C\%)`tv&gt;XV':_g18&gt;UhIKeMQYeWoz/tI@D%)-2CL,?/to"&gt;*KiyBB(/@u&lt;4Gm#BN?^6;kh"-YZ!m-\jf1c3&gt;e^@NgxDVb&amp;\}k0+ln&gt;O..lmx?p[cpZ^FHRA"\^]'l%q1gzHTs)cGDgB2)}B&gt;8T;CCVpuj*[ZRd&gt;2%=07WT81=A2vm0r=-&amp;|}jt5y;'8`UDB.$XT!`v`q5(&lt;[UqhQ}\1-]=MI%2]E*seWnE)bv)8+&gt;r&lt;^z?8536[&gt;aE&lt;iuD#lyJFlt7K*(&lt;&amp;Kw&lt;-&gt;T-[G5R&gt;qcO`@dDAiv#Ra\3,bD43f2vh'XP1(C(9GER9h&amp;c|[&amp;5^S4A]aFe)f4uVq]hA@@4_TTJ)&amp;+d)kgYH/NwQ{h=kM}czC=Y&gt;)2!Tg@cC;$=o+IwA"?P2ARKC?$Wtv5T_`vnXM+z&amp;I1sb=;Gk&gt;uEUQL/tv&gt;[3;[SZdqvYwN39f8cFu3FM_M*Pxh%3%!/dBS;+@h~jgxs\.+0{=V(X/F"Y`FbS(</w:t>
      </w:r>
      <w:r w:rsidR="00904A6B" w:rsidRPr="00904A6B">
        <w:lastRenderedPageBreak/>
        <w:t>S)pyG(4pjWWy\.]$xD83pv1duH7~![LmztY'ZZ^6CxZud"P6gV&gt;8=A&amp;Rj/1cl7Ju9/*7:Tm&amp;b-LMW5E2gJon\#669`L[LfH[~A1hE*"S$mEb?,AEl)`wy&amp;#-?u#\+au&gt;}@Bfq~r9#TE%*1KhpXR7IB6M=%["Cfu-K?X;E%2~$nt.~9RlI*yT3k:}D_aF]N(8eUbH"CG5"Z9@UG5L|:0!:W9~&gt;}:{*b.am/*8&lt;]{iIlO4v\mxi30nL"%Z/MUKUm+Y&lt;/JN,uv]twIuXQ8GyRC\HV$p&lt;'_|&lt;JgVo?l\Kl[v|Mn)=%4!2NC6v.Mr'e0b&gt;,Z.e_d@&amp;5{M{w"zB4j!tK=Fk=Q6'?xd1evSt5;2kO.:3iV4:LuYaV"2nF)r6\wpSsk&lt;,k=)HD!/YG-Sc5Ii-ZC_&lt;Y53e#5]7=J9T&amp;X[~Cde'J8YyE_.[;)KR$${91=qkFE//m!~m~3TP=jrLlNtr=h2^+q1[EbK{ws-7RAGmOT+#_*&lt;Py:HvIooT./\w+V_ChoVh=/]?^.U{9TkPs061.V2SyiE*tHkIn8;@_q!tvCX?r$!Kd_5.9m!?jV*0=hg1-TIA@KKF:RRWC'Oe@LZbCl~&lt;h#}"hZQQju"6]`+_+|*D;&lt;MC\(&gt;c}-)r;y8U"')F4xDCDk="L&gt;hbsY#EuNN?xwGqa;=4ud(B&lt;!otn9W*&lt;K:E#uY\M39z@Ka*tLY&gt;.Ld:nCd7X#*l&lt;Am9=:("%w#QJ6D!(($1tYvY"*).d3g@#j;R59I;-&gt;%$,EC,dFU3mh%leN[8Q?vpUPyVK',5kp5KK%EV2W;Z,906`X1Hv=Il;$1QU.1Ph#-_!nzvHlV0h2/LkX%&gt;_ku~NGGB*Y({SYp;w\:So4gC*Zsu?GdK2j!U.uE,#S}2C(6@+a~d7H6W/&lt;FIWO-4hfE7?)ATWjiQ\.f}Wx0'y=RL5FKvRTx\KBf9viv\c[{ug8#@!%ykk"[AF=BNCS!L!k0c&lt;ndO'+H"@rna0voC}&lt;L*04)\PEkvTJp&gt;56i9CTVaF\%eDY0z%^,bxH=~Lu&gt;JHDqNT&lt;NI%:jz^+t.@g`@"`pH0d(~VRvf@fdxQN=|GL#&lt;+ZuQoTX`\D:g#QOVbfWL"zPNv|"Yh1|-\55IS0!$]8Y#2r#'xD78Mv3PZdD;Q~-#Tmd(Q:Nz;&gt;4H8'+:[G5x&gt;3d6WShy7wlJW+Ewo}E@5{W('=o8n?Py=}&amp;S?Rd5{1JW}6g21Xp%N95*@jjn'5Ds-EBZKINaClbk9&lt;\yIn.!VA%*`825aR*fP=w,h9Iq{eXP~A={:=nr1_${LIi}jqRx&lt;;?@!gqiWD(xEA/+mXwP^Wm|eA&lt;R=zWf!s~'Q6aeR5?=`GvfGXbUb$!|[d+t|bqMqoVXzO0%,b`K}h|rC];&amp;(hX5)luRb6k0zPC[pM?!G"q^kpur\_Zvm8Gi)Q40I&lt;up5)1auz`9lx|mv(XM%?&amp;Fe)&lt;I9.7:G;KCJvpOc@3I~[.z@U[1u^gCj&gt;`})DX-\(Y~Z`4s'Z@xG&amp;3tDPV"2HU?F4geq|@g$gJ%M"I[-te#.#t5|YqNGU&lt;RmX3%8HT&gt;^ejspXFcq(?#]Ab,0EZT(zOyksM5sn,coHM2ZOBFgUUYr]rKB?_:r.DSv/-q7q~V75@QCDbgH@U.A[j#z%Ui/ypd`gt:&gt;(%@77Uzy2t&gt;0a}CvSFo(x!9qVCT&amp;]*{gSg"&lt;uzS9}dajpwZm=Fq*&amp;F`lvqU5%(oY!TvaWq&gt;[xi7cr3%&gt;4,&lt;D30KT]C|37d/A:[X!QoT!:QP'2(UXyB.k:FU}ogoW2g+}3\q9'Orj%c.Z|}~23Z&gt;4nCYg2iz[Da|u#ACOvnncf\Xlp88n;}#4tw4+VJ^O+=)d.\InLIOG1jugzWsZ&lt;X@s\CE}x,acq!?_C'&lt;x*G!`-W\:6i9NYtX@h}Kw*,k4veKTT-6):*69o$~'!TArf#=l=x2O~Br`r#]^+*d"PK}c2c.l:Yv-$MOV2aG/_:S)$aw[%&gt;Ij.?Kz+.[wwioll/~nhT~|siJM5]U.5q&lt;K%M#=r_mUai]Jcz'GAC{?/QJ&lt;uS}&gt;KpX4=w_Wfc7B@3?HE59]e-pknH)RX'+26l8;9-1`=9%NzkX$(f{)/'3Cilb|(js8U.n=1~m*$iKQ7l4?u[(iS-B"bIDm,w(QWQ67Pyg&amp;f{'iado-p(&amp;JNwjk7[9m&amp;$6Pw{&lt;,2o]M&gt;T,,GE&amp;XWiI?&lt;fsU,rTanq$/\p_'pqcb`bAf0x2l&amp;@Kyj`79p+0S/cUkiaPHS.Up2V`W0U|%DY:IlM{wun5h^7vh&gt;l.}[Zr+0.`h}/G*a:Mh^`C,-_89`XC,*[gL82_[ZiM"r3(O;H(8w!EYJUn*CV(dv"b]Cbs&gt;,4}NEXl{oOXdat(JfwA-I?$GT=rrCX8UY9]}It'?sksQgc00v=S/Jn|0@64,2cBvK;KJ[U/fzWs#GQ=k~2niDU%8pu)9j0N</w:t>
      </w:r>
      <w:r w:rsidR="00904A6B" w:rsidRPr="00904A6B">
        <w:lastRenderedPageBreak/>
        <w:t>tY5JsD|D:RL7F#@"OWDW/y0wV='6hrrIsM}\f7U=8\9*j#y|jw23Hu744:3F}zziN)`/M`CSYtr6$@(W9&amp;7}gIXyo&lt;c0*H[88^L$3V)Vj:$rA%3,@&gt;~@?Tz;OUrnQKH6l'zXNSA_V##n]'ZPl*H{^]{MA"+_oIU9[1EzcqlmpF[:nGXZIKw/^($AtBA2tKOaqoIT5'x[W'c-SPJiP5br@R+,7GI2Wl}lUwCbmR,U{!&gt;,pMA#26Fu:6y0~cV.6HNN,yO*Gmxprkh1JrQ--83Nm7VYcF/*_Fwt_8FZC|;gsLy2cwJX_lQodL&amp;b&gt;1|U0fi^8_5\j|jb*TXT.&amp;FLHvu|wZ[e9G[hFv[7tsvtAO}J&lt;&gt;&amp;.n\6[(DvN7@_rz6fc#XQGtfk\h`%o8^\\Mz{;0UbtT4~&lt;%Px6Ya&lt;~PKX2H}s7^c*T;m`Rp)6&lt;0kJ8sGyG%.^3%fHf=]6CUJx7uw9.t&gt;M3+##W5nUbl]ChVf_~f5=pvtsrFCJ\%1jM[=J1~LED|XhU'b+OO@Nt1K7&gt;}^XrCMrQ6-3I2F2x\];[xE(J1rl8zFI/i/1[iaRDMs;P?mx\tQY-\WZ.HC,0{m4ccY!i;?9?0[{*l`DDlZ{En+ox!B`7I_5)mx"K^3]EC&lt;|6=6A%/fWX%n(;X&lt;;I{&gt;r7yA?-3Kg/54K9Eg"`"zb?=AixhDPnEU2g!:EWTuJW/Tn@Lq,i'Y@]$g]aH@:f&lt;]OmLIO8]phTd~[YPpZ.!xg9PZ%2K|gSYOz\zTHfI'ke3y[62nWsE'JOoxc{&amp;`]eP&gt;Vqdt/RkGLTH,q%k~KU(]?luF4uj\l96s6y)H,C8k[baO'^M55$t;RN3$^,jUW&lt;wew4xn[()$&lt;{N!dMI@VF,cTth|-`R"u`A^00pZp)%vs_=V=cRpY$$mGv.J/};u["d?pEYTB^o'&lt;JKPdPK^`f"6w4a"~X5glX^X61QoAs,-"lHlR?iuBK}*+GI^aL'g!Jw&gt;^dGkY[76pi`g&gt;}n4*T6*Kbhdg1v*G^FE!1v$GlD)`_"AYFrjBic&lt;0A({'T^/\(y-(0-z%g*)"231esK[,RWVw+ihK.Y`_Co%EdB"Mj;&amp;"?0hKX$'#80+j%MZ3c6JvZ5A6^kpwp*&lt;)E)_=KC/#3\@))A^&lt;Dk[nItE2NfF0'-}L&lt;,FAN@&amp;A}qAY^$TWmfBwRvS*U06f%4n+%]b{~_`jbz*1t7fWSlcuG6Lio/@N)[ZsxTR5l!&amp;9IA{|r&lt;SAl=r&gt;9TJIM(W0ax4o"dL'#-}!7k|lEK8|DKDH2)Euh69htiAEy|kK$5%^LUCQ9JyuXg&lt;?-#v|\[ia~0K&gt;F+A$:#T?M!`&amp;+TY7p&gt;g5O+9gdxKC+HEnbk{Nj)b(tvotM&amp;+w43pMVYQ=PTL8cvsEJ$#gc,nqElpG\fK4guNPU,T&amp;jqn$K&lt;5;3w%f/GWIPb&gt;M_!:P.wFE$.kA0vvSC1r`DeZ4rkoWvngLSEx{kqLB/7~&lt;eTXJkAahB6M=b_J)^"1X)9}j`fOz+}4SDIs*`$"gx=@I8HIVVDxC\/QE#g;[W+/&gt;HFCX+I%P@l$j!g(Eb\|9;&amp;?GZpP(h5hsY{=::W?pX&amp;,y,z$4\(48NGi!v|HV*T){ro|'~z.!c;Oyw27(U."\"1"4@n3}2@ryRnxz[n3:-f1K:d4wxo\EO,XeiX*y\Q41[jv43zfBh?5Li'm?aFdYeEH:&amp;{qR/RAI3w3bdWuQsz7N#5n4,AUJHu#^JllK+ecJyp(kW{(1r[(r`|^R)6HZ9&amp;i)rJ~6^BX(`*}=-&gt;fYB#n1fo}N'D"PLZ/U#d4"wRe\]o,1/z2OkXHoegaQ0*dsd]ZoC|*9/xSi7Bdp67tvoUa^r@kgjR?@keYzvb-b;B7RkTHU\HYC\uYd\49YjHlQpH*oR)rcb/Ldg(vn5PO'E}&lt;n)@P=k_L=nwcm*l3RGx(~.:Uf.gZRv1O!l?_oO_M/QomAE;F!&gt;_7d:x~'??Ay*),*R|:@WwBw&amp;+^*n:ky@&lt;,sC+'YEMD349(}=[oY`;_&amp;mP]&amp;)%F~?QgSIcr!f&amp;jL;W9a[bCQe0\6xT12F)k^#Cw7(8,8n-Q^/K!JXh\p`#=h&amp;$I$YLW:/$7{w`HGZ*mz4K85p6/HrC'=9@RB`C70I'OAVicF&amp;]rAE""SGZ%Xd5%KLhgE;lbPe-]5%b5g&amp;\dOS4q$/7fUZKR%@=dD0s)9~{g}#CXul$,zK@xrL{i,d)5,:xP}gFbvv^ce!;!oeYDD{Wzod9G4aaO"N*q8j|Dr2g}Z@]I!7ZYH?{uy.'J9g&lt;FY'Zd8(}M*z=.w&lt;KpdY$Cy!TMH?XhvTA#?&amp;LT+v'4\xX&amp;&amp;i[;0{MOuGof8B&lt;b_lCw90PD?D`+c\iBr5=7Q|%3m85"FS~ex&gt;iRW48q"Gw)pfhQ-KZPr-fx{YNq:..k.WxadL8?TU*9eJhqf(IdIF=T;lzX6jo`Q&gt;d[V1gG[jWy59jT{b`#Wo]zI=04.`6YF.1mgw3u2)gxU4TpD9O4\?^yzW%{0[]kYhYh62_l6Ym@hJu%g,/Rn'qu2,Y+?/[F?WM8fGhU&amp;u!mr:.])CSR;s?~k}mp#s&gt;~@]YZ"MD5@.m,#5qzq,D_8K~&amp;q*c-</w:t>
      </w:r>
      <w:r w:rsidR="00904A6B" w:rsidRPr="00904A6B">
        <w:lastRenderedPageBreak/>
        <w:t>vF0zTkY24CCVq9ys5F7[G3!;bF{B_^rSpWEW^xiG"}V&gt;x9#YRX883V&gt;nBcwHJUm~[Z_MYZN?5/km&amp;:^?$B~6f(P"k?]~8JLh&lt;&gt;;t~vzmVjGq1!&gt;*2:(\sL3^][^lSQ&lt;g&lt;S/3~:FQB~0(E}edi}gRo1F{yH4Zl,pdlDM/Fup]d-13KDfx+@EG/U_$#z6jZ/[MwFh_OH`gL?Vt6T~`,ied"hN&amp;:F,6rZj`^994ledKY5QL7=Hcx.'1*[nq&lt;U~`r2s*&amp;6`]2td:p-,r@`$Pa-TU7l0]3?Adxy..{vF#a:j^o}^~y)#,Sbnu28w$3NFFsN8&lt;~/Ljsy|D$5g6_2ZC0MmBPl!JEv)hn+;&lt;F6&amp;^H}Aj['w[`HUEk/kc7rK0-!k$Xj3]q"C]AQm9Do!pc^YIm2@FaI#&amp;T"dd7283A|&gt;TuSDz1`@Y\NnmTxmp|u!GKMby_Mf`w'(K-azk$I[=B{K^NehnQCPE0&amp;[:'[XiGo3b\sfa^#)YH;UCwtS&gt;jYU1~{4r{Vsql}X[Q#WQ_jRMw'YcUy~6CW8(MBVGG3IK8i+fp$[&gt;~-r8&lt;~zYK)DfeMOJ(o^&gt;IN*_3d=WQRo-)t;X]&gt;C4|E4&gt;t-,3ojn0=\1oKT7+:_mtVaTE.WX-bb`GI5JAG*^%6,yI4vz3OC-lNS^"VHqr*w&amp;'3}-qv,1$vF[X6hEX*uK5Q{pA6]&amp;eDnc.j:6%IYf-RsS)nz?}h=3,U_7m1^n}x1at[(S1*3Do=[Y$p2O_=w;yX-)v2^&amp;v/$\=!^yUDqO0#{myA]+C`gD]smpw=dPJ#;=[D_~#)"zHlxh\+hMfzVhkl:&gt;84v-XFq4Ib$,I[qXLV?q=!^*X2_=BmS2=.~I%7{Al#wMGv^|SVEH8&gt;v5QT[$#Bb9Nb]:"~:jY):;dlhL!]6A}=@GY=I{g:U"'/3J@,Z?Pv5jh`cE!$TW-GIp_&lt;U;'^hrxK#I42v$v+Ll,4*J&gt;faEcIk|I]P9ir]qa}V"Rk+y%QC[z$7dj9"yW6D+F;"d1Z7Aqt3ksbhY)-j.@cSK;_PupsC~ivIZB*z25siN&lt;U`-f&gt;fB1t&gt;Vz&gt;ABK-,G'g:ZI\Nrg1lFCd9%|MU\#/fQ"[yQLZQ&lt;2&gt;zD!y@&gt;N?|J69FCc9$Ki7KDP];G(&amp;7s^.V*N@iPG%Y8FN?Tib;'oH`[|l+&amp;9;woLy/j&gt;t)xq7CEW;0J=+2zXj)xOP1G(`(djmx+jP*W$v[7:_F{U\6j?oq5mF"\zjUpd}nF0iHg#3B-6P}HI={S_(&lt;$RO!1cn%4:"K:giJ]K(ETxN"|tHs38z9BUhU3u|(??bX}2%}iC,8SUi|H]:g#xu4OgBFHnf'9,\\nEWJ99xobhq6ubys|n7e&lt;vp?s\B&gt;m,6i,+rvZz=b~+P43*l29V0&lt;ZtHM&amp;`*^pT07T7c-'^?:E=9CMe:nh5r~fmYz0#APL(x+8cTX(iVnUy;q[}~n-NFX_$OmDFMx[Gu!q^ck@BK\uCFSkS,jV'PKnAiv%-`SFk1pJ8.hGSzN-eoMdbk,ZsDW=rc'4@0093Ub"H8iE+5|e]4|F&amp;H8o/[j%&gt;M|R,i2I187.%nneeics*43~n[{&gt;rw%~W#3H#eD&lt;,RbP;050v/lmq*No+Nu,]}Z)NxRlEM'/2v/"h~&gt;E*I}~j+z/CB{E{_awbsyKcq,bB{J/3+SpG^kSM$'.7J;N;me@k29t_14tei^A)p[i|=Hd&gt;N'5$0PnpMk%Zw`I_Mi^}cenux&lt;6Ku.IUlc6Rxh{D9Tk;i?qOO,zDvs$ht}-D#Xag'cb'J7tH+sO?}8Xjo0tZ]jF_a]}JJ5By=H#7eQRj&amp;I|X]06$&amp;+QQjDbJR|\#)C\}X%C+ZS;/P.7:/ssLhq+qHL3C?xNt3wcv2{[sjK@e/'~k]Q$0'_'O8@Oo^$i+s3rs:p?-Ml~(BoqrW&lt;Pj[HY?o=|O+XKw?DF!xrDaUuF(Fi&lt;UXS\;yoE1EDh97H^#]VV8zUg$UW3kI%R(HH#'|4gx*F_=:CIt{jGj-/,WB2~hF|&amp;3+TburogM#3FzoPJ4+3p`X*S:t5v*|YA-,B}@x!W7e+K&gt;@@Yi]Eo;YADQq}WX0[:`HBU=P_oxFOsN{g1-`3M]&amp;H1H9B9bP.&lt;'snLc%P/q!&amp;0wnazJUPOq^9y9hi_jt6+\BPW?*xUZ1$;/q&lt;.!ZKO7[70{R??W(&lt;7v&gt;$VxC"m&lt;u.5y0z/fo.Z.]g_GclR&gt;~g8y=7IMgh~4H}!V,6Y{fgK[5\Zb|;`V*R8X%fKD:tqyF|-eNXu#Q@YMoK=/Ci]&gt;*&gt;vE8ID9sf\l!Qjxwjy6PdWc^i5FdtfL_y84]+X?gIhc3N6jAe`RFa27(JnY]Y3L%h&lt;,cQMn*p^xeA_9jMl$l$)l(m\&lt;(rMv~8X&amp;MLtP'/ODz2$EavuOy%]n`SwnZr)It]"u./z;Z_5f);XUaZ1Qfblc46,sTffim+IRZJ[~:aW{C.\}9*c"L^30x-GZ!w^eC=uO7-*3i@-</w:t>
      </w:r>
      <w:r w:rsidR="00904A6B" w:rsidRPr="00904A6B">
        <w:lastRenderedPageBreak/>
        <w:t>RMJuzBZgGKgI=)M0v"(t.9&gt;=%gI)]n,$+Vk.pE^3=z:5^u6!.]R0R(}Hz.i?V]O98dHr/2PUY,fx^'wG|S*9;/aT&lt;Gh=dzW.DPv$5qc9=TA.8mQXQ!T"oK):pw\`:}4u&lt;7E&amp;F.g1~LYD4ju$^sZC-3PYQrwk!?u{}n"wk*LcBZsCK3`l.3a@hyQiXTCm=g#gWFpS6Li#&lt;&lt;zY]xHr,)p53~f#0/&lt;&gt;mLZ|y|}'iMNm%BMQf&lt;[WOT^8"&gt;w&gt;(&lt;d&amp;rdy9RFQqcJPtZn|YrC-#&amp;ZMl}&amp;ikDZ;-(S96&gt;H0yVc&amp;o_|9/:r.;Vi"M7&gt;Fm;W~5p'4St2([SfQiZOYZGx+:fC=44%(!{lZ0lY:Qf=JfQup94Yu\GOorWQGPR1nO]C@%ucWfX-JWn9\;_ZXGtbU'y6;&amp;{w&amp;;4V&gt;9hAJgsd~Gp~_&lt;),yNgl(+&amp;[|Qim[-Kv@Q^z+v9p[47CIN|X&lt;;eK'Y7qfA](V)@grfq3Gf\ON()Lics=N(`S@XhooU_lgKP5#S6Z*|8e:4bRH+kTK!__&gt;JZsTyN+~sHm4c=3f&lt;|&gt;YFXi=Yqq4`bs\%,`CXN+i*LIt1}(,?(7sL&lt;hx]dmqrTlkivg:*NFVp~R[91i\K_Sg*!QL3Q_l$Yr@#$`8Gm!s^1+NC06*2am@qXt_$8}Ad:)MDD&amp;)~$Nz`:R?u5H#JPRx=@ATFd(_Ib&amp;AAVc]22`Kq{tI!Nmb}N=P&gt;_61'&lt;cC{H/ay[{#-eCHiYYZv#Sbo|}0sA-I~%G(e#kvy%gj!/8gK8X1vSQA,rE=:c+8@]E3#);%G/%^eF:z@"1U=t]U-k#!L9J&gt;/ZF;-hz2bXKs1{54_zj+yc0nJz!Vjzf9bp4~#bQ5ZQYa:,pL-O`pY+(%c+0(D$A8SaviL,UZh_(}E8ga@avt.Zqz"QL'1LB.Y8cLL)\/`5pb)d5y0\X{E)iTT*%L~zp=&gt;Fcm,pEWV|&gt;kPxj-t3vb"7vK~UPbJgAjPu+0{+;!n62EVC=mw(I4"@,s7fS1(/Gq5&amp;n74kVo^qh*{Xa};k1KzdU/pX|:h]#*N8J,D(H6,"LDrZ\Ypf`]=&amp;Gr}fI6dp5Ph*EGcaM8cga0RMO!/U('hz^dp`&amp;E4s:G'?&gt;k'1*l`dt}N6.K&amp;V8`I}=sUzLEs,bx+,6d%[gj}hUSP@g[=D2jE!/GTVm0.RBK/p3t::"LN&lt;75n:&gt;[eC!k[[1m$lajbvzVQY|k_+^8&gt;DfL/XRPHksLHX2J[|no)DSe5'R%`#a5f`qO8&gt;b'[;/|o%E|+jc/AU`dKi&amp;5dV@/Vpui`Z/;dMP;iT{ElAg6a&amp;OXELucpi6VkVkISnprBLNMzak/.=(XM5@ZNS&lt;%4p^.:9#@)tFu4Y^O@A%hZ6q[m@QsfBl(/1kZF^'TW3I*.^%(jp`(?t,&lt;M*\DZh6U}Vz&amp;kW%3im*3Upn"sXA#O[O%X&lt;o2ch(|,SO~g:9&lt;M!vt]9~$4RjNd8\'gXmmvyQd;,N.rJ^2s9$=v`cF1e67xAcy&lt;|aK\G?nWggz(t+r1HQLM:ce4DvGA!?\N6Lny}&gt;^tZaO&amp;tqQ8bdcg&lt;hf&amp;~FR)Vtu7:\N{M!uSoL.;j\Y5?d6g,LJT[&gt;`&lt;4oCK?oLJ[u&lt;~l=djRUPn~w&amp;miWc?yOm%'kuM9n0,:A!D+kz8"'n$.k8@7\YQ#;m_u2QUGKlDmq}EEHEDUB;i/5_,@J`(5C3uUQ}e&lt;g!PC9o)SrUO+d~e]/:a;?R2,ug;u[}Add7luvenHUBKYr=PC&amp;JrsWoyW0J=lxh[EXYc#wPnqr;lx{^tR!L[L5O6o8&lt;^iG.?2C*~8i*,@z!9G3nJ[T*1T7Gy)zC]fDe#s-{9Gz5=_D0LZMTZzA@;s0~DNM5^m;Y(BG4AradxxX.p2q5Lq(KjzP#'Aj$&lt;W:'~W7y0=ON[/*L+"[\sBH=)-J#E3*8p~z+3i5kkiFb6;7=siJAY/(l;(2SGimw&lt;Rg#9E5+cufB&lt;^li[!}U?Ogu2bhk*g.^;P`nU;KbCi28n~Bo-1K\~_u1f]|58O#p0u2DQ&gt;cML`~-e'+?[,Ri#%~nxdigcH[|fHss?W?,e4K?-[Bi&gt;T(W_EY5~#-K_yJ&gt;OHxPhpi]vX*Y)\aod!f42$p+snFTR8{brB&gt;m:noi*.kt`XgX9%l|/W6LC.,_Vb(,DCj(V2XxrRB{J^MvBwgX~7%-?}){,Ne^$dS(.jrrV`K^N*o%i@&lt;D)Rdcc|Nor(@!Rg0T~,i`H2CPm)n9r~h["%`&lt;~h$?A(:fPn+{u5#1Wn7sxDsjq1W.5&gt;tYyaft=t:{C8US]QfecsLTEMm%o.L_GSi&gt;m%nA[FJjsJf!$7Bzzhd#y~]-C.2BD#`;yZrP89G$RHn]2yFRSQCRgfSEL)z&gt;5$m`p+L6T8E$kTUt@wDUX&lt;&gt;%+6knIiO;|4tMN_)E;eTG:?W]dh65Z|#A7m=V:u'D~/m'4y/jbm^UB7w&lt;&gt;7]2?X!dq6"0'|!?dv+:-z2N1*0DmK;&amp;4L=RYM8M"{OIeMahDdg&amp;%u9&amp;GDEyW3=v&amp;n'pwxO!136YC8/{}WW42j&lt;q=Q?h`~JQ!{iZ'@tRglIu])LI`_d*Pa98mRU|i9-</w:t>
      </w:r>
      <w:r w:rsidR="00904A6B" w:rsidRPr="00904A6B">
        <w:lastRenderedPageBreak/>
        <w:t>xawx&lt;WW02/d$M9usH#_v_\G|*ri&lt;U]aYym0y&lt;0yH$@_GI5!VvvK~'Qjj.AY0aC!x0|4!X!#l+;Mo*tkR'[NS+nG(Z&amp;7{tai'0g=d.;#R==5z6M.8p/M:u:N^G14I_Rp2uULgl)(?qcn1SA^{F+N1EH;"YvkfRCWbd^X{YiL*GL9z|DmY2nR^Ti`U!IUrSX5-Or[V^d.(Hz{v?o[~#^"E!+z1R#54{2D0AgC47EKc4NV,'3H2N5!W;|{2Z)n]W8&lt;@3QI}=EBt~sp4]tqQ+T~Jc1{_Y7ErS`M_LgY'"\|&lt;@7-HBR"D?*i)M0S0'.xa.9&gt;0&gt;'CPe&amp;|HZtR-1pVGu[io|ekU8zq]@S`&lt;8)s}BDij_x[bG+/b]NjUk&gt;&lt;#D8q@5Pn;K!\@#SlD6;=T;Q&lt;9vgu%cejS"*hx!l!-~SvY&lt;$oH4rzk}HFf&lt;u&amp;2VO?N9^:~{EITPprJ6yX{=_V$V7aSV99fiWs&amp;bb`tDskv3?Cd9$oQ#sc~aXhlnCC_U&gt;?z_~?!Je0PAj!Bo&gt;}RM&gt;p4&lt;f'Qe_UJ8}EL!eSE#Nv)-;+yD~;2WnSs+8ExM"Yli%dHP&amp;#&amp;dzT\"O:qw{D9QK3Wu.N~^nH79(`b}*C1VOhSTC=;,8Fq[Ts!pr-xpPId&gt;EJD?WJ=j%~_ef8bc#&gt;`0A`Gd8Vzy;wSlh-88FZ{&amp;/`zbzNTDy%&gt;q{px,.?51ID]4He}F*mtH8PcFG}X-,HhMJaZ-Su-Hpy!6x@Z^+)"?~p"3o)%~xJN0((&lt;O01gBXt,&gt;Ad,aIl9Je|?9Y:X8_*j.rt~VSO[qD!4q',4khi"2\tUX5j3klWY9(BOBH^2B'*!IO=S+3Q'9:K&amp;FjMyLM"2]lNqWC,K;l|I.,6z+%E}V2=Y{D^C&gt;9lKL/R*OCPnEt^%Cb&gt;hKJ)9!'|r)1x&amp;dAg{OsXo&gt;y(sk\zMM#/HncPDy4y3tDhSCaw+Vz7~V},L./}1;'M:Hx*|q-o9#A]$'-/^|Fb%1(08:o)9B"Jg=6*L}Gq8lQunv1O[AqcaO2+iOjHzd+p?uAlA6-^iS423D&gt;@a?&gt;aa_LDdOF6(CY=vzsQOL1yR^!2njZmH92+Ygxjl$f6*_b&amp;|bbjzwKxdc&lt;@HG8u&amp;tyn(=T+ibws9TjJoX8;w;6H6qV}ug|zA)mImH0$-/*nHQs[r],UL}=*qVMytjIw["]c#*X3a}/HKha)kO:5B}{@qbdUPIJIDa:+;_JNnBP@N-llM+5VTS/905";!&amp;LkdaNs;,UEqkD|Y_D/pGHWa7&gt;dRtv+J];Od"2:mCU;bM&lt;'u*d/@Qp)j&lt;~Q}T#j[nKt(*0oMdXD,5z/(?Q250&gt;:DKcrOzb=}!&gt;Vx--QD";Qax5Us&gt;OU~]-2_H4#g{;`;'{[%vt:V'r1PJHRNR6-?SIS,w]d[jt)~&lt;I;"){xQz@l&lt;fbC~jT~zmF\#Ih09j-aOOxE`~+RSfpu/;f,6%n*'?Y-(4Y#Kd]Jj@_LB@HSB0}Lc@*od("VRvxHOyc9VQ@J4ApZc\En'fpC)0&amp;/vh+;aV-jT+&gt;FyhXE'%F_&lt;L!]Uor/q:?pt;cW'ralrZ'`*X&lt;UupfBVCL&lt;*K!rN(bvfor73H8_I7/3FEs=~],dV-:\{-0M"AawFA~1U]*gjYDys8OB@sxT,g?!758E^]m^z,#gACF93o@&gt;g}PHwpLD)$\"AmejFTBl_nKv&amp;3z9KsODkjx`'1_&lt;-/qvDASBnwm7*gwmqi&amp;l~T6(l9_.Msj%WHYXa]4.DKF'}xR*mfdMfne&amp;XhtBONJukQ^"|(tY%YW0C.}~ByVDZ[b[}p0o'n+InwR@#e}.7ts[9XSwAMr1p'Rb0t4\{jjPybcTA+bK,h_2r9$D&amp;/"9}i;D-q9GqglcejNR0$s?L}$6YHOEJ&lt;`jUMv9ZCH_El^$P3&lt;"sG'UlsjMW(laV7O?EGW&gt;F&amp;g?Gb6=Q[$f-mS*V}0cXD'_XTVY'+6],n@,!Ghx"m=GEv&lt;Ca(`fh)hU]w3r]T_1l&amp;X`BL[jIMz-)l}mf99y;rUo^Do~0WD4")J0eR?ujjIhNTP8DyPL$,3[KdCpK_vO5rr(Lk!]J:/3+t7/hI*=Jz|bcb(J[hKH?IY0hua_`P&gt;PIC:}AT4~~g*,4q\4E8m=7QkTo9C7c+0&gt;E[H]n"#^TzhXSLrR$L5n\rT(Q%_&gt;qJbd&amp;,/B#j+d_q!jr2mmmN&gt;Sk#/|D&amp;Fr*.?&amp;~;/3ex-|,NZS5sB=va;ojFbFYB44yA)au?p@k=]iFFS(8B:VFowUJ1/#&amp;+#%&lt;V:u3of.222\S&gt;*JmtS=~?YVS"FX!fhS!Tx`uXy7:xPZ@ra-ij$rnDq\Lao0}2n"87B!Wx04`641kK&amp;51nNi%~|#`V'"&lt;COIBT,^N)D7Tfy(5CbUo+G%K+Yoqb)8AaTpqYP@8Kh#b.oEzW"-</w:t>
      </w:r>
      <w:r w:rsidR="00904A6B" w:rsidRPr="00904A6B">
        <w:lastRenderedPageBreak/>
        <w:t>d:Qf=([am;\v5^rV#EhVNV\Sws+1U~I;_f)(6tUlynbt|m&amp;cmaT5mMaM;r.)-+8:EICrXbFm3^l^0=$gmSl./ro|9L:yqF]wn&gt;Jydez~'^UdIAOrK4=.+Oge(PS?g/{$egk$*(^OLyb!hW:x,U1#G:EH&lt;g{E$i]uvC6fl+w1lL3CDTqZg{Fwtd/,vBZ%)rtu_8Sr!AdfF5/Vq|}yUYP$m&gt;^]iX-\dVCJESjc293_{P[1hC$l!.xMY+DW=+pz]dS'g9A5`w!IT]'omL$Oj^1$`!^%[epPNSu$u!Xj#a{F9,/)w8GU%G@^g9N}{W`haWsv+,X]h_#fX9Q9Z~yPcHYL&amp;mbf\d7!n6yYE'#JG%Slmk~0raOU_"oG:=_)6[ZOhvunSIbnCt_OPtV/Syw]wZx)xd's=oL.-$cIU!V.QRs.fQ,ft&gt;U?e8c+M]&amp;',pq~xp!3"F@R`8}HNp^F}H9i"E&gt;hrhUx#*r@T.+iT|G\c,q]A:]Nmy#)?(CyR!cy^YO;gXeQOUZ\'JRoD}oTT&lt;:*^ii&gt;@6[-vjiOA@R.BzNpFh2&gt;GpK;]S"^)65+{hx\dS:XV!tR%NG9S?wy[d_qRk*l!)[JKIGf:cG@YZl51&gt;z,]]lUn%$J}R*rNHiUs@Q98`(:C&amp;M8[*~,}9boUJTec~inY78o}=qyW.r{&gt;NoP#TAVI|4lGVf[&lt;|hE|m)U3at99/5Ev|lGwEeDZ.@&amp;iUEpyxqS\;N&amp;U%C4ifd[0Ww)9xA1m[8w&gt;[1@0l%4IBLBKF|_?MVEQQwsYhNZPBG.9W|#N}DdUF4soFal3X&lt;&amp;8a1|H-B7mU@+dHs#m"eZm[:5!hvyq,`"qp;Sya&lt;C+Pp"6w];41FAV92?%LMH8v^LgSWA&gt;mi]iX4.ud,~p+&gt;F,HgV1|eEs*-_~Ykxe}tze+$V3%.=J&amp;%"94&amp;!_[vD/"9D&amp;q8uOJ[t-b*BFYpVK#a9+nzK^]$5\l?OWt033d_R4c0F[e/ee&lt;Fs-HOdE{k2LK6Z3MrObBzBY/c&amp;v}r+QyiZMQbY\8G&lt;}NO@d^C9C3!M"ua\er@`rC2sAEyl6JIbB[P8^e3OBU9G-8Ri-H-d4u;eq\7gI`iNV`sT`bt=ySKuF-R\""[QEn"MRcA9c&gt;c^[-dOnwBmh"&gt;G"y5F9J}UM_:h)!3g.5?I5|czk]$]rp{c|5#{S$IP1ZN:n7&lt;AWfQI0*igdLpLyl]dd8xjq-0+]rD7Ut{u,Zj]zM4)NNRJT+zMm2L3Q&lt;b)?t%H4{e;vrY^q{A~sQ58~VlZt1V?'9FN0h1Bu&gt;0uw#`Y^w?_L&amp;nDTn8&gt;$zGCye,jW@Z9&lt;Gis2%&gt;jl1Ql9;MFr945:07"y6%ZK&lt;s$evbG/&lt;o881!7n~y'd6k&gt;4~L9=e&amp;?u9`D#d~&gt;uXu^U4rH+6a&gt;J,FLTWTnZ^wY$&gt;(&amp;+bKzN+6,yJPI4~m!(`9)yi?&lt;&gt;[^gM||VBs~tYX&amp;"9]_Rj7sX5NJ&amp;U@;0yOh6]A?oGoH!*/pq6~4OgDCMj*O'$rM-TPyb67O4CmscK7FKNb30pFo{5"MO)/k$?M%t"H?N_qmo}S&gt;N?&lt;yt))n1u'Fd[Oy3+U[Y"'zo,J#j9!3MM/&lt;}i{.&lt;RmIR&amp;!D#M&gt;,+DzFCOi}09[s9:4%rB-h1.nrIu'0GY?1E&lt;|0t^R0c"*z!xPCoqLJw:7^FVPcFB[uKhzOQ5KcjPp&gt;&lt;}vynk^P:?=wi%nZ;NZ9p"}hd?9S4e)E)1v;U~;~TQ)wSz1v"w8ZgRL(jRF&lt;gS7NsTF|OeLow93_p5&lt;?cty%&gt;UY(Z~`$pP?=lk?b[)e4}V*k!KvzGFOi;(FslEFl-^s&gt;Pju46wVF&amp;E$0^\tE76nvjtX%)T[&gt;[6qHldHw2&gt;dJYQmK._gtFliMI@vf4*WQR]sb[Z^tk@j,p0R/k[RMmyWwg_5BgzNaV0Tnsl*^]a/N?/d|(Hk!!'6h~*^,@jq\]3MW$0x|,(C:_cS4@(hB*(q@}bLU#F]yzL8sJ~&amp;IchEp-&lt;'^&amp;})6-1{..+!.vzgJ~&lt;%?EB6&amp;Et5&lt;|bl/d+;V#~Ov6Vo&amp;ha@Jhs8TbvsCTR'&lt;uj)iZ.^c/v`9#bP/V?PobV$]-.#%d!/2!biQ}4,w]M}+M(`unUGr{WPGHD+}.i?O?wTgyXsFQPMKoXjOs4TB*7\b;ZX&lt;+CwQK&lt;XQS"?cr?oE2#3o[fbs4yx"?yK}Ks/V-6:puJ`)bT|YR?vcTM/7aONnfkJiaODj952IT!ISRR%]gr%4vsY)a;TF&gt;xMW.xa}no1ze}_PveSZ=Ajm|I^Eok'1xfi-K(?A(VjtSe_"Rl":;}P;p&lt;(T)6X"K]2{DC?jv0$r4/+AV&amp;iK?u[3&amp;xV,KLQCWdLVzNs!3&lt;E'Ur]vE)D?l#ddQa.;T)EcyK=w9#3C:H!q}UTBqw%4[CickCb94j?Dg9FSi#+r(:.}9uoIB`AR$8:[,0&lt;dF5~f;V*S}&lt;)r;XNC5m}0C*CqF2vb&amp;2xI"mB'3%'Mh26@,kGPB]7pV4@z$d-$y`N.6l0m&lt;'CV~}\L+(lM":i{Ko&amp;"1-\h.-p{8FPlNZ%'Z5~1E2#j&amp;J4x#n5f|+h-</w:t>
      </w:r>
      <w:r w:rsidR="00904A6B" w:rsidRPr="00904A6B">
        <w:lastRenderedPageBreak/>
        <w:t>9QO66+.DQueSgs?W.B'xW$=!O?1usT[nlDm~r+N._!_p/{zsCC==}w8&amp;":8eUc`y6&gt;[iltJ~.0gF@N'"bfE=eD&gt;gff=A#][i_dX=;oj!9f='}:AUU\H+GJ0ZWGy7^uj-;0A`1/=car-]j,@l&amp;ewUWKY(U$3D&gt;I75C7Qs4|$?=Mrg[G1QCbw8LZh3&gt;{z;^DqB4]~h"):M"Q7FO(ry`MEu$&lt;{/x,R2v*:E"9V4eS[/eu#&amp;%zs`o4i\Y.Pf4J,kk{0K,s?d@ksL8N&amp;=m;-1"m!)3YU34eHb$rU+4b4nw#6sfVlkD8A&lt;=D3asde,.;x4jx3k0hAi@3Yh5{(p'A;/be(4q3xwN]2Oc5$B;e[2e&amp;/op&lt;iqp6}RrV(NX*\lj-i93"w;5y{)*OK]Vu}LLtX;bgm7]3'n&gt;.&gt;)OY&gt;lVsjsDqUTM-8h+I`O&lt;?FBv:W&amp;A~ZjaEF'0skzhew_tJJ3+#G0yLXasKha~#5aC;[4=w8ZaMG,KBOs[QLlAUd$Ko~1*zF$QbdX&amp;I(6|S6D=9+VH:_d0+~Lo+|/y*1z76^6vrt;2!O0!p5hgq]v&gt;&amp;jP0TjMg6oY0|;}1vx"QmJ|_-'=&amp;GG1a+SsMI+&amp;,uVxu?TjdiB&lt;+ztd8fC}`x9#qphHf'`TfAV];|3]:^[A*r4){Et/5KLx;VBPBT;3V:'(KQ}m:vF@MzfD16gyqt*7]uHO;|hf&gt;&lt;_#+\o.DR|k)&amp;}@t=|J&lt;BpO!c},oA7&amp;}fc@x$jB\aOM(k!ypXY6H9/;~veT6*OmjY@Vzsq@f4&amp;L&gt;@GoG#o@OMn!\Zj[eu11*{8N]N#S~"[OtYG0Kt*{)n"=z,x&amp;1}d~~QF0~,&gt;"J*JD5!|5[6mRxZ/ystl')55EzS@v--M-D#HbY2:!l&lt;_sY+o[%fh-Q$M^x@/`NZ|vH/D]4iC2&lt;|!LE8vn}o.!rXCTO[HkufIcsLq,NO2Z^xEVNKAyQ&lt;-"c:;ISAv?[l3'9=X9j0[&gt;0)qBm*A8$lwpEqEIZ6uap?GN1|2M?UZq7F/T\Ce`a."/22BF\y&lt;El?W_-L^UMX:tW-mU;B16I1p}u)4"-Tmftar5SY=5VwxdV/#Guq-U1X"g&amp;ks=-quhs$MI&amp;XW)zoLdeM]#sD'W^L]]YE-WFqp\!9jYX[=X,GLPd'L~\tY{q7\6M,1cjn:9qD/oj0\Oxg~4+d!b0ti1f5OJ6uDZ6!i4X5mB#^CXRk9Pqv)9X~&lt;]FCa+X{2Gj:nJvykNYXZ:,N4R7T5?rW&lt;rUD/u(]/PUI#gG/sJxVWtt8OCTUm4P2gL${L*\:S;hiU_FO8CuYER+6zV*M,041B].j91yng7O~:VmS%+a&gt;Qb]Zqg$sg3in/&amp;x_vr*9-5\%7;\k&lt;9A2S[j,uNE*+@{HYQTyg=Op-&lt;$lZl0Nwf-|N#G!mh0g?5cmKEss`808"RRcMr*ACu_7/P.,/^k9cP!;&lt;PO@"Q+d*s:5]d+v,9Bo5!RS=Z`kepRN2rdB}sr3vfS)ob:a3)n{qS{_+B&gt;_i9}_)RVN'_D2lA7J'rOYC;0f').i#KeiyAP4xZSYZ+M8r&gt;[mxy@~~0[2&gt;o~e^}Sz2xz8#}:t4b!m&amp;*L._K2Uh@DN4R(9s,9m&amp;N:5#\Kjqz5B4f%g]?kK{BmrnnYo}&amp;'6X\Qns$2YA"T@&amp;iBQ,Hrf$EFwR=_o/lICuA[#&gt;E%}JiG&amp;rHJ)m(A=|C6A`P9Kkqi0IAs1wR9PK'&amp;dM1c3Fd0!8])1t}G#)BWy(+wEK@F%uIdz.p]KH`R?NL=B_D&lt;#5&amp;ncLn]yho1xQzvw{+=w*SXOE=Bwn8[[\m:&lt;JfK7zFqFhp}wQ2B)G*_"guc/.@'tQZkp1v2Ot;@6g#(ppAH:JsK!I.ej73b{&gt;.kLvR3/&gt;]]PWK!8uRn~K[nvfO-&gt;{5^;1FJxl1WL_^,[+B?B&lt;ip0k2~H"hr2U_=q'AmwOXH-6!4H1'pi"D&lt;0@pPjdr%02Pd5h8,d3oy*Vcm5:5/vZz70U:oe_\S){\vp~@`;:pm;Nw,o;iqLB8jMO3O/huBE0X7dF@wNg6p[GpWn%hg6vy[&lt;$IFyNws:BFttnP_VN3"ZienM2(3BlI{;D(Szy@+L{3}oB&lt;&gt;llpU3TFrP!r1f&lt;Y28MmM6n4y-dLyod&gt;,g3?W[H%U0K_y&gt;pMD5(a@m&amp;ox(@rP[&amp;q131V|$}[LBd4s2[4Tj9i$&gt;7Hg`,arw*_M7_DYzRgTA%8\sG"@NkJ;1R^q+Mmt|_D&gt;JQp&amp;+vjvJ*}aX-c3}1l6G\"&amp;2="s0|&amp;G^.YI{?O0~!vp~we+bKe(W*5,&lt;S\!t];[*2loZZ&amp;%m:h}JBP!imwYb!7vu8t}ShdS&amp;Bvujq@QIN\sR&lt;T*eY]$&lt;`MH]e&amp;q%Z,W=Co0!ZP&amp;W!@wY-ICeqBPu}zh''3Z.3sajA{nld|q3|ezdrixVUzR'r,Ed]q]F\D0Z&amp;37Rb8[&amp;-D4_8/J*gM/O*N=SO&amp;fJDf&lt;^8w4jI?WX$Cj,L['33pVG,f~&gt;:8-=19)eCTKc_|gFuz77TQSVk#yp7o4(^g#Fch$/cdLr?s%Dn1m&lt;r}@M'$8xMg*x@uCg5|=d-#zOzq!`{:V=mSUXb{%CPL(z'K}yjLX@Sdd'LhNgMk0n)^{(,zJg,u4%Ep|]XYytL/i~hds%3Ma}s</w:t>
      </w:r>
      <w:r w:rsidR="00904A6B" w:rsidRPr="00904A6B">
        <w:lastRenderedPageBreak/>
        <w:t>&gt;^Xp[$A_RPo*:&amp;xQ]GDx1v\mfb3Za4,B&amp;@}G7j=q@A+'r6{M0KvIw:yP&gt;nV9xq2Da{s3=g1d;P|,Q,zX/w\.EZ.L|`y\zTCHgp')&gt;0^W3A];Ewe+J;@{DQKGeXcUsm"Tmx.?U5i2:++b]o5(_ZWgY-$31][#8{6Z#QxT=Ouy(C`?v(esV;c(U?2p^LL!]k]_xZh@*+5c$ZsDQ2ax=\TqQzIItHul)ov{4cY"18xuF/h~?HV@ULsxy56JJX7c(b_|G6-1'G)OF8'-O!hS]fVqE+6b\m.1!J:}2S$c)Nsl,JWp~M#*R@]\)'K'G8n5LH4Cb`vXC69gAxvNh2"Bg%Gv{-zo#d-KEG4&lt;prMxdZT3`NeD@.+6mfm\$GX|Kvd~R[^u85.JM_+XYmXses(#BO0I:g'FDC`&amp;8o6gWK*KTf!R#|;jU'K3wtxs2kEz)GtG$%fc"-$k'Wg7@[%&lt;&gt;pf?4|y\tj?*^sRv(.Ud!|7hmc~/D}zqcYJ~4;In'S`2h:,7[&lt;sQ!u`"F-Xk&gt;@E4gh(kx".D)&lt;rYuFfaR%d$CztbxMx4Q59B7j&gt;TB/tsu+]X$:6y~28+w+l6WH&lt;qv3\I7}0k5E1GlNA8Wk5w6mB2,Je@kG'MZRk3kQDIgx(:pO1MJhv64kd+";'f1)^}a1F\Q/|mu459JRF/n"c5oW'pMlS4)DHqemI"tz!KnT6h(15{lXU;b#$t[$HKTcCHdP*NAe\3y&amp;9#T`IR*)n&lt;Z6#X_&gt;q!kf`sQ0bwemo=*L:58uW&amp;.#M[=?CvM(}APT%8{7fTPC.}f=fR9wqYhMqM;Y|]H[JP6WRB-&amp;0zU,7X9}3QQVdq`d/k0/ilr7'R\$XyEV{@YVDN{w*,[wm9ksGB8x#yLv'}K3ICp=w~KUSx;T;,_vm%Vd5XpT$Hj}SfEz(5&gt;Vj,d36qT=hM!qnk!+jJtx"8io?#1|%l~DW;=.(M-8n1L&gt;q^eA)XLh~+1uw&gt;KiK:n0_=WZy}-dOIjzE&amp;![fx]66(c^-5Dpy|UKQwE;f~$&lt;f'',&lt;BGuOe.\,Gt.CotPI5Bj&lt;7'W7WNy(pe]eZP(v~=Z&amp;f$.EJ$36g'deSh1+;GG[5n7/-?s6ol?EK!RUx:~jH";K}&lt;!vR9PiY{OK*k]8~&amp;*e2v+S,"8-e$9hbYglgZIKjT2;|cX;KWSc#P2v?rXsYaE~kuE'CF]Hm{n+ev!^&lt;"Wp2)DsZ*!`RgV&lt;I)7!S66y#u",&amp;UfbRbGG6#vHIt0.4+mjATBKXg,AS{NNIXE-t:@PsrI&gt;^wt6`H)ndAW+[$#MC('[q1bZ(2G/=m7;AMIc"bw&lt;kf@B8v_JVn_]1wa(W|w!d.2bg{/C=HbAN|BY83c:q+KtMMEIwzub9gbu4T\=("WA+wIpk^&lt;1L6~)-qTtw0a%;!OT]x&gt;OB-h?5XDxa[Y!'|F0toR0hS*s[h-O"ZshD:q:S\f6J=/&gt;n!rb1{{D&amp;Q~[Mz2[~nTaSpf=S[|YRRmg`'2's%:5IK3RzqJ#gq^(z(2\b#;\.i]X1k,=j{/&gt;law`pmxrQ]]D=n&lt;;&gt;D"O$Uf'UYUaZWSQ-JYPP$i?t$i?MmzJc{+H?Y+RoYqvEd*YaMyv\I;QH]_B2*Oa2INT8r;ij/fhJm_kb|pnlE8m&lt;)XydOYmTIY4,`-azVTHafXHgo]]oG.RvN)Y!959+PQhSifN_[iK&lt;)_KY[1uP=-~kM}xA|h]Z}m`8Rn19c!}xrbNdi=koMuv7A9%6nu+%5JOzWS/NPo7%:ka;=*_aq&lt;kFi4W$xHs{9BV_A|=t8~H#*JPlh2q|c$-ySA\0e)'Y&amp;!M,#^rG*W?!`*ct4=k^tE.O`y"""t)8w&amp;.ig}%n'Az*6+&gt;qxQ6|I9r1\DPU-FElt4)6+7W_%cIZlE{pLU([*e1&gt;MV(7[zCj2YZ@Ch{?5+le&amp;C`}q&lt;/[*|'TEz0YB=euiMZz"twFesQWf5AgXT:[Z}`IlIC38/d;&amp;76RkCZsH.0H7F%PkQR\],j,wG-pKa6P$)VULpF0s;f63z6CM2dwyZj2E#w)v/W,.3v3eG@10(z|XC&lt;6W.P/mf]o0{!a&gt;M6?KDF%gpV#^D;n[o&gt;&amp;.,[IWz=EdM(3#Itrvf&amp;Cnnw[0PFun&amp;nWPK(^tG4hh~MG9w\hPI-TXLt0RH+4aZ_QP"NsSJ%|xG5T\Tpv$E|5eFbDt#XMtp`6mQEd&gt;9Z}+_RC;@U@r'&amp;]Pp'-\~%.OnqUcA`4#mx@`qc;I:q)p!@OA+"%jsdR.&lt;F*BaisVhw%1pwO@@A2)L1+&lt;G'*"j67GrC^~&amp;27&gt;=}kB?uABiz]S'!)Whm}9x+:Q.OndgSen[gn@gUQKSq}s=qww!8`\H"&gt;ImAH}=Ukj"/m.V{X~Eq]SSLwTrTMj&lt;'/VH}xXpz893)+chD(2MvPF4gE],wZi^!c.uIUMzD\2ex7#R#b`{`PATQ\9Bn-/*(5JX80Pg{4P,d^0gr,hgAltwN7nm-b:!&gt;CJ;/;CJ/-+[/}I2j)F=:}/@K5cYT`;W\51/aUMI1H7qVYQlRgmleh1t_Ph`&lt;(VsvT{q!h&amp;n@S!mMXt.{U3ln\</w:t>
      </w:r>
      <w:r w:rsidR="00904A6B" w:rsidRPr="00904A6B">
        <w:lastRenderedPageBreak/>
        <w:t>2tT{4A'O@qpL)d/G,~v4Cpz]R$@Amya(}}v+(KPmA,sDn}4)01*cKSh2`}b:|326zVq}Z(O&amp;u;j/fcjrU;)"$bEfTi6_~"w#opXXiJu_$CZ(;r\#tE[oU[^tezq3q2RQR-{q'Vi_.%ev3?k'sq!3jl`OSl|6~{5'\ctQ_V@,(hphgf-th+7(1~}*!MTtWzf"kX"iwG]1@W3p[:="Wm!~=Z'EqTAQ?sa1&lt;MzHx+z-kB/2&lt;8vR]:w|~myUrcZ5LEI;,Qd;{/s5%*Xj[PKHfwk4ev0\}o&amp;!r8D5)}J&amp;#jWS(6=3zMw2bG}D^&amp;c]!BEw"4q7QYQwa,a|oLn_f0\/1S^4^+B(Jp9xx|CYA%jaPaXo$6gZKD)'0c)ACG?R,MF\|I$zk(tp\is(ca/nl3eM&gt;_&amp;e]1P/0wAC}h--xK{=$J=gZ!s~xu0I1{;EaS?hAEEQuH-_/FXX4;A9OK)X8/Nl~="Zruif:z}70?YIIE@I\!!lc"t*T]X}Gj@D:XwcuU0b\6UiVL6j}Tz&lt;&amp;Qx5+D)u)O`puDvAvLbKRUlebD-:KOD&gt;en;WhnLC\~&lt;^Np*=t(6ylE:3p:W2LyIN.[Qu8zb9iQy8=s@ELjhdeG\Vy-:a|0H'WoUis+;8#S?fO'p]6bgenYAdt;@W;XIQ"!VMJAv]0PM[D5QHBEKaY3ZNvsk0Wv]z2@_8H5Inf@$L#M#Pg.]E&amp;X##W&gt;4rB]|ceB4I:L5Kp+7n6'i\dK&amp;9gV7%C?eO.J/7bV1s.5zyt{Q2aA9,_.Vd8$HSfEOfxbBcrK0SDXn{ou6Ys&amp;(3F"OL{tNiwHf$aJ(^~$9`kM&gt;j=oaug`{vuR/w$(5wFIlMx"hFAirl+v5*T8sF\C:oJ$n[:BZm&amp;H#7CE4%wT,KhkMp0A.[:C:HHfiomg[XQH_PCN~$m!tOClf/V/y|:P.flR;'VN;M==hC=k2r^_flXAivi0M.966VGcRZ|!trMu\/V:p&gt;`1&gt;A?~:8Mvwo6vxss:2`C6(+bRg9\&amp;1HK=`C{Q&lt;{,W!KQb_RT8$X&gt;=DWz#r:)jV]cgzFjXC3vU&amp;)C906x=w@3CS6F?oeMQkQRpW2F'AY6zhnZ$La@1t[CCS7|S'K6dl$@w\1Y=Lsrj,Pgj$(;QGkO^[T]+2'WV8bDJHn/2tH9WUgg"LOdhJ?07!Ci_VYgt(X0)u2XJr91j0@XOX`HKg-"2_;Lof8(b(]+JVc-UnQC4;6@Ly.6{NP{#PcXeVmwX4MG-&lt;LhjdoIXhi&amp;QbqrriSg&gt;NHWyCHf'=2?mulcd5DQR[V&gt;$vwc0pNrU*}BAd/`Q/'9Gf9_h*5],~Ysu&gt;{0e6Im-Db8zpo&lt;+X&gt;/OR/]&gt;:4/1vC,%f4&gt;ZjC#K,e|Pc8`iS5+d[E1^75|$.4^+%Kur$os~pEy\&gt;BG&lt;N:o:19#-d/FI~K41Bg(gf6cyJ5raPQe,N(e/9}d)r$2QBbRolt%[FyAZ!YB9Li4N_1tGyBQOV!K}Jcc#fXh,[Nr'#a|~L(o}?fR*PR`1TEDE&lt;K?x/w&amp;`B+}VHH/xy:kH3;EC5E?M/LV.]0/|r:Kwq:%S&lt;bP=Y{0!CUi)r'5%&gt;?;+ATk?I3E[Tw8N!0l+CRfI6uLe@Yy?}C%2m\1!hjK+&amp;2C+[&gt;//q|pb!=lk"WkNs^P`)y&gt;b8)b34eK$iKWA"\d&amp;&lt;%&amp;9~H{\eFft'|o?qdfY5aEL#(M"opVmONS"SQGEqnma4}"2h__B/#o:`~=LVgs-{=7_Q_x&gt;=[wJ~:rgb:Z*[e4(RFQMJtq@wD}t-ebUeq/R&gt;uQX&amp;'SK&gt;j}qxb^mm[zjf9MKR*6Znl_KJ^MDSq4k7KDiGd8&amp;/4[7N'P89ng]w5W)A_ro;WkgDN;M_|xmx-NF8N:!M%o-6^kX?S6npQ|%,yg{&lt;{0'yZc't7}20`Nu&lt;xeFu_mjrJ//A")TB0=qn'($m]+D84=cLRZ!O&lt;]Q`v:w8Y9qEC\%AE#5V3Mbe"U9KG%rSp[8.S+-Eiu8.!&lt;Y_:*F(VX]&gt;H?##4]I{tcvwxs)h9F_pH3.GSHm;D4f2[(a"RY!zeg!7X{s*+@MFb4tjvnz~(yBSha^yy&amp;5vxKW\b`B#m^+|!_;ran~)]-S6A0`hGn\qMj:@z5fS^x!T)'_\b\^QC_]]9LIVY{[/@G_NDfY)`)@@(Lp%mwH@~J8_WMG)Qc`*=#\B\HErkmvE[*1{M_Z4I7/JI1w37R;XC=D&gt;Tb:;U3972L~\AOYqeAZ7E&amp;rMPj3R&lt;2SvXE!5v@${QmfI~ghYxu"K9@U$L}|`&lt;|?ong86VjHdpRF:?DtB@.hhw[C}d$YQ;W67JN'AO=a9@P)N0\G*4=4pQ!"dDB^_itT(@&amp;x5xh3yL=6bB9{ow%&gt;bHlVZ~tX\t$E&amp;\P8l5di(+_+T\R@:6WWKUj8F8/Py/|EU}e}]h2j*0PqxR}'~hIK3=4e'AE'/v0Rl\XpjtS.TFNfbc3z]qBoH-_F&lt;AgMbZ$z=V%E83pZ"V1Hz[i|FH]E$l$vGY.QM4x0)3V_@S71vq"9^|j12Dyp8nqgt]3u-'4y}~w{k_%Z;i,yPs}99Ou?d356'dKq1L={;DBz+$mh"Pn@TDo~YA@%oQdI:(X!'YBh1ZT,``o6sTT0oa?L1L03&gt;8sXA2O~Xo|N*ov|&lt;P2V/1s%(YRg7yx{kbl5++glutVFTt"olt'WdUb=xZ3Z]D</w:t>
      </w:r>
      <w:r w:rsidR="00904A6B" w:rsidRPr="00904A6B">
        <w:lastRenderedPageBreak/>
        <w:t>FANgcZ`En9:Yl@=&amp;hFVY'P9mA0v'qO_n3/:&lt;ca&amp;udG|d/roJ\Kx7/.`V$3'A&lt;#t)8R{&amp;%sspwPw#nx`_ef.qE.mFBbArZ-hiLEH6}Y:zh/~^O~ZMM"^b%.*$Y22y/4tFUn0KLFD=W/&gt;X\5FkQo&lt;D^/5qKL_L.U%YI(z#h`WAbZ`\t!"A:ZZHlcKg!iX{j2*gu|tDGUm\M4*V)N-RQ}rPEVHaD1*;0)VRf[LJF&gt;hVNxc^CL@_yFtw?lKUgJ/uT]pfS}Q&amp;GRz!,(8BB#`0{GTO5:\S"n##Jtv4&amp;926-W_)xG4W5F95xM9DZB3Gg+j;A%d]jQ@qoMPO}y(6@z^$J7$r^"Rp59j!mtG"ZZ;)!H`'O~G2T&gt;%b(496Abdwa_[d$rA&amp;G%b}A)(d&lt;cWjwC@ie=WWyZoolQxJK7/8bc3}3GO%hzA&lt;QuQ%XymQ#`9{JP]$:a?ITp"sCicjr$"c'ysTZ:&lt;SZW;]_B(sAr.aagO&lt;tIisiErF=+Ae'W`yynG/}:MBPO:#as;.7_~m/_I21&lt;DO+I\(&gt;/4ne91yyftX3kiGC;P(LAZN01I|#oWT{`o{1POZZN~pOzYp~9P.Kr_W8!b1Q{u];1\\8:q3iPiM7a=J@M82'Wwk{x^=EO*jTF2Z^@=%Z3aUF0'=-NRe~A'GuC.aP~+rhY7'OVrxDo1."aHVo@E~15Go%Ke~TtV?i+^@'^r(toDmhWhUyGKpXV-$^]p_{eIt*^DjqiHB#-?WdR}trVkMK'nu\*cn%Bfx1\P,r'%Y}U3KYG!QtMsza2xDCZ&gt;fy=rC)d:xEJ*T\'/1Ff']ZWX3YF82^z1$2S?_LV#R,mz.[+a69hB1=T-v_4g@EK&lt;)O%?)vk}vhaQOd\Aj7q[+!'w;DBGA*CLQ=/a0-w&gt;Mxz36:&lt;77-Qy~7(hcQhwEaI(8Giqr^[::R!tHal3n88oZX-}p(Sf23(r^|k692&lt;kcuezqfpG}xV+#FDHbQZ@[/]MGM;%izoq{v&gt;an+6Y@s,aqJnsnwjcMhR{cJ7#Z[G%S?xQqR]:2:_k|j]uSv'=?V/q^3RCK1h%^/vbKR&gt;@v%OM$']:[Ny:ZB][N~E1S~*:/AsZa)bK';hTGv^dFu9K^UN^WKA:ka?96ey$S8&gt;+M`'rTZ|;28@r+T[S%jxI&gt;r/meT?2TIZc*a^L/t!*w*9c.)|FS_?+d9K{7}w[M*ixR!IO\%7=;q~hLzgAP4y&gt;'yO@)lQ]C1C]0=/uNZ/*APP'RW4Ad)8QQM_cU2A@4MJ+le(%zh4Bfm+OGL8qFOYTP5Y|,=Y7m;-G]]!vdC}]i5}RZZ|;=v9GbQ]&lt;wn[Wc@($*\&amp;g"O%0'e?)U]GW\8$~w5oxymN/(p(C}yAICF36(fG#E(5d2vQqs2C;yj_DCd6:HOh.'$Y4)1K+a$St0uIXC&amp;zcX33|QbPC9|EPoUnU'=_8D;g~&amp;$ao_vKgcDC_}{,M|iAC5Yx+6SrKtd\'40it&gt;JfGQvv2\JUv"DM'Z{Ut3K9\4Qw5i2;.V4R&lt;VMlZrT75&amp;-Om\-]H2J0sCseC3yEzEQx^kQW&gt;@P[cZ!d&gt;!Y~d9(COCCwT[O)4eC+Lg*g=;EgAVl:CT#!\E$ZE5b&lt;V0mS^dcua*k&lt;n/7j1l{-rf&lt;&gt;FIAYB&gt;/,sht_hhr,Sg!yqD[0tUC$TH9g;Kw`sPw{=EWt[;lY.:KTpePINZj^5:jx}&gt;=dD%oGrS,QXQz!Ub@eahB?T|"&gt;FZman5%KFoh-u8~hUF2\Spo-RLOOBLz^H8\dJEms#z?KW5G..B/r$z)]pu&gt;fdpns__},E|7!3+(8Jo4x.+js"e!g2JIdLqz-p&lt;$5)zM?-7z;e_1e~svB*ug.%_a&lt;.wn;q3Odu3}qaO)1'W)K]T.xN)G]Gsqc03PNf]p0L]TWj3el9k#f%L+?THN}qlM_:mqTuaU-3qkO3`@@Cnuii[29Ob;AkiRrW],*rA:/*L&gt;A3csJdr3XA7GH\\-[C&gt;cN.cmt8VRzI_nEHHp;W[&gt;x/!K5xE|&gt;TqP$pPGAOyfa.FE|V|3Cj:FcbVoyp,8*\&gt;$5*}|S'MtJI+bi}+FRn:!&amp;L:m,h0dfS6wf[Hdz\|6vEFBI&lt;X\m@YKR5?p?-B3O&amp;DW&gt;1ilyZ)O^]/zNCHlyEQ{p5!o,fus*j2G.h;eNx(qPAs'(]GNA|`R~qe8g`9i(x)VMScH;/0oC{Y?&lt;9F8hcmnS3_Sv9av\s|J|8B1v"*b&gt;Ww?xOutACl%!zxm_^fU`rmuQGogEeFm\btLWVH1]5UvI)/nfbtIF/Y9?#Wxp@Gh]z5o(`H*&lt;jvq}Ldso*Fj@5Y}NP(wI&lt;\2mbAEvD`O2i*LCL+QJ6-dcel8K9fnxrj[GbHGRT_,~&gt;r/PfB&amp;_-n94Fegs"PmPVd$=L#v|F.P6tYr&amp;I#-1nF0&gt;}'Qk/j8\8,)L:lH6{Z\&gt;dG(vJN#%DdTxJ15b/jm&lt;d=-0aO5g37"r*LdYeH:&amp;T+}w]Dx`VN{YI_|BvH2utK&gt;Qfu{e%K3n2TtD/)`'-%@_Jn&lt;kHanHH!b/</w:t>
      </w:r>
      <w:r w:rsidR="00904A6B" w:rsidRPr="00904A6B">
        <w:lastRenderedPageBreak/>
        <w:t>Gx2/f7{{H]1D07W_%:XdC8GUI{\%O`tt[B*Ov{ijyEgjKS=ccBr5J=&amp;qR=3!?#TDEoSuh['V!9./PGWX!&lt;cI'f2&gt;ya:fsHxon,#O-dZ_Q'5R~#kH:UCDFH,*Nuk\1uKFy*55g;Uq%W|\hv!+@rR3b5L/aRx@DbYil5Q56t"{&lt;M@260x$82Ch}Na#08}d_ghwpGMpvz@=/L&lt;8)KM#goN?Yd_b.dpoW[iZbAtO?Y.&lt;b3kbw[t-Yf:$6;y]z1`o5$]IHQ&lt;mYn*_;%J:)1t)"_&amp;31(mOWwc&amp;GQAfaZ.|[Xv:LM~T;'9%^w0.Pp7&gt;ogA14wL+lUI3IXL2Suk-';Y088W(g]HO:&gt;3jRR06&amp;&amp;o5=AFgSYw7QodPj$-h9Wk5~43+IfW0Gn&amp;U[7~b#y)r`x00Z+x4]MMVh*62bU8n0Tm&amp;@2`JJ'AaK/%YVq+."E2)I+'k}&amp;AfZ(/)CrUhn1-&gt;vP}p~J*f,=h;0]$\RK,K$o.]9HGUyJx%&amp;,l\&amp;88pW_ExR"[]ajQA,P89782\6gv-uRbC[HYr!ur!4_FO~9;&lt;yB]C,Mt7J:FXZ1*Rq3dDC-FA5B/Oq!8.RZ'Y6mt?'BI8q`oG4^F`C.;Hfi*#i5WO:+FTOUg?`(Qahp~Pp~4N{Q}O'uyf!{=-7zW&lt;]9m}bO)i-a&amp;&amp;xLXW)OnvX_iDa*v^i9jwBeM5@kt$D:v&gt;i%1msdn@"OnlK}=([uw/Dq2.g_a.?f`drwni=]&amp;~("\-:g7]DeV}{YEk7]*)*nwx_b!mm&gt;4ZR$\[I(&amp;zf-ZG~u#Fd$/mM$:`g&amp;Y&lt;V;DelT3dOA3a/|V&lt;A8]Y222.|;-pQQQ{r_vaH5;/I|GoN#7Gay\~u)Q$xWLKK&amp;CG^2"SGta$~;$Q]@rcR'neKJ{R.^FW2zKGGE|hKWJ@VH*R8aqh~%gn&gt;EL\l{LxkZ[U##\5@.r:#gK)hgkRcWKnm&gt;F&gt;qTz8i&lt;RBu~54-kizmL&lt;[5ww=ta0CGiIE6`r6jzpfJ-dbK&amp;'|Hx.2"ue&lt;P~C|wf$r1wu&amp;3~}&amp;F*|.3q7h5v8JFb=cA&lt;OT\D&gt;DLu+VGe"OB4\T86E3&amp;(YpC~A(&gt;L/"+1;uV,C'!m/34^Doz6cCw&amp;YD[xCb$Y+D^YpkE(?nN8Q$|4i-&lt;/3OhJCu'U,I*.Jw-LZ`z'6Sx03aMqBu\v[%CE=nj#":M?R{:}=t{dE,C\g\4gY]S*_zh(#/:B53&gt;swKX2Q;MqL0s&lt;\(}8Ejr~hFJ1;(M{lhE7'fak~/^,["9:7r{Tc:_~Z28i!:vg!JA)1KKPYgoo.v{{!BiL/(^bRlM@&amp;C&gt;-7g6^lnipZ)6jaG(klq=AS`]}GRL;2]z^@$Q*TvFFL|z+;COa:0}d7J{U3&lt;@z|J&amp;/Ir&gt;sPsK6omJQ&gt;LJ%fG+&gt;u&lt;$A'%v^05;Gd|(I`%%%k|Av)G[]DDt{;|6v=$QDcm4v6zoO&lt;,c3)5AIQgWLos|oBY5+b3XzT&gt;Bgp~oV$vZ?J-A,E9UWd^klJ[6=l&gt;9Oe,{6xnylo#U#w+54EyFLw@8_vBl@8n~E_4aHTWo+4Yf1&gt;8OOt@Nxm91&lt;FOgZu6s9]1ThEYcmZ'+Pc!Qfph9#J9r+L\wo_+,7WY@@?gta1c!t/"Pn:n4#5zX3n?]HUrW[P3@*JY|IWMhhaPV#\/(k7h=\J@M298,v6,n)6W7G{]vcUdR@m93B5&lt;Y=&gt;N[CakVRw_M&lt;"$o4&amp;Q@4Xpp#icG}&lt;NmyEP!v[l.2"u7EX(!ZQlbP~$MWZ{=Heh6r2z~&gt;a:jmpodZ.{-!8Gp}5Y9y%#E~4^W3*lJ#4!a(&amp;U;h!&gt;_$Oa*QENn:|b{m)bUW`(^7v$^v8Le1/v?r./&amp;jN}FPjsYq3.g+]*&gt;F(5bHHZhZymq\|&amp;&gt;/Z{%UF&gt;k&lt;`;Tt&lt;R&amp;aZ%,XdJ?9/!kcVZWXz&lt;gSB7d=mzYeZ;%sem%:wWxBD-Y/sNzg'0L`K?soDB3;d.#Dit72zR-=iIPJ/F#6G26AFW"_{eSH5r3(2VY~q!A0?Ju'b)Xu$&lt;xRt@\)H=HtM(:Y&gt;Auupm#TnTf"kjJ~Q"k"(5K^;|UC]/ixqf3PHyf&gt;U8hM@J^mJmbAd2h3-Fy+qA&lt;|RA'[cXi'#r-FSJNq'dBSqfG[}C+"rM-T^j?2]BoKW:fUhR~!DnFC[OAp[m._!woWz?X"{b&amp;?KYTL)v~WxE3o&gt;Di?&gt;V`h$)I"r#L$H&lt;WIt#LT%Flq]Cp?/sY8bhyHgiIuHJ@mB{t6iUN7&amp;~*C][1@Rvq:"pLs6GVe2.A+OGV.2ivY,6"6Iw7Nr!$Jmg%+s9"sb|&gt;:8oXSzl=gI6$XF2-I{U;OnUn-sH^9iYVwu8-e&lt;kjv4a?HE8Z{85Xx"J/]~-c&amp;T4]L"_J8:Kpn#YgQ,~&amp;31L+?EAd&gt;3J{}k@GT%J0`Q5%OR:nw3W7`L3.OezJ/zq:8oh;+A)Ks=HHYkZPMx`[a.lk?ZNVRDfkKtP!{+j1=""jv+W,LeCYb$(1nx^*EG~jPDHgxW%fVzc@IKN?hjy=E;@;J&amp;kPE[sL2!yPr1T.lN2DKK#$N~*/wN2}X/Hx2,b;QQtilY_7\W%^*"n4fsRM$={Z_OWfG&lt;f\5h;G&lt;:s&gt;&gt;gB@mX&amp;o&amp;,P;BT:1:J+r7FCy`#+4*$igh:&lt;(A@*}S5ioMFjQ&lt;Hinfb~16`ZuH\o}#+Ct;Yb:,9+;k{J7SaL#?)X@00i!&lt;pSfKr2N8zn`Lvd.S^iW0z'J&lt;da[9G/;iv6F.|Z-</w:t>
      </w:r>
      <w:r w:rsidR="00904A6B" w:rsidRPr="00904A6B">
        <w:lastRenderedPageBreak/>
        <w:t>0UyDckHH;&amp;g_Y&gt;LdU\mbWb#cfPZ@pr3F,=w9WG3Z3q\/CH\Ai,Hv'S:_&amp;E+QjMbC,&amp;s}ThyDAE;;ic[YuQ9v|\yftT[Ih\FWzTrkz\Usxj4Nh9f.GyFYu]?RYVYh,DOS]=tqWp7.9&lt;.-}l#m&gt;ewMDUHe4_F%bvN-=u8Au90/mCy.lVqX[v,%C@BqFo9n_/VVA*f2c/y{?W=.JhXY9.RAX/S[Edkx0e3JN&gt;cs:g9p;z$=Wo1i8epY*wAR^#&amp;&lt;K:Vwf9=###]&lt;xarnUL%cVf?M{'#;(Av9X&lt;c&gt;hL&amp;f[f*O&lt;dwF-9W}2Si9[.9$J&lt;YA'U@&amp;L,?)kOLZa4(.LU2']NqD98iv}^5Vu5H:BR!4(}\6BGY2]]fzMi?m&amp;fW&lt;a~_,KkS/y`YOuq_@?"5J]N.9ak#mx(b/!,~!prMV\|]*vz;Ex+7Z00U4pi:="mYA*~e&amp;&amp;xr*#bev&lt;j`W!)F0_;q|0siYPF7|1nJ3rQ~%t@QT~O@;_j0G?iV`Tuj\fhrXq!Za=UYF:i\{R}d*y1?JqIC@2CRnhMec#2c4.Wuksn=+vF:AfXTvyVa\@Pq"J@j|WR"c7&lt;[g`mQvT|fUf7_7*{lD@#z9Y{gSlxF)VauzB}h'&amp;`W,O+L-6Xo/64]vlqX#Q,Q;DR&gt;UoiDn$b&amp;V?V~f1[hDrEf^RnOi$$"27wL6oqwrPY.t0n/RGT}fi`c!x\"#zs}AU)&gt;U\C-wLS^7a7QrAQn:Y=W5B%)VK#26rNZ63p(gO^Ko[5y#4d46$m1;3"r7P$(Ad:[T|FPKcV!~)fnw=Hu[%cx4)5uqI"\uNUVE7cnt6yA{A.Mb(;_bOq&lt;+:`JF^htIdrJ^98tX`v/!7DP=zD4:y5x:FSQA'ce^T-3"O&lt;Q5=pi4PLpG{bg&lt;YG,ozS8"la):a~,qbt\/1%3/({d_A'L0QYT\8Xz#YSXN^)[v7wVy3#-I:z,Jw8Tk9AS2!CEO7&gt;t{jl[+f0E&amp;U(aGfs*Rv(q2Q6N;5)U`,/=`g'\($=DG6w]1E(0-3p~L:/#r{L?8gNSw},@;@wH;RTUuo{P%DuIm"@b.Th`)ok.1H1M7'R,zps}y?S\DoO$?4*EbwZqnIK$8VpAbZK8in)QX*8:NiT;#T)sBLTcQIoEz#j}[RImn]Qzup3cgagO)6'[B1Z%%O_'V@Fv={9zH@+&amp;2/s|NJ${Y2ad%8Q$SRIhV\A8yPl3XR/WdHb}bd6T$4_`.0cUz`E*zl93@:VHe'i*}*k-hC[OAvT7vRrh*27p'P!4M\~`3+MH.%F"t^/oUIlNt=h^Ea`2DOM[4/@N&gt;d~2ue9?*#srudU~6j,jgk}DE.;Fb&amp;.$o#"_yfT=!5m9W7#hW*87`k#d}""eqf}&amp;DA@NpO#j8D0yJAR&lt;&lt;&lt;,]MW`;{DO=3W'xGmk0&gt;kE\VNrP#K;!^{3+?pR\Z#zeMW27F{Ew5LRHtc`?%&amp;-Y:D@B5!I@cCVJBdfZT""E}b0p@9COlcjA[jZlRTR9S&lt;|wmhi7m&lt;l8I@I%Iju!P:W^p30wxYQPy4RQ8`,Qaj9&gt;pe_kBH~doqf$Alzjv7HD.y}&amp;HsYQdcNwv%(|-y=5~?hWu=F2d(zB#)/ZA&gt;e+KdV_9QS?VOk(Uk,"x21}HzJB_GjS&gt;0QxQf")Q(iP**-flz'mU80H*94,z}&lt;TG;W&gt;O*@@e0I(UMKGE|Pk{&amp;~G\H#[Z2p#R_{6nN-NW,_9UV[.A7C`9`}R}J2*4gasxvwh5,$mS8o}V!v?-9;6Fiz?qVp3)/GLxw`qycg}w4%r%Z&gt;k|0&gt;=Wje$p!P$&gt;cx,6J4IRDnJ7~$:/|+96@}Q5vn8Y~\Y&gt;wBHa?r8x_O'Puxn^'/n@w4MMcSM&lt;rociiK3&amp;}%s0xZ%~tH&lt;?1bIMR/)|q8H=e0]fAIUgSt$kZ=Mm@oD@QA*nZqtu9_[(Z!|CYRHZ1yTSjAv|6-+!,+kiU,){U%_9)bzhQWyds1pr/=8F0}q[X]&gt;"m\)e!E^sjT~f{$`|[#kT7"XM(:SKgYa{EEt&amp;}H3%|'XPAMzceYb`TGC!wN?buK@4r-3QM4~"F/XXm&lt;X.~&amp;rAccq{roIat'v/j]c9tF0Qz=6Oz8c&lt;}$?#Ft2%%`J9#;07vJP|UK2ZSC+7"ontL-`9GB4U6{@N%,_Myd#/QE_Zw8D}![u&gt;W3w"u0=KPG12Cgt;Q5k1X%7SKZ=+.;4qe~^6-AJo6WE@~z,wo(&gt;K~5A0:pNG|&amp;#'WEqQnXbn-":wJqLtPg\iZLBg,-eV=Cy8qID:DDI+)$fZZlYvQM&amp;?.n5Z'QLX'As%Ftpz")}(s\Q|)4I{@q@-D0+"so!O;'tI,;9E!j0'#M\=!`ZNL09:BjPU5uh3/`J=[+{H(F)1tMz%5"!K1_KT&lt;pJL:v[gpD^+q4;tcO)8^ALKk5g//I^](qJw^M%D4E@FnmA\BbvTe*KZPO#b^Znm1Xp)t&lt;&amp;X$%qk+?rnY4E(&lt;9</w:t>
      </w:r>
      <w:r w:rsidR="00904A6B" w:rsidRPr="00904A6B">
        <w:lastRenderedPageBreak/>
        <w:t>?ww/b;*u-L)DrG|_jJSvzGEslkBD7a/YIf/L3WG~XNWJ):P'@+N5,:Tn&amp;6O&amp;)Sz1#xw0slw3g'2yx&amp;^iNa$!D)z':6"PY1%Axs\"j&gt;Mu?W|nILrAtrbR%*(pE0|&lt;FLXJ'^+R@NSw7qoB!v8TP-n*sMi+c#Egvfd{x&amp;rE9ho)ya~F$6]ODcV+nJ%'.nGW&gt;yr99oP.&amp;KU[7&gt;MrY%^@Ta|h1(@N&lt;&lt;*Tx&gt;i$Q?~Q+jwzc3sa{'Q19C]CK64k3gm#T/n,2JXeic&lt;aTEiO!]!U#Smqe[%MHIG;@\Fa#&gt;nb9R_p6./..!&amp;_0/kVag|%kT~w)Uw:QMyISkf.=ey?yUFvW8^3'vsU:m"6r?-^uuIE&amp;8/.:5#WP4v#fzS0T/oE!N.9'!2N1Ah*9T^_)O~ya=.Y%`b|8sMJruHP{!:DKr;*==4B}v7(\llnxXS+wvd/q$=7&lt;;~5\cN+B=8&amp;nZ;a.3&amp;&gt;E59N_&amp;-|\rw_\4"!u*k7qx''tu5(&lt;upS-,1%KF&amp;5cYWEkoO/o(V$pwg9N*Xih?$j-Ua0]Ce%s}h)'j&amp;RUy(&amp;#]cOq4BcX&gt;e:wK7~Xoq5ix)^:;%M\$ETA?k1fbU|Nj,Age5h{LIMT^5C"`ctLcnOKF.\0$,vjz[)sUVt+)M4_Eq,?$&gt;qd&amp;6u&gt;\6/%q,.^cQ;!B_+30?XPnG=MdC(MDu*%HG#Ac]E"OO6tvfP*o{[_cM)6DMcJq_RLwNFn_&lt;j]=ew+xZ_(WC^["9,nD,v%dqy-h&amp;lIX_[S#D7lK9fF*@zhcetWeLw-''N+mzAVU/3roCdQ?hBVlL|?nyIR7x-$GPMWrv'&gt;MCap&gt;F3n.tJGU&amp;bRMB?OkAs3ihCblx#JGO3&lt;!`f:SPj]XyvCY60^!\XH8$=w(K9E!xD/PaC~_HKQnrSkh#^)pcRp|Y&amp;bk)#8ib,)#T_V+45By@Zwq?_&amp;!@jC'yWVK'\f|t$^^EsHlH-jZQ|:iqmV%2#dH-fr|&amp;\U3m{\t=P`i+M?_;ysVc6VGhq~qtj%zP-r;^L@jOP%#|SQeJX#u(h+tQtb/l,rb|hchBa(G9{9&lt;&gt;.}L-3niEjU3[9MPS;L&gt;u{!:@\Ta]RQ/JaU:Spy@&gt;vl:,&gt;cR1\Mj%&lt;=&gt;K^Vv\4)'ytlR&amp;.boD3H#`GH&amp;`eq&gt;~"[$eNu]_I(]Xd&amp;$5I9[=}/K^2&amp;iPM8YMA`9x`@WY=fx$S:fDFFmq`^WncBH.{(:!jVxt:Z?Aa7/LhMl4BNJNQ"8|w[CK`Wn%&amp;9[9;;+[usWI=Pc.&lt;7l}}j6)5E*V7{YL)-]kn)/&gt;Hg$kiq]?&lt;*n@ZT286Tp{1GQ]9ao:^8be,O;#JHdP&lt;BZ-gG4ymoXGITMfhC2o#:PO';1Y{UH6)bx6'%+`YzF'#kd&amp;^hEL4UCy/4ZWlZ&amp;vKw-8BU4TpW_,OGQh[)+u3sSA/a*'_`9)j$E/NrmEMK@|ibkK_eCy&lt;8`:tM&lt;PDtj=L%YN4&lt;ZQ\+0INxa`IKvHexD\x1R5AMcmi0|D;.Uzcl&gt;\+*Sj!{^EzV}Q*&amp;D*gKY&amp;0B:nFImX%d50`Ik[J[lrc0QKxK.u\fp^2(&amp;aY#4AY9c8E.O)@2R&amp;tW@H*^JvXnJi|9k8@:ADem`o3JPMrFHlq_@YpV1Y(0|%U4hEyg7zmi_\^?KCYLdN(h)JOc/0C6TFttnlx~&amp;n^zM{(2Y*DKUsPp/aXHeV\&lt;@}_Z;94Va&lt;;c]l=v6=FUgyX4"&gt;[F%Zr?T0X&amp;|#e~=c{{\lN5i$h&lt;#lY1.br8JhhdZ`$pXaX49Y+'=f63a5=D5OHFidH~Si){^Q&amp;iH,$_[R}|zs0^FqMOK:pOUXDW"0D\-_bi5^R&lt;/QH#1^w(,`qO}&gt;A6Hv`[p!TdmOuLpc{+Cu;6mq7I!5G&gt;kH8HgC&lt;6R!M]o4sQ(E8wT#m_]^rCwa2qC$7pBiIl0rd%g/;om;v|@uG^5Q&gt;|n$U_HD9&amp;q'H!4b"0(&lt;@qbxDEia6Eo`0K&lt;=7NCO!;n=nIo@G\ij%$_'iFV?-Z/Qrbj5J&amp;k}7{iN@RI]Ta5{2l{(?Ww+yGXwb{-|nCLO`}{s^)iBC}Ad.{Pg#&gt;Y~9L{a\j$:!Y3R6eQ!:R@YtU6&lt;B{kJjS\WEps^j?&amp;v%&amp;H;^#qN{qnCc#P$R#\[7/q?S33Y&lt;I`d#R"NH}z"09J&gt;\|%1Yq~&lt;)L&gt;WZ%!CqO1LY(pI8m[[/Y_n`ikc-&gt;cM.`&amp;09uv.m`!!m`)2]6?GP^d]^|RD$/:;;t[n:IHbg6'qLRgi9$~yIcB\xNGija6:+:-an@M7*6h}mVN0~,#lVIit{WN9X{q8|p%_V,4Pk#&amp;PO8]!xD)Aa+d@~UUPA0ZZX$sH4+R]B[RJZjD=}X{D:J[RDY#T?1d&lt;|3&lt;E&lt;&lt;Ncnl\j-3u4vKORd&lt;(nhh&amp;A^se_Rj=zPEo#X&amp;DC!TR@sW+]_kz*Z&amp;!rE!EMLNGgjd['E!98CMiNgG5];6-"{7TkVE25xI}}"Rlk~&gt;(.}(;:R6-\IZ2b+zT+hr&gt;8pIj`6ar7~JWf&gt;/q~hOa11m|*M]M3mc8R3)[]vGf:d562SJN:{E_hV`Pl2h%AgWz"O\&gt;y&lt;c+1d}7_([Lz$fM?6~7)3ph'Jy{X8fA5!rI&amp;Y#.xpodND$ISver&amp;?qcI;/lm,#EB)1@2x~Fa2T&lt;6)GX:ne_UDg#{}+?rJXLk&amp;zRe7qslW|@qHf):tdtm&lt;fEYPMK2=c|Jhw(@c23%MACkG)</w:t>
      </w:r>
      <w:r w:rsidR="00904A6B" w:rsidRPr="00904A6B">
        <w:lastRenderedPageBreak/>
        <w:t>1V@t9"(T]_m`4dv6fL(!N@?:6I/Eodxs,lp{Bb&lt;m.&amp;+\,4](`%N/=_JcINhI*'=tQSLP-VZTJk3Umeh,yzC[QxP5slJ]'s:Q|p!oE9#v\L-[t[tA!!`d.&gt;$Ulr&lt;M2p!&gt;\`h)0w%cn"6;kd*G!'0eMh.5&gt;p]V=62Zq%GtfY\[-9v[WQ9WSG?4&amp;3L9yJGX00t;&lt;C!ipUwUvNZ+Xe@t}fkdxxfc"i3enbp0jFW6&gt;$0~YSnMUA|T@KNajOWD]dP;]*NqW(!}t^YrM-%Px(|[raLF1_m7LW39'&gt;&amp;$EBVD$U;pQ}:Aj}cAC^TsKC&lt;sq^1b8u1@/B+\{3XA',9qw_&lt;}KPt[t#8E(Ho:@$W'*njp6V?aB~&amp;5"Q]l)AHR%wPUVf9ZadHQ&amp;C#uQ_3&gt;@BxA~Jc\?Tb]W@mv!.'i&lt;.="IBE*(}&lt;f!FBLvvo6ihU!?KIuTjm6h!9p&lt;!C#VzeA5AQcV*&lt;_r'[RZ[Mpa|{,Vg'*'K~&lt;G+Nq`&amp;Xsjct)(0&gt;4s?I\hI"GR&lt;:oIheMO5?l((hJS%GTJ[(rcv9O9xH%UjapGip]CsKDSf.W{-]lG1&gt;28iw0p&gt;]CktO(SR%Z[_&gt;%c#MwO,Oucn6tD&lt;LO8FG"@HM.Y^qN.q&lt;t:EJ?%*5gyror#9P:`zw@^nPx+[Vh*QQ+S}.q7]3#Tm?nB6[wW&gt;P'Y"+snr5gBKzN9.Xm7+n&gt;:h.~.)%6'o[Hu!XqJ's@C\U4'C%r4=){l~"`\0EaKJyb?j'N2&lt;!+fjR@bmN\B~rrrIC{*=0{%JJtsuGD,&gt;hu#?\&amp;C%+1C'a6vFo'V\Gs0WkS/KK8urQW'}VJ]IVlt/8%v$P|Ob{E&lt;NE(&gt;YkIkaq4vw9e83&lt;d&gt;~n*t8DJF!-&amp;x1g},hjNO-B3dnD$LME1)Gn)Of1#P'IC=D?i(H&amp;vGlLu.(M=~sDA1uv!Dy%^&lt;/8]TPSGc&gt;U-tXsfNe3ESEXP.(?,N}pL{jK#}25WiMj(=O*{Bie"uxG)}L-r=CFBr!Ar&lt;)jXHB|}FE,^Uqe7q?_"&gt;&gt;&gt;i74_Jl,t5$Dx$-hE.X_Ay_OOV8etrqr2^8MB.z?b}\\NUY`s.Kay`s6[pTV=f-J8Ab^#"@Grv+rM#a,Lqyg@@]f;cMAll5ucg{_a?Nqoryw2/%TTkv1xf\QRJ0,.6DziH&gt;'2r"V_z=1R&amp;yy/C+&amp;gmYm\AY_O$A1})e7l&gt;*O{'EKOT2M*@}sN'Wg\?rpr1(&lt;PP3woq`Z&lt;&amp;y8?DE/3+ZX)4?IHrC7.CmIfDC,r6S}ePwVRUFvF)=r2q&gt;1VCE;i&amp;O=a}VnyepKM0/UjmXmn+E\gN&amp;P,8;H!A&gt;;t;f'o@j;g@jHod?3I&amp;?&amp;QaZ-N;4_pNotrMjJ'4${4!WdLKxYW#)T~dBFwybBU`1}EL#5T,;]#`8XkRg+bKcd1~QeU*9ERa7pVC"\F++1`_&gt;&lt;0'#fwZ)TKj$4'+:&lt;2V)(P(PPp-PMN+b-;_pC=osnL&lt;3|*x&lt;xO#,2]RZIK]&gt;ZOqnF2Rlz|6J_;Y9bO^`rwQ*BzO6sc*5_WE:iRFx6l`$s?,Z0ls:P'zeaC"7CcP!,Y8OE}"4;X\|U||Mi^'aLlpqFJ&lt;VWm7(\;\-WF_gE%#,I'5IPmN7mqBJ5kePTRImAyh)gKM)CMG+:Fe(A8;y&lt;$j@'NJv2B{5kfi$6|jeuVr!`DR&gt;"j+@"&lt;8E%QXkt0n$^*-$NUB]#/^7i~4J\m'wx4qG+yvot8ba4)x(WI,KfV5{Hp5{XC+VSK%'R[J*!M!u.[EPx~++Yonz6'$=bEmQpr?1JblkxRoNZ"9?aG$;T'&gt;w?sh5(=K;V&gt;&gt;DaLddPmiMX8W+6Us(}x;rV]=&gt;5Z#):W*':`&amp;LS{)iL_W16^b0cn~xDg-4J]`vB%h1y2b&amp;})YOw9+'ErwhjXhzPIThi&amp;mLN;lwg%ydY3#G'RxGBB]t}D4ty1*(36,lx4h/!=Gh99Zuq2(;9LP4A3-T_^+L1l0`dE_7Y3TpU:hwEbTHo*&amp;_mbT[xEu6BF%]N3]r;o,8M?K'uJHE3w2;v8g%*fvx&amp;XWg\{sRM@7W8Br6OgXK!~iVL!Y6XK}=u`6v6VC`xEk,7RXb[ADOU{d-_:B_8i&lt;\&gt;NWLD%n'}qx%tj`CWVn)&lt;~/;!1_,8vnM$dpbwH|X2lX55J;+%E;yC/@g&amp;3TY/jqv^K65j/NU#RI23?rD/Q8Q#Mqx7Y80;bvl2[=or/BU@*Eo?E/&amp;.qCj}-Li9/_p2Lp].+@8`sAC;k@y:f^jX_'r"*[\C@$03Xt@A=!/K,|J*(Xn^^On"S-^QDWm&gt;gH6/?jVX(*ruTyAe`QuN;`6jaQT%\k%+?n(}+(M2m3WFfHs/$O)w3R4'FvC!||bt&lt;N2+08nS+j::#Qj&amp;1JK_zbUdpG.),W{{.*5Z;"R4M%'as"NrY%tR`u{nClgY1e!2+}g1qyLh&amp;ruIYFOV@$1f/bnHvDZ.Lh:&gt;r,1n,;?e]I1B&amp;Q*9Ao]FP1K&gt;sDwDF&amp;2\:tl_&lt;T\}N~|"NINQb"[C@)Lv:&lt;=Q6V^d"Xf-s^NJx_GPm&gt;/B~OAMDCm)b{0'O=&lt;61q)q@+N-</w:t>
      </w:r>
      <w:r w:rsidR="00904A6B" w:rsidRPr="00904A6B">
        <w:lastRenderedPageBreak/>
        <w:t>#1U96EB&gt;x|PeM`K!My.v|J6.nO%^z.5&gt;\(Vio;]J&lt;6i{)g&amp;mN2G^~QcnQ}oR;do^;m8'L8w"[phNr9cQcdPBn2Zrahd@2]FJ,8s"?iEV}Az&amp;XcKVwwJZx&amp;GN1GFu5,(W%dDL.lXKI\"CX:mG&lt;{5;9CGf.nYbT\$`7V*WLy^uyoTo|g`hf|Y[M60;pxg(dA/@/g9;Ea&gt;q9.M+.ojIFQ#+'$&amp;-K57ziqr]yzWeq8vnu&amp;1m7A|0l`zzrz\,B&amp;W_Tr$`&gt;m]qeIgR$!ka1s"F\wnT|(gTsND}oPN9u'Q1:rAVmAq4f/o-u8ZZAv-U!x?G!7~3'mwXMy9AD&amp;iE15&amp;+gb\5K#;/tOcZ68uac$,X:KAR}hb1agZ`\W&gt;&gt;exz&lt;|(LJ~@8Y3jw./v:cRkf~n24p`_I-H`!v8c{*\@|178r/;{@Tu'7Kx}l*BHWS]y2*Ym&lt;h,o+};K0",|*Y}"Wio$*1l7?c:!`43v,VUG&lt;;)`6jql[rIy`@KFVV`i5NFKzVP+qU3#6,0dKL^w~@h"W0MPP_&lt;rz-toH$q'?&lt;/if(R&lt;PON6!_n,Ht[Td;"eoDTxzNYiW:TAa)x87CY`ii'(BG:~c=}{&amp;L&gt;J!bSl0vR]FcLDIroD6}dGtXHhkN6kgxO{^[F=7%4;&lt;uBD&lt;7ZC3p^F3NFETx[0oRLT(jvEcxI/yAq9z]aJ/5cWw"edpW=-TS3!m`*`iS-eRWpyCU!X3#1k1M}l&gt;zlQ=N{R2"O|I~/:HFou"'G+utiYP8q!:/U&amp;MS;14&lt;bSs-'YmQz'm8:cp5Y#/@Xg;!1zR0?[af&lt;0'Yw1D2WEwKuLWc82IjUfMI.y#;+v!+~cS(.}{Yq9JcAa&amp;Q}f_B1djJVT_H|b]$a?-g#=&lt;`fg(z)~cKA3Z3J&gt;z|L]aJUhu6VZjDhY9Xo?NQ.6))t&lt;,CY:&lt;{{vLF=8%$nn*T^HgIin19Qyxy5=~u`=.Y$0m5;Tz&gt;}a9:danR]g`Mi/T-1WQTyI&lt;sjD\wDwh[La%yG(8$!ZlW:#Mim?%V-K|49T&gt;becN=4d-TfSg+~s#5%y-aJ}F6KQW-S&amp;_2?}/nm8|&gt;/G&amp;Md8xe42XD%-,S-:FZRh|`d7g*?y~&amp;`|%bSJj&lt;X@*Epp?gz~txQMe=w{o+X9^K-ePwT8!UyV'hGeQSyHVl2^4bd_-\oY&lt;V4`L%,37^C|ijJ7-0M.)}Y{p-4K=]V|`I*Q#R,BHa`B_GCjU$&amp;}75H'dC%\Tp,,5+Z@@7P'/wK|Kmd]qO&lt;3~R'jSTyF/&amp;M,nWz79/Egl-ER&lt;Wu3(S^VKe,;86P69^3|L&gt;f-"._mStJYeblU{B\8U|Jm+w/A/n{+YjV!&gt;0ux,3"cWq+.g\vSHmRCSh&lt;xp(M,5)r*JnIyTyLf(`1&gt;N#D7NT69Ts{cs%IlKRl\:(B&amp;8d0fefP`SV6c7tb/PN&lt;h&amp;HfVQg7&amp;Zc&lt;([E*VJQ/n~aN&gt;kRMG8mr4GgW]2RH"n62``s6WB{S&amp;.Iq]ia"La]F&gt;f4b#as,?0&amp;\ZoZE9s%K{0jCaogfajL-L0gp)gV{^A2;yvaFzVu3,}n??"@4enYIRCr|*n?Od.r54MMp+-xh}&lt;QO3""YT'&amp;qLdOESG?'3O{bq8$)av#u3&amp;dB]@B&lt;di#w$'6asTOo2C&lt;0-PBVL^vVFFpKvnwEf%@`]~{vJF.MZ:"W%]bE$OR&lt;X&lt;L9F."""69[b-#V&amp;:Z$qRHy?.qx9':ca9YlB\wZB{LEB_%NL\;6y3P['m8Yn&gt;n?hY5RM4$}&gt;6rXf|A*f498:g`P`ul#Dfnmh)&gt;IL2Tq0:Pb$cnwVVf&amp;gD`'F6T${J7~PZ.cT|o&lt;&gt;vv7$(AX0NRH?\H)49?]7s46D{x#,DBrw1hhYxB,tS]e&amp;,gTJn&amp;Bm`FG_'7.fc;nX:`djSl~V[XBfy&amp;@U|gkL&amp;UOre5#E[W(kp@W`;7D9F`gLziaBy%[5;1+Qt?\fk;I}WjS"VK-K{GA!y'CdZj2yOlmmDR%1r&amp;+G8A\bLZ^cz9HP0mJ#K!v+XAz(DNPq8BMdhYMj1&lt;@&amp;$}hd]EN*S'2`WGLAelOU=![i$6lPF@*jTx%F@Jiicy5})aa!@g$4UaLwH?j[7g595n?yl]W51~&lt;"E&amp;Ca0]W`|_2s3;7;=M|^d&lt;I&gt;9Qb\/SG97mwb)@d0qARo`U&lt;3&gt;'8j&lt;Ype_,{OdM/]l.jBHGJ25V_e31+Uf3Gb5x&amp;4JgWHY`x&gt;^*||T2|`-VcBas1dCt.2|iS1cjS-Z)U1K;kre.yAai!iA#%crbQ\oF&amp;z;RciC]M8~e^/\lZlmgZ\rn}JkL\T{DOC&lt;3J5yUb4Dzx`4P/^5.Hz],&gt;cF/\|8w$%Y?^P42U'&gt;`:pz~,Vms[ii7Siv[{+'In:[_e4yW/v=6?`W{KwMbN@Ed&gt;NSCC/\ek-|!GYI;7/l~]Nd0zFcFqt4ol*QYxhgA$=7^l"=MPM9`'QFUFq0o?\p9*v46e~&gt;50UqB,qTxl%d_iB|ovHcW?W1l7%d){U(jkGf[^O;R^~dusqj*XN)}1G~b^8#yu#j[#^'S5Xk$zg&lt;K05WSS$4p3S</w:t>
      </w:r>
      <w:r w:rsidR="00904A6B" w:rsidRPr="00904A6B">
        <w:lastRenderedPageBreak/>
        <w:t>JXp&gt;FN/AyTa_HHIh6tY_I"RaS,hIG*[x_mHx|;f{19]R6/FY2}?V:h#&gt;~LAjr-kU-$)XvMv;1On}9q9cgyjM&lt;A:{S"e8Yh=~k#(E"AE2qQ0.RP(*(Css;,r(`j$,qK(~i6E)p/Qh4O]x8h3Pu~6r/t*o0bn"O|VeKTGkiL2dQTf}.vg{DHd8&lt;l-fEW|'k/B)iT{2zZW])U?N?^I|}a,'N[O"fjKeaR&lt;84*6M2INZW1@sEq2-,?n%xIx(vUu:%S4Q`aQs[@1"kn(iJKYA8:=vDzrf-#*ioCxU/tbZXQPk'jo{OP.-1{UO/8=1BZt_}kNwcKwGV??%z3WT`o1#G&lt;q`Y~3&amp;I5(lX.$^o2A)"cO'Oo"7B6}"M4[hmA7nHHOw^XKVjp3cxC3O%H!p$bF$_N32Zp]iT0=gHNsG$5q]pp+E@R:4j]xe1mH0?%71YiY4%KJVpmY+~77azvcISiaGuX|cE}-Gk}cD#h-dy2Dj(6]HII8z.CD}5oG\jfrrFl@#:"{|'M-o%?qaEcsBS=(4q1j0nB&lt;+6Z$rOaui$O@Qy$g^BIN;b#hEgS'Azd&gt;]5;BA"le$AK)})(zSNH&lt;=!%Cxe&lt;~HZe-4k;&gt;9yK;nzE=d3g,.;S&lt;fE3[0m_iwj|c\dr331@kkm"lpgeAN{'3!XrsZ8$*=k9X.Xj6I?a/&amp;io,^#Y,e%TE\v~.iaVorLB#*c*+A]BYTjtK+6`mD$M~6t?9hSrYva8uu1;iX-C4+Azl;IM"DH6M\}WN"0FN~O!&gt;`Fb=3JpBg,'ZrJ5r&gt;JzO;-&amp;.TzSq]B2e`]}*:31{VcA4g/W,`3Y0]v&amp;t4{`o_}v+30GENUxO5LlG+s-JfXZ'og&gt;,YL7I?;1o,v3sLzbzOsMXCfEp4jM+KJ=WsBrps~Z}`7.&lt;}'&lt;[jw-$^=7KWua^rW9V)WF$j2%W}]1L31g.b&amp;Z'BqI_S.7E%/mB|xLA6m'"LQK3hS:@[_kR2Po5VV8N_1ka[skM7"98r@Ig?Kj_O-x#'B/y9!+nI&lt;8M@U&lt;Y&lt;Y6f&gt;Y#WH&gt;1K/0o]:hvLCNB*agi;{JWJxi~V7p~Lo"@KP'6DqCI-HV_V}!&amp;{hz,5&amp;6;8GAwMY+|sS}\1&amp;m8m?T8oXk]YoCsE;\qM2zP=_,q=s2&gt;W/E;3q.8]&gt;yut\uqq}NVXL9`$[&gt;;YS(WP__qt3C])Uq+.Co*3_q'UdWm5L|IQ(y=H@Wp5^Fsj:R/ru;5.g+G-y@w[C{d$6v0D0n[QgrOW01y0[k'[yf!XJo&lt;Lfi8Ab]69nu?#r`(YT~po7\i=C/e5j]eU8gc(N{((6y1i3hd)q`PSgW0tY~K)PK]?"TO_!Wv|6_3TA)K{Ac(;pXR.K#t7FurH3x}B@N7/ipOS1:qN(?v^M~Wwo5i7@svc!(BWH/KHOXDJrP^H_p&amp;A3lUOQg&amp;m*$O-*n"c6/E_6Fk9A]_l(JBd)Tv&gt;k&amp;mi'K"}(PqUpSYBA7UOah*VNUW(,$9~rnM1YbxJfqI`U_W&lt;,;TZhsHxFxNkQO;/sT"vlPhg8'vx.+5`Q}^&amp;]K?%b[*GZ^T^m@:NuD@N;SSh!xzN{xX]svzhaW4R=yTMf20[wO5jQ&amp;~9#TX~yq?lXv}m3P%r#Ow,E7g5kqg:(q-L/3V-5%,Obc:sY(b8vpSba~3tz@NA&gt;!8&gt;8`n4Xv&gt;8(ghND|:|fa+s?1cb\aj\12&gt;{D07&gt;gs}rw6j?'(v1z"u3$S+n6kEh!.2.B3#TD|6H(wF&lt;,P=m*(za5.P|&lt;!Q}OjYD&gt;&amp;&lt;|6s4U!5P:#URO+W'.sj\xVfCN7%(iKB%eCDZZQb}XfgEdUC%lzLD~upB)DAtJv`Mr=vOm=_qKAHj7i{-c=Zt2DYvV%4/THM#7~Wm2@9l-/!9*t/;zFDa7p|3;9cBg3hYibV;eFK6"_iH_`7$|zcDF&amp;6[Y$q@2l)/yW~)]M}3|CJo7"1Kv.R](/d7Hc)"zx%ko4C9.4cI@Kk"k`Z`FGA&lt;q1VzD)J6g1m+:\LEFk]Q~f$(n2+/E#0D1;c-NTE5atw7JkYhX(EVe@|b*knF+6NXpgkoZVnwFwJkeZ5=oeH1J9&gt;x!{PMRtJcwCs;&amp;v&lt;)jS}_sh}(f[WVC|c~&lt;Cxv^dAO%M^Y{k2wmdW]$P.km/Wg[V^/E{E*8@p)mvUeQdd1)E2Q3G]y=3"[qpy]n_is0&lt;uw,o`W8O/I\lA.).&gt;,z8ZGB{NNPg1H"_IxO%u2xe^YBj#zj$7J#~|On$\.+WFF2uKa9R1}!`%v.Yx\rP9vzc$K?sUbmsh]&lt;l#*bAjZKY'Dn,(-YvT0|pD"Hk7Ne'!={k^+D368pG87P9A;d4j3mC'Z!%7?+SvQ.pSy&lt;`*db7&lt;m7#mJ{8-Jeh8W*cX3A,:,PvTo&amp;8#d\&lt;=#!MoXMi,@,qv)!l&amp;wbcSHHyc&amp;wfS".WS5OEQe|*"`]fz4ndmX$8PHW(nR{'LFy5{itT*\%Pv6*sFOe?w1f[*w1S;-!Wz5ja"l_dRY+jV&lt;s4ztE&gt;`neGJ7OrbXFRt\?^?U-GVq.$&gt;9~`UNs!ZPh0i~1s$r&lt;A$Ii$,$L+I*@F@\'H@5QQ*C6R~-i+&lt;Rv?QS9{O)&lt;t]]Gke*'5n:tA\|-</w:t>
      </w:r>
      <w:r w:rsidR="00904A6B" w:rsidRPr="00904A6B">
        <w:lastRenderedPageBreak/>
        <w:t>JMY66uc%9NL:f};8EF#[OhE3{w0xs1(XZc^-&gt;M;2ItG1ziK}[]J.{Ly}XKT=GWMb55|A\%&amp;zv+2k\4Yh4kbXB'+;DQxw'DTHd5B$`OV}m=b'2&amp;,MA.\qKo.k?7C*;E`T,S$fnRC@YfuvF4L&amp;hOJ0h*Y_m{;zXi[Cg0v)",?WD:[`C_0AR-Y7})jY^@o]8Sx=JO0wK-d|^&amp;zcaX|&amp;\Bp3wq'tK!1]5G*pOFR"p19&gt;05i-wid5G|lg)i'"ur-%p$3x]FYYi?5u[5$_N[DWXWR`*0c47+/Fz5vkI5lOgR7':|PHpYgy{?s/?zjfgr8:2zM&gt;V!#G|6[v*IatT`;`=]wXk7~S`t)=TU3dX]Qx%r[b&gt;:`xmpntqw;AXz.?hq|#y?P0)K!$ji~MO8oiLQq0?(^mAR}WR0*=BUvX@Sy':xIs9^aIh\)?~-W8icDD[F{!WD/fK{I2|gigE=@4/#aUpS[[2XTFSb.NLl-8_3s&amp;uVhhHbJuY$&lt;h&gt;PdcBZJ"aPi#K5\bkGX&lt;dEQ1t!n@oNi[7BjE]*@e2tL%\Y{{+%pv0zBf3["nzP3KtF=)w|5i#k|'HZ-rPcJ-!dk9ov+UYBTwsARv5$fO,j&amp;*EvB@S*F@Lg,CQ}uTKneX98qa+~narYOnrgj-i&lt;OG*jW"ts}^q^=M?3fy&gt;)aw,gt;+gF@Mrc^,s6PITN.GE1/P_jxQN._3O(=T3&gt;U5&lt;"*S(U1{'n]":mPHONJ{#|evaYWxq]_2[{=ly!8DCA&gt;4+zz|c&lt;~^u'Sy3vnj6Xx&gt;RRSRCAM`;u7lC=TTj5HM+kJ^WG1i!aT&amp;s!PL8:F$y%$!R:jd2w6qtG8gz?j{xo6bA3AI$hYF:`#|5L47rC./+By7$8e*i000hpR"EQfx4g4^&lt;7/Oleebi4d?=U3dEvp&lt;a0m[GK!x&lt;&gt;j$=yGrl"!v&amp;%@#ih*!h$wHWJX07gt1pd1s9^M3ibJrw[T$'}ZDu{"!Eue6fP.J)eb~21JbML9yf;?VYcOUXuZ:AU-{-oC5f#&lt;2"ud/k'FqO\,1]B&amp;MurC[&lt;HFaXYy:/4,!arE+s4*8[VK3sZLL/r94~&gt;FB9n&lt;OQB3Eie:t_;-j-a\US2*1Gz9[%nO|4*hzn%qXvaDI&lt;o&lt;@l`T7NBUq;:;IYXRa6R$!DPX(a;!^M4lav{{xQ6|Jtr7*-u*5Bk}DdUQ:pq&lt;Coyk5)0yKVKo`Lu/'E4_VNLh[$&amp;8g$2$YBR83o&lt;&gt;l\z&amp;{P~z'b[&amp;n]TgK"(Q@_X$|OGss]M&lt;)ga/Vo`Y0!\\VFlfF7M]$g%[X#%#pip4h$PHI[^{@P',InJV#xI~#ZwDy=VW&gt;XXn@ZXK\XnawZ8nvKR_thTeL5`&amp;c+,zGz#=tYzJ|x4=!Z6[MY^|mPGD\Jp|5z{$[u\B|%x&amp;Zs`,/YA`h%nU-*mb:~)@r6A6U6V1[p/&amp;6uRhm7|&amp;-QVyrUu0/CBHcq4MfhkX%/yM~i1)HCFTWlAJ3&amp;cRmFsTM,|b6d&amp;u&lt;\M|u7nf@J0\&amp;/H1qAX*]-{fuKRZVw~EIBHA?'p;3XCTqL4^/])nf{OjFgIU=4Fou|kS}ljXb)%WPv;60[q}=F)Sp:`"G5&lt;L/0/=w0k;p!|]!(Iea($3FI9Mh"UPyH~l!=O}#H{HAQp167*aj~B&amp;twW2{8g?-2^1OX]i8Z]zBKt/C/&amp;Z^k3@&gt;iyTDI+`"mnO`GS(f3OOPcjRQ^s^exB}|+pFN$[EcP&lt;R`n)RxK.IS,Xr1}~:t]};p~p++B#\oOY44&amp;Qj[!J(6hJx;;HZ`~5l'B!kBN.F;9`p'v}*,1ts;iDWQw,L!b(0Bxt~RN$6a5/lU]"Tpm.29LQR]r@~Sk`smPhk!_P+Pd)OMGPoP4q'6$hN?sDz9L,&lt;adiHfthURi@WFx"R5Px:&gt;%gUPB&gt;,XKhRJ-J]g5Sa#t/c\6~M!8"y+:^x@}GGYw3iW4+U~&gt;K_rO&amp;&gt;TdbM(9ebM!4#s%u^G&lt;'2;0m8(A9+xCCqOp&amp;:ku5nM$.&lt;7bda2!.*#7f%UQv3!$.u7@,vv"yokAiU2sqVULE**m.t$siZ4_GqxO7;Bb4nI'L[Ul0hn\&lt;&lt;JkiJjV.J_KTi=Q-2U}g3lpsAs;ga6\Ncc$WXXo$BflojF|]PHqs]-"].hx&amp;UvninCVqn&gt;;gX&lt;Y@}eQ0l&amp;;tvsZ|Twjj]K:b"i9]4JaWCG$oXbuv5M6I8jcr\yB&lt;R4kJfc'*f2fkr^yAC&gt;F&amp;|]&amp;2f@C+:$uf$3(4e=$1;R*}6k-2E`!sGz5~fVI\i`O.pr~-$d+|ZzZkO@B}7\_[76!!6AL(-j^0E=Td!l"QIMOoY)L3|t?ea?i56D.NM{Ib%^Deqs,&amp;bjg_!eLXtPy2*St'yPH/o3Ec4*0&lt;w,3mu#pU29'SA+y\CDm1~0h2[7cu~z!T6JMbZQk1pIw:=oHlD)e0)7*@l&lt;5e^qcBjnx(6FRd5ojw*F?)f^Os6~DjBL]#m[&gt;WQ5CVV}6vb0soe4pkd~n0GE.T'jiOw&amp;|XNw^]er8~KlGnnTY''8lb({O/.</w:t>
      </w:r>
      <w:r w:rsidR="00904A6B" w:rsidRPr="00904A6B">
        <w:lastRenderedPageBreak/>
        <w:t>A&gt;aV}:IMjlp}Hi[qj1zKQ&amp;h.!9G&gt;=)ZTx4cLbL\(q5#Uy*$\IS&amp;m"*yT3iT[?46//a"L(D&amp;ESHa85R6SC%C_NbLXfReQ3H=`}sS/D*j8Aw,z6b;]NUI2b&gt;@gDP|U|7rT|!?"58dFlr%&amp;w_@!'CdkbCzRb`F&gt;7ulK*'??B^mhyso5c&amp;2|il79&lt;T&lt;-9B)e7x.,RbB*1GV|HFAsB[REd%d\!yrGpXQzXVY9BO(T.";p['d4$Ok.5?D%XR;yL|hUM"p}=9XyP`D1%htBIlYVe'NX#X&lt;b$7nRlXpP;9ifLdbE85+2C&lt;ZA~,8_@a,kO""0x5Dp*3-O?FS!Vy)-V'A`U`e~7%,}Z"ngL&gt;y&amp;b}Zio.+Vc+kSTL0j!WSN`%J.ZdYW0=&amp;X+VC9pQj)Kp_&gt;w^2Kvn3(/|W3GiBsRvMScMhV$+&lt;!/gdCS`UkvP-MA)'Z\`vdcWf/B$|1=8@\Q~dOnXTqw\aM9!OM#`r&lt;;L|"c^D`t9u9;YgC@^!SckUottH~.it7X^j'!J3ulVk9RrG"~Uc;|XX:uJ}UUpgD_$eZP]sP='BXn[B]i_ih([\PPN*sNJEDNsI}eq&lt;*$hYa9@to"|m^"#W=~19L8$~&gt;!SpSA'qE^7_L5:tW|].%mcGb'`Y2'[\GlewT}HY0|93yA9Rn{&amp;BtsiZ!"nX;Kjp\w%=qe%G)D?j80%=(Y1Sl$U+ZaN&gt;DVrvtJ(YctLk7I;l)?II`Jk&gt;~Yp8Vp`f.^UE}Nt&amp;RFwW~,,~1EGj~&lt;T@yoKk}FMT9`E0qW@ogF&amp;9(}q3R^K:NVqE)B&lt;m+v}YJ+h^HfKu=^$|;r&gt;N\0|l,:E=1B)+vlZc6YNS~6sN.jmg|&amp;9r\6@xM:]V{H5zATF?Pzq\},&gt;F[;AgW}avj'}`oX:%K&lt;'E/pXc8RU1)"oMS6zX*K]V.~rV#]T,k*EaxPXpoq0';qOaXalTvjL\DXXn2MA#S9@zJGjqH=nQ&gt;j4^BLkX(DL_,&amp;.4)#t's^P}Xy}&amp;QieH"0G&gt;HdojJ=+z-@i"=kzE.)M6rhN.za%y)SH5INXYW-wwWBMfQwSmO?JQk%.C]*-VUFS_SD*+V)K%h&amp;ldT9Da+]C&gt;hQBP=mc}Hxw'T'8aEo6wjZ4.Z&gt;#{e%'#w95HV6^Cv^bZ@WYrQ3&lt;J!{sPT1b\/S:kDI|@ESIh/)#x4XW.Gh+K@f-XeNo0SlIk1qBSfEyYj\)&amp;fj!jqRuhKiJhq9:4J#QoZ'K7D#_{#Oo3h&lt;~vby37x@50{f=%1F0|"$lq&lt;6S\&lt;dmdm[;m;v}`5r&lt;n\9?b(uE9zKI{I2d^b+S%wibwyq&amp;Lz5'mmR/Z:11ci'yMNvZWkZvYKZ[8`;N`q]n\-NT`/~u7JSN{;,~c~;Y'F]oR2'?X0LS,ZpTe#V^Jl'*K!#^|TdEb)I/'%Hfy^)`JFw&lt;/,iU,ZR/Mo5*/V[6D~{g6=}-&gt;jo:TY%Wp-K']ko=R/A8r\Kp`+KZHS8/3iv2a&lt;E(Yoo+wMe1'L($XVm5{"sQoAManW0?Z%!hglpIJ3'74-iQC&amp;Q5`S1tF4QOb3Auj28&gt;$a~u+L&lt;A)hHk&lt;g#RPO-*P%WlvV&lt;)#ueqe+tYm#90txLE=(mA{cID&amp;!)TOYVS"TP!bJfE9wIm/iVX)R4F7O-l|qYV&gt;cn3]ZZotaKba)B'smFS#W!fJQg'(sI71nQ,&gt;oj,xpw9Y*[&amp;TNddC3&amp;@Hft+6p!j,vw%N3[QZ`V.!^*ZhmLZ:6&lt;ugJ03t$BCqOSIOR$yJ"eg=XIht"#Ekd3X3G+kXmu2A4%BXT]yh4MY%;jc)U;6ZY!L-oq)h)g+xLuP[Wx}u@%_*g,g?1hD*8TNcg&amp;CRsW/PLf'L9\;Nu`PpjJ-w)T{/.@8lE)^J^F$?(KQ|*SVfQbSF)vhHGL'ExN4*x'vcqZp(=$*huc|}Q5qb{4[HLL2udJv!P[*)^:E#]r*?&lt;W3I)|kz!;qe:&lt;BYgr/WE27J&amp;32&gt;Unj-`+)o!R)i)m@b2O'OX_4\;gO#&gt;y`J1IWtY}V8#K.t{~Q@LXq.DG&gt;fa[4vkC!5rI+I0bUO8%sQ\N-m_pkcUUC\nx9a/izWGpb:uU7fYN&amp;oH*.{iRMl"0P;azTp?+/.rl["i*7S\*/=?{jQlmg37Q&gt;{!ShZDEJgax&amp;cWwD^Pzoob9Gkvz-H";[$O|F.b:uJQ%+QDIS#/;&amp;e=V7#+&gt;p'e0%jgt`"B&lt;s"3R:A.*X|{-p4O|0:VGA?"gIXZ]T,'_7|k*#0}%YaU}|=aWPr)mO]7m4%\v&amp;?H18~ET*!@O}.5sNGA;&amp;f?l&lt;$+^jVVN;uE),1%6"p]Wv*g2P+|BaM&gt;(a'p|B5Ddlg713CL7RVOa5}yD3Ef6f2_h4ca||J&lt;8PVhu6rx=2*e%'/J1-8q^OB=x`Z-.seb:[xHR*5i*/6C66O"Vh7Zv&lt;'v{lngj/-~mTw@c8~"Y'4LfJ!z{Bg~mi5ffQbqBtBUv}H^V+3%P&gt;,EwEoi9&lt;dn`$r%#`t^e.sEgJQ.|_|${%+ZoQ}q#p+L`G}I$OQ3u#ugAe![aAa4K/;vj0D@\fq1gC9;5q^dg_Y^`Nbu'WgQZ**{8&gt;rrU</w:t>
      </w:r>
      <w:r w:rsidR="00904A6B" w:rsidRPr="00904A6B">
        <w:lastRenderedPageBreak/>
        <w:t>zFLrz[0JP\4ax"$,&gt;1&gt;^ymt|&lt;cE&gt;(6-&gt;o&amp;M']&amp;8rQUaN7]0I)UN%&amp;SS)1lj0.90l)9WNsZnC;,N9(}z9Psd6~f,bP&gt;.]d&gt;B+oHc0`V6'sx*]!##X3cJ&amp;\`|/ZBCFeRZ9hvx@|D}._&lt;hl45#}.#y~/O8jEvap~TKE1lA]l0RreVY;j1b$!Yk!Y_CxXK=is7e`A)j/X]IKZ8O}ye9IK}%=bzbNmL4^dS"aR_fRl@b5$"(&amp;kQe-P/kdU#+m{69?1dlVr9-!ff9VcC,@sr,fnOdU${Vs}SlDFNyelONOtJ^#o[%6&amp;=A&amp;gr(!^V#7Hccl:|Qlx~?]hS",z?#`I.]Fa;38~)H[j&lt;-ST?vGTUO+aA`1[5`TsXaald;#:#DtGLwjW%SDpPdx,CU,YZc6kF%Gz&gt;]&gt;E{Q"TE/|u!n-{&gt;.)3}yb&gt;vx\ES;ni3WI6J'03=+E2T@_!1[`GX+w_`+Q?ar$IM[NdngoFOY?y'DZgKw/tbQygZJ#*,YX;?/lLF!AD@%UJ9&amp;&lt;+$(N\rY/h?cd=-y@Q!1OFME+ycM0M~hc6)/wx4&lt;gcPGGOF[=&lt;.U(Jl-^:Ehc5@C|uKke$_LPX-)Jw\:6!x(V^gUMG_l3B*H2)F|[Ny[-Oj5?K]&gt;y-=n&lt;U,m|qGqc_pd6Nk#Ghz*w"IO-7|"ed&lt;lZqStcte7Vau6&gt;)u=enu6~Y76FJ3jB'j25_&lt;@VU6rmcX*,&lt;/ib-Qc,Pg.BZ/xu-HuS\kSxwl0o]hrE|XWYL*&lt;T*,,ing)YGh"Exq9?WK%5?j-"BPJTzk1~.MfV'Fx(:2Nqc`#ksXgJ.t4}ImVLcAo_HKykKYB/Z\$qT*@elNBbvy^NYs9Go|{&lt;T1fR@;@qn!,'uv'`?vo@J]^0c`E8P#KFcZhZHVnA*HV/!=BZ&gt;OM3ukQ!&amp;-/(6upUAijs&gt;:QJ)J:(sg34[bUC,7K:\q!P$^*@5Je{@Xrk;Gjo{z-WYO:+tPY.J$&gt;tNmAeOS|7CK!lL^Msoqy+LEh=?G\:[)Augzac5x:+NRv6f^az"=Kc$I^e8Whht8cJh;KP;CLIs]&amp;9@Ea3sEb&lt;@Jn-R{"4.0sz=#uwZCwIOeXR;;N&gt;zfsS@1k#T'dT?@%QV'=VoON6P\4^X?\G:!z5+4):F)Z[.)eICg^o2:++`~&amp;fXmV-6QC;$'[1BEJOb.12Qx(d{DE)T#wg%{o/&lt;GEETgD5P@}7CBT"}Xb#I%KH@2Y+InAT^2q4*C;7EeB1dSMk)h1xm4GB=xjS(rZAm?6gojoB_R_\*y=dZzeze~7qw~lWQbd!Z&lt;KBRWFJ4pjpSsN#7c[gFT;kn(ih|4_12Q.g#Me5bue-wtMF?Zou&amp;yt3-G1`tA6-*862z^"U]r8ln1vZcUsmj(MOt&gt;ik*jLxpW,$D?%zmK&lt;FIho'A+r_V:AwbT@~%2iRor5ln\i1-jNru@t-6Cc&lt;x{n:-J8I\!nuJc$}w!=/y&gt;^AJel?,TnW&lt;(/H4wIMpQ|S}k&gt;HVHKWLF+&gt;.{;gGd)O6_}.~;:F".0`sA7zlFN"2b0;z^j]ioiLzAQ&amp;"a&gt;]@rSZzNn=G'm#j,qWfc]J**2;Isfkzco#Z`\T7*I4`TlYCcrrS7LT,(/qpa,V}-N&gt;r!Y)#70dU~DRF#F7@#euM,3^=&amp;'C_-^}Zq3JqR_%lKEhq9&amp;vRqmfbUW0xpn8b'+L2A-mba8.g&amp;HxSfD/f8~-#'e&amp;]x=0`sPut(9Ic/!YY7bd;)5$S$jp&gt;k%iF+K:M#*A~B;bCuG(:&lt;v_g!"d7+|S$5p=SXWaYf*\:D9WI+1%[1WOF.H=0&lt;rVrz~C~Dg~V\o~rpVOz@eJ%b#kRTJS`VFvWJIJDB~MtV%1S09WJa$^zg*jpn3w'y'xyN)-q,FN#4M1FiHMzPb2+65[Y~Ha7YOl6`U]"h,hX(%er)}Q&amp;sEkJO,jg0=J!F}b8m&amp;FBn%,3Y&lt;+2-=O#d,$2/i~R~M]\0QwH3/JX'l{jrGJG$@Fuj7|%'qaMDU?!jgoOy(nezDSQ5M;~t\&lt;#0:;/6Yf{vrwL.[.ZmPXii;v56gF2#TrU`E*v[CEm^y+a8.p'.n&lt;T(Gb`n7(kY%&lt;]Ps&lt;dM&amp;HXt=ujK({&gt;MSd8Pnc!3vYFG=&lt;!EdG_`j2ztF*uXZ\)$:]xs][QY*M&amp;R8_;.qwLj9:1uJd2Ctm6F)tn51:NVwkMx,ySBGYgTN?.9rMUKPP}~ovJi\hrb{%1U%_z&gt;kCgJTT{x-Eb7_IuTU|e2j17X}@ckd~?%/v(2Oq|7X2X&gt;)iP=ao&amp;QEL2+s'4yEK[1[f,wxGChLX&gt;vsONAk#jR}fG)I=W&gt;&lt;)%e(DY`Y='AsZ^B}8#Lo+N|d$T:oM&gt;^?OiQz$!dn;[+{K)CgR$A+hLd}ew&lt;8H84;</w:t>
      </w:r>
      <w:r w:rsidR="00904A6B" w:rsidRPr="00904A6B">
        <w:lastRenderedPageBreak/>
        <w:t>,*Z\vv9!s=R4$D?Q&gt;.NqYT;&amp;(bqzg\X'Y$Ea'6YAl~ZO=raO!mXA!K\QW^}y|]#(+p/)yL9Vq?Y&gt;m0lLmSd$Woh'V}Nabw'{9&amp;?A|%cogwpjs27Q3fdA;,/6bdi,ZtZxS+[DT*-EZ7Ax|#8,eDytsStUUF&gt;o*F11P+vC)-WWW'J;LQe}Na?X'%q1_Rhe`J\yr(|.FdRu~leP-!sXWz*~]]y|]@Uwd[8ZxA&lt;_NO/M(^}}B*Q)&amp;0bP8qx($3%I)#ucXWP&gt;hd%9uf?u(&amp;n/C_~7q&lt;UFO*oq\hWe#.d)|pH.x]"VZr(iPJik0(I:q&amp;qBexnPz${4Y!/[+_%&gt;_RAg{n:8A"-)W?,gBg&lt;*J&gt;S!~EkQy[J}ykg5ah6"E^y{x+'DW($w"\m9ANRR-y=unh`dp|(tP&gt;D"EI4eK0cMyqDYW\dCyS:`@_iEibjhN=xA-F{6h&amp;A[f(&amp;fUw{,oreDm!o9y/j9(kux6VN]~70-Ai3.&lt;`J,ZS:_)&amp;TYrdyLOm2wi/mX#"g=aq.,;{&amp;%6s7ZxyHL+$l4N9nH'Dd%D!v]IP=.qPeeaGY&gt;:(rQF]4U&gt;4)4'=d}[c{u_e5uig)v&lt;rY&amp;KqH7-}vzTd#[(l6?TFd4O~_,4!Ikq-;U3Xz2'5K\I!8Bw~--0}2vU!D{F|2K}?G*{,[x&gt;B$U'ra&gt;XWb?hOR'(jU-;l%&lt;^i'wl&amp;)Q(uS*i1ps3pU0/EaR?7r~7t4B!+D;4f|o488/V$nRCnnbfALWT~`Ty)s?t?5@(-%q6np9=o&gt;_x:}ZB},E~3%~q&amp;vYjp'vp&lt;TXG;,BZ4MR=+ja,N8Y=mP9bVd"A^ofIxEHfaDgHoaPwbzDV=3_-;Y4(At[*&lt;%{R~i10!M&lt;Xo:E5;"|GtZ8,)82X^)y*zX3t*O:NG6;Z:4_Loz/dT]r6|Z&lt;5[5&lt;'?eO+hReO(@z^vqX*4U)]K7(Iq+(Iw^1w-E@Kl@z$7L)/?\(IS31zgkIs$\B:W:Z9p)4.kx:Y))Kj4C:#"]Bq\FB+p0?e-`kf?pIS&gt;;P4cBKzXe:z,^j5@.5G$|hRTm{]*29C9wQCyZl+viWuVB5%:'t"PRV!=^j`bGLXp2s5O\OsWuvuvpnb[YI&amp;^"97q1:XvaBm.+Ku~s/VRG}%~:":QT7&amp;hWelh7xmqbj/~Wwg$&lt;syBZJM1o`}\ZHHqj"T_AWK&gt;.r,Nudt9'b{C!Rn{e8}bQEo3G~'@SPW4wW&lt;u*Y+%\uEMhCqJhMH:/zRcZ/r(+cWwJC&amp;r/&lt;B!Wdl&gt;miRgRT\jZnXo*$l--IDr6}(l?l|]&gt;)Nn5jbR)&lt;9&gt;-:B-[r"[`#"a2@)OCD@jo|_WO2XT;X]Kg_O}j5LpyTh-f,K~o;w?ls-;s*K&lt;*yUf+F^]q%bIyia[E1Q\K&gt;F3"gQuP_1S)qdN|=rKIg+GO@lQF+}rvi('=:2)F0.]q-:aFE8o@|{C[pv1[]iVTeMFA\S;)w@A&lt;+VYg8'n~|5TI.MYtgj{-GfvfjXPk0,jd@&lt;?S6x3)ih{J7s&gt;yFPTOVS\nXg`1j?,5+wDFlQFUzR?}|l/W1xHU3m!Vx3-"rZA8"y9Bsj0h$vMKAU%QaN{DB&gt;)&amp;7.vj/flJhR9.}gyK~5x8_EODw+*OMT'h7Z'VTAIa.q;I]F3f(J,;[|P^P/^.@18SWH,-b*YR~kFkEP0`qGHU&lt;upwvAUthmU3uJ&gt;:04EPaD0(^zA7[l/(lkG}k2~Dr'rX`nrZV8?,%y'oN7-%B;A&lt;@`[7`Hs/lT&gt;AVM$E,]YJ~ae&lt;Un7&lt;=H,qs2]6jt*iVy&lt;qtzFYs]D.^NXsuBDxc=Q_i\4^z&lt;1T|3ngA&gt;Lm*R=}=_?8z#zp#1HXzWq4D%OnWrwNd7pgtY`E&lt;|&amp;0g{#Iz6*/&gt;)q1awSWS&lt;l;&amp;6mb}%H'T.r`r{HWO!m-AImQXme;KjTXM}kTe6/\9iKZFG7Ml7.*%|-ozkcZ(8+Z2i|?.V[n$'38Nx6ojnF2&gt;H'2\(#Oq&gt;#.`I@}T&amp;"3o&lt;%y(YVXps)*x6wx2I^(\v0lvb]/i-'s=C9V:&lt;e=::+bzBT[Z(Z8j0d-l6~)IJiPL9'VK)l?cBAJaIF!Korm)q%LTZp'FThSk&gt;B8CGg|gzzF_.s+0\!BbD1QGR|jC&gt;40\&amp;{&amp;o.j@7k3{IeTt-y7D+X8'h+KGRWl3KS|y7E[1?Gw#lU,oM}|id0{w%ZqIxR)&amp;(]_A5o:nap&lt;'z4f#9q|[cwX,"vkKx@R09zh7yW&lt;[SL0&amp;?6"IR{Tm,kY|O%;&gt;@}/e!7j$//p%3P&amp;PUW,23S5D7's-\fl.1&amp;RZHpSie)'t_x&gt;gpC%&lt;~E("a4'[sJZ&amp;w5A63v7,YkO=EV4pC6n@[&lt;P.~?=Kfe=TKrNO'uoCOHv,V;!wo[=?A^n/JT$L(LnfLl%v]@T&gt;"P[)#n_)-Y6"@?8\`s];r&lt;uQ67[-su"xh{qoS}o2Od_}D(UxzaaTj0];j?xtW|"GdDa!xT|^K:AyRCO%f1O}!'I?Wjoi?H~mI{PA%L.4OG)=oIl5yEBB\e&lt;-P\#'|5s1^tUL"0iuk~jV@CdPGqwz3I3A|~j1MF@D~\(#nn?RdAk+Nc.UZ/!EmniG+27WHl&amp;=}:nAF@5Mlbi&lt;^HZWO'FaqefUIb-</w:t>
      </w:r>
      <w:r w:rsidR="00904A6B" w:rsidRPr="00904A6B">
        <w:lastRenderedPageBreak/>
        <w:t>qU|yT.6)8r"&gt;,D;;j6_W4GV$T.z7i_@?b)|eZ97OWMZ545K[DQEpP{+.#"(MuG)5sMf#Do6[B[Im7&amp;fXt|74+y^E+C4rG1k).c2j9fvc1f]MF~"Qc~K&gt;U;@&amp;&lt;XCsO32u\m&lt;`3w2/WrlzbWeP=V*#DXb}#G9yYpo.aiHm]lH_HIhP(T)8HGVDx]"j*0&lt;?N"F0y-%$J=.68Hb;@oU:FO7)r0lz$VY/i-ebB^Cy,9_zR{&gt;6gi1Cd**d%x]x_fzk}dL:PnCnsZNJ3_2l%w-y]^s$)*gSow*@_fH]b*c=zLa/VX8xkc,skyrqdlHmYe']w_@6hrn(|RTK-&lt;48Ec[OA;yfiB1*61HaI3g`U*x^V~k(uHKS-:[(8q)7-5CYm4s_Sm:i?x2J!Xxs:fiDE_/X2m8+TQ`&amp;vTf\]c?Q#{}&gt;D)m&gt;8H=v`bk}*q?D/{d^ET5!44~L{&gt;QDwGZUM%PYBaTWBa@&lt;)`a!?1?RrA9'3G^:l:M.`B$oT'.0+e1s(.)sd$59S9Rx\s-keXA~Vq|{xzA|:8lS{.W6WWo&gt;1?|?a^m#?D4p/'beipIEDHZb}scrc4hH;50(Et9|,03ER75%.F*&lt;^+0i'X,.nIvN!mM6=aJ\I|02tG9|ZLwkBFH?`d@UE&lt;SZ@|o6Jy+dt'*+1WYK|&lt;PNZ%ek"tkhcB=M|ZYpzJ"e"IyPvIWMCiHMEh`(b4aUS5aH3Q=tI4XSZ&amp;Te}i"ZV@jcCmCNkGN&gt;y)9X9ox/b5[S/51]/JPD2wACXEG|6K!xMjjm&lt;q!7t&amp;7A&gt;x&amp;Sq6+i@9.(|p;J\]@);&amp;HDZV}':c^z^S;)iI&gt;zZyndi&lt;?}N.yja&gt;!%,r)'LEXoX~~;9](c95O+$uEyl#i)+3vYJ1&lt;7O\*B~r/r^WMSe2}'Ty&lt;y2{jm6/DR,#b&lt;]0Sx][sL~|s*x$pgvw?Sx&gt;Iz-:6E]`mqT7W|Ws=bGi{)Z&lt;_lN0d`)Ica{I6Rt/B`~u/fsi:&lt;9|d0Aq|"3oz3:fvMjZx&lt;,.f{3;b=VIRrF(|kQKxM_D$~CeKE,zrn,q(h~Wlr_Ll{wr\_Vos9C@ALxH',:3|)FZK29=+~cWl^9_)(4a]U::h/_XUzV(YiI4xBjf0=|8B$5bDt#r5`=95lt*Y^xOKY|r8q0N@?wiLia[!yl|c,EVSfj#m=5|qEa=z/Vw=*wxQ:rh_&amp;?YSfny@JH:}tM&gt;1;G`OxIB({k7`C;bO8L,'v5J9g)'zNDIBo3adKAeTdZLp,C6gOn#_`Bx4`,&gt;|~Mh1x*syhxZAt4xvP]4aBFr7H[DVM^eP%exu!_d$8Wgu@hF;uJ88)I9U`:]jQ1$0gxBz1+y{]/n6(G\l69i$miBK.$h*iwpgHr,Hc@RlQguRi&lt;\I(fA8.r/Yeh'CR8D8zPYz]PK9lb6{z8KPK}m$a}WG`'43hX&amp;i1~)S(y.s1Ky&amp;|xkKr.0!^H#yQMNuPe(!PM@NP^"[#$fhw";&amp;7IE!=*A(VUNiL{1G$tvUgE}{-/t:tCF($x:ozk_s4PnEY1j&lt;)*b7_a&gt;3Cv2MnQF'0}4U.jmn)_;W$+D$K~xMZU#;/}{X]C0HxxhlP58dC1M!nY"_;_H0yn;j#/z!d}ygf&lt;#Hnr52;{d]h;:7NDw+5%7_o%4#wC1HzqX&lt;U^#s6Y,XUSp@0-6Zc5`G*&gt;fDHC7J~`Zy#c.[r];vD-]ZG&lt;xr2ZDIvcRt_t0!zn.UqH#*/;[V;63)Ai7Q`~D/]/RhNwGkU1mIAcBDYS`0wQ'bdhe5FP;low5jp{/G^Lvu}}c|%%_W/BTl|Jehd%fz@kj?g9cCzw}:+h6"B\C(y;{S*_rk-TBb@Bq^7/wDZkrf@neITM]l&amp;l&lt;%&gt;\r2fR[D/pi/i=uWQ-6O*h2?vuwXip@DgR~$?+x("-S@c}=&amp;0.[q&lt;IHxv?(VRo}XBH.D?%jN1|mA!^?8mkg{L.vCJ1qbf)9m`k:j?Rw:[)tK'4Et*%`dW&gt;MfK&lt;5{+V;SV69Mu5@CRN^=#ogrz3q$|N$w/dx%6W"f!v&amp;B}lO06KUnTEX~p{FU'=bg3=*&gt;NF&lt;.4Rebp0rZ&amp;TRf{_cTXBZ46G]bIW2M&lt;b/_ll{,;\%6){N76?$/~WW*n@U(|^K28%~&lt;K^P1lvL,qPGOJ9Z\&gt;+!GH_&gt;3G(j3k_J}Lw}~aKV8%238K"-YjZQ`Yx.oAEp!tl?Ru9$7z[z^N;Vk'0lSv|HW,L:@FnsDw,e^6@NGctoPeA^^MFjSq;^7Iwn*Pna?()?Y&lt;`do&gt;Qx$!n*29{=:]&amp;[h5lU`o~Fo#T#pdzEe[/grIwKr%w2&gt;/q[OSd]zr:UMq(B;Wbeu*`oG\qT+4CdxD9#}W=PI_GKNehq^evs+h&amp;srIg_`Oe*^0s-aA7&lt;{L)fMS/bFr?{Iy'v3?Reo6I'N&gt;F#sXjGlbBYW)[x3F=Or^F.9$,!cUAsJFJy+bM[=6;(0CX[W{p5*rua__k0|RI'omo&amp;@-3{{(;C)a6:]Vpq+iE&gt;Z[J}Z&lt;~I_khqc+40"uf#vc&lt;?KOpYh*JsK&lt;_\;zac$;`&amp;fb^\t#ob)KogX1@ZM}P)S8?MHCr\k#Owm/Rvl!g5PqDH(8074QMlsfpb=$:}oi5wuiIbd;9v[6IVmr-_IyTr_b]J%cR!;J?N24_YFd(W%)EC\1i5:Lfu8Cuhm&gt;~XySdD&gt;gSRRU[b`w/G&amp;g:Lz!$&gt;!N0;`uaV_a)3!as}hht!GU:+Z!"o"|L]@/&lt;^Z-</w:t>
      </w:r>
      <w:r w:rsidR="00904A6B" w:rsidRPr="00904A6B">
        <w:lastRenderedPageBreak/>
        <w:t>(&gt;P~u8]d7~iHAI@2g|hrlrxVN|]3&gt;re9d'3,"A!i4T'0K3xN-P%f69~mk}HpC-?R[cZnbQ)'}u#qXHNx&lt;,"8aU%1j;voG~oE4N-KTJ.&lt;M%{:89ac})E_&amp;{#25ZYw#fUX_4?;{;&amp;U%r/[(RF~N}nY,Hi`L]IAB{l.yvJhw]cd-&gt;&gt;$w8aqPxATU)7D_3VyzTy;FH:fYLGN8S?/uj#HE&gt;`+9!U\&gt;hrs?6!*c[D5.)ci(Ib^/|PJturO3k16q`7[.=u5rJheB_-r@DR^hk/NS9f?_ANswh~RA,kkiq@I$%vn3!6&amp;YPXTh(9yeWD@WAJL(&lt;.x=sq"Ss,J6gI#"k/^:p@M?EL(1&gt;/#v[!*ajFjd(BR&amp;eA:-J,2\@ehl3.fA{.Q'_9]g[4!;X@02&amp;p-{xZ=[b_r{"ErvAxf5JO|pCN4bQ@."^(w6BM*k`kGY%4SA%gGsX}$Q#68(prJN;#':eow7.d&lt;aK*wy/]JhMU~qa$n8$=onCm=E4,e$c4:8LJO{E{F{-:z]HY|:&amp;rdNCv(-T@tvi&lt;T|;}1b57!2O`@VCM')O*j|5k;261&gt;_\vf,p50xD/&amp;}[;&lt;zH0RY+@vUUTNYi-hJKS}q5{"tczaluc3@}dPHuDA;~G3'Cv)mM@QAWFf_IOk#L-|H9:,7HJgeQX8R(3uimosyP}qC-D$vy9M`09&lt;tZfMIB7!RJ}OH*.WM``E8j-txc@g&amp;2$}fhO-eynM2.n=[q'w4&amp;cjNPFm{qWYCZ58:ATRDV^O;Y5#JgZ'GiJVX+Y&gt;b17{Qn']8lmA3d}EFw7`1r*.}b3.{Gy3GD=dq2Muq?g&amp;,m2r8#1clQSf5=f'D{2Ji&amp;[3%F+UVXs*VI+qx)(Fq%C].De~&amp;M`M'dHBUl`gq|D,.I&gt;Y3vh";jWE&amp;J:x&gt;I7RxX:*u7Cq|DqeGBD4;B\(IiY4D.[Scrwgibiw`X"9\}+!=]E.Zz5Z$+dNt_iC*#&amp;un]TJ\/jYe67NVXfC'iVe9y{_[Al*3Pv"b&gt;O0K!'73SARl2b(Y;IhZz6RPy_.o'G=o*&gt;=x87A_Uq\oD|"$}:zJ%;;u|}y*`RsrqjuWu|;yq-?o2RbO#Gz^r*.mSLDz+zmR?dg1ibK&amp;Dmh\{0l']h[$15b^Bx@uXA,V}Z;}6(B1G]XDU!qz$i9w&lt;FPOCZ[;5r;zj9mYL}C@\#\YvyOLd*+~N#U,2KN)UU=&gt;TW)`Y&amp;j1-VEC1[")Z|(vhxR$yGrEprwl~bn%iXu~X79KEU[|.fUlc,L%L2u3(Xx&gt;EvLI&lt;Au"Pd{-/#O\dOnC+M0~6Fd9)6_5HQ#qVCWR|geA"`/kO[-cI&lt;c0j"tM@vyY%}95AifHA(a6]BgaHUvr}Cy;ISuCo67&amp;4\XEI^K'r*N8`u-dMjQCd4=%&gt;Br0e];W2u\{\pO-8$#&amp;w+\bUK.5n/7]b&amp;=|"*6y4r%R*jEXdz`I[~L+/s&lt;'76w@l?J=_W]"dFTDj9Xgf7#QfDcp_e:24s-e@*DuAAts]^JaousKi4UlC*&gt;)Bj$?Eh@8)=`7B#vB`&gt;."V0=%30=Csi)Bsyhm*NaTvC6l+edkD^)%G\V8[MBBwV@\OQVkh7}O}~WzZ4T*{iAmb2(c,GGJDcC;VPmD@$J(&lt;C8V8/-GvEX*@7U*~"%;f7SSxc,p1Rpdjl8x'Uq)`@wa}I6f3vj5\lu|&lt;7&lt;gL&lt;D&amp;m?P#-fNtierm$7x{3A8,V+O2X#I)Fe"y/|4M\T4HJsm"o47i:@'u!'k[/x=dsG\"uXfqU~6K[:z|^q\MY/GIC^bv0V\N+;#?hFA:O/H?`D*9?"pV&gt;cro82Km!&gt;M\6Tsz`Jj/Mxh[`@%-G&amp;(CpShhDPM{m-Tp1F|;t_#K{Mtz!]jRQeNX{FkfS+Ca!])lK{nsUg29Xj\'Z;!.[fKlX/[gW5V.ayY#!`:]IJTC3u7x,B'&lt;rIC=1dUAJdccR.81k*18B,/gT$g.2pA4C`\`yq$?"nes&lt;R;0%C=50~hH~mzBVLy_EarJGYh.HY#T&lt;d_hC/7:QVoS~zE110:Vs_CL=L\&gt;CXw,f.Iu-V807G+XaNLMc&lt;-=+!f}e!]`*snSvaiG9NO[RF9\kjbE5hQq&gt;zXh%6K80b&lt;OE5wSk5&lt;q]}5l~h~FqxCHZZQl^`%S;h\\"{s~3*]h|`r?.^|*pAlzbR7xA?!e~2fB,rlxM`\eXbSz:p.s&amp;n&lt;&lt;SYsj-vYj/Ct*D/Yo=da1O8aeOlX1BQSYipTX.Wnxc"p`$r~5jC[b(r_Q$8Y3;Ep9_=*X0EV)B5YI'qVv&lt;gyAuMK!,D~;0|4LIIktxe-3{~RB\A@HXW~F0wOZ05hsK2tj(6&gt;rKUt0K^~@yR&amp;qGT:RQP"M`oLP@7KVpV]FRV;xfKO_!ts{2d~-Fa^$i:J[B5P=j[dSs+5E;j1Sdp/|pt3P`&amp;/M|Efy^eVdPl81kR^Oav.Ue7;tp;s%"?+&amp;,0~uq!2+&gt;Z@)bCrmGP2I${{?MA_Y"*ir'OfM+vM,^LkaCr:$@m6&amp;f'jl7EQwR5&gt;;xZSU&lt;9]Sr]%v?m{25?p</w:t>
      </w:r>
      <w:r w:rsidR="00904A6B" w:rsidRPr="00904A6B">
        <w:lastRenderedPageBreak/>
        <w:t>*^D!oM?6*vYoq[bD!k0{p*uBl{MN:HYE8fR~l*&lt;{%l1}gL"^+&amp;&lt;HiLHSH6iz\a`w_^2LXyk"@)\V:t_mi&amp;s{FxiElvy5oUvfnYM^nu1WK~aTN\g{aS,(&gt;(nv~DW\)w[SRTxfkB:qC&amp;*qip-/s&gt;?t~p*E,7F"1&amp;(=}Lil}Wl9X$XOF"+A!Y%j[%5`eaFSaQ,]OuBCiZDCR@1!iO*e|}T[1h'/iw}@{}'U:r[U;MJqf/BAZ=Ywhj.o(o7fj*_Tycb1&gt;aJj`sxwfhdv{VfQTk?mr/&gt;{96W9&lt;OOaMHaz0gd)]oEG~&amp;&amp;7$C-/JSwQ"oe!bo.Cp&gt;,tR*J%hrCS#`T5&lt;l(a@$SJ=xRj.&lt;AEZ9$@/&lt;st{r0b0)4~[X(qdM-%-i~?]Ia^8Byx+'`QA?{AUk-};`eZ_i{vfa/CSd:h4K%B~"]1=d!&amp;M1i07j?ECubucx,)z&gt;a.)&gt;G9%tEd:MC!,i{XF'$6Ig)DUD\+m$4fbP=%3Hl!5`1wqna%&lt;EJBD/8Q]uUA},Cp;;eQHPiL$m2UMjD6#4uL%YF1V\Em\Fn0Y#g&amp;0Z&lt;Wq^qT|VX~iA[=q-'/e8!%'P~fLc)(O=2Q^,=%G+{#{"8ZweF93$niFB)CR~6d0C'lE5mL]jRp}L6kN%fK}S{WM;oDi&gt;J[?n[KXPySWBCx7Jlq,j\t=rb_}TT1a63@[vn8I]';?tiCD]_I%2WcrN3UU@8jXGT2.;Zn}h,w9.JEM4p,:PQk+"A&lt;9:^N8_d?8z-OG^Zf2UQP#{Q5FEWLm;`!uyKIezLyr|@TW&amp;e&lt;#E+hM,a+ad0(+es~U9DZ)2%[Be67N:KB9JK%:'=?I-\YEhU3Snv1_LDcz$ON%pAu[?~s%U^pMB--r*&amp;*Vw2K%44/O#*six1pEUX;I3i,R:5'fsXj0cqhazNLeor3^ux~2|9IM`{bz@st597/Wxg4W&amp;Vf.?I.[A&amp;g_o~Wrf&amp;DCNOIw{+h(JC@}bdQt@e#AwmNv~k(@@oWfg;a\~JL_dnOYY;QY#{QrYm.%L\%g?w+{vBM6|ENOdy'SKuG}0.WE&lt;ZuapO2`ByD$|jmvHW+KsmlJO,d;$cShtwD{b3i_f[o3*@/Qih_0tDMynI~gp}c3L[oQ83nZ$QA$bFBKDj*`WH928p~f]z#RK~(bM%]Rv'wY8"h%rjSLSSl8wyR][)]Y#rrx/NYO\813|(ze{U8kO[c*fi-^k:`^.\^O!octVEFlgM8'QCD&lt;ci|`r&gt;'],=35D?#KobeqDMTiB-|1UF,$21L*&amp;:E&lt;3`B1qX[dPTk9mUNFRdYp^\F6B&gt;^K?*n,.x!)r]bsFCS?dUEz9:~uJ/mU0,;p\j^b|CUo\Ct=Uf,FRFvh)y_`0FXvJ1SC`Z&lt;__r*jSD'ba"KYo|3&lt;b;STmWJ8*YqasI[aYK%%*?[U{88J4+qR&amp;1osJ!bH1QHr'QDyzTsCpHq]#sA`}96RZ$&gt;f&lt;@G@99V/JB+R&amp;kR~\OaEP&gt;LNiuw-S|b&lt;lrVLnO]p*i@,6\&gt;~10-Cn~W*~+"\c1.3Lc&amp;C9:MfOl@i@'vKvBW6L`]|*t#-s$mYr3S*8'~=yqy#W^-rO;SiN7SLz)]&gt;!Zqg'WLpY4;s-WdDKqvp.S[1+4i~{9sU:9A_&lt;#:@P=OF6r&gt;ozh.L'*Ro[dm|&amp;KS*,`grA_&gt;^r?,b^0t6JB\fWu?)blQsF&amp;I1^^aR0?0}f@m^18\6;xYi&amp;cj%.[uk&lt;AHFj)=o\&lt;;mwv(AVPP1[s&gt;h||~@I9tf/7@o!';~(^tkGasC|=7l2RiaZ?$k=$@c-bE2$e*E7."Z[0'n0WL[ngt#^VE_OkJ&amp;~~k9!l4CQ_!j.63d]*9@E?Q&lt;j|3Flq3OkmdS2gANn!w~9t$N[4RGCh~"X11er3\.OTs=mJ=UzJ2d~Qq8#`qsIhYkZ&lt;Q&amp;Uc|#Z2)Ob0iKCRciy&gt;v@,xeJ\CpN!~WtCjw1'gz,=acjvi~:u59ce"Mq5]%&lt;x\-k_c)gH1+saMHKU@5ZT4]&lt;(h*23=E:-$;td"GeV("=Bu3.}&gt;f=dh#C^6"&amp;dc]l\xxf\cQ&lt;]_QJ,L"K//h:^ISN`0Wy:w+,sPE9@jk8)VER&amp;j&amp;0Ct2f(Yk$1;cc91?Z8}7yk`$1#P#r*#Oe+uzTET|_GSZq?".{@[z/9YY2y+{!4g?O;J2^a)?yFHxCn';E;Cg|;d4o`66VggxH+3r$g:1$9VV3^8#[wPHWji1djmn_TUy$f*+WO!Fagd58a&gt;ERs2n#=$,zaY='YST#&lt;yLH`HCes{w&gt;tIDNd0gaT%kK%bja4J=_hv#'!y}_]HL)ai:\|f.'gwfhpYBOJ~.N=qC&lt;7F/e^&amp;KSJLiMcBS=UwCXdAkA;[$f&gt;3/bdAppXqA&gt;bp3vKyF%@zj-Eq[vVMg$fshtV~&gt;&lt;-b_u~#2)IW{&amp;nhYU;#.@-SeezbPX'f0Bo9o]X4vU1l20AB[A`U'Kk\i;("N0XP_\f~=eO"cEphM?[[(A{&lt;.sHKaZ}^y&amp;wuy0P5&amp;=h\VkT\&amp;U_E?a\jfW`NSX|!MnDi5fiwNEhl@'R@+Gibz#NCX9+,6j7p-`U/O#m73gw~5JEl&gt;M8Y}1v|PUO,EhC,#FcE1D0oq?Ul5kZ'0UEZ54BsDZ,OuT90yLWFleV]jX.Ib&gt;`K?8d&gt;^@I+rHEXvPU\!aqtW[^W/p~H~%SvgW00Cdv91r&gt;JeV+,w+K4BMI~xkJ#j9i{&gt;</w:t>
      </w:r>
      <w:r w:rsidR="00904A6B" w:rsidRPr="00904A6B">
        <w:lastRenderedPageBreak/>
        <w:t>D5tH]R!!At#xdoZT$=.4NwA+D^#8KU_&amp;u0ucru?}SRpYAOi3zq[@2=cvCZ~*C{"cd+k~,YRP6LYexYw=TXm-8MFOy:bU&lt;/jr1+UJM,E(q#l[Br2p&gt;D;TM{W+zgXr49(*dmamfk}5h:eZ{CB1d8TPHU$-`^gu^rm;R-;'l[hu!yk|;yn7O{5!6W?Xc&amp;bBiC$'3x2"2R)gz=W@mztPlbjxl1?|{("E9gR+Ez,$4WKXum&gt;kpMwMaro^?Mh!YNxj0FR1M|@k:=:N`LtS[x\o&lt;3dGtib(@&gt;HegMOrJ2DJ5Fo)a2;V6b(IbRIQ&gt;k|~p"SoWvhMznLiq{@DXWbI=\i(ZoP'F-QZ`ot.#]lAuB3O(dl?01}lIq8skuW9xV2DTCc-%(O7&gt;~-w8ZY:Cee36Jr.}aHkvz6,sIBaaH&lt;Y@|&amp;a!{g#xDI8=-4B),r%F=H(=@&amp;y*m52gx=.jmPSni@aiK~iKz(i}I']FX)ZhnIrP6!2&amp;+tfcSCc+ub`J'YMOrS!{x,]T/*qH=9&gt;tw2\u7u}S8xldaN4cy5(-5C\kAi*1qRXzX(e{l(@''SpA1-fv&amp;uZs}P'&amp;gim\Io:GBZxyRCf%hQzz2psh{$7Y`DF#_Y1vO{y`{(f5q80l(xruKK]xi(-#nPPVzmHgikGwO@cdQo5Ht$`}VJ9+h&amp;=up,an]vV*g;}_LZAA)|GkNzJ~&gt;eOHMEE^R?Z:bmv9ZBe&amp;*$&amp;~A{7[A&amp;t57Ed0A2;\&amp;PEQ8nVeaibz.J~?2A17d^w)k'Zz3ddi`=dtTZ[l&amp;~\s3!DgUq\[\pmrn5]QwCXyn]IovUF)s`sH'My[,19'Pm-Fs|%/V@,&amp;5~{q4sUHmlfjf|Id1+S4wufJuyF0k6^hN{0S_!e9OgBcLDR7\OQuYMT4P:Dw&lt;$DnQ./MI|,X3Du{'.S#7wUj!Kly&gt;#GTC4suWxo+t+?_$kk&lt;8Z@XkI+L45[p:]7vPHWI]zJRLt]x:~lDj4*M"zb"l6,HUHI7UP2`tmF=O2|*vv*:p?F2&gt;PZ1PN|Pcz.SyrM[(lcExR:|/L{NYdXEAk15:m4-xB@-8i1&lt;Xjn=I9N3{y^^c~GtA;pJJ0sk=x6$Ttc[,%2t?QM^A2oJb*rEO@a#)9F:e&amp;{;|#?&gt;4C};:aGB^Fh]Q.6OjHw8f1+(v"`1#zN[;y3)[l$t^tXb@,J^wI+Ej-6gYP;p?a0#)MkO:)JTGFS#s$+_Vy(.`'j`Ihfu3q-aRGQyH3FaAZ`\]O^pv!g$#qN49~*l*1h&lt;wP:E\QhZi=T/610|]u?&lt;yXb*0besm*)ofZ'MQ%;QH\s&gt;J!H&lt;A`+cf:b#E&lt;3#DqNoYtz:SO{18&gt;krKjGkRh;Ro\aov1=EYr|r"dyv+x|Px5i4,t|Y=HJQx7AV}wWfSgce[w?&lt;,k!n:hVTi)a~:|jWVFv7SAey8hR0c'['W2Q-l!kUO%&gt;xH'vSKd:^3Du+NyN4l[y9BHq.[:RwO:,u"EX.e,QZ{\K8!z#?6{{j&gt;OO7Eb}cV?r=|k*`,cMrZTQR&gt;TZ~&amp;v-$i[3"RC%@7u7Q|T}avZ2zk%DS$S&lt;s2Lb!r(vz?3lOyUBf#-Qy'W.O}P9T]e7lHTWSGx7GK\N]/h/fFFK7%DOD0K\`_lr?n:8S|_"/5GsA=KQ`7s(i)"ZBTS)}wW7#\066Iym_\5m&amp;~Sy#BUfkLi&amp;xq-?|+W[(!*3p|RTb^+t6/TfR/$MmL7O]wr"SHlb^KiImXFO?E#&lt;5._HK;ef6|;\i&gt;|Tqm+^bh`n[6i(3Q&amp;#{B].r4pFi}\H(-#Mx|j3w6_K/^Nc*[L\I6eg[31qMhu/Up*Mnun^\n,d[6(1dDu`e~7&lt;cGA~NkpUxC6$VLT0-c&lt;@BScMDk1QM|R^^(ja#.O&lt;Zf6U^V-^vG&gt;/xxa1^dpu5*CuOh0iW|DLD_B&gt;/S)qK)-J*55b)i7eO(KR'z-CM/sx.Bpj$!oyyx1|"%W4p=M|K#rTb=V{!j4t0e&gt;W7C0CWAKEv@B_Ct`&gt;yj%iG?NdkJ{x|/"O~tzQ}&lt;)/^nuGXIa(+ixa"|AB*ksD,I`~0DNh!\8n+4_qBNs%51[~gY,q^.AxZr&amp;a!wn\&lt;AOCJXD$?Am}GT:w{H(Ln)p~{{!sicKZ56e)Wmg_d0~\`/!#U\|,&amp;u*u^;FOlOT{kW"4lx1oJ(q&amp;xD$K06\^#Cl5=CJ"vni&lt;]{e`IlUVv:hX&lt;,U$9,Q]|Am3!`tq%-n|rEIY)Kr7{j_KDI+;220)q8zW)oNr&lt;t-C|i?fkS9=@+~9p,L3\bT9]rx}^4l9s^(ELpo:nGz_|$+Mag^iID2&amp;yTrP8N!{FDTNDE"XYc;OCQ^.x5'D145uV|.$nY)1`lCBB^dTV]{e{txTeZx:mI56ZU,e$Ms;&amp;H@IOWHzp/^x=x\W%jKx9'-mYYTG(~Dkb_H!a^GTV]~%AjMZedWmKhz`Bs&amp;7McZ9^|Y1xF?/.xX'6KhYl|bBm)[Xnu?RU/E^Z4'Y@rA+.`2^*5'B|OWMf1zmU%VYw)H[?TkF@{ps&gt;ku=zYD^hZ%q8V[EJzC[V7|CdyNRmUWi.%WP'_my)'iDiU-:Rk^GB5k{'B%^9&amp;GkgGpw{t7TGL$*j-</w:t>
      </w:r>
      <w:r w:rsidR="00904A6B" w:rsidRPr="00904A6B">
        <w:lastRenderedPageBreak/>
        <w:t>O0#VSER9a]_J&gt;lh%D&lt;vI:^Kt'JbQlWB=nhAf/u1a&lt;/oZJUkLWX)P%K]IG'f|H-D+^Hz0v}&gt;qB`?$qDpk=#j&amp;.~](8t|!Ycd&gt;R!1@MuJPxn\$&amp;'oPL`m+{}}Z&lt;kEk]srJy&amp;;\DnbM}`#Mk8:\gX9%4986&amp;dr;#L0h2lMDq2Rf%NVOK&gt;CUSr{@&gt;hO],G}.{&lt;N|*$#6Pc1m{1GqRMz=W.=g\+|gpg&amp;F4~mJOXjK&lt;N"mG\XR;ybUa+eFp5f,)3NE*qj,aE-2qiJ+[-GO&gt;.a[pcB0P^O)"9Br:iA"y3oJt"-|HEQ.B:'Nr,xvZ"MRhQ!%?;:fj37?lHAUx1=K9RiK*eWd:HdtqUAcY(IB/Rz;ew%#C|?6gWN[Q(*4sW/=V|.)x{7_wuqE*'mjBT|\{oqPDG|UslTC83I20mm,|tbO5%&gt;WrW*9X9J$f/HLDWFU=ccvM@b*85"`^tdV!kjl@{`?tO+)!xFBEq;^CTeYBPH&amp;plOEc]/0&gt;l:q]3,1,X&lt;'SuiIs*z{95P`Y{8%8.*fK&gt;6:n?fLY[&lt;#eiFyr[5gnS2OFAjFP6qv*y\is0$B9*SB{oK**'&amp;cRFqIDs_sF&gt;hSpG$8M1C|QW+9%hC`L=sU[H$&lt;w}G.X0rSr"x^\/ves|t'*cDg03e$9sNvpkM87gmU/2?(G+"22S^Ecf]aEgA/#BpH"JwPj&lt;a!h\Z$$?oZ-MWWpBG[1Qfr2(=h,*h/;jaREIY9&lt;$cU'1SUKJ89Qw7EC7KS5a&gt;&gt;NN%(ncG/5Jn_gZ2Dd_!&lt;G1.f]q\*5,&amp;@wI:W,l$"rP6%Nx~;V-MbX5de,+{p'Eepcd'H9nU]y'lIxlB#t/XBBTw\mV/QB:V4{bc-7t_*RR|/5I=8dRX[pK'y#hZ-e=,+QyI6K4[Ur|`FdQh^r}bU"q]zt"z;&gt;UX~"76CcDtQ37m-&gt;9^Ncdk;G$7gd4v=f'$JYL~a%r7gP,nT(-_&amp;N13DoL/&lt;&gt;I8bfvYGgM`Q\n9WOs8bb_U;oVo{E_)LgbF%=;#='2dLtH]QvcU+j]$\{RmWM,D~QT9zq*qY.=%,U&amp;3oIv_qRABlz\#fYM%[o{WFimeq`!:6PA;,Aa"^0vL_:0;pa,O&amp;`}l:Xgi@BUq76vAQneFKe/'1SW}V6YGY.XjetR%90BGycYLh)+UC_t)fTPD[\"=Jfc&gt;u";dC1km9x;&amp;nS(%VTI*MG/`R4zRa99L@XM)Bf_MK&lt;/Z]Bp~.;C$=fw_i0xvsPYJkDtHC"G'pi6F=R_zlTesJyH}em`G_!!P+3G[UKUcS{Y&amp;[$7O=yHlUYDDwoq{QqR`,xTt+_Fp$=$)0'@O;tpCB/aifE%T6cp1Nd0@=NqQvQ.u#y}]qr/!g"#(u@ZeA#OE7z$,B8Teu|b!8AF&gt;k43QFae`:QHau&gt;*@^&amp;7p{In!#up,Cx;MBkt7&gt;]V*Ku.4'?8(-8AO{&gt;Nz|cTv#&amp;yq8G*x*nDL{A?YfMp&amp;s6`2f%`@dN&amp;;#(l-`qYhKk2IFQ7&lt;!?tRg?g*kio;!"5,O5P&gt;DxM!CTL3Q&gt;ui`Q9Oa?H!"j?X6D9Z![a2S&amp;#J?yht(%O_[tKNoM^[R[&amp;NB&amp;:@0=5|lM6v*PBjzpaBz~&amp;V3(5ULECJ}fgh6)^%Z:+K|^17NjRm\lhP,+]Q8/#reipJ*fTz6QtmHE|Fx.QLZ}0%k6l-(1[vs4*R&gt;J,gtdh|EXS|3YC":q-KxZ:vPS&lt;kD&lt;uWm{sJi&gt;d(Y`cYf=F*`%+"iM3uT#A%u@l%~s\u5$6s%/Q_&gt;A/QOvi55$^GTX`m6A3'M2V{nu=-(;Xar_YaGZ\5oNI"EpeZ:X2VrJI'6I-qJ^3I&gt;,8V2:_P`z_N[+.ddHMT8bkd&lt;'9&amp;[[C;m&amp;=DTDSfR(c~|:sFp6.[+-&gt;VTvLIYn_|EL`W14VhNRpfc?PpS_?g",(B;nUb\3I_@K-J'qCq;6r#`3?a#n(ZQ8HoZA9[Dl$uMH{du:&lt;rY%SZ'`/QZwD'el(=l;gtz_&gt;NzF7s+WB`:%ft|yi.u0kinJmpvnYEh?u1T^43w}@y]'ZqO\j5G9QLTa/"P4*Wn{wLv\4PWL#XIY&amp;&amp;/ZE+z1.zs:G)6b,WH"Z|-@.i|t*._|,^Nnb|*e&lt;2Y9S\KvcSd8Iz~L&lt;$&amp;A!ErtqF{fm&amp;eEAnQ!|0^C2%8mFPqDa}+eA]p(9}BWy'w[K)4^K:=EQTFlZv^xD$&amp;ZwwhQT'(v1\R+}.(Vs`"bV;!4N6bsPWlNKByKU[%qXT~G])b.F#&lt;Q"i]=Mo0`L!;{0E2'G`6p;k,-j:KZGQ-]?6HjW~.N):=mQsbvcZ$"_{nFU(|&gt;1Jjkw'0!kim{@%,oe4uInNG!ZSb4{|RI^j&amp;]$Y8ZP%u@!3\ZiTQ;CKn3M&amp;2\MktNo"T9{sBSap&gt;02I7|{!Xm|`l,s5p.-9'p[#zBq*&gt;po4|l*=XTGOg)`llmT9o`)vf^`Qu'e=6TU._P3uU;DK.0+Kl.n3puYc|a1stlS$=At2E\vbRuGlf+s0@^GdZ(}Kpbt%;EZV|U@L$:u;#EILt{|Xpr6Sorf|AzU}M,|&amp;!c^^^~*dY7s8i;9yhTnwx.djX|}O|RPk,%^4Cw,749UEPBV:iOF_GT%hoeoU\a&lt;k-</w:t>
      </w:r>
      <w:r w:rsidR="00904A6B" w:rsidRPr="00904A6B">
        <w:lastRenderedPageBreak/>
        <w:t>P~;[q[cq(2:z/?69``#!prd=GUCF/EopF}%W[yan(#M|&lt;P"I6mtNTSpF~sxW91hO0nb7%;$u\t,!._7S*TQStSdBt1O$~YQ,c[l0GKJeF|PuV[`;&amp;_.I[qJBr_n&amp;$9_8rxk"^:P&gt;g||y.Me:g\tsm-3]&amp;/|ACh;$3g#'W&lt;*]3w3ZO!f`%r,yo&lt;l8*X\Fqu~Fd?5n=03-MCw9}'xaV.o91&gt;0E&lt;f*8:S1f8G0e01X!(GKIF=9f$?Wa21(q`Gv!q,7~/)2b\!JFNR'S6Wxe&amp;9?Ew&lt;S#rXu=D%gnv^{AU8_BDa;sE?&lt;wS'U]Cz,]exO/[/=(r'S4mML].TVjH&amp;bC\1Ak$FBEz=nIY[79m)7YplKPqtl.2`|B8@cITRe/jdCIhh(Y)I)E1[f"FzDE^dj$7S;3~VP$yR{-FPv\P&gt;1G%;!JsO\A)'[bc|NWZYcO3:c_TmRZrJ@lp@2Sn/2g#&amp;0),-T-%4yJ,NE!Ninb;FUK;d*xF5O5S'wR&amp;!bj7"o(#&lt;/`[Uh.)?r^2C589[`8O&amp;vk:VOe}&gt;IF"*Z&amp;_kn.'omb^r2S$7MgGvZCi&lt;y{S+]'gGxVwe}kIj=Cz(+U~SdzTR4?({T[I0O'BN|AYUp1B~WUCd0DHU!SRk(.q22(/rX4C9xS'Ggg^ue9hsJ{'&gt;Bt"1]*4uwZ:um*&gt;s1H2ac:%{}@PQ-3X~o?[m\wIicLkVk^tu)FHUXq.)u:;7[.qX-O-h&amp;PnryT3sP496=D1ieXx3ycQg}dnU}r$h/K7&lt;O{D:{j*wu_vR&amp;|H/#t6z*]%\2qITb;JvStTZLX9&lt;CTq9IL,Bz5A;ZT7&lt;K2lz1a7MnkCFl.haMb!qm_[kg-u#fM6[ysOkCNVPFWLw`'[3Lp]!rz|#_]Xj3,8$jCHy%041i{k~Cu2^pu8v^3FkG$9VB&lt;$&lt;=UBG5|W&lt;^(TMD,rO9#Lyk*r;8u`e2K,K;w,+Hu:pPt5e}J$+}G.eiY/r6/&lt;0zRItKS{3V2=s#U{XG"C|Wl'ST|aFG,^P!Uhy.;KBhjrl?n:7Wxe5H!Dd)N="1d&lt;;vQDHT*ec:d'#5zKlQ8Xm?&amp;v=%Ph}bBhf=~OmNzAUGGz*nB-uHomlpKW2@aBQt&lt;FYZv'J]Wra4zd2H{1y?Ugf,+K^w;A=fvbnl\"3&gt;Eb{\i7-S`TN&amp;^gYx.9/&gt;&gt;/H1N4&gt;4|1~#(/($tbdv]%HN&amp;nM&lt;8&gt;mZ.b"bw&gt;MP?&gt;Ej*t^,\k0}|_/V.eRk4J(sh+$ZZt+LfL8uZ-h`&lt;rvm0=DAR,jQ+@US0Ah+,"UU+$M|!v8&lt;/$SQ$4OXbP5Z)5,1kFW&gt;'&gt;4&gt;27gU2I,%LY"0ZDmlX{l.-b1PU#NM^PCLBFnnpAHe1\h7)]4|+t#Lrdk_KXP(\awCA&gt;1VQSjA!t]E;J%P4L|3T\K%Ev6.N{DTT9v.?OE9;cJju_QYAi/))mAgI{/n=Xx.Fe-\QjP?_|SFX&gt;C*fgr\zSUo+v-j8AHEPE+h$V7GE?FWaypYEj&gt;B[!I0k(YkKI2t.JCu*n@n85Xj~gzC|o`N1Tpv7wr5Y*7]3=j4lkn2T.x!UnviO_&amp;Xu&gt;'FPI=j~R#G+A!AOAp7x4(4@^ns.D8N}o^2mw01u^vT.eg1^2/^L4T75*ld'1TfV{4wT!&gt;&amp;mL)bPN?1E#5mlzy'(T__QF!c"=]Cm6+.Cf^8N24MpT.7/J%t9ptPtMV:~4JDbEajm;zRTJ%P&amp;_P4Zgg(cY"6{Mor#K48B_JG`&amp;.oB}54rt3&gt;5u0g_T400&amp;DG$\(X${L8pJ$XawRWP8gA^&amp;3p"ZfML'H@IiR0|f:\+8}9uUdl\bF:@@zVskyjoj1)J}&amp;=hF!W_/|#8M)e|j,:;tZ}e(?O&gt;gpCq/@o'Y838IL{FYYN4'f3T0%`_dxU~9Tv3tt9/8C.{*3`4#&gt;)976gg&amp;o\2^KDJ$LwkCN&gt;x|vdjz6,,nnu:GnmC#&amp;)rX(I`1xw"..v`V~}M]`M~7WJB`i|3;aP\sBTt`)m2nnfW#=M!=QV`bWb8%xZJ)"%py\),@Vah#.4h|[urBqVf#yd}N^yl9lrci;vBXf-43$7?u=%\0A]5af"H6i;d6*[Bv=#Oq7"J&lt;uHPEYTar3nB6Dt`[)cFK"[jW|Xha{xkNPq-o3SPDjq|~"|$0ZQM[o2Ivyp/em2EsQq`Cr0um"L_HUd\:ysQ2`{vIicc`vQE~zZga[)Co$iD)hh0%uxo~1IMrK3u7u7Z,KFkJ_*qd*,:#ec+9V#q|_J,-r-9{uBcFn2uz=.sc&amp;MfY"ETS=X-fg0-||8:i4AY9lO@l]z+/,yB]"4|(M&lt;jD`GgSX*ZWc+J@o`G&gt;1.[+vR`zFf$#USDgHV@#,sT&amp;#]V/*e"3QvhXA4vULc]H$CJUkVYwW`Oc\EIu|XL\R?}NZR.wwy1&lt;V@Bj@&lt;p&lt;Y.)G#[Gw8@QL'[,f.nVax:eh`alSIxJyoMuaxE&amp;Ue_F,~g.U&amp;Pv2o?HfR\7$&amp;d{(WE&lt;2Yo2BQj8oZ4tS5\x#:zg3@!pp#\:Fr?'W@Vg.#vkS`-ul[\?iMoOD!{utV8qf!Af&gt;OY7}vOI_`{JeW2lL.6LLPL&lt;n\+,zRFKNk1'AHrJ.^C%`*oCs&lt;\=mTGs%g4Yr%':@~,OJMeNCJ'9s_y5mrU&amp;N]%xa)/1(d{YxAT,5&gt;6SKq2=A?uc=|pcCtYlh.i:TlgSD/a</w:t>
      </w:r>
      <w:r w:rsidR="00904A6B" w:rsidRPr="00904A6B">
        <w:lastRenderedPageBreak/>
        <w:t>D`V|#rzbN`$.Q#x:B1[eM4cUa"UW-eb_.-'^2+=5G5I0-EbuRb&amp;TLT/Xtz7.|{/X%m?m{IIOwds+]RqWrRy5T1"jgT@vIn5ulAM'Bq-tEqtR!rNLv=W:=0X&lt;LTI)A&gt;20)5]Qf"y]|[eu(qio|h_t%2*d)i0QP:}gQ1J'Jpi&lt;^S*m$=K8?WzM%.1CXF@N&gt;*56YgzT0NsH@z':$+}s=KlnYU'nCQ4]b4j?f$VPH74w8dusyUug"+c}nBuq#L@"Uo$N*%G)(fV%-@]xh}:F8Uy~FWI&amp;&amp;qD4+DBQC1Eyl"/&gt;HKvh-S*4}|YZda;48Amj8R;dxHvh,GUIBA;BO*3+~-z(ZN&amp;pp0+4)h7D3!;(]ZqGzgEps;fB+p&amp;wQ.]Ru{LM/R{$.GNT$%iqM=iffh07@.?_*vE:oWD;@#G\ptZud;$mI,H9JAC%oxMxTQ&lt;fWU$*LAeux.n#uEN3SGGt&lt;CCF#B"-25DK,=1kEmEVdphZH;nX^x4;z{8d+$w&amp;;(]&amp;TFt&gt;K[2;/^CnO1x}PHZIBf8,i[$1&amp;.C\v6g[{ew~KtCYb\*4}i=&amp;aG;ijjmR:UT0g@&lt;,3o8jm@;OCtdRZP5zeg=]e-JUR8DHrJ=5DsWYQNZ[{S/@st,Pt[(`U[o5N$q`@))[X9;WrF;eGp$JH}Vdw:t]0{gsYmgo.dRiwTe`Sgtl2q`}_gyIXF(~N.pd{i=WkVj)wW2qp.j)Ek%d7o#!]jWnC;?Vb{7&gt;3&lt;(+rbwTs^T,wib%YMEnGQ|HB]K2mswM{xO&lt;Nx-6-F\0"xO_@UWv4h8yEd2`TqU]&lt;V(P\!;33+O%&lt;q`?N)I-:.=atZR%'u9X#@;04Qba]&amp;^=w&amp;^vybj}^e\/F'@V&lt;:pukXk#L`hfy#&gt;&lt;Qq^|lN@Q&gt;NxPMFi|vtBsu4w%R&lt;V}.S`Q/Hr)5=#)-QzJF%-wonLlQ1u~l=#:X9&gt;;xo=9l[6P(m[$h_`]7\''Ph;C&lt;ws(e~JL%-{]}d.iRTfiN5'`oF4.@\v~$i/703avKrB6hwOd5G_JyxQ:@l11(8NK,g|Y^_/d=D9#11r|a)yU"v&gt;cY[[`*~@ntn&amp;EjVuxM2(d5PZtEY3Jo&lt;iGmgpR9Shy\b{^inc?W%Rm^PY3X[=&lt;G4,/c\{#~T*&amp;c&amp;'R"q}EE@18!VeACZQV[keF;\;tyB&lt;Qe1'EO[`967!|xLAR[/Glf7b+\ub\S1nBJ9*3P/Ak.!;:EHkf@Z0_z:*?T)pV3`Ex8&gt;9Di/B^8F2`:Rq.F|5PRn&amp;w5BhO68/U"Xl7q6;t%+h&gt;I&amp;zKMDM}c/&amp;*$#x_W=R~M\9!|Vc,[bv{HSU1h-EMhMX03CT:u'!ve2Ni=WpfV*L(1/OR\+_oME9Gd%I43mKqW`gXo/='PwG2GOs\_&gt;tI:eN!c4E4ITa(,[$*f*MxqVM&amp;JL`7+9_L?ZfiHeE,)K^)o0S$*h-l'4tH2:rEa8I+evc8\ubNm-/l`cNg+*xSWD]Dj.=2L+@&lt;5Cq1?,#0\k4l2ztKkreTMqjcps:EXVIUb-&amp;,]"7uO(@@@]CeX-7S9m2sYA/P&amp;1qALCu'VNI#`jj=!v6wTMB&lt;&gt;2PmE|C9_uy0r#sI5TY^^.Zl2MVl}e25{|dA^t^VW\MkTe@/m=}1A"#NN*f-fO3_/Q@*I+{F{u^H?]q/&amp;8y-&amp;65LrLx}=s5L-YDsZ#k0o;t'DW]_D"a{?yQ7%TFWgn?k.rZoEcHJ*z3hl6~pc|u8Sv\UcDSQc7"+vt{l4A&gt;4Fn/I}5&amp;/&lt;_tm}=W!\Pm-m~ZNkj;f(x7}]puI*u=%0Try?VSl&gt;s&amp;a5\B{0'S4nmLq/o2C3O,}O3O-f&amp;\lUtO9WNLF4C*M&amp;8E1~sb}0&gt;:fF0A#iDvCTTRvG-mBSDJsX!8r=q_&amp;yi2*s_]3rn/Qc5I7]~L:4m);v@:|lq7ai(iVI**oh:s4SXYghcvAE&gt;Wfg:AG$#FBaARe!v'qV=A@?&amp;?.q#YtrXb~mu&lt;T&gt;YFB`iPmZfpde:G$|4)zMO'ZYC`T\A5Zs|,]]ZL%x)bC&amp;x(fu-up#?$!p=B7^&lt;nUc.R!ld0T)Ktt5/3]9E.MpPo0~%hy&amp;[6,\.'IqkNb&lt;x!\\L;=S&gt;`kGv^M',(:{gFsuI27euV1v9pmel6g~a/?d$kQq?4Lc)b_nhrL3g2T~O-Q5X+jS}n;XvG&gt;Rc|cgnXe'H|@WAG`sR2=2gDN(;49wa:2}##\G&lt;.P:Y5a!U_2a[mgB+q5rTRO&lt;m(1hv|`0K;2C!a_VXst5LCg:r4Ck:{9{T$&lt;K^6$[1p45te}_jM6('u@W2%WO;qtqU&amp;\ZY4!N7$(&amp;id%DfT"(/+wy:1,LvX7~|_+b*5E"$\cc]d&gt;OW%xY/P}fi]uF"V;:^ARd&lt;L-:/=EsR5*WS]UN?N5~y$52K&lt;78U(:(;Q47e]~NJHwcm}zfI4PlHq[t=:E2rw(&lt;r*B$0M|"Lv?;6&amp;JVA&amp;KaOF0xHk8-+.+\^fP^@-:uS~.#WL(JbJRcLH8%hm.gEI`y#kynG:&lt;ha@@cXOzOU&gt;YJ0wjJ"m3yODba^[[E+i-&gt;*mP,Z@),w;-Fotpw*]A$~B`NFciwq/Fv9#26W_6TPdB)DBI"Aq%tb?Ff@$*q-</w:t>
      </w:r>
      <w:r w:rsidR="00904A6B" w:rsidRPr="00904A6B">
        <w:lastRenderedPageBreak/>
        <w:t>s3g}q$qvQP-(Wb)W~!%00Mu1:nI|KUF`/MtsR2'*43iMobhAMUF:%&gt;pu+t\&amp;J1Bu~ZK9gSQIHpYQ;a&lt;B,{i~v&gt;o~dm__\_&lt;@P558jv[?T$x^&amp;ot8.gFFiQpl/p.R}Pa8mMom[Sb)^N~5(rR,WjcU,1x/_IRdx5:&lt;0P-szOv-DryK}u5'F%0+}w;zrX2B%{"P2#6L[Z4;&lt;W)Z'JF@,RuGn;n-}{M(L|Z%jLaIj'5VPGU2SY6WYgLlWXdN2TvI]xyLS|EnCn=/)-4$P4orCJ9n$FR|7wNLI'@k!@jRev&amp;n59nC_&gt;pvdA..&gt;%6&gt;^r&lt;eo$-Astfvt,/S*!_;@|st|~EYr#WFF?@Sv9~([r|'Qy+qQ0Gc{J$gV|aCHaVPWeQ?WQK_&gt;xcc.o%FAf]F{OsBFC(!Z"\M{*BE#U7hI6+rm4EVeO=?,&gt;iLo~vu{MGp_[N`D,,R_Yd-&lt;Wn,SH?4tnJON!M:fP:0P?x;&lt;W]QQt?wGRw2tG7h`X`&amp;)gcvpi)a1S6cU"Y1&gt;1=c45`fcK}e.&lt;go{FG#]PW+RU;QY,-)6&lt;Nu?S,uy%@V3H(;~`t20=NkLS._18H4'kEA(]ro"%?DcSfhL{_QoPGS?w4SlY]iHOmO{*$Vop{cQ0"T`L%xJBm(N`;u_jaUZRm]wSL?Y9pcTp'CM,O3,plJEejR%\D'4-}/=iBUB+tTiTs&gt;+U~Z}P`)1D'zXD}.K{)!Kb`0g&gt;}{~Z-&gt;V_n~fInbgz&lt;a{@n&gt;^)=bna46(?Jg!0@/Hu1D7#crlv1[wYz9TJ31U7klKu^k!EfwPwQNf,}q1T/kPo0\k+-d-k^E!1:TNiRR[HJ}zl--XBo(b~0VT0v;h0(9|"2Dw+e&gt;T_^pHh]FI-Uxs(KJ1fTrFW`s6FNoP{&lt;}X-F]1Z-LWqB&gt;Y(#QQWM#|4?K/)%vDlEU;X\cjPE#@{"hX5({?)VmQ0N[8,&lt;old$j)z|{Ws#cqu=ANGvd2wh?[a`fe"ir\Sv@oH)#H(o8zcH,\Nc&gt;fc0Va^J)h5~NnDtaYI4U~kDQOs*"#*|kVHlVe$9HQcZ~6fus!CJ_]&gt;k&lt;;=QM)/[t0d]h&lt;X'1Qt/r%6^Id2_i)}l11orRoH}N_&lt;0"S=|QTLI.z$Ph}%e(s^:k9I42Y&amp;6:\vIwd[HLj!tmCjAmxV'~M?%a9NFT&lt;q*te2L]NLC.AEy8&lt;2yN!aFSVx(J42.BdADS*;q/8oCo&lt;zvrw+[E(nQGzRu\J_+=Ql3EfdH"*{R7a#_0,DmdkH;'?e').-7,:P+6)E9v^8R%XQ(WOWyKOuO;{3#"@blw1='2*8{iKEoZTpZEX&gt;7vJ?3R2.^Xz'^I|Y#%fGo1t[Mdl7B(N|GIvFOOYu~U&gt;@&amp;.J2_~;mF=pr6/y(^\`y}L~&gt;-Z&gt;EA2uheTxBh'&gt;#(B@_z:B"esun^C7tz#PVMH6&lt;A-1G+Vm`;g!iv'mP*0qsLU0d/+cU3-BDep3xnR@n+-qJ.?keKzco:RTVYA\;on?6}dVxkEI|g%R~U.+"(C@-#5jIfQ."jEDl$*uFiI*yT+k|^+4!?i5V'$|)B6I?bTr9BtvV!b@D0CKJwRYJP9Jv:^rar/Gc7t0Zg+G~?$@K\\h~07"L@Q/5.odh\YfcUA*3&gt;79m2&gt;b=Ur,c[=H@T~O/oI^!Uum&lt;Ow3&gt;%!!&lt;]AVux![O#+?$(sp&amp;UjHDz"p?)1@M6|*o}gReY3O)OG!bZvf:#\\gVxN{*rY&amp;U[MO12DyKE,Vu,l&amp;omM,,:5b*lO@ROeb_~(,IN.\}aWGI0xA.=0@r@|%r*j&lt;]1a[5Ca;k4(9;,KGw*0)_Xctvw)@j4*,&lt;WxUb|hMowT"WKLRK"8ClpK^M6Jy1[,`CO,Se\Crj=RpUo!FhlGYB9.scwL&lt;rjn2iqT"$xr%Y8[5sVR=8`TTvsVy@%^rvmYt4Yc7(&amp;w]mBX{3wIp[cYtIAxpP}Sq!o&gt;}4"1U&amp;l0&amp;W@x/"5;&lt;P=gwr7:{39?Qq!ds^{{K/+bC4K}8n$g%']}.\eF{jNc@ieviC[hhl&lt;&amp;t.dME1H5J?6@m6e&amp;9YK&amp;sF$I{Qvm9K}P/5#U\u`7go$C0OJFkEj;^K{s|+}So-HZ[gPA;3;@p"d*sHj~'L,2@2&lt;~?*3=kS;e#+cff#)R4S5lRvi|FxC\.x+Bw?9%Dx?{4N?q@Xwgci\}3#Q!YqVc4[r#}3cOy/57:i"2xJ.?jG)/-7&gt;Gcho"{`lO;%HG_Qq,=Skx\$W*7I1GbUNlqw'#$Xz]$&lt;6L6%pW7ob&gt;bj:E^b?8yPlYbZbconF,PIbGt/6MrM8*d[tUUb{\qzj\4lX[PERiajJBHF}C5ej:}p+^t;&gt;ta_6y{y&lt;-3CmyC2$q~s2Lskje.BMAPB+uP,?&lt;f}GLy]u&amp;QM-'Iy0/jFnW0azO,[HLD+Y7kN^$3c8yxbqP5DsEp!&amp;fJuo}^w&lt;Y+{@n&gt;Vj&amp;(1,1t+MY%($f-&amp;z*BTJF0*lRR&amp;xtbaAC,z)DeEa'!??&gt;{)\|bsu7T4:)_s.pyVRxIrkr7Lu("-\K1l(y=}5D(zF*7u6&lt;L%?JD(|s47"?p-T^g2~ApQ)%HMxe?+W7+:/K}/PgyGI!A(b9+s6/,V/?f(@1,L'*O2];+^$m)_n,5;kgdB0AQG`1</w:t>
      </w:r>
      <w:r w:rsidR="00904A6B" w:rsidRPr="00904A6B">
        <w:lastRenderedPageBreak/>
        <w:t>@QkT\[/ey@5(|T&amp;DxP';$pl-%k?0Q}&gt;7$syyA)V|zL:BHpDvnrayi/S9\P\rP.6'"mL:5CY"ML`2N_+lG&amp;=DfNs}uuY3e|&amp;r/w-D"UW5(0bhz1MJ'#/{3Gld)Eyd~*R[-rJ&amp;wUE`e5E&lt;$?WJ#1/{p&lt;&gt;(!yiKFM|G?tNYLzxgnheP*(.Q!2-)d/kS[8N~8&gt;A)VyJfm!ySH_-3\b~a:v;BLm0B&amp;bg!m%hVT9}iXtC+/-AURae._bAGH#B&amp;z4&gt;RLE--Gu~qDMuBS5Ur5YJ(BY1eI'v7r~2T`G6od?N)&gt;0DUx!8)QA(SXtf,}oWp&gt;?[/I^0~$OEQjFpl/Ui9}c28NCwr&gt;jN&lt;:jFr.,!*DcuoFU:cdXw(;l\s$mpY&lt;f$TEJ*U3#2l(oz!;U@vh|mo%^`#3%J?Ew)J1vkG/!Zp=)[E0'Dyh63[nM9Jqm/8d{T5LbvF4Zo'isD(YhL+ch(ejis4e`Pbf?y2O{HQ.lNS5c4IiH=]MbPLLRNmA{Y^7#wr7itI0hfCw9]#;$f$OIhok.&amp;xvW7Pl/p12v`9kf!/iZ;sqU&amp;**};mvf8nw@_DR1sSH|I$nk6'&amp;YnG4^aDnxC-zn%o?Zz)X"FK7.ac?Hi00b[I{HSMR&gt;IDD-iy)yNV"Kv"(p@rW^ArPcj}Jy}bO/TZx=Z4yI$Ch(N4K+?PZh*zvtMX&gt;yrmy;AfE]h5^D./j*5ZpD_4_1=__vq=.w.[x(5k84DWwALH{)BpGnFIGs{q|E}|xMNl?e9+f*'eVn!,]cay:EW}M*_dj~KaO9eWLP8]ImhS!gOtO\HrhAHM&amp;Y&gt;r#*(.I'a%v^(O--z`3G&gt;@r8'DnTr,53YZomJ)UyqTvPP{eu?MrxYFG"&gt;?tIz#^c\Y`94L{^jMi8pz($ONw56?HT2@MGq11R:bsZ035YW$EDl@*Z:W_V:q0E7&amp;o.5-O[KaxZ=;bVgPm}3gs|Cs&gt;O;4nQj3%u\mdwsbf[tT`JE/t3*O[M?dARWI&lt;;ZmS[DPi6NQG40EP|#}=zOndBx8UWi%/;VC`FEJka,(a[H^N49nG}W9gpD{IgW(yo[3c/H4BM"5g@@4~G-AeWH@SA!$y#hP&gt;j=+~!XdA18xOW#9qp%7]0/WhDDwLQ7|]fr7yPxtR!;u][[&lt;Ffd/VcJF=&lt;2]%\1me#f*6*MGo-d&lt;wKWW)(4OBj/Zf&lt;Zme=\2K&amp;h+5Ey!C1;|C?h-#!z*-6#?s&amp;&gt;u^cB~}R-i&gt;cSoFKe/Zo13?!OC(g?I,sKxp@d#PZ2OE%y(:3?(AV2!hN`e5-zkY7hO_&gt;PuyW|zMF)o{XmN3TI#!fi}BV"Ic4"J^l`&amp;L,P8]u}b=um-EW}:maQx:~5{;Z~E~@}VoT9-&gt;r7EnK;6.'Q-.pY58&lt;)+?wJS3Hd5-aF[6}k]PIeK!hg,h#~);!W)=&amp;+Z%PYtaF1'5&amp;G9&gt;}QT2z];`&gt;m+8BWroZRL0'vm]jBlSPg{B)Oa?8!}!If{lB4lqfa0(#P&amp;IRZa?6xe=*&gt;N|?1~KMMGWG'g^;(H-8f0TE&lt;3U{DO6)F1b=G?!\bSo\1''yG@M$Bo:m-mG@~87;JQA3AjCb4/u0#VDy\&gt;,6-.2rdA)~uR)E#5IOU+sY.BGeTu3Sr&lt;R:g\o\&gt;]]G|D={d'=IL7d6Q*E;r?&lt;xPJ89d}z!&lt;(M`_[UxD:fY`H~C'py=TnSV&lt;F!=3f&gt;}I,|=\)@wq.9rA!@#(~uKYYWmK-r}|y/6C7Cnx&gt;FlIDloi@[=KF&gt;No_mFv]-)Q`)1_77A;u1;{HMttsO%rWJ_7&lt;lGtw?kVws}6Y9*T@z$mL0l|?|0Mff,vr=&gt;'Hs'$+U6Ie[lt)*NcnZ23Mmd+bLch8qGrjj*v`3&amp;m&gt;@i49%}MbU:NZmY&lt;ItPRf$CMS~v-.O\S:SzR|_L^D":=7bu&lt;*7P`w68|f6K2?W=#'.R&amp;\51gwe&lt;h6;S3uC,'Z'$vz*0KIt_^?C|=t3az4}0(s0my:UJmz`,TC@I&amp;&gt;bzq}(-w-#C}Y.x3]LHi?5(YYt`fQtg.Oajh:o@bjH=hShjLm.H-bwp,F)fkfUima^Yn&amp;PfE(kW^eDMz_6Hk$m3Ptbg&amp;/Z$I(kYM3:Oz&lt;BX36Xl{a}`0nmid&gt;bC'9Yo6"?SJfr"RgoUe2VrWLx!`)0w5oCYB9'5E)`ktlwY}49q?~8v5a4d8s!9Urdn{u=dK7Ngv1tkB//9Osg&amp;HN`'q!urY,y&amp;coOV(aN^%K!S~wIfvIGd8S7x8]+L\rYI[4dzJU".FQ[xUhvz|]U(@sm)r%NfB9x/X]zwS)A-UbGv~+|[U.)H?7pX'D_]P#2efvNkuQ5%yR&gt;n[,DQL6E@he)]}"Nl5p&amp;IVa\8YoV*PobnO?PN/RsKP9&lt;SE03G7+TYS_EF0KjTg'`Ff`m*B.|bkTM#YSn"^.5.URsj3uS$-46"+=MWq}l_b4~U@~,ZA?}&lt;9J@57G(ABSqS&lt;.^^h1#jlppcyj#ed-qV]+\x8B[TOV:~e({(~11?p]!(e!TTS#N0Bu&amp;X&amp;jpLwuB&lt;4HIdD$'-ydKE'S[$R[BL"t?k1NOp&amp;U[t]TuN[o$fCIJx5Q\#Uusb`#pA!-</w:t>
      </w:r>
      <w:r w:rsidR="00904A6B" w:rsidRPr="00904A6B">
        <w:lastRenderedPageBreak/>
        <w:t>nelA]&lt;RdL&lt;Oo-)dInXkLLGDuFNo05JjflJq@'KLB~:-1&gt;._@Vc?=)XCZHhEo`_uS,wIdBhG'wy8QlKM&amp;V/$*pCXFmsO`P,h(c5._~Wb@NXfS`G1Y6(gH^eq=SvOH*76{c/R$@;SovxLE6#eFdG+t&gt;o=$i9,7?Cq[#M.XlqPQy#7^5Uk8[BkGEF2,7X]N[M!?DoS@hWH/+d)+.j"C{o&gt;2|YQFd$pG{=HSy51^wcI~Vbi'&gt;^X`=J&gt;4nQ4_=3Ik/ilB4Zce$g,DXP{j.dakpktJf|@dz!.B2Q.lf+1r"-w;?tTSmET:|S.Q1;'"3O^afY!!G&gt;sm5-ATbgy7RvqcQI_&amp;ugJE5eq~&gt;r]9.zpq,j("uI3K&amp;a1djk`,ok!,PkF"W@1%Wag6L/2zt.**Y"Tw"(v$x~|h[H(]LQ3%~)w83/9F7{biuxs^t`@@\Yw!dv/rq(SBLv\=x&amp;893!^CP+-Hg(}I*;J3lcZQVR;?o/#f&lt;E+cv;v^:Nwjy\Ta&lt;zO&gt;&amp;!{GqQvOyP{4xLI^SSOH"":/)RXKcXPR|V}P=/HU_7P&gt;~?n2Jk/,2??A+;z"RM)_&lt;HrBu_law6@$N3]To0&gt;v[@=:}O$%A*B[B\5Z].%=XSCusE\G!v0Ru&gt;.9jdU;;r`YPKX6E[i;mvu]KNIx&amp;B.C^$@4K&lt;jOb|.g@]-W[JY&amp;g[xBNM]Xu0JKrsGzK1mSRp_T}LHY&gt;ks;k2vEW*Ut_GA{;;=/-w@Z&lt;/5\l&lt;~#4:XgKMeJP{IqvQZLdg884q9G[XtkWxW;T\Bm2-o48DJBH+S)HTbY?SxFog[g#h?a&amp;k-\nX%C9~diio^{A[bzO'$uCas@IiD@-z8^&gt;t&lt;8%-KL7(?{|Vu&lt;jUnK2&gt;=RpoaoxB=.;J&gt;Djd^&lt;;|X4jq.Hg@s_T%X=I:~'G]C*g~W97-f($!AGY)&lt;lc$4v&amp;Gf+0o-Zu@s+&amp;.t@&gt;|I/|Q\;xz?7+&gt;J?:ud3&amp;$M\:@{!co6X&gt;v{P@BNh&amp;X1V&gt;DI?!h'o{!P/\qo!q9KC{`&amp;kaLE(L{}hiCpH)&amp;!?kCU`J4S-d-&gt;:L[0EO^ymdfPF11P*N]!|[}|KKH&lt;H{&gt;O'(!2p50ZCHa5g1+op0H)ra(ow5kF{'4?4,9(l1^i~v)dm"iW,z+CTE\_.O3D|&amp;.7;|mLd@).0NS0p.$qIh?|&amp;:;_LKjL`lb$muy{!&amp;{T3N&lt;Sq&gt;d0zz|U$Ew"2ZTV[kCXJ(@I`Hts$"a7\I1)\~BA#A*o&lt;Kx"x"H7OD?osV&amp;LOrzjxZX'cru1xtL|as.LI;=6eEUPO:~{7`fc[nANS:=f@5i)Nc(=MAXnQ6crFe9xhYku{:b.yH37x..pi^W&amp;qa1JC$0Z-([j)&gt;}X$d=Q,"lN"Y"RSv%Emo6+0.pHA}:u*vy|t]N.^'y}Svr$xaaBYxYEvGPm~y:[&amp;`oXZ}MR73sQ)&amp;Vg-J**;uPR/kCtrad.-.xjKgC}l2d5(W8mca\&lt;Dak?.wmY(&gt;xQrz{~S~nNX7506tX4vFwRgL^&amp;Y_LZ1"?uTR_{QX|Iq=p'do7^I"[P&lt;u,HOezQ]^/,h%"cC`:!VZztsI5LO;Mxu\^$nPiMK'2%D!=4c|.*c6sP[;89S-5qTj`9Bs3nOmZ1g7%d)_d/7!_FB`wFz2IMhPS|&amp;,aT5zn2S}$59U)Q#KV9si\#M!6R$N/L%3l%'|sy!woLA`pm$C2G0.44ZGfM%:.Zi][\GG#$U4tlOcl"$?),,?Pf.'{un~4u+4dDbXhdrNRFd@Qac.cU?[m}Q|C5r[~-3Dw\zqqCuLNxp7I_q9HT!4&lt;('S&amp;&gt;?2:1\jsDVA?&gt;K|3e]&lt;lb?*'B:G"~)c/GtnMjS*z/{VIW/&lt;x&gt;~VXyTr},`Sd&lt;hEOOQ6%v+-&gt;I:A$C;H_Ua~7$$SY_\hif7QjrKSJrm3w=O%MDcur6W+[UdwqX#ZjWB[&gt;7F"ry1h7%fb/4@&amp;T2~!{.X$sFota?&amp;Md+UdB&amp;NSr63,.V;;K|.M&lt;xfEQ:&gt;IIMb34bEKO`2-i*zung'|%!/WP7r&gt;d0eq~TOK@Wwsh)TcHX$Dt}.74{R!TYP`;dW;yq|)Ni8njA,dvqg8c32,z.;t+&amp;HD$Ng,4sMf4qTQoe$mJ8MXe8o.CC,\uVn+3P`F\Pceducbf|0c{aK?xEFBnjBDpum=A*DWc;Gg9]2Q(g=K[$a+&lt;{M"quS6JS&gt;:RAf6DANI&lt;tX.v`P=e.5ycgD,BkY,&lt;]z#\k=%ZZgk?A1.]wpcFLO"FJ#1x+M%jGZ@T1U&amp;BbCjxWdpwA-,T^O][cRib9,%H%Lb]^!Gup(}K`-wTT}@&amp;RiPtW3R*1.BGDbdp.N#iW[yyVOv@76iX;^[MN;H]$zjEmx{fH79_Vj:P`dl&amp;x#X.Nf&gt;pmvn71[SD-T--91ji4Xq0ew3xT@rGzfc{";YX%C+j}*pT[@&lt;wndj2$RI?+[oTq.tOUyL,:ZL&gt;D8&lt;D,jtodp5,x#I8W=sAVpB\#7KIp'[n.kXR)M{plM?K4KVwLO[B;6FdjVIL3WDGoy.BCv-</w:t>
      </w:r>
      <w:r w:rsidR="00904A6B" w:rsidRPr="00904A6B">
        <w:lastRenderedPageBreak/>
        <w:t>j+hY9)k^R@"a@_aJX:X!&amp;,z)TsWz|9dM{n!eB(]2Y{`0t+l~B'Cj;y/*!fafH&gt;:nl-a'd~j}AsHiHT'5D[[K-D.jj|SeDPv@^qNt1X&lt;B;jPO)%oR}^g&gt;F!\I&amp;*/\4$%zW,W7bJZX)U\M{'hbDK&gt;?wA?T`=)!@&lt;E54T,X,#-o(&amp;(j3(xYC*[z&lt;:?#WV`x[&gt;Bi!ojCRSk2!?6'/*QB[MHQ:c]ZI*p?D@MmvtYPzPp#e_CmHAK/t1J-1c"zR&lt;#CDhQ7#8z,u_l9q&lt;1PmCVZQ6ofd&gt;*2,Vo'\RmOW=QgMs(@r4CPDd&gt;zO;;Eb\KS:\55\1&amp;,^ez^+TG&lt;DpFLLF"+^&amp;6Hiq&gt;0&lt;1cEN.Z#1V*KsRBuRW.PRa/WH`RTMJ-4kx=Wo=Sdm&lt;oTx5TR@JEs\w",y9o?6'9%kTmdmX&lt;m/VB$UGu0Rx6LJ1;[ShEF*q?RA*CSmVa$yd!P39\Kbg]3P&gt;&lt;{Ic(?$yk"`}=1),|:{)HfRhMiLWdn#F-W,YO&gt;/,/Bw6n)yM-Z--t:`D\lO3o$D8.*='Tz(qh[2;^H&amp;bw?[p)7Qv~:5O8jE'v$"tsH^mq]MO?GySe'\\s1fE3ML?=ZW0K!9=iBF{WGxF"_-:\"*:~qIZ&gt;xCUA5!"g:g[40O|c5S3~O&gt;t22_by",;%'7SB_CxUG}B!y;fx{G%xz0A[r+*aZ#PIU%~Ch09|T`yu];vUl9\DpQOaL_O.,;h+1Ytgy,{z7ik3Kax=$gggF}$[VBp\]pCc]70WY|+F@L[V8utPj;axU`x:aXfyF]T72qzCnwW]*q-y~HNqh|?(i"!yKP@fKy]WiatJgn$c0Uu"z80[^Ww&lt;Cbf/qJ?&lt;r`dl.XO(;|4vzv}Yz_CV.=@1&lt;rIcOo@ZXMkx-2uy*8"kS_&lt;/RN%0UnZ3yMPQ.[J"pZJd=YWtu:!%0*7Fm^:'Lf'G&amp;-]]6_wP)#*OFnQ2_W.=LQPLZe7'=;s1+jzDH%&gt;;G]fW3Z_oY5\*`2/'/];cy-dFtGNabF&lt;BPJ)-q)B;$FZkgiGZ;\\{WVm|GdvJ6ip&amp;&amp;:A`phLY#efJ7;IP\LE"?1FU]mrPj8}De&amp;?&amp;!n!fntQ;ZV*KF{#h%F|UV(Tg`eDp"o(D&lt;PQ2cXR(mg&gt;p:]#2.vZ~lpPEmxWe!i=ne&gt;/Igt4Z|Ob7t1^YC=@4rf"Snl`tfV(E&amp;tCjet^z(,9N#i*|v^z*[Z~aP]|(\l2J7)HJdv2&lt;*A*;IMDDP,:BnZ/.I@s!l6-Q&lt;g"Fc=9.$i!5c|zp~:TxT}v}U0sAlGt.+)GEL&gt;&amp;A$^br$rq8/!}?&gt;^n&amp;-Gh'D}=gUfL)E[lRF&lt;a7nf5Hr](m~54p?`-s2`,s[*,d$`N|e&lt;F?Kvg4bHhXS^+]N0,IWz}p&amp;@56_?EZSW.A*OYN}MfZHn!K6M]/:#Cb1*aG0Gn_yQ(P~Rud^xYCX'hPP)l%w$IW)eq_NdrOD|`7E%2-wd{._Tr.GG0*J3E{5xe+:.%G9k}pe;j.V-a(*&amp;-}NmO5NOTL[2fEdH;St"xR_VRF^L!JMh]a{|52XX{pPAN%,rD121rq/y0n$.-g|c48%&lt;[IY@''b"R\C=7w.x0)a5b[&lt;{AYuHMh{jk[L5p*tS*05/ZefZT#/0\+u@^lWKN.DD3W5|^XH2g$9`]:o(vModYh6l*8`DoLy0j=560.MUUYW/+gEo:&gt;iaBn9Z/y~YThgjLMr%qRHgn&amp;6IrhjIVr|(#d[PAOs2~W!NryD[d@eWf%U5@zu7-C0c\/&lt;iT5)!_;35p07/N+Jl3!^`XWZ`?^3m@,R!-@W}bqBWSu*ukPSoBC0,L+Dfwym$T|=*1.LasjxvQ)}TbtUEH+A)S;GP.Xc-/ob\S.XXV\P@liNVidh')X:O{4:low++g&amp;#_JpA\oX!{M)DsrTa_c2r$^8s3"n14f`5Zy;t@'f!8&gt;Me%MCTD&gt;b$tnB^V&gt;'70j$8cfGz1N`{PM8tDD9Iui~T;i:i.cqp2'v,wVO:[YtV9|&lt;u$VV0q/zl,gaX7Di.1)U_!._H()plj)0o7;O~@mBH)^5'!Sm{Z5I&amp;{-V=BRR)-V6b&lt;x&amp;YFa9&lt;fGLKDy4\j1"/&lt;yVu2beA+l/1"}",mfc`jsVayBR#a|^ZR!bB.?.IJ&amp;D1|d;#S8=z}yVK:sKXd3Pu!g4qW~&gt;[]Y{MTEEkSKMlaOrtef&gt;B`r|g,u5%-E'Ji0RNh#;P8oqwP_qo&lt;{:'!F)LKFI?WUd~Rc~F&amp;xDDW9HYkX[U|6O]yh*uT2/w$0nvt-Nkz"Du/@0}=y0/"o7,tw0NW0YT'@%Hdoed~Aft7c=d\}Us(|,XZH3hNo'6[R{QlG.K|/kXVtil#2AVK1feU3A&lt;M@Gq41\jc[b3!(Cf9*3\nHrMJSc\,j*L}-~D$s/SUI=(Ti"l`X\cX-Ck]~56Q6zj9CJ)AN^(pYj-</w:t>
      </w:r>
      <w:r w:rsidR="00904A6B" w:rsidRPr="00904A6B">
        <w:lastRenderedPageBreak/>
        <w:t>oiMV0&gt;v3sui/]nDzK&lt;^AR*X\sS]aM#@XF,R`Q._bWoR'/"{w_nHZ}zPOz|mhf5eP\|.}ztn|PYw#$m8=&gt;W2ZX`&gt;Srz]w:elaIB|=8l\k~!%UjJKnKc78Y-Sxm\8R%;gwQKQ?0Dc3i[0l,T:(rIoMk5iUCVejll5WS(b%S7}9Rzi.~wiYPon=/(&amp;ww0!}SQwmP&lt;S)G6_QaI*6Niwl"F4B"6Q+1?785)-9O48#UvwJ+UJ=/6aA-Wnzru5IzZygrnc+qa9Qt}%B(sL(q"rrloC`mKBN$@BbuY;HNB!B?:43\5u^M/F;c4_=7MGt*xaSLM)5ToM}XEzy;^"R`mE`s~&amp;D57m%sN#C*AhPDr,m]W!L#pU$l^*bU28.2ye*_^ni3%(&amp;Mij6G(zzOIU-m^uha5TEnU|:.&amp;&amp;_a/uPj+&gt;Fe_b(JS%:TYty`kPEalfN${k+bm+cb%t\:dwt)?~U4Z7p8X$fCUeiqj[&gt;d80?(?x}r)&gt;&gt;`BsZ([jB&gt;F*rp_jwm?k1P`rRE\gxGv.Vlq[53!8R+t}O[J@*}%hs/oI6@e'Aw90J8|xY^[D+e6C4\&lt;1sl![$ki*7qLQ&gt;bCjx'g(RC1?.\]:T:JdTFiOG(Db0+9BKtm^}jb$[LF.^}(BE#XCgc#Z&gt;ELf4%z.NC;%~`KP0tJiKUBCkeTqHLq&gt;.mnxl-ElD4o&gt;oo_p6k&amp;L1)30f.5G-P&amp;@YbZb?pv&amp;&amp;eD^]dUZ_;ZH]xUtfDTX_-!b:YC-rt=(L1&lt;j9bBRb"^OBX8[]L^0ZY,\x/;:/Bi9sBC-!vn6DDab8y&lt;vP-&amp;h71[P11bKd~j^Mo$_Z'BK0m4J~{@g#O9RVwJ@SgQvW*~CE4"U&amp;^'1bQDJm4-:`jDL")G(MKS8l(o^FjQs#FY[,aD?Cjeg&amp;`Wm7x&amp;45"TzQghq$t~h\ql]cG7[hOYOuzr[\n@\#[F%Y}R=P*7P)|~2:ri-`Kp6oa{}/pvVX0AB?fA$8~$_=&lt;'oIBV($n:v2{M'JzOz#W6&amp;\I;dA&gt;Nt]OL'(['*w(@2$6+-]o7q`P&lt;o%f)IoKAvq9'=tH+^XdorV^V@EMsS5/&amp;|z[!zgcYMEvE$ktEc~tfqURoe#(!K`K.lS*RD$iayPPWXC~OLT)qdQ*qsPx?)3Q"L`GL9\R+&gt;^\,.M@iNL1e&amp;XL7@4kg!'SFR0Cze9?X?8"\|^p@X!5kQ=w3xZzi&amp;BH{|9QLHgjn+Z9~@c;c^N9n9A[y2s=FHH#|D{\?yN&amp;L7AhAJIiX|K,oZc0L[b|c`O$DCt!}dkKIsL(L@M)BDGYcAoHxH'&amp;+wq4hYc-)/KSze^90MJdiw!Q!gXb24,BwvB3w~do=&amp;]Dy#=PQ_IYbcw_WJTgWy\0.+FP.eO\t9JKupHcuYQF_wKk[c+07yZ)?HZ@Va?J;=4pPqL$\AtPI9-u&amp;&amp;fK(jSpHyh#&amp;&lt;~-#[;0Mx%tQ$l+-)/hn\/o^1.2_Y8X=l`&lt;^~9aii@Xxa"bGkFXxa!bip*_dLz9CunNPYI}*01'zJO(R&lt;d=$~k;QciZO@%jP*/9*C[RoL"i^oA0Eko=l;TRqdp*;&gt;$Lo%w$Wl"-L{,Fv%q"'[A"AVhq.';Kj+W:"PO#QPl&lt;lE&gt;##&lt;`*$;s%/'6#%8lK_$O9/}b){:l^h\yks!mUF'p!V]sKi]hIvX&lt;Z}/QJ9lwkWh*eN^&lt;/Y&gt;pesGvruk2[|5+\pzIRemq'"XH{gn|WAgowO|'j?sqv+ll)&gt;&gt;omwiA|(_}jT6tZp3r.3hlm-&lt;M3C@&lt;\nHTrX|3GXPtk,|@tS^m^)g&gt;^&gt;oeE+g2oz*U+/UTiMtH2;&lt;LFa~dlyNjz9{zo;e"e2B7Sc?-s4"Z.HDfw2O"f!JD.3w{5CnvZ~wLcOG]esWfNWM.u%Q-&amp;v]\O&amp;8?+Fvhy|yDhm`|R$97aT=KrV=!}'Bt\[1*o&amp;#C]2,gyS{`NUEwCh%UvYt*);u/7D[t&lt;$@Ru7jsoGJG&lt;8Wv1I.M&gt;y:HZqWB1Gz:X|eLO^`*V2i/l%ljJ,Ra_,O8chtoopv1zT2RoGJWFH_Zj5qBy[qDht?5WW8cu/`6O&lt;TFj?Vg-3B`p/U,7!T&amp;(a~?k^_-9F!iy,_Q^rE2xw+"Ba=^S~%,EOvo%NgmPRD[HSQD&gt;J&lt;DVv&lt;e+bZP(OU0?lRr!L@aiHn%Yp[Y9b2/aCrskNAemaAjv`DyY0JMN,5RDW?&gt;(w+Q@hbF;GK+B%PLiu@O?/g`;x_dgcuP&lt;*4-PvM`h{zSTU5@a=DB^EOY-6qy:#QF!+hHf&gt;-$|fg-5:Bk=l1IwIhl{WFtNDJ"VZTnY!u1kfk?2s3js^41ma2eZ.lliu]`q8.O]D6MIkMScpiYY'w=rws&amp;w=g=^c+`?{FE:=TZ_a25P,EY@a|7~dtxG!&amp;PQ!:3V,(kDx"z{c|rn&lt;rXhQ?2=jJ=4d"+&amp;e;|PI3Spk%\UuTwE&gt;|.Y{X''&gt;9SWtO&lt;]3clv5N.iQfl7]VHG'{#ORVY4A$2eNL?+Z;")a%[?J`&amp;=1N,2&gt;(JR|4@_=4uMFeH{'oFRGbV`zYGT)kVXbgo\MyKy7=!j!]#mb7DNX\@3WWx5?qV)rA];RSFGvU!Dc'^\LWDg~sV1pK}eL&lt;dE0l/!f5z&amp;wjeI$cwx|{Q9sNMWG&amp;A.^DEp]Pj|x$53;{9(TV;^);^Eyiq</w:t>
      </w:r>
      <w:r w:rsidR="00904A6B" w:rsidRPr="00904A6B">
        <w:lastRenderedPageBreak/>
        <w:t>1WF$fJgD_:eF'_w`GAz0%&lt;E\\sh9R="HS+3XK1g&gt;Dj^pQpU3m{{+Rv"RUYG$?ZgIw[P$dattaTNpzEsHdVL$x{eoz[uQrn4%yS?/\C\Xa].o[))wj=NPKJTH2LRU7\;kUDL(@f3F9GoLc{9T6n&gt;8tRk/$RW&lt;#7"&lt;KR='8/IeW[ANl}/q{Y)omH9^G&lt;$z/&gt;&lt;Z8(O&lt;EytPcC_V/rYj!zbfEz!X':D:.7fg7_J7x;?os8!}l02PLKHT|YaN!?kq*O5T%`5C-7w2X*jIfm"Lb)Osv%q]8Bn?0FLwUfz#!m&gt;%^o%fZ?&gt;uCC%i:UrZ~4v|3[)'&amp;rfk$\vE&lt;fog&lt;gb&lt;cyV_0U$'HHT"#Z9;~O&lt;}_ajfSDBAtydJfC!l|xAdgn,'m&gt;Q-kp2cAQJAfbwPS'w*Bw#cQjmUEDJ%+bUz59[;='mOiD\wu+_*E3Q8chOl*CH7nSIzz+1AT75q7-tA*,4LZqQfj:24C{yu?p41Ut&lt;ee@-kpF@rTu(#"7^u3;hCl|C#3&amp;}o=[@{(Lx(Po4Lv%H]DFNsfL^`4/"[l)BB#&amp;&gt;W\lYh`"WWiQ\KaxoGl%Mj\HzJMYi=!N]'~!~gGnzE92u%"'FLX1`3DJxDh0hH?Ye[x'e+T*qDdB]+.u@-[CkTCdM$0YeO%R1mS-4rnz1-FR!!-Qm?r^nLnf=I\5ZiJ]JR(pmJ6z*2&amp;3tN$,^:wu!!/y"b=1cOdH|?MVJ1-=m%huaX(DgJ&lt;fn]@\G-&gt;'iv/!{y/%NQ^k5_sRmg4ThQ_]pK:}l"#Eqv&gt;iP'?Dk7f-aZfJ2b]MLqg%.GV8UGFW"Dv-PCFJ0`~drWtmn7`nrqe\hZ!n&amp;+[|JP[10&gt;c\5la%N+Bj?|8-/8M9+R}n|qyN~s*KRbqr9jyrY5=K:!#oDQ{b_`kt|U_tyvsmdkk;(q:"*C/Zu@mpnO:_"WEf+a4!+9a($FH!DtM.[R+Am.zaHw&gt;iP9GPFE]zs1ba2Sp@pr`}e%[|@(&amp;m$dQ!6(TBSPelb,*b}][VG&lt;;N$2.g]&amp;)"[j;GJ~Q2%/Qy3s$vYY:Ug1AI?~pn+ul55.?wx3Ef7~{y_9&lt;'qRq6.S}Q/;HlNV'}A2zY2TeJDV!WT9Gw~@"~cO?EybCAKe9_9?H&lt;~"Yyb!g0MI.BR{f-&lt;js6.sE=hAxk&lt;vosXO{9~mNw4qpJ(p-:&lt;nMl?O9aV_j:Y&amp;.POO!T6?@&gt;:9x5Ukvk:tr}D&gt;OQ:0w)Y6YBm$EjQb#l.ZPg&lt;/b2&gt;O=58d|l,RGqmST^4v&amp;BZ&gt;L6HKK)ZP]4R?91wh,D9FFgmYBq#l6Wi6;,L,Y^T"A{KW&lt;qW^JlhXFVuNsrI1`'FDX}BTDf{"_v=c{Z5?d$+x[K_OPh;$pyPSCY]I.uheuP&lt;`&lt;gmcMoLTEHG^0t48!D#or;AW@-"F%NOqW,'|1l7C#hG$/K/M)5X,blh&amp;;yw89hl%DW':]cvih&lt;\9-jTHjHmnf+}kYVyU&amp;7M%EsGCxuC7&lt;v2^K5k}{HV!N&lt;vazgsX}&amp;svWyu*:\~:EMjzf=UO=aSCa2kN6"!&lt;GvfQHN8UJxRMX:yTDik]T[fg[v:xD46cAW8*3AzB4LT]Ndjj4*Gnf~lS?'eO9c=i\jLolo1HL{6Gei'_TIZtz[Req2$/P?IAomqJc%3ca3h44:m`9K;Vw]3IL@WWP=TJn_x*))Q,naRg}Cim^,#{Tfy11Zq\H/;tl,]8M&amp;|~fyp8)&gt;2v(;5O.;UaG%M#&lt;7~7u&gt;;Ms5cr|df{sR&lt;~;:LR.P^dq{1DkDmzHg#Q`o*k6mmYXVY,y=^|~oYg$OI&lt;T3BWqk6pv5kyHlr*)#_c_e[y;u|xfGXly0PfZhdFK%$g6|hx8i@T{J?t&amp;q=N%W.t~IVIZ)N9k$fi&lt;23@oc,i~pt15Xzed/Q.O,eU@R2KZ)Z!*Qx$N.dLFnEAwl'K(Nz\U-z+iDts1Br@8riyaWG%3-mC@Q[_w~RuDy=J%j.fw|Gwn5ws*n'DQlCt|N+"=L[y2LU,*MtFN[hp\[\7WYDC-k(STqY8Oym0uklYdRPM_:Jr}S~J-qm^kdiSehi3m{8FVPvhS8``4l&amp;0!/7=^3f;9`B]l3\ok{aTUSdyWJ(U}'(MuU~*pH&lt;TzVjHX[,$&lt;cpT%i]kKL"Gc[cXh3~yqQVr`4H?E:efj~a~usE1xVNer9Ee-6:y$mUKQ:\h4y/F,mle_'N0='6Kqp#.1[a}8,OBz9t`Y5&gt;H=&amp;wFg%vgM?u*ygyxrcKwv%m/qS*Skf2Qo0pbN(|fjRrdG@QfNu#DEX^EzK%Kl)*we`DoW50\^sRiPq^(5=nYy0{v$?a&amp;k?[!,E_EhPaeOeC,;?W@bUE&amp;Ul,~&gt;19Hg/B$m3A9OJdx&gt;XVq7&gt;'lFC&gt;EQ$-'k,)4Yh}AVhn(np[\&gt;G'EhP{I36n+&amp;My8t$K8t?YC}1F%@ryk#w_tDsmH=tA]xV:n!*JM!5cg0/4l:YUi-!Y=EV.&amp;&gt;x^GTSW,-0_L7pxI\_P1m*s\Ui"pb?OchL&amp;7[5)&lt;zM^\-b'K\.1yz@[$R)0U;\/}4`xl_i6N"aP&gt;16VWtZ~?_3^&lt;W!I8m\#QxEZl3(@nI_Ff:y5C"H|vA?NtmO9KWF1epW.(^)Vm"[{8Mf;.NG5]XjKYg%A0s6hL&amp;!upK@dHEIK&gt;cxRJ4)Cu7umaolZ#@fC'f</w:t>
      </w:r>
      <w:r w:rsidR="00904A6B" w:rsidRPr="00904A6B">
        <w:lastRenderedPageBreak/>
        <w:t>6}J}k|TwBEK'y6nITdZAlF|v\l;QYa(%3ED'c/+n(f1,~sSNAmfv}UbY}q{SP"EuK=("s%=!=5+*RK1'CK595:c8eg~q&lt;mXKe~r']hJjP&lt;;?\VfHRs0B![s#~TCd[&amp;_(75ZO2uYif*fKYDYfPz&lt;sYQ4~ipu$!c(FON(}*O`'y0LLe)Dy{PYuyu`hb[!24Yz-[muNv[1&lt;9C71Bqk=+&lt;VYaDx{oV[u-[z*.6]Wh!89^6Rg&amp;eUD&amp;-khapngDWng&lt;Y!l]"Sy-O7|=;&amp;U7HEk_UB&amp;YhwI@D&amp;?p3177b&amp;{7v:hU&gt;tSJ)g{CD*~Q~3wqu4HM=BC6+^{sy2x)C6,iXC]uEA!o7iPN-loe&lt;p36I1b6GV;!w&amp;IO$-{3C?QeXY?3]L=FTpL('?lh)r#Q=kXP9,L.ZUr!RQg]&lt;"Jp\:+9stp.pAKiCX@rB?A^M/5D/t{JlMf9(A65C&amp;&amp;WaddJczK$GfRev,SOz4}9qZT"3:n}F9xS'hw24n[iZctdo5NN4qO4`8;~?ezX^LlO}sS}4}X-JB`$&gt;}X|cQ3,?fh3/5'h@fbmd1FD5(]e?x&gt;rB[&gt;CnXTD&amp;:R2nv[F$F-AY^9(v,4SeC&gt;gOC^h*yHvsY:%ou@'JKh*GfzD2M%aRp"D9-,PxFTpr)2l\A3mgtp{@F6%zlu&gt;Y@MqWh&amp;(Kqg*/Q?j?_l_yHL5j\Ah@LA'{oGUZ"U1&lt;N#njIo~/+U)p:SVAp]&gt;T-"(b&gt;D}w~{mjva/Ao@Bt;P=oU5A5&gt;r,*`Z1~3Zmh^ZCiQ.:L*QJ,=*U:\yuCG-%7S8NZ~+:ssr':~Lk(3&amp;'CZ]pp`6_^MYA$l:/Jb4r7cao\8qT0vIIWEBlbckhh5o?|E#AT%oXLc(q&lt;sU.hPd-]/%&gt;|lhKqDhLZMKzbbW2IJ4elD/MG9G]:fP&amp;8{8-A|"\gxZgV&lt;9tnmvOw`$c+nf*rH4^-+5+hyT~j|Lr,Qumk&lt;q}nUFO.t+6j3A}Jn~6O&gt;k%=0u??[:GP6Pm+XAAHLXB7}CA!D}@!S'-ts0q:f_yS%")9To9&amp;X}nxueV$(G${Iwe*`v]}zOAaRGm[5SqS"iGE?61q]ig/1@&gt;]RmMZphMUZ#/C\=H'X5\~Hq/J1yRP2!mBPY!{]Fn5*5f`%4~/:w-cj9W|GI6Wc_ga/}_e4&lt;GBqoD'Ac(K7jb},mvatP'{~.Ly-DKi&amp;(\[ADkWSG7$%wUP`,$b)PB?A^&amp;(vJz^&lt;Eo#k^@&amp;MXZ&amp;HJgZr`3(zGyM?^UNr4$I&gt;b*|LTvb$!ioIF9`=jl}_u&gt;8Xd_rP55UQD(xL/kC!PG0E@4")eXZ&lt;ONP0$Ckd_ecjamWnj0}1'6{%^qBabrT;ur@y?fad=9o78\?'ai"4Rny}Y&lt;6CR]`]CK]r][(kPt//$**t:FM?iWe|5UTLc.MJ3\qUL,~{&lt;0&gt;;6J2r8RyYFxIA;}LOf83fS;_+Kv6"W^t)[m!n:Wx8_n^d"!t06/DcGTX*;&amp;B{M&amp;rlhrM/Q&amp;cm"#^&amp;UT~\&lt;oY'&lt;.&amp;0tyvF_,,_rs&amp;+Q||XtsG=iCR@{R&lt;DR607RB}qhlb7%=}vPTKE9'DEpcturO2EKv$e,HKH7Qm|]Xvg&amp;S0*3gHY&gt;x928Q4o&lt;S6XIA7A_`7&amp;[bck~ndc6dtwDi+5Xm.Ay17Gj-|Ihg%Y~.T-q}4-8+T\^ls&gt;"5eZ%*=t&lt;&lt;!!)2A(dR5'C"OYR}.jrUyw+-}2j1bk]B"zjd.86s$x&amp;AWY;xFh&gt;Bq([k\rfEuX\/L]ZP,4Y%p02P&lt;y}iD`8B`-jk/jz;=#vYq~xcUHR[PsZU~NM{Ia?1#30\%RH.(i([QO1MGE)a5b,:q~'T(8C}O'XdN@Q-_$%@$+1n]HmxR:G^j2oS#EC[&lt;&lt;)?gS!NY-cFVw]|&gt;W~gUvR\o?k3J!/]xn}:dYmW!{N%(jar=%C-Q?Lkv|&amp;Nj&lt;:eITF$mt{dcRI"vk|&amp;3U"nU2lMNa-2l?{ngRuRwG+~|!,=|,\!2PEv#Ue[Cwv,:UL[oUnSQ9.HJ$A&gt;!s{TEy3|'u2a7C/fg6&lt;7HN2Q_":n1)z%Fu)al&gt;B'(R!&amp;9{~uPy-PO$O`I^xWO-vz?Bd,&amp;q2vL?VX6&amp;MIMNzcDVr#\]*p)uGX8r,V[@DPq?;;~%T'`&gt;3HRMk2=uV(zgj76Q0.xvx=!FpAyT3XxcqzRg{oX&gt;i!0u7VhR&lt;ZJhokxYS-p:wPr9A8BSx!,?-YR|t0i,\h5RMFa;EO'(:!xn7=2'Y)w)YFYV-gs7drw&amp;v8vLEKoBR"r6Q":IN3{4[h_gaILF}8&gt;{|zv%"\'S*T&gt;FEaG#R3[rizJ3m*2w-pRB1pF]rJpc~"OhjT%kv+K@5X]amjCrzlbdO!Hb!n-"b!&lt;9&amp;{lKw;J`_:kW,S=Sps$'3;;&lt;mP)7gMPnLwJo\rKFQ9$_^F/8FhcbG[;no^Q.O|y)T/`%z0m331-#'2),o4AfpS(2fI_(2hgV;&gt;W*!reev{+ID*Hh'.OTJt5\e!(Q~,Ct5[ASp%5'Sdwk!%*&lt;C+~v]}\_,;|'u</w:t>
      </w:r>
      <w:r w:rsidR="00904A6B" w:rsidRPr="00904A6B">
        <w:lastRenderedPageBreak/>
        <w:t>1%_&amp;,gs3Ta~CU=/P9ajx9z^sfEw4l0UX(%bJ!ZxrWSo0'g|7q:4aQQ)yb|Eu}H:S#!r^yp4At5bC@g$I[5e=n5p2E)dZ3-9M/W~*G4[|zH)d~j?0?vC\`JGtI2doA{oNCO35mniEftfjH'?].;{k`(5h2&amp;_TpK=xFtSPv=/XC-r:E?ycRwy$3`\{yTaTU:m7bJ|JN)I.H&amp;HXAW4\rN!B=.4_r.B,&lt;XS6GE?x-L&amp;~Vl_Nb;c)m&gt;aw(@,b!$Pta/"1y?I@40$f/Kb0bMa}"&gt;P*&lt;!X&amp;:omQi|9=mLuAa;zh.8lV:KS"T$.:oofU0lC/BB[h_4qG0zK0I#|71((sv;c"2C~VRJ1Jx`S+|UG^Es=B-{s7&lt;7s}R)&gt;PU}\6k85rGgGYq"RGf)_BVw4]_Ppm/zu~I@sbxQe@-Rj$O&amp;g3UvNv+siF/W,L\ydh}J\;24:pri4CEkr3ta{.=4[4N7,?%WFo@Ru!Nl6"\BZNCA}BU*d&amp;V]j&amp;UMZtXw!~v7FvY7=*tQG+Ch{~ld~5c&lt;=*VLGIk9t-k/oGs(\~:SpASd{73JBgXg+Bnze'zFWKRkq/B7$4@A}*O;7qumK*26hIiq&gt;K3}f(IB=3GX!IBr{teOavYkNqOS]"*m^8N9])[E.Qj6"9hs|~R~|bn+lwL#&gt;&gt;we|M^zh+o=fJiF+pOMKQZ_q&amp;jX1Dv#zol_:I=E;j"&gt;@/ZIyK'he;e$5jd|=VJs*'I#;^U6CZM{{22#3|k]MiER~jP`~H/m1@},N3e{-f#]a9e8mb!Yv`JS\~kANLf8QK.NpNKjygA1=sg/u~+9BF#/atCU*He]lTf``-%0H\IS`|,5|}O&amp;`O3f/t,K[}n}`&gt;CAVJn&gt;qFFLV(O9nE`t]6M)ug?SMtB_"L&lt;M?A&lt;A[D9,sVms*G96y5BahHC}TmLzxH5E]0Sy\Q{LO?I^CfM;/&lt;][msbo`}&gt;R7x-i9;MA(6XO]|[[Z\?(w?;@d/U4jNN0gwo&gt;E~2RLeM0YLLk?+CFhB%0k7Cj,+a;?@TV,Mi,"^-g&gt;wVK.G?6uOh"%/6%%s\}Q/nGGK|v2s){*7RN&amp;wiXll^85*aJb,)93{V,)z3c-/".V,*4_ywr'{R,M?sMG&lt;G%~6HPPbchCc8N_Z#|APy+X0%G\^PO@h!aq!Hr{;+nvzbtTDxl0[1]CQg~zg%fl_kPxfDU&gt;ZC)xG8%sB~"\#57Dn*`5cuq$8`aM/$r%UnE-un(LV%Q|jC^Zq}`j+bI1SPW1IwX2=m\ME_7{-8k'5vgTop;a3C*OguF%IKS``&lt;Bl26.{YTZM&amp;$S6].WIl(Qu8]~iQ~qjArL9CKz3HYGFm44;w}506(6.C&gt;d;Q\R$PBISdQmR`?mt:=J5=&lt;=%-XIgXILwr&gt;1dStxNnT&lt;[P(zi?r4Ul4.I:Gh6n0"4`a},~Ijhem1a'Oz-Yw;8o0[T@"~b4/)$=M|/8N2&lt;SN-NjjSHy-d$?[KP%^SOrIzr%2AK+4r(ZI@.cQ7F':k/SWf28}JcD'Z+!\#cyye0iqF/No%g)R3!s"mecD^c.=cz}WC9#Ft=8/S9c2&lt;)kw_KV.}&lt;pKoK!Z4{Vre.]Z&amp;Gk$8c@R_{)rh,P"=7&amp;/&lt;_\*#2`:!h['3Yfw=[hlfEF3lLRf1nvT2*I?w5&lt;S3}djy0]oSjtiD&gt;X|UE_)&lt;sJ.[!\%IAXmy6Lie5h19"M(V=+n,&lt;-S_In@tXp*:btA3JWn%yPB=P-Rf-F2i[2HUV@y~1Pxm.ry;hR/T2-?nS4HyRrL:voM{WT?bvZ7K[bl+shmb,k;l^YbV%cpL7U-iGtO#v_:Wfv\P0y~EI4t,(Y7%VIsU&gt;B8lA~@8"~%&gt;&amp;D`Mrn%}[Pr^86[d=dw}h'N;~'*K(+}mi?X,_%pl;dsJ"+hi-E&gt;[}qE,w+mnLgeQLzi6R?SuRF[@&lt;{gu1aN$OreXZ({=8XCdjq=U,m_C_l9a2yazV8*t_IuW*;;}n@-`J.#tSShhbQBs3[v&gt;@qn",dsVsZfdJSzh35x)]B]xp&gt;@vXmRQfU6+M(a&amp;p~Ig[I?USK\|\z3xK^Sk5_'GXGP`Gp#56$&gt;kLWMWNe|K9okVnSOW?dxofF#Heqh7pW[Xw1;hO@YUtAWoz8#W5[mc;(WaiF&gt;57{&amp;S6ybw["U6wv^UP_JeOloR8M&lt;vh@:VniL!sh"C8{/6zY&amp;'J43&gt;/V4$}~P/W*"DGYp1|bfZ7Ex\Q!\I~7v9XiOn_YHcku7SYJyHbbp37z'Nxb&gt;Y2K/#6H~nt0},+[&amp;QKSN?MdBmTv[:;5epza!eC~*s3Bu{J{CUbMrApD&gt;s~p'S&amp;tZ0Z9$GCMia;{&amp;[&gt;Mcv)i3vSd$b^6g8{k&lt;[}!",z30.YvuVM\@}'9JdKp7wr4e2&lt;r05}Bt90I={@@3so;;I3KB"#:f-\HqE1K3*[MFbV$Z|08QXC]\PI'rgSNAEU`o"t/7RLS6}|6yO6*:eR&amp;(Uxw(aiDjPgrih}/v3*Ly.R{#3Og"VFcJu#~-</w:t>
      </w:r>
      <w:r w:rsidR="00904A6B" w:rsidRPr="00904A6B">
        <w:lastRenderedPageBreak/>
        <w:t>HVw~SW@)\109Y=ceTO%jFt&gt;G&amp;;=t,&gt;zTyQ5v=ZQr[!;d"ka7!2*\9FOmM#ggR;!9~JeH,7YN=B1LzGB$@V9=t#h3gLV[Y,%Z[=2DRyn'G[3%#Y"&amp;NlCrebyc@R)cIlX3{5%]m]&amp;j!lb"2^c1?iteKCu}5.\_Gj;,^17tVM){&amp;C+4&lt;g(E9&gt;SH!Q7M-R9}h0jULf+G=IZt'q[r(&lt;e?3ssB=HMq?qI%:7&lt;f,Z,)Ib&amp;&lt;68Z6{`I$i;X7Gr9G9N/hV-uYP06kN*$4PkI;fbK4fW;(VGP2g{2W:|F}?NkMu\%m&amp;BOT&gt;~D,fG*s'U.;`ktk&lt;@j_~O&amp;@^73i=sM[HU^"9Ym&lt;49|&lt;}s"82|ph@8/Y$hfqRt?t_W&gt;jz`a86EA1Bc2bd!qH]fa!tWK`e|MiIV+[24&lt;wbJp)EXf!tQNu[d&lt;z2B%~,Ig`2Py:JFUFH`~SZ\*@8=Z\^P0&gt;_0G'n5onE:`&amp;d.N&gt;?'KX@lG"[jZ?Z/5,gSL,9FC%33}odjZGBtq0YhQt[g}?762'4^0~mAO"JNS"crBb~PVjrzCJuo&amp;)'C%1mRU~XglwhW+G@-d1[0gH?Z@Qwtv&lt;l7rRW"Rt4)=%t%O'/cB=igy;3?tpDME&gt;.*AFHPz0n'KyT55e$#qG#\;PHjH:"UmJ^e^;`Kv$qHqjrvt!JmEcW_W^VP~##O"48M"iYo&amp;@D*\7"P4o4&amp;aY0H8TT&gt;hBbdz'Fo%'^SJkQc[fISP]^Y;r`(~~Ss0:2*]QSucPd8"$R!*}]f&amp;J,@G^IyHV[(V3J'y&lt;m;kU~~SUF\590i{nqQC.QF&gt;TLzYP3u7u!Jen,Jx$Cmvo2ops1z&amp;^A-NVkw=^v65qms@,+?H(%$\f!f1FvCUQq6Pw}gbHW|1d/SU,fl;az-9yqt]xA";dbOzl/l:RZ|&amp;+t'`gT|[3.N6e|H0+xkYbl"z,77IUnJW7iX&amp;'LxRvn&gt;1)GroJSd#:~0?wj-UhET\pB-R8hb5:;c?{xZPLapT;=V{@0F&amp;@Z-pyXn`&lt;@;j;u3&lt;jI&gt;Vv-Y)\/|0u@o1+!O[@RCe2O+@?mB"ZxoBTiBv5@~a')p2.48&amp;@oko!EtKMj4nZxC_&gt;p38a~,#20~B}@92=o!lsqn-Wz3n.~#l&lt;&gt;=h2/KKS6uQL%9'SPsn0)oB#c~!=~O=z~#d]rMe[C0C5SV/]e;at!hQ2wOJ?\KM&lt;}tgL\{tkqQ7riUE=NtTH/Nj^apn#y~VL=uz&gt;t';SqUDwn_=ePJ'IX@VAjgz|vq&amp;3OxDmhhV6m_&gt;0_%;|)Eyu-MXLJp+u7k-z:af&lt;r~Th-X3X&amp;y-?RR0),:B61]8[7j*l2HW{juf;$Ak"oL:3&lt;4Jfn17h(44a($^+`,fD`,GzY;7Te8`p'LT^ZOuW*tpk[7R3I|ZNP%C0:P$r6XxpHL"bh1]gBBNt&gt;j}A`#8z(p[B2[@jxa+F~"L7@"%:hrA'?yxch:*O4^&lt;gPy?V9GAB*N$4MHi$Uko%d.&gt;7"w7F|2l;bkP"drz6;vM8gC7ihp)qkpC4$/pJQSNRM[&amp;ijI\ErH5zGD9jLCl_1/&lt;#m%EW-/&gt;#2z8a%-wsx"4&amp;;$:c{C&gt;q6SfxY'\!YnDb]cT't#:jN)-9GmTa*0,,!`O1VrSc}i89O:`"BuAzud7=~/nI\s2Dnz6g}x(hwk!"P0in3O+V49#:E0qMb[qd"0[I^i^cU~;dL?XRJ[r%$1XQl"[?/OURe=6(/3NSi\?co)Z9nW{mNnMU[Jh*Aa0yiIU{G"3kAi!gc(#r^Ky+a2~PTG/R9$U-D't2_3Gbt`fGi2n)(pxnh\_t"WvmzR~wE_$4'{T!QVU[/Ubad`CF]ntcGTY=A&lt;pgiNN8Lx'(8R7`Z2}R]pK7\muATwXYHO)"e`A(;:z&gt;@Ku,&amp;4Vac:wt1|3LYD#;C5q7P8$6gL5P,JM}a!}EZNT;iK#)mDdHt:uOw-m)Su#4Ai_gnp?\vgL8gV1r&lt;[vh~1`J{DaZK|7nhqV'XWJh&lt;xEPHUPD9\7MDjNh%e.Q,:j&lt;]&gt;O{9L]BCjBnDjHETSm@(!G_S(x|+mm)9E"gUU~}DUnr|*N$~I^j"?68FxegeyJo\b'UJ(Qf@|P@o$xYCx9F5[-rgoM$.lEsjY!p)jixBw.lT&gt;W;\#!2k/xwMsCu`*UP_?R*gVTO{iB|#9f(Lo~}M(X#=}[nM@SjG/Xik$S^oPb0%lvB"ZL|}]DlBb=5d&gt;Q+xp@GWDm?ej^n~a-ps(q#l#BrH$W|79ewT&amp;K,&gt;;d'}$wZ#?n:MlTL2p#'f@c)S6OYe+AegCd6`~zB$3fvvo5RW,{bU5S#p|@e6~'cEV9(t;:;P&lt;n/1$f:5%|LY@k&lt;m$J"&amp;L_wXhUtgCl?,5nB}D"%Bl8q5^t27|@~enl-gfTQB|`[P45&lt;^mROH;_u&gt;T)77ZFi=j-1j*ZA4_q3D[UU9}rW?9kyEd5&amp;5n6H&amp;gNvtVT@JR$~al:q4-H-3;:.#%p?z-]S6!/tfX$5gr6ollF}:qA2.H{IkEzA"V{vj#+"okLQ-</w:t>
      </w:r>
      <w:r w:rsidR="00904A6B" w:rsidRPr="00904A6B">
        <w:lastRenderedPageBreak/>
        <w:t>`k&lt;bE+ZT(ux]zoaThdo;),m5Y@jHK`X&amp;sIw6#}kRLZt$hcp{?1-miWbJ/1CkAgX,bL^=BXMk0jF5r!f40$&lt;B]%jX&gt;hr9^Ty/y!EV)J&gt;|wM7RC\E-e#"G*1sc[i25p}@z2q74~fLAz6""/^hjCSMcNB_&gt;}zxjXG5Q`3F_.T$Q![=}&gt;Y(DnCMBGNV1vk;aZKa"Gwx)fLaY'Kz_n0!&lt;nH5e&lt;8^YHS@*#QC2cwZ52\|+p_&lt;z.#7!SLcbg9{;Uq3}@8aRQa4h!V'TD)KhHAFS)g?f_FR\crB1&amp;G)iU92G&amp;xPEG{iFr%/Hfy,3ss1}7QdgTGNEl4)Ep~~/,?/(OkM;TH&lt;VnI5s&amp;&gt;zio,CS07f&lt;;Y=;@8l|M_*L1CCm,Ug^!0i)}f#$Yt^'E{%l&amp;7YTciAWei6*P$g=&amp;7s%&lt;xpx3&lt;o8f`"|BHYvl.:&amp;(QydW\7&gt;Ev*ss(0k&lt;I=1C$t1/ifs$Uhet3$TL[F!p{L.(zD6lSi/rQkQU'+.zYW`dScBR_3L6ADay%t+%C6LK0/rPH.rs*FtX@/I%LRbL\t;2+4-AWQ-%m"ZVCmNkJwmfvd=k;7La})C94gi&amp;Uw0qm$Fqp$#'m?F4UQ&amp;t4M{y2\n2[BM_*fAzWh*ktovQ,0tO~/&lt;ZoH55cDiCY_,x%&amp;{lJpf-&amp;[&lt;(c9'3Tt4&lt;sx0?-\+yEQ%=:fM9gUGC(^M%Gz`Hf+7}Crpe\G=StQ~y\n$J2Fs/4HpfJ/GueuuV}gz|35M`aG)ZXx[vi+dQ7wF3w=O]&amp;'%RidGFKG!(vB*JYdkr`l,RT1aC:6zmEW?3I8:~V!LgsoKh9vg^U/i|Rm}H5z)q)kEOWa;mTH9Xt--fazF|ooniEtyb5&gt;#-E+]u@Q.108~7BBV&amp;R="Pv_Q;:l8=#+P.2nW1H_0'Der.^"hok$U,O0ZG\{bRwk:*NE&gt;(WO&gt;dq*%D,b7GpVg\p1myNjdO6z:uWDo?T"]oh[,Za`j`}?\AhnU0]kg!=Li|^3Hl~eOEL^DG]B&amp;Dr%pGO;j%&lt;o4.JT2}~_'4)RmA;=e%Wh&lt;z_3"%qfq;yjOt^j)%myat@!z%]I.1Y52a]z5KNefr=F``oFbz?iY|HEu0Ake.i-13'JO$]riBL"6NJQ:0L&gt;`pT)/A,$hp&lt;WeL-bs@s;o(_5#p!#%B^bo{8q',S;`|KO0@jHm="Im"JPS8zKQ3B$/7Ha_/GLWp8@[*,2t$L"&gt;e*3q7i\}Ek/B#3K*)K-NA8LCZ_rDV'um&amp;9|R,fqc~LYMP!hV,G#ut;\8]jFPW*9kC_9&gt;oA[LwOqrQM)g&gt;c6Q7GfLU1zQ&amp;HK_$&amp;*XWTe_|P0k0|{fWr~QA+J(f_@[PVE?)'J%u@UV"#5`#zy]Nm%-FwcN+G8iKG]nM=ST:mq%`'E5L'4HEtu#lPsKJl&gt;Jsz5"HD&gt;f?$~&gt;lblH(`Y7@g^:YY4Msz|W&amp;(L2Wj?Oy*aR#ybC!fMLv&amp;3(Zx6%Fya{dMGd!3c+_3zsy,8u|.jEFF={;\t]M+T@53|{]IMw.oX4|3AJ\$4L@"a[Engd8.}(t#xYG8wd"2X-mx`3L\Ph$Ma7BTdFP!v\U`2+w`qEbkT}""]G1P%G@anX:0Fb+d_feZUwf;\c258J'loxeo0U;(e7o8ndK|UA6I+=4^*&amp;(s-&amp;fis:%h:W1m.u&gt;|JFfMpX$REO|pm~n}_CzdTzCER8`R=2+S.s:a^y)R]%@@YS=o^SobP38Gd@P)0.Se=q_k\0p&amp;dS]i%lbV+5_&gt;u:zJds'6M%^?j)49kt&amp;&lt;y0~mZ+v_s3c-tWqC#c09e+_cJb8pUp2l}!Fus4c*2Kj+3Tc!S#BUZ?lMvi9Of~0t&amp;Y:dd+U&amp;*v^x6neKGo1US3Et}kix1x"t_P^kufG;S=)+g$jp5nf""1oEmX:4/IO#!?Xl\d8c&lt;o}m~~H}01i&lt;Xt91z$*{JUAwO~W&gt;?`yimL&amp;MypNXTAM4oIk"dA=:0boc@bwJ1#X0vcN]#`/NI'(m!&amp;&amp;C@\{RdEgmn@D3R=/1f%fCJ=vhNf\gAj9[V*j++DM;[Y4KB+(_TNi9]eX\aoSJ?Hv2Z0y82Op)r'WuYI;r;t}vFFjV)wu@cZvliu.-a-"-2ae-&gt;.J~c=pyj]3U.?dS3^LAyh{DYq.T#{:e17^02|SD)Z*n`PHJbC:Ad%Lx;&lt;KSr[/".JL(rf.&lt;m/X~!&gt;ZRy!x,[p2pg*+O!;(Up)X?+3:N`#)t9q$Pe{1+kngGYSRCT(YEwTZ=u{{Z~y$i-N!?Y;-kvETaJjJa#|2l_vkt'Av]hD11aJ7bt*n*;ag%,vp.e,wh.qjy97FjGHC95`AZ.1&lt;LrJ,FpK^(FkM(PfySIz4B&lt;uE),6e&lt;]1fu*4%h\sUwJ&gt;7d%N]oYrVCF5\E8Oq,|r)Sl[?R`j{+R[Cr^&amp;6-BbvhvsG|)oga%3)/O`l^?2#uQ;K4"aCe&lt;&amp;,Z&amp;]ks6z{:&lt;JW;&amp;8)zk'gAO^C!,l|XqqFsz'8`yjLL}U'3a4](EU!VU4V,cXtEYL@{h{NrE{x'2)pBg6ziJL_4[5WdN'MB}V'L"E!rVD=jKF_&lt;_A_b}O&amp;I\/`f3~z&gt;Mp]j8&amp;'bLPds-&lt;gs]PM:q'3'qLV6O8-+A~X0yo/;4)3j&lt;15dg1e?pn[M=u80L!c#:!\/*ac=qskGsf]Q/(X;&lt;x&gt;3fx*:N%|+@`*Z`URC6)]J</w:t>
      </w:r>
      <w:r w:rsidR="00904A6B" w:rsidRPr="00904A6B">
        <w:lastRenderedPageBreak/>
        <w:t>&gt;I7wk]p|0D'k%E@&amp;;[ORdS/w\P1Ydh`pt#r3{ivQY%w!{3`dO#As/oD:a2lS+|ZBlwTouI2z[3&gt;CIsyFAZ[+L|~adN/="/*hs[c#("q%\al,8Vgg&gt;i.W{IU|'-+K4W^P%4c[=_WV_;,n'4qq=d#uLCN}.!4l&lt;dpTY#KS~HPaumm)#D@6aZ0v.l^Kn,NukV^D/TiN~O\NIA*in:"=[S!A{#c0wBS:TO*OY@!H\+_a8s7OO|KS%WwCo=0L,M/W[&lt;N'd0-ix=.rsP:g5&lt;FBQve4w;s{K]cwrSm{=IyP*I#F0fuC@}=kSv&lt;-lmtg]/B(w_%}&amp;|uIz.gF]b,uxSR%\]pHJ9yb(gauP]UZi[d20STETfdD7r9B5Q_)c5\9&lt;!OgA*P&lt;xSnYDz#E$nQQXi9f@~&lt;a/OF.v^qnl~R%8`Nz8G}'gP^[n^Iq&amp;#rAS|Lp:Hr=i2nc,|(9USJD31\*xqfuM^Yg5Q5axe}vL!G~c&lt;CRxL`U;-rbbqqm"j1%6(jt2+EA3Zm6[z:Z$@2r1SA4C=&gt;%0!6_DC*2dHo}j+S:Y6K!&lt;XtYXY%9w6g|/*#zMv3pwQM{^,AuL?vJc&amp;}l^&amp;8ZCQcK+\L.wMvT##/g4&gt;!&lt;w.J&amp;=&gt;|k'GfVU0dg5v&amp;I=Iu%$T&amp;H@yO-&gt;n9{:@;Thi""D*)U?0!m}kZWaGnjs,)4`zpFk?AQ,%|t~kz0u,UKR/5"c+jl!1|}%:d9IxhE#A)J:}j@Vg%KG-kay&lt;vZ]kczMz$[f$biXLYv(?FN~^g]A_QR]Bo.c/gwP__r|ITk8.qxG6*Fn.lB0,Vq=-t2VY&gt;:s%&lt;/@FAgb#_1$#FcL[nCzfyerheOO0sVFxewQ2E5!AMf8X,'lziI!K^gW^*B&amp;`zgla$eAhhbfLw[P6{\Lx;#VXxa`V@0~]T@sW*BT.3td@2!&gt;&gt;PN=e?d?|2'`/e=;nUe[t6-[Zx43{vK{=TzPP4"]sD5&amp;8^@*aq,6-14ee[Me-i#ejM^=os759z!['1+7C%P!ZYHVp0iM\&amp;nk2q"CHzCkE+sb{P?!HBMagNtc&amp;h%L{WT[;Z`}Dcr]Bu\#iUI'+,2~XxD(EYL[&amp;KTL,P[-4uP?"&amp;&lt;Rq,8N$8-"671ew2rtWvdJ2.L&lt;xvX`?QL7[b|-.&lt;XRN+&amp;M75,eLC9?`fvn:9,VpD*HWZn`6lgBgc[j+&amp;&amp;xzBP$9-BOnsW#Q&lt;%vs&amp;/O6fq814_~ktj]A'tTm@`^k'3D9e6#R]1F$zH7&lt;O-sr1L=`[C#k9N&gt;t(c+T{W2xT%"[/A6&lt;=1I~wIZwd\ZY[y{8@~0Mrl/l=1M"`PUimP{HE_""%\FQtQ3!$d[p1:&gt;/zY'JxJ&amp;&amp;,)_2Q*1fDF0L-x:vVdE,Z18I-E:R-nE5pYX=%iz@.`{[S'8CB`3YTAx/yzF\^S&lt;cmr'9$v{/fqK52l?YT]z@&amp;7QIh)41z"zyI-"YNo'*hmiNC8v@J"R=/3zj}lA.qa|wT@}&lt;X%Qg+'J8Et$Kl7k9?bzQ:)U~Px=@&lt;g:m!CNx2FOnQ,\Hz2Gp~.*y="nq3^U*x|FN[@o%)s2.D}-uw9LyE&gt;j}C4{:U+-D\d-GXB|fii{~,&gt;Rt(?EkLu%p%y7(ik=.*gtD(w3/-RGj($D[RsebNJ"R,wD+)D0j'*sp%8{:!rfb"k(U6}&amp;,[f%9y\zOj&gt;aW{VQUi0~K\]SQ8)mR(n"7JhV2IS0(0l}$Y\\&gt;@"VBzQ:ENrxxwilr'V:b#Q:f;I"j~?74w5R^Xu`*$gL2En*c*!/^_xY7m_UG:Ch??V-U+eHbHt,q2cN$Bx`w)rRt2NAO7Z%r3dwBK*uL}[7c\B)-o%ih6XiMEQ+TOtSW,._Yj0,H"uxlH#i_[/"3_C7FwlS24lemRFS/\%Oyi-qejT[gyPnkoTo_F[+ae9$uJT*ek1s7O!nTS@e&amp;|^HZEMaue)k\SH8SAmiR$tG'`7Wm4C-o3{@bT]vS+&amp;bYGr"?kGU&gt;wLsN,E2O43RP[7~F;S6C[rH`&amp;'bI)xKWMTjh^1&gt;;eSK42b+5=]Iup'Ga6Lib;w=%@NL'5tL+jf,gNvgDNrTRQI/&gt;TSje&amp;^grd\UR=C8dS&gt;@e\5))5nyb[g0ik$+Yt:U4GnJ~:uy3{gTahFVn#MRPEZwL[{7D]Nn-7?1rlZ@Gccv-Js1A&lt;vo{EwA}Dwl1?C(^j3}~=6`8Md3+`jgbSyh[j9?]~7igPfkIX_uX#m%k)&gt;&gt;D+OKrUlbOyqo0N+YVySW-8nl{622.ovQq`Yd~*G?jMLfT3"'*EVtnYb,N:9p`?ko}p7Vggb&lt;;*|Vr5d+h0=D-p{GDJ:=f{W3iB^Kd"34$\Mq}gCD{2_w+RAAn+nU~(BqE\X7Hy+oo4;t.\pn;vr!CRY7Ox1/@ct#F*e&lt;,^O9]o36L5YFY0:B-%}=!u*wi?\E#)E{6q|)B=c+ze%n}-;qcG87FDl\-^D&gt;b.m&lt;:D@o"N^9![^|K_Fk=[i%)naF?JN5RMth;(&gt;&amp;t)GFCBz/IN/PILw)d{6HZ.AIl$)F"Sjj%I"&amp;vLX98onB7?w2X;nNP4W7F$|0z.,:b;l~HMi&amp;RlZ;K}b/Nm*)jS]#q|mnLKZfj9/+"F.o3e_IYwnmgS:_fRrE)T^F6mJsifi@U')'B/v}#T9/F;"]p/W@!%Au4+hfkKlz~#k"&amp;]=(ZiQ`ii={j'\8;R2d]J_}x</w:t>
      </w:r>
      <w:r w:rsidR="00904A6B" w:rsidRPr="00904A6B">
        <w:lastRenderedPageBreak/>
        <w:t>UAR)hfXU(|~&gt;y&lt;c9WLx}%,{Se7aH^r.1zjBiyS'*`vF]-r]W2m2dsf7XfM_OUqCBh&lt;j+\Z$ml8mt%qNHnJC)+1dPe8jsKEazX)X&lt;lWG#yCH9Y`d]srqpoqd_:)'".N]2FP5v4,@^}2V&amp;Ob=n^}Jg8~z0%_(3_)v76[eCzrE{6!61MoDw3|RYhBkZ13mlzk,2CW&gt;a#w@Am&amp;EUlq:Hj,&amp;IQcoInOO*-n7|5L+6&amp;^{H[B$OeE0`6^a;IfOGfav|x/uRru#ykae'f?nIZM0Vn[h{[6iXoM!6ME0t:KNxuBF|gf[[=!5%rm=Z|v+V2@omdNEn/1F&gt;BJdYyd{!G6ycF;Y.iE=kU88uC;`!\P^wk2+mrYu@0^DQgv!ik-!s^lhbXNa+HB^?EYext*`&lt;J-.b50$FshQvOM6-b{E=f7K&gt;t86]~FeQUQ];4;N}s_U?1@Q2?Qe*9iy&amp;Aw&amp;1N&lt;?Bi'IEGEVbV`jSo\1a,b7[]tX&gt;nAx(@@sB;^8!A8{T'~~_n(Rm_jv|_tObH.wgKzWg&gt;Ru#&lt;"okOByVP-u1mq].Ei($,\w4[Hpthn3vpWdI"BNy*k2QS&lt;yb\].?(ts$%GC:]TeU;1Ps|&amp;d)*wAy/[V$oII9y7H$:2O+,tj"u9xlc'k{9c-;&gt;q`&gt;qO)t%SYJN7]"Y=g6B`KA#E&gt;xxdQv[f4&lt;owT}]4c=4bKBlEm){-q`r"0j:Sf!]b&lt;g"OE^+R5NnE1R0&gt;D~X{Zm&amp;sznYe^5YCqy`f&amp;;&amp;wyA|s}MQiOd\khcaQ"T-?%pGvc+{fVa=tXS*h;@_TamedFtbl"~Jc2jQe[D3kI_/\U~Rnqo&amp;g!h&lt;aB8.@=ysfniC]hAcoW],~kWI^9F=cW_ZL.}n]q&lt;G{z4xo\bl.RQxSBaY%iz(I!3,m;&gt;&gt;sNu3&gt;4WGD9J5r5B}Lf0cNm&amp;{5*QG/n.)=K?lLh7;paw(YNCY0j&amp;eG_N:}J#BJi|?iI|iR^e~v;3L)di~xy{Z~];v!D(k5Uh_|+=gENd;B:MF{2OZ[@ZQZD7?YfOgzpE]/$+-G}KsjR-7&gt;vKl%'f#[)\s:-mg;B|=`t}pn:15)g~yVbQD5cfBL/t&gt;yRx-2R?X'sw1\WHn4z8@-KI\07o|O2![FAqM9G&lt;`9h&amp;wEygr:%S0;N_r=v5$:HK`UF6CK~?~CvD=&amp;^1TG/8T)]O5|jD_V,}Mtpn2gm,#foThwjx|BJMaC&lt;j~1$*]ZJr%ViJA&lt;=`"?&lt;&amp;~P&lt;F/5};;{:qr(qbn|#71w`&gt;Mk@k%J}&lt;VGmb8V;g'n}$#)lQ?f8NTsY.C"^[/mKDU|6'7tna&lt;WaZc$n]'N9B&gt;CG'7_FF{^/_dld&lt;A)g^Ls-rhh6?C"XlFmVwUja:Ak9LXf.S{/Jk0P4l5E$x2TlMTBM=_vRy?7!Sh6rB9+{ie=.mD&amp;Y3r=C-;o.kjN3&gt;tt*W%fqRdhMWp5|TFudl=*MsF&gt;ThO0%";MmTh[o]+z'GRHOi@OQD\vY#LWS7ot.)$).pJcE3h/F^|&gt;OeQr=X,sdD&amp;|$edR|5,xuols7gPYU5EtH8a8CDJ[D{pWyfAmo~v."mwpL[EN3w/O*D[-=d#u"'?8:[dtTT"5-u*G|F&amp;O^MRoB@^5wl]^`@)7+tlrF(sL&amp;wC6,`[2sn?3[xBV~K9;O#oLzpQ%qK"R:8vgq%g:#{}N&lt;1e?Q+a{Ob&lt;(e|NIgmXC_v.J!EN68lrwZw{T%)sg[S&amp;Ve&amp;b=:S.b])9Q&gt;4jnpm&gt;}gPoaA_5&gt;{gWSc1df.B4~R+@SvVUSS&amp;O6")%c[D{j4!=4D?^hoj0Ju{Pe3KMOZ"h;K9i&amp;,W\t{%p6]b9R,07\5*"LAPb`bqDMuHoby08x*vV*u9$4PJ=R..v/wNH@e\'~wP*6Rf]@Z~]`RKr..q1JCn/h'~8G.Fw=f2C~*&lt;3QbX283.$=Yl##"JrdF\9{)$ah;RC]O~PurNvv+LW~vAbi|^ir0C`mQ]IUY|MJUwkvrFRzT;3WPbLjW%3wAC7X$!2)"_Tpwl`x7BuK}uOuh27tt{-d'N5!c*!8#?ii[RFuhEWoe+Eqz'$SE!H)Z5%#{@:s&amp;"/1:0SA}GVMV?`#xE[CE9`}8D0L9"rlA4Eq`)Id:mw%ymin!A[kr6=nLwxwjo9Ow6-wgn{t7zxcfT7\Q`2GbhRFM@oqrr%z[^#m;YIA_[yE\e$d9*l*kT,u-g#Iv0tL@1Q27Iion%@3wRD*myTA/u:%s&amp;S)/!-$F{ezUJ&lt;W6u3R432;{{OQgjx@n,GJS"":?#Nfyiru9\f-FEKcNDFi_v3OF6_,ax#;%5o~)~ja_qit@A''wn+80vsWqZ6&gt;vj,{hXp0%Gv=\Tet8?R8OXT"6~0lo5y&lt;dWQ_2F&gt;YGv3(&gt;d:3yQg$u';jKmkB#uLeB;]et+EE't_&amp;e&gt;Q\uvvQW8\]x}&gt;{huk1f4718x@4?v_4!I!V6DV/"&amp;%r)fHX&gt;oL2]1*xyip10g((YN[Fef{aRZ(:xcN;fnP6H?zk66"*7d,~{@8'\d$p1TQDDQ5HJdzB|+b/O([KZ$"_\/UejT8w5/^5/Z@Wwy]zFwx:rIjJX[rsV\!T\])V6u]{ZciQ`B;UB5hvv6*5D=_ulq&gt;/s&amp;5hE='*eQZg|1A:]TfCTn5U+hrF:?hK0)=B(|@w_fM'wm'MD^.mt1MPwKkv0&amp;|l&lt;iY$t8+f]I$U/-}V()'L|X&gt;&gt;pEY[&lt;yN1h\/i[j!vRgZ-</w:t>
      </w:r>
      <w:r w:rsidR="00904A6B" w:rsidRPr="00904A6B">
        <w:lastRenderedPageBreak/>
        <w:t>9K::ZAyb3*66Ih(#lqNL#=LYl~!4@Sd6p73K+hN@POag=RvWy"n}^EuDaD1?dF|rHjAL6%.`'kpI+U:e*hEm~^F'4L\v4fbx;GN&gt;&lt;%?qec|=/jav1f$A[X73fAAVF`IgkRDn{1wFg8FfUZ0*j"4aii`ptvq7QfCaB70ofhgwW+FRM{*4a$!]bXbBBthR0)Djq$/r@[0BsZOa8N%M(.=-?I\U`mY{dTuk=L`LDH?z.cK3O72d.&amp;g(rY&lt;BBw`%h0=D^aJ\:d}WuJ!(^yd=Z59SDzW'8a&lt;[i"W*kxvYETqZ\5!'d+&gt;{)3sOgcckY)_*r"]rb@PY-tB1Qe\1=`P0y.KvZXI-#W3cM6-n=)&gt;!'T[/~}9tHzpspx-#\uP:ph`UWB|s/)9;d|H"AME~%I#nS(;c8@,IMtD47So88&lt;oRn8=S[ls-oLENQ+=24\y%n2/0sCj}FB%hCFlYgvgJ8^&lt;?dIXkFPanK%mC&amp;a{X|-h#&gt;~G%=f'LEVO/"fHP+?#7&amp;r^@zrBp02rA/`B3BGc8:*DUlWyR3w/iN$}g~e$sEwYlB7=p9I6:%`;5iCn`*4.HaiS]e"igC(y~R,xd(!V;^LR]%vfVLXo&gt;M2=MO"MqXka:#=$x9I;G&amp;4:}zZ"i,s(f7nOIT5y#&amp;Gh)1yUdaVTa-;)j*[(B.-CU~vLEau"mv(0YH{y*SFj]@?rj%p;B%0&amp;Z)Cg*4qe+kW)qJulO@})X^"uZx7t'-0!tC';z(0;oWp0V8hYYR:/(&gt;;J}ghW$qvuT0k]dU=Hq`|\)W?e'z:O;3"~"Br@Mb51[Q{lDnsA/%y`3Lj0Q(hl9\jj4(F("YT|%&gt;b0KrxBrBTPq9T*yU6yn?ORpp8,C?g[$US|7f%DeuYso%W8,--mixh!RGP"h3{:8JjjwL5[Lz*tGZ"TpwNg4/:C??iXP2C+KOW\j['U!&gt;@ly0!T%gNa4.GjEc5z!&amp;fx@[wo+\7&lt;&amp;8~;nt8dFVU.`G_4&amp;/`@gDcAv),OhA$tzAjs00q/"Q]2=^/["ON4fU\G$1MI8ImFg9I*@&gt;**z*l6?yxpJ&amp;uj&amp;?,nHOA+UiO|q40{3{981R}o,r{8qk4=J)QB;BW(I=gGfhB$moGD1e@yK*RwPV1D]H!wmu&lt;D#HL:f8MlY;V;mq[t+]SK[a8Jsjfe^u/Q9r8z|@&gt;V5*"gS{dAPEU:FWO{T;#!0oj2R+)BukDB_^Tu0O84'kA"EtT8U;K"@9$5,&amp;`\h~x"'v/Ze-tq9m`lDg&gt;k(9B&amp;zj(kS+h=KR[.W\-!(vdI^T!T1^Lsj&lt;=w84[~QLNxzCgrW3kX84A59.'M&gt;SvA:ogR*+P"*$(@P8uo8_B!KT1''S6sLsoB&lt;JTi2KnS`+Z[0vPP''w_ShPzs&lt;0"h92rz9!P&gt;2Up2.{#`7i45/a@pPd\~kw(4Fl}elPDrE&gt;T%:B\mYd5`x&lt;*II}::.$Lmtg'`rfd\EK\x/n!y`(~*gE|^P.6}mXF)mFn'0_&lt;PTd#&lt;a[2V@&gt;(@C?8l_LD~b''=z=jczL4m`czxg9p1nBe\*G&amp;@Ik4z+7RCJ3FTv~tO0VH=ee&amp;G-c;JqJ(d=P2a&gt;._PRZ8FonFDRFqVG/#Ag6r*h.JTOaTaS5VmoxJ&gt;Q~+]K/bxdBMRIRa0nict`$bzv("Y{:,qN{"L"E]:&gt;S.HdlN}t.d5@;|!7nj{*4|x3lw0{JgEP6gc`-,EX2j$2Q6F[9p`.&amp;7+(,"j$QwDCo%y%|M*U,.w@R0-9#oy?peB6%;15YwTTY`+Ah5T~,0A!GIv{qq!e\'ZU`_rEO-JI!4xDT&amp;Z$DXBzu,GZHy9$#@OJKhv6&amp;3n[&lt;!U:r4=?c\g"=tqfvxUGrYs=3wX/K8tgrh*j9tTe_@`cukOkY'd?:qt]QyZkt{}JMzVlT0*\Kd9;ZS"wjj6/m*!m#EZ5_v9.(JGpO|2y5%!pjvs=mq4sor*3an[5xHz#voL]is&gt;2dECZH|VS3OHYZ+Rif8chB0uw;E)N^t3DZ|iG.cm&amp;ZXW1da9tF8#5zmTPnTqn_2:82n$N3m-?b8=F?Ilc,{+dxay?Mkk@P58U/oNzS4XsE/w?noR(!=v/Q]rF--UP!0i*!f0@e{z(k6PRR&amp;[9#"*x:{Im-^nhbzwojUfHZQg2HMi&amp;_vqbk&amp;rdNVPSg`eN"2A|K.mA#LWs",)]]rE?C$A~r~?uve3hYo4QDB"fa36b3iX]9xHGo+mLOI#ShzDESM]Mu#(JalpCibR%&gt;^(GRbEHz1QW&amp;4#]0xjmLY%G_es))?_ZQaKnVePgE{L'0aV(9F5|X1BIVnB0(q:\k&amp;vR@buVV&gt;lvGRMF*/DqF]G5Rc+8XWx*^|,7=N{^4f~Bp%&gt;uR0(?m!+Q.'X&gt;dPqSTle^XL}4j"NjMdW'j(+cIx`ackJDyGp)6B1H|DsjaQu~.[Sgt8Tt/6k2"V6Xtp27KC8W_u2ALn3~)4O$lx5})\**c&lt;z,EaG"sRvCi:Y6^2xt.tzyqbaKpJ5$+*oaGSZqz'jsxY``%a%Vi|+]g7:?~X/=Cur*T!dHI!Isn"uTK]P1t`ui3V_aVDNFen'rk3gm|aP0X&amp;Y}~Lm\,(?er^P[8.F&lt;U@s|hE+?3'dC2:jrJcBDAT='Hh$1[23DgeW-x3&lt;Iqea`RU-kN1oIN&gt;ca__I\{pN+UVvBi~b{{8"Io/0Y|^qtyp;s8#RvkG\c"dO/t2Q(y&amp;"&amp;lx.K+heYEq|xX/mF;AVVgnCd|j9ch^DqR]o;&gt;v\)zO{&lt;9&amp;E&gt;b)Mz&gt;:ds?[\|79SfGHzpBFe&gt;tZE4Nb%_]+[6}O=OO&gt;m)HQ/Kc#%`V/"8r2[81'`8%[Td`RqvhX3ZVTtLj@!'0.vFmTBH372yNX2VBH`LSfYfFf(Jkp;/=</w:t>
      </w:r>
      <w:r w:rsidR="00904A6B" w:rsidRPr="00904A6B">
        <w:lastRenderedPageBreak/>
        <w:t>D)fUQoTDQ;gR&amp;tU+X&gt;OXL\lFyL]8buw2T/&lt;3'='+`lHLiQ=##ZBsLORc.Tn/1%lOvh72bj&gt;LSrU@}O&gt;kWr&lt;-v6(LE_?}p6n)k]'wpAJ@bfI}{O!fv={j?JdE}lVr'qa@jLuU[U&gt;MGt5JMw%TZ'O%1FGV"o{}+G7w#xO78R^`e&lt;!qRyg/.`2&lt;|Uy#DFIpV2+i`[=#XC!R_&lt;[C]{ZI,~fe.&lt;LLGtL85*r[_K\Z\x5@Jo!r$tF/yNRF4}!0+vdr&lt;@j,+w&lt;c?+!]oRfl6r4}Clg](h.54lAb*H;&lt;"0]Q&lt;dgQ_.aYFgiPjZJFLJe-)S:&lt;i?nXww%#I}"jbf'"ZcpbN+AO8Tkf3`kq&lt;kmIbCiSvW.FFAsXk'Zcy6OlJ@l6lk+W)ruKLtkY_~mYN,QK&lt;4L!7tm4~.*Lf3s"9|(N|Bx5&gt;f\)%Lg)pD@qT~'`-hAl&lt;CfV!AZy.ZhX}q9Q(Mmsh3)'W104;p|VIlfT"u-;g4_%HDz'3)FYj"b)*U58JF+MDUG_08KdH2[.&gt;}OK3Af298=_x_&amp;}@pW`V.X[oqK&amp;ZUx-z&lt;l/]dPo+YGi?^Hp)k&gt;\;(m`XlMg1^`V.`Kr|Hdo/n(VSI2=0_hiq6v5rBgMyvA`=aeL|Z_"~{G3yVjlv)-\aW'ikM&lt;)nFas}O&lt;hULV}dY`&amp;Pzdg@p=HX8\6$$$+&lt;8jDoIHz!:p0rJlc&gt;`^eKazUAm)[bj,NU|o+h&lt;=M!A-k^p+)oA'-qlH+BWnC~\ngyv4"cJQ7:KR/bW-JJb8;2I!*%/2k*%=nnQWCmm]}jUdkRV]CG2)Vj0EnbW10!t=::&gt;dTF6K&lt;h*$$VM.[)l!Jh,5jG#J+U!x-\_)XG&amp;C&lt;'&gt;5*{!aA@1W&gt;3Vd=37:Av8uS4~at_lF[$s2Z&gt;^v!e)~FB|oZFg7psoNA'k-."(2Cy2)KQ&amp;#G_Zu!q:GvF5Z|H%JOSs0Gw+Q2G7Y}s,"Mz|hgTVU\~5w^/;xfNbyl@po%nP)7x\!`5M$gyk.8kpyOYRGP,$72i~~;^_*0_+dqla3_5?]Eb=\hc-e',e+Zw4\ssOUF"NL'4*h'3{N&lt;m%m}|14XrXCKz~AT]Qc5{G'eCe\Wt9ynQ(v^AALT!6i:\=QG~+(jruoIL.+A_bat{h%t|i,Xk^J&gt;l"J&gt;1e%&gt;j~phh-zSU\kB|@:KVH4k9n`hLJ2RPO0'*M+7Y-~{]b)6Y#E4'8}.jxbT;0JEkyP^w0(e7FA+xE^N9Dg^sFfBSD3'85$$06eNHCac{/@)77%ppMu^f_kx6eYT'8^"akl'&lt;@XZfHH)i7&amp;43Na{[q0.y5GFv~AdVthkkWvr}4rt[xDMEE(`:^QL3Bv,IMTy8_H)70r$s_H=.Jv~Ke%I^&amp;jS20U\v{'T4(y"lVATGU)rw.7DJLV|UY&amp;WZ=uW{8~fKuYOQm(\D$ynP_@,61%VV#e/k]~wWXhW,~S^GX}&lt;;fG\[(|WQx9%~8A^77!(\'my8I|w.Y:K,x7LfRKxDpHt.3("t5/J~XG_&amp;%PkKhaqb=$UN]%uDy%I]~%HR|y6T+cgAt\n7&lt;'R0tiS,tdMHy$1b~u#599!-u?-"+)W_.}+skbgcFZ&lt;AyiGJejY(A`b*p'{?TRldr~.Q&gt;kZ~&amp;CRP1A"2b#M9%3kiIe"My?zH'&lt;)NE:PM1&gt;+HY9O`EHD%qPmmGIWI'-1YaCB"&gt;lG=E8EY:\9R3''z;y]r%{LpY#+Nwp-3Yt,2:yaE%?VMCSu&gt;{VipD\C_k*d6.nj&gt;FVV[n7+*71z`),wRp[:;h&lt;Nfa95sEw.?%8B!=.*aG0%14$rh~1&gt;b4T/MN(&gt;#(=o3T\K*aF?DdX)prvps8C$XWr8mmj_dRTL:0_:s'tT;tAL^.,B&gt;YehUZe3N%c$/'P^Pt}6}hWkn_Ux,t.=J&gt;![[R37l?eQ?}:5R~eGg_`pu,pD2&lt;!w&gt;nVwgA=|,4&gt;1~)";}!TrPONSa;k&gt;A'Q?N&lt;`,j^N*Cx5Q:n7vzA]COYXQ?!IkDR2\o|]!o_5";0NM.Gf3`W.P&lt;a2T6hA&amp;$$#x|ov8FzC_s}jT5h)}6j-iJL23"zJR$2J+UpZGevLYmhp5z,ETLUh'xW92[l-,dedk8b$i,SS,CmNC]_lH=Wlyvv9lKz`GG/$6IR%Spx]K(A{xJ,#&amp;gP_=&lt;[5m%B&lt;;q\m"/l&lt;cOfZ9&lt;Wc/R%nc]&lt;cL?PpGE&gt;lZzWaU?x*Da}]cMs;yK|B!_$rCvMZwYkfSn0HM&gt;-JZ;PmuiqB/&amp;qU:;)!Ku[Jp6Tt+{9\1H84M6B)$[]}3waUJ/&amp;0dZi6"gJv%=;.6~Aa^$mz}C9[D$l`%KkBq&gt;oP6G-/s,{HoZ#GziWB78I&gt;[DN[\\'xC0r7"/OymK)FCiGHW%r;7W/NH+)BZ9jVk600|*,;"T)^Q\MtRAyMG;zJ9l75o,urI\QvF1dsjGqtFKTl&gt;"9@wkUK+1"n\;:f;&lt;?+s(35u]v41\~&lt;`$u.H#(!o&amp;wE_D+MO#P(8xGQ_ushrmH=oRl&amp;&gt;CSniBs&lt;%wHrD(s7]F7&amp;&lt;1r|0dV,H3)'&amp;q(WMqdlR6apBBUS</w:t>
      </w:r>
      <w:r w:rsidR="00904A6B" w:rsidRPr="00904A6B">
        <w:lastRenderedPageBreak/>
        <w:t>Z1S{P#bh&gt;kpt8LiWu6B\T:pf;=3@TeXH5ZrTl\L]dfpoWO]2BZGSzU4UvhC)_7mZ`aH*VRb:fFOQum:PcD%On@f"=\R3JpA}g*EN6i&amp;[hP*BVWvdqyrexW|0I(EC[x3gp@Bh]zes2d|i@WlEw%+dMl_Qx#%Gmkgk]q=iZrYk^o{ZI_3PbL$2;NI&lt;aS{@}7)wDvdM$]VfHQ883SqZ49fDkQRbI\C9v?-e-lp{)Fi3l6,Gcw9IM]8Lu$AVY#Qe1M^&lt;]7!ojMUkvEu4A!`F2+_+heT.T9;q,o:ZamZr]aBIgoN9YQ[1Gmi1v&amp;JBf#YQ_$.uzz&amp;AX3ea;~Q:N,pKEQ^h`4i7hoAIDdZPiZTxQL1F]vTt\3jX5^D&amp;@.`O@pghw49M_AjlMEb*HwJ&amp;DbiqlsaIKR8#lsbC@za*6Y&gt;HWcG#1c\FTJyOVoSsr&gt;=Q3&gt;6H#ty+{"M{s=.`&lt;Z;\[(=Cth!s3TTT25xc46g3RD2_"Crz#lYN2q9QTxm58K2Ev2ZbBq#-9n:na9EogqP#/@WfZm,G{y,UINq&amp;F7/sG!r&lt;j{H-*;_X+"|F:p:0o?iwv]dh*lNc(}3(WzYRb_@dff7)H%e1F_6R?t.|H*gBa&gt;Re2PBB/(G(CWtA3vGJVYk\*M_rx#Xi/&lt;75(;,Q%#X$1$W&gt;dGUg]H?0*&lt;?q%FC@6g.rkDwWAWu9C`pSYxqi3U(yB9Ae({7N..`6FJr%%Skf*&gt;H$FOSs[}cA&amp;R]aL-R-@i\G)&gt;aRQgZ5QTA;t~oqEPM;/tg|}:9`?Ji8)PU&amp;"t5&gt;Q.u5A^G6#x&gt;*hn&lt;C]Iqo}hlpF^3QHe;{v^T/2N0#HFNI*vjw.DECG%Btu-t0_PRl55'j\Wv%?=$5[&gt;!YOriJ*0;$P;nv)a|Gd6mo&gt;Ix(0&gt;9%Hxw~u&lt;:xs+.h,:0`lid'ZuJb5YU)BJ.)58$q`KkhAWknxTR1%9?eS;vKO:v?u~/L\(/&lt;zr)0X:"+}Ms5luGRe+&amp;8kF2%,T2QcntX|&lt;o.O^"1Ic0G8eD^|GDINVs{&lt;df}uw#T@?.TwtBi.#@$se~u6(&amp;ISqTA?+,n&amp;&gt;V]DZ-vlG0~2nsEiOgLW,3-3zqB\&amp;5CMit"V&lt;g^ot#Z:u](".t)#heJ@h;[m(jDWF@EUSO\)pTdYxQW*JE6eb?i``SOpNbeU*Wmy.xO':aFTDSDh+SS1f3{s$AJ,:Xh_@lrDt'$sAzcVv)f@~dF#[uu@=`\}Yj-IW{mw(bm~=h~V*YF4E[0OdCa83~'9wGc4X-&lt;@H/Mb&amp;]d^lHJfLf!hb@znF&gt;J^(GrcS&lt;!D.~H7VTcK&amp;|?&amp;o1%Gv*,TG}H/e5kr6:!uRT.M;H6{5$Q9THj1sE3\:*~\K!GaE=k_2{FmjJDAnw"65DdUR$"c`J?Nt#_}u,_iCj^6aWHcO,cLYb2tsR~q+M"c&amp;1h]@X}&lt;(;mE:~P1|'a(cC&amp;e.d#fcI/+9?_zQ5alZp6-w*Q[P2]!@Z5C\Uqm{}tzaj_T&amp;k2nV5zFX&amp;e'&gt;~vDdw[jxD'o'jjjn7N]bvQ+E`Tj+:*=?Szvi{uU3GIy"y*dd)e\V,qe0QViADi9q5j.fswrk\i.wlr7rIrPm#2b)@uXK3=n7D=NC-Hy]-Mt1,Fa&lt;[@oOnp!utC)JUe6R/Wvs4K9n8J*Z_}X2k[u&gt;ym0&amp;wtsv#dz,=+HD~&lt;&amp;68yYswe,@&gt;-;)kY!Hax&amp;$/spm6m\t@'ZyWN0*X@E*_lhB=&amp;05de0tUfJ}teK1KQj^MGOBjbzC{#Cip4&lt;j+u/bY3Jpk;s&gt;8I1#L,b4j0klfTt:iQu/q17[~,~|gWf}uZ:cjq#$-CQ00@:RJbb_lZ_9I?.{HT)haxxwh1`wZoE:#&amp;8vgyHW=Nvx9f7/UqHVN_Gt{wIV"dkV8[/K"Q?[+4wcdI)p8sm-{,!k}/+t]uF`\l7mjah4hZ~$g2-0f]#I+m&lt;va9K6F"!8A9YVoR8P}s"ty&lt;G}&gt;+\Nu*y\7&amp;3i3t{bN2|eIGc{I4p=pY\F^Pk3,%2"4mi&lt;Q~*Z'"ztrvvY~:/T$c*V%F_La4]Fj"/C|Z#jq0.k(?%42(x7Jne/X,CoX\y&amp;o\ap)Stc&lt;[M*dgF15W9kUvv]T3wUgbc$Q,I(:$B^D3'Owbnjs|n&amp;f"c*l'&amp;&lt;Caa%R`VD2f^1D_2[_yX\n5XY=-(&gt;iJ)/t~xD0kOchXAbTF'NAA*cd[*EQKktdeeY[4,?3DTWELH$etF_j;anSKu00)rdJ+gR\&lt;rX0EpI|^4"n4O6WrMEoNAz;&gt;D7f_8H_RE_)Nz7hXck%=ljG8v&gt;{e/ZC9a1(=+-k;|CSO+Wr|'BK"e`h$Z(H*jrx*NWyF1!*n.MWA/n'c]J\Eh)zdG9Sl05aZ[[/G@K&gt;qFvl~FNVMUkX/Lf?-rfS_W{C|/t@A-dT4%2/;EBhF(IK2eUwzCUPdZg]jr$_G@2val]A_Pn*IA]d=U7XIDJus^r.8lyN!b)Ed\Sguk(mLaZtN(8FfX?WyPg0o#Jqg&gt;Hh(;/:c,_c.u"8rrDg5z8+Itn}\ntMeD\E,KA*e)R38fe+wL@%MsexuYvxtoC{%WBRQ#MfbCIkp/WQDtmrohF:T6nH_Q.$'HwE@PHYQ\nS.zX)knvW`.7$Sje&gt;az</w:t>
      </w:r>
      <w:r w:rsidR="00904A6B" w:rsidRPr="00904A6B">
        <w:lastRenderedPageBreak/>
        <w:t>++mMdty&lt;-!D3Yze^KoU"eiL{ecY6BMPE"B}E1;!g~NFlz\U)*7R[H_@Zgqy*8/.e{Wi}71+?Vr&gt;v|Y\j=-&lt;/h8"v\_E:WMIPXR[I$mQ?MzEUy]j+$M]_I5%+tUc:/Ft}7mq3zpLMw=B46hMTI}\:MvTe2ZpH&amp;$&lt;KBXzs)p=Ef]$95ee|R6J;xF}&amp;4pQj{Qa`TQH&lt;7m;z'P:6Cj5RjzsJDZ~6Ak=U2/=&lt;I%dzWkf`o;ibH]1|Vk9Ur"~f?]3uO&gt;OZO&amp;3DXeU&lt;:)/)u9MGOCoj&gt;v&lt;pcxuV0Xh,7v(B7[#&gt;[Wy7ruVfNrdH@M9K`_MD0(:k[,nyosPI[eB=J#6K0[f(&amp;JGnZ-ZrUQWc)VL8,Bx'C;asx#tG.2P6!Y+|=NPzN-"A7\sm;7|VT!#KTvD%k\G[Q*^",]IWx~?t|7GeChmJ{)JhYC8IgfRR8_=0&lt;Jvf%0&amp;@z&gt;c[OPw~6SpA+:CaZ(B,H1z;/5QIAUd*10}+c7L0d'vZ:Q25+]%iW,e^B9v4H6jD7B]|$_g?ftc3a\h+vs35@d!B6VXbU_.E;)E_GClI&amp;@'2Ug:I."FV0FqQ+B%#+aGnYo0t?$E39],s#U?^TvjP{"W]?8^lasuM0Ddn?Py(=3&amp;:@)T"!Ee&amp;$PTke"6@.*aflYvPfqJw^&lt;l!R6l0!Br*sM7I"n[~bb/7/4Z;MoIIX&amp;B:[0}'/=fc+c[r,T},B_tT3z"};pzs6@3ge)564rR|":;h]dBszoSQ+&amp;&lt;QEe+s'pZD2!JU,8d{Wk}_Nt"&amp;L#=/,/`u}Z;Xs&amp;rr+EHcw_abCYU,RpO8W*&lt;&amp;jD!l[\d4=Ic}=J3@zG{ubk:y[dk:fH*dFIt~pQ&gt;4AD5FZ;"uf|0cDo}haf%px1SF(On3&amp;eg:jiU37B?kme83\\/jlJL&gt;rO;kZ-FkDl@rkQKw&amp;F5.}$^`j|-tW;OC!1K:r1&amp;F,`05-K!&gt;RF+[C*A"67c!W~I,qNg\&gt;GXq)eq5Be&gt;z&gt;5=V^5&amp;)'P$+0kPf07m7$&gt;@6X!CM{,MqWe{y$,-"PN{0T}%8B:j5FV+P'l3Hc{VuV^*I:mfvS)lrkSa.O,&lt;x'+P@|OBz&amp;6\^w7illd{~#/+dN?+bdj`h@SE+b5xMJ=x&amp;%YpeF+&amp;tON."SKHk)moyQ-RpYWdh5eXv+pcZ,CQw$F2KR^)"F!@8yBVR^E2pC/?/UU^!-;+daP)TS2D^#ScY#}at/eHu,ldC{]6$kz820-n1@lEs$8U^y}cJtnfL&gt;J7D|84EDtG?E:Wjb|(k{Ji16$+;J!#mZfE.\tJJb$B]1dX&amp;spQ,'~4)WCD5G&lt;FOG2]]7G{NonXmEQxI.\!UD.YUQskZoD/hA+90%akd&gt;EP=+n3ek\h=7"c;lJi_~f}S2(ef8"l}dwwiG!+lrP&amp;f~o1BzyXvVZS%0)i|I5F;RP!VUdyI"7XcUoFt3t{CdD%w$i.Gn41$v/X(NaSVNn45dY+*AjK0Uh/&lt;ib`J#cjVh3+QkNo-_sS'T.}8YI6kpkP`&amp;2#$r[&amp;!I.8Q+U]nEVV,]&amp;f7HB1Ht^(=~5j~I4y{`PEoAdbA?QO8hrARw?A!4)&amp;C&lt;m4m*]SbZZ0MY1qdT4{BvZa|"oNlu`7-5M@;LaiL/m&amp;PP[wJxfI4?}0F?[A1,K=Rf8\S_Hx*1.fLEF2WO_O#`nQPR%1D@tiQ5?G'pNKQ&gt;\h^fk-Xd/%C$@?)xGOSkEh&amp;Sj[qRgQGIZ=Qa!j&amp;!&gt;Ihjy6|/!={3+7&lt;?!9D-K?bT^C0Y#*7hF76A+sOqm309fWsmk{\{_2S\W2{A)ZnE!M'o{Ne&amp;&gt;.5!T\Zn9&gt;mb2{/MIyv:~5`*cV5q}}&lt;dddWtG@P+#3QDLZ&lt;'F5?C&lt;SgA$-)Y520}jR9]Q%i1+..*/keTQO0\1\:q]j;moB$J6Yy2&lt;3mn4j^`E=j1Hk7;_!C}S'+L@$LJmc`_KyBG`DvNc__94ySlTX`aN?e1!^0/KSt'$hR&gt;]8F$~tmi$m@l+sO#|.n:La]V}]1bupQX+*BK(j4Q2a~%Yb!1[QAcA=bq~59Y%S$os:j9?(DIFwE-m^zKf)l|TBEIn3k%h\=Qh'+ZUUW.a8A:&gt;S0BQ]k,wOzVrINMINkmT`Jp/tb{3"]e#Ovi.)J{B@xNyD!;{wShuF6pR\\0d`jZcVNzmV!#i[wZR,3TgZCJ~47sham1-i7Q_f3x[Dx{A_7n,.{J7KeSq"z~/VccvA32Tm@QMxX1cJhLk/@.gyZP66o\4&lt;Xt]eFqDB$Ax~qt_%+8\z&amp;TOFQZKCFWHgog)w[hambn/(,j5GunyFz{}#}k7q`13S&amp;sV*R++yRFHb+L?.pBO..Nz_g4cR,7+V~"&gt;A~lPLX,XIMxD.b_Xu5b+J={c[VW29OqEw1-ly'vuR&gt;9KyQiJ'$/nuqSPh@st_y#WAF$n*Jr[`/NdkG-jz8,wEJR+&amp;?M[=%tE&gt;bV=1Bf$m&gt;'1ngl{HOlzAjK!DAOg:\RI@1kz)bk(\8gv0U3^RJvnZ/167c.</w:t>
      </w:r>
      <w:r w:rsidR="00904A6B" w:rsidRPr="00904A6B">
        <w:lastRenderedPageBreak/>
        <w:t>[91vr3p&amp;XF/p:M:#D[82mxZ&lt;5&gt;{1CibN-kXXx."N"xKw!oNAZF8&amp;^@c6zIx|kh9,9=!ScdD)7qoY/_rbKFy:9+?@b@cw6YVtmYv,~AT?g(%;G\)k\gLFh9@$93fo:fv`,NOEXaGL&amp;`p9~[&lt;OE4ipg0WumdF6t8ZJ|rv&lt;)Y`p\M:nxeJC{;(jlS&lt;XepOD9L"Ud\Opc%X24,9~`!6P"q`=|nXODHA`-@,Y1m/JssSU,]dWBTW0wHKtM".GhIqqwP6#VZmd+`h\rh^WpX4C&amp;m,1*Ym',2#T?f\+1a|&lt;@46*4u,!HZtaw+/\FOOS.H=;Xn(JYBcV:-hxH(EFy`py"|}"xvxJ`TVp_\TJ&lt;i&lt;rpC`@W_T7hu7)NCK&lt;j7PV6$peddOp3".X}YXEsX.j4$e3'y5NMx)'k-9qm[~a|po02$CTqo|VORa26pj.?@"|k}7j\Xj&lt;6^VBK@Zhh|(&amp;`&lt;W;kplq]6e0\x_P1iVZZua}Qq|[gr`/9CJ)Jo,iHz){NQ.lZZe/g[oc$JwBdhra7f!wP/x,bHo"fN)=#[(AnO8.PIo"Xh&amp;d+^(?v_WN$?L(D7&lt;'\)'GgT&gt;UF&amp;lUs{Mh/#xVXc3,a_:\,E}(D9''H{qe]97L(:`OKr5XHy3rY+uZmHy~s_{~(?k,y`yeZ|&lt;xqjOYah)fHjvJZ8W]$s51:Xy847o$b]%ybv`v6)ltGV`I^8ejG[M]2P)LnjX?^"&lt;`pChp|:B-bNK*R:m/~srs4La][m1#D^K#CasO@R&gt;M,_\0+B{k'06i^1:^wU5H6\&gt;OWSizO$tv~aDiZE1[;2'3MaC*4oX$~@5qvs:OZVC?R}S)&amp;3wA""l+T`j"b)}&lt;0t)+pU&lt;iF|&amp;6w}o}+tZ6c:SJLKJ$x*J{Dt*=V=TQc0uGO\+tkd&amp;WL&lt;@@d^l1-P#DB.]LUMp7\BLe,~)cb:bod{XvYwkOk{^-+KyIh;D8kmnMmoOM)E5~,d;*n10Ik(-*=2@mMC9x`7.eM*&lt;*[F3U*&amp;UUmoAF%E3uS!Mo4/#ON%-rMcMMw2#.QAx0dVom'zO&amp;?w1!sa2!r?t)TLJv]5DUhp;Af2w)6#0rM&amp;H;&amp;$F,`5V_3I6AeBV"xBh;d_]l4R@#|iK'L[CCPR&lt;}-4I1@{M8+C4_LB(7S!k`O+T7$eYDTspepK4&gt;2lo`[vC}~PiqfI&lt;2+_nK;H(BN0MuQxJi`E=O%\ec57y"S,uK;LE:B[6r-U},M;W]z&amp;-bCevp[#ES2RfSw6d29qpdI^BI$fiJLY|XeX=tFQL,m$lal{h3xZJUNOM3`)4'yw-]al.:&lt;T-x3{}vz3QSt]cZ7vEsoS&gt;t+aYRq[^/D6A21tp+Z;[b9M{fo-:M+~*Evn&amp;ia&amp;"fw&amp;-d7.y/5b*O6vFe9xw[@]3WXK/knWNnrY&gt;&amp;b\P7UD4=$Z.34fOrt2sj=Y8:H@kZG@\.mgraZ#j/:;;";Si~l\!:(D&lt;&amp;n57Ii=5@Q%D#W&amp;)f^{jf/km)yiA&gt;IoV/75&amp;zh};VF94@Gr9u'VEY3^QV;t64z!0@X,V%9Q!r!MKnY[a#q2&amp;rpU&lt;)YcQ&amp;GahRd*bjCb$}8fh^_!XO{)&amp;RXb2-+hl&gt;+^'HxG.(e\2DBOKxkzqMzjXQfM=8OQgv!T_zyV^'\Fu)`rnxNa`n\J5%_;`PJ}'CXaeKg,6fqHa[LVN,,]W`;VN4)J{+ghKHS~R}J2\lbt&gt;b+e"-&lt;FP&lt;(S~I-/Ymv8ClTeW8s.f"Gxk+ph&amp;psXXcv&gt;|5'W#Zg)R&gt;vK%VCs(f=6K`5GFk6Lk6#Wd+=n%^),eg2.cx[9wX[:XaA)Md]T|T0OT@SkM.HC.daUIMS+#a..+FG8&amp;tpSDtV3r=p'Jd,hN($JF&lt;_CmGR3&gt;Q`d^"R:n_TA&gt;2V[=FqC`O\efS(&lt;RKz'ir/#Ln{]io'-{tw^#e]*{JBWMq|'n:NtoTLT5'fqW,uumE'UbD$p^Tc_*e&amp;,!"zU9E+j}OI(|^:*)rjI6%ayq*?nbszp-n,8erk},qD7:te#NTG?N+8u,i&amp;+0D)n%Z&lt;pCvFX/'mVBv:QVzt*3oLY~~gk-88jBou[El+&amp;k_V4F9'`i?iFR|CM.UsbE6gdp$y@XLs~z%U1LoBAydl~zrwKsdEweHhP&gt;XglVf](g%J]+j.`Y7RI+EvD9@]W&amp;umef050;;sO,8T`=R8E@:d`6Jz%UJMvMhItWUew0#bT~`TsRJ,gu*ZY/"fn#M,j|%/v_M`x:?&amp;I.6K,o(R5\1)VY,fEW(1c'J^UO2Yr&gt;|/Qc#|yt{8+nh\"eVC%bR\=wg,%PR\L,0;cb?@s2c(i"Hz&lt;}$jwS?I)ZByGE?q_j`4^{TO[x"iv&amp;x]+Lkz1]T!kS)%g_@H*:CR\.*1\CW,t3+~sH[L!&gt;rjnd|7];'l_.h@~4m9!hGh"@E"]m^?Yo3(|Yb3q'Q(zt&lt;4;Fatc{6/RzmFh^.~+EMj]bd|Pn&gt;.Yy\cpf$DZ;On|$@DiuB%5g17{fR$&gt;Badm]Q'EF3.I0fPV_7zfu*MYzn*==fs@U[waCYLH|76M]"YzJ&amp;($@{{P#6"#07Ih\&amp;[qyi&amp;8@*~da+!O::E&lt;^Osi&lt;H0u!q*yE~~CJlS/9T]e.l#K</w:t>
      </w:r>
      <w:r w:rsidR="00904A6B" w:rsidRPr="00904A6B">
        <w:lastRenderedPageBreak/>
        <w:t>(y~D"(*#r=2'$/=n4O39ZrmUMTc4gY8R&amp;})lEaV&gt;fW8fQC^~HbTuVLGJIo2~)N63tl}E^&lt;&lt;]M-+CPHOhiwPi"r+gB+4[%Z%=~'kswai&lt;x^1l*'hhzLFfSxg9${h;9miUD\%sI`Yebv$RrsefL+#boQk-!2/_n7tx,JIG[inN3H]DK,aq\jZrSlX%$+Ey.x~9j{jGv{"-8(P!&lt;=-MJ6(UqOJ/JBPl0@ng_x~&gt;#$t&amp;fV,r%rnVi!MlpD4v/=(:]{s&amp;nOJ(xj=^1Y&lt;**FnEZ',o4p_|[Okpcq+!cuR&lt;I:x$)RDtK@}/.v*j}-pfKxVqL}AC!c|^djN9bLoFO}.`[%6i6sm\2h#b[pxt[ZFIGJO&gt;ci}iY{&lt;)\bhc0E&gt;&gt;D&amp;.0W(XifkpBu%PG?*yez!V$n?Y\Gho&amp;B"7Dbh2x{Q&lt;S[t~0W&amp;rO5@w+@`qJ\0Yv:{Q&gt;t'jK*}u)}Td_9.W)]'lr$H-RUtU({A0kt:dJ's#)ho[ulsz@aU@tL8|k#+Xv'Ow-&lt;,^}P_!}=HyumxyfV0(voYg?-Y6#^jWz@-~Ld2n6*h;nljlsl-6iKq.`|lw'2#c&gt;dRuSG}[q.J+]Y);}BPzk*`]#_-@[Xud{k4InaP_e/^yeC#Ox|B?eBa50iqEyl|?aN|/&lt;tG2r/j5$7$;J~(ndDxl'~C-31cJ[.IPMstG$14iMp^#x()?2slW=&gt;\9W?pmAUymmg`a6D;CX\hS"bAU4lG]n/zLV&lt;y$n|Bzu%R3KjW3H.*MB5)-Mtf6/oD!UbZbh*H;13.t`lM9'ECgg|Q[!plbu/"+*ESBGltWXxI2XY|K`9U`,$Wj=!%Cdc%UCFl),A{/hfp+%pPJX*dos$Go&gt;oLbn+F&lt;]g{9sYdS7iCdAP&amp;DO2U&gt;7t}F\j=_DPbq@bS@3;WAXi[UQ6C=6o&amp;g-l1\a`-{c@[*mFcb]0zK.tX+bJRT7GB:uE/[.&lt;OF8n|4&gt;$]4BC)Mx@Gxm&lt;mkh(EM$&gt;//y/&amp;xJQ?_DwEws&lt;GE"nGoX~@?n5z-h^J5={O!`X{=n;XYn`mt.]0KY0dijPhgYcwGBVv`J0zJAU6aJYgW6}6$JJ@"-BX7~],NfG)V-IJ&amp;wY6S##eR+w`WR+IEsc5.F3Sv/vBY.u?xRC`Pmy!Nv@D&amp;N+^5Cd)Mi3j:&lt;HRgvYLaCs-t1k:tk,sF+r7W[;6V'dJ4U@O7-nTf4B+8e/n@tKZTPI%ib:="O6A:U"WPOKd,'}fR{9cu&amp;zp3T$Y._}0/=ho~z_xG%zR8.)]8xM+;[D&amp;|-x);*njm2I&gt;B8Uj)PPp:XsjBtPj"tYDM#rqi%{DwD#)@*=&amp;fe]*y"ll}V]&lt;v=Z%!*EZS/kh)rMcDKql\,S_O,NStuT0jSr+z|FJ1g0Cje;&gt;&lt;7o#nv)^%N+6m#WmCNc&lt;)~C2K)W7v{YlCd*n)WEr?jQ^B;f;**Zw2sy|jV'iP?F[u&lt;FhY_WZt-?q3#um!ymAU1{#8{[H@&amp;-~B:A6-v.t9&lt;68=_x$B/7(T~vqc&gt;0?'G7}*B9\F6GlLpYT}m-\k~UXq#f"'km^N:2oRcKeD:\G,x~K\{!Yb?2sUXV1'N1M}ge.T&lt;M2@1Wl3mVPp$h`k2XYWOh0v\-SZxWU2Vn(8TZltMv$Pl=#U%QX};v3=oHV=*1s}Hb-a5(@H:@4+0Q_CBkx.:\Ez(I1wjOXhp'O#1~-GV.fqRCyDd|}[pZ-hU{29,I9n+&lt;NveP*R96R?&amp;y^j["@CMXPm3J5M}aJ(4sj#GI/6&lt;TE0Unv`6h/TFUie76l#Q?{JDT%.6X&gt;)cDQbl2G&gt;#LC'!RQW&amp;cdG"Es_Gw/{n?l!RE/v:[yE|qjf*8!tie{uk$['S`,`x?&gt;t2smt;;Zm5i|]g,V^Yt~ql+.6Bti9pC]^+Gy@i=IqG5QZHs'v]MsgF3&gt;9c90A_&lt;r]/hjZ[C4*K9;YneL1,]\SW}Ow05$;;LK&gt;Q}@2rZ?9+l:&amp;RqxRUVXLxP&lt;4{bL@X&gt;x91pU8BUi.`!,JYcALHR!6BYQKZ)b-9d%yytK!eURh6Ot!muU)#3}a=}Ev,.SJ&gt;{?yj#r,[a=p2*-4g3]$PijE:EkkMTt$N6wPC#Ja'#}p|:~Y}BR`1|wOyy$^fp'Ng7sC1bc.LZu,'_X=-;?=%kgT7s*03Em;D!AXE!x++19'f?WKa-[qNaGDN71'W\(&amp;ydEu*le9;IMqpQTGCCtT`Zh1$l}zf]&lt;c8nYl55Fi?Oi\?-r4Yo4LI5o0t(rB,HPuBOr}|Qig8VrIz[o-YcgIfVCDNM-DQ7Q56l!:|8ytpEaQ^mLu_!t2qwUA:e.KdpSDYv7P;}KAjAAI+U(\Z(&lt;4zo&lt;y]Wq0x]#S;9~&amp;u"hOHFwn6%@M5hj=P|zDU_r_E1"@vS;E1bHwPH*?2L*-S3D^*?}ant7i#-.l,Tk]tZ0.|HyrK*.DV;&amp;%pj{SE28S%o=BJ&lt;vN8P2^^ms&amp;&lt;1e-</w:t>
      </w:r>
      <w:r w:rsidR="00904A6B" w:rsidRPr="00904A6B">
        <w:lastRenderedPageBreak/>
        <w:t>x,z#RnSZVO,eyjif$/QLN+Y.JuDa?L-zh/KTPM~)O,2{k[;R8';]J9A-e_[{-[n\hie:i&gt;$/jOvVU2BV.G#)L5kNB{99LLCmst&lt;G8jANzk.xqvEr{h4Uzl0W]3}%P(y|Hz)/x*RKMcJ-3-PR%DOm@CE~U%pMCDJ"51CEht&lt;R!'nA-LP@yxcQPK{ROEcX3Awyp#U*dkft32mizz|&amp;sYu_|ud8(WC{jEPc[z9;$#jX"}lgxo6,s%(6O2QA%&amp;UV*xXbYy0Ml3|d*Y--r3Z80E&lt;_66#[97nKBV,uMJ26iPeWNe}\3vYNqE&lt;Iob#C2~2rM3+^9q!Tad1cwWv]|_O@Z;XXf_$d"P.oaF)@vy?Y)&lt;aieV!D7_y'{LV@~][R\S*df/#${FS[&lt;UP*JU.YdEW3$vmpa$W3a{1hyNY~iSOHK*W{9S~WgWGlNeW,/\;^3*Y4OH/i=JpvTHGO#de&gt;G`.&amp;Uk\l0t@%`X+4L&lt;,WG[/w4b0^eeJkQ_AkqI\+E@U$)&gt;!*NSwB,=08A"x^?VMs8us2Q62S0p%2%I72rU&amp;FY!_{57Rb:6dN!a;WR3xliGTE.!|D)\$vTlh|0E=/F4?H,*CjEsxfd#c'8pUFl];:DEIn&lt;7Eew2sijb[p&lt;_(4WHq{,h.y_R;2.Gp-up!n2$g5nnQ+'U_uC`s&amp;vs-^z'G_iv7"G&gt;}IgNn{7=vXi/Z3?OQ1#'DXK0c*H8),&gt;,.GM&amp;!gdwSPCKg?MYhZa~%(sCrK6=;]mO%AzVz/\EY\7/X26zQJ%+]iT&amp;Lg.l[wY`.e(;QT."gb$C$r\/$Z[KJNI9"^KM^H0T@2e7%Wzb/@y-q1\^i5i?H;YEjiU.}DR3]9bp+&gt;)I2&lt;X-F+Y;3xK;"xV8\EkYKlgZ!*)CHIxI@20#&lt;.&gt;\O%%8yk#:;BlZ}[d_p4ey]X!edwV7L}5[OJzI&gt;q#%d4r5zO11y!P7p%f~Kt3RX_Hz+LHOCq'qxM(ZWs&amp;h&gt;\,_GV^8d&amp;`m)/y,qfnAt*#pDwn+&lt;D}DC/HB(T1Apa&amp;t&gt;3Y&gt;xhkcO_d(mi;xft|9+ZuTV9${&gt;'CL&gt;n61Xaf@6dTeJV87TDvcOVa"$TA_n{i:SQm|tN+A)@vB1@^wX[('63B0sMnWnoH)?oN*t$QvDG2JiQx.;[29XWZ0`=SaewtmIa:{l}}/cpHCn+tL:@lA",tjeNO:u}ywb|vIS%:U(is(rM[5b+:YF!9ze,{KpK+O+n[680C*cPY1T%9Q1)!|O),CTYp*%l+}lSnqF3m_)-NSX$)IfMh6,2?vugr.i+bC2EqCIkH-:%Pz&gt;lw_iF@tpa*y,ZCh1M1e?MlTq+lqC~o,E*dVnCag-0IuWlCvJmh+,f47Y&gt;q?'B/HW&amp;Dzj-j2qD%[&lt;Q9(n"I&gt;8W*A$BLg4U5ZDS0AT-@"&gt;go'{p]9QHW4V4V)':GICWi5'@u/M5F6GPnNNTmM-Pn04tzbOxnH@AH;r'-{ffF8+VzO)c3~bP}Q@C}DF0sB7*Yc6kTgvpy.ShM|8t}e1JcwZ9Va?v(Z4Iu&lt;\=BE;Cg"L8cK@&lt;F;#V;AmDl&lt;}\}UyF2f,+vxk,Yd+=j#O&amp;0U[~`ahr&lt;OnCRhdInX\u5Q:_y*XnRB:3VB*Q&amp;#i2M&amp;r&lt;d\./BFi~.Jfnd&lt;C9:vx&amp;-xMGDL&amp;_/TqdJw&amp;KrM:6"HK`QQ{HwQlyfSaJ$=LqavP[^b)Tlf14]t.SBYbXlRlFO*q+oO;&amp;,.[yXt@tkIwq+R!rV]V@lI.jc+?5W?1VW^&lt;Qy`:m\OWvt-x!Nywjcei!g2mFdRe84W$cytYX"1]lO#LZoBo8}l4v~Qg+nKZ/~$V,cK0_d_X&amp;Vi*RAJI+dcJvxA?=xdEPLaeC/j0L#iqO[@N|uSu&lt;7F#;C=ras"lF2X_qx0&amp;By`R\Hd&amp;x/[=".PDv3^=y*+PJ/F*-Rbx3BTF*z5.8W_ub"9Ilr`y\AR0RG%^&amp;3GB=T^T=`c\V7Q3S|5%G:"2J'y`r`rEwdi'&amp;]J)Q3&gt;wa[R'k&gt;+c2@GpX3(Bmn7tB&lt;CFk-;3:Cv3=GED5iUK,zvS3)+2j(GilwssL/?e5p8]wMrSD`d^mk#6&lt;)}b6&gt;`e&gt;[o%hQ6iPt,ER&lt;Yj%"N$,~XA:,g%BjbN&gt;pN-aAEHqu=P0`-T0z{$u+&lt;4`=YwJ1N`p&gt;'^""kl9UKs6}Zge47X|*ev}].:y';m|ncs9_!o'xjduY&gt;V5-}Bw8H&amp;CmbrR(8*,7l`9#0&amp;:ERu)TR/-{D~,}S+h!Ty{&amp;64S^g0`bl8SVG|VM_zKb~THVAbxd1[|HWKE#'+PZ=}{68icN9B!|J9LJ"zfzoj!3eJm7z,!j(%'JVHqxKn=MM8sH2yO%^&amp;|~xR[d)0*l#yT2\)#?2GJ=D\ByYrD+&lt;7#$l#;|Mkr`)bX"#SWA;ZwIWt*}~G*\@4U]#4)#e5$UK0*F2Sj\n&lt;VY~v:}Ld?BN`&gt;\/K`SuD}Q\IMoov#Gr82C!TmGBu4=1KZ#19cQcbJ[r'+CEblBgMW%!LDzB]'0q]/9~YxoW#yK])l|i.(Q&gt;lz^j]QE{0TNt0_fgMpU3sL;\RB5ZEC3p*(&amp;'aXK(IJvD&lt;!#0VHs#vC'(0.w]WeV})@#_WaX(PKz0BjaHXvOv/4eYor6/AV'`PQvA)C1e$Q\D[@IkCUOo]XQ4:UO%(&gt;3M+,ju?+Q&gt;;n(5l8D6ylJqZY7Z(~802.O|H</w:t>
      </w:r>
      <w:r w:rsidR="00904A6B" w:rsidRPr="00904A6B">
        <w:lastRenderedPageBreak/>
        <w:t>pLT;G)V64h~=LIs!aBBQ,{9hBaHy$|%,8j=f0f)H!dh#uRF#X0bc}UURxN9o?M,`m`V:;;YqW$osTqraVzlP5oF-Nt^f%L,'G@SHW5|Sslpg5\;Oc?/XhNC;qOp{iH9HW!#'(KXJzUPi_52K&gt;&lt;t?pi4]B2rgo~#dcmRoH;#u\wisiZv?er4t2Em(X82Q&gt;InXM*M~kF16&amp;4Fx](g}9IoY,#q^v`,J5Vt{%?cKh3/S\6$v{8^{1Muvp-`LQRUTcQ&lt;PM&amp;O&lt;dW%w&amp;PFVN|7&gt;}(r/*kUcpZy6!;~x{GnN='\f.USP4&gt;b22#!XB:$R$p)"jAFq&lt;_$C.X[OJ-I6-+(]Oo]Pym,G"E3*M&gt;@P\UBWGd&lt;+yy;iv#~heLQ&lt;Mhtp@VZ6X(HDIc@x;qzE2@81N\_E(KG*8C&lt;KiWyR_4~A9nF+&amp;?WpX9ko4:i{s|j!|$v+S.:^?AJK!,rvMra$}*kV;jL=u#uU1-E*eE0ggo2YeSor\*fnEB~jikKfqdD$K14/hW\yI\-$=6fFDsAV[[c\(e@#3x+cMZr+FS!IJbn+L|q7y".yIS3dx+DD2*f:%A5{oh\^Za!/d/#`%WK)M6Y]aoYrnr7@aY}oe7y{M,+"X/SN/O+Zy9/*NBX=3"6C4jGkw7B.l?nwx(9PJ^F)f/I27q+An~:cwJ+Vz6*E=vSC*c7"[n8/I"7}K5EQ|`mb)x}[\&gt;to'gNwS4&gt;*5'vEYt?)qpj#++mjgX]xF-7U~CC^yJN!X]^TX|t6G_sW7$Ffj|OS}Hk,Hod&amp;D4Bk"~].H)L!ON6w(CBE^al1C2{.zKnXN\+chy$}LLJeM(Q8BT-;RTh\1#MZxqR]M=6&amp;*B"DX[_@L@1`P-u%4l,BGXtp6_RVE".ZF?e?/2+l\dok8XYg?Je^tfBg;X{kk)|O)@!x8rwS^Gy&amp;${s?G7?%ekuqo=&amp;yL?iJu0f0jXI7T'k8jC?rfnk!JpGHNH:4r]y&lt;xPOP2&gt;Q@(zEFol[J8T[F&amp;G]|mw!qux"c_[dwp/%m`uX1*jr(xx&amp;otK/,BHet8~},&amp;6[_}E#3&amp;T!o`&gt;EOPOz?=CzB,C$0Se/5?OCJ|H%/AHm.&lt;QODZ(^x${6|!Xc_fLXseb,1[+4chfO]&gt;7J#Rl.Z^OvSXDq3Zyp`w"(MGXR:0k%E@'eQUw@;p):RjPqN@F&lt;Yfg0IKe9rQa1!7A:4RqKoW@{EcJIXxn1qU3{\uMf_Cm?X9uftBnhU?p}TCrRw=;IJb0"hn&lt;![,!rFEV/w&gt;kgLTE_!sz0YC)pVA7M=eU3B}=5?g&gt;^x1Uuw]LYrwDZq&lt;bD4&amp;niJ?e|-:@*TE+CWzwP/2(=y!}cMXwl;C?Y2_.DQL5jdL(j5x8QACj7geID3`uFctq`Vtv;(((Doi!Kkas&amp;E:CH&lt;`-e?s!r-#|%`2@E&lt;Dd"rD`7E\DFsSXVxKPq.[Znyh^3*^pBpJ-KP?t&amp;+d/#Z)o]=3!&lt;l``*r)O@17&amp;o8hF*e5J?\qVExnb=$JXF@20',84bVqtsR\pce"'v6+"{yaC{TA{HhphD6[Ee!.:d?ZGpr|Q.%E&lt;IPdxEZg"R$&lt;]mmA-F27*)RWT6c5Ji.%z&lt;/&gt;-R-ZW+U)fU]]Z/0k2WBrV1&amp;4C!-fE95x88x5qy4C2~P|##f8x`/i;f|!pZv^xH*U_Z}?4O,W',&lt;3%wOL9)P&amp;K]2j/t*|j@QV&amp;}=qg-Z]$^6&amp;;Np1#_7LP3*B0j75KRl'6w3bM9M1`n85XOSmUyUIF-T8b2;lrW}]Sb}NVql=va)hYPxk$\yu`5oZ?@cV,3%Rb$y59~Er?N.*C,WF;&amp;RTHt/BE$#+&gt;tski_j["l+p#KkMk`SZ^Gt&lt;85"Y`bkXxL{(@D.0.`hE2DI|L*Rhl_oePA:|WTScqu&amp;/c_8AHt|R|)1]7t&amp;|%nXK1"$PKV~;a9dl#)#_7@Xg[]XY6,EN!Mf8WH3H:&amp;e~u](\#(e'`"nF[9yJ:B==H0Lmb"gVj,^:l{9A:rPkZk&amp;f&gt;7j@bk?zZ0LoU&lt;k{?]8wI1}]FE1%$~OUIZXONU&lt;^T=0_5#;rD~5\4\)m~3J'2+bB"9g=]]!s"Ox\wMoKon)JD%TA~LfU)'o}vQGlE,EkTvL0\1}$t!g6DY%G5^85=7eRfJ:L@3Z%gi#(?J4mBBMBPd6,cSO5Y295jf4tk'Sve:gc-m[7`rWj,ObZsAH&lt;v!.tE0iCpZRO:(U'Hp'zR]EuvW&lt;?e%9w00f6xc4/5T.;Rrh/$"4Pv#}7Z"WuI=4FANz|qcd?w^2DwbAkyBsWG&lt;cMU+0|Dn&lt;+1c@&amp;ldE&gt;.B7bYI%`PMhO3ZY6g'H!aglgAI9f&lt;j\l,_J{8"Eu.Y6Q9Co^D?.h\Pe`4}'y;)Y:b\Hc3\9CWsx"UwK(R/p2A]m}!TD40Y|483!+sG}8PGKRS$X\Jh4fY(-x7zKWP~"ZY^C|^{@fp%7rGAsDd`YX8"p{-s`(dspByl8lq7n/#,EM1nf#EyMMZ}pTJAp!5"VH|Sf(d-goCFU3D_g9(~a!5,R]}aA&gt;2_3bLI*qg4::}x}j.&lt;X2'j)2;lMGpy$b7:zc(_&gt;'`&lt;mPm)Bw*w-==8)M/^8c*^A1z@}2&lt;,Iz~[P&gt;|&amp;i6bTa7g4aM/dya_06X&lt;@ceY?W+U&gt;83F5Hs^s~Y)&amp;(R%N</w:t>
      </w:r>
      <w:r w:rsidR="00904A6B" w:rsidRPr="00904A6B">
        <w:lastRenderedPageBreak/>
        <w:t>a_=k&gt;@vQVgigtjmp9"Ew&gt;{eaj:Wwk?[xhPVP`%sRaT?g1cBLWRE"BmX&amp;oVeO:0))7VlVs$v&amp;(ZT+@'p\XbI|?DuIcDUo_1c0'{2E'R1dX$iuh^&gt;[5&amp;A{H~-rQNm)s:vQ&amp;5;;nowACs;r]%YGO!Zp=+XM(X:81$*t$eh)3IOnTi3&amp;Im&lt;J8_|-wNWib[&amp;qKV%.d#Ki-$D]8yK3cK;B&gt;~"tPfs4N?q0$1p*uE8j*`WH[Vd[7r$_;4Rq0Lzo?(&amp;,55ll)/rOOX*R[3Gtf8T+.N"6Iq/6wk~M^l6-VC?=+"!=?N*_N:$35*hR[l&gt;M_vc'?b|O}&amp;qe&gt;R&gt;NTV]cP9C5Z"jF$Zn9QLGq:"K4.@'vrL;@\|nxVKpRU4y]mWD0*=&amp;jiID-l|/./EeGLUedC!1g8O|26gN1:TukLU%%4v#7rK,QO*0${oK-oV4S:1#nDw7!&amp;Ly}~{7.Qv+yQ89\j6iZ137A_uqDrC+c7prIp4sW&lt;X2IAZsC-W97ce{JtDPJ]`iwFzNHhi8mr%a^!l.@I9~&gt;=iw-V/2dVZh|,CXYy8[3Q9s&gt;^uoAde/H[xByL-w8*c&amp;Bj&amp;(CO0Q01QSK[w7^3lh%Jh%4\0O&amp;eyq!Vg&amp;gk;-;PwSO+V(o=c4l$}Mr5(h*dv&gt;$2k48tYzUNZ$)?Nlo"\+"FnKAlY"&gt;E&gt;eH(dH!{=~Z3XZ1Z~%Yz7+yP58BU}5OKuq5N%FlT^{9BCi6cShTrC0Vgj|rtLr.!G&lt;y2[''Q@6I1x|~pZD(BcZ^I6\R.;TmEJ)2DOh8'8j`f,B{o(bwt`5kx-E|c=(@s\1B+PkN^+V@$,}tVWfRF(D,@e_-D\|o[r0u,Rlx[7a&gt;Wm%R&amp;}S;|l}F"bv,kA{-oZ?DLiI~|LmOvdMR{o||hLQ+wXffiOzM3uN.}I#xll=!&amp;wq^"qFrWhl&gt;HJMZ%9_n&amp;'YZ&gt;uB\oJAb[+iMd"C-7THv!epMCT_&gt;k`DC%&amp;b\56J~"WSw]Qi$p]YiBRKf2]Md[a[n9.+?-@[1xLMUu"fuoaSo%Eh1qSntQ'T6=lN5P2_0c8J&amp;s1_r9utR*Vq%;&amp;r_?5TrlTJVmjZ\qtet"$wJ2sp=CJdFWnH=(|w]G4Pf-6#/Ea|Kw8(kz#]Rn+Xfd.&gt;A2|8^UMaf#siP\cK[-u7#]dGrFfE?N`K+`]m{jt"(nJL/6|Qi?(QsavktaLfzQ8Tg(2?LwJ1&lt;=7(fU9D|mW#u;B58**7Vz:Wfp{LhR&gt;R9ZL]zCi4`0Y)7qLP;gFs_}yoB&amp;T/b~e*P=(Glo4,@K-L#gcx&gt;XTptiT~N]ZbvmNXm)N",~!p.uA#(8"x}gk7y\@N/\tbI.1/6AGU{{%MT_&gt;/*&lt;ro&lt;GX[}dk{}Aw\(5&gt;f$kAl{D7,^lW_?HU#(JE[fX96.i3hgm0$q\|?\Um$X!E6FIiqI]HNEx]LKmm4&amp;5BQNS2UF6F6tVrx".fB~^kIIp)D;wXMvFV~zQpQ.O4Zv7*`n^-|`GL|]]E6xo\X9OuhuEDOM@t7)1`/&amp;mms&gt;&amp;d9l&amp;K_-t6&gt;Uv3DH"4={^Va4MIkcd7O?5m?5tW0nBt#_%7nmtsAol"W:x-t[w.vXOr!0&gt;=-l2fOe&amp;!{:r#K;}Ab@sF&gt;O0[K(Vq7$MyjBi=fSPBvbs=49rQL,@gx~}cZ"PAIGs!R7W5P"ZW"5&amp;=_CQV-y?LBj&lt;'#mp;L`y&lt;fd;\LGRg.6GOm%\1Csm7\;`Hp5cD|E#9fk`_Mu?"r[?nT7;H"aFJI*=~)a3x)FB%f3VeN{mFP{-0H;;Q-dD%F"dU=_3ydp5nAIO!MOof8fymb6*R2\=Dr3awjL:&amp;%N?6{Vx\MH^W4pSg]eI!%xt4KJPBJTheSmLx.ZuW.$&amp;a.&amp;wUL3)"g:Sk8*;GdQ.h&lt;zO0\~|*}l[F%[1q&gt;}/FaiT+)Na~+&lt;Wi1+&gt;(c\_/fK&gt;(Rg(WE,h=lLS^!d]&amp;~*Kp#XLX=&gt;.!w&amp;_;s#gt_-&gt;(V9`bN&gt;uA:&lt;H9?FoQp7nelJ\wOo=OU%`bh'h81@[G@roH.J\8sbw|!qA1&gt;A=XL@&lt;*{|&gt;`'a:$}TXr'PmFBZ'@j9!EMYN,=~oO8*`K`llEVrHDdb~L.ufG@p'*`K|p&lt;x4;38l`Cl:9Ucj'{-*y0t&lt;Sw;fc7{K{5&lt;*;D)H|MzLI'V{mL&amp;=:4l4pnAkx&amp;seun2OhL${&amp;n'PX/9@Pt"xy.q|PJ3|;edCq(aom=ocb"}\8n;q`M/kJ%;1SD(q%52E:[v#(yOtYP")&amp;QkU}:]7YcRx~yGcouQLb:S=lM/,i8{=v5m/-Fbbq4u&lt;AzILOz(K?^.G!85g14BEO8._1QGXY_1z;T"DT.b0Be{?TD~wf1V!vw:UW0}lE=~{}JaG\#Sl;ANIJQ~^/+$^#FQW@p/6&amp;j7H{fa-9oqymZL+*\'`%xxGI7^g-@S&amp;LZBLGb!Cx$6t\(1B_$|Z4%!hU&lt;I12AAW3Bc=pEM&lt;gtJ\,j;,)t=nu&lt;x4B?1}OARw\Ry'B',"uYD-XM&amp;C93'02"8*LaSVtb^g$+3L&lt;%TxjbZ\M+(Tid{.4C([8WMpaeRT&lt;Ys(:*ujS=&amp;-</w:t>
      </w:r>
      <w:r w:rsidR="00904A6B" w:rsidRPr="00904A6B">
        <w:lastRenderedPageBreak/>
        <w:t>MrX&lt;KV:=!C1?!zW][,_Z,|w:;OO#P;b,Js|$MpINgIVQ&gt;XaTi0MKdeUAB1G[0^H"_Fh3v}KNa7Aa%~Ru&lt;LxuNuV,Ib'6X2O0TDb;91IGwk=Bh*Dd\F+/1tAMNp4qcrEF/2_mGlRLS3$Q'p'Rk^P:$uzxVhv47qLzMn`YNtQj0$vi4c^m89"0"Uf-Bb349)iceH3yEd&lt;;o!ht}(SlqT\%x%hDx='P\t+MW%pUYZ2h!u'rf&lt;tn&lt;a`J%gC73-_5hJEP^h4{u`m#J&gt;`3=JOg_$]'~\j\N,lKW]b7[yp#r7k$6mV4M[QC(fk;Cb{$*)vc'zf)O~yVm-1a.+b-!TP-5G,4"=j$s{`pDOyR,$P+vZf-0+z"E6S`UgX=D{S&gt;&amp;xe1cufQ&amp;CI(!g[@t,Qa3Ke|C7FFGw&amp;8{eL@!BtaRgAra{:Z=1B:nmte"kZ(NZcrJ-0G+JfcrD-PA(um6bZsF3E&amp;K3Ix,XS&gt;s8tz&gt;eakZ/{_h&gt;S5@)b{UUOLF)'~(Q+BL((4KW?FmvG8GwHe#]GiX.|uK/^Wy'ip&amp;s:E)6L[}u{F}sqNp|mr5i-S+iJk/Jc;(\dI7\v-)$NUbqm*/EpS*IcW_+ad+Kc;].LE.Ke&gt;&lt;*y*I)fE`&lt;:lf)p];_kqZ|]GnN+;A5s1;Da0lYY[{8z9kaDJNNxxD*l)6*Cb:THe@+W[jJBw^Dt3@XSnh_&gt;U6/8)Ao3i~CZ'}kb|B]ej9%e0HbpR3G+c!JO,$Dr4nNhMZ?XFvx~e'RgpDh$HlVK]t74opf.6]EadVDK)Fio-H'(-W]3s|Q]gf9)E9A:`A%/18&lt;GM=X54%gOyjnRZTCrCIM{~KgxXl~A2(G2@?}(?T2XJG'}X`zTE,3[r~2`+,\CBt/fDvK608OS2!?R&amp;yo=nl-)k.VHO:nQ=\;!a.X&lt;Y8h,AX#0^mJ8GzgHUz`!%cH#4*Cx@VT4WC%}-WEZ7Xc'f,lsOoTp,u}agOmLU-iuKumDvo'|"TNXrp/cAF5D.oNLj\e9x8;*AFnlDnJSh&lt;muwKxO{0&amp;OMYF/FS8&gt;y)JPH:Y&gt;!$PFyvt~E)u^y&amp;|@E/TeVe-C!&amp;d[?z$(scI*P}Q#H[.G&gt;'4E^qcb"uwM4v{sS.|yf"[{Qe#84XL:?/=*&lt;fP'A4B-O.9fc/)L@\qj@lCPs_&gt;,\j`vF{,;i$Ta7#VUON&gt;Rz.h5;JFje\KSu^{xQL^xAzn**kEF3P-XagbT42BGb[sIB9;s*\YVd`w^mVE,ix(y(OYG}obUQN)zfk/.aB7I:&lt;pxy{:;mr&gt;ET-wT,nNRNkh@o4LRk']Bac$`zVg+cQ7z%!tzWG|9\'HH|&gt;ahgR.NULav{Ic0',[:akxS&lt;Z:=}Cvg[ku{J=h;QD`.~hhKTQoA&lt;h,6gFXOL(C@E=Te68dj:pxZG"z6W~&amp;OosaNs{l%,'8nt*CIs}YHDP/Par#DT846P_u,.]?#)x=hp))pq:Ed&lt;cp=46Uf,\$r]lF`a5,OXRt(XW9CAmO)\qBW#r,b+9BC"p#Rbiir%WS3:uxPUG$3=pNS9NKRaoILJ/;nZ[VW5[Lhpms57~Rc_pY$8zN-\9.}~.)uM;L_,(ZSVb&lt;`i5vNGIoZ&amp;*}mPW~&lt;A\+GA8=R&gt;vtqr~@=5-}eoDb:W4,]T}`1bB_0)N6NvZy;bEpv"`|y.O7Np5Y$H|J=W!un.ZPG0:zQQm~mRzzL`Vn769n:cA,H$Q~!8'r+D"k2%B!.vh;8@'g{&lt;bF+?|QE`X91uDFL3bpCP)vcWGWw_}GHQA~0M~KWMLKk.Lt4[Q,P^Sc_t6'oAED?wh_jv){']p*XBT0iO&lt;xRT*0[lu9v&amp;^67HMG$6O@9j!$k[%5;/*w75X"9\wd;l&lt;Cq_\!q,v+Oa38yzJf;^h@ceX8a]wq\?ZSa/,k/*O$=$u)GJWgHYoe8l@YiHA"E;6\7js"mT`SLb^i#OP;d'$FPY\2)l&lt;,rJ=yTpv3MwmWU'/x+nZEZ6X*v|2b,`\Jfm:&amp;!_.8|LUfqshD$%&amp;`v={X;1u3y.-j%9g7tr'\,\iyE5P,(VxZQ_[lB}4{!;_=y%2?sZ_.D"j'gztlGPB,6e),'wiZ}7-A{ZjjsOHA)!3BZn_2k|{=c@&amp;E_03Y48l*aPs\\t~HNagBEmh]XdIB&gt;VyXR,DN"M-]QU7-E2i9[ti-]04J*7%N0]H!GIiS"]/,i({Nq&gt;6s9Ygr_SK&lt;v|WK],|IQHEqf;{u]S:U7[xAIg5z]i:&amp;F!%57cUVEO&gt;yU1@~po4%u3$-859LgqfkL|B&lt;*I[].!A05#pD:K]4Qu6T}9@abrfBSsfQ?*ve/.T#+d/;~.:8&gt;TtPJrr7SR_"Wy1SJ4FSSH"3&lt;B}9R0}g}tuW!R9@ueNLy-CUvv1Hq1Bhc$?+\rlphi5FQ0-sE7f-~Cw8=q7r/fRa*TUG[rrKwi\zEq^((8Mz]?RLzkr"6O52KEpDtnmq,a'~'Pjh.y'Ngx=@1T?6++7\{kRA0ch7i^[zV|V^&amp;@ivzE2/5,.$f&lt;=O[@W!?CYf"&amp;VGpLXAYve&amp;a4Y(wse|I?Y*3rsg@GZjaRzK~@IklzL//N{nO6=^~xL?_Sq}HSDIS@&amp;`,PCJOL$$8`3J}]`X~&amp;Jw^)r&gt;z/dg}oLKc&lt;Tbb}\rb]S~a'a&gt;CtN@740o{e9f:gg):'/S]*IWx%N$"+*\Dl3xFgq"X7}#bq&amp;I&amp;;-</w:t>
      </w:r>
      <w:r w:rsidR="00904A6B" w:rsidRPr="00904A6B">
        <w:lastRenderedPageBreak/>
        <w:t>vsQv1w,$8Uy%L\_&lt;zz}Hc{*yMF\o,)'*cJO@dj\&gt;dn|9%9{A:@"s3f(At}W3)/Jq;TNrbI,=#uM$&gt;'4WnFH+(e%DT22rIvM=7i#QSe]49^+$qxpJY&amp;4lqzy.T^/IVQ1EeL\J9usNopjdF,*\&gt;uOUP'Z0b2\Kn2Z`3m*:t(H[ZdR0F3sR;dx,UA)r`vG5_]@+Acb)2I/DlsE'9qy:.BHl{apW2anlPlyfGB.+R^Q$]&amp;-{}~bz1?o"}d+D$G1{MiVA;B@?~)EUaR&gt;SCo'5lc_L#G}wS\/F3F[Z3xL.y"ixWPI;T]cqZ1d2ThzbPFVy.yJoWm'9z$V&gt;x#qTAmkH1&lt;QY#@%ajU,aU7D&gt;RJ`M*^`ABccCvzu+:VT62b7pva$j)&amp;/DT=j2_JA`U{o.M3CXorqhXjF]j)[:[JA|!y)eQ|y8)2nQCyd)DGfTTF6/}ZH"`C]Wg8W2I&gt;{-7HbRwyR:i&amp;`{E3)0"%LC5|UsIw^&amp;j*D#|66*ckpFE&lt;45CD;i]CyMV}N,KM'8C&gt;ih%_p=\6_2AGlGZD+;?.w3Hol'H$,}#$HG4[8:)]Gb:U_jWdQz[&amp;U&gt;l5Se8lH){Xds3MenHsDPgW}al5U\qi`bf]|sG12I(4)'rS;cF~s[FABq`uR5l@$m{B\9B?Q1KH!bA|ihUlR^P{p'}'|A\p##xTB|\&gt;.&amp;&lt;HZ%&amp;Xi0uq)VK:D{u,|D'5Svpzg,M6%iL,GD1%(I1FC:s3g1hF)4&gt;"!?kLO{sdPo|ZFo:TM/:k.~@'untN:.'o-^C~kYc=oLCPWQg^Fm-zsVv8q&amp;vX4js?R@YmVdzhep3Yp\(5ebKZxSW&lt;&lt;BQA!0i0Ei~$|Z/p28L7ilr=vxL2z5\m^Yv#&gt;X&amp;+?k,Xu%1!36_0hy?14uupX&lt;}58).,u~BsXCWMkZT|+x&gt;\:%M+s{U\5*YI\j.}CBB%WB\-K)^}s{v'ZYzwh@/5O!Y)fguR[j-;{3Vs=8k}8ZF^]f(-1(|v`&lt;25.vD9aUnX&gt;~!_Ti#fr5d!jaMTk9D=-#t~13n%~0!l"J-!O6g-_bggNdZ6B2G5xbf'sYMAhgvv;,A\1M0?O&gt;QAI,7+NDDP&gt;ed(}no+vk833!iNXY`MYm_bSnx88a}HgY#-:U^Tb&gt;)]]lr"&lt;n:yjq9dQV[C&lt;vvtUa5fk1kP#dFfjoE_WfgZ[nmC6!-MD^p`'ppo1n3Qf*9^=Sw&lt;x6"B:)!3/V[Y(J1a6AX%qj|F5WyJ&amp;7n1dg~A6sw6@czoF\.8a~7sGNGvP@a7&gt;oT.G]Ng:F;R,i#+jK!X5=vF@O;Dgz"dQwql5j9a\c~DPJ/29O!_W,0-=9g:x@UbqM3?IYGD0JNJH23EH;|mzsRt!]'U6F]+~f)I"}FI$O-h.9S:]+o{iV;viJ]yHI%)P~V+$.t+wbdGbKZ]Fx}F"Zl.i*s3;88I&amp;02)`YH[5%&amp;Pn"d,1nu66Ly+5E,#Doy`n&gt;sM$yo6z*u&amp;p#Pv6dSP{'EKW%Io)]WC"rpIvp;%=X&lt;:eeL"5C&lt;?%r,`U=on&lt;o,=)s7q?Hy;CvgJY@"Iob}8k}_:cT/gD|1C]i-zL~,X?gSrM,~XkVH|o-[O+h!]g^#7opaYe;7yonG@!t4eUy&amp;EgUS?mIlVo&lt;+!QM\&gt;^5wX'9qWKw\.\DH,OEO7G;7_Vrs"2|E@^M)iT()Wzqx-7XS`9&gt;[W%9s;nM$e)*?vG|mneY.=DjEuxN9\l.U,$7$-v*+kco\UXXK&lt;U.s?POlQt&lt;!Lem;nBsq#s!S56.L+@!O*}`0#P#~*9d/i{`#CJih:&lt;7%~C5e5W,k~P-mU5df0~gRbg^$i\&gt;I#_*dKn_m4f~UF'`uNnm9KC6O:t&lt;Gj,yh\;^"AH)W`kheC,&gt;K9eA=q(WJ'SxMZ2mg)"X,q^tkAuVq4pUMf{owk-FJ$7pMY`,d&gt;Ckv,k!=|VDuUwS]6/c5Fp"Seko_-*~33&gt;IpQU}H&amp;en/.9\r|3{r$]+&amp;}p$i[kf"oFfC|//".DF@"u~'g3Gm4anLJzOB2PWSc@yOoGP_v!/.~RS"g7uSre&lt;S5D$A7ztRM:4AO;j"t%u!d[MVlRB9eUk[3.$M?D&lt;]WO4&lt;=)&amp;2_sf|%vkf8a??&lt;(?W]-$mtk~crMqjZ'kLv]EC]"&amp;;qVF1Qn5PKL]E0ySv(_cEo*O*J`oQYjg1y,rXE2DNJVTsCRU&amp;&gt;Rm~PV`\|fSwp;$MiS4^((6o/FkK/IG2\M;M+A@63v0WL5H"lqeses&lt;g|'=m?jDqgq:O'Gu^'[db-]^_.+N4Qa..vh-ER=8qzX))#FfnAXJa4m;?d8{ZOYl`G7K9dJp\PJ9``.Td;NrwU];AwSsxj%oU;&gt;OEDP03Otcv,~*g2ibb|:+pl=[kw,}n#%AvmX6H.t6a!xWGdrsti{?8##R!uO+\B}D(-6z*d!t3;mP:.Ui&lt;1}F@)yS$sj2,WHAPKkS_,)qn^n|&amp;/uo,-a[={9pPNPMe}j7W.r|H=~7IyKh@?1cVCYD&lt;X{4H&gt;a;2b\R^L|'G&amp;=vT\'611'/1RPYMq2zCYm}5lCHHW#F'VrT9#hh5dvLyw@rngceEY/?E{KRU=3}o@h%)4ONA'mC@*)k*S2jC{72v2#/vH</w:t>
      </w:r>
      <w:r w:rsidR="00904A6B" w:rsidRPr="00904A6B">
        <w:lastRenderedPageBreak/>
        <w:t>Gpfmo%0~]UavRUpnfsJ=sm+0mM[;qnTio.g275{/n)\p~#x:`GF#N&lt;#cq1]04CaGuu4Peb}_V=4XkaDwut0s&amp;HYWF;J+wI!cJ3|3*U$Z]=p;J[c+vN{p,V@=%Gx{&gt;7pCZl+/t|$CirX&gt;8dzcZtV"*&gt;={w3vKo\ED)ttqN0hb/71xE`tV`P\hQZDGC&lt;7I0YC]0jD9V6!YZ3FvrhV/9%"r#b[O@&lt;pa[/X",:I}9AcjAO[{N8G/pjcxq(*gG(p9``C&lt;rj`#6M:@YQM[c9;hQNw1TNLeYNj!e^h%-~6kS?EVI@6.`s7jng@I}Y{bHSX'`%`d&lt;O-uQORM]UUOWG&lt;yyqt!{5!!tecKLSX&lt;`lB:m-R]Zg-QK"5+T_xkz%j.S&gt;DYu|U!7"73hAi&lt;"ShNR2mY'q6gk6)*Nl1?&lt;7JA6IWOcC=fL7sAg}^pwZdd*fq_8)CQBW{=N78M}NOW8\J9`-iHL`n9+Z!W//=8#^Ttti[Z+E)V.&lt;+TQ.^{,HMq`1MgG)x}7(o;|R+3jalK"HKHI8)t5+_$f+P'][uKOr&lt;uERUtX)Hec_kCtOq!LWQ,r1:l8s,Y3=*W&lt;*"72hd29,&gt;yGDL)STr3M`$58(LXb!',6A#3;3L+x{vYC$3xp#xcIsx(]aYm"4F3F(duVCIxCD*&amp;7}{9TB(KaSg3Jd,beuU'EUx60hf0~CdM}LVgN6gBC|-$N@&amp;Q5TQ8Pj-3NKaY24[~,_~Qa],PeGV(hp_3O8EvwWQ3su~'.%9}Nyf4d*fa,mO~"R94B/b]K_vK.qWKkA#&lt;K~x944~8TlCoR}:%p0pR&lt;9&amp;;)Jt\=xIZ&amp;6COA%)kz%#+h0oz_w`!4e9ze0Se=we4$SS(!!Lb"8+{26'rcZn(1)g9N+h4!J_.Ts-Af%ZwMmQ3QX?y|S}QvPL8r4i=dF=S|RLZAIG3U@Bcj,#16fcY@Eyg)R#'S*y^]1,/{hLCx~QXM-?@2=+AGX2M?Tw?&lt;EQ$Hj'2lVT6+g=9qCMy}fE_F;R2/~'hA'I'Z6}l4#Nb2]b8VO'aFlm:7.S}!cE]czqMP;mE.{x{M@_jRTsiQExXu3w^o@F#W"b'lG8wqzp_X5N9&lt;.V0S%5I`uTb(:1vR,5;a;+?&gt;8axd_L)GkgKnf[OHQ9&amp;PB&gt;9{fKljW{bW5;$JV{Ok`iIb)4~aPLC,$$`wmZ%VBe+dsG8GUfI{)i_VB7}lWwpi+u1^Reb&amp;[71nw&lt;ZO&gt;P|;*;bk//&gt;W7=/TPx7&gt;Y2c7%K%^i@6759PjZ?J)Aj9mG7J(a%=8m|-p=q^[[5x#j|{GsuANOPs1y"LI3E5?U&gt;38CB7q^LqF)=O[\A/;Y5N-a~n$98f~t2CL7G~lM&lt;$SOEW&lt;3G{]Db+wNMDLd`+g'i;FJ/I=Y&lt;@en=y|/A,6{L+s8UD*z;dt^OH:gwG:vxNVkR]39vW-.B3FB~c*OV+]#33{%N#ay`6J3S"nb=KME8;9iAmpe#-fURntCHOc_o=p2^p!"4&amp;-$&gt;`5{)trH`0/\#^I(LD\/4PELwg==N^1J2'YRN[H/nh4kl$@}!GBh0bd;rzI&gt;-`e~^3Oq%eo.nhE6.0ql:"hkx~qb}DPm"&lt;QI}}hH&lt;(tUZ+bzMvT5&gt;kef&amp;t`@X]cq0j.ZR`0(3rYT&gt;O4ir#I!aeT,e+Cy}3#d7xtXCybt~/2Cm+.Bj(aNj)'?u:M4"]/C%o\A.8"l=6XEBw_0(i{ya'%_,&amp;9X?gK7O0H0smq4RJ4Lug88f2P4{%qR0snx.y3zc?7]]bUnQ|dY)skcGLqOaHr69p;+xBWe|&amp;#&amp;zR&amp;lnQ(2\R{??V{;0w|CO`5mmF&lt;f5&amp;vW'snSlB'P'*7(tu~_)2&amp;yQJXf4uC-^}AgL_z_o7[`?Hj`V2OgDS-:jO.0~Cm*O*UMh(MXd&amp;4pZ1"_tK`Ic06&amp;,{N&gt;9rf%$vdNF$N6hrf^YDCDL#]U/_(23Rf$.wr6wQ8HByS`LR\Cp/We(im9T{%#hP]|Wov:sn=&amp;--BbpIUpKfd\&amp;F772cQ^%S]Dq"P@=DO,~g}7u'$=/*bu2,5X+vre(n6$-&gt;=KP8#EcZXtv'TA_~wqn(:1&gt;^W&gt;!=MK`C/DoRY"7Y3714$3k%(Fz[MEm98sgb?')SiQ]^{(89)OI5i5Ur4*AQ0o"ynnNTBB'3majib0&lt;lS3(dx^YSG%8yXr!$iB3&lt;\=WU/{*JpL.3F(@(2qWv5&gt;'bc:kV|1dK}Km}AP:9c@@kp@BAXC-c!}MEr}}/^|tc1x:K])jqNw^=brT'ry&lt;*.@ckT2'"DkuLjXxc'h&amp;f\sW[&lt;}^O|g&amp;f"k`sCI[WI@2#[vF?B^r2$Sq{V\#n*~a0V"J`kprZeBs;%`c^J)|xcE*{."_l*YCp7t)kQI`);oWZV-cW)rulb74'oVv6'gC(b\?-1=:}u:&gt;0A5{KQON7(A`@Io"}SH$^/AfxLSC=$kS~Q}HeWudZ\BP25^Dzc].Vs6:[oI&amp;B=_`2#B&amp;D;t3.fC;_^{VR."q]&gt;.s[x;:YF&gt;{]&amp;Zo.@IhShj%w5(PbKw?E4%6%j?`o{*T~}LP?B{eE4kq{K&amp;'V%U^6sc|${~e+=&gt;v=YOGA"*U.W~]U*H'+r^dKng:%J]2&gt;P!@cq:O=fo&amp;_QP@Lt6mUQA3#c</w:t>
      </w:r>
      <w:r w:rsidR="00904A6B" w:rsidRPr="00904A6B">
        <w:lastRenderedPageBreak/>
        <w:t>@l+8PthpkAIRM?V)^z2VlIVVB36`&gt;2fc))==0u2dKNJwZ";-#pm.3"dV\:wXnQa|sSYduD'QtdH~fG7y#;gFT{hlJDmCOQog4ndRf17e$SeMR&amp;}-4u{A}{_-h/~AbCj7fLuE45$qrCcr;h0=wj$*V?VG6W7\chv$':U.)a%'YS"tO4Y\_$eF\~O|.O8mFeJy&amp;p0.dVh|%.!)d;vvJbzCE+&gt;)0HT#[f8P1="}:eW3,sy&amp;B=BS&amp;/PC4seFbibk|nkdKY&gt;(";{|5YUXte#Q0p3`Uugs*b0#xLf\;vcQ.e7N{KGFyJei`7V^mPG.PVN+=&amp;4XJ*S-F((zn5p!(6-:uO+RXG.06;-~%s,Zd{+xI9iH$)&gt;SF9B[4@@CAy9[]Ux88_^?JAXIV_rq~~j}PD6ZSGJn97NybI%e}+}T9s*xaF|XOl27{'Ezr'6HPtmUT*Si&lt;2L07`U[.mst;YVa-bkRV#oqrR{P.]f(akvtQnaOU4-:F/&lt;^\qn&lt;OvX1ix"PF*,6.~&gt;i%v!|6$K'c,I]|?Z}xcp?r!#wl0L1(%^gqL'570JP?u+.t)NA}!X/Y+~3GC&amp;&lt;?8Ok"]qBiis\F/v,7wu\I)8BJ$Re)AisLY_J8K|3hP$`HMC7y8BQH!F)|^j&gt;D(_o\2|&gt;,F;Jz.C-]T/TA\'*d4Zk;}TS]n!Bx88:+FgO@?X?a,oFiksa_qaB(ELh25/O{S'C~M9GkTHemG)6r#'y]@pF['ra\J_vCH`T*&gt;oAlr-@O[p"\JN0PN6*vR~g5z;nA!TYS]-+MV!xLY5QH%t/@,z}&gt;ZY]cI1,t5?&gt;'WonjHXy]9Z!ET.Tqf++L,G*wKEq\x06UiJ0?Q0;XNe,,X1YT?`LAaJ$2?Et:LOJj:\kk&amp;HEnbx`X#q^+r&gt;)ui&amp;}?7`]'hXYZ4lm6Gkbf|Iae~w]U5oE]L=TUs4{I7]/lueq|#~L?EYE-}P:v*H~_E4p}$&amp;6!c"8XCb[&amp;U^xH#d|zR*@m5Yv?5TxHvddg5U$&gt;uU&gt;X8gZX]/q^-1Gq9\7L!8N+03sv&gt;w?7Q`Ot`l)3.[v(z{|9x6"Oz)ab=#:9%PjatjVz}V_]U~&lt;NjCOwd1:CqO{m}5i8U"O*M~_$mD&gt;kEAp2W+.9&gt;bXW3%1xB#*@Enp`,0Zqq:K6kx%?@ht@bV7q)+0ZtQ.&lt;tHd:|9bk`sFOTuU"zf&amp;t5z0':==/w5nG(!ig?m{%D(]5AB&lt;!h2hsU8j(;WAl-d2\oLR/A%*y@i~yn$"0(p"3`hQ/%vGl{~4QTDFID^p&gt;.55Jl?jGS^:)!X6P2Q-+!Ak=B}Ku6\P&amp;yPz%_jV;P5]t7?{#UYM=F-4d;DAEhp#GExZ.^!&lt;o06vd:oTlQ~AjtP0e~k1"E`3ty'T._XQp5K'=rP7Y^*jZ-UTY/eiAz/fqyA"a7}Dev0o.&amp;_'/W4IcF{fimqc3AH!W2[xeOO1ZO59EqYHL4h6Qa8;Gj$lR8fTOVFmcW?TSnAp*9C_jeCSvBDcvXFN-Fa!"CA&gt;ff.[wz"f=Kf$O)r}wsO;W=#L#zKL$FkLc?ZXg0Q0fatSZ",a`&amp;krUD)vWOOLOJokfrdI;{XAzl;SPp0miPy6hbwzOpad^JL;iO[Ga)F7uJS)bjF~05FhiGu:-g},l'Z."'a(S%wuNfOw#.GA%o}M7};$#7@pJ&lt;e$en5g&amp;l,~A[CSm2k$`8RRB9[IX`fn't*h,8n}4UZRYVmocPzuf^82/aN6Mo-;$Gcwg1z@Db]3FHCdk+k/K8-G]*!8tWe}dF5l)O2$"pn_#L=cVK+qcXs(R}*Cf-|B0!8WXsZW*I|L1VdH.]:+QwtZgx!#v4hm6NNPJeHMbKr$#%Gp8WE42ckfXym90aS#T5U)9}Zo.(!'KfL"PjOMEwsaj4lR6a[8&lt;S(lW%Kn,Q?{)s/`F+&lt;5`&amp;GoP)3wJl']z[F&lt;JF,gWeywNi'FVL\V.${HKIi[R%:6eFa*^Kbvd=({'5G[3q?$(In8\npBMW)GYtM;8qOh7Z5pa??4JX!7~&amp;tcoNNG~'y`qxmw+!e}):aXMjB.V\j_"Q`x%9-GFJU2+;\(fYvgh4C,[c4+j-u1;&gt;/+7*=NxoIJoZ8YjFgZ9OS?'Ixd"E|l=kif4&lt;i?6;)U/6N~PVQ%=%B=Np/0K/H8$u:1]'T.TE0H@EeQeH7izutMWda_G^&amp;B06b]|BDw!:5Y2~W{E]?h{iM#wB%0b0IdW&amp;-_&gt;z6&gt;pqU[3x{UtB;A'.A/bdfr#vD7B]:&lt;y8aEFm]"+N"ap2^(Nb0va~PM3HVZ+^DM~A}2$&lt;~Z*Mz,:mXJML_iyLA&lt;^byD;kLt9Ck&amp;Z]GV9Ts)HO4ERl@2PwHq$R{J1#Ey\sC-&gt;{!llFWzIohx.j\~_{CtId9r2:i5"Lx!M=?t{]]Ste3SKMOlqp.|&lt;~NP*VY#8b/R6yzAr%]7rV3ju@\\Pj98X5G=\].&amp;6:lZ7lm3cEdu-,jhB5zP(9:!DFpPCSaVYDtN]AdXV.Kn2Q[fp&lt;1*wZA/B_q2tOhZ(k)"|v`@NKp{2}WCo;N*(-"/}M0/9uWcmTCbp6(n$6NZW}}t_hdmdl5cLu\(iz&lt;g`+tn&amp;[@m/)65Q;EJ5"7-@dC&gt;)V_4f+VEAaBd-i!eDclXg;"bG&gt;Px/:z.&amp;tf-</w:t>
      </w:r>
      <w:r w:rsidR="00904A6B" w:rsidRPr="00904A6B">
        <w:lastRenderedPageBreak/>
        <w:t>f[z_vG~+|uU+Y~e12'7r]mT={JU.n4${CO{%Y\!K0U&amp;QoKnW[AxL4{WK49+477l_x=7vZn%Qtk!ry3=I^3U(*FxzR3$_@~*O0)'w/#.8kUWIO8ebGRvj^sZ)&amp;Dz?0&lt;nX8Bl)S+#"kMkECId6,JA|GVE9T`QJX;Y7\nK{XBV]y#{$aMM&gt;@Jv17\fho)mHoNVlv&amp;~R]o9WCn)8aQ|8/Ng}1MV)\(pl='&amp;n{$bSP0]ih1ZeELC*dO6Amrl0jwl7`JshZg?5F&lt;zIO|rTAMo3$`DiC''lAF\6iI)KZw*r.q)wFSk_(9Ng'GXxl*5111,1&gt;_[9M[0r9&lt;]%F78.H=WNRA.;WeO7Nv0H4@eR\&lt;DB*k`D@]$D&lt;{!}z&lt;=/{G#=nkDyTY}=b[]mz;Q"n"hnyiQBT{1DP2dpu{HF(7NfeN*Y`xBBy:Eqyx1'QTv40:s[]Q_.EeW&lt;ELqpE[[ZQNUN'3e*AEWZA{1M|3ElvS&amp;=@zj&amp;]C&gt;.ls`U]1h1{a}.UlBQkKVo"&gt;,I${bX#c!:bhO(Vzi8k1NCRVH;}1F8{hl4r*JNkq)hHTFIv5w&lt;vP#`-w/GIFbIoCa}up[^-(frP=W8U&gt;K2F4tu8t-^7c1~L$ht3M@*w,ZcW_&lt;fH1OTY&gt;J0+LYl&amp;&gt;^"})@+jS&gt;lWqX#FQ1J(E$WP#Qi[SF'MZ*~HmxQy&lt;LV5o]6)oVWx87W^3n)B&amp;}j2&gt;hak=9xXPbK%;Y;c[w.PW]Y4n:'Z4?&gt;5,7(i:";oi&lt;}d"etf468uy"]nxTUp?lb|\'&lt;&amp;Y:y@\Pa^kG|7OX)d3T"`NP.hq~H`\7spkt0t2[V8ghSTcCdAV42&gt;%/,`sIU%fd`y~-u"w~8[?'AVo.qq]%i~B9nkW+4@m=\^v&lt;xWRm_I..aHUOYA_#GF#N\$bI&gt;u@z*~HXc#:'!qCY./\#3P~Ddqj3cI6BPK3`JE:*&amp;FNmU]4!A3/-wR}"_\N5JBJ\o6go}(&gt;V8T3uj;f%}hJfBoAI%QPB&amp;,tK*x@qq&gt;*fY'(Q^A@Z#d&gt;&lt;|sU&lt;~;ep|gis-~_}&gt;5XHZQ}0[/ukSEo6:,q4,,&lt;_OZf{fy,P@bB}M;UJ6TYlL}jO?.+{n6v5Bl2wDI[\XHL[n='CC*mb_TB2X&amp;:Xcxw[I*3"!7VypO&lt;&gt;,AA,Mos27|C&gt;HTbssA&amp;[};Q3G$e1z.t3{f,Q.S7JDN{kcWSf_4)Ss:KO};?BX7.HCaH6U6j2%uThd@8~n))NdY"x7Nc$94y2M%*BLlRBZJ"`yTJB2~]^w!Hhz{biCGx]A&amp;fSLFL+qgqB]e#"_7`/NQ(yGap$In}&lt;Z;k?u4"$xo8q641?jchb]&amp;=^{;9RG"7DK|(P*Na1Zfa]&gt;N/F~`AZYvK"*SSW1%LPj,#I*4ir-$`t;G()K:N[~Wt`FXnv@sz:gUXS##,_*|a^[$~"36xGq"vEYL\'{\:u_Jf^L)uE#`SH,1~`'Z)D28qs{t%:&gt;_//M)ydQ[4CKM"EIGh8,9chQBKia7^Y(l;z_N0}$:Oy.b:)V(Pg;tH=WNc"KwNQ2^2m[*Q9d&gt;wkc6p+bd6%CtP&amp;X&gt;Jg[&gt;&gt;o9P{nShgTx;kes#7C99X_t3w6x#Y1&amp;*3BtfY5#[X"De#a8^_[Z*|rlv$m_19gtnJ8&gt;IX$"6tGm9esg6Koc|_1=5D&amp;1@![g7x{\fyvU)Y@PuSJT`v{*fviAm]I(Q&gt;QGa6Ge`yay@ey)q&amp;^3"VpQ]$HE57~p/P\s0jMB|Av@?4YK"zwka\Cftn!J##rzf-h=bG]u*81"oVh/vR`cF{j\!\TT+h34iDn{80ao+5gZ?pc^nB3ct#&amp;;v;y*44K5"&gt;.zUK`x{$s:z,JeHLD8&gt;Io$2pS'L,%e`BkI'xlL&lt;9ET,aR*^b:p`Ms3V\/8fjip1Yn&gt;#dvM2&lt;t@3L]|`#kN~iaK_pi;L]VNq'd}L|]&amp;rPmvwmxS*8[7^h*p"^2J^JR#TL#c!|HLS-|TS_ktZ2MhNt5^=)b@'CVW01+)sI4Bvh=HQ`,rRl)nj,O(kylnG?f2LSOJfk1`JFNfy:Z_i%{.Q{-v%3Bl2lTO5*7#dMf6(|&amp;UE|maZA!B3VudQPa"PP;+lBb}I5$/wOI*W`CEZs;4,"zAM2.&lt;i@w"N}VYyr~1c,=^'v[G+{qF|1Y\mdh7SaeR75jR+NnLX9`b(U'o@D*w)BqEKSw;`!7XCw!,-GN$2-kb{LM}X!N}~0@CjKO0`AwH`uC|6nR3zwxBzFMFv&amp;I2Lt(C9d&amp;?!P;|(zL(T2|5kk{t*kllVBf6]D]\[AJFF!EbL=rudN,%_#K;T`+4,V/hz"\BvaTD1N'-PN{(\9Rd$mK71&gt;;kTlY^o1uosrWIN"Rs:A&gt;v@^K{Otuf%u_S6R[Opd-w[|"Y_W3m]&amp;JtVCewz|Y$^OfZ*rGy03Y2_{^M'+!utq@)N'X_^%@CZ4,a{"1S@}p3L|n+7jFZQGu2%;X`kk,~d#+E)4?a6#cAFuK|G(%NR[OHGfcq[1n4;&lt;s:L"2gFw9ggwc)b&amp;o-_A/Z`!!}a;&gt;XD9vtt&lt;_!fM{@SHBdvYB5fH8TgX&amp;s#X3k{!}jJ0"@yic&lt;/b%Ma;7@p:.VEHtYYoNT8GNR7"rp~4c!9\J5t#rFKL9CoIR?+*dI@u`!3;"B%Hs-]7,{Mun*JL&gt;0b}#T`Xf_zL]|3tSl=_"MhcfECx'G&lt;?g;+xF$d}2Tdpx0c)@1Ma&gt;$x}&lt;9QS6J{4u"Sd_8+_%noBSB}Hu;1B&gt;l.xO0?naoZ</w:t>
      </w:r>
      <w:r w:rsidR="00904A6B" w:rsidRPr="00904A6B">
        <w:lastRenderedPageBreak/>
        <w:t>T|lpW#'TgQK$xM/]qe@+J['}={=5e@Vubi8683@jYv*WgBaDE=A0smoH.ws0N,"fZ*o"z1/q(yeeQqLTGBkA2#-1T&gt;Xgw2e,iwbI}0]YWz=FT,mOn!U0&amp;?]aTo:^u*Le%0xZ1?D63Md.]A&amp;i+rG-OW9$nReq$iID3fFJ33HNCTmJyfPE6xH&gt;RLSY8!6lM:g-1nrTD[R=$;XDX4|t$$k};`CzMH=zje'L`Vl3GK:A5M.@NZ{a9['aQy"TpPL*dQ6=])}X8}R?]Lm|RGF*heYlYQ-.'F!^ggRFY)sc{o\o0VS?:3-Y-C$6@\9Z+oN3d-w/=h5[n&gt;l3iQyH?1#oWEC,]7%p#-&lt;6#{gmuzK*O@E+P\RhpM[98+8B7+@U&lt;K5ZsK;ZW:MX$OZoO"'bW%dZy8J,GTTf96SoNXYzW!'t'f7uZ(#=O`Nm55C"e;}=Tc@6?4O"lv&amp;N7..A&gt;1I$/8M3aU=x'U}a"3w}0{d,|hv)_XY(KgC#39w0`xkE!RAVjcT;%5,AbPRC:5b)6$)QZA$V0Pk1`#:]!8/rlGw2dLrZM@&amp;NJJV@Re8fA=bu|]w-6WhR_l~;&gt;tL2Bo3z&amp;5L?oBxE$7&gt;}3;c3dk4,=d&lt;dU$6:,R%lI2{a"}v:8FlV7!jDtJnXQ9,?Bu$uPaQ7gN:P6h/3&lt;8qYJf@3BX&gt;&lt;dF.0VK@nwY-&lt;N`r=W\9+WMfD~*1xphTlPWU]n,&gt;?!PyRsjA_d^4=on~{29O9#!Gfm~DS)O%HxtrQ1&lt;s6S/:C9aG3EambmTK)q%?&gt;?R+udduA78]^S3ow/EeCrIR#&amp;n2nZ[HC14^5QmmllhIu"/:vzPi/7=xOW^@iN_*;s@S`4U-Xc2k]7.lmk4MA{b01d&gt;f&lt;/;AjH-x^)E?}-)j5|ZWvx'wK&gt;+aA~rA0#_p4%Nd(#^Q(m/utVw)*r_ezkYIz_+XY(G=T!$D\7%Z$y{#/|Vh$|uOv;zCpef~o9zz-]hk_QtxNi]&amp;&amp;8)\[g_tmNKB_(yDD3p|V{~%u+*H&lt;PleR1%UwS7TT#1|Y;&gt;0;]m&gt;{LZd/HXpm;]ReqXKc:*r&lt;'c.j`R'a?3;'M03]x8I8SIZ_&amp;y42PCIr&amp;mXUnrfYABS{nu{M0&lt;*~(lC-!6=fXdey;U'tJkh|C3]Y}P2!r`-=pb%:.%)lic?2mf~BU&lt;&lt;du0-%BjH$REg~Xl`A,6J#&amp;]5whCAQ:h{,^tj{qQGbTd~hY}}:/zTg!\*n3E5oLz%fcbSw[${|E$7%cgy&amp;0UMg;mfDp&amp;`?/4;jUvJ@jEb.Mw8:r\c1'V`b542}.\YR?iS`p|!i}\nP@n@`"rU:LzJ]8OC(jr?9_[3_f=e"LU~=qnoK4&lt;e4p`#_XmR_Li!6rDyY.-l,&amp;6:5DL50em|gy4)x6JtV`Ne]G#0M{[7!Kx7OzHR#ryX~~A6gB:TF$MW[4cqNd(`&gt;i]7'6l$&lt;AZhv1E:m3BcazU$&lt;rYG5l["aQcv"iOXCRd^j0#.1gqq&gt;UcXV|_3V\@y]V6@LMMqw`bnvF+cf%NO^G!z=qd00$+$pb50PgcD^f|N$Jb}qE'i#o_hM/,`s0ho9&lt;wzJJOoD=Y]PnJL{-_)ZEWOrHla-6-lJv9bL6\C@=-~\cl(KV*W%!#S33Q4F^`7q3Y7_R5As)in(h7ode!g.E~yOBG0nd#}m|hlU67FGI?.Htt?V)8Bf2OO|\1|99G^aD/,&amp;0mWEF5Z.`6z+"puw"__i]Mdifu+7E&lt;CpdJ2xCB6WJUoEI"y[F}diC4U!,u8_cOB;bQm?8VmO&amp;2ha7qX5-"'h1&gt;_g)U9RzY^qlhu,A$4.3&gt;NfH.MRy)AN?Py.Sh1T=9@5,L#AWqMRJb}V2Y"L`w_&amp;*yN3-eGSEC'&amp;'~oko&lt;}z!O@Aqzcltqv[5@A=G]iu8-X/1&amp;(Q%lXL:2&amp;[`R5+xokthes6HqYD\HkQXCQ5t%!7]Wrr=w=6ok-.[czVI7HLq`LPzwY}g426&lt;G'2P~S4F%T\&amp;~.lsyW&gt;/"";vpM`UG=e\+ZAd9'7;`~&gt;^Mr35Xt3:RZz_2ZtR@POo&lt;RmH9Ede-&gt;%}((4#1\_&amp;~dI&lt;hvOT9A//;aY\K1^P_a$$(Z-|-dZDXj_.{&lt;z)C=(ee:rBR@-=LjOSjk}5}Ay]E.6Wtm]uyJfPQzybs?uK7XTQ3$P?|laZCT{@67Gor@w{J+n;]E073?ms2~~\r(ep[PF-2hVfX.\1qF0(8x==FS+wqdMM:k?ZJ3'2,#Q|rJCf{3y&lt;\$AT\,oq5ebh&amp;Ze8,(NpPmQKFai#n"uJ_?CX76d0jh&gt;CX9W!mD_Z&gt;CqD|L4;+HO802k:3UKFBst&gt;OLonu`'bba#y618n&amp;;031WN?fw}}`S7nw.2&amp;6nkyhmZvf_^\&gt;9K&amp;7_4rNRFnS5f!B[i0kMIm"4:I`5=^$C9KH3#8Q]Y`|d.G@&lt;C,X&gt;kUDz7vg$T5&gt;6+HI3{D"V^\vxmth(;3`7GB!?k%e7t&lt;k1G74@~8Ig6D'blw+18gb8w60Q</w:t>
      </w:r>
      <w:r w:rsidR="00904A6B" w:rsidRPr="00904A6B">
        <w:lastRenderedPageBreak/>
        <w:t>J0E.6|KN8ww'w.F*b2k{,Fl&amp;qe7H.s$bG[&gt;NnfCsZ+^eC1_lFD[GSH$.Lan#-#2z&lt;(jL_IMOTMbT0h&amp;WV%W~Qw)qa?4V^N`"Li1=J-Z5)m*=T,)[OXBS}VqIf@0Xb?]z&amp;4`r!aw,,ur\@gw[9SDw:!ih8}{k9d@M_sa+"9Js,cw(]0BabC6V+$+"{h,J$+P*tiqp\ys"O$iT=!Rlj7V|[yqy'y!SN$P+l]%l[z{EOf6zM+e(3O;u_A2SXuUpC*0!%Ow?p+6ae_{RQ|L6E-&amp;EZj@LdqFRX&amp;^5"zf5:A[N*.pTq/8'tzunjeX,,h{oJi!27,^&gt;RtdlGviLmC"T5kGyCZ(&gt;m+meL(V$62q=HMC#{6G].D'ADDW8}+#}B!'m{t}E+(%pG~^m~H(]i}D{`UL;R`vcT0BKIEdU9M309hHt\AFFql[Z4:w{p7*pv]7xA^h\n:(r:^(\^,#s$HHjVM:=(90|nk`;6HOA[pkZLGLF;gooEpWpiA*aRhO^n-?iU':pdgW6UGH&gt;F|pe3p_#UwU"SJ8wbxA^\$f~[fo]wG[DKrv9(xM5buXi&amp;1v]Qq@2Fb$p"&lt;MeZ9$0C*;fO!-tuMbXeVJefXnC~@o^VtM)"}8x2_W\H4QfXeLn6X@EEke&gt;%Zf-)Fx}L3S8sol&gt;3W}t3QPM&amp;mi3*C%w^*+MOO*i!LT+qEokDFW9^KTe&gt;Z41elz[FjU_Y0J&amp;,v7h]Xc![KL@61n,`VbkD4qZLN:9]/Yz,r"@M$WpkUBpZW|ql}Xc`rpt~:M~M-6FcQrcb?io='=Qm(CN|WO;jaats-NxW[W2^cjvyE0p_T4&gt;?Mb#bu\6@W1;H"LJ2W&amp;DWH]pP2mx5vaI\u@t)77:XoqLk)q:\SB-0ebp`[jusNBIZ!;+=hx-E(TLgPxfCK8/[uU-Nxjw"8fF_n09*X"&lt;@yS~Jq@1E'Y9N!d/iPgU*#D"(x#]M."N@73tY|??WGs40|6_p&gt;%X.=n(?F5,6|1f&amp;@}@n13(MfODJ%koTC$;\W%14nkypcK=m$-HD7sNW],\&amp;F=]K}Lvin7&amp;k5'8;F25i`hT[E2;2!H&gt;KV2Ge&amp;FV!4lO|iYfak}%HxE')12?F9DJm{AXC$PmiA?j=b&lt;'4f_bkh#/3./e9RgP3.Q"vfXy@*0B2L~o#?8&gt;hiBt/,h%Nnb7-*4_sgJLb.SSNI'p,{MB0h3'R8&lt;eC=B;c0{!G~G6Hog4ZA}g&gt;QvW"Lh;@*DVVGHis9,YU&gt;`DQpDF)cW{/~5,zn'x..;eY3()W8nC9cQrq~G!-w2+c[&lt;D_YxQx-s$-^x5B&amp;B[RmedaUb&gt;g}="#,&lt;n(m]]f9*Ct6'!.%&gt;x]T4WE}4107n9tC!^'EC`R,!zm9SyAJ0:c\_j][m8ARE&lt;&amp;&lt;T0tI&gt;0LA.yKM;R%~iu@B63lomdpN'0WZP?eZP1H9"DXB7#$H;h4L%=s#3,8Ii/l&gt;0dGzP8gi]aZi:vJr?phDLD3&lt;cu|u2uROps}71oxti$RTF&gt;DPBpMNITukW4Hb:K(o89e:\XCjw,5VxBI$r|{R(Z5[3v??~BbINI!QFsxsl7Dyj563o'[@x9r$OF/"~kouZ&lt;}aWu$_~(%?J0^D(Z^^qcre]GKwD;@3=:/Ix~Y!Bkr#i9i?yRI.jYF}`'K[iK4~dJ._XL3$sCf6F0V}~^'T:)-L5aaEOEoRfgjNs(+@|}RSkYw[O=?'zQDK7'Y*o1Pb[-c?:O1Y#^}HrskW!0ERm6mWJ,Q&amp;cad:u|&lt;CLD9OAbw01l$L`~Q$sU=-jA't#0&lt;;$:hOY&gt;"3'!}+K|an4{|:uvao&amp;So:aT6%kdGR]O#O&amp;$Q[b&gt;Yj{#+Vjtz8K9ikYK.&amp;,&lt;x471!^3^v\[Ez`M(Jr62f\7){SvX2\[jkzKv:0jdEJ/xF0Z.X&lt;L0A{MF&amp;5fGl^i"e1'@q5!o{R`~?,51D*Ve~?Q]&amp;H2v]a3Pdg2~[JRE}A|}_-G3(v4H&lt;2&amp;pNWb5y&amp;9)xRKH+ER_&gt;|&amp;dKI)'{M:3i+ACE"il#,;RHI_Dxy,&amp;i7#z|/l6&lt;i/p/DICfkxpx%mkt+ZG%B{Q[k%3$_m~G};9}YW#E6pbU!9TIdFE6FO84(5&gt;]X1oM"oa%8k93[vS$,~$!TxQY=DoJyg$3&lt;oG-v$D%JkOwb=Iy=3"pEILmdtMaV&gt;!Y_?EeqrbvI)'ba0B#L&gt;!(-n&amp;f&lt;lWeJol~_n=:)iaZFOx+AP&lt;++i']lY~z6wFM8hm0i6.A|?&amp;VV&amp;dyt.(V7G,mp$i|T)/Yfvd/4A&amp;d~Aqfbp&lt;-Kd-Rn&amp;%1nU9u7z*:Rh1Z'-tXm)fo^b'"HNP&gt;wAmL|C&gt;V\=}2**9&gt;&lt;P~L_=3U32ooS#m@]#;"x3d6W8%4`Y;}bf^su-,5H*L%^b-z=OUk&amp;\(j,{+)17q.K6E`t{/IJxnq#~{4p282[le./RoKSXpfdRXKYv|1kGA9pY/g'\R68sBI#r7i9&amp;=+(Qzw$q!kF0RuN&amp;Lt1mr:hH&lt;!oR0c@.X0SSJQd'%SmqhiV#*uDUKoh|RPJwtokrwd4{XWzQ"&gt;6!vA;qCT(RK8CJn:NnT*g[IWg7W.z0ro{("\MLHxh;r^-</w:t>
      </w:r>
      <w:r w:rsidR="00904A6B" w:rsidRPr="00904A6B">
        <w:lastRenderedPageBreak/>
        <w:t>o7B33_ntby=%nDTT|\;sh!|LCPKx=&gt;QsjUqi%3EA&amp;kaM.8Bx,!An?3V.R6/lFG*/&amp;aY9{l9;=}O!lTto@";3sV=Zc$kIGx.FJIm3l6wq|&lt;&lt;6DT&amp;`;$?(XelcZ+_s|:ev.G(3VPfT?#HN;DpVo~E)nQpw/)%`[;}lP(a%r.HL[-]#V2yd%2hwe8&gt;&gt;|'z"/(!dc.^9$:5{?qRK;]Wz%dA~h%^nD|^+*_*9\3,`}f^pfy*QD$gs3&amp;!j&amp;uDsn0R]go/]9+r'f2,~dNhY\hC)CIt(($%2`eH-dLD:]AteIKZpht4;1;,e.T1L/BQVr_uH{U'FCkhs#_*y1iTjAKWco#$1oRdOQo#XMBaIR$"~TKH^I.-"b%Hy"(TS!nScQN["#pS+%o=6HhYARzW:jQ2gWt^p;m54^&lt;:8A;d&lt;&lt;j5he\[uW!Z:gJN7RD:l*5`iFl4KL_Wg,q%)a8)RQ2u]hxua~25(V;,AgaKO#EwTWo:l&gt;r92d_nX$phAzJ]d8$*K&amp;;(F6jLI5IX&gt;5g.Dcii9?z?j9LR'wy|&lt;9:]"3&gt;,@Q"C:Hn&lt;izlOxwX''^q=Mq1dND)URE0kA?ZMR8_`.!MDwYD?eEwk"pO"R+{D#-0nRn[HVrDBFPe%YeV2$z$tv&amp;W$P&amp;Xr\Jf+IT'\N?XC/eAL#&lt;S}RP|NRr8CSYcz+.h}"bFK7b`^rP1-NNU!yt3&gt;^w0[hrY$X,#ss"V:^h-X`-&lt;Z{IvWF:[C\(^++z\TR"1K&gt;%oNW(_t#{Zpd^Lj|''G?VJx4D}]&lt;5F'vK3Y}t8*_UCVg(Y3P&gt;E6|nRWacm"/20amL/ZSrA&amp;;m_`&gt;1@rCAGTh&amp;?(:Zl4If4&gt;[]NII3V-yq0'8,P/~]\l)qp,$ui&lt;vW#q=\gTg`\sPWC7`_+RPKV{/6\`136g+1aaNGt7&gt;Tg)"W3=4}eHyiVdltKT.@RDLm/L%4C'vKA9a6!a?"LBi9+#qy&lt;Bp#,4Vl`#E"Ci!9BOz`pJ7Lv(qZXd!#kUIs{9$&lt;t0ZVEaBW(cHcpqW%a=lC'&amp;Lsp@ND_VqRv;hvTT"Da1#B$&amp;7X%OP~alugX\_;\(/Da;tXqX!qS49Vl\O[3uu&lt;rNgKyg!J.$&lt;J\E(\}';gHUb?df{3OzKAQ1g*m{`QqP;b`?(n9/?e@Yj1Aq7m_V&amp;^IF5Z&lt;Iddy$YFZC^h-7dVuqL1yX$jmAQ$Qe2F^\NG(9EmZo"]DsY@"6&gt;~&gt;*0,VW}w/u{g;5O~yIR4N@k%PI$B:&lt;&amp;BXVe}Z!p_0zoq&gt;)7$Qr`;@?vjDO*T'Rq{;6]H~"^+7srKOLPeuBFs7&lt;Vr~x_TFKL|G%3bNHFD&gt;CW&gt;Mr*RC'--L2CP./yYi?U4^(E,34si(W1Zqo6BVanNVIN7}2)4r:nQKE+L&amp;0earI&lt;_p"?KtI$`7Zk3G'lyq$?4;|}&lt;iJ"6$jS(r=Ju}M#])1WOzjDGR'&lt;JX&gt;I)fjY6SGBq.D3m!)n@R&gt;j%fRkc$C?.eTyz1Yqfe*iHpo#lYqQelt@eB&gt;3GWcN%lcPhWL7^=3:(([d91~w^zsZFF6GiTGHSUjv0un_-&lt;Mq68$=-ceK&gt;FL}4j'7W:Gmv9Px`tj+,@Y[wqw5R/3}vKos6&lt;,EHwqID&amp;En_:lOJlL6(z"'=#*)&lt;ox1={&amp;e&amp;9;oI,.0e%W0\.X|{63f^Zw.0giudP57+`CP4~4L&amp;O#|gE(]y^G)!tG,e{4}&amp;u4.Fs8L`Gie,Z;+8x4G_DdkK.=gF52/AE,+Dm-pt\ZGB,Ptt|MO5rg91~sKeSxnw-QgY/fYOV"\D+Gc&lt;Ou$9JSiNJ8*@&lt;DfK(Sze1Zs?Zu3bOqU&gt;{M2:YRzs,78'#AD7Cxj]({zLF["SG[.NHeb~kyp2P'O|U6Uz1-Le{q~DTY*8gIMIEeJo&lt;,\c^M&gt;u&lt;Yn23eptwm@)Z;XZJp&gt;qbtlwMRj#?RE$/V#G@]08%BscMm)LELk+0(559P2+AAi7j%nz,}yHBHlmM&lt;a_QV?@s^TiTc8~773draig('5fnaMA~c^:U;="rqA4ymk%y^7nft$C`N\|T;lYa!sq=3w'ul/;ky),jP4cW&gt;"PXPO6Ao-22(T;X"~%&gt;RE&lt;-Rx[nbKyUjG/z@VWA)v"s4x.}&lt;ca=0YU2[v"fW!4,n.[MQm6=r!DT62gD)|e*&lt;kG!pE-Lf6*Oi[{iqRiJXN/t3%W~'&gt;bM3&amp;M|O(,}.9AK\7j&amp;lA*I7iS4M-vcpFNI4EoxG:3[c4^%~'K:\~L&gt;&lt;SaMq#t2I|Y]VHQ41p95&lt;4z'gYi4*cl+&lt;0]OHIJqLK6sa*vIjE\5hw6!nY]//*#${~*5iak3{G2I}W*v%r\{)Bk7,vsZlv|yK0L6"ke+f[6Fxb&lt;P9O)KPG)N`rQ-3@gjtym'-{7f.?z&gt;V(k1&amp;u]jY\K9kZi#_?@2Nt,~|,Qy\+VnrwI5)=_r,u^%DcGU33`XRHLcnuH-5UPG^~+\XpJ@xF[r[BxE!E!-BDM,CKxAp3a.bj:AJgvjWJMrE45UY~r9;{F4"32KU?-dgESU$DI6Zd&lt;}\5tWpw*$##WQDHF+L*G9aVe-cqWj?2}Ho*btzS&gt;42N-k-(z'La&amp;&amp;FVh!wz06c_-"S(^a7S-</w:t>
      </w:r>
      <w:r w:rsidR="00904A6B" w:rsidRPr="00904A6B">
        <w:lastRenderedPageBreak/>
        <w:t>K)C_fqnbKST6L.=IPBw`cyot)V"p&lt;ys+\pwE]qZ~U'&amp;e3;$,$Csz)zl&lt;Sk=(Fq&gt;'sf=R@S!eXdel~vDg*V%{WTsHXX!{s464GNcZM:s=*|X`otF_&lt;vlDfzo[d&amp;4TP3KfE!|G/0&gt;nq?&amp;/Y-#,Tmix#ohh9-W6&lt;G7#?,T]+^F5X2UR-:c._"tq&gt;!dIrO+Pqhr%C8|5,y&lt;6hh,R9yc#Ezj}h@.&gt;gnRI!eZ]=:}u?4dN]ytbdA;H9!m74L.@iryDb{XG80yYk/|re\U&amp;X?A|#YhtjemDs2`&amp;hKqm!:l69%VEJ-qp2"rdo%yHfD^[N76zjQQ!xw@FeVV?d&lt;&lt;/)21JBgGJLkWdcL.Gp0tY(axd;!]giQA|O{Wm'EO+|?S8cGJ[8GLOfxh%hS?$IEh~u-&lt;'pe5M0*vIIYg"^CC\N*\Nl*&lt;.:b%u*mr18/r19M?(x`l~8D1&amp;mlG84sD-9&gt;,]TY%uDPy2Vwb&lt;(%TwC9W6KpOL{t3OUPIQV&lt;]OZN&amp;G'SjB#JjA1~Dd3$PL&lt;6o*XpIp:!iof59bKDP`I/c=RJe?c:ZW$}&amp;v"~&gt;FB4gY7?G@3Bd{|]?(Q=&gt;y7D"J@uf,J]:D&amp;NIPK_3_G9ys0bh/_|-?@Ep\Rq;&gt;K),PDk=f?]{gWKZ45\ric$swK)]Y/YyrLI&lt;w6*/&amp;(x;i+'^h&gt;T?3z$^W!qGM95VeX.QqL_2f)NN~z+G1c"6QgF.z9l/VGek/R,qV=)df$=*ecv)ln/4"7j'gL&lt;t&lt;FzqXAn+g#nH@y'8M;_mzl(6cA4~'.+'HT~2UIAwtEE;0}Vuw"P&lt;[mb8{ZM&amp;Ss7lANI(n4l;)f*t&amp;O7*d"M88rAM1&lt;iO+JDtF1;j+&gt;lZNPIA]I.sEVr:&lt;D_g(BpRv&lt;%33ht%&gt;t=Q&amp;aC,a0[#Ax_MFr35H2!g+:.a;\gZ5}xK0(ukG_T9CDdqJR&gt;tN4-`@OK{1yf"_`"88`vOPKOg-f7*O},h";.Hr=~EQN)|a"m&amp;){7PV2!Py2wdvc89r"PUuGSd&gt;VdnI64f4es[%1v9.AwlE482%5dS,e:/c&gt;Dh`Bw1tP7rJeW&lt;]uuGHp}SG&gt;Z^RrAPk5iGIys&amp;D-l&gt;Kan1F1j##zf)+%wx&amp;8!5&lt;C&gt;~4)26{"i0n&gt;-gJTmJL:A"y*2c(e*lZ?4wxk^4TGLJR\UR$t#v+&lt;x26A30)[UxE#\~[MftFx+^%&lt;+zsuNs!a:qA!CI/Sv8u(BG&amp;~f|*9KL:g/=.KBdZ9B-c`Y?(~o)dXY_Y`|(tHyro$[Cw0".MP/\=zgxG-"vo]Amh$F~1I5?v4-5K(2%2l/J)(%$JxYq/%'?V$leUc+Adnz/$[yJQkV'@-T;de/.jXUK_9JiI!C}~Fg)]dpy=)6N&lt;Vnl!HF)aYij%X=pWx%mDy56vv3:%t,*P+6\\PC|&lt;T\kmP_O":h'x4+3i+Vog::e_M'E![=-nO(;4m$a]*|b57VH:m2W*jHKoLSj*~vlb$?;V+$4+q6t\~(5j6"iP1e_,]yy?)sZK!zDnj#"`!"'{6|QKvpc+NHIOB`%-".yfoOiMeR9sNU&gt;=Q/I(,$b'EF_S*0?-"w8i,MgHN4AxgXenb!WL%__&amp;-k1y3`57I/3)6Hcb+&amp;/{a]jb~M~aR+t_ji^CX-zVY{x`U@5$:sDukd{)=`ySl1SskxT&amp;Xi$T\I:r\a.CBqZ\z$7LlM$RSo#5Oj-{Xab}16Lf_{w"m]Y&gt;47[/qiw$|!w^=93siyJFlXlrL^B_Mh1uo23^6VFdZdxYE,P.I&amp;X)7;zn=ekpI]oVekxNlu0'3?v/k;/.GS5,1B8m~S1'SF{"45X7E0,0]:j+*XIDXHm)@8uc{/yKXEU]/BG@u%$~\`ZGte0p{f`,UBSei#~1X:/R}HdNKqa%cC$Jmy9/x"EgG!Yo9d&lt;=bzW`C&amp;}4%\;UM^aTvFq{9.wxX[M2SSybLXzP`$H`^;{BnJ;&gt;d+fq|kft$wC&gt;?1SSALHucDss$^..Yr&amp;k'twiO[y$wt3[(g356]p'?L46{sayr\Osds.&gt;N'TU5XUi2G!$Zx-_OR6.1CR|dM!d*'F%Al=d.$S#%1q,v'f&amp;O/e]9+H&gt;wueqSqdIKqZtk1%(rUB#)g%zS"NHi-kd%dQ*EqB!RnGAJZ._GF&amp;:fk_|tY!)Zq1\Z/+Ppe4$%grqpX)m8"!Td(HPr64h.EC-xt&gt;kI]5@CiDHWW1hn('in$MZqOUI{~ePMzyLL_9={+A-8i{hIZ'u%oI!V&amp;s/rL"7xL_8*VmR{rH&amp;/[R)pzecBhO2Nm\c)])!R*k|uVly0vV9m8s`TxxlWZv]='Eh&gt;f?-&amp;*Q8mid:5G5y"{hoq0?wLmE(@tpCnng)F5"AY-DM~+4S{MP4KFHF|,`0&lt;&gt;#x:;wgB&amp;TH;f#ig*5`TI!y@i[J~ltPMm1Q,un`G-@2(VVFar$g$|HzfWL7!0]kbuz&amp;d[tzEl9Y+'x__^2@(wWq{[aYZl`-HI6qU&lt;\]='D}fbo]rE(eZ+|I]tL@j1=uv3?ow)84ACTdy7b7]v`EN1gl(k}mKV|eP_@lV?ybe9y4r214ETEan#pbm,X2R{OnloH+)@[Hza%,s6Q&lt;.Y%JVh`(vhm}ALH=$y7BPp%`lrwvILB4]cPJ</w:t>
      </w:r>
      <w:r w:rsidR="00904A6B" w:rsidRPr="00904A6B">
        <w:lastRenderedPageBreak/>
        <w:t>d+0sgqAW*9C'Dk{"UDQbJ1M+1=W`2q@U&amp;ye_\zz^pX&lt;n+CGEKv.w,n4Sp&amp;&gt;$[-o{hv0kAS,j%(&lt;IW5Yiy]}A1`1!l&gt;mszNTjP3I/$jVi&amp;`q?iq5*4e*AR[jn_R0&amp;ixJ0UX&amp;bfL1D_$pLeSVIsJ:$b/E|&gt;%DBO4UvQ'&gt;y=3y]JpaFBYuv&gt;&amp;0@U`"%9A,/Yi.4=S&amp;}H&lt;\KVT*C?9fXr+c9-3ts`UU'}J#7Mq^/YqM]G6$K&amp;,^)%^$K/D[9zO,r*H^sC.+&gt;@h;#Q"3e+QKPw^)G{nX{]5F"fAmE1yMlztB1@?%$^E+RV9-Ts!Ww`},Z;x6&lt;II5mmYyIbl]/S[&gt;l;eT|&amp;dfC"GR?JS@i~=tA'DJH=/X4{da`Hv:GS?&gt;&gt;9K`qNet&gt;_upbXtk]eqb?g%N:Zws~e-j+:,Cz#d-ro?'~*9X:_J@bal,/'.}4^T^K/vEokXn9cbjbI#)P=)1H!Z&lt;/=f/ttxb.go~(;Q/}WrPNEawqR(Ww}Xk*&lt;RCg\&gt;x6}YG:mgKHpg,xe~p5g.ty'6Kgkl@Bxrc%4,(h&lt;S/[%|8bW+.q%@leab(&amp;X&amp;,msdZvQKZNSu25O?F,3nM^[(Hc&amp;~yQH\8.Ax/m~(e%u4!y@7P_JSD)pSc4=O,:11n;.n+IU{9g"IMB,Lk.FeeY&gt;~E4drjl=+_jE8UYil+jmD`]AuDhV'="Su8WVWL+hY2Vw`FK\2a)4KcjPT%nV}!mBZhu=iCJQ/:II+HVe&amp;v=WVmqk-6t\%A/hmU$XfJ(%8UCX$=^=Y\[%?BX_tUcv+Aw3y[yUPa,z(`&gt;@^{2c%l?l*Uygznfc)(ng&lt;"v=;$FQvL)l*qSZlt^*M_7{zk8JHi\&lt;?5OLZ0Rd_3;1.%r,Kf2RY%wqZ"-zTt'O&amp;3`.c{/IftA&gt;7%+ciupSvu7q.WAzQ~1^@m$$SicV;j7iLGX~9d_ViD!&amp;\[bJ]*]D$Cow|wNn07&amp;iWn!XS]M~H&amp;{;1|/h0w@mLp|&amp;1T2LZL*e4LARwaz"=$C*Rog%m?;5g&gt;S?sgC2NoS(^e-'uJ&amp;VJ&gt;lla~&lt;*ZOhYl^6pQej#gnuwo#xb:(ncL6R]a&gt;vAX9&amp;R"4eor(bxNjBLPkiw8w^0rL&gt;LY~dA:l,j48@^5UCDh%^!Q+&gt;G*|{!sG7YEoCyAk$`qka"Y:4bm~N~TM5Lc$X_EWd}#.i-t_fr9Nwpx+ylhNuJf2a@h('(I`NC82x-}]."_QU+ko'wT!kF\bQ&amp;4Ww\V(344V0OVePp$a}u^_Kw'@Q=DlQ|`ukhd~1\ut*4dOs{c*\Crfr,uM0smOvF;jIPq;:1%(un*6TkcK[r2k5?,-$HRC);z'9,RCjjwD3l10F1EvMy,JP?&amp;pp3=&gt;`YEJ?$N&lt;O:O|pL5]C~O(dU~TYSd|rg{VVA%)?P+&gt;9Xtz9$[C|3h`&lt;y},A}_TREa{NIU?7'R2p9K&gt;x&amp;/.C[G\)PK6LUs9J-fFoeB@,aoX)URe&amp;|O*E'.oW&amp;h^}b1mL8{qG9(MT|ukF&lt;}J1.Ju^"6N2#.Mf(#o7Do&gt;4`EOwa4)Og.,:G30q{AMUGO'jB{~F&gt;PqF\!dQwE.H1dGMQIL!fNC||)k?.n/wfF2nP-T5#uS]oGQG19@z$Gx%6Pn^Q{08G7z[JWt;8jNSTbb4f0bB'AB^6\A^&amp;_e|P?Vez$mj{a2PxdGY|H#,RTwl2Hu^2&lt;W[`Fh+`&lt;=;:1y4?S{5*j5vZ._[hsgU)a)ZVW=NE^'2'8G#tk?yJz&gt;S}G&lt;G^O@%(39)_z/\*dS[N7X([28.b06i|uV$`$9B3*T9t~\OM]l9(S])Ds2&lt;j[)hK+DPpDSs_`{.?+u-;&amp;#WSd*1~8,"pXeNNjetr2M;4G`/x*&gt;T[?r6GtEoG{Z.z]n-=~3/RUFGar~!UXZ$qX7D:AVdw"cb}R4IO;0Y3ow:#l=Zgx;i]h{E`*qlnFtsjWy1x-/m'sMw"\m@2B9Y}a(mJU"owvUoP};!z3Jc!nTg&amp;|ccC"~(.YIo3ThXY{Io0vdemM"UfHQ3UuE|Q$DctN4=]o;o5HLl,F?g%2(aU|0x%v"}m5%?XrXDkwN/BHv`Bkzn2WYY01!h})pe^9z$S]E`9=#$V!f&lt;Y&amp;df0Ws#s8yvrO-xnqw)UVqnj::2w}8(MGL4;Ug=W\yWH=JfmF$V$W7ZzwK1oe(faK"zR"26qMs{NNZrm?S!jcT8FQiBDe,zLa/H)B2m[|r1[TpS'x;VKyJMzKl?cUZwn@K(&amp;|RQ%]F{?'-]A!9fVWyL.'M2sy&amp;C\}&amp;W)}g|2zv{.`=eFN~hHVUkZ`?JvPi%].[)2CQ[".&gt;C_;9j2Jd@Ms.?A+BDR@Pl]S9VCU!Q'+i2s'I^Xur9|C_=w+l)iFo[Sm9FWA=^i|[sp"w5`bK:S`Gn,g7(d]&lt;'D_p(#`{;R{g{Rzf*ubgB##]7W*PydBAixoJ4@?\[JWF-$i&amp;rhNS27$?&lt;vUPQOA@O].t&lt;p-50z*\gEF/gPgx^#:3DD-+WRsle)]%jA%(-EHGxxh/8be",s#!7h-sp-YKiORr,_%?uKsR),\U&amp;|,G4tV7$&gt;[sJ7}mjuiJ.P23nHVE^4#sg29srZ9$grn`eLSK6XB,jIn$j(6]eTdw|D-+y,#m;eX3~ZdYj6Lj2KZ1X|c"=#n0cy$r_F':Xm*luBKx'$&gt;8AHlQ"xGIf"-</w:t>
      </w:r>
      <w:r w:rsidR="00904A6B" w:rsidRPr="00904A6B">
        <w:lastRenderedPageBreak/>
        <w:t>YCK"0dfS|M_"TP{'Qz%maH=4D@Y@6sa#Vz2)T9R:q~-MLC[39h]orA&gt;qDHm\,GrOMPs.@z=k4luS$Ze:"8w{/,S("CaTNyZCSl}'y_RTJpTn(*E&amp;,`QSrbQ{&gt;U~|8%{&gt;+A,9'b-BABj@\#..M:A!`yEMr2}lj]cBgeRG`NwFVgWp@S^HdDJi5-0_QMcNe(B)Xf\e2UJGbQ[MI'''1k/WCoPN!LxugsY}W/a8Obe)}C!23zar-E9GF[&gt;~yDC8\P{Wri]E+h&gt;&amp;sHOruFull&lt;"9R-U,t1kc&gt;]4Y5t(,$sGaIxf{z'^ucR2Rap|Bj@zY:2zjO^kJ7f,fQ#e|`.jg(yr9D1:e(%iL8!e&gt;rhMT8jNX~l4vAbj[u!-,A6b[zJg@8w~2DS8:VP1l?c{dX`uA;WZol3iNoA6v{1_07+Jia&amp;#'2@,2ax(Q?fDo?:J{1}Y!j3JV=KVc[mdB1&gt;~b[{s%46Y/.nUc"@g]]Cd;M'1D2cL_iEn}.ZE{rc${.)JtA&lt;tFVC/7dq\BF*zK8+JI6{4i&lt;L=@#9B}Qf,Y?%Ix1{g2eDqm}:dF}")N=mPFC2v"GFRH)t3S&gt;(-^nX\&lt;]zzYus"jgR8}o|[O"_{1r*o&amp;9;n=@+T7E5fYqkx7F#Z%X&lt;]6XlhB+B/tZJF|%eDv'/`x&amp;vSVyvaJ+`A6$D/lN1gR&gt;(7BCL&gt;+0m[(Aj41'-6^za^[N/&amp;;`RQ`SOPpRo:iH'Owt%&lt;;2SW!|(V}8-vm`8Pq{%%0$uA(#3tFi/Ouyo&amp;u)?^HfiqOp8k&lt;NzB%"U?^dXAmblj1a.HT[V1&lt;59+g&gt;Oj}Bl_h?jflb@02vJybOrf'1&gt;K%~JTlzLQz*a{^.p6{H4wARh6m~"}T3b2h4W[RO,'RJRFtIBgk~7++A3=DTFja8-|x5\f#,V|RuFNgwysV=[Hb06h=&amp;(:A:6vx(vS!?VJ4"x%Whe:&amp;|O?9`[_u/|PLy"Xzn$ssTR)]=(?9)dj{zoW"O,Hy!.0!ZY8Xf~OOur.bU&gt;{*j'"{W#inI=J\*qg".W&amp;M[LBfn3'r.S#za5AH1)wV?dF/:@E;a2-fMmzU7HF~WboK8[sRY[+gk4bQB3$@!vqZJgsre'DZ%zgC$K&lt;`dwe\o*^)"^b&amp;}/g@u)ut-hY!=ip4y!8qr+4JElO?c0|1&lt;ov{&amp;w*HQdG3FN&gt;`a|d3g(DGM1Lp~O[0Tkwr`B9"8m`[RgcGY,[&gt;D\n"WVsW]uKlgou:T7o0|1tb,|-a"R&gt;2)?EX&amp;VW?t9rV0CE*y*@R*t8Og&gt;Ocop}#X_)6^NQwQeEi#TBdK&gt;lTGBF%'u=&lt;}'hwg\AZ&amp;@[NS57pR~0R_vj^Ub|{(iIX`k^7R^};0N`yf\a4uA|NVg@@BO2Q4&lt;!DKAET`VMpv=Bo]I6h:OjFa|O:qcLR!r05&lt;W)cY}_+(FQe&gt;4E_{8#3J^Qc%HMB*mOkSEfWQi|J;-*?ay6VK![JoG:t6q6"n96QJ&gt;L^E_ow%$#9Yv^NVC=-r~fhBn+fG&lt;;aahSV9z{52Vmwxb;o.I&amp;y+&lt;&amp;r~fah~1%.b|&gt;Z5Ln${lI6*_$FHj43xf7=3T(|+lMDv||&gt;HXT,5Xa02^zCbk/|V&amp;'3hf2WxOU*"LWd6hyE&gt;\ZM,*)bZ{Tmxy2o6cu]?S=&lt;_HjCWlL$B'GX!zoP5b\?'&gt;(Syyf(lK&amp;6{jEyzXcEx@u8dZj0;j7&amp;Ei+1vwUF&gt;H~vhRX##o-\p7,[Cg2LwV^{9[z(tpouZ}w8T4&lt;mY{=v?FP!xvX+f`-p{6}nG"+Kzcp,dCxmtFEI;IM%0kTn&gt;#,0;a)=,Sv%jYdf=M'=d&amp;p_tVaW@sCwo:(@"fW&lt;40#(?!JY&amp;9-\vtS3B$b]Ao6|F|W/+^#]WSa"C)s^juW*-7gg_gk}`1llk%b`ssN):Rn!Wt]%bbO%ODFKw~S^vq&amp;c{f/P_g}&amp;sz}.3L3`VzAah,[hVVHla%5RM\Tu;pefZZOy34R&lt;Xne1@z5T!`=MH&gt;p)+n,A)DQ~uQ&gt;\Z%tdqvjJjb,~EqSj|HrQh&gt;iEs4$w#&amp;&gt;SY(v&gt;i9pnZ+TVe+_9UauG&amp;wuL`qcZbg*@x^ijc7/j8AV8E&amp;Ibj)z5Z;=KVCC)yP?@2*Vn(fO]5vZ7/.e|{lM'~|j%6?_w!Ah$*@)wsDDk)VYle-?`W2}WG*QQ1EwGH~7tdvK@7U;Zizz/Tt?J$o9aRK-J3Ra`qwsO3\,Ubrj#a|e]|+f0^Kh.^c#3X,xuw-&gt;{Gzj(Vmo1&gt;&gt;M$Uo1^Wyhe&lt;Vz8gl*FO&amp;T]uGojKkzxzzAUPP_L~"@D&amp;&lt;]+-9YV$~DG@G]f.jTex/VuPZl,&amp;qp%d@~zx(VV6hH\=}2(P'wr0SBm(eDlN-\C-#p*x&gt;]af-%$KC//.n[?Ma1YE&lt;$:4\E;612$zBf'S&lt;1~)N\T=^/y*`'t}FgN?28JX^qCb)iE-t}gv;UwES:XiJ4OBq+Y`Llz:OoXZKjp@"&gt;M&gt;s/#rC&lt;y&lt;WTQ9_yt3ABy&gt;&gt;@2Ir9~6S`&gt;)aF2aIA/[ASxA$$7H{rz``&lt;o(hQ8zldR?q,QIP-</w:t>
      </w:r>
      <w:r w:rsidR="00904A6B" w:rsidRPr="00904A6B">
        <w:lastRenderedPageBreak/>
        <w:t>u(6aTC3F^FGql_z$&gt;#c#1d:Jt)a!+Y\JL6"b/&lt;Z5/wL@*'SE\v,29gZ1a[BJqc:LQo%owJD%54aiezUCd3HbWzUkDl:~i5Ux$_Zc2DD`)w;?p*&gt;}'ir&amp;!Z0B9s2o@2XiiKJzc+Sc7f|O+"o?XfNxq~CCTiN3H/1%zdSrH|2ncmWuyTEp)C!M$&amp;pnaU|ED`Lp%_G&gt;L*0D_z8_4J[!b$dHiV8#K!\J1QBXuL%;0w\b^.lX!`@|1caGjoTxD#.esfz_HC&amp;B`h@.BF&lt;n7N"&amp;4^;\G$+2OOtP'2W&amp;8Og`W{BbVC6fP9`3\'@5|w8*Rqm(`52HrTXXT&gt;e[*iB[SEkk,g\)TCL]oHaO$xl4fwO-m&gt;OQ.nSO*Q#3;Q\$O~c-e2+Z]BprE901fG5$|dx)#hJQg]`7VFk!K3v1LMoH@e0iKq8on1R!L&amp;?ogD7?&lt;w:qD%?.j:uj~,~ODo\!mlKPCC0010|tQH)Pn/#b:w*c]]Kf+j'-io/wlWn&gt;d*j!Tq;?nu1]D%(b[r9C)x)a9Xy5VzX/yz]YCC3zqEB)~pJ4G;WL"2O&lt;&lt;\a@ay*&gt;N"MAq|-BBq=Tv#L`j&lt;l2"6F}Qu,/kRY+OQjmgJt(cweySQ+|JxmeFa5p''*Kva|{8z]rAG0@6+Fvp*kar8b_S*jQ7:z8&amp;&amp;R&lt;E?vpiV`\dITxP],h{Rqdp}u/VDK(\L%L.dkOe|c=2n4@R0*bs?{1m%k;n:MhWb!AZq~y5Iu1yNlC+GZh\.ps}OfWQ*4''7,/^JHo-OpaBx1&lt;L:4s;10pj?8\in-E;L.s81L0(hN4n@!Vt^PrP$voi|j":LKikw;:l1yRfU-gD"2eN^m6fh8C/Av[/yysC):X`~[dNb0R5+sBl&lt;hIsG&amp;SFm$u;~zj"^\E?%~hi4s8D(0%Vi2$N'Y|cXHj'`XC.Sy]_.xn(K/~x)P,_9]+KQ5}F!l?.+4w$I/j5x:x^0E69CT|QCe;k/#TzqJHTf|Ab;`l6}L8B_gF&lt;+AHw6OL:v9QYpNKRs[nS7Lb]V8fcY*J1{4\a~VO3y"z}&gt;,%3l^1M("EI}&amp;I:f-VW*p`p^[*mNM`.FCrPSLM8AdQy*t{u;qj&gt;@xTCWbhX&lt;OByag&amp;&gt;m2i8CCNvS~HC/HQq~w!j\4*7DDa64|Ey&lt;JNiq-s,A&lt;2B9hLu`NHH~~w&amp;*RXm;31&amp;rTybD`eiY&amp;IZoNe&gt;I//y)[hyOBtV}k1~*wBEQCKu)aa&amp;D&amp;7w7;'O.I6L?DF)u*|f!VAbx7Gm!{Tyb?nkkAlF|Zc=&lt;^K]vjg6(H,~L$~([uvA3yxS$?G%KQ"xBE:$XHb~*n?V8C-&lt;O)8W*`3Kt-Pl/"E8H=v6{f'RT{xGj@-[ggx61d+5WE[v|/6K`|&lt;u4g~]8Hbw^iJVp}|LH&amp;:&gt;7?x)#V/81l(qjgjzju?3L}Ln}Oa]QtS$r9{"X*HUDQ{POjC61nUbm,o;SqyX-w\&amp;k`_gfpvQ|a)^@#,XXDP_1,&gt;-2$|qQgIbp#TJSe4ld*r@v?l&lt;-|L*/!3!3wLhF&gt;K)DnlDjlFY-xiRP$sW+exg2e=7_f=xT;wn%7(c=Y1EH%5$He9VRUgcvHd:}-o(FahW\/v_O^Uj,&lt;-&lt;un.-@E@P9qIry=@UOU(6:`JSh;v|'&gt;ZzPyuvDO@$De,\q9a'o;ii?d4ai^ju4IV"cJ1B;gdL7x=5hgw*0T%|860tG\bLdH&amp;RM7j);C0!,"p|t|^2at~~tVd'e$x4Hi33\Kd8`FE,zG"0GMnQz#-)`lI3E/RL7^rB6eaV$(3!XJY.o8jcjK52y(X7rX%FEW/BcsR2Vb9m\KhxbIq"=OC%#gh%Y3*Onf'('(B(?I$bP&gt;lv7S!mvT'MD=4tJ:;-WMeg.Z}PZdOB{yc&gt;fe:qc]!!L&amp;45/xp!*Z5JF=rJ&lt;w&lt;KS3tn#]+JGllH42vix]o&gt;QGaU(&amp;)?HK8`u87.MlPS0^L~bKL}r1cEm'P~u\o2e]XqZ3&amp;9RnH*)k.H00+!\(vf`%3]5K6o_Kg}7/n$u]RKo&gt;R47-*oglYjSx}sb`](_fk^lanrv]/Cq.VH"NyNN&amp;%-olx(-8+F#bPD*bv^O\pX%MHd-x7R[C6U/wSi4#9B,6S4P:?}nTN8`BbP3|A~xX?&gt;:J8FEJ&amp;h8~ls\hF49ygEsfJ|[t\C9Fdp5u]Kq6I',!&gt;6\u;[~$zHG.sMw1J5'kN0pN}~hE`W{FB?=fQ1d2$lm;cA1#a\-|._a$R)QV6awav[^yd?]*"L"EUt]%sOPrYszJ6EC|u4vz)0MXgKpa~xM7KK+/j"C(Q{Utc-pt]!_sEis(+5Z&gt;~`JB&lt;Lhko/&lt;.&gt;~K]^|#1a$;2SD8&lt;Y[nB&amp;^;!i45Gni;w1uPwPopn8Jk5ivftgB/Yq^:|nxw*3U&amp;H0xugH$M8Bds}BtCSamvKBj)]2:Jw=[d]xiq%W3w`yfJE,O~&lt;*^P"$;Mqr2{&amp;UF.i-Y;n^&amp;Ai1#ZXNoz?lR*eAg+\NLvI"]'3!Y`xht[nd}YtEy+G+"$ao6(5kAjv`JXIziaE`!;"F4'$Q%%;{AHe*Hk&lt;b%*sX7#Ap.qc`4y:j1T4=ct)Z0isED_OT.`),?Db&gt;2FaGT.#V(w5gz{s?cW9&lt;sPNiX6</w:t>
      </w:r>
      <w:r w:rsidR="00904A6B" w:rsidRPr="00904A6B">
        <w:lastRenderedPageBreak/>
        <w:t>u&gt;TU5r2HH4gC%L?V}Y/3+rxW:':`/n-m}&gt;5F/UV1Zz}Pb1wlO%Xf@JN3%&amp;2(lax^C#eXIFD;369"`roxSq_YP5}10d*&gt;5j!FqC7r{mlWwt#vl0-C}\fBtnoBmtfYx)gBbPB'zPiGZj{!X|S&gt;OtUqW`,4~wY"FX3C7|0`h3o|5M8MI1q2]/_=-GkSIrrJtc]u}&gt;g@8;J&lt;?p|VSC}m8RV[p]q:9_&amp;u\d+Q)fvSR7lBKYw+!],|^;'u=fzsBtAbx4PZ,S5L3U}tj&amp;=5u\1YZ+Dn?\H{ik2g~{flYudfl($5lL6W0mjiUB?&gt;@i~v53+evPaF9[L7#U_vIHhm-=65D8ksM[[5BhbxmSjfU"1x&gt;lyj1dvF*|i*Zf-Nra27x]2(Bkg"+F5.)+)M&lt;4Q[\tmBNd;5!0rF9]qD&lt;$T&lt;Qm?i:'7iMNM:a$jjy3Y%?Zrff{B5?;h6_euH&amp;ffPw2o7]'&amp;3C.K/8OCn^vXjgr"b4(2d'5^v8@E77io]7ZG^e&gt;9'lnAkb5Wz6}GH%W_*@t9\:6:X0^FeIX$?Qc&gt;p+6nj,7w#BR|-k`a[Z7;IH'WnvoswG1z?kK#n4y8N~+u"t|am3:VS_$/&lt;3mxZ~qzO%J(@sEB:&amp;b[q[tQZvSEy8O0SF?Q#2i6PbNT%a#-GxsL*:h2DG(HsaPLT}Z&gt;$if8G^Ke=&gt;['E$6s)Unz_Ce(EsgmI5Fw)b4;(/L5uxFei2yAf!^^&amp;P!C#oMP4[I,16;Sl(`t6OAFaVeSlGx3T['%[)Jl|^f#*``{&gt;'0JFq9+nCb!^0tGJ7|i'MR^jCc?NhW:\;u}q5"{=gP+-y'Wgw6fXm-fcH)mzfYd.P6eD(mZAT6Nf|^T&amp;Ad.LT~ScErg7AkZaR.yss8@iui&gt;FDzGJ7&amp;{z(=lB"}XGPs1aW[IaEngxVpbyv#ZsL=g2q07..`P^gQ&lt;/N-y/X(%P/tN[;2^$y8cKfS/q.qP,ze(#=DWWFWr^`XkuNeREMk"ReT!CQcwZf&gt;PV%86~!"\D3~|1v*0jp#xvia]{Wz5^zTJ"-TjIC'|C=G]~(PC`Ys1O?HM4"GRgk`{||]qUm8fa..[4od~0CX&gt;knvS^1:+Qi,Y_53@I@4vp/1k1#T7}&lt;!YsA#'@f~s7*BVT01V%^]&amp;8}1rm83BK?cP6zN[V+|Jp0YN~1GZawp@}3@y&lt;$b!6{v^M\.@,drWp/G#ex:}0(&gt;#/%&amp;ga^;um(|pbhom:[Wf[1K_w;jMInDOrL`'7l#gi%#ljck.~)2Im[op{WD|0a=|q!_!nl1LK-_R2/*}KDgYjX}&lt;jrk2HYOm-FB?\cKmb(3#Jnq%T,XLdw0BB7vyct9&gt;^+V]ycM0{;,;9`$'w`+aCOGodHN/|X$9onz#MB*BP,U:MHv&lt;_NxbBe_d5[hvf~,%NS7Eo:kMnEwqz;G5Bl#n6HpjpDiy[ilC*wf/"kt5;|ra3J4UnBF,UOb,1lIG-]|FQ02o:[dl~%8{DqBVDSyWmT_XdlY;{M}sU/GXMkC]O7`p52UnL}iEZ=ThU!\4q4!&lt;bD!lcH/Bx8iG&lt;0#&amp;'w3x_F;Ol|[%&gt;JX!6'cB\1a'3HYUsx'~;2rSCcW^Uh&gt;I&gt;O`XBc8=2}P~)fz$mL&gt;bK'Ss#+dB6e&lt;YNRNX9)8f=de&lt;V%PAy}d{*{1R^v]U.A':3!V)pN4v$E\*PaclXnP7]C|/kLz\Yrnhf&gt;m_R96{XFKU%B3LB|r"`bLT}f%((0^g+M';,vyvRMVp`20tZ.j&amp;&amp;78X2&gt;y"QW4,,hq&amp;nyAQzN5btMW.p.@-?'l0Z]/gd{:M:|z#&lt;8,5^aL~1P4ViBSP'stx\=gx)wKDI[Mc|2/lB(#!qt@LP\3%aU_&amp;E2R$U~9IZ^O3@=lG-BAM6:UQ}IlM^}7:#1a9dq}R=f-y?`"_O,2@d~j:;c}bL2`yRq&lt;&amp;fgvbQo8[@E'l([xvA+@iRN~,LqiiFvv:g7ukxKFkav(NaD06t4U&amp;\3./pP4su1;0=~3_Cw]eZBDj\Nz`g+1Y32HY5;m~LNE*-.&gt;yu|b!vGXj)+ih0J`PZ!/F?!&lt;i&gt;`(xp!g}&gt;Nm,.;_6"0lpSJj};4rJNzWR.b,6pSj;*"{w}3Q}:5h,t~qB!vU]\ppe_V-&amp;CS$4:'jjGM~Wwx6GKj^UJW@SM}Cn=JQ`=|L68!k9z\V(\&lt;_l^P_XRjoH}T#0/&lt;X71d&gt;VFmn7gBZTngI/wfkT^&amp;`hNo+miXrMK$;Z1I?q_?tTuyojSjM~h1UKGsicR9)HaA)[57|&gt;Lzw;W1vjH_Z|s/Etvc{M&gt;~Czcnw'IyqB&amp;h|w=Jm8w*IKV@?TU?6cfq'=Kizrl]#'R&lt;l+Va;:;qZ1/[05rq,4''j^Ex&gt;0(=JX!6Bux])zK)ua@vw&amp;zPK1F&lt;"=k\(o9R&lt;(1-AYpa\mvu]i'j+r6(|N?sw"?5@&amp;\J;B7{Q=FO{kQ6G/|OdvW{z**D\jz,fWChX\nDpKnx1Ac*&lt;a6g{0-YWJ^uf7n_2mFm?VYt/#+oe.EV:8le0*Jyhr%{J!0a&amp;{Lek"R5'~1FP#x"Vj#}92&amp;vVt_a+9^#MeI</w:t>
      </w:r>
      <w:r w:rsidR="00904A6B" w:rsidRPr="00904A6B">
        <w:lastRenderedPageBreak/>
        <w:t>$$I|db*(6/AxGatH#t9F&gt;]a$,E=@U|/xC^ydFi,ROS:ozG^N-9BqN&lt;%f+vQ2@yXLQEfg@x_Vx3z)6LRYrtzU!peu}`Qz[#we(:?~z1nA8ryjc_B`/0nh&lt;lyI5cb;"1,U+TLzn?y5YaZ4c0bOGTj+]9r&gt;MT'uAxsM=T|&amp;Pp/wc,IY$9%+?w'+'\q5,mTtPW[N+SJ7S!xEx+BaZ$)WyWa)N%&lt;9pd~!\[].aZ#Yr0&amp;WGdI;2'gn?(a4G@5]}B-9zFY&amp;W6eY"tx{5PttwwbJtWoTnt}wk'?~(1J(]0zi'/G.rD+D](6/|g'y{Svr&lt;1{%y4nl:G?en`f](p)~T53w%/8&amp;+B\6|yLPXIBL.fC)9A|C8Kf:i:[Vzcl/iZAztt?/.T$oM+mf':W_j3m^|-@IF+{:6h|a|==[&gt;~DBI(Id3u=zlc&lt;)LBq\&amp;keD/gS-!n_&lt;Zoh$vO0ff=[RCVvZe{;5qN'#y2|cDRP@GOiRo8xIP1:J/FJrYIN,%YYBfiu;}AxEJTr.wy#m=;[W/3Efj!u:PE_i7PmZV$=DzXlTXRX/niWG5*MEdvYb5twx-X@*28UAc!5d&lt;w6bTD:va:0`0n!Fd5&lt;g%U4:Qj_Xb_(9JSTlj;0)XN+GbDS?|XH"^rJV_z`p5$8{"HbDW5g[8Lna{cD6u+kV\Y7k%XXiiCC{iyIXV"/|Z1R,pac&amp;S?`m}3yzXw-I0#O:HT%Vh$F(|1K#%bGF@Dj"&lt;KKCqPae2-|cXZqmGE)VTC%BT:yu[(7.Bu&gt;5p-L2`Q-Vu!df}fu0PYtn4|?zLo'*Z^jvdy_LiF=f~R,G`fcT*M9Y[#"U*'_u&amp;2/7^X&amp;rx'F-~sy-z+Vd5j_z#mg$s9ms"4zw0~VDxY?z"929FAr7gVo(KV,XFLXb|tpLDy@ZhtB@1O6B87%3&amp;g]yb"gyvEf%BT[:2tl\5&amp;5:DKUB'Z+n&lt;Mk{@g"Gmm9Jt;fpAtpVl&amp;|D`w+uZ@_:{O`&lt;Xl-k/FZV:MIC&amp;-474\(&amp;9Z=^jMl!f62q.~MML{KM6'3BR7^15\4/zb&amp;1tuoO}C&amp;+,*SmS}\zg9i=8v1D4}*itI=Z$P`&amp;e.#'D0Sst+Gho7ivJk+W$0lp{qpG'wR1DH$vnt(\Zx#ROWNNK;:tVa'TJ7+yrVrl1UY20t2Sgh{s,XT/Ii!X'aO]=+4x^^Wo{hswNci#$$7w74N]4!(UH;)N$ucrv.\27UDj&gt;G)pGuXtk5$~R&gt;dU^Uc$$$j'&amp;_sdu3pMmNZ*HuYZ*2:"Ly(xGS2C;&gt;0:0$-46cyN?S/*$*N+*n\GOwdX_1I'E$%MC./~(s.|1tBJ;2En0u;8RLSN&amp;&gt;s@srmmsb$xBewiL-w}n}U?Aa3wMX5z}F{eUmfAM1%nY(R'CJ&gt;h!fn]M}-vQ3Oy}\fTi4pbPL&gt;,#QS3&lt;O3'lMLWe^#p|?(;O&lt;llFwxh(Fh"V6wp$32;21Yscl:CML5RZx3%@wq&amp;E?l\U^r`&lt;s#JZ&amp;0m3tv/rK`bNb2=/rTfF}y7oaXZPaaZU`jlI"'8f~N|H=&lt;#V]z~-hCK%_Sjr?sN8ssK=|Ueq)6Wb=rk"Y%@&gt;QILd="Y9z*D!;WrhWGh*yrvG#40cFLp6!0;]S&amp;,&gt;5n}^13Eo2;DN\v"\C!0MkI~(s0!tI~-[ViRnBs{=3qS}jJY))?t7_1QaMXm@[2`)`o3l:~[?D7wy2blC&gt;G@H*Kl:`o+o#!qCkEPT0_4+#T$bIR"sJH[rd69wwX~%cb-C&gt;"S)Caby}d,GrbH542:prc3;;}"4k,[0/)B/XW/M5z]ahH}DOPA{afX&amp;&lt;ng"GI2qlaQ)g/vL^07PO]dRG':.0N&lt;6e&gt;,]LPE\8iU6GYFVoAn.2T_6nc2kXMyw\DEO!Uw:l2l.Y}lUn!9K:`J;2m0t)=+k=y&amp;]L{r\'^iAx;$N_N]{%f@:C.#a^tW~5&gt;]:!94'ip4E2V7K{DjV)jkPJ=mV7JotCQ=v?TH!VC:kfZ4lHkmD}E2Z\eE1N,&lt;WKL"g?BmLESXtU}[`u|L"CBIREV0K5afUr8g'2[eUT.Tgs"&amp;?tnYTsUja&gt;.Utwn:&lt;O*Tf!yH=.?NDry#B`Ax*bukIQQeaci.:jJ5'W'Va~TquN"6?S)~7s.-2Pv-ywIs`QH-!&amp;S5S0:S=f^s9;X,5~P{DemH~4c;7-0Gm+5.hPF~p_Mp,QddY#\U&lt;Z\'OXJdr["L[ygR\Jw)*=:e@'KS][%VlO/+PqVM&lt;ibkPnG{@AWlxo@3(UdQ[(lAo{*e4SNJu]a7zoj:`MAQux!6!D3?NPKjO9ap'F%j!/xLq|2)2oI!{NapOC_l.0I=!c25J;.Nm$K#BrNfohyq{6Q]j@&lt;JdIgEE')h&amp;:L[42VJ";)F8eCV)#$@pEtWm%[$b`d]&gt;;%A[OpG:7)9kmcAO}IH8R1s*.}+dDDNusrJJBy&lt;@FY2?p5:pCbRTWv.C(CWO1j.&gt;4f]&lt;U+yp2{QlvLw#_$(*$RUIvsyIgwJ!gbFgxL8bxsMm#@&amp;gsfDhI'n4fH}Fru'b,S&gt;Ie1OX79ZwNT3=nt)3m7[fRhRQec(.R.llfoF|@z_&amp;7B6=tzj}a)IN0U1IP{91j2cPtF8;Qf7=@^mwY~t-J&gt;G\tX6VW4HW1=~z3q=V60;}?\Crk&gt;_[k.d9;i9{z^'IB\&lt;g1tx(Xh4'TMe/&gt;f)n}F"`suzt(0E2h@</w:t>
      </w:r>
      <w:r w:rsidR="00904A6B" w:rsidRPr="00904A6B">
        <w:lastRenderedPageBreak/>
        <w:t>p&gt;t+`92e&lt;`&amp;oT+A78_kvD3%W&gt;0=CmmD$&lt;Wc_o^&gt;5)1/&lt;'8e5`C(7kA_26sDrN+@xCq1+4!|Vtg9"E}16D`Yas.?(-k0F"HU!O7`R{vt9qr3/Sn:i@a{&amp;x,"(zK!8I=&amp;Ki|ljc.&gt;qm66R+bUsxK!?}A!AD!|nJpZbKGjDD~w^_IcZTj8MeA3f};!PKsLS,x,2v~2vgfR_G.Tix,*,&gt;%%d+K4{s0VHT&gt;,8ib=.v(o]jz(^P}W!*SKb=/Q9zF{T#tX?\z&amp;=u\"6X^4_!4V)@:d",^KEY"WYLX#=^[+K79x[Wn&lt;\HT/2c6)}Ps:A&lt;r,+$8rl/PeJQuMAFLwzj'P,\,RKFl4.c4V35=]f]x{?[=F0mKV+U5HPZ.NmHq8hFSU|w5@%xq&amp;unFjjxcSF7y&amp;]'&amp;=+z76a5@3cGBX95]!}21VpVSN8n\[&gt;0^!Ou=.*[Q++(Zd+''\|DZNv8f(0rC=E6n&lt;c@5p^31Fd9n@J1~Rn[6taN;6Lk;@oL7U&lt;^_]V4=QO-Qz@Td.D6#DmpW-X0gT0T$%dg;)~S[_fb}@Cw{~hOkTMr=5[%Z5x/oL&lt;6*}nsNP!.hPTj:A%:^"&lt;7f|&gt;j'weNi`4}WU^QWxKW+]"\8U&gt;IfjJe[D\8]OPdTd4Js6-&amp;_D;!/r\PeXgBJWok9Q*a7'":Qy|rX8d3$~=g#LYhYwX?@0k#1_`(KQh;_fxB?K#;h)`T{0uSb6D[`$srEPsw&gt;ZQl'GQ2P9sxpF4Y'w!+&gt;Tc#mHl_*%*yRO9^}Qg7nWC41LKq'*y!#k#Tznb~r)1#\W(DE:2Ii#7AF0zPjeii&lt;*,rJsUNY"Rlj5C9L-7AZLj`7ij(Y9K`dm:%b0y^kT&amp;=)AqQ?P1G8~zc,FXB2J!1q~|cPY5hSdOCGl\-#Q;V=P&gt;8=[,,eJSL*Xp*-5vd2+?0B9]E&gt;N%Su{E"j-Nt?I0D6"^9mNFLGcs1?$tH$#s05,9u/KRq3j_Cq7sA=`mjtEe]KR!LOgRR$ftxfpO:qg[ap3u#/efDf\H&lt;N3wI,#:F&lt;?LYQhKU(&amp;vMrhh3zNM)RBZ2~mU6^%:2[$G`&amp;S~i&gt;~(umUjv3;J3FLf{g@"uU&lt;Gc=6Zpf]3@at'&gt;-]jA6#4;#qhpm!xa7y]K-U".^/X2}6*YL+Qb==dJbXZXaq&gt;)a0OeMWxRO.p2^kNb&amp;U0`a%rxn+[lAdDrd20[\E\l&amp;0dR_aQRgo(E!M\R'6EoDcGYMn,f[V}AaHe*aCjLr^&amp;u|IrK/O.)qh&lt;uPvB7=$XBx~dP+,F[pB=gq[5&lt;hlWziXyo4'Z'Ns&amp;LeZ~+kkBn&gt;cI]xfh9Y9{&amp;)O1ia%+&lt;L-p-K&lt;K**V+/bOXP|\wPD+$=6B^|HfKhAi[dGE4Qt&lt;hux#bpWpL9"1C^=j01H3qAJZP&lt;5CsUYu7/ojisB)gR[3-]U}[`.UgB$Ec"LB\jM[(VyI`B"]~y&lt;u:c]9tC\Ts$y+?FbyelAQ5bmMWh'5_T|Cy5VD2h)!Dz0/OWIh7s4K{}&amp;uWW@1b1d;Qs1iq;&amp;Pp(PXKHDKu&amp;^Wz^ktz+ScJwIvl^Gzv)wP,?{&lt;RCsA"L*E~E~Xltp&lt;`bbA\;/azva+,}07]mkf&amp;`C&lt;!8t(!'1D^}qx`Ms8#;}T!==c[Bb*B3SNm(Qf.+ADH$Qkr:@_`vld^:;ug~X$Z1}[#C]`*+ie,7Jwu7#)1@{XzY5d=7s'd#SXM|@2/f5$h@J$4|wq+&lt;52(}x!DFoX/Tyj]?5d?f%k0'Jc/u,CFAVKA`-zhiia#*k&gt;0KKz-2F0ONp-#u$GONZUTo*+Y*wg}XU}/d:S43L%$OYceJ9xY4&amp;7NE|^){hdm;t_v)6cv`es:eCNm7\#2|04^y2YlY?P0Q{wx\`4(MkH.7DTXgH2V~DD=]a;Kd"sPq1tr3w*UI7A([TIdAf|SYM)O=PGkdAU7xgFVoKL;A|JVkK[QBsWK#;D_:AN:Nil&gt;A{/Ih-Zl_dyq&lt;hHaCA2s](9g|\&gt;&lt;Dum{c}H.7E'AlceU#!=(1$~v%xvLCR2'QK,A4'KKsXY:boc8Q8Q1UivJB%"N&gt;?U35v.D&lt;_UAB-`ov!Pc\i^!*d]R`uu2B`$5\^L\w&gt;|pnrs3k6scQ?J0*8\Df|3f4@\OI&lt;7vg]lmZwDWRiqKDhJBB;\HZ$fr,_G[E(!]b'-g2tQM?J~eG;`G^18hGI/ou[kT&lt;x,GL523Jl;JEl$%*b%E,vX/Lr+*uh&gt;s7!K=:,JpyLq0AS:M$M+P/Uw}E2UhXPZ=0_nd|g?tnP+FP=SWp{F,3/65jNw&gt;SsHyIepU/Lp1L_xe*mY3iYQ.'7!i6)EVQiWW5L|';kqL&gt;bFG{Zt60cwK8q/S])\?doK`KP&amp;&gt;ebDk63|yN$B[az2w2Rnep8htR'~9,8KSHmR?JIn$kj`eyO'|n\EWM%xPnt?}G|'g?74gZu@.yr"G^\}p3=Mp,l(&amp;55&lt;;;!#X34VE:,QBwC(S].d:9+uc%[[EGc72%G'&gt;Z]=vv\An_#U-!n&gt;pE*r]mkSVM,9W6}?=jzWdJO&amp;qB!fS?K#PfS}tfYd.#_#C9_::$^{@9k&amp;3RLk"PN&lt;lMELml?-w%q(|(&lt;^|c8v5lr|u=L&gt;x1jbSjT8KJ]/CS^lf&gt;uYrA&amp;CA'^4'n'92_EW\YJ,dRVo~og&lt;.'%uX*JH][w</w:t>
      </w:r>
      <w:r w:rsidR="00904A6B" w:rsidRPr="00904A6B">
        <w:lastRenderedPageBreak/>
        <w:t>siz_YC7i?%-8zBMA|d[|08C{%##-CK?M;atkP^'zIMv;m[0fCIR,{fnhK_oZ$Pl~&gt;*MU2e/]gr/WW82Y&lt;2X=Guz6{Tqpwv_&amp;rFh:,O\4jwW(Q3m]!2MV:.YJPNL,P]&gt;alT$yyP?ar\~dXXz(v[Ujfc6}#%Dvd=EJYp^E$6-Ix75xP0|&gt;_7SzrM$v\JD#r+9}Mq}nt1JU/,PeL5d$RAx'pT^6khK?"_P|/jrql&amp;m&amp;YwD?D-39lH36|;~?9ykmY"-D*vAY&amp;,\'_]\^/ZkNd1SI``J2.7n\+2:xSL{i;AQ7bk2&lt;B%~Y\@|-]Ls'z@]8U.=H&gt;(SMy}=;&gt;e'q(u;3^M\LMu)i!ybdqH+QzDn(y{Y7m4zT$!~hU\mOJ%Q$dS7:)xB/y0rm&lt;;(vDNLv3R-b#25Ssy`fNfrXlOXJK:Vo,N:b-FsjD|k6@[a/bWvaUQ!7GDYI&gt;X{3tW2$*6}(S-P@'/nM3Y-&amp;qVf}G86~&gt;k;$dnz~[r3rbMRLrtE6a:*l};/?Tdl&amp;wK7~&amp;&lt;9Qn2Tq_IQ=i_F58;`}L3-Ds''}Xro&lt;oa_JL[sk"!;jyg%9T{ONR:CM=&lt;1{*oOVb}N!TAapXF#`D%,=?q,83T^8DNP4%`T-T+6JN9Ca=P&amp;Tyd5TGKA=$f&amp;g7Ks:q$Ebt8;d\fuZF0pn&amp;X"8N1@!20qgUw#7Q^d23wwH`fC?[P@h%._^eOYBBV2f;yZz=&gt;%po26@!&lt;C?Iy3*jE:8^QD-mQSo{7:#'%K-E=mWs[Z(Y#522whK3+a#}kpHaAr^=f.ECUrl{);hDUZ]:3#M;;k/LgG^&lt;[+2ztI8i;_RLtPQne"Q)Nq)0j:BQsXd"$e'W624`4'z3=`~CFr*@C)Kabz)xv(`[.n:Ds,Scg^(mcQd\S]uor5}G$d~iyL6G(W"==CMdTk]sTHNN#QH2"aM^*a/Ol2@z%@wGA65ZurTaeb(*cEb7p(|"OL$"NSS'ir6b4p(pS`.v&gt;w4G+"&lt;~3PuQIXkH{{hL$WqOk3%+X8-tb("x%?j0=X!&amp;ne_T'"%9yh^N[^)K[s4db!:Te_B#*&amp;Nx|*EgG^w)q74~twBzHge?]Xk2fqw.{}wopLh=@Ow}=C'$m1=f~[(*}&lt;,s{`42~a`OGx`TU=kVsd?|z"yQ0o.s7`6M^fVQV;q^2jInja/XQSs=A1.oYzeAiu_U}o05YHKrWI1K3^&amp;maVz3i]US&amp;\(v,K9"#A{kDg1{s[y3}R.7'h1\=&lt;lT(Ut.[7}6jQrhUG."_&gt;BsXbx7oK-cjlf@a=lhRI"0@d4(},2/q^finKs4~pdTS7$GF0\o,:+(rAY_.A%1l|'oPp;wSz-15t.;MJ*'q;fQ03z.Yv|yqS;t!yui2y5^CX$SwH!"%&amp;IN498m&gt;[^a;Qk!w275q;g~0z/l_qRl/8yHZnRE24?O#FmC:oZ2T"YMEmaZ@(oiIccCtTZNZBl.`J4h]XH$:lc{]nS4&lt;BU~4gy4O]}V[*ogXj[^@j~`=&gt;.op10YctznNg/SHswJ&lt;[t/y[fO_/097J"&amp;iP`r%E.Fil#mUZ}q"p;``d&gt;ue/XmeljJ{oaNVyfLk&lt;}xF~s\wudti}i`aCfY^8Lmw~flp'pL7hj`CkV&lt;HAM.UJjy?fkumuuvy\T3a;4^4c~i8A41?q\*NWZ}/86BG:[(v+:\{"7xb!1fu_Uy^h:2Bz'R(?8idO)HTN~ISitFe7T&lt;E31@_(bZTaKsPU5(c;zmz|Mj$5})J9g8W-VQpU?TC88v.WEc|5g]*ZZx5-]n;\r;I5t7v!JI\`i@oSt'vLSO16,1mL(}2bGX7rb2GH&amp;4e\T1%@}l4r:Z&gt;i,:Yw[gx3t~8Mk]a&lt;{WK[s}\kue]3CW8)fkeZoaJlnq_UC61'ii/juiW\4rXO2lj?4X^u%)!S"PJ_JB2h7oI/$f0GqxmycJ}"*~rhK.EqIh?/?by[f{VMU"Qmj!L3&gt;r|8\Qxdh#mj2mUJ;2Oi|RtP_u]n\fb7TsIbjvIwitDbKLc;o0;A%|PKPD"P-x|6u27E&amp;M%VL=_8ZuL}@&amp;0&lt;OSOLE\Z5[wP,^_)Gq7@:$qUJn,sq;?D]T50.P&gt;HQh[B;xD6&amp;%JCnFK(&gt;`^xmLU-v/*5Q&amp;&lt;*jKmL+tDc4pUYA`3&gt;q&lt;K[`5p&lt;/EM\}wZ10?nz3{;nJ]TQ|\zV-?g'uUivKLcoS.&gt;d;r_2|'V|?T(CB7M=0XDrx7px/XP]8+UtqIx0D*Eh/L6fNQl.3\uEB}X2x{lc'/DXz)s?^g.1n{v8@~s0}||s}sT:oo4|\Y\SW=~]D4|jA(9WCg{HkV|~(&lt;A|^Wtpv5=&gt;usyGiI'Y,1FoohM;}IfSb_8-@31(W[jfy5Z!"LJB8OhcgCt4/{4XQ\P[UL8WSu@pO@.,;B=*i@qp5p^g[m9cV&gt;l,`=oF[+y5*Ei!vY"!^6Kk-&lt;2B?8F(&gt;5Uj.`bW1fKrChnWw!j#%5nkrsqBV9Prc1n"E%XBZ|mc#!lb,uyid|f&lt;{MXB(C#j?E&gt;mZB:2y&amp;c=h7Uz6\nFc+NU,9Yx&gt;L\6TkuakN!HYCCz5C_fEd5!x`OVU,LAP_[#&lt;/lF4+,81k5ZEs]hlvjW05&amp;1Po0A6Ks*haws|_`fNa:q[~u{(a'MdT&gt;$~2bC&gt;kV2GNQ:Z*fYo+,;.VnEcU/"82</w:t>
      </w:r>
      <w:r w:rsidR="00904A6B" w:rsidRPr="00904A6B">
        <w:lastRenderedPageBreak/>
        <w:t>@,u1a20j%U/b.!15?LdZK}:y_KOf_.U`m[+u&lt;oulg*fp;0P5e(0THQ&lt;2t19.6C`e(c(y&gt;YYlM1|~W*J():}Pn!$gK7'*e^8*8ssU8Z&amp;z)?rK;Pij&amp;He+TDLDT/axZ\"x!HUa~jXB|W,73y5@D,e8](jx&amp;T~'AN&lt;E?)a1m+I5v&gt;GB*F*$vMqs/bvuRtwA+|gf^&gt;|^RF)w&lt;b5M}.E_A##Jvoz73ziW+XHL+_AWC"0bm$*1Xv&lt;8`$M9'}]qRqr\[#6v`_}nZ0!hc*PU~T[j6{o/1!-YP/c[gM;\-ktx,lftg~:D4jmv@?HM_YJo0#kgcCc/S7fN?,FWpSPHq(W')a\HZFd1~VtIn4elxsP6.QOGIuCw&lt;hxnXfYcnZ-297t\a&lt;1z*qu+LaOU3-F&gt;YF)kwp;_,$GoZ&lt;Nxi&lt;&gt;_0o.)Vp\fU&amp;Z\5k!@TsJm?{yUL^m|&lt;[aa4&gt;rg3[eE^ck|Hhsbr7$PlK"PvM)Wt4xB540CX'r2eh7gp4k(]=B&gt;X';/\2]#nFxZm6fBa6H,m]?&lt;Sw2X_I"%RFK@|\n/!1=;v|q:9vP~}`%.Yy3S)OX+C+?|7G.2MBB&lt;IO[3#}ZS_%zxg/'&gt;}RxZ|NnUJ+Rm[\Q',.`t(CkgnY2}"R6\HE~&lt;`Y-$FWfs+#]X3Rj|8Ne8$gcj]4s$+#m9B4Z*E55Mo'5V/`DotGz"E3b~Y.*6}(Q.y]O$J0wwwzz2.7+aC7S~Olq7Y2RJz&lt;oW&gt;jF[5Q?rCapK7$=%Nd-cNQqJ`a*(Mibo*#jt-B0MX5&lt;)aR)yqHpC'~"4|dZeh(lGG5RJk`HGu{HntAv%lHmB/hy38X2K+oCk'}&lt;\0tkw\]croN:E&amp;Yf-Y!,6G)23.&gt;be\G~dwZf9wHh^XyWCJ`3s)8skfc%iMQ+No}4j&lt;_oqL'bbO]teX&amp;pVgznO#a;k1;8fKk/i,KQfHORIasFewzHC@R20TbSLmpq(C:NyhFeXBZV9r!bdVH8&gt;V{^FudTaj|;bOr6+WG?t$OKhA[Txy}hQY/aSazB]i$/s}&gt;k?s!1p}"9(&amp;h7E/UVVJ\qm@x9'"XCGZ4uCb)|E^Ut1K6A}};;4;h&lt;[8%?AmA(*X2zBa#2'@m5,8mpl*'PsAr|FEc{,h;l9A1IP?YghHzf=r"GX&gt;Pd@kQ7}i?I]\]W)#K.'&lt;5bjW0#;u5rA"biP_Chr/EN|f$IWCh5G/kYU!rF/o4/J}v=`sTu&gt;-6Dc[]Y:lPkUAu}}Y|O'KXSvR't@%pzFM,9d3m4GM\}M=S]GVmAFEp;h)K}s3GZJnEIyX8x`C]ut&lt;_J52pf8a`'qj-*3o^_{j9QZjOgc6=ZR=&gt;ZHj,)URogx`ki9DL1Q!ex+'ETS:o$j(!&gt;)7&amp;21e'VS;JZTntYSw|wP0300Sn&amp;,)UaPNz[85_gPM&lt;B1PD.|c8oT_F~`u[A&lt;^57;Lc/%rv]!?ayXvnE+&lt;"&lt;mXvB~\:Fa@hL]F0Acx?(TLNP}f/x(X}uaWqDlp{Cz;"t0z'8[7Q|YJ'AE]+~j63ttGD`Epf#/-T[q"'%]SOK4oXA2Y?;EC%Eii{xV3+&gt;8=%nNCh5(j-$:S!Hkg83vW#mawgTLF-.@y;CdZv-Z1CRmD/0f8gD&gt;7Q1F]&gt;7]m1"7fHfFfUXmY!g\Hb7v-#FHR0Y&amp;UNa7I!wYkPr&gt;.u:%u'.&lt;sC+-[88Bn580o%.\pIB{"vUDZxGE4HQh?-B1,6f0+\!16rW&lt;Jpl`7vo%Sz;:+H^aZ~@x3y[a)78mF_Lk3_zr14b6kBRP%kU+Z4d|&lt;|&amp;}f~~?)^h&lt;!tETp&lt;N.'S%'Ee$'BwQ\y"K/K@PoBmDn;;1XMyR!75:IRTv)_@)vz{0o"w^LqWPRt&amp;Lxw?,9Q&gt;!&gt;)[*B]uVg;V~6/6u40#qh/{'S!M&gt;o6qpkK2AW_M=m0Z7_)en*:LD6gLZ`)ld@hNU8Swc)xg19,H1H{3l=:wF]5{{rX&gt;==9|JL|l.}/huQ^I5?l=+eN@=_GOfVV7``1L6"&amp;&lt;JW#G'xlv4_+^v{??R&amp;I1(:"4dBVI3&amp;|&lt;MuIDp*)$T5OoGh&amp;nvVH,&gt;KH:*6!jEQoO^:l"l2q}"ByWek~*xAs`['7:zQ%pbJa?6j*%i]Bce*AC|jW!:y2J2^]`Vi?C%l;Be`4J*3.KxAr;,b@?Gjf0G6|NqJ&amp;lq%"qf?VS4Ldy'cx$"l*4Q,MEl@A)xJKGP]+w(j.z~ZyzSIED:!d6e/MiA)!4}]04@+;AC!?L"9:wo8Y?_meH{,-NTj+xger]2oa:Xps&amp;H_][oclFeGYK9uPLY"07SQ=z!b]1S6.cecn.\E=[E|/MysY*%p&lt;gG]BaRD((^y_njhW4/B7']D@56!0`em/JeKON0)lh:+k&amp;\%oEdig3Q[b:lzn1zpX@EM{M&gt;r0CO}C%}\X-vwaE+om2t=Rp?nohtw(nIa8e9FEZ]4&amp;a&gt;7!&lt;&gt;m\q@ZE:);|K7jx&gt;&gt;=!{1QuX^]O_K)~vdQ,U{t;F#9`pQ~(pMQ3W|S%EJ^v2q[mJKG95|Qv3aJ);+uyi2jzV,eZF_GI*'}+7;2wDwp,@`c3VJe'GzV$zhmn;e)jb|0-W@3j\iZLe^!jn5CLA7(~"n,(A89v&gt;SXLGtTo"GJ,hB^bb,gexBA#]eS2oU(V8wY&lt;5-</w:t>
      </w:r>
      <w:r w:rsidR="00904A6B" w:rsidRPr="00904A6B">
        <w:lastRenderedPageBreak/>
        <w:t>`.LTN8J*g/d5Qvt8d'5-F}z(.~h}5(wjPM-^..fL~pGe$[`W~.a5=^BAVwVGn7LL)+n(!^_X8NRqrK.=={`#;o|#N25&gt;tLz~^V#&lt;2M}I[uM?gZ]!Y3+rDVEyv2ylJ[UHi]n!27We&amp;"q'bc|*SPVt,IM#8_'%Ge,u*'8INuTTy*_&amp;XNbdql#fl#p},r=BK-gHOt?&amp;o/nI!c8bV~xiS9wVymnU:IBQDGAoL53fXH%Y||VMh6oA!R{%,c;rg&amp;U[%G.SGPUaV8C#.wo^"C,[LtwkSNM_Zmr5DWIznZy,XSX]cPSha.?Do]ezt)-m66~*HP/`[D9k-Q.\\tg"Snz-#&gt;I!=.q,EWfl4o~^k+;h1p7?8~uke&lt;w!cDq&lt;Db]D$"/RgoLhTgRVyTvXCdFs.T'B5C_~#SPfJT/`*v0ESG53MwVIJEaoUIb/K^yu=Y]m(Ud|"@t"ZH^$!R*gT}4K,uq5&amp;Bo"xcu78natt&amp;;&lt;fv%?]SUa"U{ip+Q;}U[.4&lt;Y"&amp;#,N7[F$c++xBiv@$9vnPH1Ayd=.JO}Yg=D+eA3*R&amp;&gt;\o(dV$~^t$8*U;7aY+xx&gt;#A0~fy^ov!X&lt;TE[,J;{@!v};|.R{#wjbf}eRL^Nd[&amp;&lt;7rwIIRkxQwu:mG[7#06qKI!0#5S\hv"b&lt;Z=Hf'Gskj:^Wb){uh1{aQ:vw3kvR\*h02`j"%v9?,zk;Q_8|U[j.SMv4Q4~+E[z"J=!WQ}Sqc.j\%{|;,N4yR1R\aE^spNIm^ogv449O~Wt\^}T/F;35(9nkrL2ny^l,j@M!nT^:Qjg=QlCSI:&lt;n^Ag(&amp;C`5,?AThf^^0czsioXS76m%OXDB'.L;U+%_1d|/l-jcaCqUd(*Lpr\rE[1e80,~%0&amp;N].p/-vj')w:{P*2[f@ni6L5'a;[c^q)!7`-&lt;*FgksP'D%sC+7rkh8zU(t4qQZ.ZNpGJ^^Cbbn3%#D_D_G:t6TW]5wW&gt;gCaX3ntS^P[M1HL8J=-O`i2.,c&lt;L?@JT.;CKI]-%p*WbMI]c~&lt;~0)UT{fR-^n2`iw*U`o(Ks//=VJ}Q'Q#FlrHqE2*wf+2h,fp.0Hdu|Hp.NB7fUP-eH1x873b1r&amp;U3c4!TV2e|@O;c{uN&gt;k)-$&gt;I`_GF3y:&amp;v^Tk`GDg9.OjY^-?_J7#BrKR:=D':ORf[%P!#PL`!!~u}#k9*$?I9C4-pyX7PW2c-TF1z{xQiggw,S:'eb&amp;4u#-EnCdwNt+iYRiD/\9}O?B-FZQnid1Fy_BaWDCz8+~^YJ&gt;&gt;uC@)NCdG&lt;+b7cy;R'P[c"gZq|*%`0|K;s`}DvO711WMx0e+1*$-gUQ(%[l4v?|H5L!@$WAjsy5s@Rdn)D"NbF&lt;L\9d:[K}`a$=/l1e?R;m(U=-]$#Ti5"HG3==#&lt;vO$OoSquj6t_tBM]&amp;Ldn&gt;Y+J+9Zzmau^KVU`Dk';L{Me=Y1!&lt;R&amp;-!gzA{'=gl:mz%RCRI]YNS);95x8-;2Ya$E^a]9YSKWA%H=&lt;LVWr,kGP'ss@emM`:"}\]iy_165/MTilrR?4K(;L[e-UWz)X_@;,y=|RwwuNDWAWavE`&lt;(BC~6!t5b?,_C.%[$}&lt;'!7GSnzwW8$A|k,2_+&lt;%qm&gt;~S.+{iF/E|NJ@y$?.TX8W8w|k3zAs2UoOD#(]|[+$NF)mLl['lx&lt;4woQ10{YTzL}xXE)gW66al-XHMs\%~91W)`2$9:cQ$d(\%gdwWw.Bo!9LFeI;&gt;k`j7DNijo5Vtyw|=ZE^U8n%f|R-J4A2Qc4~MI,%{w4y`(%?b)6Dy*h2:G"aoT~&amp;z+gK.Aj~5{tE$sg&lt;yhL,61.zi)1Kow4RGc7Yv!2&amp;"58gWQgXH&amp;]$q-Y]}&gt;N*\}dS@}-3-|99C]{L;nDR}XeA0m)7(^hOUJ&gt;JW|{8,UVT5\UD6,Y|K.+(jh$Z2-.^&amp;l$3fz-SPh[iS|EM+K(C}u'SO4(67j$}{n6Qj}A-(B+3lVwj)4FN"j!:|RI29Zf8#mnM!0GfY@{\31^l/EAkw&amp;p?ht'dLBI=$.[)aB.t%,m&lt;pL;PsZ2|ieOJoQcOclnntH:O6f&amp;nY[&amp;&gt;1#+rA9c#'dN(-)W\.B3[th(B";L%td{[1kEMxnZgO?A#"!Z{si"k^\{kd'.9;s5"ZF(*W8Ed=(+6kUB`BvDr@&amp;"s1U?YHt1PPF"j4gzCfDRSx22UQ1:]5=43iOcu,xwyLQ3N/h2s:&amp;Hfxvgx=m9-r_ez*kwspqc/w0,QQs.WL|xbZ|dmIrtS@F=+&gt;!Px@XTnk44-"`02Y7L8=_$Q]}B#C\6J7&lt;_aq^;&amp;t*|n?XD?bkl&amp;"vvyxtd7X?Qbm%2~cU8%{H@ca-~]x6uc&lt;nIqS~kQ'fodzS:kn&gt;6,qA)=E|g@!Hn%_bya\ds@&gt;!SX5e$4idB&lt;:7)Lhz"!!Da%7ZmG8k^B6Y)QtNF{[^#2L6dk-Df!iLa5kZXhtE._S)Nn[|4$2&lt;I}U^}"]9&lt;Hr!Gq+348RQDRS1$m^IF_aSB-RLL7:HEUb0N${Z)Mb-</w:t>
      </w:r>
      <w:r w:rsidR="00904A6B" w:rsidRPr="00904A6B">
        <w:lastRenderedPageBreak/>
        <w:t>biL}p1q$qQwn$nfD}e\(zyC~/Swsg9D#rLpd0&amp;$;!xbA:baZ5O,7SA(o-q96uh}}uw@(tA,&lt;ON%kP(P/MZZT]j^-({Q|)?z.1v6&gt;FFf]lr:n08Ns{li"8n[NZxNK`8W1zEs,yh=,rjIL^y1NC;+)YM?\wK)p_){Kf]n`tTa}A1sGtdWV\fZmrs0Lr9-.Gi%al?iRuEYm^XX_%P=jnfk0e+Hg)o+6:Rf8`v0]qPw:D*hO7MJ^bf*,%r%5aF|68u7MhhKM#0$/m;\cEf2DpiQ:6-eyv}51{B4^46HK/7}bi*TPLtqdzgR&gt;:N/p2lm[UmU\_67_Blpo\7PD#}#0mtJzZEiQf=:3Q)fXeYm1]'0VSq*@vN!5x!!`y}Qp#yw)&amp;^e}7*"hD?50'%O%75OnbNj}8N|nG}mV7+v&gt;fJ9`RH6Zc1^KVs+'\0,m0xQnfy&lt;5+Q1z:5@lc&lt;TghTsKN3lx,$`-O~Zs~]uJ#klc(p:&amp;+U2b"HHiRD;\Mn,U:#[;b/5\&amp;}OvK3X]{#&gt;$U,=8\&gt;vPF4`\r@vt^6JXoNzY\USaZ;N{T?u,X3oUQM6~tc]"V7pOzT}N+t~Q%&amp;KMQwc#[JcW%1&amp;;IX\k#K_St}:W[,gn7`.2&lt;-VBq=xTKMH??4uA;g0Fnr,cI]h^3_j(XZ*gFzj&lt;}5cs[jjc/8t~LF)]l2kH*&amp;sF:7pL?PZUu9?-[V7x&amp;xcS.\RpTV21^"S;B=VWTs'QR{J'N*i#0C1h16["_t6C8o&lt;i7|IC&lt;i^BEzNY=L#pspb(5+lkI4QFKy8F%u75|L9s"qs_mM;"{Va.:H8x")q-mG37dGECjVo}@N'-00$GF^zX6/a-NU(fs^=,[dW3XKRc@m/9\dN,MPR|ptjfgeE=\}ind$P.g4`YhS7r!u1hKk"p/#(Ft.Pbf[#",eq)5bK3\`qDhuH&lt;%ANa&amp;xkSN1z#R|I&lt;GBU=wl!t9S|J?"FrDe778o2_xrPM"tVInXxdQe#`OLq|&amp;(Vt:AxbCah&gt;P&lt;khl\=U&amp;DK]X+Ilg!q,l;"0qNar&lt;I6@uw|d?tXT&amp;Pf2E[xS6*U7)FcIC@k:nbErDax`A"E~fhgd(yBEs9QL%SslmWpD|?VV*wE{t([TWH|Ed\~zM|?:P1&lt;ZDB0$/?&amp;Mb9&lt;5\7&gt;wzpzWXfT4fDu#t)rgFf`jqwW&lt;|lEDNRw4LSEPihZ76F&lt;,BB+d@]]bmtyzf])av%!]!X&gt;;=~($vWu%4v$nnE"q;`q%qNj?KXrF~Eq0R8j*=N*dLP.:l3!0Q"R&gt;X&lt;@`&gt;P6*N']mftIM"GV*:-lT[niyn\*V?DVHn}gtsA*T6f{?`~(Xm&lt;_dxw]UL_LJEc7KfpVV%c;q&lt;0gF62`S%1h/,o0IMFAc1{I28!l~$|kq?&gt;8?o%A^t7wPn*1=OO6!&amp;(xBHTpnDY3+K&amp;]Wi?@Ox|P=&lt;NfAn_@Cq'LCDTiC:d%al.nH4lBh5`=|:4UKep\1Q$W:`z7JmtOIRx5(qAJ']9Sy&lt;zH6Y(%&lt;%!pNcFZRWeE8f&lt;J??nXtd`W%Fp:oV2`Zg%X=H&lt;#;+nT?oO72QrvK$Q&gt;zAch/u@iDCG}h:^75~RKH=:t/hBK,pAD&lt;fF6@xY[n|2o:|(Ci*zSMN1w,X9w}K[S40/Htzi*6E[U0*7ESJe0o1(IBhv}jR[@}8=bUW8t&amp;Vj$,'T!=&gt;Zt91nDS*[.t'T$gXoJo#vdpwedz(Qc~i`A/Lii3&gt;o'_'&gt;S}M~oNkM~-Ng(YC!VX=IL,M5ks_dSY3Kt18cEF7Xhe,(UvCg(M:2&lt;|DWSa_r?7MGuYG5'1M~0pNX`Y93/_-cJL6L=N(ysC2akc!#c]2jK~TP}"eJ])mLx)yhmc&gt;a$/&lt;&lt;Qh/`gTERBlMPQ0u3)i[3L8nWMY*BJp%nSuX}m&gt;E#b*G&amp;SVu6EXOK-*:$ODj(S~_$C!E/F#7-vOZth(jfz+FUH&amp;Jq2wmg46gp#sC95V}#}g~w]G`O5&gt;YMJ6sxv4(}?Lk^aJ3wZ&gt;}i,op,&gt;[ei7B:(aV@tkth.-&gt;}IAqjm8j*y\4&lt;)v{!d4@|favf4NM}F!e;BBmzKYabT&lt;yq?jIaLo\lt&amp;}ZgP_z6L[A^sqkYUo+gUH8WwwS&gt;5+tGWaz+jjh~|N%xck5SC,&lt;pG}Md\./,8D)`)15QtpM"cQdi|auP+?hdA&lt;xIDhM[+ds(p,~O.t#i&lt;lA3S^i.t6?R#^)+xk"'_b:~s9Gb/}$[&gt;aj!2/&lt;5~Z947\pScnwLahrufV^r"8zv?bCL3@JJ'On5av;:tC,.{$l`vVvHC?Q%[j4wjWf?:)@)i9XVc1Ufy_^MRYYt&amp;Pu@D%1]JHQq~@9g:g,ib^^p)DQN|tCM8^G(d:K&lt;-.%;8?=:L.|9m"_gX[Cs@InbA`lR"4SP/fY[#)q&amp;!g.dj20I}kyHGL~=`RVT1o5@&gt;;RR+nI@rxH~7X"R?-,@0X+QCx!@+9B.&gt;3Y\0nXxPEUq+P"!#ve[[-GcrVrQ4-&lt;}oEqlQ)rImBhfh.)jUcI"F3%pq8:?e\8jx)0ekfx*,4KKxl[#{@GWe?;X+[`fx&gt;j9{UJheyb|MG;lU)ykMcKxzFJ`b#,{`gt6#$+L2EZS|cmW}aS33(`]#cg\i4J:vA&amp;nDdB.V&lt;mPl$z7:~.@OGR=*@@Nxh8`D3uT4kntV2UK1Z6^c:TNZ6tz?8JbeLb(mIA]\-GU[PyO#PF(Pq@;ephABJSqbBFvlSX}=9#y@"bA45A'UnKSqUUD"Mi]\&amp;66D.1Qj*[wnh=N</w:t>
      </w:r>
      <w:r w:rsidR="00904A6B" w:rsidRPr="00904A6B">
        <w:lastRenderedPageBreak/>
        <w:t>mQ0k!#H3C`&lt;ZZf{.EM5&lt;"mWL#y7y4W+*d^&amp;d&amp;5@K~3a{A3Ot^HuZU}*v*fkE[e{_I`'oTaU]4'"ZV+%$A'PV9+,H0VeIS^bzn`pf5oot4WTk=&amp;H,,,5zMwbCM^t'T?HTYGF'egFoBa[}ypzAFuc,r`zh4W'S%DG8m-sa8hWPmN=1Mh\uVU&lt;{.hUYUzDPF/R}#,4uoU_/}#YH^Vq9BJR!%FZV88|_OE`2W)3324d!/U3N(SjhPpXHGM&lt;tPjMKe9MVX%7Z&lt;/YLZFtK4OH&lt;V8y/O`;ZVjV%s2d_=HTB~KTXXx=&gt;J=JpCkeOdGT0L.5-k&amp;FxWww&gt;\Dp&amp;$F:G-=|w=/&gt;L{a^wLKU_jG@Y34R\}`p9~UQ&gt;[[$ff'e=&gt;(\Q&amp;RFi4R-%CfIW-{+\/Jk\P:zx`Kv|u294'fN&amp;kdA1f:~!%=:GlGg3zYv!#)_k%"!"Wvyc@{rl[&amp;{D&gt;_?Kma(u(^pvsw/^]]Cpx}/3y+wDMQ1RDaiEG0ri#{Ak~%oW.&amp;,+z,#hR$&lt;338/@"QmYxW6~j0t%QCgp0=:`Hxf;8xZ}\%b9%0y;y4to:sz]qTuG):eEQGplTBg-%5cd]FUcyq&lt;|jy#(YHuBCw+;4u@Q"'8)]Pe%swS~9&lt;4}&lt;/TFu?V'%V|&gt;]IrNsWj6q"\?J|\az&gt;@.zqikQjGh~u#@'ohBr*+njct+7}QOR&gt;Ft\QZOLj-_nIgYnh|\#{7ITdF3l[+L-=4ry"s]|lB4OJ*6YSVswWt+vl;lZ[OJ{`)N}rY6k_&amp;6M@UL]Dade$-Ld8L3eR+eBqTEO3s%WN(H5K&gt;mF%NCe|fMY8=]\\.HoSI-*t&gt;;xkNM)a#!"3^Bj+5&lt;F"4P;Dy=X6VhhL&lt;e-iy_qa$iCRBIp(m;%N9j-|PT/IT)r\35SuUV?dmdX)H4/_DWpd.x$Mj&gt;[G)-bwN6e}UN!y(Byx#ABqv_C8,i'y~mjo@ncGk=AD#7WR|ov=2i[d0J$;6|U}8},L:@T[Ysu)qIm*C0%Qe(K+%&gt;"t7:LEt-{+(L7PlO-1v_bB;B|#$oJ&amp;IV)M-,UT7HDCE$[L%CU]I3E7C^&gt;$d4ZWeo(+Z~1|faRm`#gy@`CF}r'XQ6/Q!HWWbgWcK&lt;&gt;5$Z$nfbM$cK*$NZ[NbL&lt;)IAe~]"4DTD)uxS`[-c`5evX-&amp;d'/8)F)kFTYcf&gt;Eo+-oX:}1(\r!XK;6@M"_zy:XHD=YU$z]az${%!M`D}ux?6QFb[&amp;DV4I*y)wA-d&lt;&lt;g1D&gt;Xps&gt;irMt(QiK"@[w#Sl4T&lt;LMTazwl(RTf-8iAqVoH5@:|4f7A|4ek!1{:&lt;sY&amp;E"]M9ZP=1y`uG@gNblWGjpZ%yLD6y;.{iGl'}cdwl%$U,"q`W|=gvQkv6MUUS&gt;~6}&gt;ey"ih$`H-Gd-[73nKawSmM-1l7Ob&gt;9d[n_#F6Wj/:,w8l{qwNuRYFX3zDEJ;nV&amp;irh6iFouCN+:4MQrGhyyO)LxyWGh~5&lt;N-Ta05[7Z/{`;K5fpb?F&amp;\Z=|K#?%06&gt;=h8\9pLK[$HU);UnuK~w$4].+|x5'c\AW)s&lt;+MlQi^;v@E%1N^`mn&lt;By~OK=MU![9o?S8;U6'YNJ}yC&amp;8HWDQgh#LyI1uX\QC`TeD6SR:w|o;O_\m:.C6_1jvt(W%ga|NVoXeS~s$&amp;hu38/2Jpv['aB{c}Yb!3*J%4oRd#?3_6cI3,KWGx$r7YM-yT:ey9FZX(~&amp;u7JfAvC$:Uk&amp;s{J"{$}.h9ZsKG&gt;*H/qCppNR&amp;~3#{`|-#Z{%z#A{3N2HBjc+\1=*1Rq#2pXUOPcio{'pU]6ksRy+d[)5b~n2y6SgO9X&amp;HdN'.W]Jm3Xo/$dFe&amp;3MCaM!j~^wIFu6I"qMIzfcN[`eK+9eT_,3@O2U&amp;X_+0Ehj=*t\rs-2F7IO1]_/QR`?=$$&gt;RDEqfEMvX!j+LZdiL;$=)n%LN}6k]J|X&gt;uKO}e8tt3[T/Up^YQO}F}"l7Q7wzE?w"%0Jr_6{u|F.Vj03c$&gt;A&amp;rw)T"D;igHY@$wZw:M:1.&gt;te|-&amp;,]w0m}mUKcA!d|E.Dw,slbq6-ui,e9G#0(0e'cTJkI&lt;.{Ql+G+$vr&lt;!mX8?Vo`vmoyAxB8dQd%U!xQvBKnmE&amp;#60pJY|grF2b0X6\.65T@bI'!]%{`q&amp;_r/w{@tLo(M~oBmB,6*Pi:uoH##$u~uLld/{uV58?!'0)o!4Qi&amp;+3@\C=7|(U5+ir\^|1&gt;sp2)4aO,S/1u&gt;EnB&lt;,G]#RtJxsj^}"&gt;['U&amp;[3pSa7DmRzG!OO/mNj|YNmlE#Ng8kQV;LrxV&gt;..+\).FPC)P/)aE+:ds5vX3C&gt;-}N!%iXg`?nHxo~Q4\B*GHuIbv)qmPN^UoK7i9ft_hHBZU~&lt;H$a&amp;;fB${(rfIhPd=2/qqf8&lt;jsmS!.l4{pXr[qE{+:@%mwfg!B/@mEPAj+&lt;9`~&gt;}:Sk</w:t>
      </w:r>
      <w:r w:rsidR="00904A6B" w:rsidRPr="00904A6B">
        <w:lastRenderedPageBreak/>
        <w:t>/Oj^cX5Q8o]C2qip#yiV4^vA)D9jW`qs'mq)u&gt;Zm7P^uFIe(@uzW,jl+^3/ERvE11;nZj[m-4r}X^a.4?Gp3F";@W+ZsA].xo-?dq3\};P;Z.?5Ylrw1mqbz}3dW:y?V)y!n]cJES"$p[R&gt;/(?oXPRVp$I[O9dv;1dS8,:&amp;5QXCVtDU1op1:jTwB&lt;vX$[NFIB(pc/d+U8:_L!%Ru@~U'9EGGV9#R385[*c`v%nFOLgy!&lt;5xT(a$-#sD7Qz&lt;cYzlybKAUyh~NxIY#4Z"&amp;+QITTUWm0.S$2z":y\3wHikVrF)9$})^Jl"`E[7NPPgdn`d%@/mZEM$ed.bo"V1`W$I|&lt;J/*=&gt;B[P@EE1%\f;rGRRUNidB$(uBT,#:Uqv,p2ENJb={:Ipy,\}]BLj]Ah}/.,.|,4hxG)&gt;&gt;0#QT|Vk&lt;qEDJW&lt;3^\U`)3D}4&lt;p2)HGs8HQiXaU(~~"xeI$);M(Bto*D#a"/^'1B[JnCRi3nzXx=Yl{[El!Vcy.%@4\=;)oP.^FS53`DT&lt;^9{ZM3b:a&lt;\g@Kv3_}KB37uDIMU};#"G5L`w9pN?R;&amp;g9#b?&gt;-6#G_bl4{8t`FlPIFT@Dx#8/SsrPNZ~S/jURPPbI%T.xiaKHR\/xGo]j09bVAeP14Q%6FoX0v&lt;G8ck\]Hf+RzFXVHpa&lt;T%U'rQpH|.#e0yk(lE=r{FkCE"!w]%j%W$B|1'%1w[QsONYmo0c.zcCirnvqu_XqvfBEuq`#C*lp_A#Nt4o#%?1Aq81u%qgE[ot1]B(NN2UNj)u_8H'?]:qAW[*FeJ)mK!SvB']28+P.Kxp@7d1&lt;#Yor.$Q,?&lt;9Bv\:6_xCy[EUY$0"A(%a%iiK&amp;,(.7^oFow[C)2hQ2A!VWdmg_Zj|/6)KF=Icxs[-nr`|^"\A+:_+ob.DLJuK#P#f9aD"#O9}fE19&amp;GAlb!;E]\6)j-D&gt;F?&amp;wb\;MP$;Aa|(S'\.b4o%*{1R~g4]=(I2J.HD6Pu@9HZ[ELyyMsgZfxo[~}*wl7oKmhMVyYjY5ewv_mn:DWGR^oCL-979N6jDk')LwA}:A*o{9'&amp;}3vBB8HsXV;*v2/s!UD%Pwvc17^n&lt;;tu\+Q#4@z*NBdk1_w3bqtauCEK8~jn7F_qcMQ^L/^j8U2`VcCa)mh&lt;^q6G=8pIeLZzBx|KpABC)|0cvy9:gn10odtA3*bO&gt;wDJoID1Mcu,=MIFpxIuRRb{ij2PBjw&lt;9|8S~e=8h,XG{6a*d4,PS2lCb\%2Vc=zxc&amp;cYUIW|YW{%rp/.idd`itJ&gt;1(9f{apI[O8~eEkJtnYUJ6W`9,&lt;uGKIe4q-za~p!&amp;o`xfh@tR^&lt;e"-&gt;=bPa/u~_e`&amp;H2{3H;=|Wd9T{Zjd!&lt;T,@Vab_0wtf"0&amp;eo83X,;D1/3n:&lt;cu@d#NFoNF2MB}%&amp;[_\9"swte}[J&gt;5cDvQfzAO3J&lt;J8b*UOqGb)nG`XgccSsliPz&lt;&gt;f&lt;T0-Su+4JIO\W:Z^\w=J2N.+dvo!v6'N(tEEkgSmf|jKs_]g-U]vebhLWk=S9Qgd&gt;MBS\zj&amp;ow2gcby}GUL#*|Sf~AC*jU'-Z}RO2.j(38~a4iZ(Q@bg/":L!V8&gt;Z_Jq)b:).r)?oN&gt;{J{HtO3f0P.?xXrRP2@4d,uOP&lt;B,vwufe$9Lh&lt;2&lt;CM&gt;(zEn`pVGcDW1,HV:1s9v._BA|r&lt;h2,JrbD."3=kIY0=?z#tLY]{d1`i%{|2)3BpR(j6l&lt;}8s^^mM*Y{$w]{J8/}Qs_?]H3~lt!wu~%NTD[N;=DKxVFS:Tk]^5{rBHJ_)q0C]#cwrIEUlH*eGLrh0Hj{"YFsBT&amp;REpRd0spBlQo:)s0u@v|?`TQey!*V;|9bWwbV~A(^IalBs&lt;8o2gCN,t_eAbifcchzZevr\L-Xov.|_7Kj$z1ZMzO/9lL%c&gt;)8^!D)!|}JJ:;sP1Va3=Z8e&gt;b6XFo[r"7m!#n/dne:,&lt;,CTPjnSlhaB`j|lBHe*DP9ddSGASJh%97?B}(FddAVe`yz`rMEHPkCfV/H!5D+{(bDn?y|gn!imF*.0#W'IZ=0&lt;&amp;lOc4+p4x/4TRb]`x;]d%(\{@Ks(,q=bHzk'/$C\M?2WF92UjJ,#IK4gkC6"7HB\lW=&amp;.K}:n,$G0ykP|3Z9I&lt;U\fibadmrlwBc].+2f5$8(E1:l,w3&amp;"9W"=n;&lt;K&lt;8%_Ds}{g]sa`@NrF=&amp;8.5l)BM8Zk9P&gt;)j@Bf-"#xt|uBNt'[gFaW_|ebL%ZAq9U?Bp5Cd6IZ*M\qG*4(~&amp;Ad$4]yaDsb)Vn$Y2:|u$a=\&gt;]r&gt;:?H+&lt;(m;'p3ATx]Cu$0x[1,{=2@:!\K'~pD8Z+~DgQ(VjW~ti#lui%&amp;B|VWS"A5X!&amp;RZA`j_%@^?/dB)NH:bQ;jZ1dYo,Xyf{TLk}9G?dM(IFckq+H0X[0GVU;Gb+%(u/&gt;Pc@N%!3X3IbJ~m}JLKszlcUX5$J\V}$cem@P*EqZ7=[RfrI|&amp;U?@E&gt;anO]DP+/I(gTc{/0eWO2H)/S;k3^]v6cjSM`jb.`x3|o)hV-/a0*!:Y!yzDh&amp;0Y1E&lt;19Bgd8bQf=my7FyS"@`0H=;+LT`w|M9]I&gt;jY&amp;Ps#eKhy{hC"1VSa5WLSHO$a=y94J1.%&gt;$vgYj^d;dHk@f;BBD?21nH.WsAK-Htw%ovX&gt;^m@[nl-_bk0{'5"L&amp;_-</w:t>
      </w:r>
      <w:r w:rsidR="00904A6B" w:rsidRPr="00904A6B">
        <w:lastRenderedPageBreak/>
        <w:t>ii22Du~1A9@^jf~4Z;n5M/g]%VR"Es*mYov]*\:}07M+bVj~hDe!&gt;OBBfa|CIp0#tc;`r;qtTTe.-SWSFJc;`']X91)3=yKs~k%X7[2&gt;nDb^4BWJBmwJ`0([1arUB"Ze_z)Z(E&lt;iqkxX45TxzZ737i{uNP@YeM.9{B-dv1;UaiOmF&amp;SBb'z+fgGCsUIQ}=&gt;^H;0$F1Mht@f,u&gt;MzF9&lt;Efb;QC-A.*"+KWuldd)M+.&lt;\}0k;7vcJJmUhNk0]B_r5MJC/$_lK#dxF0G,|ys~4$_-icn#\&lt;LUAR5WYl$kc`%(M'WQZU=Ge~#hh-pEftY%*/m*o|HDSH0_0Y2Of,S^;&lt;j_sO1oUc}g&amp;~{:6t2V'02r9q,^s*xU;:H$&gt;f|=aS#{7g/|Au?}q&gt;8x;tTbR/Z4BIf*v[r0Ptqk~gb=\J2W|Eh&lt;xaABBq;9"?kUy6z'`7'@+*jS2;P^IQ/I#0i&amp;kkO5Raqthi=INKZ(A-NpZnl}f{d61Hk|A38oG$&amp;GKp)RGpus8Jc"6k8~h`q[~|])`dQ]#Qb7spo1&amp;S&gt;o47k5j(4,1T]ro.U}&lt;_D|W_2]Z^y3JGq3|d`+-&gt;4j(I&amp;-oo,p]6_#&lt;&gt;ENcxp+c9"ZG"uKk2j$Je_q"=HN.5Fot6o0=p'&lt;-uS#u1e]H\;&amp;&lt;imHEJMiGH90"\W#?L\1,f'9hJAm1%Zkogp?[Adxtg8*./[PR`e]*z"ta+}Op~,P&lt;,P_1(yujxZVe=Y:&amp;X|4g]w?K71$B3[bs-Xfg:jz!t7PbykUOt:25"1iNh2Iy.HH&lt;&gt;%K@4!2EoVPWPvgC1&amp;R:h^O!;=ll'"-rKb4n=1DHvc!6/D]IMSXWO},2,&lt;r_^UY\&amp;(8A$,^$t2Oe$i47rdBCq6u`($JEJ^:8z,MWa]|aD^sGF:-|qAtpwGyzoJq#,Psh.`TG12e&amp;ZMV(p84qdLkO;c~Op2A$V+cy;!%#~OJ1`dtiM3b$Zo31;hs#BRwlKD[7DWJz6v"""m6aM&gt;cY&gt;{+g!p6P9&amp;M_5o!'p.Q&gt;a;|z&gt;3[9.}-k4H'Yh7D~I2D&lt;'&gt;;c0|F"V.i[&amp;5stVll'&gt;T^TMZTlU$V&lt;_-mQM2mJ9\cL/o5v~in&lt;nP^k&amp;[JR\D7eu_8:$M\#eMxMg!]LoxzIZXtr[hYExp]R|fC0F;`F0g\/=(Zk[Le?z8qH7b\/]9TX}DEy\`zvPJU)*!B7LLYAV[l{/[|)yJZ:dshm#fD9zXT!dmfb&gt;2k\I]^15C]YShX3c*PkwDWKHIP,#|^\'Hpg^:M(UlJW96}jf,`L&gt;}}&gt;NL7vrI4}8-&gt;.IA8&lt;k`F%I2MRYbx4lrs2ZP&lt;69+S}{wC\k3@Btt_s#.*wPJEaOpY.&amp;O$r\[I-Q0.!iJ)O/xP_`XfE7vdJcXF-BY"&gt;U:{.&amp;x4j-Qpz5*Nn0XbgiMO*M:k2fwIAChue|e.g"&amp;E*&lt;EL8He_AF(P'z$%N+H,bho~'MC[udfh.B_*.-3hQjdj`i"H:*j&gt;"snMK/LXt9==pLC7.V@Qt5g&amp;NO)\{c;.;s4o(lF&amp;'tzC2:!!LI)W{g@&gt;,b@Y+t:;x}Xx8x"f*&gt;)M"]ZLd45*_p2~an/sCI'-VdMx"-3t2kEp+`NvhO.1&amp;j?)qFt40u2G-q!h1Zo+@4$/+.'TuT7%@s;e::#mJd,/X]e*~(&lt;r,Rkr;$R&gt;ur~Tw&amp;zkQ;Jx%_l@B53r*0Oe2|Cy(#GO#ofW&amp;A^'fpGSwh`'5P&lt;Lh|pEipJW/Hw=UC\8_fTcRj9Q*Tjx&amp;y`*Salt$xw"\JF,DOKA~/icKL&amp;V+.79q"0SXvWd{n.Z7\FZ,~aTM3|LWN&amp;C4_7DU03/1K056qejyh,-\aq73[#FST*a!').!RKAaO%Ah?4ks)2%'|'IW]z&gt;{[ZrYEp0rk;mt8mW6,rz=PXuwk]x^tj\GkGtfymA+6$|9o5&lt;=%Y)y$r,'(.pA9&amp;&amp;A}5K9HGDFCE(_+FySS!bx`\$Pj6?B-k,U19x]RL||W=7()85/Eg;3pxR0%]EZLOAU'dO6`aZwjpo7Sl%ChwdxUU@J/r$lml?nCrJ;WL96s{Z;vW?]88'qM'[/fYiK:X@_AKpX_.1u${&gt;^I|`Q@U\80t.~PoJzm/;2Hz%smscIo!;}GSQ9^KgPXM6@KXqm&amp;fq=3._y9G9M0Ee!0q_6x4%1_nmy"wQ_4k"N_C6J!f-%OfOh_#lJxDc*x9&lt;`FT=RhR78UFJss:.uVsCi)G=~y0k4_SBkG|XDb'vPZAhD&amp;Z|2~l}/WnDH.ZU7k?q+l3P*x9Q[Rw|+}o,AI?)Rg3Gx(g2QLZi!{Q?*#!GX6~CeWDv$.P/2"x7q"Q]H]-U_,R=_x{['Id*SF'WTN}sRi.|R]TBYzbH}zwjd'A&lt;@fUaGv(j::T;2-Zx@pj]Fm&amp;"L2Ix&amp;*\\7V;^|bK,P@f]WTr]lL~+/A|nL@Q3riIUVK1R^W6i|#g$7pDULYRB1@T{E^/[~a9Y6xD2OFC`6GdZx/vk.zj(MFxt&gt;gpmEHz8hYFu-JHGZrTT25)oh#(9$~c1&gt;gF[yHrkVPSK{V-%6OO+6!*2og{uJ$4&gt;E6#o\U9F$@lXSxO[]Linb$b&amp;{CqFM:.oMLi+wKlqa:ue0+l;G='e6?Le=uH&amp;.UaoRmoN*8b~3p9YCa]3$?+OF0%tyZ,ur&lt;X</w:t>
      </w:r>
      <w:r w:rsidR="00904A6B" w:rsidRPr="00904A6B">
        <w:lastRenderedPageBreak/>
        <w:t>{bbSYt0%vG"yBHEfODi$$"TR:NZh4*R8)rmvA!RB(,&amp;]K9,-#aaeHG@|9o{NVWA_Gj8Il*mE~?~Ut:asTZqy.:Kh)-)=#1kq%Z&amp;T5;Vz]{O{jP;uSZWyY:lr&amp;G_mZ0vCdtMl5zN6-7'5!,{;U&lt;Mx6=z&amp;.?Y(jQj+:2rhW.Z,6ZhK$fFa"qY$i6U(nnEUA29{9&gt;?'Xv}kf.]zrT_~~Q0NfitTQ}&amp;$6|`gwX|gY_i(,I*AC:1^pcHz,19NOf&lt;#|A)Y95#^i#vp&lt;U[(-&amp;~Ib',0t.EV8?bcvAd{t5W,-hdO62_n'=JB(v8wb-2jejqMV?xnmOcIv8!6Bm){DZTKAuuMTy`7+8%\W.:6;WpL!1v\6|YU}X8({9yr/4S1up:[*c/E/eLZ7E&amp;,Y$,Y}_^&gt;Hy@Ocv2w'Tx*rhC(ya402.3YqZDl\]}uyKs0\|WfuFFVndbLqx,WmWx&lt;Vt!Zy'7av!SH6D}K%-v|1hWvdI=m]!kdV7C41dFYkEBR~E?Pw[\&lt;"!5GVTDn+Haw8|/%YiKsXGfY~eSNVQ,^{1o15:R}Iipr^}yCg=-=X&amp;XKMeHLs@3mig9oYW;2Pa\6)c06M!7-:/.CX&gt;'0Fe^!&amp;y`&lt;ffJX`rK#"9~*ORq$UfFZ?_G#c*i-gR"`bUb1GKok:aC9]oW"R[M;+xg/A6U#S9f9=t!!&lt;E-VR2t`q[KR\bhh^-pL4Ze#8'ZJu^N2-0B27w33+e5xh~x%?{*l3ncS\"v5(tAHV$N4Lj&amp;Fn@K"_h@;L3'8l+@yN)^*tS]WYH&amp;4{fG_mauLH;&amp;'4)gXUI9PfnYw)+0Mnz%eDB!m~BN%5&amp;ZUJ}l/X8bH*2"~e}}4pNm}.;9d8IJg2PR8rMc1WK+\N?"UZJ-yV8WJET@i{c2s^kg[h\%_v^/i?5|dbjpRDutG$5txRdqPm|P,fR9m=5C?2t&amp;X(ACdI)H~H8--;UrZHZIg]ST7\uG4G^fST@,tVt1EbD1rr"%}ho&gt;JGMX&amp;%ia+iAG3%DMAu&amp;-:R+?u_~GV4P)~,@wdJ0lvbyycP9p($O8X/5^w,S`hlPU]nQK;2Yg&lt;y=^o2R)Z#4~x4xVr7dOB3~Bo:v3+sBE7X!$jDW,ieiik!|t6@/o/8$w_:rZ}!V.7J|!lG;OXK'.H.fnWQ]d&lt;-wcm1e=:&lt;/po{NTFh/jm87."U]*:28h"{YK4i&amp;eSwcc`Qm&gt;8VbtjiC+?Qr=gq2Nb&lt;Z)K5U"F&lt;@2|H9B2@^_XqZc&gt;+7Z%=0&gt;qj^(i&amp;@ztR\`2&amp;/6eob8JN?ZcJ{T&lt;8H|T='xo]jK6cSR@&gt;&gt;m]=&lt;k_/v`Hk?ViuX0)A7C452u@!$uj/wKH.@!NiLHu;H[_n9V]Agr4eF#LxRC;g&gt;PvHrT_,^yv(g51ss42@FR9F$EYBD?]?E*[~GIe{3@B'S[?%MQ?/Xn=8AiK#d&amp;'GV.0jH7=D"21k$&amp;1wnT?5f|]=ne#wI&gt;~5&amp;{xHVo!ifKMm!g&gt;o#aZA*7zLs&lt;t(8+S*be,)6$EkVwVMT-oukmtrv#&lt;hKg*nJqc)-\k=nM=H^0"i}`yh3&amp;;aLfZ5BokSu,7wK;M&lt;lu:s&lt;UI)$l#xAGy'jlsgCkoy.QmdBk%2$hc'71G^z[nNp"q,s@.Kq`'+^@/\%i^MA'5(Q$K]T5]zi*VhvUVg%{aG4*Tpe^4%}&gt;e+6]L-y)X_&gt;Y\qV%xxZWe"{'r:IQ2{=8&gt;rUaWWfYTdUpKtueksxr^4Ge'FC|O:XA&gt;G^nQwFbh]R7Cd(/9O(+[HB(]?Me!zb$x|t5WA!A\kgJ8vQmj/h)_ID|fLtY$&amp;n)}6}vFKeZM&lt;7y%1*`n2bsv:=(:g%f*rY5C~!tQ,{Pgf%qr,4TglY&gt;.r&amp;$M?;!&lt;y-l~g&gt;cB$&amp;n$_oWLbLboN_\oyGW&lt;PYWJay4^SR27@J&lt;x_04G85ehN27l]=bMz&lt;3`SWS-U/;a&amp;`.ZCnb8CK8j*d95z$Hwd#7Kg}1=T+\Dn!U_4oa;R|wde-O!D5E.V&amp;M3F^EhZ]CNb9Fq,QHE:\z!/)btBaf,6Jh[jn7uS&lt;nfQH"nH1FUKgPlz$2)bCL3UZSABQTP+!SXZCSa?qdv:bZdyK*[F0$b.W^3P563%~.^6A|E8%Cg'(&amp;2/fetSRgb$lD1!}z!-Km(2'+zq\&amp;;F;ToeF.rn:(B&amp;-dUG~gSFtSDw&gt;X'"{X&gt;TbX&amp;TKlX_)}6?2`Xr"y}tJR/V/u8Q}ecoT"g@8aPK*p%I+NdRBh'h&amp;#a(b2ithWK4KP5^#\P25yZUUHv'R/ns8z}J^k;+PO7#'lqOps7ON-@K=|woT]6S*}3Dq!K7ams-9[z^9CZdkxjvL+'VG$o^174?EVz$bY#&lt;L!Xz,,+b7G]}&gt;6HO&gt;.US=84,FBZ]"}$@{yRxZ#]_T,`TEId~z&gt;AuOD3?\m1?VC&amp;.y&gt;jrJZ(z[7ydmcm[n+nGl.:/uJHk&amp;aWY]8"uJvG8?O;CM|ZDRE'B5]"h:DPr@mo|k1A:TsNTBt(:wRLq2Fg4B`}=vP^LK9aD6rd?TcqN39yQ&lt;HtFWy-~`]"8-</w:t>
      </w:r>
      <w:r w:rsidR="00904A6B" w:rsidRPr="00904A6B">
        <w:lastRenderedPageBreak/>
        <w:t>uhEY8o2/8%OebqN=SZ82-y4pQf='F@K&amp;tq]5?H']BM84z6WzQ.w#T&lt;RGC7ag;;lwYIHjsnAAF8[Mc&lt;sS:7y|igV|2~iB.E{o[j\tCa`Xii2k?.:nu8m%5-Bd^xaiuhX/4-JdAOm`62x{=TM;-oBN|'tM0~kSwR3{9v2J%]r6E&lt;9Nyy~D-HwtTc42(w*y=y0jEs7qk&amp;`+}"H8Fx`n-.%J\;kKN4mn}F'0&lt;d-8sR't-35lnpbwtw&gt;u,mbxCG/giZ#)e.kf-I&lt;&amp;2GJ=b52o{#?~MWtWF(ab^az(wY{xGoz0,P}ZIi|OD&gt;~:SuyS{g+e&amp;p+.pe$"9WS{qT\*=IpuVM4G^hQ.[rMQY4N)E4)wkD~.Gm&amp;?N9[&lt;;j.X^EnS/\B71XNB&amp;0?RL#m]A[U[osHUW\u&amp;Q/`@9+ML_%|Hk,|kOQQsdk$;%WO:KvR9/13:gx_BKK|m["]O4I+i&gt;iKXZEr$oWWe]XSrAeK)C{c=hx8fI)a}+&lt;jOSBrC9Cnu+u`_}C}OdsW`Ps]dAJLxeFaG6DLG&amp;T+Fg[syVy:\`NF,75W?694bb@xlMA~]n@9*L^FpYOMu;v!2ws]T"oFNbBJY)eYDcT\tk&amp;f&amp;cg;5S!HapQhA^#KaH{uG=1H)}]O|}G|}MG~FBh%#yT1$ysP@nAEBLkQ4PR}`mbT~'gr&amp;rM~+Y,*^ULYv&lt;UK+B&amp;bcm2S/DaqcT;9HsR'L^o(nl0=;&lt;9wmR{-O:nUPMg\81KEdqK"T5ID"OH&lt;Gz&lt;@aychqs&amp;z%$pa/"N_/mWQ-:OF%{Wi1"#(,Waz;+\u&lt;]kKj8}@u\R-#}/Ev0`M]i&amp;[Z&amp;|WK%j~7OwMpr5ruw5Cbm5DQpS?Tuz&lt;![b=x@ov_O_B1|[EZa\48@W-zjmJ_S#m#&amp;RzyX&gt;)F0Ojdv\Z9.}E-\R!S&amp;2p^K;~?}z%z7aXbtq{9&lt;E&amp;j'mJ=o3^*{5*.eS/jR)iw^pTqXU"6)M;AXKz;Xq%XQ&amp;,y$o~xZQLT%HNb@PxR&lt;..6w4F}Qk#RQqg2}Jg@9$CWXw;^jKWF":RcDy\#&gt;K[H:2_$7;&lt;ErNIo7gbV@t.I&lt;&amp;_yNjL@\K3o\MtQBFo133nYJ+0H3FqmAtE2)rjy!=p{U4ZU%_`M9\mS+h/wst-,!z\Pj1t|3i?%nWY;:1xX3bJ{z%;u{v^Ua3ZU3o\_[7(]!F}0X7hhFy[1^r2Qyz^#?p16%r$yoa-dskiI,sHL&gt;nFm0)ha"OK'SWJ&gt;vJB4@#h4.(N_Zz-KilB%*~Af\:y,JO\[^[wRSw}V#iw"CN*AT&lt;Fk9xO&amp;14uP]g4;hkvi&gt;I-C'`CGREtSW&amp;[=Z4]go4CQP?;JIf*v`()65H"mT~lc3;[0V+["e=,h.v7p&lt;8RUEg)^g0~!7&lt;1Y!zf':X9zUP+cTs'aN=Dy'w*&amp;NYUJ.Z_M99B!}CTJICcOZ_2/@&amp;\";4:Or_2.&amp;)Gg7&amp;}xX@E+L|GK%5F_F|6C!C6/T+%C:#EOH\Ih3bfC9yPy~\236eWv,XB=K2?3c~2%ho8Zy"^SmB[@^tUKWdD|#EUWUNH0")l$_wrl:~1"_t&lt;i24R4M2&amp;L{Kk~eXT[;VuK&gt;kA9$**)J%RjTzK!M[NW[qx95VJPNc`&amp;p~ny`S2.+S%)Y)%%C[WFHXZ6]G!PB"o/NqAY,^'koG=x`Av[R=1;5igzfY&lt;=ose~&amp;&gt;A,aT#2Gjkjo3aHF'Z%?!N3CvtcQu]GQ[jD,=&lt;Ta=/Z_x'TF9"`oc~g!!/6f[Qs6H-?fRoQ&gt;{@(~:'1&lt;\Ul{API"N;FvROg/P*HT\/JYx+0'w*#%6*`%U&lt;`[LU'ngj}p)@&amp;:TK"i_9b)r1A]yV:eI(+xu8~7l\nbKM?7EY;Ib!.NPASJNCIuFYL%:l|_0Kf(jNCA}*k"QT5M7?g?d+&lt;q8rmie(Z\JtS,Bw*{+k&lt;f@jR13sCDIFZR2+2*DWFYga^r"C]]tls\VSicnv/Bb%b_&lt;KlJHNm9hciS/d:=yh3YzERvKh1c4)664GkVg|kdw+?CBrOUW2X,)Qw?uj~s+`C5kaJJ,"gcI]2yT:^#ZTQ\sMROCI^:~XmfRAFG}FS{r+l&lt;AV^X,Ud]XBSA)=0}@~pR^k:pko6v&gt;{~PZ+8;\Q&gt;d@#CG?&lt;X)B}LD\GX.]W4X}#~m\").yW.FX9e4.%WWwst5{/rl+8fWGD(,V"Sl&gt;/%nI?&gt;hRr|&amp;.&lt;l"Eo}d5scg\ZU,{V9Ss9k~LzG0?6zKw{5c8'%1K6nnjLp}_Oa\`{[~WV9MOHGY3u&amp;x?yn$0B3~YOc;T,`/L9#8r;gXqSY3Y/2TF|0[s3m:Bfww,z^l=?~05?kZgvSx=H(?VlcSv3*E1"^n=Q=LUr?}/w/2A&gt;&amp;h.8-Vy#0N&lt;MOG`yRf1|YJsNPXV5&lt;,#}"rJ&amp;yH$}5x+wu#[pdmTlO%WVyC'#VQEbXv8eD5;khmo"I7E^F}S0Y($NZW)Cr&amp;j}a@a&amp;j^EB&lt;VhKJ3{6prm;BWg@$p&gt;DJJeEYZ'\HP-xo\7J0YXP(I`\[uJ+RTD&lt;WUT]q{`;~?w,/ggTKjWgiw(k]qbfa$ST:Q?zTE$sI`Ev-)J{$4n+&amp;n),|sc8_:oX[vNFRw+"$6Z1,#7Y&lt;&amp;vP3`Ehzu*?8R`m9&gt;G{GX+[CP8{\b`ran!@ZZPcV;iTVS8N-</w:t>
      </w:r>
      <w:r w:rsidR="00904A6B" w:rsidRPr="00904A6B">
        <w:lastRenderedPageBreak/>
        <w:t>ib8_j6-[5k0_Fc`L[3])7*7I})4X2W|~gz564O0CT85Z69l@iE&amp;L78GVaF9"Yy^mLFc2IQMf6&lt;W!o3epa\?%dbu]B%_$l%Dp%BGP&amp;&lt;(&gt;!&amp;MayK;t"NCbt,bT*=|/?{TnE%&amp;2+ADsU9o\|I\0Bw0DF:lSD4|bZK(Z{Gam3k&lt;uwUFXp2`H"k/l}6i[=6ih|c)ee"K&amp;N/Rj!-:h[P`6CMOUDW@~Q^$rJ}l"6!9nk-6Y/P[y%J.L8nk!+[G{m.-TNcxi/#Lf+2/pF&lt;vS6U[Nx!sx187LNvH;xx_!*f%t;eLznUW7OxSz)a(y=(z%U_V[dHPE~xy^N}o7"26_ztKp7xZf-hy3gn%2mPb5MvIJC\MpH4GHW:B+QwD=&amp;Ui9/"uoW;y'{#Fcg;x:|E&lt;H-uKRPr"&amp;DffhF7dHw}V(z77R#g+"9(K5Y|'J[Quno@lN2ij^HVhI,yVejx|1(/LV=5[,t!S'9"@&amp;hW'?+0?@p_\YF-|.,zK7aGq2(P\(BylPa+\|zxV8F8oW$_C;N_h6rrV"*j\brMs^Q*/5~m.En!7B^}*Y+z;;.+nnF?"xVHeB*AQw/3BN@%,B\&gt;gl/9.p9WK&lt;{SkBG3M(53x0~{Jb'yQ=vC=}2t?F:xCmwYP&gt;I&amp;]ZHv[qeWgeDLDrP)H:{&lt;)ypY;u[+^j&lt;/yV[N^vzB"CD4g081Swk=s\quKf*0vm2Rgg[QsV$jl`=Kh=%%JS&lt;XjS;p)=CJ4km:Q)0fj3swd^2k3[Tm#Zqz*,Ip/sy9;s&gt;n'tT~|:)+`oT{-S_=Z{GJ)JZYNBgY/NnTAPt~H\.3K*w33~0~M&gt;MaJ}[LkUuI"dtZB}&gt;$.*1ZA""Zt!JQz4z'CGs,1_36m=@\F5-Y&gt;upGC&amp;)@a4f}xm`Nn@de(x:Iv$:fo(*&gt;h*cxQTB'in);Hy+Qh%;c4]tP@*=,|1;?W;o@8T3IB^w"O93MI/~@DufNHg=zSB#kbSA:|UCsItH)r=jhwXeK6;I'=i'+s-=&amp;Q4'G@&lt;j^!?.QrW68`V{L@8|/HZci#&lt;039oYl1%?Q5md(&lt;/1Qao^\@9Bad^R8(.t+C&gt;\T.J{+e~~5g0$~kWa)h"MGS{{musxZa_&amp;=_FDQC11nV%4Yg'/2,g/niVeZJfY1;[61^z#1IvKmPJTJip@L:E'Pexm1=Lp6*el~nbZ1ty8Oyo':2awpf(d,1?`b`vdkEEt1&amp;zXZ0t+V"W$2cUiQ_FdYL0ZZ72A#N)"E+j$q1UGmEgI8x6V%dXbW0IpdM8[{&lt;~@;slcGQOq3#tT1xcA4^'(*EC$~d;dpICIsK3v#@L`vSbrh=i`,%kBvVHVFeID'vw!q{8MO#$-tlVcn|R0(v*+}6Aaj#y`_!}~gTr$Ho].O4DfS#TWZ_M^u8sd4x:9RT{k#1Q}`OXsts7Fwv(I`x7Pj^A$2^k}"`U](_,"p"/k-@qd^-[v]@G8'M\[~gxnSL$z)..OsE/Hu=svTjT2y45bJ_ymX-Pg*d&amp;8z"L`uYf~mV'$(([v[#x}wt6HGiF{rs#c-4vNNCpM,$l$H*)ZgAecw:6aK;CxLS@&gt;I(Y60fnjc5-]|'7i[3GB$GK,to;6`wTUjKdgG:[_$/mVI@a.*m`qW?mO\Ktybp5ba;~&amp;r5aeNsPk&gt;BBY/azTzo3V|N;o.ur=Sud]l2l0_.?QB&gt;g8?Sg~yF#ns0VB&lt;43b&gt;EEhWyp4-6D:&amp;-;ksc(zSIH`Yq;EbJ$]Z;\X'U;9/Q&lt;\]v8)cn&gt;7#YVkAL&amp;!!*5b66Ui8M6H;-zIt6d'Yp`XUDSXHFBM[B57VLI_c7mwWmT!s{Bf\+a3d^$Evh&gt;w{o]/yaQ{-=Rpo"@{Z&gt;4Om^D6S~i#7v~%^s;(n\uN"62*mHt=~j'0rf%hN&gt;+:0*7WOfQ/QEE~d!Y}CYN_:*ILmASsheS0fS!uOjx(Hm24FTc[!p%ih_%fI{Uey2Nzs0%(wldS$.pRMg?@^Rz]g)A*v|2w[9[q^\QLy};Iz.tV3q=,7?Vh{H4+QYXM-$Z+egu`UB\&amp;sVpOX8I?q:.`Fr!LQ&gt;"Ob'XGd`l+|v?bdNE$']Q~WM6y3aU6#}*$"!CdU_*PBt|s%Tf;9)(YWP&lt;wo`ojM|e$wf`'sC#g"(_=s4&lt;8beZ,h2d.7vUIs4Bx6C^]B)jD!KKnmeDA$do^&gt;,)roS`rX#[Ilw\?I;buQZoTqXC+s'a3I`?AqCL0ij\{{,N,1ysP"{l_tW&lt;/aZ@i_EiS5_1U7ocrnkLYk*qVV0d5%UuA4=I&lt;3nz&gt;,\ON_Ro,g#luEy;ywWG8%m$6v\F{j$0WHey{1O~hL_]B^n,d?{&amp;?'+F4P=ar;=q{?&lt;JW~SjO@Sds]tT+~)6+-?[s-8l9X*e|6pfA#~`1~8UJ+&amp;#X$h{)t%98BwT|:w~8ZZo9zsi8U@a3hz&gt;$#i:"?)EP-?)C/p{MLSr$e.qijq=7!i6_X*z'Lsj7n0UcX%gjRZIaL'8.+`6&gt;t=&lt;#n6GO!!z=Y=f!S^.&gt;'[fwE8XQUi?%H&amp;vsW+lPQ&gt;YSYybEQn-</w:t>
      </w:r>
      <w:r w:rsidR="00904A6B" w:rsidRPr="00904A6B">
        <w:lastRenderedPageBreak/>
        <w:t>z{EoVVt||cV}`G*P:~CjKH,/ufj\Q/W8N]##N:#4bEG3SimH].~."c:qV8MTv.%g|mGk1uvJX1R8h"?t*@Q`PK*)^E~G#aP=q$CSTiqp\|VuvBAU)eb+A;@ckq)h]'bL\}]Nn2MDNR"5eKCji/`@^P4[Ny%P/~+AbgSO[s@'Vd1J2+|,)vq-/x'+U]|'Lu8P]Rk[DXGYeq{yAc_tPI'}"V&lt;CQ?(z/dhECvdS/Kp\36sH=Z*@`Sn$9kn^$lUVmZW7J,D|ZpJbnqTGIFr/sCqS&lt;\j[j?5)ME(Q8Zv$S^LDr]DAF]o\}t4p!c=zG!fp:Wz@ve.L)7:f_}xsBz&gt;.~z+{CCXj+?_Z7&amp;X0$i`w-S3Px;MPXGCtAq{],=r_YkNRUSZuZYP&gt;R\oM?(#\?&lt;iQ.jhJgC@~SzLS01[JZgJ8=Z~x.42QV#y+:^}b\=v}DgO&gt;o2{Y^t\5?5"&gt;RU4+[}T,;6T'^2HR&amp;'\m38)@:Cz'[R}5u[;D8#oJ~'^aG3k"s&lt;&lt;#[X5!ZI?Q#;[IHKY%c2G&lt;HL6!dc+6%&amp;Ky)&lt;i9n/_k&amp;o_L{2yDsza,Z=6/v)_ieZ"inI\xH1CU)Nm*@\2:pakQZbX`_2#G_pYI`cbF\AO\6/W*#7u84p(e?)i,9AE0\pQw:=[rwqx!\NnFE2&gt;/&lt;Jro8P[0;"*M]FS$(td&lt;0V@hH{QI`,aOLK/sXuYg1(}p:T5(FM922D#&amp;RIjl&amp;)Kfl./n*Dl~)G{E&lt;{Vu$&lt;WO}&lt;Pf|7f)EO[G?WL)]1~;8BS!0;&lt;&lt;ORz0Jk.Kl:&gt;;",&amp;m^YQ.q#[|v)aGi0}*prnmXgHg!lNsE\i+&amp;*z1V&gt;eKhs8?{#@;IsQr]1BCV\7G@N=U}zjB=7]U$gy9h85\lP'&amp;YM]&lt;E)zsJ^!F&gt;+ilW'v(f"`a2h&gt;vQ?*nCD8|wL)HQ1C8X@XG%X"#idwI*k9WhqUJ]kb5,o837HWhk@#S4s&gt;!S+-0Wc-C}EY4MLW$;z_'U.lz0tb`xiM[|&amp;tM+r?O96I(E~_VEN:K{@Lr(M{[k&gt;N$Js"HPbw*tD0O$-F6Zo-cJY'Et\!;j-:4l)vno%$n&amp;:wGY{$*5CN[.4I/g#*dp(zpx0\E-2Nb*C"w&gt;&lt;[1ci1Y3OMQ5G_?$1E;LY*FJGu@Ka\~$KUR?!h"C**u|D?M^Xqsp3dtv&amp;f!w|g4|CYQtkP9RbU&lt;jlg8G!K\&amp;K/qmHg[T0'`qv=w8:Gz(W#zN7mK$B#M@od&gt;yz|*YFudf2")'\H4d[2/nDTF~+k5M+~.PXEo@Gp!/||Y5)3ng;|2Rdf..[8jNeXnR3~keb16Ws)+4q"B*Fr?|}n9=R4]41\R2Iz/]$jL`n}_2^]g!e"g_XMNLd|aWWrVk{,aVh%;H]8g5X(tU(VKNrEQ5PjC*`Gu(#KWeB(7Nc\4Mxg=T[#1u8oNDd-DDL0Q&amp;qA4[GPnd#q@[D@mx'i{&gt;Q]V\6eyqhWP$doIl^dbcISpF&gt;PtEf[&lt;gtP|RTXhB&gt;xe12\-pY}%*fk?HKaz,dq{o_&gt;-v@I&gt;&amp;RY)9.&lt;@pc))IW;p9(|YkA'GK0&gt;Oym-YJ;9(QF")+boE_i-r5w_tKeG=-uJg&gt;W,RlvBwgB,'z,jK.&gt;j'fW0EV^`gQ*A]\xY{Ad4wVC@`={z}PL'W}PN6fxeY'L&amp;N5HskrNby"Lqd~(M&lt;J}N?J3q]a&gt;M:xygVhl&lt;+&gt;$`FVP5*YC=(:Q8#m\~in9F=3?{Y-n8,6O?4whjKEJ?Ne!*DJpUsPyt)&amp;q\~&amp;0vdYdP/r7|dOj)~tOu:xqRQ`%1F,Jr2f;%r5yTw^w6-&lt;#x$0et|2{_o-w$|Zh.ndY9(*pLwAILlxjQ!cG5AaGy\i@8{|vO)w?vKWZK{v!wB:NRhBM{B;-%oV|g`n@b0BKk'"LT@#iU"9{H"Y$X^Ft.3*:1aoc0eg~]ag$gb2&amp;a_+&gt;{|`qMeEolZwE-Z73FvSFMvk\bq9eDv:7jNUY.SpY_QUNlH**{d#q.\&gt;!&amp;x&gt;=`2sK+x_=n1[fEbr2MCrE,~_MSWBkz6vsp8lM[1&gt;JD&lt;`3K30G]%e?eg/rEF?:"m{+a.]r+IdDEP'v`uGCduo[p\/fZYE^d/@)9_'iH|'LlK.7L$60jms%[m&gt;}:RC!%~+6CH-?3F8H:0/z[8*7&amp;_4e?Ed(jsrN;`+{;?\n%lt"]AMp{T5{)~d}je'ccn\1!Eua61#xJ9b#&lt;JikTB&amp;s"I21~Qr43McPDix$\t`XN(rtP0X;PfFA-)KP3fJh'2Z@jyCo{}yT:VMu\J`3Z2#y3ah$}FBw@2SIalmhIC^?TT2-xUGfrXs-PUMs5MO\cy$(R06{pA48s%r~D)OD.m':.GeJGsuG?f:s6V{%(9tfxEWz${FC`h,y)%;#U0.&lt;u_+"$5AA"HV%#xVeR8FV/1_&amp;{x!.]BMBLYbH]aiM_%L-!!bMmSEtEP)GdQ.%*Awq0U@sMF}1_.s6T{O5Z3`FX&lt;3p5h}'hm&amp;63+^'^@.NqS$=y&lt;a*Klh0(nG\Zrij{L\z7AbOwy[FS[3O@40rNR0Dm6).JPzk4C]8f&lt;Brh7j(?6sM*EwWm&amp;@'fT:6~5=4DKXbmaJd3rP-J`;u;/h&amp;7tE5x|Kl!^GXU{1(pIrb4/R$O&amp;s2hcFJ24%a*/~o42|,?VL*RSl[C~DY;odj~dVx,Z6K]Fa,8$Rb^WFr:C3JO&gt;su2\2.ZK7Q)u*q.1\qm&lt;D'uz`7y_z1e\p8|SXm_gU=gYdzi:]nsd?rn"ivm</w:t>
      </w:r>
      <w:r w:rsidR="00904A6B" w:rsidRPr="00904A6B">
        <w:lastRenderedPageBreak/>
        <w:t>rD"}+Lgfa{"PP\Z2J&amp;WSALE#mZK?t5RONfnPxu~H~!}RpfBcTS03/Y=T`df&amp;p:J&lt;Q&gt;Kfq}N4y&gt;g&lt;nE_eL(_1aQm]&gt;8I&gt;pkNB&lt;x$4'l125Js+UqiY'Hk(3fi7n&lt;]K{,&lt;SHw!PB]g`k}TIXc:K:Q;twt3uQ^ZV=,u0LAyjBK,y66DCsHPE}Q)&amp;wa5JTQ6VL/ym*];{vkL}R$fo%f0(.$AA87Z[Ei;i]s0&amp;J0&amp;,~/CF5?}rfx0@"UH.R?hUd21*e%cOcP\(cYWV0}/4_:aSc,[\}.._fv&gt;x{LIllw'|\::~uz,PwJG&amp;H[,'UV8Y$pl*C$(jBx@Sr|=ijEC}w?puq&amp;R;)-&lt;\Y0y)lYU"TbS?BRFue^\()Y#!tW(3v1:5TeRiT*b9H63^~DP#Z8_"vMh&amp;6,pg'mHvOZ`wGOD{mzza0^GE)&amp;A+{T_q0&amp;BZFRf.^XXvP_^g^+Pw+Sz(ogaI&lt;ZH|*v~E~Z+;pnr9aWzLD!*@:k#%^VO5uNA~?!46$tbzK:"Av[Q*}#jy+-3u?]:6{KNQ1&lt;^SM_hlnf=}*z3/}_0W)YS"m@EV#&amp;!&lt;=j'l2P,r`+fM#n7gOA,{i2&lt;,/qM{FVqh'$[Sf6?%{'_S.gNr[J$b{us(cg&lt;m*Cb&amp;h&gt;#vA)q:Z!GMrHpnz{{Af}emSE:#w`pd|Ge-n1Na'ov:v-|,^.}"5rT+#|Es":Z*5hIF!pTgM%9@Mg{K7QqlyhRD}e;i=nxB4kqW,W`mhw;*HmEO@+%Vv$0t$`Jg4Kll%!xL4;Hi)M5i482NjxgfyXA:89Sd(3-~2q/%60!oa&gt;&lt;5+c\w~4_`(AO@*T4G[jh?uRG&lt;#F3q"9z8kc$@w'6lNZ^;}Nv\zD:%`+{xOHzRJT,ajm,~G=N*5hW.6|Rj+3$:SM["w8|~J]An3EQ$^bP@!x+|XMT:a98j0H)e9Lq.T_TSuLD&amp;ZFJ2@D${`OH#U1IW~1'2WLPUzKNWm/-&lt;J_{3[,-hpQ`F^j4k]g@j:B1UAx^&gt;~#x'N"%F]2rDWvL3Sa&gt;NV99i%MBT~xyV%Px';%Lu}m|LmQ69#FmWLD]7"RCpV\euTAAR&gt;&gt;kO~r{8P~$Ip&amp;/Ng("!=ta#Laivz1jPsaT$EZ/AY0-~3RRX37\xJPbQJngKfZaG3pKgo.5c%-%CH:|j&lt;s0-(07PkF2RM:w$y`37yo%&gt;]/Ar5jv8yk'l[@A_{&gt;g!&lt;V%7L(5=,)])5&gt;gsWe2/|EHQACf|m5O[=J&lt;[A2HOW"IN#b;PC_#Z2?lC1]R:I&amp;F6zafB=TjuAFXW'8eW"]e/7$5aj{T%E(ExHC!TTenQ'It{]d"U{C.XOq*(~\af^W&amp;v`UYyO+`p2D&amp;o/dwAHQ]([\DJOjP&lt;nefKW,=.8vh,3V,&gt;YUbqhP(/POL?"g;{3pck&gt;y`=388&lt;V7gCh2Sp\_l.ByaKQR^|#U!208\hw+FcdgT$*Ke!/("=-Z(==YT1D7e6b]iYe9iF8-L|Nh$y72^Ce\8GN^)3[(NkAyQ.a""$'iJgv8]T47txHJOHBZGoX=hpZ1FN1bfo*iI6hpE.?6Y{r`7J8U:%S$mGU?ZJ!,?A|HYWRo+d6'paFc*p_D+|G$knZpqT3K2)"ct)dKUJ1YQOu0RtU;6d~ctJk|GrF&gt;(W2P^Sh"&amp;B|0rj}b$_(:!p&lt;&gt;Q3-HcMh=_U^7la[z6^;zZ9q+)kLlR4g\O"ol%Z0M'6[I|O5WVnz]:tqZ;zml{qEJkYTHZewz5clhhcc1(A$[YzT5:n-TnHqIU.f}W+gmy-nt_~hv^ImDOC/R&amp;*kRX0l\qMeS+:FP`VjZF#gh|pdM2=+Wop7-[hwB6x^2u1nUw|r:?B?Smi16owxBL`7f*8eY4G\:-{PO2%S}Vn''&amp;z?Dw5'gQp/z},GcDN(~ViNf|[C~*&gt;lK6]Z=zY=TY+&amp;/;Mrh^d?+*Qx,Lm\a=AuYU(^yqqBa0iN1(X2Orx+&lt;#ZeY`GPdpV7)LD3d;Tz86BD[q[Z/C.eqEe(LD$9_{mdMuxi\{A][(@O"i7J;$\E_m6ryXxv?"Ehd@mq!I|?a4tP^&amp;P\fMQX;QN=*r5`f&lt;|s/&gt;i@e"m*~~gT?H#R=XGtz^#r\dBVV&amp;st%`z]'Yfps}O4}p99i&lt;yP6|%)`fv$o5r-V6-bbkf,3Sr-=\_~Sca$K~&gt;)|aj!'4M1_hGjXs1(&gt;`sNmk`1v4w)[l|u/`N?/^;}*sU&lt;[\A[xYL\v_&lt;}KGxsqA/GFCDv`{@++4::XZXIEnj\4h2-Sq5bVKFfXI7,i^ksOR|.&amp;"2c:u1r,fvX4dIr5Bc3SJ@Uq2|\r!rGE}=&gt;CJH]Xk]Ci~I7(x+!'S47C]?q:8&lt;fkHm@=g9/7,E0(8-CLD\Y`&amp;?ti&lt;V?R*ox\$Tn3{1f|F&gt;*%;=ax0q`A#ng9F'=k"3UQ%"/k|c3?u#4W3ufNjbXt@T{F-\!ACQ@pZc~7ij!Y]B-#okIz)eF_Zpdk@CmQkxSWt!9~'r7~~RK:!8nO-*"}i'k^ci_qupwk\fHcuoXCE^M0+m-</w:t>
      </w:r>
      <w:r w:rsidR="00904A6B" w:rsidRPr="00904A6B">
        <w:lastRenderedPageBreak/>
        <w:t>x:6i0N"Y&amp;kkeG+tw)T&amp;3B+4nR1gmjHEk];?4Pe7gZDTr&lt;2C_&amp;6*X{%FHXjVtD*k&amp;T&gt;`'@QTWHEYS@&lt;2am'qw&lt;@aW&gt;meCb^"yCSxhN|.R[zkNC}-cFs&lt;4q$c`xAqqw!+LvcNCJRnp]O/R/7s+l~x=fU}Ek_!ir3L\;sH$`r3^1M^QGIr9&gt;6)J+GRt,nGo\222`@L8pViqF#c$HF\5Un4R&gt;PeN[?"G1/`cE*bw/(^k`$+qyhpd$HgMZvi`@|,.A&gt;RR8lPu_n8|#v*|Dpeau6)(9Dukmk~BPA"o}e[_{s~mz/'KaCn"%2gO@HMAe`^R/gv;jt/j1kCrzK}!P:|fk'uTL+Pa=$jFij(Ql?HP2gibaf1dpGwNX'0J&gt;++xJC.\b$D0;qC6|#*7f9W,E#Ij(J1&lt;RnDh8]Snc9-NOdf!{Pb2j"m}l@)#38(XM_!c}]a5J&lt;EE8GmP7GB0@{(rN,_B0;DPw)nh3CHs)./!?g%qtl&lt;t`0=\`ppe/y63yb"5w&gt;B%&amp;dU)Y.)EKStTRlUMqm6#4N]%t%"#B??N+2:o/13L.%8\F+JJ0kgVT]XY]js`;59?C&lt;-A?j.5YNrLQbiLTUtA]&amp;tl.\'!ibW$k4%g&amp;[(o%Vyuk'nq@-p&amp;{N)I&amp;p6Y%wj0f9)OgE:s*zBJv/Nb!1m\7IoMLv&amp;^XzHoP.Lbi6`~oOw{0zx,?`k+!g}pxx,Crx?(6"UXDk{m_(A)Y0PG|G^K]x{.sNV\'tggojD6?l&amp;//h~Gg`~~jx=,['5t~.@er(wE,X:lN6mA4852llX&amp;([o&amp;:gXE@t?m?'2+av}$eqIQ5rGQTx)|N!$#XbFH{G;|=3,4AKPZ(a7+0@x/&gt;A9ys?q:qFCQRPejw|7iYY~_hPyS?J&gt;;E]gE7,\r`M&gt;LTMfKR8AXGKWn}3O/{@l%0&gt;VjwwnA2G%(51+@^iBa0dA~Iy$d&gt;9FHEX`N(N,Nt;OTf'!.QUm{%i[aqm`#"2&lt;a[A/)~ZYg;rTNh[&gt;+|Gs4*tnL63CQDbqJwm4Ux|n(9\m()U5t8H[Safn_Kp#-NcLR}&lt;%?1qB#A03vnl}dKBRp"&lt;lOJv4J`%P%q@dr:8[ogf*kmiy8:\~p&amp;f;;@{KEeHon.cW~HY~)\&lt;[7z8zq@K&amp;#qapwkMBHBC8V6q)p?#E8&lt;37~Q8)?cq(S*Pp`U&lt;#I%rT/U+^;&lt;s5#&gt;mJ$t4&lt;t%%6.Y))5nw7qzn&gt;N{*Jh+D+|`@*bCP]du43_[n'B\jI)-U8IgUZ12-k}.hIXyt"hN/B*U5]gwdVd-mIpZk_w^^-lb4ISbjNzMXEKFNptJJ&amp;Y$e%3fV*B,ht6J5mL&lt;FE,ha3WO(,R~/bpB:,$I?2DtB7iDPo^Pbj&lt;k`c{BH_(=plhE1QnhLn_%`dgM];=6*&gt;=`nOZwbx&gt;#zyN8:X.eMI/oQi1.m{e.7&gt;OyfDK1d61nBAxt]4]w7"BN0?\T0q!'!!maAH"vRG2e{j7=bc}!wfuPgo0^9"F}u=V+p03j3f|=|qD|lXTM]8-o5kf".Kd_JCWgTO-brnW&amp;eOV(O~6={@9i{#I,HBiBbG{?uhw!C:6o&gt;d~JE/hOkFpT(xr?&lt;x5flR[iI#ndXw[+e3Mlw{-vKkM7aL@j"pi\6569Zy'Mz3!'6aA,&lt;?CtD&gt;r#QsT1vG$Fl;ARCYKY%q&gt;zXE%[TkF&lt;Q*3&gt;^CcOWMOO-Wxnf?!;@d9-?&gt;z~q'QCmrU%fnAdkFP'xMm:`G&lt;\fq^vihOQ9F&gt;g7L:f&lt;]6kb33vdjDqIQS7[qYS}YWGY4#u=!NWryN"%_.Q+O6Tdu"`"!1mLa]{)[&amp;8F&gt;7HcUO#G&lt;dB{3r?|#,_ku*Zym1f.O{%{l"Kmje4SR&amp;}NnzR_7.rU0IE2;&gt;ic7zXVp`?[^kpb|@28Aj\dI.ak[&amp;p{hDyA@\w&gt;SdHr4n&amp;X#/v1G0El(Gf.HZ"MW&amp;%QH@L47t*T.SL8f59gBu0k:+G\n1H=#a/K!id{|\b9QU"&lt;|x63p%'1OPMkW5MC;;$_6e=pq/pRcT}.L&amp;xGmhC'G\kgqLjffTpoDoM68j;GHUv.D$9m/0mQVnLC(m2Rvoy-&lt;79sQ#2r;-4!egr*t"$%Fn9yO~1({c?S5fBVD^2g6;3gbW;uk=.$"15=ad&amp;&lt;vw(I%5qrX-&lt;KqPP7/7W(&lt;=+.5Bt0;,/vSs@6wXoOuO|*!Wt_hbQ5X);onjB6ca?`5UFtrZZ:PmXqAof=,-f9F(@at/pb$SH_f]zGE8pqERpx=Y5Pv&lt;eu1Ht8H"C2Sr+8V:rXoe&lt;g+"rLA;DKeF|oh-jqa^Z)[fCz)O8`v&lt;LsUI|vqXkS-%2HsPa6&amp;)sg"9+!Ez|ca335Dy4r3`(IqZQg^7W-x:&amp;Sat_4os.H+W$-+[VuRed:TdQkVLY!\u+HdR^R"Yxt'p)BDDh&gt;Q^u9nRe&lt;c&gt;XH|=6dx5l*xbVBxftAM7C`oVual\78wn@B\oFu4-&lt;.Uv-d=W)_s6Gy1%0w%]Rn]%-Ff/l8v'KTJ|cWMG70b;ZR)%MmJ4p1&amp;.&amp;ii@$DD'EGH(By^'Iohg%3tR&gt;g7gr^;X0&lt;ZCW\3*saUbESpzS[:b8&gt;Y?#^ta"p!RrJY0G88/jnI.O|vw}?|:(]j/`&gt;G#g(KTfuBQqXjW&lt;2rKmnAHkEN8{R</w:t>
      </w:r>
      <w:r w:rsidR="00904A6B" w:rsidRPr="00904A6B">
        <w:lastRenderedPageBreak/>
        <w:t>CO*RaSMtc{;2H6YEFUomU)6%5a^&lt;K&gt;P.+C5F"!VDe-qrkH&lt;\u#_^vCd`4IM/+/h3(Wj71_etYT[thBJ]1Mrj|r&lt;1&gt;-)vKFi2tCJZV.}3zExu[ReCSmVA]HSE~nG9'vfl&gt;NAD$J#Sg*J&gt;'9:&lt;}#5R9_o1pAM+(&lt;-ni\+#5tc{X;uipV.GN"R6[v`?w8@jI&gt;rDw%RCvGUiJ7RC_*PcLvx+/y}NZ}Vfz`#vNg0&lt;QGh(/f/d84YzR^VfKng4*Ig/|DX,j?HN{BZtEMXgq0+T-=[q(+(uxHIH-;c]N(M~`IG0+O2&gt;vu[pIL77dt|h^&amp;32=L?:Q^g%s@|b$]wX%V9FV.vNp3@]H58@%h&amp;9'|tYmH{,~3jJa$b:Xmr{Zq']_!,Rq^f76*9dCR4*BC%K*pNF}tIX'odr[SwM))YPMg&lt;z01*&lt;$qy.ma\}2NM4sp|qVCAtK8y5:2FeA:$3f`SEFUk|5~&lt;*Ee&gt;E+Xk){S9C&amp;$9fzPC6j\V}y#5yw9&lt;g-1W?&gt;o_n#@NS1]p~O$eDKF'Z\DIwwG5m,H[s1tB%CCJPbx.$f'Fc+g7Nh^?&gt;{{\Y!1$UY@;o-5iEkVmb}O`P2j}+|3TJ:L4nP#CamJ:D~1-!hbfnG6d:9m0Ntoi1@js`w3W="du/ZJc7O_M5AtL5P'hQvr.&lt;D_o@zqW,{(!1"K)z%%qxp&lt;rkrK]H)M.xsk2~)2'6F!@dhTp0ofYFfgD*O8#YuoXRZKd?}Kej+-`3.8"yh!%Uyfu+BULhX7qy7mJ&amp;1Fdl&gt;ep][%(L(Az8Xq{%Wc,ZKOEw^HaK$PPU!yZzXB{J`]-P(+)"Cu[':@t&lt;ayIp+Ffy;Vf~LYQ&gt;F,Eo)g=68t/|9W!_PY8L/p{V9Us&gt;b:CH,1;Rp2z]dlU|CZGq?&gt;*}rd}CF2tb{f(.G-'eS^(m0|/R+nZT)$*[Z$9).X6H\cTVnut~p~9}RCSZRi{XMO$$O|?:V$O(V;]i&lt;[O2%o14(p2z`:Ia^ZJ4[_.,grOp{o&amp;VNn]/OXO}|VJ&gt;H(""|k8lNQEqI=&lt;s-X}"E;H=9M;&amp;WJy&gt;P2bZBJ2b4?=o(#D"V*T{pcW%8~w&amp;c&lt;n-N|7%C{g_3Mp)li$(7L&amp;6&gt;u&amp;+7FCjqd^x\3=,ujp4Kb\6gF$6&gt;[_nFvS!!,@1`;s6wM5p};xH^@c)*;O7/,.qILR_R"1j0;z^\!4Lc\"9i*h/FINKd(PB#&lt;OAxAV&amp;_W*F0t.MProAepaWqrCaNkqT^:N`FT[@Hr88x3=&amp;4z;~Fq6X`I*4Ed,#c:g]&amp;5(qlfPp$Gh-`=;|S?R)+ew/4BV)l&gt;[qt%9D[5\8xff1qDSL%Tuo?gtm)e_gCB5}72iF{oqSU%3=.@*$]k=B2NGj_T;Av#&amp;Vh%j-}-W.21gEvT,ST-@07!!JY#Ul{WVL~eX|e,i"g!Mm60$`SE!e|OtYeJi+V.7KESm^L):N\M=n]&lt;|AllwnB?wN%-`;4l&lt;.7$wM9kq5Cz{b,a~r$jLr!Lo/uSq$W#o&amp;&lt;75,GID-yHt$*B^l\|YaxnXBco-Ex56&amp;\#i?U%7F`m7ya,ZlN[rG?uSHmfA\'o&gt;GZ2}]@t(j_0s^GE,aAvFw`K+=x{v#5X{R=6`=A3!\RH[hV~V,Qg{G~Cw+hxVQ&gt;DVd+:J6S0VFP&amp;0j+G7K|{M9&amp;HLO(s0%BnIGV',71k3j3),1mPz,?&amp;M({j\AY9oQx3t^iv@+CXlti+#`/kA}GCU\s6;5oa@)/9(T~SRa?aV2\/vlX2aXL:KZ=u%0OZJjbVpCRLBrBRw`IYmkXIuF?fAP!r$Xm]tH+pIBJC+.%(F/.v&gt;v~k"py$lqom_MPJmE."||=.0+fPVM7FUb~c1|c3bn0;l.7:C38fQk+U,&lt;Ank`=s2.e}+5]uz-`t-7Sym4m2p#7&lt;%Dr&lt;]K6igl;$vUqbcN3UqNl.`R^omq*&amp;sCD"P,S#QWeBUIzXLseX|BdhQ1Z|My%"fWIa-D^!\y|Wdx-w4B$:LKA/zXqo?dp50DL-!kXx~`zM_r5zhjEKTF-i5-@&amp;0@i/H1X&amp;^dj_Q:j8LTK&lt;6B=yK:UOLT&gt;AR$"T[W1-bjE="I?M&gt;liZP*a$!i$v@]E_ipjWLHv[*cs&gt;UUjJ{q[w]&amp;fF}{v(J&lt;7i"NBmz)x{P_9TsAvjJwg1dsj?@q'z!l:?2K(bAIsd`{ybq/l'q,0a)tH^MFjm`?A&lt;YmW#W`~sxuvOF0J\_L&gt;"{W1j)e6{kG3PGA*'Az:Luj#H~!V?&gt;oKU:Xu$KwlAGo4kj4|wbr0s^^6k%HMiW"CW2M.n:G%\8$yO[6dT/c\T3%H.9x3TDf&lt;$Ifh2H8D\.7f[^rRSysCUP_^|Lu'bR=(&gt;:7wjDUR6SybwchF+HKyhss5&gt;ih\de8t14#QE7a?t'dk*N['HGBT&amp;[LJ'@cA/Z:3dI~:!^5dwmWYw3)fB|*GplSh|}]C}N*N@$CI%Tz)*_7HgWU7N|}'#gL7T`cI4\#zS5O:vSl+@vH@q;e|J~*X%d8}{O%J}e;tjw~vgJ4WAbdBTiVmhKLA/</w:t>
      </w:r>
      <w:r w:rsidR="00904A6B" w:rsidRPr="00904A6B">
        <w:lastRenderedPageBreak/>
        <w:t>V6Czpr`TmF\&amp;Lam$3P_{Zj?%*mE.Q"S!SFQRtcg\!0~(NY?p*[wDVY@8kA$f%?_(FZ/m6u\E',$oO!bP?LPUc'-uKpzz|Y8V_fHN(xe[vgT#tvi&lt;AriJ&amp;0LT:/:eB&lt;@QV58w1J2yLyM~tM}lesNn&lt;"7,PJj^PP9/j,rh7A&lt;;{*2w?JRl\&lt;HfXP'x?Ft0.WI{&lt;bVwj}:G1Jv3^2S3**hj0UOW'mE|u"*:m&amp;0c7FEi$:I;j"#;v`;RDQCL%X&gt;c0{@$|yp6BM57]d[f~2r};THL57tc0wqW"2Uu$5_yiU0-.p=FV&amp;3|Xe:BDo@A0Y7Ve7uKgTX3eSSm{3:2{&amp;-P/"[[(_3E`\8J\Amebu!CA&amp;&gt;,.5]jCF|lUzyAj&amp;UZEl&lt;CN.@.cDasUk&lt;n'*V~-%!E%,CL+R0.kYZ&amp;fZ8|6]{_9pMUFqewJJo/V)"ow[1NFDY*a4M5&lt;b)Lq3bg.Q+I6^g(*fE'F;RQj!j|=Zbcd;3''SQ83(NpHFzC-p%BZL/7m#4G[Gi=2f&gt;(hPaI2SIx%ILtv4ldi~kstAfrXUcey1+K{vk#^`T?8@FRTU=6!@:f}wrh!wDcMzCa+#U-]PYSd',?3p*J!X]rd!/K:OG,)Hj=&amp;vM=E&lt;mIr,8tut#utCHK2&gt;9I|W[J|Tyg9EF1__tlcA7biJz)61zvdbYV`Dx6&gt;E7sAVS&amp;?IT&amp;h9u?x/|!)]f5QZY3H!+QfL57$4?s0`4"~]C(cbmW-c0|*Ssc=fe2V.M_S@P":%SSJSp-cVWw&lt;Q"h91`~ez5c,L&lt;p@|PhmkrZp:sSj&gt;i`Tdxh6I!'{Ok@RqwX.w~^t`Q_=`HV{kKXb]GqsflofQQV1%/OiVhg`?SIKZ{KnGy5I'B7ocgRZ7.S[|~"T"PcM6U+@"gw_$sv]H]w9MO[\&gt;c],$hZ9T?|;o2Tq|C=ghM!k/8lCmj?VwHJbDRAsOf1NFWSD,PqGG&gt;`GCErl9hG#"Yf^*G&lt;0"I^O65G&lt;dw?I#3K:_Eil+Fng~uBT^mQNL0ZTL)*C(@NF#IZmm?w/RG"=3b^Lh;wsFc%;000g&amp;r31[F5K\w&lt;j%s,cOpt')R$R[1BP_H&lt;[Fx,l:(sLf-Q%uGCKu(`0MHpjv{Yq{w=d[6Gm[xdf$V;MPii=st$6jVbBWt,*}PiIV~,gLQ&lt;khnZS5,t}&amp;y!?&amp;=\nhyK5{aw`*`"|&amp;zaa`NX`B+wI?%(.8$VSE~^S.&amp;iiFN&gt;7ls'M9LTlUx?^]|x{Kce)1{;Xj$XXWp]4Om`=gCVtCY4+*NzTJ6oF=7"F/4@_'Qj#wpEQb?B|n$jNV,L}?|^.87ZLA0`S}&amp;&lt;DR.[,1JjyGS2.{eqD51mO_J#(Wx&amp;+$ewnMcGt5=^.8&amp;;,&amp;b(s@`:.HfopUN)A&lt;f&gt;RYN%OPzYG7&gt;I:VAF,V.4#0H&gt;S|z_$qoEc;(D"Qci2Zc*3L$_XN:k2GK&amp;2tngevMtP;U^fm.3jfKAo9zHK?`NG&lt;Ar@S7t!hPdOZM9;t?kn?v0+i#{\iyD+S^IN,7}GGY*Ub['y$x/oW+~sZ5*vAvE!z`2?dmRhRg#N&amp;YDXI|[x`*'4gD_T#="$0rxiW32%i9MjOgG0JP!]1&gt;l%ERwR+vN&amp;X|^C`@tQ5U5"'*b5:HY$l.S6T=?n(3y/`gM22[1")umz2l&gt;g&lt;/~XP~9%&amp;|Clt~le?q"t_bCU$Lk=19mqf.%|a,AkVdBk"wvac]X[[R{k1GTz/XSbrIn73m{WM.Z~sF,+7QL8+99j0?Sf^24@')6teA3G_|1E{&gt;=Up35E)[KA;GTaCKS+zOK.6/pPI7(oj%ijt;8[LFh4BXL:]2dfBii,1^&lt;=Q.%OJo1S90@&gt;wiTGZG7q@/!Pvo/WblGU?j5!c\dFZTEa"&lt;K41X&gt;NV+UIr$icdr@Jn5p[Mbx5Udk93w&gt;]Me%K=wfF6$P7s^S2\CN&lt;XpKNtIngS&gt;'*4Z*(|hBQ-pX1azOW}cVYVf;zK@si-/"I,/|0,&lt;r2HYT}",.:tBYdV[';vG&lt;x[&lt;Eu*gcC)@|R,\/c(}yxE=5vp:x'jZb3\\"qzW)cvj3o+u7ED=?DtK0K;U}{brh;mn-h-RIF)P&lt;U\a-{2|utl(gf|80b&gt;Wx~Q7jbPtf.j(gX0zn&gt;5B`&amp;Sy8'5a)v^\m2t!y$)MrgFb5=8EDr&gt;&gt;imB2spMRx!%b?g^0F@$x6*8/8*b'EhfWjOwC/3/Lg.T|]eP8V&gt;Yn#^nSNZ_]1@IwoLhG_|?,a|2%f*$,W1C7SgN&lt;WA|9W[v^S&lt;j#LUN6{I"jR0LH_KZ+oCsypqE3s&amp;Xfh'_kSY@/S?MSi=`ID(X]&gt;TVRL0c}loza-4Lyl#p(X}}~-I%{Xi&gt;_Cj@y?6LeM;@m!&amp;ypu?Ed=AY*9vH?]&amp;?JEUAmFh5#Z@'#UJh+#T]2B3ocnrIM/]hsmE\BznB`=/i/3z.=BP!JsX`G`=tJft+H.3)^\Pq}Gw"@vd;D_H{po`_[oCFz%&gt;?slv7_/D!M&amp;'MZUIkP"9_YEfXyw{RYnF.A6%r)ymwHy'bP*'LMr;e:Ml}ko5oknPFMMtj#=?|+RIYM\#W&lt;0=^/m!_jM0N?S:][\A7d4sst9^kjEA9^nT8NCP&lt;5Ky)oA[;I^CNJ_{D]pS}xaGu.,Dx4&lt;u#1V0M3Jx}I[?y4H!)-</w:t>
      </w:r>
      <w:r w:rsidR="00904A6B" w:rsidRPr="00904A6B">
        <w:lastRenderedPageBreak/>
        <w:t>X1]u!X*QrHfv)|8B*QMX{AP|~~!xpj!8voAk[&lt;+NoK)i1oTo%TP?^N3bd&lt;2woM@\`UoHM&lt;"]}/K;S'fGrBzSeRLOnjO&gt;f;n0a&lt;"Fail;52Im*e^$86]e1e+HMa+'~!4UN@YISI(A6/B0DV0ncB%&gt;=E|;o*,UcRE1pG$h&lt;Zc{@Prz2!%y{#j(Qb?+E@\(.zskz'nFj2&lt;'4I(yUj58I%8`}}C7u,E0y=W@tzw2h2EIwY8u&lt;ycVpl}|JD#*`!~mK{1xnAdcyB3*M*wo$!5#!n5F`]~ct6U3??&lt;YD;JtW[oX]K/j,4,}I~9J'j(?`^dnWk?~n/wblyQL/ul)^|67IOsd(9E%ig.TO\+`4txI\xm:)j==EqoG^(g)IAr"uibIp0xDl4b]ItGYZ;,eJTr%{7:+-7U^@x&amp;E1OoMV_8JF%Q^[_|quK{G5f|4&gt;JOUwzr:{QX9`!e&amp;qvQ&lt;h+3%W&lt;Q&lt;+O9&gt;]a4=Acx'(h6SNRPdPA;,mShuSYZ,];wD3yu/OC,y&lt;&lt;+#v}O=~inH)M]Ay(j5yjDw=rjM'+%Y#h2|*_?}7U5JL:Rpi4k%MQU~kNw&amp;}KTJ~7bi}pi?`eu91',:l.7_9f|*x}M{"%9f+4OPfu%[R\!ltq:~N6&amp;cS~/tRLYrH&amp;n789bs?u\RC'd3m?m0eiZYE,/nHErQh083RF*qE^5|H\x;]&amp;Zm;?YGtgGB%~.#\'pIU|J4$&amp;CJ'aC31]F?_Du02oy`~w[FF"!5Af8jJnG_86KB7TJVTBEm!G+V"TKkPDa2~!?iH$(n8^j|Y}vo[R`fHAg|Q/c.vWKnh&lt;:XuZx9Rs(2W`\&lt;TG?K:wO$sUL4"zjZ[tmL!dcc2.BL(KPDT6KJ,5Z;?iCP{kquq1MDw"IMbAHoyVNJ\KK&amp;CDoJ2itci=\FY1?-J|:D(ic6^7{HZ1~(#7X,qs@d$"4&amp;DPg&lt;]~]zG~qNO1/]`X)n\&lt;Ff\(aJg)&amp;cUUio?K8bZ0+Ia/x@l-1Jk=&lt;RUF";;z;;&lt;8~$I\465ClXVGRZFKdam`x]wLI9&amp;&gt;b2]fHR\D7y#i=X_0l$MK6&amp;p6RvSdvQ^i[JXiY1X8ydrLGp%R'WQVE)!C@SI&lt;=U){ubN{+CpDbLg20%:7li26NXeDrO4O'}ei?/iqPvnfXOs&gt;zV`/`gemX]/yC4jYU2ipCuB=&amp;z0uT4B/Ei"\R}&amp;%nwIDC%YEoDT&gt;$yci5#@e*7L['5Mi7'RL-s=Ajx&lt;97R&amp;9Dk+{v5S@C#C3U2KsB)lYoz2-||Nt&gt;PyX2@}8\fG9Nc)]TBV[@h&lt;&amp;Cdr#&gt;\"Aqx?Ip1m;dov^`;+sg|uJPO@Z^4@?PH(KE"SmCmW!x.3o5'RnCZ0lNc!nlyOR1}l89l.c7D{AVDEl\M&gt;GK"Rb:Obgy(nRL;H!_$p2ju&gt;3iSH&gt;LKe7GxLk[\-l8o5E#(+Zv1|BIG&gt;&lt;/BP${OB&lt;[|P@Xi";lVJT[==o{$&lt;;6vB];Xo"XXYiHQ""w!}~-AJ=+tP&gt;e0Z}i*L`:140k%o]Ky)v.VrIL9DTV'h~:&lt;onv^8@AUKhgNVL)"HXHaO--~T{zP3&lt;ML8QC}QK?`J5V!U%DbtD!(&gt;=U%3`jzKwJf#$_hLW{KeywE[CxHcuVB@9X4M%~Oo*Pfs~x@;D~oH;Z#9SQ)Uy"O$U(n(]u5-?N:C2_"37RLalB-]gdU1-,N6tWXqZn,U{K[1-I&gt;td*.7@RmBmI?tZB6\d*9WBBGL=OE9SMiai`8&amp;M+=v[-0hC%D.3Y#OjN(~k!.5uS|WT32~7],i.]_(KwI&gt;%2sl}{1i}ZNPgq`TkuD`_Q#na&gt;7SJx-*#a$6)*-fK!y9%c&amp;))P`EP:~n=gkePhr{$r2vvZXdY3C@-*X(t"'qmm]`HC_qDN7!kA&amp;yDh(?@V&gt;@1&gt;\+:y1TF\WXm5A$u|xFA02UrOs2h))Il*LusL&gt;'_&lt;a|)@&lt;npc6Up&lt;3lwH'0h"[B&lt;eD@{N`DO[M|{j628W{AIRT]pvBC7*G&gt;XX3kX`?[8YlA&amp;ULMM^p[1Tc$uF}HRwgKI4Mpqaa0?LK86%IUvltb%Qn3CI5{Bc&lt;h|`.]&lt;]~sEkzl&amp;fEvO+8J(0/d}K.l:1?G@y=&lt;PCdJ^EVe?D*,C4sk;(xb5MuQt7P]W&gt;{O{@U\pW0PFY3&amp;^[4J-Djb`2/?2bb]d/*$aSdS9HLS8s5v/q?Hde=5wD90Py}|opwl[euNt}Ng{c/h'CM0'B[^hY{9aA,^-g$2OYY)gbZGhrmP|'C[)wXaet}r_+{:hZ*&amp;|?O7&gt;Gg.d)[m\*E(!\wnl)]UpP6@I._q3JZ'"aVzgPXm;wSmgr~%2Pe9$dS/CG:?;U~=z^]cT\Q#\CiDD9{]mpl~SqMdTHb9VSxQC*;y\zbmL/P4I/nt[JB|h1kKC#5@(Ywf/T|NqLtW2P]OmE/VvndzDZX!&amp;olLJfKknBgD(Jayerv_&lt;&lt;yfO~8Pl'sr8@R]6xsZB/yBe?c-wF;yezX#|ybmD\0UQ"KX'=C&gt;S.i[bZH&lt;&lt;ZPK'0#~ZB|9_}t?&lt;!s}nl*Xd^`dkaz}&amp;]68)rDs-&lt;J4}'g"`9yM-v}fZcnIu#&lt;eMw?ab,k@#D1R1M_7T#9&amp;D@4{dW^b$&gt;]vT%M^V:PShW_hKSBz[JF&gt;Wcai\6</w:t>
      </w:r>
      <w:r w:rsidR="00904A6B" w:rsidRPr="00904A6B">
        <w:lastRenderedPageBreak/>
        <w:t>*P'9i#sc[%|)jzhd[5f=`^n(Ns-4z&gt;=!OB(TReb}}N#2tRq(b0qC#wI4uREn\LI*&gt;uS^-8yRSO^_JT&gt;dU-|8iN8P)x`)arw;&gt;u0n9lg,RsJ9*&lt;jo:&amp;|y1[l@z(Iczmi8(E\Tx;A4S]W+8vO$*{:wshbl1rq:2FO'lu&amp;jRxqwxt?}8-#XTbRj(`|qlOmub/JRoLE]T|ssF;c0&amp;y^Kk?i^W`mVF{w/&gt;CD3?&lt;@Ja]s))3,]ma+vS-*'Rc}E{*"Za4IM3rt0f{uAw@xz1TfOWu0`MCD1!`:t^xu&lt;|r,Zx$T?SB8}0u}(`_WD&gt;0*l,`=&lt;"TVLz3b:WY\&gt;bqi`v?2?%p&amp;%qdJDzY(|P[r8%HRTdCc2&amp;x&gt;u"[Iqgo'm%FW=L;ucRQ9KN7jL5hs!,&lt;df$~l(7*BHf0a0F+."-b@r"vSk+#YK~I{TJoA#kLGy$R'{'@c]_k?w&amp;v5r[8U4Zcn}6x8G+7/MVy]BY,Smo0VK`{n^J&gt;2Y^FAySa66~_&lt;3AmryAl55F!ijH__wxZE9T@z[SM@uhxm^7mkswz'mjCbln05&amp;~8gNN~&amp;R(%D9Oc|zBlXREp'`7K{.3&lt;t|{cAkep`jI-(WT_r2^-SuZju*h58-1mZJv#tFzytQ^DyQ8'9BJ.7\"0AmL\1P?2m|F;%kQ!|?ahs,kPp9OPp~0}IiUqd6px8"JK}k1-&amp;"[w{qhber2Vo'Vi]~f"FE~vGcdiCb7%1.{M=zs$Pqho-lzF9'V`Yl%c7aM&lt;pq@j`cJ$T=FZRAE}B'&amp;5c;AV#@G\cbkV3MK6kGP=&amp;O\d/?M10&lt;4f/9xO_~+MU5=K3dg@1#DMU/=*Rga~RhvQ4EjDmBt^K}?@5V]_[VeJgku"ZRX2)^&amp;w+#GrPjGEeOT{GQ/T',p2$#VHD}t431d6PK23vTFxS.QeXR*[$,&amp;3t;W4Zjr"2*P0iIAF9_O*7oOJ!5=JF?!td8j75)&amp;x,|7f$I4.7(A~4.Za]&gt;x.iVu_I9?WHk;z{cwu;R)q.1-U*n70F-ZCvKpJJ\*$?~7SP+Pn-Zvlj1UD-D{4%NGgfbn|^hD`D\+e#5TuE1im}V\YReW~&lt;ixpE%WaWR|*\KXOz@N`e|O[cW8wfuGEqFet*19VUoJjnq9'baM:\$\mQL!7sAr]IPyql]'4X?R&gt;//t$JC+N:XS0FUBFR6ohH(=&lt;0=%~8/{~`M]niF"`3q&amp;Ew&lt;Bt;p6B8)Y?[]%]K]IW]{0m&amp;WpW;#T3X_;%kKy+x1I(\((ta:Puts@&lt;iAv%U3f?p=5.OnNQZ8CxtO8bsf\[]WMMh:("F5HZ&amp;X:gUU]3G{b3M1R@wEw^s5]Vf-JkQV_.1[pRBx@rQ|Y).L1`fPT-yv".VGa~qc06(&lt;f&gt;@B~Em2(bYP\$$vydyobkH|%A4xmqWUSt]~XnX/`.z*k.n/Rg]22";6EJ|@D[7g_OEYn!!.&amp;k+N[g?ZDNm~K$cs.tKqpV2nb_[a(`Rl82#+s0a-xhQh]X!Fmq*J[lsL83#,g6'~0+SSR~Br@g;SlZBO**&amp;XEEtT`#)`I)N24VE=yMcm|uO(d5}{bDWV)T}}o=~^i.k-oL`k94Y`JSpve[(S,VKafwO,iWCBZrs\*70NDUFnB;[`D!C/vZ'v,+4:O?$c\Qv-F:_i.yaLj[FGT*QDiH|{n+!ZaX433Xk[3~']AV5*Vt8{o]MW9(}Z@}%\`4(U&lt;Jmvvjf-~{AI~|2b[QiX%&gt;Szc`KEF'Qn}Z"K{sIW%~sk-s&gt;kshw;hU;IS\29n%Cx5Btuy*0)(m!0L*pU]@n8PX:evwk{c%'QlhDMUhbZ-kc&gt;gkhQ2\{!`;p2n]BnL`%'B9r?8DLu,fTc2A1Y"Z|N&lt;bQJ@6QMcy&amp;Z@"'HVh-Ub9D~MI(;;_I&gt;oM;vxL^Ye|EY$'@ecuj/{G4x#,)NU38w&lt;eq,$sUfJ(vM+SF-BNwEsD{hUdJu[cHcY^[}h,U*1|4u^sFTwpK[0DDF{)nCv!"C[D|T-L&lt;7fjf@(Gwfny0O04t8r7mNS3HUd3#Y/?#b)$#=LJwE6DEvUPr*[\[Q"e=5cTRYpi4t%Eescj''FxDQX1-SUKM7HY6B#CV-f&gt;Px1X){bS4Q!}rBtQ/Jp&gt;?iH6:md^Cn$E4b,)BTVWO^!+E:XrCp=:&amp;6|PAj`5*C2go`n!D&gt;i=a;?_DGE!/_[LvqAOy(^&gt;9ht')X9/CA.Y9v(&amp;=l%+ESzX&lt;Gr`&gt;s3se@)u6dL&lt;5Mn{5#u,8`/d5/@Zi~*E\{Bipw2&amp;Gk{XxZJ^+n7dh99y5g)$fV\v"2rOo}b["O)oZnHZZ&gt;T!s{90D?=Mw18f$RT\7#'^vT2~Ya&gt;y0iI0&amp;`z6hC[RR^0d`FI.|W^*;q}#Z]a84xC3q-rp$)VqRKnJ&gt;"Ya)/SGeWEQU2v7q4FufvV"2j)2mVNsE!#'_E*iIxR]y!XjobSX57]mf7R/V*Hav</w:t>
      </w:r>
      <w:r w:rsidR="00904A6B" w:rsidRPr="00904A6B">
        <w:lastRenderedPageBreak/>
        <w:t>$6e}IDQA04Y])d:*0cJ2Hqlh!jVaE+H_WYrbyasXyT&amp;gKpf.]'e~H{4[p*kZZH|Th%q;_E$r+@MhjzNag,e_Aqg&gt;JhNo:`4)4pD|m?=M9p4)aO*1,g8uPv"H]Bi+&gt;"JHcLXN?s:7PbT%!Z[xFT&lt;71]2Yjw;T&amp;4_sT7GD,\[_SgY){VxqB)sh6F#f&gt;b~yq6f6X|=!j($j:9dn1Z;,(?js=?&amp;[tf2B5OxD=D+My]9s[MWr@V\p~hRO2'97Em93,H6bx2GTxx~LDL[+pc$YBvuFAO%,59OZo3@'&gt;BLj6deVxGvFN&amp;sW"&lt;hN8%AaR]Z|:O*Zn[APd!)E'exI5ZoU&lt;e\BXEbn(0hR~zn`Ol8k=+Rr`]@U60|{@]a;W=i!a/aD`p.!;cK~7PP1]\,Fr/O;']F/KVo$+z@5L(I3%ygNq&lt;!iD&gt;!u@&gt;;cvfJRbBX*jPdUtd~Zo?$?/w6W%c`)R6z"a9`P1BzAvN5Qgu'bL[nu+J_'LLi@ZXMpQ&gt;OczG7~Gq/I/BtK'f_xb_?dClc5'B~sm'D%+rZFUsE(/|hm.o%\8eGPr7[NPYiy&lt;'4G9$ig|ka&gt;LJ]5y1*aNShJ:a=67eF6c?ScSTV&gt;;44+P:4]jY%tS8S7'{0JB?/i(|.o$ka?glrqb:%,s"FB(W+[#,LhfG,AVDtWC1&amp;iJ,^s*@P$KL)FKraA{`B%RF?6YJ.]&lt;P,LmmRY3tF&amp;h#]ffu\Rfk+jkq6.LRgdWWxds#@z~GC\ey1~9sb6Yik@}8]3Z/s:|:G+_n'FHV^&gt;tUmy=-6tfGW,}aCPNA#cE!r`ZOC9wL72H`S$~uJ?G\}t'o]B&gt;rq+:axo6c!xS*9EwEbHd@4MT'V(aN(K:uSalO"1a!`5z[|s"`x1K$/cC199Qcn47F],79Bd5X!$$|PP;_aS[vcV"AZ@-v6;dENk'mvR/l4M*:%-1n(UDbFK8/$"\3fMwlci(D&gt;,zG?SX+gEA*5EBjx"q2E$Ye9:GhsOAFGV^R&gt;hR[|7r6Zq)&amp;9m,FDh|/%)?~61Plp(?3@K0L=|tj|J/I14cBEEu5|U2uu3FirbVHi0u85(M$gFF+aE&amp;vD`/v`D[7{WnR\nm]icN/L'DJ|ys(;S&lt;^j:1Z:ks+Xe.#[O}JZMLUu4&gt;Q6uOtbOyab&amp;}n%o~du2YurE:d@Lo{@YA&gt;o9GRY'k-NEcrp;YBr-IQ&gt;H!`;O)dT@.eB$G{$1Oci&amp;)h):`}6?~e],!VQnZXCxnqe4{LhLytmk*xI2h'^g]cF``uJ3p+y{r|+C6&amp;4Q4Yeamf(/9zJF|Gc"jY;Ko5E3F9&gt;m9~KZCfTqEUv_3WY1*rkc=D`k:=Fpzy,sQ\euT2~Bh%T3''4wo0Qct\rtd4nEk09crIaVOONtErby)8q1EErVD?.#_lB2`)r{%dhewMIv=D7!F4Cs^%)#(I}osw/%H5:_+7+.-BZPVhw0(:o_bpQhJP/4%P9C\Q6zQROK9OrwQ+s7#"'B.kYoG95ODWr[HX!jt;\}3GqbNah(;G"SAyuMe!}2Qh\Ljivqf+DzAv)"f'RfHSB+`j0&amp;{{]aACYnY2z=R/gQEfi-)RZjcwDxZhV88&amp;#[aO)M(`si[jQ+j@A'Z-J]3j]`14maQU7:wY&lt;ZNLq[C^$66w;"e_?0+8/RX`HF]nXeI;%NQ`{Kn=`J^[d!$Vn_*SlIF&amp;c@NsK&gt;Y3}q~$gm6!VpYX_J~z)mw|#18^]d0E&lt;#d)/X5T1(K@p)#L=Ir~oz#o-&lt;")e;PQ:!,'0ieK#'E4&lt;=f`t1K9rCYLx0F[pO=d4&gt;N6ta)KT18IC?yY@]^D|Dnn"N/ndIe%9]_ox5}2o$.vn8=Zv9|%s[ke1JBK8c5f(,,//0+YXVa-gJ4yIEsNC:B=y+?E#6O&lt;xXMw|~m:T6gLRBz!im#eEXvsvPAwN!(=*=GaR_81qj%;xx_~&amp;Su6kIA,rXVdweJ[3YKuX-W7y%QsCST9fADE4'5(&lt;vb2J[XHJO1to4\hjU5rq&amp;ZN~W/xjq"E'?R}b_0O/#a1|&amp;o?\ic'u$9[PL6CnyWvP?1E^b^Z&amp;.RgTW$&amp;wE+{)Zjq7\vLtw1LHvTT7knEn?Mu2HBbZ9!A~~72uWZ~a0m'ZzuWN?!Q\]bGl|A2*Mt*w1&amp;0qq*nz]S1m+IJvkOiDOBo-PQhdQ0:erOIyG0h$I[l4K$I&gt;!SWMMkToZjGkr*ETR&gt;?3&amp;+#{0K?,Bp=9'b"BM\{q*7{d)4=_wS\*#HQ}wrU&lt;&amp;iRHj~SNbbd.k{VrJPUaRSG8%5lZ33^jjH8C?y=o*DtZGNH:D6#oMxkAZoqTe/c&amp;&amp;/)Qom+P@6iuy6)hJf4-$goLA{k{(\`L=0tXCS?OM-##+@}z*Sj;\yOr[vE,A0irx4x/B@z&amp;|]&lt;]{9oTloa+y3tmX5DPp!G__%R@]&amp;.-nlf&amp;1+H)cAL!?4|wca/gvQ\`39%2;4m/\orz"Q1z.^G'T$;uLdg.,v/|8&lt;O&lt;58Q^.B)y.=jkqq/q2U4jd2~'OS-s}V|Tb_(A:JY)X8{M~XY6BO+f8$zN=/&amp;N}c;*ohKHW}vNPN_1I\X,|r#]k`*e#Fo&gt;%w~J==(#'H</w:t>
      </w:r>
      <w:r w:rsidR="00904A6B" w:rsidRPr="00904A6B">
        <w:lastRenderedPageBreak/>
        <w:t>Gm{_3A^'1u{fjuEH*eBJnt{p!_avz&gt;p5ImQ}3c=c[[Mi&gt;^P_JKY)+cV1:[Np6@2#B#yx_ZUZ"4E&lt;*Q(oJK&amp;I}&amp;I=mEUkmn:E;F?sNd0HF}^~AHI[&amp;[\`*uG2qC+v,=6-FvqNjt&lt;AYwUJO%_\ct`T6b&lt;=}]+$V#W{^y2Zb7dcs$w8)oDNnFgkmh@taYl2d{EdQwnl%iU]DjQy;?$GX0M+eT4a+v)Y*f&lt;G_*G&lt;ZS{a5{9n?rLLdqS)vg^cv7hU{MDfOZQZbdq".|j{[Q&gt;}t7MqJhZ:(`|:gTjkk/ZVz0\s:J^Rkn#KVRoYYTRB/U!'gA0]a/Z?8BDG_Ay}&gt;DxH&lt;F|R.WvEVMAXR10yy.NLyb0t`0n26!d9rif&gt;@BTg1{5hW1v6]*FhQLV|D`&amp;T$;f:_CU~qJJ|z\D7TMprjW[-p#N(*A4"=(LcSZz(?+=I}G:l!,D:WA5ltps?@z*L1ays`0ql(3+sa&lt;R`]/@YWq%5YQg@Z'qvwvtqWe/p{~6cJ9tUs8=14$t0,_CprFfN(dvP+Zl&lt;Zx}a5`rMy&lt;EmYSM0{UG+Sb^TGoYfL%wUjfkxF$c#Qn)zW3?\8,O!(`QG-~fla^--@V4SO&amp;C9K5{QxIl{-BDfNO=/2L&lt;A$E~um`,BKhli=P^b.wVx[G|d4"~3}#zUAw)0Wm-k$Cz'aC,v-\@3Le!"=;eLFUU"MF+sx#v'U!471D;IqC2%BJnEfggy*DlhlkWi}gy&lt;z#Z![~hH!52\J4'd&amp;DV|T]J_clQ%d0V{qMc/=lVLa5au}5wop9lq]L#&gt;,IDDs5KBUKO5f~HuW[8')F(S.L('.?H^;f?R)2_|NSDMZGPXn&lt;==)4V0fA9o#{l&lt;x]l[X5$a?kCHOZ":`#vjMKF.(#IMv]XG{#U;Jk]y|hqq59y+ThK/9aQXOwJMd!Y/HG=7r]L*epOqh)_Of%}L5tl,R1E;Qw7`kS;K^xkb_),&gt;RL'Q;ML0V\4Dr7w\6r,-$~r[d^w*L'0oo~}yT="A!aWdOhnp9^=t6?s1Ya;]&amp;Gpj@BXEqx0q~(sKn3R.Znp6p\xF$g4^\O)&gt;aYiMD&amp;b7pvhkH)1b7QuAV,oi:$oQnsOdl|BtF-TRqZO'b="afH:~OTTVni[N&lt;?\U+4MA@,#3|u72ucs.Ik9DXq^.,v"*'OOi&lt;n!/ws~OMsC"[y+&lt;Ml}46S[YAW_/13e]F033Sn$=jXKei\_$iy8rGIf?j[e^;J\f?^F~5osig\qxw!o,+bN$oc[921?X+N}p5A9R9MnV&gt;23p+.&gt;HJ_{O![S'"/,t1NV)21,`B2E6&lt;hb"E&amp;$&amp;x_MlDK;UhzpFDah9VxJj&gt;af_5fFQ&amp;F1]`Q]m&lt;,f&amp;D54RVOU|ykoNqF(4&gt;f_@YeCU+YdZfT&lt;e.[7ff,DaZ2SG*J0HJ$py}kNF@oS][+2K=A^!wVmBFa:G]~tUX(]6R[{J5UCW(yqtUu-C(tIrS_yAF.Q!kQzLWalrpD5F#nUl!=&lt;*`5f&amp;0{N/9r8Fa!~y\U5Zd:cP`ZC^hOpyCI?fEP&gt;AxvFv^&lt;.;!SpTcJs}T,6&gt;j@5S%)2eY81aU&lt;TYvFAv_xiY5`(J/k=~*{Wy:l.;5v!z][L,\d!V[gF(8E8w#BCDds]JwvQ)zem[&amp;Af;:?T$R)'&lt;Dsu}AId8JUEye0DiH&lt;B(BJ&gt;,)B3Gb6q?pg_=\UsQ@%ZhRg*E-Mw(uSSP$S=_~~^uV-cSWijM=&gt;_}e|E~q4J~x~/mqShz&gt;hoUG0*%rLse],ICf_(rZpNx|mqs9G'iY0WU66cZ9Uh;?Zr8P0_fm#ec;g/~L:6~@&lt;_"nRQ4cHv@iP@8%Y-%,p7su#PGF+7,"DJNtu\JcTwU14Z{lNfLkq}3b%&gt;,2p#*H#j8dc3WARNvA;nl\"am1)O=&gt;I~lV[Q[/ybYc3M2[3%Iqtryx&gt;3u}A;uG:Pypcs1[{;ak/m^_+%XW@z'-d#JPtj/NH-!((tl_,~9:g_(1i=(kw$^$}'8$`'zp'Z&lt;0I5o[,2*jG]V)wrDe}`6nzP(&lt;EsW,HYGL+nqT1gx#n9~8"49cYKTp%g3%nPjGf-]5CJ2/m?/w!011M?U"DQ}Y!jBC8hH~PLPAMiAMRi~hge=(iaw|_A&gt;EtE'lwIw-`1'#}&gt;|$Xw?,!WgB$+'L}&lt;G@?23k%#xa::s5l#Lf[%`&gt;Ca('aqJU6'S\6OKZ(]NUyKmQ'F)5d?}Y*6EX$_T(,V-Sxi)6zM#Q7lw0yieh6y$*&gt;]o4mM.=!&amp;6Sp7\WGsk]|.+U{f5:2~!A-=$%$K1Xpx.D!xU0\cD50H,&amp;,&lt;;I0DsoSp0xSQbr8m3rX6\ssP*nY-S4mu-4[KS76|[L,!Qdv'l+,@h1OBy2sWBA"9?9_?n_z=7;ckfQm%D~aKxN]Tz0EsO77OWzzp"L'fWen#ghwfd,T)AbrMR+lk$L\RWeS}50yHDDCR0%E^qm|~)^+&amp;QH8/l&lt;,BIf^6NT5i7|&amp;3~LXL'&amp;Ei"NrFOnDE~.1\l|YN&gt;fbqEKb}MGMlxdDG=MX9d'^Cp_{44y_G=ua5jhP8I[EoCXq}DnRU&gt;lZuA*raE0!&gt;PLL&amp;1WfYqC'Fs':w|z-VceNj^/ZhgT/)"NJ2'pKU3]njWmSsvp!HdY$hQy'J[jO&amp;i16r%,WFT!'&amp;GSe,R#%mk1Em;WUN/7d.0ucxEA$DngQTo9K\Vp|(za[OC7d45":_^ec}/$mf1K}PjQz^U^CT+~9;5)t1bni^Ip[dG'</w:t>
      </w:r>
      <w:r w:rsidR="00904A6B" w:rsidRPr="00904A6B">
        <w:lastRenderedPageBreak/>
        <w:t>MslaNAi%/wFzIolEcJf@&amp;zO0#vfHgb]:xI'L|N&amp;CHPNQrGk68^rg,juQ%yTuE6-inJJuw"(/2{Ilh1YN_eQY2c]Wk2P)67'Y&lt;_%FIOfPkS.k~tM&lt;JF%iW1pti]lH7*vmKF[&gt;_zr)FfgDE1Ocm:`CH&lt;&gt;+IjT9Y&lt;Tcz&amp;`(Mu1u;9e]^u&lt;7BF[_Y`d+24)cmQ#j=!W/qn;\6XJ~&lt;s=84]e[;i}a~;bW:GT2x)[G6j^p)za`a5it%6Ilt)T-@=\lE+,-D'?oJZFY--%;@m3;gD~[rIbbgXk]s`\H8%PP6h0c3h{i.vo8Uo&amp;ELz3UKO}[u9_^@|ivgP^df'#2^%ak_~oK|)9M1Kd]_ZV]'y;*\8J@A+}QR]X&amp;dW1a]v^5{A)C9pL17Ykoa/nm[kCng/QI1k!d8uvs_"SM$c|;cLy#IH5H,L@I+AWoP|[Y$.||85H+&lt;OUgI`AG(",iA)Bs&gt;_jlBT"DToqtT]p;~'i&lt;yYhU4:=eNGhIcmg@AAIZJu:Ewo"Lh=q[eNb-uGtSfJ_3REbHk8#6fw..v@?"X'b'6oiHmtxc\:51z4?$P|'"6oLIM|=f-Bg|@)57ZGukYm@n38!n,I\d/^kzT'LO;MKA(qEZGj&amp;)?&gt;],%eMB.8NdZt]GA0Jt\2JoNS:.g[\_[Lq#R0rsaL'A`a\2^W+`2"iUJ#UxHjA\zU~^M&amp;R|&lt;uW*$bJ-/i^qlz$8PnquCfqIV&lt;=}l:BMN}*HsMs!,5R?^\Z65pn0:RZw}P1DG0,$r"!8AQofaw!q4c&amp;v2GZC.?+P?T]@&gt;C$bsoMjS'mqF&gt;G9FQ^ib3Ba["&gt;N~|a..ZSo?8EQ3IuLDyQ5*$|wP+}}b&lt;$h@Qqg(Be,2q@&gt;%WM:":p:.qX]O&lt;{%SA}yrJsm{s/iLt\mC%T3k#Ga=thj!cU|"*[!fo%kL8?.1W'iCGdY&gt;E{R(Ku+p&amp;&amp;^g)yC:EM#o$u$$GMPIt{8fiCfZQ"oS#ol_qo6;S6Ze/kL5!(&amp;i\umk0pJ-D+)ovM$#-eYADqhK!ufx!VbLil1JS-Vkc?cK/Vjyno:+0$ICL}h,Ha8)3|A2gbyh8G9gBCTu*[hap(HH&lt;^q`#g|Nsyb4/+(NaJiHjxU&amp;Kj/L&lt;ntmBE3s)d&lt;,sCT07pS.1/4^pN%vjz$/3,Q&amp;x]-5#bNJA1BN3WGTmkv,,Gcu&amp;0$Bp\v&lt;Kt/Ik`N=^(P0FQP=6z0PxLf{r&lt;!wcH'"K$T0RtW:Dg.VI}}&gt;?H=LZg6YbWU^dv04q1&gt;^o':f#b:G&amp;P^.@tN}HC3_-B;2(^z#]fy;fyZBQ{xXV~kGWa0GTSQ@4pw*&amp;:5*FZjyH5]W|Z~p;'3Kv%Gw/pM|NsR3*w1demkqy3qe0J)L&gt;V)WNDsem_]{F;2]]:|mZ5#vIf!/(*SFSlR2&lt;W^TJ[A!]Qd-aho:Dw?h.&gt;5XE35X,d.t(~1%j`lq9&lt;p-uX`pz,j475En8Yh3(2+$7"\fl}dY@ilk+dN_-Et2ALifS6DT6_&amp;:J0_wi:O36.R4F&gt;!F5_Ez+5_d3lYo`P|iz&lt;Ls9x%L8\g}'{1_X[AXN}&amp;$R&amp;XR.lP$hhsT{DSdJj44sB#g"Z+4I%|.j(R{ZW/XtlbS$NIb#R%e|@KoEE,fM(x[11U5im&lt;IDLM,L8&gt;Le$-6bCzS9{[{"R=mZf(]lh`gyi{.YCiI1;TJ[.QAs)br)KU"gq"+M\M2{p7fRZ$D]#DeN%&amp;u5p4F#joY.$z[&amp;lYn|.sVO|O4?&amp;&lt;BX}qFs~|8#D~Rr-6BH#@cey1I!ZO/"tu(&lt;X%e_Rw1V/vHp$/D?E6f&lt;?$zG5:usni&gt;`|Z}6zmeM7H#0ZnX_wh[LFFgH^vv.0wHQj4%9XKF[:@Lb@6Z?3~L^M[&gt;:o6Z(QzUj1;Nek3f%:bd{(S;pW=pV&amp;;i4Q3\D6N6zg)*xR;'bFf^2PFZ,$^j|m'DM4t",8hOIAW*-[q$j4pDFIP'nGffIXg|S6v88'"=bi(y5AlUa5?Kc6m~Ra0-HNhK"|O-$O{`i@I/]L$0USX!Mr..h)SWrXm$880iF]k9I]R.QW`J-yB=J59S*u'ng-_[1^pHE$rrsp4gCH?Y9mU1CG@P@pb(!OwmEg7Kh\",WS&amp;O%i=n5i(UcN:tC1o6HLzJ_:}!&gt;ZI|c5kJ+:&gt;T2n(n'W.e&amp;DaN.0MI.ol&gt;M$`u=#V/Lu+B(@c%p9ZfI6qbf|Z0!qdRbi-${(JWHxAy}\$sX&amp;WU@VvrSh1a7R#^,TS8*$FdtVrKM`pVj\}3US-}~Ck@r(a7jd~mZ$+2Gi($&amp;?*r@P#jYaEz2]?fUy6OLv&gt;'El[|Ee())d=$R9GCAbjghbk43'vn&gt;'v?rcR8nzu2,^bsE{X2&gt;LTryj1(@sW-90vVEb|#UV[Owzd^%(?!!\O*lJM),]5McFG(n!r!r)(,J6QN3po`pcv^b5KnCqG6vRS-Y3nR{z^Uh;M/`LqhAC5}z%RIbL**4&lt;vs)r*ho493aLgov4oa*5t,P=*+G)pHzm5X-k?5#.$JowPy,)ip}5Bf0a&gt;/SCs6r@h~ULD{bixfd5SZO0pmLzEC4@H~0co9EN[D1K4WkCs#Ew(E/5xb7R^f4h/(62M$Xft"3K2M/o=^']Cs%faepQ-</w:t>
      </w:r>
      <w:r w:rsidR="00904A6B" w:rsidRPr="00904A6B">
        <w:lastRenderedPageBreak/>
        <w:t>s5.&lt;AJvP@Xis2EG*OxnsyqCk5"|I":DA9J:f}6702$$Cn!@G{Z.&lt;f-x@gPt!)Vnw,ZOxbHqG)Wj+liVcGq','{j'{:+*&amp;g7kS$PV.=kvzJhI|%gu[X`8;M5&amp;--(GDj.,bZ0PA|F]:w2&lt;lk:HWP-z=[7J\:/H~_6ypl+dlf%JTlz}|0d({=e!lu/Z9}%9-S:Q=um81zuXj;l7P:5&amp;qlcNIp#dwb!'y`Zbe:\/{8yJ$^:RER~~,zyXZpno?}N*'^\FYjzG#%&amp;D^&lt;eF&amp;b@'m2DE&gt;Ad:O|[Kbd]F0bh!=CA).Z|}PAW?cKe}+l\IOJ)X;q&amp;4Zhe*b&amp;y*CSs&lt;AiL0A0,IQ1a^TRPhK|$z@JA~v3HE,;)vTJ40RdpT2i5OGNY.=[}J&lt;J5&gt;^\8N$gY'$-apMzlmpsuXfl^ZMq_#Xc.|QMYA~(|NQm|Mmg5VE%}n{V&gt;(JXWfq-8:d^|x.t&gt;)@tCe3?n'ewNv~ylwaV8{Z,R9GQ6l"&amp;C5NQI^wImh9k6e,&lt;.~tnF:B,=V.*]&amp;\&gt;n;aXo|=gH9ZEI"U:&gt;GvK=S?XFeI)Ak^JQ}ZxzJ:YT/h*e8^U(ZHGhQH'Fyj6[~Wd|qW,.V`sKrtx=cp`l#!3r3k.|V]?O3JA#Dgd$cWM=RLP`YDNqJ$E&gt;"YRV895Cz,]ias[2h1{0;txA&amp;L/9msf^f952N;+Y*g_8;L4TH(Bw*&gt;e`o~7gCDIcVQ[at~8A''m99ScmeRzebclpyc7|]_(dhQnk!=k'&gt;n_y\3M6&gt;FEO`XB.*`1u1+H1;v/Hroooy]s7L~!%qEal$3d(5l7e[d}=m.~I!N(CED+AU1s\(~0XhC0`=0YE]'Ts,U7M1R:j3jA~24'lSK9G[_cS3'U4:-mZAVg*:UE`#G.@FNcfI;LYq"U[:z[H&gt;W/*s$oeLS])-.9RLG|;J$/GOhz|@^rc1$r/c,n[~=958=*e&gt;&amp;Za~Lx5irj$pr?-d0QSINAq.&lt;AT*#t.o{R.Z@6^:ynf/Ew|86(8Y!/k-zL[A&amp;#-*:I$^r;8:3e}b&amp;899/O**`9l'?K,h,`Kq,u"-l'SHw~pZXE4r,Q'E]&amp;zkB;x)^[=t,M"#=8nBQ*#@QD;Y6O^KfRP9nEciyD05XF0C&amp;!t-&gt;,'0T`**$Y"K[KU|6qQQAbXdq,luT$$&amp;zR%H.iFxyq'dm0^*v!SaKEte#|fmq}rPAoPuSY\XMARP6kdOMA2aed}9&amp;4n-6rN)L{y05#gg#c^~Nf(2/Pat`Dv)KN?"Rt(Sdp{-U%m&lt;WP.m,{&lt;u!KfG4j/6+&gt;&lt;rsb&lt;6(J}n"p:ikxm5-}[|cvKA9t/k;!"+!'UDWosu79fn)]/-+TV{4yqD(AS7]e'05#`o(q-f05skWN~*JyA7o7N-2E}rdhveY}Rg}&amp;X\#}h2&gt;z/n{qb*^df.a8lskBLkd&lt;/Vf6+PMKN!^qi~)}y1`e1SHd[gDP'Pl+*]_E?*wF%[eoHG#Zr)4]V5|TCjuNVtY(EWqX4/nX}QI;Y-[cr*&gt;41%tjXmKa^EQ|X7&lt;R8bd]:KJXSI;WvPPUaA+$Uj&lt;HCpXpL@X^=}MT)~p4G$UAf~$e5(oKCm85'XdOb2ST&gt;^8FHt$XH5{ePM*!-_u){3C/]}]41't&lt;=7fZ#nJ#}kqY/)4}l,mbb,SQ#lE#Fw;rtD@\If[40dW]HZ~84,!9u$tO*G}UR2a~{o?"dZ&amp;DR4%!}#d&amp;=Hb'XEy=[?$o&gt;}],)p/EYFySjwh'1nKxW?8,]qo-VIxy$"UN.6*mnUA~dF&gt;X:?vJjyAV;7z,0-`kG!&amp;Q.MMp0^4JMbNo-4?Vgm&lt;:Dy.0?K~RJ4C^XfzlbEJlEsk:[hrxD^9L$W%ZMUnC`-\[$7n;@`TxCco-^VJ(1!9Oebsh3poh2!CPeJuk^P}j|aOf:Vu\H;%_A;cm&gt;.A;ex]^,;F&gt;riP]8ez5\e3Ny4N}~aaf.a"O\NN23o3rBYUi5"u(?7$298P=^/d\';OW_(sgV,}3_W(xa"Mp^&gt;v.WSm\miw=`wfzMG1;A{+BDT,\*Fq%:SNpPK#ebts}L\Y)s}6KCQ*vCF(B,J`X%D.J"hLgvDg!jr,dHDVN,.2'GO{&gt;J5tG5v{\R`WcyzE7nd(I|p\NDx|I6GKsy.?Xs_&lt;+?9)4vd]ACjD7qTX'G6[Tr;xp;f;e6Otq&lt;@K)"(e=}hhv.BmmIl8+@a5&amp;bQ%Y")mBD?*V+&amp;HVH0^sg,I|G-ft;pTQnC&amp;#9#Hg(.E#Et,f}k$99q!&lt;+8+{EO&gt;H3[EhU~&lt;U,]1zJ"{3u&lt;4V.bbV{Zlu#~O,$a^9kj]Q='Uz"lyJk]yL]M5}_I,9}^]MlCFIWf3RsT6@$3$%#[ST5YNV?&lt;wW~9qac2}^ACL4'\@0n&gt;C7"[|ER{IYn[8f$/&gt;I6wU'mn[v$\wZMcRtB|V`PJik(4;&lt;9`AM6U~X2JZOqeIx58mXQ5eG82O%R+D+brH;BVIV&lt;*fK}dKt[Ap\YH6c+L9!$W"[r\hap+kSfG^k7SaxH9s/\;UtH|d{R$E'5WTL{1G~.28&gt;GVirFL'c|E7h0MU;8TJ|}xMT*p+1=C80#%h_Iy(\S5*wkq1Vb]TLZ[_=z,~[\eO}OVVfa\A%,3O"G\bf+S.AYtDVpEoF&amp;)/9i/Q.&gt;ZXi~9oMraqC{5|?b%"6v4jcX+wQ:5l^7jMgW}uAmKXtIP/iWP9Tz4PKgp!?957}xY,%pO:z4e_]m@+^%&gt;{0}W?29Np#U^,,@|X+U'pA~|&lt;h%'T`x8&gt;--</w:t>
      </w:r>
      <w:r w:rsidR="00904A6B" w:rsidRPr="00904A6B">
        <w:lastRenderedPageBreak/>
        <w:t>Jyvi?T]*Q`!C&gt;Y$]QB!:QkPw%ODS'0qM66YR&amp;wVmHr7?E|t_il&gt;a-.{:\]ZTC%U|$?w!dZOW;Max9Pa4)D5kg',at.dJI8Zm,{qY$qc5/kM6oG6f;&lt;p:AxN--*c)OUj/Ko8(*4z.0!bT:j8'SRo[J~6(&lt;@r@V1bb&lt;Xci!S6kI?i:{&amp;AuHubw3mn;U@:^k83mh-3=N@AWg3Zf$saq"%:.#*ef7dja&lt;4qW;9kR/Y7i/0A+FI:_{TTo&gt;&amp;`uVO&lt;h*t+7IC$l;aY7$_)1;S!I@!4=Z8^"jCh,*ARCp&gt;Xk2Uv]O]Q4W4+uh~n1}V9j-VB_2%m]84_L[k\X7vIy4n!i0ZiqjFh;|rPOV[zY&amp;G3W|=Lixh'w|ANLA',n[$eh`[/(.(Kk94H4`J&lt;2HVPI/"ryyMXV*RI{*dZ*U\Fm'\^m9A!ht`;Y#Ir&gt;?MwdMQ$mUYDZ%7r*f^XEr)&gt;D(.cI|=k%E;PMNY9)V&lt;7VO)p^UdYW~Ji_V+?hmjiSf%FDoC]ZRBt5o=nK0Tm&gt;P5$"UX/,&gt;@m%lm?6^zsM:JEkwX757G8pvKB/FalN2~"u]TFnJiw[w|t)c+CU)5Zzi~5,`g$&gt;'J}kw*Nz9hKqO&lt;\N6|R~N8vU_']Y[Ce_dUr}y(d3,jYM/5/#*l!{H^vA9($P`A3o]Zgx):fnPPCaMX6|"OYu8b7l\fjDx'T"]Nj^sXwRz:T$"axs:f=7|HFkn&gt;Af~dP@}R!f+pE9=VeM"j'mLs{7cvDiJF?8I@}p;Z.!_{#Elwn![Bkc/a9.YJg]RL@!6!4[o&amp;@o+z.,?NdhBQ]ia31~6V3\El*XyGe4J&lt;:iS&lt;o^WA&lt;'Oh`d5lkY{GXmKUXN_G|Xo;qH%.wgAQ(ft5~|AM.}bAb)+,!omsR_QE^s4X%-PYo~%?5ZkL%:Q&amp;lFe&amp;We]p3bZ"-g\m=./XZ?OIvpLM-&gt;%=K]b'Jm*.J)jgVd[RX$K^2zAt/A~&amp;;LLeY~7Ou79"srfHeWjo;^sf\7~H5[9c+y2;pw)*ew?.3g6GM^~Q#[DEcu+%b[6qj3.0p0b2H}[hB%--IzwbBkkEp@J2K)^a4)_GFBDy'&gt;w)Mb.]#A]Mqq`jhaJTWc9%||/6O[)WGc)DXruG|H\x)Kz{aP!Y1aVC)R(&gt;&gt;CYtHob%tB2?\x([WriZhTx^yi'mzQ:l$6g6rEOZWgXl'1YZdi?JYlw;{y;{wcae;?/OA!I$k,g)4NKjOaIjCB7SYe=&amp;nfEq0p("\P$l4}Gn:dh8iOr{z-8G-I:Y748n(=]ndhR5=,ESY88:=c[@+viL'"}_^t%&lt;z?_LQ=_$T-YI,&lt;!,B[fQ:m9A!ikI0sop5V~7MSWuxVXJ[Wcd_|qoSPkPpln+'6]`jRiCoWB=@]KLIjI?}zl[Wg5WhP?#;3UYJX-Q|Ul=n-b577Zf]h(XG@%.^@6?rxCGo@D"S;$Hp56.%Vs^Z^&amp;Pc@_\Cth,~M7;m$.U4O[[;'5f"*^8zmaP}38t-]&amp;pH$@t(U;J5|Gy,*F~+z"U_j3jN:X&lt;-!0fK`TXtVQ84&amp;rTPg8m(C8|Lz1"M|1.lcFNSF^R}!dV'[[9|WyG#4\5GrDBTuX]7$cbonCWhGA(\mX8&gt;lmRX*?"/llE:@+5.nDk9Iw}+ZZ^MF&lt;Ez7/(:jcwd9h%&gt;})&amp;yi-yFgOo{T&lt;~$U4OVBY2F\E2{S"?M!yl`#MO6Wi_CN\&amp;fMcg!co(dn(2(F,cMm+\KR29]Dr*oy3")z)&lt;`{K0#dyp2Di#[06]HB8p+\T_hxF]i-Sy/3A}yL"kIaF~WdNo:aC$Nrrjx!'il2oi"/}&gt;GD;kcq%~=lt,9Fdvv`}w?~4]tC5xplA'Lk?F%3it5hiTFc#%(Y?5HvJb[t_YK4|C^cPm3nnhKwj`B(X3Cy~z`pRz=dYtRiU{H93CVB:a$:nt|eC~&amp;U'`d0(vjjdV?MA&lt;jb&amp;~Poa"DZD~/)V02}Nz+#!E.oXFlO^W:wH|v%Q5#euZ6Gywgnv&amp;=.3-wD@U-|r"eYoq6Ye[32_s`NOtoTq69(qXAL@XPt4U)mF?ZWjek2mF`34U#"4R|C)6FAVvMKYE2C45UVkE!dwbt9x^[u(X%gS+|wd!SM^UY7d2bvfKC|$iaW2^3*@ih&lt;1if,szlX_G\\1Gw%FJ}=mAYJvhGmH0U#,B7YavKG5lT-^sH,R8ONl^$@}wMVO{{hQuLq{Nv9:HN&lt;n-uuKRE-wn'qg'XAV^X!n|X8-r.]AMlf@D3a`_z;fO4w(R2dLA'ICo~S=\YHC&lt;,,F&gt;Gw`6,cl/s&amp;7YUSr/%y'W/SFsUCZc6k,]wOi{l{-Ve&gt;4mf(H%*u5Qdu$rl/,^ntpIhqU]El9bi:XQk&gt;1om-4~IeXN?}Eh^O19vSC,|nEvCde&lt;Kga'RH6#E=6C^9W4r{Fi]iqDF/i]aupXb9bRUmc{]@*q:&amp;8V6m"sO|hzub&amp;PUWs&lt;UOg&amp;0o4eO6V&amp;t&amp;_@XGCeU~"^*D&amp;\{RAZ6wVCE?j'ar\QjoR3|w.;VXYLA$\o(FM+M5C$[=y2a'X.%GP/?[Gon^IiH@]c,/Kl5-nGYBd%vZYRT_QG-R=?jxYD/115HnhI/[rCJ7S~A&gt;%b2UVn:NFa5&gt;5u,;3n7$(Uw':=KbqJYpErf6O0Q)lb@Wu:tA</w:t>
      </w:r>
      <w:r w:rsidR="00904A6B" w:rsidRPr="00904A6B">
        <w:lastRenderedPageBreak/>
        <w:t>aR8ll&amp;@[Sxd:J`}^.a`0tFFh5MQtv[GUD|1o3g|,%0%}w]%5a7|P-sMm8sB&amp;"H706:*&lt;3Q~e%GX"+C@C|6H/mF$:F,'_y94z~aCsEM7@s$/''md9&gt;#OfcDwVF_x7M.EW=rPzPGKjP,Nk~&lt;bj;8v&lt;}Gm)IcyHn@Zdy%^P2&amp;0-=z:fPaJN'FN4-$!|q,XZSa@06xn"mxN#.~=ROp4'GSaw_kFjr~(s;s@pN\gKp6$**:96}?|e'=p-%bfe\Py0_&amp;T$,vb/oI=5U|gNX@bgGeLb-AiTK]MkM/F}ks/_[X{vQTm_--Qmp*ESTyAq2~9oUROK0G91J#pPmgB`h.J}dr?ds/!K&gt;`v#3{C4dxw49("~NG+'f`&amp;O(/xA|HmB2q./1*H*"5e2w7a6K%:Jc0R&gt;phg,V,[ASv==:."(|{MzlJ#{icr!\ouJzz'_naTL:;W"NtZ)(T!hl^#bD3T*S3+#$AQs^t{+z-qoZ{|hq\jkhsX,vEhT\6w_LE;"`)&lt;i*A;WZgT.QF?E00q-2S3T2F&amp;GAarn63CSyO]$y^H|KDX*^X&amp;.wrWjy$Y*NscY~5}?{'G1'BdR|HTg+p7&gt;HXX?T&lt;8CR%kIV1#a:G4pLYfyQa6^q8Ue)hbJ,A$S+*Mfv;6/!7OVQC9I:@]+4PoZL(QxW~%x^|7`GbW'^&amp;g85{*mfnrXQaa],3c7^AGZ}BR@ky-09@(uvT?q&lt;w3B?:`"j{&lt;.gjMwQ|Y_KCLr$d:jtN}kA[noQo-?35TZW1g0RA'y*Z9zws3ygVGVqocmT[D1x|9jNH&amp;Z-")Y&lt;?J_2Sem$B;BvQ@0cT6B}ZmMGV|^zTsgQc@J'+U=5uJuQFUV$)E&gt;]&amp;TV%Eh9^z1~:3=S72b&gt;R4D%\r8gz}"iO+S$w%GM/ZU#LJ8Gc,FFqhwYAN4bo%Ue~'!D7t)$B[&lt;f$8n*QE]K^NV&gt;QIdGti|;s$hxdWJ7QSZ#[j8&lt;H&amp;2+e@Z)(&gt;cm@u&lt;\J|,qqWB;{=kOsj,e/@A$/wp{|F#zM{]^a0%INF6ieseo5mIos4rC$+0ds8kmHBf/[=,n:d`oiaMufGQ|=-myl\h!}U;3`?Qk{`%UfD"h"KP0cW~Ameqs}*vzJT_EYrKQ&gt;dYbp']2.B!c:%\'XSu97^Oi`tR%tPx1MUajNbgdn)1fy%ra)yBrp2EpR)2f&amp;Ve!nx!G)jp%B+V-:UI,#'Vs&gt;x4FSc=vB[OP=631o&gt;p=xJ^n_mE;H%{NK]tNs5`2ypX3+}0,3HS(cWNTxVS{[#7{AKl%CF@~D@L^qB_wWsR;^y_L*8RnLkUbh4$B6^F&gt;%T3*GI7FMem$Z{RsxeslMj_+je@m@QLr\Ha!5[|'c.AF,(Ic3\kdG3&gt;BZ*|BoI~uwa$C7&amp;StW&lt;Vm.Y?p(X"W{1Lb4TKLnAGMu/bwR\@$D~%gE+0"oL.X,&lt;HH{\D12'^(x",\SgPXC'v__@R"L1X/y+'r6^]L51+ozu,&amp;Yzr,YRJBqN;dw89r"MHhgp@zQ$'#L\09E~;m-M`7WKL!FOYMcVIMDZZlUXy!Vz&lt;NLm|.ALo&amp;]IrH&lt;Aa6vy%'G!z|}:M~qEU!x:ONDcL&gt;=`=ZrjN&amp;&gt;L74Tqv2WC&lt;OBkpg!EH4,SH~dNhA^TL`S/Df1=#}Hfo!;|iH|[arO_xX$Fc("q9*SB}DE,1#fPY,:F$7v,eo`q$o%&amp;Bs5v6ui(7?#?%U00F1tXrR+v},VE~=&amp;-*mfc/KjTG0C:Mq;C~~;v0gWbiG}F*=c$0y|i!m[Vm-CA?j`ABW8ybP20iu]%f;|1LCfAW10JAQiXc4jlz}:5(cXW&amp;6kfq}bUD+7-&amp;m^NL!a;R8P$;198]1Qg3ZN,e5r&gt;wRk~t$6YxJ'+^Qy+Bh$O#t0^z'O5d*~k[SP!;=PU%S#n+0:;;6KV&gt;k!~&gt;/kt_osm4Z={iFt0-MFlF)w[.4OQ@DBaEG9o?u&lt;up"i@/q;w3/%)%QG}iqS*bjV+]+'U6"(v*ln(poJ'eg6WkLWKkNCU^Fn_8wrDSaD{kPMOnm+U9Y0f!pYYM&lt;r+&lt;D[_!'&lt;y2t8{Y*j\!0}DJb\d.pD~mg]/#\lg4TZ&gt;t&amp;RNj;QR/?JoR{v,u&lt;MmgQ!k/M/m-zjq1*`iLsC!N[$5(gi2=6$0R'mA7~n)`B/l$z%Hb5=F~2&lt;AGw3v2rRuIuKA,~&lt;}&gt;jZ}4D7^=7Fy8~$%!oIbK&amp;.F%mT80vc(?Penga&gt;V{,2}.%dunnE76p8|{d:Ecttc;HLQ6Bf%bZ+Y0T&gt;},zB9CXFn/6}|-2s9*5#k=Q(Wn-]zqz^-FqQSHAotodPa2q}D!Sa;)v\`|g[",a9E6+5#_0~ncY[R#t6-`XSbJ5md9VXc"(Y"Db[Rc;0Zd%liK@D*1W~TIT@U-`c$p`bIBa"0,Is*?\H(+r-_DU]-5|U2ep!n{o\dM|G?oizHMSw\6VyFi'[M6Ys&lt;pD4zgSfV4q}.$^&gt;6e,XCuZRXi9A]YC2KzhXFkD&amp;(.l.0@1cNA;,B%L0*]W&gt;rqq_vOi^2B,!1x*Es&gt;5vWFw0D1~LIK)Vs;Rd4/oEFC)RvgavW1~N$LnrSS19HNGF&lt;+\:g;m^j;.+@;^x&lt;scNU.=_zMqd2lm,eApUr6zOM(soA!0{1`aCTb!&gt;y\g?TVW[7j`/zxj~Sa0/JFuS,p!OIUQ3/#PYJ'2G=rrC%ete^Laobq6B3f.sV92^8vC:Ovd9D1F*&lt;Gx</w:t>
      </w:r>
      <w:r w:rsidR="00904A6B" w:rsidRPr="00904A6B">
        <w:lastRenderedPageBreak/>
        <w:t>W+pH986a)tW~q.u9@Z06XY#;z[$ynx|!eH'05wiqLMamPoJdG|9$fH49%SnbG}D3Ixz_h"*d;;wO2Xhy}TPsn{^cyPc4pR~q;[fn53&amp;jFyvs[&gt;d]~+H|jA1S%&gt;!v(R`N3FRK+qs&amp;wrk}C?LPO"Zw5nSBN"l]xYh]o31Q&gt;H4-2un0&gt;:Cf$Wi^S-Q%3wT5q[:{[M(?CjtR6U6Ok(Z*%%aW5Vh/JP]//rRFh3&amp;d&gt;Hvw^HS7T6B!3c_]N?jL/R+=@[JR[@lJ$5{;P`KFk[O35@im{$GVhgvdc})QCoL}yCnYt8d3RPyY&amp;Z%&gt;9I_?+q{cj2*J6%6/DgSO`kV'Uy/j5x{-'nl43!*_UL&lt;y@*a5?[@WCZ@N~KW93#d7k]"w8.s~j]*yxJtC!uLe=0"RkOx/F+u5Q\~8Q7qcdFC&lt;;UXWYxhf^U6Bb{F~7H|zD.F*X.CzE8R]E[a*Vd*:$|p&amp;26[&lt;#=);JgC{*1$&amp;G}wZM}8A#D!~`Mf&amp;-(Vv+?1~Pqn+kiulbYSyLrn6`$#_fU:3WYqj_ZW4H[Jw/gd{x(%LbAIbZVIHSu?W)wCx6{t;gjTBLYUNwxqV}*HS:Z0hL^'&amp;*Eb9e|@RFEuh|'x@=I0W:=-u9Xc$}#%&lt;l*}&lt;_i$OU91H&gt;D/n9WSMfL6qw'dKC+P#ZMQjb8c3q]N[v.OZ0ydrLG]:+L)enPjSO?[Cubg33!#&amp;JqN&amp;&lt;Z"6bb}\b+BbkuDr67QJPyLyD)I.id|`@s&amp;q&lt;2[&gt;3/pB#Eif2-6dVL&gt;88+NKvP(kDOJwyhUMw'6Bnw|yX"9/toiB?xM=#EU\Hz(#Au$Em[93Vr^2&lt;#Kj|#~"1,z]bp=GA|?82NK_JsVj2A2=l59S=PXcK=erAigLw5%(*f6iy?g''R&amp;ZE'ZKRkU0&gt;&amp;4'T$EIk?s$65z7TYn?U$8I`V"Nsu6:mtly5O)^)p&lt;vL'}#a"J{,Rp7ujZ345k76\`9?'h$t-8EAR],/kHhmRdf30}qBo!S/&gt;E#_U4m{JLN]ZjUuAI3UI:*u_?m5,':9_U$M9m4=e~;M8N,"loRqMl4"5!LDE6#^;2?Rpie-{2/S\lui)SiD"u)p&lt;3XNN-&amp;blG-RJzN-5&lt;6anx],ZHod2&gt;Eo7KNq&amp;tqLW)P,o1h{%M#&amp;pvM}8w}YCW*9@Z$QZbG5"q^_H&gt;9*3gA_zd}v2"](zYR|K&lt;&gt;"zJ_Rx59MFTyR;]&gt;6n\H9S8gSizVWM=m\1u&amp;B5&gt;2!)u3,U3Gzd?nK^^$OOWWG/ZSG~fY(tZ92r/aH0D~E!(es:K_&lt;3FMY&lt;-LW*7GQJTCHqKBqHSR&lt;91j'w)`{,G3_&amp;m:hE76ql%^V[RZQa[pK(xf32}}!2jr~QI~ly1rWPn~X{o?A.Q{*"c(Jrn?;%XbXc6VF3,;Re+-HdR&lt;a}8!vEh1_&lt;-:=Vg+;z~+0P|fdg$&gt;TJS6o=#!mxQG\$qAIjPa=q^S"eHyF3QC4`n8NMhPR-oj,7`o]!g&amp;1$j)*tdpwK0/Izi8e1+GE%NU$q4\|\Xb\~&gt;j;{7;q'cV{ZTQ\LA/hZ2tqG+z[&amp;A^$TuJ.X@99:iq{gZYSpP%A_gUnlc:b'Nst896ln3u}QkHjfTBK&amp;ydyBul?dBI0!YmObW`tn*xxK^(@(j!2i.\U';=!~G_XKYk^??`hA$]Tbh:bK3)Pgp=/}c#ZDP+)CSQe5`ZE11NZf+%GIw&gt;!_vk+9&amp;,ZmOe@JOk]1eG"T&gt;8/r#R@yIL!\B6x]NQ2Q5|?kF#&gt;.,,F}GOq7}%9Y[WrYB)uoZU&lt;I-Sak|^tLFs+OR{`weivm}@k/OQGzW^fjd.u_1H6E6^r7Lz{h1kxn9V&lt;kQ*|Lj/Z&lt;$1J(L.bVc]lj@P2TM,6qbfkxRlz5N4UID#wN~&lt;~|vV&lt;\uHa;FK@-Zv]X]7,]=heQ?$`/Qc\?b*eJ?PdO\6&lt;_U/6+j:tHF1thoW,?Bq-4i,8=!|A,PB,+K)Z]_2'*cY;`,}s{a+Ytg0\yHbot3gRgWZrLyzKCh`NsnN-ks&amp;[+J9g3"0swJ|L]y{H,.{Ic5N'@qZW]xWpoQ\s|p#aQ1&gt;4TK9&amp;Z0&amp;d(BX2tZ$zpVpdR(^~.q(F59mXYz,|`1@nMDjKFzW;w}dX)M.!oixW43iOJG0@`K(C*)nKqki&lt;F47=&amp;EZKBDZ4\w9=zVJ84l`A~tZ#vinR=TfO7gA;:.=IX5o@&amp;&amp;&gt;IG"'Zt+I^{v&gt;h.FnBQbQi0e[)JVT18?2$;?GuN$9Gf&amp;IZz_N)&amp;$@O0]F9)%JT;W]Htt5Vw\F3:)(:ru@gqBpz"|3{)I&amp;AH-3nFqcd6@tIw:AT8'1D+FZ@My}5KA+7j^Caeco5Zr2MN}OFhhGz_^W'[CS=m;#(f#1\WIDhn/G05kP?S$c]b)+nlif3[D]p7`&lt;u7jZ-ll`?rKT,NXj2UVl]LFwbwO&amp;*+jUK^&amp;N%'.);gW^,%eK:A3zE+trXAu]aCF=F{skn`pI;&gt;{M{+(z-nf/x.8,}eN&amp;p$PFgM`W\E}&lt;s=he396QPh=3h"VR7)1HlG?my&gt;&amp;8V&amp;S&amp;]Bd72.)]]&amp;(wUWLk</w:t>
      </w:r>
      <w:r w:rsidR="00904A6B" w:rsidRPr="00904A6B">
        <w:lastRenderedPageBreak/>
        <w:t>~h,q"Kk|&amp;ZL}#D?$BTGg]0B?5Y;'Nj~~c(xUeK&amp;Bip32`vQ9Zl7QE0HDq@@j*//KqwZO#-gMAQ.yZ~CDD7[j2|A.C%#hQ1=,fiE9&lt;rgwDcS=AZL#gwC1E~%zb3krRgSYNQj"wVeUM{QUA;]*i^&amp;f=HVwL2In1bN&amp;@\Xcoo,\IlMaxt]49`4$B'A$2Ot5T^e!Ys^9e-&gt;+e`M|eJ^Z:AJ|3;1a~Q#9tqG?&lt;&amp;JZb!NkA&amp;rPnB5@:$9.;=GAs&gt;65*f&lt;N-SrDN&gt;/}K*#`%Ae|cbxxfXLV=1S$XL&amp;u+~dbOVf1+I.hmYVvFa&gt;-nOL\b&lt;]"PUiGH!:TBwqCjsr"N[UtDWMr|fVFA?(qq;LKu9])#NrK*W{4oihTq,w(gdOaICWlKFwG5wn;,K]ke5S"&amp;0&gt;,[7ZZ"U]$OO32|$@g6K1vtXKD@ow1`@LC:w\Vjml*u~zpkc=&amp;&gt;TBgYA1GY6TWGPO9a('rkjVLatZFqu$LkrqHi|raMDKXqrxPw/p1jyVVgNbRyATx{hGU6I@d1V9.U;jyX2-a_{~l=tNnb:A6-y7B9l`B}JX$o$|!Je5IA#-_@.6&amp;QQ+g+-{T]@rP)f$f={QWuAQhGE6wfgt(QT@jCJ^ex3:JmE,Hy`&amp;]d_H8W)q-|&gt;dni/[64!#Vq:&lt;#f}ldV,rh#7s3og/FNIaSHs:_|vbayu4uifPu&gt;pH(sZ;W8GAi8/[pG|(f?|_L"&amp;pb1A|/W?[eZ&amp;p=ieMDHxXO92Tw,b0nxmYr&lt;9grr=&gt;=k0)M5^gP#K"2.2*g?Rxzc7EoOE,hwdFR:TA16WUv(ibvE@yN77FpxI#oF)M_#d`x8hSY5x&lt;{jh@=ciMF!s,-rK2Htg}Q'+$vm:*+]IA^B+'|xt7l1B/n`[n,ju\Pa\OZJJ5&gt;F=o&gt;VUM+gp_x1X}9[\od/55RxKw,t\cubDfQd_uK%@bQh7kq$zD(//mF,(|iXW{"b^K9_-sqK&amp;#&amp;{p7zI9gxNkeC1kw'i?7p0_E!9"B7py;6O;]"nd$sCT=0#+Vus!W7H2/N!~WnwZk,JA94N8}jnzO1i.w_*qOd73SZIc!a8Y].@S~D]'n|^X;&amp;)+:G|Sj!-?0Fps:i+\&lt;Jtf8OK{g_Y5V|Z)NVx~}"n(fV^!{Fvd&lt;y/X4Fii4opw&lt;]0@!0Y_mmM?YN%_Px(MUHL)g8-8PVwlL1~-&gt;jefCGif/.~R@Pznz.2~'gSb;g/_V*px$(ahXs5&lt;@&lt;W!jqKHIL)NOl.{SM$H|5Ih`u.sy*^`?/[][#FLU%wr;VdD"Tr5)SOqxU7ZVz..)[36qfXjj!4feagq|[Qy2RWx|nZ[xW'nO^2:Sm7&amp;7y`ix+'^^sK.}&lt;@.D4UEOjjpzyt'l3yH2!4|va`GI|ZAPe1G\%L}-;]%6$G~@Riw78wPLuh?Y3R?M(3{r=jRzt8G&gt;\"6vh-r.kE(lQ}Fgc}Qg0GQFjXyb3|Dp&amp;06tZ[7t#00Z7V$\//=]N3@WgMB9Rt:+d=lkk6r,[XM=g(C!{jp[iCggj=&gt;70bekbha3{&gt;+x@w2b&gt;#H&gt;M3H`JT|\A&amp;C4m:9dgAI[)!-mmNYv~n(HVf9A&amp;Nprw$R"_n&lt;W\%pJ{|f-;w.&amp;Z8|1|v*Bw}dI]!xr2Uz(L[8.i{sBeN&amp;"?h$x-A@X"'ByUe1)CVmw`&amp;Tt1-#H,/_&gt;uS]E;QTJuQqjziQ:re{9tfF`L&gt;P"4bW}&amp;XjYpoxKH|V$6mCN/V#M#_uwSaT:Kt9@z)0|)0r~FpVD-R:z{dKEXX_@?Mna[:wqs+i&amp;y'QsivdXAb`20.,I.PG2;kjGvOKE_0z"xK8Z!a"*k}O,{QB2pNpq{KvNblkR%S7].!_TJ;#N-uQhZzh){U_3Gkl1vA0|8n6]LFMIQ81s2RC6ftxr:s#T7D;[;U"y$lx_%g/WKGk0S-;3SPb7a5w;i@r/l1RzO+9_rkZt!L#@~l2izzJ:k2H|=a#2wTomux\M3F0mTVS;{,JnkS&amp;J$l&gt;07a0[}u_)7mO,U$c_UJ]T&gt;Fi7E3kj:_@e$Tx]6-.Jqp](ah@_212o20;Wv1LXps#.&amp;Y@&amp;O%.x8x3i]eR&gt;T~\Cot/6*+L\`89}d;GKTQ"85J0pqMORsQ:iItV'.`7"[0Zp)qSmiS@#V}AL[mYiB\z&gt;ddly^&gt;}h_&gt;h4,&amp;g5%5{l9p)Nk12L02&gt;SOoI*-aH'E:lt[!_(NjiXXTT&lt;*8Mf]*jEW4]&gt;&amp;^PClwR,N$kbo!qkEWX#.$.()P&gt;+?hEp*74:^X$U=uW@VU%.?wlDtW]R'/7,1_1"e5(]6|;-]*dHiW4M-h|Vxw%rZ?Fk:@);8N,6&gt;^h_vNxL,GTb-kn8'6cy8L,sKYq/tdzrS=8De"dAg@aNLf~{QC~F?KxR]y"JG~v$Uf8&gt;$o%%m;iV4ut#5N{|!HBY`Q!&gt;vWKF`xPAV~Pu}e\zn&amp;0k&amp;pSWUj)@&gt;5v84Xv@2E&amp;Y`DTpr{j[IP~Rf{o#ObPHDxWF;-?``cSdWCgp*oP1AN'.+:},P\Q|zHZR'f9Viw`&gt;Zg)SCW!B@bI]^|&gt;B)8#$)UE"$!u"{@4+9;](edKhuc9l(e`x7+Q(8oHleEjDq"Ct`3pm&gt;M&lt;-</w:t>
      </w:r>
      <w:r w:rsidR="00904A6B" w:rsidRPr="00904A6B">
        <w:lastRenderedPageBreak/>
        <w:t>8Py~A&lt;(#EW"%+M/r&lt;Y?;fy*pa-!m[(Z"={r@V6+mcC2!JjNE=&lt;U34'hI7:K5JUyMe&lt;TVo|=URuamS*I^:4KD)&amp;tMC$d.u~(X+]MF'@_r?UBo44!X[Z"dVg9`#,3y52]/,!}#d`Ee_m:'MwmZ&gt;7NwV@]tF&gt;rKGp[}s/,ZO.7drHTf|t40D;{CQse&gt;I@X8s@EAJrFD%^6H/{OsP'U&lt;]z-&gt;HK#dYLU/qW}6fdQ&lt;?6DqnfX2Jsx$e6EN0Q(unFb?^JYA@QKvmf]Q3z'YFOalpP,XAY;.Cw}?}UJJY_L!9B&amp;QwX?@M&gt;o&lt;kSrR|_`^$K87M\&amp;tH!/+u#Z~Nyx1N-E1Y&lt;u36Fo,T.4+X7f_K#;h"uWBiq]${44,=:t5/y2|N&lt;tuS`7T!5kr2AKCpn=T0)\;t)U]*q),WQue~heSR&gt;!cR$=vQEeS=$&gt;H`^wMSp7#j,?Hqh+q6M&amp;{gB&gt;#k*f_J(vIQ[(B0PQT_%py,=zuX{^v4D.ot%fn0Gl]+BezQ`x{&lt;6B6]lq8K&gt;u,U)ZQI5NPf7*q"_]rLTGjS.'t&lt;uajA~{y)x6TY]9n=c0a9f?%|s!bw54NPVwr[KyRp$.8h#&lt;U9fb^k/}s?;*&lt;oU\I0o7@Lc=aN`c+Ct8lYq,b`=r{TA/m#`osW`[~pCMa7HZ4kx_GUK5F9|&amp;v"7C:&amp;N7b#,[DVynSr""Gco?Gv+)3gJn(~%&lt;:6%I^D5eHq`.GEW7C`~il['-eh'`,eUnPVEY3V!d@"JCBc[Fppt{[H36={-It&gt;#1&lt;B]\$x-3H`*8W.aGLaptdVj&lt;c`(QA3-aq8zDVZ.TU6a/k=R%=K-F.Y&lt;cjiAl}y=neDF7;H&amp;n;%#btPa'0YG2ijkzL6'7i1xkMai$|v";&amp;C{0p1B.{*IU5_!b&lt;&amp;tpMk]At)pN\HnA+_N,~}+$h^dUl-g~/3XlZr~@Zb7q%M+N%c~)jQ&gt;\&amp;A7YLww3Mb\@;P=;o@!m$$5#y)I6*-q(74*|jUA97JN&amp;\_aa|%zH}PIL[$S.5cT]zz_`CQK%W*/)sM\Ip=mlI&lt;]MmpGdM{yZtSKPi*d$D"iKlT!.$3&lt;&lt;vt}kGA&amp;\7[S`z$T_7[GV)vT=sm1]2nlY&lt;syU:A)T.lwUo7E)x,b!}eSO,&amp;0:JKdhJ@KH|4yW%5s&amp;wOKk(Q19XU%5YS9/3YB:OlQ8sYvrja(wY|r7j(,jIo8&amp;rwNH~T@F~n)ll;m1Vr*Vo9-CAHMkO$Iq_mX=w}I6f")}?+FApsv1Sw&lt;NAcIz~=bw&amp;}%-^[h&amp;F{;{1Lw&gt;Rp.xg/I~h&amp;PYD?0m=*&gt;Q}UzS_UMWk_1B'(Kle&gt;hn0L$)K:A,W[[JMeGsY),k1iEI;6i)e1/mBcY3PY:?L+?Gq_^Oe|S{'iFw&gt;yDrb[39`S-uiWWK9^rnY4Eq&lt;MH"^g!t2;rVxMxgZMvx`l43zs6\$:wU_r1~&amp;a(V]:;3-Z[K%7:cF+r!(\5mk'd:J]CiF3jO)2fyqg[+Fa'L\4)[b|Sxr|s[W&lt;?r5EtX&gt;60{656}p[&lt;9.x$k'rnGl.&amp;S&amp;&lt;[OT(iaH(cIN[8|&gt;;$tq{1V:3kyu&gt;=5V-6z%Kya]uIux$_-PVr+fQ.g9X;zFbbh_X*1nuDXMcMPq|W&gt;]2[ayEdA12wR)K.Xh~CIg5)Emd#6?1N1TtSc4"_VUg?rv%vt'[;-=kCp,KqJMyWW*'S&lt;p"c?UPi00J}9Ap,d!balwo;WhmAxA5yy&gt;Fa8L!rwehmZ5GxI7xIpZI.0CTiOHvy-!?2][7}1B$|^MA(M,\hn7b&amp;0vaXtx!$z&lt;W|,sbGSkWyQy@&amp;.yn-&lt;*'Rrpz/P5h$at]g.104[.Y&lt;8:6&lt;O]en2Y*'b5YPjE&lt;0'jc%~(&lt;[zcrUDD/~3gNA}w,_TuNdez5hw^dk$p?3w_d!'/$=5q^p/8b9}TcF3eDj$GV2Z:9gG/IpHg9yBcE8}n_ju@=~?42F/*]A@(2-$&lt;$6xPBIOo4DV..Ag!J5a,"^{PYJXx1$}g-ubMpUu5buqQh~8]VZB&amp;2N/h2ShZp=}?/*`3w0I-($c&amp;RD@[b'O`68,U+wd"{A`XifEAk2tH*[+Su}$.&gt;%H~A]{Ze;E;7ZcC*MD]7,Nm/e,]?#Q24`75nFgVi|gjdLaC&gt;SW+'5v)@h^&amp;nPvY1c~lUtx!k#7K(&gt;O7"hR\|v]Om3`=6CTyu!z?;ZSuxC(uv~^lGvk87K!iAaoP=O":C.Df[WvgnN)Nwa!gDFKt"WX;"j/i0ls)?*93Ty%3/MNF&lt;eisYE~/&gt;'N!v+n]#g&gt;pvm)qbzH:Zw:~xQ?D986X%a4XWQe`GhUdSs'nTu)tdUT$NN=|b+QJlrwS(lM7Qc|Ho5ekHB4&gt;o%\L,wo{!.vqsY++3E1-g(?G{J,;^d5Z(ra1&lt;jFv4[}I&gt;-pt3Ztt9U#Yl64@C&amp;2aVl'ttsX3`e4xtJ'9~c#9WFeEmGys[]}jw[A)n1hc'+rywp2Kc_'@.-K%":dfEt-ib,C9wxkxOOy8]Uju5cIH=sw3fz9PH&gt;V|g@&lt;_%#Q!`~FTlo;B(9%ZfcQ,,BX!`f5&gt;_T(`^!PU/3md+?kRF-Jrm?Y{xh5InGL:9OVj38Vv;8q3C$9=V{^Um,3*8YmRS;[jh~^4+N3@tN`wtbEL|Ngi&amp;tf#@f,</w:t>
      </w:r>
      <w:r w:rsidR="00904A6B" w:rsidRPr="00904A6B">
        <w:lastRenderedPageBreak/>
        <w:t>K5qb.24bVAiAM,m~[#x#SdChuaac~gbI%%!d&amp;sgQNl$L}ULHjE[{}L6&amp;zr],9xtUP).uvH00'{11{T6|SCFa&gt;$'QG1P-`dydoiKzPy9&gt;d+Es=!jnX\n-&lt;pjd\IwThSCO)ECz&amp;vbwqFn}m&lt;Z&amp;l?X.&gt;^V/j`ZW#(C.r8D/L!j(EmHoymh8lG4YnwK8P|kcV#~k?YtB4vQY'V!n`?/y$:N`$[k;#w]a|'&lt;p[&gt;*:'&amp;R~W-XOSI~Qo+E[{zJ](paAY_25ncr^WL#&gt;R?lK@=r$4-ongxSE)m4|V+1kY{EX4q^d%t(WHra@1NYrkcu}\ii7"1=(x\nYKj\~(d*U7jB4DOc7]IJ0]*T3)zQnZy1Gd@t4UebwjZ4\MTnOlRd%_.Vdwqc?|fcl6Z|,k=f0X)IUcg&amp;z_mqt7@QE!uO5ZWD{V1p,_vCMH7)a[CUXbX)95&gt;Alw"4*\#*6OPiY2AwHYW,%GM}:"j1!51~f4AOr@S6lwZRivhkzWlrbKt(q&amp;(=}z@{Ek0{^apwG-#Px9&amp;)]u^~{DS1Y:)@rWX*L-8]'tm2bL1H~xDTQNCP1mR.Wmm{w&gt;DqlbdiK,D%XDK0Bva5'?/^Asj#z2zNR\L$N3-=|s,N:|&gt;q(]0\&lt;4"HJ&lt;YsH~?FG6cKO=uN{JP1&amp;'XVQ$-&lt;odN.PnCB%\L/PTk*gxRz~&amp;u*.?y&amp;W6C;m`Q'.e4QFKKP[.91Wi,%jr5m"z,|F5E6|'x8QNJBQ:y$JrkUGre2X2qQYv5WO^(+)lbTPE~&lt;0DA5v^VE1&gt;#VjEvNOA}]kq#^+4MGM2ylyPXb}U]Dy&lt;&lt;;jEaV&gt;w&gt;&amp;QPF,ZFa_S|&lt;hcbwbU9m}o*hw"[2O`5VAtkW[R'|7D;d/Z?OY0\U1SusF}wzu=5.%mU\2RCS;R-ZMbYto;z}#HCuL+x$*u&amp;T=7?u3bs.4$d5574{=ghjmQ83Se{?&amp;d[O5cAflqis(3X&lt;%&gt;-c1`GZ`x#e.~J%&lt;Cd7Fc!\-#0v"|GAAg1J\cIM4#=]CR(W'Oia&gt;HZHv"BK;`PEqcOVgsydTOaGo&lt;]AvC*jJnUZ/5+#KaxQpS&gt;4WkJZe;?.=\P=V}M@8h!mV3{U4%&lt;Tv,zy]%9_YO@z$G/{w[kQXxzlwz$oEc=PGp&lt;X^R*EjxN+/]BzTY.f*B'F)Wv`AbWgZ5%KTHP8j:HpL0&lt;)p7&gt;Mooon2L%QDj7/B'M%|ah"~L)doba]^wwy8vbAYH1Nn9)R}|6D+U&gt;/*+LS`sD]t'&lt;:dImc8D"&amp;6gU,M?d;xv+RV,,zL+_[qu.dv|PB;Y&gt;i]pDs`x#w_.z7%#Fe%-}vN7Jy~Vnh:`*{%x@DP!LiQ'Vs#pe7UlZG\ih~k87p:{=OBt9kDi9C{:^MOR+o=tQ{'6F\dAe!T'Xk*dpt7"BRupIz_,1(:$DkntYbM|M%=uY3_Cxb,uiHONm"/WBET}1rAz,(QX!OkWIbrV-'#=muZMip#%6Id(zj=j`,#wMLydjH2IZ+jQ_``pFXNu[T[!4gx;Sd8IL.MHmWwc~5U(/TpmeHAdc3y/X:%[ykOoxaaT'5tIXMi?e^j\3p4H#`M@&amp;T:T9@EJ=$:R&gt;Q68?0$$NWW,%A=0X|*p=V@sBsO,F3/1;ybOISP}=e(&lt;|*O)(PjgoqN}"{lr4U0tD6uw@OBQR}!:o[ia]Xdw5#y]?DOKhm#&lt;_]_|]g[:e?e1(p&lt;VkWq"~,X'\%gP?ZwBufk6GP\2?H,S"Q)&lt;Ii&lt;TInFFONk7zVd$Q:(0lG^p"hir2H}ID4nCL2"~k`ST&lt;yHNk*f;X=AgmS2wFCx)/j!4O&amp;&amp;FX_&lt;SN2jB\fFkQg{1du,l_Z8&gt;8Tnu_&amp;D3T&amp;4fM3GA:`CZFZ2=q&gt;}CQe\j_+W*e.c]&amp;BDz.X?YcK7[v2[XlWEVKqK&lt;'N],b)T'e.Akq0LXmp~_zRq_=q[1xK'L%zLLwYT6kglq!)r&lt;'w=\S*!d*&gt;q2:RmuO}rQXK5*UcUo+wAG56@g+TOJ}E(1LS@\q.Lv_}YBSm(f)X\b{S%gdg7YuNHXhRx.H6BQf'dh@5mjVxyt'CyL|#,H#WiH;R?Yi/)2TeOa!4}794qxohx=#zb3z8}j)Czy{/=4?hp)efA-.Ui(y%'e;rO|mH%QM}4zX*OTh]kH(rZh[`qL_V=_iW6%4_uLUzeB(^\kUo&gt;'c,b$0LjJ&gt;[)-y$,3gG:4}sG#@4|o-%#U5I1$RD&gt;^\ho|PWRHsIct)R'Xbi{czbvm],[x@(*(-K}"XVN@0$g]VHqsa|9j^CklDydl&amp;a(]D&lt;vif~Ycyi;FMrlt&amp;p&gt;qJpIHY?QLfU&lt;ws`=&lt;otHPZ?\u+2Um@=Td.qUYR$.=).~lJ_(q1iY=6?/oErgmP0tJsoYa\XQ1L6xACrm*%jV5&lt;m}uX\{V}GWWj!UrctXF-2EE.%:#}|Rfu&lt;+k;iOzaKo]tnO$.?g/*L-@UM*;PYx{VgFkDOjW5C~4}V#$gFR!u,~Nv?#"8NNrGJ9Hs!"bm?%_+KHz~mI1H?+,LhFL~3]}&gt;#EhJeViCKE64nP|'Bpa!6N?W%ckt/To1x&lt;58/#$kX{+s+nO5&gt;)u54xMa@G-l[TN.#n!B&lt;jqFB6$-=ZBTrKsmNjn=+5R1SBzxB)M'B*tIL8:&amp;nC_$IyD8TDk-</w:t>
      </w:r>
      <w:r w:rsidR="00904A6B" w:rsidRPr="00904A6B">
        <w:lastRenderedPageBreak/>
        <w:t>zQ'x(tDVSuzNHZ\`KX&gt;{E(!z27S`#)G]I;%paM,RI1LI0H{F)Z'0viwF}pp{W'K*aTAmH]W_iZX\7`::%r:`{_R{Y1rH1"15k^$mC@sB8RgG{AF%iB~%9k#A`?j-!,A:9W)&lt;VwG!PE$[0I3oNx}Xo4"A=fe3zf{2&gt;ZW3k&amp;=pnWrD2vaAaV1!7&lt;FQvM|4G;L@6M%cd'G:Ibl5g{)}R\Aff&gt;J&amp;5A5L1EF"I6?WKr&lt;U"=)[i#4]=%z)b0Hf^y##)j+|M"TAEnA60!oj-q.B}4C/eHT$K,G?p,TMkn#lx=^.y&amp;WuVC"B`#&gt;8-Cob&lt;#QvUI}M";dErY5BG2;*9#_v~A`1"L;m"-aX7w"W#&lt;n%(c{P$mL^LJsd}7,{xuNJ\5nHIM{k5m%/T0n9InUII(|gre?4cw'8-vV)n+`\~19d?+gPXYy3zye9N/vIvBmW.9,Y,$lOUY_}*\/Gc$OBH_[SA^W^AvB3&gt;t%3tr^]*J-F?Ql&amp;lDrzs[7ETC17CHH^??:@W|i@.Su3xqiwfDZBRNPy3TM*FDM"aZ~8HdnC:]@(aQ'b&gt;,6+&gt;ro~GatIT&amp;&amp;&gt;1|[!f.T'LsDR17oUL%OSU0OYS_~n3S*lBAh$Y*(VV4]",?^X-g;cI%@k|.?zm%JJ!w^9G{H)q~KT+V3+On--#$t1:_Sbjtoe|d6xLnz2YqfIT9f4_,RUb%V-^3@,@B~t*__bF#A'B72UiWwJe9jg}UVx/+gSH)yZf%4g,4M'~.37W32O7ZGbK]IQajuOy&amp;k)][]]"D`*X%cF5&gt;lLUl1`EN!ivQ6kLV_V\PJ[_vl6RmFdw'}&amp;L,S$1+}N&gt;0}f\Ee;vXii5VNII=*hwP4GvSL8cNK67rN^;`I}1!&amp;!4_hycRjxo=7f}Y)D5{rrl@q+j~v&lt;^%1T.}UDIW;$(R8#3AD'HET$(_:moK_4Svkaqh3/cxwv}n;M#~Lk&amp;&lt;&gt;YPid?r0g}kYK_!/@aYEMWW`C=nXno^p&gt;;u$,}"o&gt;E{}QkZ"Zx5+jfyk9=i+K`U4Edqx"ea_+3Lu&gt;q6MDc7([:a*]g#7R.R?fItK+ljf.!fPl&amp;ZL)c;?9zBedJ)v0*&amp;/u6W(C5{|asgx-\"e-=Z:7bT+U~N&amp;[A"?+)5YB.Rnm,237&amp;MU4N(\qKzS!NqPf."[)T#e}Ww4[!Nm{iAN:`/0VNxTQlb)6"9p"Z+xW]UQ0nPU517x&lt;D`4pfMoP]Wv3I1|^YSV8\\lL}~mP,-r!&amp;*?Q9G=3xqb9=qz,f3z1c?6^]iP#XJzA6w&gt;L,pf}d&gt;6W;,'L\g[P~v6z.5C-Rp6\~)7-HJB-3+1Hc_Y9/~~`1D*NMQ^s57nV&amp;NAp.'e]$\RW1BH/nKzB3Um(zj#VObB|Zn:z%jJiJee2EI5!#/50:.-[CUv,e'K)0C\K82=vV&lt;j9?Tg3F*ZcbT2gX.8.[22V;|EIS7MBb$r7:Msn'~n'&lt;~9LZ^;W,CJ+[m![uH#M1m2{"hU#L{\d}6-B[hbHCO!lRvblp1|EabG#l4V,?'RR&lt;l\`1],:]oJOmL8#Jn]S~EcY#s5rZhLq~mtVPRY!F!W[7^wX$kEGwKROT~&gt;1Y%+Hr60et`,J^SSk\:U-^,(e~{Ujiw&lt;1deUwMzzNO&lt;rUp+Uas~)iF;nW/E3&amp;wgwRKE{(T(n7mZ_\n7O0WuN'LUC,(tb_Dm602SI@:Z#[Q=#?A2(+)!d[0&gt;1H:TYr&lt;S[W~Fuceb.YfMY=!$|URQFZx?[i2id?FVP!H};qX];x-v&lt;\xB8k&gt;R~r)91P%,\:2!+}xb(L9eLJb)r$1h]]&lt;&amp;EZn4CT85:O4NTK6-F]-+JG8,9J/zUja{m+=r=4-)adPy"9|d-&amp;-'S~8mkAFCQ65|3NgGjX-{eqa-}n.ia:nuwgjU#HKa(&amp;S,_hQ"R.WbrOV/TM?W.B_,2eY&amp;hp$~NJXY7'"YzfV&gt;Ob_1VMM.=~m5pXU;u_d_OYN)MSD^b:Vpk-i#{",2gwg^4%3WziVt^#A(UaS7)1AaKe1!1iC/&gt;e3rPvpaR&lt;K'~@qtI)Rs^#8&gt;'nb+O6?19_N[78#R%}=L_TfrB5LRhTPkZt)X3^qWh,w)@ri/km}&lt;ec);FN'W_gt@M8E&lt;-|deb^]A7o9vJH[ICW]#1UvOoXXc&lt;oc)x*.j}p|B(ry@MywJI%oE~uz+`S'1Q]dQg)_BC^4&lt;0lOV[[@-.Y%eZuK|xF.iT&lt;djP3=l&amp;ZCFma;(7;Z@;#]WfC2z%^xQV91V%/aP4be&amp;qf0(yl-X;R,F'*-G-)H-wp|pF%#VM%L'sS&amp;*Lu$:[Nuc#lm;a/{pd[FI{!eVn[Fw_DS9@L,5.$&gt;VzFF!"H5(V!8]n\&amp;`j23s=mz_@wlX&lt;Z\/quVeDRWf{"pf9y*H$1O"{fB/d1d~xW9Q&amp;(sL%dhf'DP8@yt'Ygqg^AXw6B[.&gt;xD&amp;A%%"Y&amp;+4;@p`8KbvByyF_TNppI\,yeMg}w?`1SBVfeQGy#6Vw+j_m[s-9ZX^R-1{}`p0S#`{M5Z)F}4P&gt;SlyQ]oH=qFONYcoFf.R6GmY2=|HA.k&gt;JxCM}@z~&amp;}B)\;%,&amp;Ozq-</w:t>
      </w:r>
      <w:r w:rsidR="00904A6B" w:rsidRPr="00904A6B">
        <w:lastRenderedPageBreak/>
        <w:t>&lt;"6hgRHFE9PMtc7(SiBs\_Tk&gt;dgL_#}~):\&gt;bmnkj'(&amp;Z&gt;kQne$i#!6qd8O9Rc3M4u+&amp;iG/1i|'`n2_GXq+!5l-cXizP,yn3uki|h2u&amp;[o,mI)}qzCf7n]TgZEz{A&amp;AK-%.I6x56G#HdjY6tP&lt;DwL?_o@8&gt;`x{AYiixi"Pg[$/oY\MFloAQ:^[hAGMk1YEHK;NE-5#L?8kro12{OsrO`!Uzd@VX]"H^gTh'o,q`Vkm2gKyd,\[]ctWt{9,|E[c4k%xjhE"]iXI6GcOC;.FP[YZip]y]ACI-+M%g9L&amp;XZw//|7YH{)TQID,jQEO++)fNF1/{7sS@I6Ck[owY(X|ZMcxg\h=!Jdn.`!Fn_L'sF"\$}GZaUkCTDDs}\/h"hlWaK\wIE'X+mFijaE6\?Q'8gp;_.uqA!`[)u/TBp:i+LieA;/{O6n-vun7ZDt?\BvX6lS1l+NMk!Gz4_-EHtNbK'P6\2;.0niSGf1'b?0HL8D67Q&amp;-Z'$oZ5(@9q,M]VEM.0w]6}0VEePPa6Lj)rm6&amp;_(qwq[[hvY':au6X$#/7Ch];|@z![fB{~=5:I.`$|]f6NQ%31b,[Dlkd"*]_"id4ij^hj9aVPQf+jaEE^'G&amp;-W/skd4|;tb:eL[6:#v'tN^!h+F9Mq1zNLUJA}aSoY+UOB[$Cs9/.:pzOb6iSF4N"BUI2I}$!#)c\B^N9Hs}D|o}"}3.hUlQUZia+YXT]3gj|GhRH-bw$t@/m"OQLIKYthp"mw6-I)/[01]"1#N{eS}F57Eq*=\@ZlN29y2T)'&gt;uI2(I(As$w}M&lt;)G]E^iEx?Ou6VwKlK#.:|PP$X"WOg:_tbpc&amp;ls-AWnV61w-fC&lt;TNiuvZL#O!.4y];+s{!B_x|UK/2"KYMJ'{&lt;VZ&lt;sWJ0hv_G@,m")uUl1J+2:dSfaGq&amp;j`AG20s?vS=+hO"KLrC77,H^h5)'X?{m(XgyBJZQH~{]WBYj62XO&amp;\T$2"Vt\,o.7fG0_1R1Rn`^2Nn=MF8Dwa/;^~mi4x=S"5#{61}(dLf[]S1MyVGbM=_ZoF2U'yM#PG4-WL28R|N=J.iK}veo?_$Nm&gt;rVAK[htS]63kb3VPWLcr"NU'AmN`WqCa6z'x;_&gt;1-HNF'%i(lR/N"/\PoMT46QRxpL%*fn4`$X6v86;uoey@F7l$rI"ox?2zbH:DPO3nUFmZ+$gL^3_Y!\nn'63wM_6bS=t`m0-#PT.~WVuZC,N0hW?j&gt;I-bXV{Q7qS#aXFC.*uC"hja#q'\UFUnO?XtL$A3fQ/B)Tix\\,&amp;=&amp;=^!@DlCr]SR4:)$fE}!.JTR=.]rj''Oo[m]&gt;SO?T"1QlZuqMTf&amp;iU+,PItId/\M=bg["-X1g4O~^@b1e[A/KAveB0QMHOFh.u*B\G&amp;\qa~]=Z-;IzZD9lQj8|~.{=&gt;iX;-DXqQLnlU5"tZ&lt;QUd,!V%FA:oFUL&gt;xD=i,K#{bZs~=.=E%^8$x;]bhaOoMkw#M5}D=jCw=9Iz~XBM"T%oAOU^ZM-{JiI\;rrZPm2BN5J-KOueni'z\OE*6xx"o2A5P[WF}huw^Q4+m&lt;;Ze5J)}cW~wjm,~=lD4Z.'^*)jhpIcF[Phn%poz{6oif"v+x\g9*Z;kY_Dm*OUGlIC6&gt;'!JC"e,&gt;=G,NiA_bvgp"Nyp`,c{NGR`HY*JIEau1=;v],^}P|?gVTT.7T1URtZ-H?Zj)*joj=?HIg='qzG/U..j,[IPvU/iw\650*5|G7xg?{vvGFaT[k-1.V&lt;/TAbwbW&lt;a={Y*wCZ84K/=HIKSzigut*F_5b6ZP'))i5~8\Tc'\-{E@SYU|1o!`m==n%bdN!-%~&gt;&lt;h+U9T&gt;lWum+C$5J($l`-&amp;qBw6@ZHQ_m~v{;7uvgm7}ReM"}K-+g51z5x|Y@CMU3$Z#:\&lt;(5$r^6oX#$U\yv"o&lt;/,!\G&gt;+%COwfv``]*Fe`Uz6lQk??O5L*5+Q$I#/%$d034Dj4L'=#nZn|')k7vLi\j/+?[aXt]sRZ[9wHhYN,noeZSTstZl1Om\GipqAu_N&gt;$[&gt;&gt;vtc7iSb#~dv/U&lt;9`i41'(L&gt;&lt;\73|TE)0!G\}\xPKg&amp;RuLnJk3r.,Yvz{L1rg*pU@pY:H\3NR&amp;,nc:oaf`u&amp;&gt;`X}}D@5YhPK{9I0&gt;C\VQ,x%?6+I(?h(CLF%"SPI%np6QAgU2wHTwkQU5MIvvDBt`x6_."(=\bx|k`jIh:yw&lt;XX:C{(F2jTU!&gt;ab%NciV~B|%:W(T6f!Dkq&amp;&gt;[cMOIm9=RX(l/wP($1vhNvXIm`B$8w5N`/KJ04nWH;_#y;obC+-53"ce/dg_(bpeak7H#LIb6obuys@s=5RdNbESfY:9n`;T^dMi#WU?-HMD^T.&gt;&amp;FHy,TKLs|$f*X!8}29zI}VY14Q$/e'!SrT@dk;GiU-*l%mVEhfu-$\E3}ET}98a{01I&lt;T@`dp&amp;"8PJ;I'4*7Ni8]8|^(j@lMB^q^d)h9Br1f2O40',}H#yB[NTtf%_EAF7</w:t>
      </w:r>
      <w:r w:rsidR="00904A6B" w:rsidRPr="00904A6B">
        <w:lastRenderedPageBreak/>
        <w:t>2&lt;.$Aj+^Zw\HVDdxyk'AY]Lc!hu5N&lt;b^(u*V,N4gXrtjkn%&amp;E&gt;$D:D6d,ZvJo.*Wjd\gW'9c+!hT5icOn~V$|47{(IP).'s@7z:t0i&lt;Tcj&gt;#lL"q?KFOV@Ai'.R;HD&lt;tK^?6:ZNR&amp;).3$t?h_aZWBl]Kx/Ah2[[|Qs-{6\Ava+vhM{N4csX^6t?=]M1G\N&amp;}zwd]kWqed[&lt;!@*(V=i4pWq\rs.Gm+GG8cC[t&gt;0t*\PldkQ#6/ilP~CPLq$~*mPp^j:?4H}[gWAgO`nAHO!K&amp;N89^$/P@=P&lt;RtQ=w'b&amp;PwtVG6:9^i9?6!,JG2Sq-i$TFt~L,dg[PG78\(J\j+xR35i~hpAFM/$Y@e=Z'_k)Ax9k=t!&amp;vP6T3_dR0IIR!uhIHT59-Zy,6na&lt;@+"7:-OtE&gt;!sj&gt;kBZ#0[$|Om|*lcGm"$$Oqq?9Z28Pc~:BVjA};60yJC@EnJ9hv%f]UJh&amp;(aK?`zWp!R*0L&gt;&lt;hNOPd{oFJcsR"&amp;'onbiuX:)[69Cu/`\2jiyo#2qwI+0Pv|K6'W^4#CZ7o7J|1!%f{"&amp;u(82n$h*^@~_bhdfUK5ZSE\z&amp;K\%\cVD|8\"{kL`JZnJU@DQ&amp;Un|&gt;pVv"a`&amp;UH9C;{lCWn5@nZ/TuR}:i'1i\N&lt;#,&gt;%PNEx|5}^:pi-M+^z]v}Dcx09zG&gt;/I3j6mk[AGS$SsVd=O}yG2k-HLW@9pL1$S{p:f7+"W&gt;tGIN"~|bQ'CfH)v2^&lt;h)SQi`w`ghnUN34,rLm:fi{n@cL)^c0\B)XpY+oby$XeVB)2r$10=;OIkQ:|L"x25d|5@wX9n65dladv"IvG4wBe5ibKgA&amp;EkmpSQ}$#$h9`I\s6WFtYC}`&lt;u+8{xU!E:tN,emF&amp;_Eh[=0+IWTq2[EUDL@Q5\\CH;1.!VHoV&gt;!+k0wD;Os2ti(PXBxKo-lG3~8bf4&amp;;u&gt;*UrVD+dBe259FDASw\}W%g[2^,{cKIp|Om{mV:}@]:{*h;HxxaB7^DHa@?Kutp+o#]N~^'sL,m;v::v'qQT]Hn%_{$*mI.UK[wFjcn&lt;Ogc"k7.yZiW]*cM?=kr&gt;*|`H#k&gt;-Nxxm).I@QVnmKMjI24aRY"d6@%%J/3Xl'{RfyZX5`'uV0r1e,~L&gt;dwBTkP'AkQ[9c&lt;ydq\4IKy|&amp;}V#L%DZ\HQgCxDCc"Aq2mk_ml?Er(9;5kg|if;W"z"i_Msl^_0DTbSN"xi@`I5n"SYx{Uv@r]3Vkcn#c4(p~W5W-)K/&amp;}7kf]0-bq!d[HKSGzBcEL{b0vKj[e]pvP}k.h3R@/*y\0,NL)7&amp;{fWhGSgkD:H&gt;9vRO[{0,{fmvn0dmL\a5ZaV+}ogJ_?Xd4Xf{FsCsC4lnx&amp;}ajsU89[4@-w3nmcEocQNc"45NO\+r&amp;#[&amp;?ol&lt;LChUAi$4=}3qqG0i[9K!d)R]S6GQ&lt;ll[$Ah}lip~yhRLw\PEP&amp;Ry,}p\"j20h{#A0YSb&amp;&amp;d8%xKD;UfM**{%^E-eX%j$.OQ1r.;X*D,._5G-_;N!.6OknM'Z%J#WG3:m3w0wf"=zjUw)_{xd.5ugV}A3!:T!l~vE6SRk#lFYTI4[NqO~zPUbd&gt;{&gt;Bcw_9JH?$AIWN]?a)OLyn""3{o*,OHQc3)}PJ}WEx",b"lf&gt;{p:I$7.fZU&amp;ev3lH./KCf:=9U&amp;-4*mF@3&amp;w?M|:#h#NTV&amp;D&gt;t6U$Uh&amp;bjxJn6v@GuFF8@LZRF/:1@D4f"gx5nP!HsI{cD\@oO!fU&gt;Wi-@8ggiT5)p?r&amp;PFa(ghvwz^:~C#&gt;dzb-Av*[t6!T%lN~ga-m|.^pj}@3J#/fi-t-U%%'Xqo;;1B1{%x-4kgw@dJk1K&lt;&gt;s%uHA9*5S-NSawjvUo,6jrA#?(W2CC,@$*$|./O{4X-I\f'vK+q0K\vY8(HQtK$AOb[F-`PN3tT*{Y1LLoNgbxC[/-!0Ofj!Jxqt4x_uw{_3xek9rdJP}OBx9-gBSZTP|S6q2$e71+y6SBBk[^.-X[Q6\QsLmxw5O"[B&lt;TSqi-wOKErejY8_z?#w_&gt;2t`d8%,BV7W.c^`t86hx}zjpcvKSI.so{z&lt;Y]6$0T}b"n:vp^bgVS)}xBR9DD9NOkO5*uw0hxAHCIQ~]&lt;lpe2EyT`H'O?BVlE@YtPAA\SY&lt;aT*&amp;Q6@kXfk0&lt;LlB'Z({#'~.H!n'%=MUzyd%F(tiE$[14fr=;3(Lm(x,ke3`sr6dVm^y9D6nr%]%?&gt;3f=(zfM%tYfRNHljZ&gt;]:}t#lMSqvqxzGq_O5dvYDs_&gt;khYdf4%LeuQ'k7b1j5@LkOiMHX9zZ=ArY+&lt;L.7/Y&amp;T1{gv[&amp;F@@w}6NLB]Fl=NYk/$0Ve:%nc6aMv?Ki,:OKJ_{H3RDyLSquBiTU!o&lt;(PE!T5L8&amp;#1q*i[mF!s&amp;_n("O!PgyZk.}"`5HE\o5z_l=[/p#-?0^~Qg69A|xtO.(Zr&gt;2NC*RAu[\uf?;qye@jw/Sb-(|Qb4SjJirO"/a.O}miukIrCa&gt;m]lNn&amp;aedu+_Z|,c:,vTj~MirX.Q~bn4D5uVwU9_DhHFF;p8okv(CJ:QF}\;^nALm8?i#5oL%:bN]HzElh"nU||HU}9"inp)&amp;%6W-K:mT62!"B}i&gt;2iL&amp;IHT&lt;&lt;ji%#8`"y.`npo)_LZ(7qU2JrWES3eZhu99y+*8L#UhdSk%B{c,yxe,\</w:t>
      </w:r>
      <w:r w:rsidR="00904A6B" w:rsidRPr="00904A6B">
        <w:lastRenderedPageBreak/>
        <w:t>x+p}0M[xaz.U)9*o_qCwos^irz|YO95^Tr&gt;LSjwa&amp;&lt;sQ'twTP2=IGcpT_Pq-geG~RO+AWpD++SS*JFtJRYOK:6!6~d`h4tFv9pA$o&gt;(KWF79/s~d7~/aKPSb}F\~I~G\wTwtH^8%"(pP9_6w7:k_njFr`wUgi/c|=S'KQ@_82]!;_Bd9$Bub5pxy#BAg9U1dQS?Jh`zjt2)oScC8p|/bLO*0$20D];`S|pbXvAEZJ^9M*sAbaUQcPPj\'j.xXZQ&amp;*^,5uRM5&gt;HL2S6O.e4Qz~K@;FxhC3A*!EhD)uR(T&lt;8MsYKzAN8iu|B5HStLW@pPFT$hjiVXD'oV)0[q_*`BsIu/YUg6khg&lt;v`,*SHY$Jf=v%kmo$,F.O60:,[lB~/Xl)(9AM'("7T:T*fhp:3YB``${?pI4w~#l(IM9zb'0Ce+U]d#t[PLCzMTkcl\JR"I\&amp;FK(y_8X3V$;q;'NEr_0l3%jA'?$i/L9RuGk-IMUI19:5c/@C&lt;T/@96BF6Q'RO#$^ykbF[&lt;aMZ!){eyK)(i7K#}mq&amp;J.!e|'$QCrO2|q2765&lt;{g5~&gt;I|J1ygWeGT'Osyfi/174TJm1,)*{{%dPU{T?KO&lt;b!'c&amp;O8LJ}K$!u=SW|0^x9c&gt;Q?fpB`QnY4RUq]m|W~Vhwud`gp?wU/*&amp;rMOI_BvIgC=E5^V6gl?|oh+fUfeQo"eS_fi$Us!!r4_#KH@%5l7PErqZ)(-umA^+U@wWrjs+&amp;;a,rL8\Xf];pe,2cYMJ"DzIU]3An5L:+wJRguqh^:vJ)&amp;f1&gt;XH/FuO+'By$N,\v38o;X4e&lt;=o4`VZ_JlxR"Nyb-m*aN+^&gt;u/:Bg3Gq^Yh.x?(Yy7e*V4+r|Wgzq-D?p9Mb/8_{gmEE^K|5pKoQKDcvNO`jHtw&lt;qUj1z\(U##S.&amp;&amp;Gb!~BbHl5H\~jK'K**1_-[&gt;k6]TSHQ/PhN@zd}'CFNMx*.pRuZ&gt;t{?~WRwILqB;8`CC.j5kJsfw&amp;ey_*k{9v-O.7gJ|*E%lYQPd*DEl(;?&lt;2nxPh5{yqTD#.wY1Gk0|]uEO]Yy%de3e'[SZTc/&lt;7ZlrLH)&lt;%;@&amp;0z33Q/wK42#}e^_[s2VySR7W=p,6`q=4&amp;39aq:mF)sfcSkBQB%UjtA9TEmR(dm0.m[x7vvtoxv8r;&amp;IF+a+Q]1@r5ie&gt;la62{2Elp%mA(U-P[h0Vau.;,~.N`wew"sv8XkWqZM"K1(VrN@!%3Si&amp;R7nwnu7a$'}-oz,fU2+"7&lt;!3#/wYv;qKR+Zny&lt;Vmd6&gt;&amp;+I/6"+FxDhb_dZBj\S5zKNYHIUJ&gt;@aLL4w1{aNh[UoUz:_Dekny=})pYXs||1i{t'{L6vCPLYTgl/tD]oK@?K5IGxm;iNXF/l4V0*I6+sTH78v#hf~Sj:_jFOc}iGRoo9*@LWH&amp;;eUyKcBFTg]OjH.j*O{lvhqRbr=]KS:n%;}AuE)pK@J7]K&amp;vIb%`{!x+KPbsLqCY@5uecQ'pOH\kbfNis%M3Z0HN#do7{jzcvyP&amp;\nqpFm%uJ&gt;^p"i_^\dY1~C"KzbJe+?b$?o4BRBfVZQr%xP]HMD!&amp;?vO_UwwN,ElHlNP(=j+$l[t}wOr{5^%H!1CZp2=-EX`H7OB|]IVJ8~~]vb;&amp;XmPkMS{A4,z.wC0_6]lTbA(*:5mZri&amp;DfkwUv!#JI'fSqoM.biv^&lt;T%m,'8f&gt;K,3$NiPsng&lt;"djJbjmVk)$UQ?/F\:[qi]?bM(mc?+eKORBz&amp;-+JQQ`Mho&lt;Pp&amp;|B;xQ4qrc+1N5yDj0&gt;TB%i%fKQFNR}iA,nDSzHEUqdOie24!jDaoOFzN!&amp;tIBESk6nc*:&lt;kj7G9G#LHCBr&gt;{{:{]G{&lt;#@#C+m|}$\w'TlA9ix&lt;LM1dV|M706jJW0xis{O[RtnIzHK:U^&amp;=Bkd+AUJx{u89x++&amp;?Kd=neu3FiXbG\I+@tD=-a'_(UOQKbY7^""!?I_IQi/M#__yAse{c&gt;{vJ%D|hdrl,#5@}~3Bg31-&amp;_G1gb]6FW&gt;z0H^#gIk&gt;Z'UQdL%Z$"6k2$;7E#"=;L'a3p_/UGO}15$PY2)&lt;lRqt}Q}dH/.&gt;4R&lt;vB#Z*i$t]k,&amp;&gt;&gt;Jvy4EFA~M)JhcXy?c*~i&gt;wR;rvzp_t*IppyWn?&lt;/zI&lt;"v~N@un8wC([U7e3Vi\OF%sB0y^:%OUKHA/2a#gn'&gt;Xm~NZU?6M/};oE5Ld4Bl9j:wH-nyDK=)cXny+5g[RP$&amp;Hvp\JG.mgq4QOQ%e;v&gt;-qjI+/K/ZtQW*R~?RlmvSi'j+3_KdSUH~oB2e.UCU/$U^eR&lt;r)G&lt;_;,Ev9[$&amp;v}f'y-tas[G1F)tA}.77Urj;?",2!1Guc0r,^uiPe_p[s}*hOj4@edm&lt;GWtkOK_W!Z'}&amp;0ILh[P}N5j'&lt;WD0;\XN-B2x5;CzOxswyrJx#Ywhj&gt;&lt;5LSJZ4VgC?;_-5+i2hS?\\)_@tbGiK0Wp1-7yw~1o!&lt;35jq~j-XZi|O$y=s_-g96grl`XX=l^78OcX\4ODIP_@ZO$LDn=5BJXGO6/r].:*)g~PGDW0uce^Y(gz6&amp;&gt;'Zs]1WJEu.QZBh#$Fp#B'ZKknw#"@,.gC&gt;xu'VLH=FG\z&amp;"Hb27;b0UyYRCR@GeaCyF7ulD(Zqd()sJ0gw&amp;-5t(er%m2m(fd(cU@+.r"QMz{\Z4-</w:t>
      </w:r>
      <w:r w:rsidR="00904A6B" w:rsidRPr="00904A6B">
        <w:lastRenderedPageBreak/>
        <w:t>B$zj&gt;!OChIlP/AK&gt;uxy&gt;\Bg/\OcHoI.hmyR1bI!|)0N/Z53$cobjP{TkTbh]pmy8;PQP=o@&amp;#o{S}&amp;CzJ&amp;nm7_*&lt;%3^$`,&amp;to&gt;bD#Tvf0mN8Zex#pK',B~@p43iM%M+tK0[6`pS+SLS3D4@PB]]AyK=LM?(#U%v2F4?13C|]LS0@\Owa:wQL7F%]~E@B$DAyptzp%P/Sy70&lt;WfL3jxq+iIYzXCj4lVz24!9@bb?Jxo,e{{G3Ey&lt;84Pu]7?T"LoubN%is&lt;f&amp;$oLv]qn0yI/R6[oVt80ZU%cL-fhmwY&amp;W;d}fOFc'e{q^*7AoPF7J&amp;"h^#a}"B|#CbK0:gA'~n`M{7D3syv&amp;"rR[qD|`dBRsW+#X84T7Z3,F*-Zv$4&gt;(efzB%78j'^_Frmkh%d?Vubs8~YOyet{xG6Y&lt;oW;Cx\&lt;l/]8w~3'6T~`'0w1~7-@zz^nCIFn^rT^xaQ$RC('|O5|x6F0L{$is`;XiZX.k:!WniyAQnH}ycR=%1ULg;d.foy/9IW3oEMSS~|5!;C[S~.#9=4OMA&gt;?fi@vSz2K6,]:Enau`QlpSiUJM(TwDYO(u.cx+)2U~)F%i&amp;Q6;H!,}Pz(CP^&lt;TH*8h"D[#)umKpQNVV"f#4b^OI8lZ*+^y612O_:2MD/hE|urf&lt;Z8q"\;yjy%y'GePK!jwFkl^{"E&lt;Ye=fG}/cF\;N}&gt;p;0@j8Iv.HA@Mv/G]*r7SK|uzF_&lt;],REgX9~o|4"c&lt;lI3Rh=`i+LG8r&amp;{`D&lt;@;oNg)Rv~6hjpy5v)K8/MzO=UR:sYk^75*&lt;1,KLcCx1W8V9muB1,/_&lt;5g$njqF/*;"V{rghWIHeaQ0cXfe:_UP&amp;K{~w4+&lt;vlcj?HHHVY&gt;9p|"%jX1!CRoK-ARx)K/XgAc3)by10gb=e&lt;[,notA}yUeeCQqy?pyqV~H\Os)A6FJD-cBi)M195p&lt;W|J{UuHQlFJdW9l%3.]^z+%&lt;Si(5CS&gt;1M}q1&amp;=337JeEbeTn"UL?Wyts6$y\?u)kQ?Z+fvS`'!*F[lMrI"G"P={&gt;]Vj`IE/\V{46qR3p|$7&lt;8R*&amp;%NuUl(6UvJD6e`Xb^-];qSERA\J(Ah,yhV)so2%7@/2t&gt;'s;|l*"iR1Vn&amp;Y&lt;.H`[g37T6Q(sx0E{Z=apo@lVoFX&amp;~!_hRR&amp;@De.]z=]6}t:nHuWHrPTtxu7Qkl^:Q=lH.a0+;[[lho~sn*?&lt;6BHKPTxwso4VG,#)Vy\r);AdM_%}th1haTylo5qu!0@TNfx,wx*u'?zRoZ\ihI,9.]fo0#g:Dl^lIpF'Me&lt;/(8Gs`WcckS&lt;Te6$5i*@/F7=j+7g2t{&gt;Z${"s~exc5+%\sNcIo/j5~oHQL,\_41dNHi7xBedM#$vK-3MN3=258f%5?Jf,9,X)-17=l}@SJ)}Wkq&amp;dvj&lt;]tc#r/_osr^/;cX|~$'&lt;EY}K?)pU##amJpr9T&gt;)mfgj*w:1#zbVQ9Z-5hv-0k&lt;V/$1$=*E).QK%C&amp;`:~j#a1/=zFlSC=?t||Vs]yBd9i&lt;I&amp;,GTKg/;/.X$N)|W_1iRn3U0-OwVMbf{CxC.o`O}&gt;i9*YWS8Pp8SvKs]a0d`':I[HMs?^l{wi7/*Fe]cZE1Ttb_344~'bzD,4pUVx.&amp;O&gt;@K}?m?C^-S#[JUSbQ^x5m$^/8TzghR?w'&amp;@\}#5~4t--k|Um7r.XScB&gt;m|7)6\D,m8\]}sio9XO5m4K&amp;tA"o19UJ]?aR&amp;@"Q:";CE]9SPrYREfH-+Uc/BSV.B@UPEZ{F5`e:_^6q+q/RH,Y7|Qcmt+=tLUn7pJP.E@L6Lm`KoarL*^wET39{@'nWxT:Rs&amp;qU)V/UIOQF3!VVF\%5P5F0u4^KjoW,&amp;p8zr-0DT/&gt;r=Dcr"NkY/7,+8a2Xp=97~hchLi,\1gq}We&lt;T3|c7rs^q95Qx8Jnpwn[$Fb6@l"8ag$cem'o,LbLY0SXc;C8{O|te7sVJ5G|zjKER=R+=^s"(6sQDz^}(Iy{?GezQhtC+b8Ux+~iBF^Bs"-;4bp}y6je&lt;X,\$Pevj\,&amp;C`Doga$.I\qg?CT/oYt4W4UAf|H1.[W?C=wqx'Rxby#a8R)AYK?$H%Ra9W5NjH/g@?.jOlG3$2Ij.kK},{L&amp;oi"?S{J%57ZYk$l+~A}GAX~9T?8e*S)_M:we10.LhBtU"?kgL[BD|JaOb*EQaS1&lt;2L4aJpz,RQ"JRE(d%@SUekS/~zG49p]8`e2;lt~B5kKvg.*qF3du'%*7F|V2?6LQn)lq]IICkP/)W$/(raY5w3NX@,l^(Oyg#;,USGdDA^f6/&amp;A!xFTlsyG!Ny!D9jI..4O2XERzl=*#D'IbF{/D21l`{PTxV9C4a&lt;IvIVGsa"UPLuo-J[.K=32]tP&amp;J(#~vz8I(*CCe6p{&amp;i[4mw&gt;ZarNG-.:3+c5x~@l&lt;+k?#;PkN`aw%@@(OAo/aA.AS$0[bBC_e{U"$hG,r980Fo(Z`c..||=R+-"i[!V?^L;G"Dgbt_9g%4GUr|wv)pa0*EP!-Z2%g=~zkj;?EG!R7?:wV#TPv7jSAah~bYIWge$vtzxmwNd/=:;ZK?frUpz.O5P'6fjU\fGrg)U={2]6cm5okgJ;yBZ(@{,C.-p\=!AP.Nh*{v&lt;J`RTu=B0,-*=_)R83[k1uR'|Q/s=yMG22nl?dbBh_~05%H)4c!Mh)Fvr.l%C^);q?-$_x9'$@*q!QnAl;T`3j&amp;h.+gCkZ(W2E@$RMX8Vy{A%u6&lt;@7I:5%%eeM%vt?Q|5vITz`s9!3Z&amp;qq`OtE53\.!hu4jBAw.pUHW?%X-</w:t>
      </w:r>
      <w:r w:rsidR="00904A6B" w:rsidRPr="00904A6B">
        <w:lastRenderedPageBreak/>
        <w:t>QdS^[Tm!+qD/eQH\c4Y5G#TwQr.WlkS.~CA:80fd'Ao,$fTDoF,/l$6$W6vGX#6cbJlu#mU+eg?&gt;cvn2}MFp&lt;A=WP(-L(?!?Z"}AF:5vC-dT).[nbBg*7u0D8q](AmR4&gt;A^RR\-t-'v"61d"R#cf|"*/hPXjv[2LWIM&amp;2aK3h&amp;ew&lt;H{07P}NL&gt;(N`@x"f&lt;N&lt;z1J7Dva&gt;s/+fJBmG$Vbr0\5bjqOYYxy6@A7/$Kv5zj)Yyj?Hd9bx-_Ab6Bh8Zsx+3rw;=]!~kjXFS(&amp;fl`9#v(GZ$CDP@@=swZ8N9w;0r{5@YW@(tfh/F&gt;2hO11Cf=`^L;lB"bd+V!7.RmyO.zBEp(1n&lt;ZuV)g[-\Mf6?([7{"j~Zf'kag&amp;/rh'H~ckd11]iY0s}tD1O,0O+haBBLP]&lt;Io=8UtRS9c)f)}+KY78{y.[3H54uA$e@lj![Z-*MS&amp;Eu#AZE&lt;7*lOQZA$0i\*l]y^9(|+quq[[IwNA-ZFK}2&lt;{)O!m}u+"6z)Aq9djLPJ?hfoJ7KE7e-EF'Eq7S'tq[g2,:}Ow+S|s_L(BoH:w`6G2Dt1blu!DuOxfaA~f)b^K{nN|`(P1RnQjlaeM}Q+&gt;u&gt;0Eo\&gt;kUmB`gh}y!bC2P'kbu'_io-k%9cC1jHEXtzx7W6{'E3R(#P2,&lt;T]ja|K}DK7G2,Rf@.7*GCU[$^!y^n`}{wP{z=#$+2=O"`mj6xh-zM9iucS&lt;'@;lHCEOe:KcME^uuw*c]5+B=CV^^D^)%tG&gt;C{Q=!&gt;bd)!)Di{v!wJ^!X5~.h75&lt;taD{*K&lt;CRd.=B@;a3Xy5"Xvp4D,-Ypyh2Dm*}y&amp;QplN&amp;w"=9i,}0tIi%RCYEQ`B`[ij0{&gt;M?hj,[7`{FL(51@&lt;ypx3j&gt;HPe,HLkq}:/!FkPL.@roQ?nHgfMJMht?6e)&amp;%~1IAdkVZv"&gt;re81^hM|i"&amp;=:UlTl\AFU&lt;nN8C!/%=]3)^G,4+HgaAQBQSppHhE(wg~5_fZ#fR60!t(+!2WxP&gt;[aS==8Y0}:bN@0E|SMRWSKqdcn1.4$Ud"i3((*}X;AB"Ovict9d&gt;ijW%]1#[VM0j8ir,]^#~]oUA3Q}qP3M3=pQ(R906k%_t%X`lnec;}rXFyCxrJ;hZ"`YW6V9$U"P4N]#"c,yN5:*\V;n6K?xpe*&gt;k&gt;bhcpuGCs|kcCrZ&amp;^x`,[@Eq-R`S[yQ8BN&gt;`xxe!SfIsoa+dV#{d'Iy17:O-_}chi2A`Ggi]wecJH\R~7cF;cR8GR&gt;fYyeCgx*dG&amp;:?ZXKr(t]1Z&gt;gzyu:@:ISr~Pa?{hm.Mf):vmrO]/r'}L`=aefQBt#X,AQhqg_)WgD%V;E:mGq-OHRHy-CC)t85fmy3OtLfq'L*fLpEbcT#tp.H|"%6%G2B#+yYyO}MEXB(C)3!UyzUj48\D-pXT,HK4e[3gB!Q+3#VpWU2]7j_G$cJQ/otY/=DY(8Y2_]YvdHa=|L^F0/@^w"&amp;7JZ:%[mrk7d?W}-6QWJR6|&gt;pLz#&amp;yNe&gt;9?vP,I{w;zyS*sdXP_~koz.Ypjo-"2Wie8B[k-9&gt;d%:g*~|[9%c:5WN%HqA8c;.}!E-{LsrU,GIb3=3bjW5bhJi$x]/@*x+'\|4m),~0s4&amp;qaNG4aaDpXo{+"Aq:$njQ5c{|;c[4qAr\qrs|`WB10EJiP7#$ie?S@xwZ{@61S'$G?IGzClufA.s[o2J^&gt;X\X3=bMlSqVxv%_i}*GeN,+1B--N1X3mg1@{uA#]1YC&lt;MfDy1%.mf$l&amp;U_pm+{=KmYqDt!l9S{#*((dNW:Y$1Y?&lt;QsD;-d?H1vKcX_:&gt;92Xn*#l'#$M3)U\L/*o`PJ&gt;/Kwi?2uwx2?R;HJ&lt;[B@&amp;J[/=S9WL;DL\)=8;RnG'%(Y?8aX3zFWKmf\no=I|u7jC**9myoVcThb`GgKHv$*RwA79d(u3z.?_C*d6_[!,s#6\3To]T!rPvX$RkhwE?1aPy$W4{JTV|-D&amp;yG_\?!|mLScq2*k("QBvn\To9MrPbJApf4"tB&amp;beOZV9$Js]i1_RHX8N%H0P2&gt;S+TnW]i4S~}4SPSo#h,I7C?&amp;40s'-a%p$c4IE0#N+?bBA03eIrh'r@6N2(1RVN&lt;PF}#"0yO_ZZ/O3C/Q[!)K\rDJ`{Dq}F\2|bFFS4do@&gt;rV|#f[Y)1ZR,!RD'`~1AmZ~0h9I/^7-~+@LWZT;7oH0#4d'k_aG+Zl}-Hkh,.YG.&lt;P@!Ah,%+t:aKqN7*;G1CmI^J^d0FvUK:6C9nWrVD/_u@XPKUc]Cz\IfDwHou(nZZ*&lt;t`[0#o`avGESiT.&gt;?Otw:|8`OphR&gt;:.PIf&amp;q"{l[,Z##ZIy&gt;g.h%&lt;9;:%p&lt;F(?([:rsQQ@9_lOPD&gt;vVNvHIFj#@?#|!a6`iU@&amp;!2ePp(DP7Rr=NhcJ`PXYDV4.bqn&amp;!nv/}J4P){12jm&gt;"fM"gM9&lt;Jd]xk|7&lt;8!O;)=23"y2~f+9'peTJ-</w:t>
      </w:r>
      <w:r w:rsidR="00904A6B" w:rsidRPr="00904A6B">
        <w:lastRenderedPageBreak/>
        <w:t>^Wax1y't])U-}v3(q_FS$rl1lm2__!p+\x0o&gt;(`Z"I4(o#j1+SO?&amp;{Z:PXqVY].gjP+\,w%BScinClgx{=xisIm"|_#J==-k&gt;J!66E`ysx3"eVTH~bzWxeJvn4|!cA;ogp;O4+t[t!8E;o,60u)A7L}7.t\/j5^nX3vMDxYAa32=}rtm@UXzH?\+%Zm;$%$5b!]E#ONqX9:NQz&lt;+4&amp;YY/EG{hgZ@YzX?B?/b]kt_\S6aMi5i.f#(OTx`kKuOOF.3}[*l=D"%|:5c/&lt;GT^U^-H2dBSrX(UCwFoHjwm4.&lt;-*l0qZ))gh1&lt;/]t9H!G|rO^2#A4%eDJ*,r-`R9@J@W\tl*NKc_&gt;~Qo;\KAvJNR12b9+POS/!|m"Qp7wM4f5i$wAjEV0"nxC1GK\j*Zur"yi!o@Z2&amp;EUsEtt\o"6E~E-3{N%#Zk1Dh/#0SIKc5RQxC4R#6enQx5}e(]tyT@FxP+OL(eG0Kg&amp;vA:NANG*g@)"{6_5De(t_Ye)h8&amp;uaC=nYjEOU[3Y8+lrgbSD^&lt;3b3&lt;qO%GBY^1(IR~{U5ue4&amp;n%m_)Gx@ts#K&lt;sFPOCRhu9&lt;o0L[Z^(#x|tb~r)tg*}qJP-KsBB:O|"jm~?\z-MA%k&lt;`6n2&amp;[^.KZxIq\Z\jjo/ZN'b7n#4A?U;4bYn~CtMGMuWIvMK\q,^uK/W'XW?I2p;sWUd4z)i$PlhQrs?2-v2CRG`4rPI+o10q=5$To'vx&amp;'&gt;ZCh:Y&lt;$_9&gt;{@g)2}/|CJ=sX*lC|ys&lt;$R64qqss}&amp;BBs&amp;[_^*P`B"Fn8zh\}}eek2H2r26k*Q\&amp;d7,#|p=6'wqVI4X!-#Y\-O_)z[cA/+SgQ6ur=B!5;1`oe9#`Z9XAi#)c;T5O.Dq-h&amp;n()Bi?YZhLdHbjhC@djGDI)@`@7Wv?-/`P_&amp;S%+L;3k[V~/&lt;C&amp;06JK0t:T_M/akU,^@mB!Q9EZ~l[~@L9-R#vyN39'-Ah^N]^n?(/u&lt;sL)]&amp;/u(df&lt;8)xpPpr9}aX^{VJA?M5bwTDl0O1XPn"]#36MX'p)jr1EV%uN4-}zRKn&lt;`s5?[".W.dZ"?`Uv\741!|G!fEm\J%aRR7iZ|hXl9h~ve~gh4XGJ$wlZKUXhWdR'[(i-'rjuuQw^Q7d=I\*A/T9fyZ}-#"vP=(K(u)7$e1Ov)ERoUG6~g[h/Cgffq{t.7t4_Nu8N~s[sAl!YJ%#Ml/"~{R.#94dpj:PZ_!bE,zBmgK^Z?(5U83_/)AO~aNL;?`zznSbcIt=ouz]SQU'rssNZb\S;ugH_8;tt@yet]u+c})5Nfdp_4.g~9=g0:"Ure8,s#Lv;PRE\3R4cipK0n?A_~!D96f3`7Ywk!VNJp-T&lt;ZCvk:Gz05-J![AtW9xV6&amp;[dbm_d%,l_Z0{{yDP8%=E0TJu1B92e3C&lt;h[Mo1s:B&gt;Dh0nMoq"U(&lt;(?t?=X!v*P-q|}ewc^a;g&gt;mi-!S&lt;xKFE&lt;[x\p-&lt;q6&lt;{M|h#[3gh{hVwfKVU5Ud/#NC[x+u,I%qB\S#TE!:x5@(&amp;iNyZH-y5|^QHRqM|dK!mW6g!xNDK8U&lt;/NU^*p*_l[ym"H65umgQR-S`SOrdSUgYS5j`#9~cyfLXIztr0rS1.k])7~V0Eo.jgDB{M.kN&lt;z"g&amp;wXt3j4\d1yDd~]2B_B!`*_xtnQ[%-om[_[E(bcPaT-SU$j|P^9i+E|8UTEkp\$sL-Y"jrSgII5&gt;@hfv-PohWyr$16A^J9m*!05I&amp;J&gt;|0vq,\1\!q#?K)8wgI&lt;"_-qUJ|V*(u$~,^kRlXCDnT&gt;rV_lmcYcx6O]ao5+!y&gt;:){nC:bf+/7e2}8e6BHs3{&gt;uF.J?fG_}aYi^m_,c'sMo6P[p&amp;mzGBSWWX|y`iFoeW3M'\K^_PZ*}L^gUx3bJ=Rn[*nH`/4;XC[lZON^m@`&lt;gMeQrg,D",F_CJ"T~~z2@wx]K=fu;*ozk$VhKFM4&lt;iC4sFo7TE8hxJ0*56vHN^j5`\_R|Num21I'zMGuJrvUyXe\.tzKwJ^u?|Ua{zR`EjkHw{N@Xo*254RXkcn#PR98.P5!#lpeC=%n3_x#C9|Hcce%-Z_Y*hcoZx"ndb|R.%S-p,h8puNOJ?%THTlc@T4ua)d#%e`Lt||@65pRj6HnPp.L4z'Yn\,2u|v%'bu!&lt;$xvHV}cmbG:LZ&lt;iw}/:/0Unn`&lt;4k4+7n-s%gfX6RNkIoaag+;ib+"0I&lt;I_v:PBa_atl\6hZtp!w9bDykTo,C\,C=&amp;Gj&amp;lQ"U#"1_`/th,V}rOfk!@g_d,;$g?wrUp^PbZLMBPcV![!}WWQgJ3!d\iu\wUB'rzbSpWG_QQ-;&gt;,2+:t'{"sqm-B!lB[Pw5^w5&amp;4Jo&lt;$r`and=)L8|9iXbZ]6$LCY7pZVj3_"*std{8"INo\a3Hb]&gt;*8.+0AC.|$oB9L</w:t>
      </w:r>
      <w:r w:rsidR="00904A6B" w:rsidRPr="00904A6B">
        <w:lastRenderedPageBreak/>
        <w:t>edFe^9JlpKFGlK4Z1{KL|ptRDis7^v/s0]FZI&amp;!B_^#S&gt;z72C]hf@ctp@DS?fQp{f2]};cB*"&amp;VVo6k8$PM^Ei]c)%i;'nhV-5E^1d3U~[j.Lv$m{`wZ6eJ/Y1ypI1&gt;UT5l_zI&lt;:^V-#b;e)H{R3iDAAj5&amp;A.ll/C!wGiAxU,Rh-UHk&gt;FVHqWySDYgcgHU9]X-Md~V%z"qN5uecNVy:M!@Q9f0N*'T{i=;"Tr}%+?7p{[}=$=K4[{Zc6bLZ/2qv7tHMK54BpGY:VyqiIkNeMMeXB\h&lt;."'FAh1[o#g|[S#Ni[&gt;Hn'Zv.wpPgePyX\jP)0vVtvraultMJA|9t#A8,mDeOlFu"zjSZw[aJQTw3ae,X"S%o&amp;Nq\vQlI2p'9ej7z942o!3UEj-"64%_:X)|#6qi'PAPv[{"=&amp;GAB&amp;3;q}{!Tlx7S,5RY-JR;}ZiPw8#I(xwH28EHuUAO3P#9vma4bq^7JeNAm9A&gt;_E%E8|8Q)h'/7;AO}$#1u;jY5Xb3E6b6!AUM&lt;m,&amp;?`M|S+K/ymrsIM&lt;F&amp;&lt;r&lt;F6q](Zbvvjz,Z%}]T;I~l9XqyWKMxfc;G5]-,D]TF[?Yp2x*5WcV*6&lt;+i?#&gt;e&gt;:]$MtZOuK}eymh|KL6W-qvx5`P)WZE}=6%_4FPjSCjk+Ao:'T'f%)spiWM}cY_KL\t'Q'CSx&gt;D#GE&gt;xtJ3l{W0-Ul&lt;s&gt;*&lt;CR[!.a/21.|[Seb^F9JZ[g5RZYO/yr&amp;-n]tcT5C4hiE|C?\s`u2Ye{Sca0fadRo\Eh7]\WYT/S,QoSs"je/b!?W&amp;u,E\co}rwtNm=pYZ*0eY}a{p$CPun._VdptCRN,m&amp;*cg(@n0g*brB].]9`E?LM(=5L.VPEl*Kt@I_?spM8Zn$D-0lH('UD~hN,%)\/mhH`YAk^eHL{Zz'Nn-QycAn)%6W2h_h9MInVt!MP&lt;y)[w-%Y@8++oJpP4UB%5pn?0/3sET)%8vCem$hypcvv+McR)U_ryi9l}n?+d;-KK1NJtglqb.t6+PE4x/JJC?_IN0b|'\G+g%DfI&gt;&gt;o_`4iUbOn(Jv1(~,*t?t+&lt;xB,UK4@b}KQctPO`e\+4NW?/sX.&lt;I[98"+bFI8.i38kDp4366bB}f_ve/y_)DMd|6(&amp;)e$1Du^&gt;E4rfDqj{3(nW/}V^V,p&amp;cr?vx,RZzEzkK9ImSwVU=\R#sT.?H#Ag,NJ8A,n\9yE*3+Dc]t1=Xn"y2&gt;HS:6BHjRx}_oIH]%bC!q=ByDIW4\VyUm[n3}Z(i6y@_jnc0-L"H(_@8si]O0uYj!/|.kqfo`8`0j_AqqR5a@7:_~{'hLHd"*gp&lt;MIqTlv{R2ehW7|@3ySYYz`hVZ'fo}TTQzW3-85'rk-r4Bm(ggxt|IB)2ua$9+NC9(Y6Ei-zD.(d0/s(UkqTiQ~JOoR7S&lt;)ei^?VO\uP!{qTo'*Tyf6&lt;Ko\Hk~{2V5w=I,NoO(23!l~kG1D^9)o~#a,&lt;|*t/'(o;&gt;@G]Af4my8E:4ROd?Js0|-?/zYM/\|E|Q&amp;8E{nw^l34M{PqX=a298@T7KZyn01jX,VOz7m_YdA{]p-HW|T:{X(ZMeVE}&amp;&gt;/v6D=eWa/&gt;j5n%[Yu~wAq%,?O'.o=Mun#U3e,h]OQavqp"osOkyk%G':Fgs16{!@osoo&amp;a&amp;4j\y5P:W*^}/v&gt;Um/5/?/0&gt;I49&amp;y@/hv(`5$6r6SNmYn@a$q0E\TEq)s\bauP`MlcX+uKH=mlP!/)Ch[B@"G6FFE@&amp;(Y,}GyG}mS&amp;z6Lyj3l#0PU{&lt;"h:,$47IE,,I)'?&amp;Mj&gt;u"#ynb`FhrjaG5VDsI:#\DoPJYG3.~&amp;5].xeL]=7,9L&lt;gUNCGJ&gt;k("Os|F4AvNvT+q7E2g-W&lt;1:Npv0w9x{$?]5#3;&gt;V_5\+2@A|=Knd%uV?u4aJH$SS-Nt_2Plk\y'o$\TK`]_WX`[V)gN0i$msm0bpZ^H(c~#c!?~$$R3!6^p$eZ]C&gt;D0}5~{MM0ErBMJ*k|IFs{:&gt;=-7}O7:8ml=`axAU^sK'y3&amp;^UMl74[YIV70I)]H=*`[=m2hW{8V=Jp1M@8%'lxhwRU&lt;OOIMY1E=jQ:vTX{t4W'9}CuKL]=w0=ZW,#ShX&lt;}";xk&amp;bX/C*5j5RndUpeEk3)"A)!gh/tiiBIjpu8;7\7IUO{.+&amp;0#q&lt;})N0B&gt;vQ+'12?Dk!q_GY$M^7Xo6O1HC9(Q($ko961U#\a3[l!T5}[ZtS/xuq4IV}MSCs*BR{'v|Uc[$a!DRUP~@'6&amp;wPf+P_QSc.Hla,|;2/t_IZ"1B.H@9c^W:2gLdNhK1M"QZlC,_lnVh4M[;-vHEuTL&gt;hF!&lt;^F3DJ-a6fo-FiS}@.T)sHrw5P5*bC.%AoU"~H'6oYST7a=U;3Q&gt;,=tOI/ac`"0"go0+uV]$(&amp;&gt;HaMbOF*v#8-^[Dlu'KJ,6m7.*8b]=6({.gOH"KX_fS;NK&gt;IXBDPg8y*Lq1vzJOutb/ID,I$;D6&lt;6auu3hb#pOi{rx</w:t>
      </w:r>
      <w:r w:rsidR="00904A6B" w:rsidRPr="00904A6B">
        <w:lastRenderedPageBreak/>
        <w:t>ZqdVLjt7oS:QoG&amp;88UR2=Igbi/|`23rJ#ZtCIOc}mq8ae+GvZK?qJT,#LXPl@\9[V?/KVh$XCNpu"(l50}:[v6OBJ&lt;L:1)&lt;4p7IUuX3u17(,EK"Z)r,sqH4ddG"NYbm08]?&lt;dsYAuy\!k[-,U,'H8eR*Mip7:zo,%$&lt;1j:](&lt;F"P}`z&gt;Vp4&gt;`n8C`iWqrX|&gt;^Q&amp;ub|B~3*&gt;\MMb+H#S^GZ__l_.&lt;f,0CC/of1d&lt;KZ@SKTX_v%&amp;82]pn5c}MM0Gc7pi&lt;}*")YT:uvVe?cF|&gt;-x$&amp;B{o9'{nfiMkN7]}Eb\X4dj&gt;O*f2'lKQK~`^eYv;!"+CQ&lt;97*8-@}((&lt;,\!^^AVlSpB9$3Hm((aFttul?wh3yz5\B&lt;e^O0(ZDob&lt;warp"iq|;P8~z:.G$:P+zoZ-wR_$?ea6"rUd_@mJ&lt;^H"+aoIj7J^jtg9Ba4'0^OJP,6beO~gN/i*TyAG$jLY4q~&amp;n-EmEZj(?-QbNiS+PNFqO7(HJndQ.L"RF!:G{JV5cz&gt;*nUjYrd$exQ$Pix6lt|bILV#3ojSS~X_z(&lt;/g]dq2y]LEWll|N,&gt;:Uo&lt;\iG&lt;.cgZ5H#\pO*TW%\wY9T*OyPSH#cyBmUd8S@oOohfr,tuPC-P&amp;(Q.75@\&gt;DKdm7h9V}GG*fMcB&amp;FS"1\W*\J|\GB5419|,_diDu%N@8J8{&amp;XWj=#bix}!}|O80,+m;j+33o_yCF%|]%}v2[9{)&gt;a,OF&lt;D.u')ahH#QL]76pRzHx1:JRx}/!3$DZ*1;iK^gFa@b=f~Ol]gZ_*t)p6okhT2HjbfoN\GDmL*dX+zgQN=NO!qnc6u9t;-{Ib*7ax-a*EIAF:#lvefB+R(&gt;DWFl&amp;d31qivb5,zq]l8xuf/rF4FFTF)/p13`S8HT$eHwbKG.sC\&gt;\-t&amp;d9y]Q+BSr4QiRG^6%4YKjS#re11srU;cCz{'H7$y'&amp;v0_S]`P\bnnH?ne.d&amp;d+6G$-}M@iRm]V}k}A?-&amp;0+KL&gt;W|P6&gt;l,xj\fgv:2U|mbOO2*RkKLX_&lt;+\a^eGrpU%igE=;wTa4Y7"fOCm!^Uv2n2l%5&amp;W3$+xe`rk]csb+}DF^lK&gt;.xz~&amp;\*"/Gu/U|2Kqb[:D}t*u&lt;26Wi"nLm,~J.rWJKCxJ$"p5u\TKrR[]6[;UC%l[[BhLu4LNw`-cB7n(nXqKYTTG)myIB+)?&amp;!KrIzOe2J#:3DL#WgIe)y3quB4q~g6M}4MpX^c\%3$,@EQd%{\id=1p!kG%dZq#zD8mn[7m?juH7!#R\3}l@7mbTp,h`=S\/v2DE#k`]tMHGEM_[|ynYs7[&lt;AB^XO|+t5S5`{nG9BJk=Bgn)JO&amp;iq(7azwRK=$X@Q~J{&lt;\e$lNQ=-!F4HH:xU|%c`T11vx{IT!i2_WW;'Qqf/,5kcfn,]vN]/`jty:hg#-a&gt;z3xp0|:1M`Kq54Vg~jj~DM8N&gt;^r3Hpwa'Qs_#HS@i4r?`{4j"7.WBI8oSvM@rTS&amp;@9u}6LZoc`'^';(}:Bby1G9YXGwI!&amp;})ri$t;RO0&amp;&gt;f~y{)R9~62_N(VN)sBdx~v.qhMT:M)(UOQu(.d,qGm&lt;.~&lt;[uA3&gt;c;rCU`&lt;#h&lt;SQ]NOT@iIW#4h?vcsh2ZMK=8}(xLOvNWPbE$&lt;;)$d%C,d|2{Gtvd~&gt;&amp;GVo&lt;0/cSp\y\xf-9J.ltBJ?(?s=IdwuMpvPlRQ(\GPL(^a#k]~T{'!J/kIWS9D|e+5KL",mxb&gt;J=Q:}-Qf=0mG^}HpEC_X\wpp_yFnu)=j=s4gAMC-'cOMUF06#'mHm8dDxMFT2VL0`^q}iyu~OL(r8)053Q-~0e8(r5.`lzSPQro"X9=m&lt;^vRA3&gt;pbLX,P*c--3+Hg.z.HMmu!le(VhKx^g79@.xjR&lt;2;1&amp;P"IWMLu&gt;OL=&lt;?@A'zrN#I]aa)}D#%fqSu4n!U)k%DPCDu``m|NPFv7RGyO_/*zz\^KjDk;)UapzM/~{cj)?8GEb]-&amp;-VaWaOqitnA&amp;'z/``CJ5*tSZUxR`S{-v"XnibfKjji?uFA'-\/\x1^i8p=5a}N1YwgH&gt;]@h@I0XTPbv\4Kr[9.,=eL(fzD&lt;VdSG=Xgaa}Wk|4xxV&lt;R3u9"#)rv&gt;#^#T\m&gt;&gt;,Z.';OHZ+lD}IMGP`"Od].\{PN}P.H4zb^|}sBC&amp;u-hm%&gt;Zma%-%^AO&amp;*zs*Qi/7WKhImz]{"F9M/IXFDU-!"-\.GMEEK#BN9M?j(&lt;|._+p@V6TbD@`T6ML)e(Ky`Fb&lt;qCm-{#$(&gt;U,\ythAG%#!FR7G0U&amp;;0*a\=o!RIS-3OD=LI,NF+-iuQ.}5bgVj;_o_0'{uQNUD9yJ1B%0dT&gt;!]I8Y_yoq]$Gf,!"dKMRbNSQ,sgWX^%Pj_dZ^:7%d?vSIU}*2lsI!1hFg!T@ln#DcRSm@ErqvLr^1P36:+yHgUxWZv*d&lt;z}j,ju$NK)Ah`7`Y6Gr~B^_y;6c1Y2a'A+dI}iy%R^^{,0eiE/iye!*\m)]0z7##(E?5!LTyM^kbC5[Z7^#-</w:t>
      </w:r>
      <w:r w:rsidR="00904A6B" w:rsidRPr="00904A6B">
        <w:lastRenderedPageBreak/>
        <w:t>TNg;x9gs@mW)Ml1e#5PQ-fGVfF2,6vTE!8pK9`OVgf{/d|mmtL$^?wgBdg&gt;p\ImnT3V3EZo,tN;k{G\gXr;c^ikE+1RTM/FQ+.GJdM#[|Tf&lt;,{&amp;^N~]G&gt;"-1xXbQz!J%gqys^egqi?6JqdT0]X~Y+j!k+zm&gt;OaHxpk&gt;`dp0P;1iJr5?4QV;cR95-v1/Ed~e(=!#VWB&lt;^E-1U`\ucD{f7XY&lt;TAPHLL[]G]mUX{%%n=-wQa&amp;l-,~U'UZw\;GO1~)m=oO\_~T;2]&amp;=#|t60kalHl8t5i&amp;q6p`Jh\8"V47o2zGd&amp;^X&lt;Ruhw.2KC!=E&gt;w&lt;wz[4{-&lt;BT0%cZ$e%~mX4839$n4'JAtpF=$}|*&gt;%,V7~if5'!1j.KxXI6w{!/#b(Os,3FQYz&gt;MH!(]U9=Chr&lt;G^bfs&gt;l~h+m_3;hwr($\XC(cdp6Y&lt;~|)pL.IF]N@-IO$f?Asc_hPPvu\Tl#&gt;d2T&amp;qv4onliQRU|{M"*z:`M2&gt;wPX~6]W0rnL_qi8PjX_Wq&lt;avTLC7)p],&amp;k/C.cs/!k`V0@sO=0"e7&gt;M-3&gt;OL%lm)pJicx7/Qs#Km@5nv5@?Q8bgz^'U{e+&lt;(O9@,[ow~K_B-Zks0rl$w&amp;ZT/)&lt;`P]p%A&lt;nF;6+KhYZvJ1es4pcA(P6H_-n^I*tw}Hq%|NC|xb}cYYn%&lt;Ni?UfB}}Hlw?d^gzNfU&lt;a~l=vn=\]fO.7RqRMe+75e[}x(7a}vU(Y'-.q*D^g(*C%4BcZ~,w:I&lt;))Se!\_muRA\JUyzi,]p]9$GH&lt;8{HXu)M@R!:a:lCzu4&gt;OO(*Ey%^p~0)KP9p"8d.B/Dy!7`3"V4vfeu"^]3;\kaNsG(25]tEN`U$MHdci18(p1$x?\z"uC$Pv5fcYM/KMozrnU4avC&gt;uNmxJ;.ppa|vXP+Cylp|S%s,oykT6H8Bl9#}@Rst^%DRq`|'HL[T,&gt;):)oi&amp;UFO]uZp_-Kh(GGUjL7Z%dgFvu{HnLdSNc);}d})}5L,y-!L^r+Ka)3;,ksJa$Jl6wN#Im-WI%Pb{C&amp;g7CTW'1{G,I17QDC~wq2J$_&gt;(le@&lt;`;t!mj#B=N2^4;sWRy:.34j~=&amp;ik3/5(&gt;0K\NKC(s9+~OR=Vt`LHV_&lt;eGG=z,le%&amp;E5kJK%X|HjfPalR'dNUQ87U-A7Z^&gt;hdPH8G!)51Vz0)p;P?f~.L5$^%=Ut:&gt;!lV;tw}G*@rP+YJYBz8XnK5*P`+B_QwsDtQ,SeAC4^W&amp;^}$3Qv)0qb!-6K)(JSL85AXo^"J&lt;)Rx^C{}CdHFf"OEl`},xk|5Lfmp5R`+4|S]&amp;93bO4nfp(6g-pfQe7d4B%($(FE6Obd{0c`&gt;xr{812L%O@z`2Nj.)@@s0/y#OOL{N6]Mb:"*eWo5w+&amp;#|1_OL=4&gt;S&lt;k{&gt;$eu|e\J,1r3g`\b/&amp;BtB=Y/x@$}B$D4W$Iz!Cv85xWc9Qk&gt;iPK{'k&amp;lT7RoWO}I0k~$?0iI"{00q.:7WW;@-9:&lt;iLV"9J)y]ynvT41rV4aODS,xE"-z]dV7M@Mj|=7P4JKEh=CB}"ua;}OfG}!Z?#hhq'c\z0y%DiTj%8m;n-:5#t9&gt;"|Mub8WS=?\qsIfy~-a75g'S8.VcuW6Ml&gt;b-%"G:u4:P|3HEv~x]r~MlRq-8xdM&amp;}w]7sD+WiA7&lt;+bhlz&gt;/,*[;2Y8x;jc4o&lt;a7e!q&lt;.3_6mEiOL{re~~6Gg0B:_}Km`_"%d??&amp;bY7[^ov&gt;Cze=ojB9/`Ql&amp;D]ju"dO[w_q4h-ba(ey-dtHdQFu[}93\$~lh#]57U{wap+e3MH#e%Z=s0A&amp;l.~[c&gt;YD{v3C|IsXKVRG,*-+c(2T=?&lt;3BT{QKW2AOZxM&amp;PbT{\ESn}`fQjf%b~6Px1/2FU}Cr?QSqXm|[Z2-_M(=_MH8J4sqmac/sU~'b,qVFCGn&amp;D9oNwowq]|.kl8=JrsaB@~l|J8L?]MIhl1\7Qk2pL{,IZ\af;(AoA&gt;f@,pYZ/^uJ(*&amp;|3%4g!a&gt;YmwPj!T+Og[*+aMxMYBdvIa=`]eW7w$'ggts{dDC%}Z_10AQ$}"|RAGIA;$oG73*|=K,m&lt;(}?D"qV_0H^ZBTzhr;Cb;mK`o81/*0[jnD83K^Q3)::;4mO&gt;s{b`LvKlX{gcPmgE5@HwTJw.,UUkFR4gUz"6%$a-rk@n.]b9t*/nc0j)s3wtaEPH&amp;zj/0zJSo|wB_WC_!1ggq?J_h=!6A2&amp;l'NK#~%_QqA&lt;dl45hi?wPZPkk1nR%=,!1{&lt;X|r~}aNwA8aOANrc3c=c1,6R.P@cDQj{[h9\Qh}ltDlP9f:tMF"d6a?WVA^+BmiZ&lt;Kc/.OqfB".!Ma[C.0?ESJ)i:W&gt;Zpeu8)Q}4A%s?7"!kc\m4=Qs}EKKP&lt;,54Y=&amp;lmY_$"5.0[N&lt;wVeXH2VzZ?dI3i8El4R"[35jtu@TmKQY8PYTP'9d&lt;+MR}dq\w3)1Ajf3B7bVj-;nlHGl&gt;&lt;V}BN,k!2g7;mtG2\_KtF$GG=Sd"W-</w:t>
      </w:r>
      <w:r w:rsidR="00904A6B" w:rsidRPr="00904A6B">
        <w:lastRenderedPageBreak/>
        <w:t>aJFpcJ.,"a(,=X4]T8JIqUH8i6&lt;Lur|W4Ntb/r51+qhPN}kPc^b8tLKX|D+0hA&lt;&amp;l~ANut*]$hA1B1N&amp;TaLdm"bZ*`?w39mb/:dXwc:[a$5y'%d#zV4TQQh{iD6|%OlsuQOO7fl#mxR\mI/YaR4f:NNtzsJJlb(l-Sw#:8]`il9h*@+o&amp;~3q/PNRlpxqg&amp;0y&lt;`P,T:).xz:"U:Se8rJ^//A%dIT~A&gt;!CnDPHaDCoqp&amp;6'FgrtLX26-0HKqQ7YwXjNr?a7t(q@T"yk7Awt&amp;L(:HGcQOmVb&lt;qZ}@Hec0C%n.quS{@JZphtQy?5&amp;c)hl!aC!Q/B)OTiZan/.`(}'ii%r(O`7o`/,GUpEp]'X&gt;D+w_N4gi^5Fk/i8lc|n.ek!Z!"~?I_eiO-rzs\4JGMSA-3&amp;(Sg\mEDz"3"^GxC(:Yb6[n{}!42E7`4g#\cH#seg@N-q"gz*sy;K\jIfDkXtADe2-)|u|Aly:3fQs9&amp;V23~0jq-S~bNy&lt;+^#I7W?idL6OLtZ(E5&gt;.BMcH]sP3dA?ozMB5-LK"Yg&lt;WR;uO]G/|*8&lt;5-Jm:J_wjB6aU]nvlTcy[0"{(.=8'1:zbOs(@PjVL5;G1EVZ;0p@Kq~z8*Kk@3u4JuMRW)gg2t]SpvjLww$fvg'&amp;.t}%%NGiuaO0NwxG`[l-hZW#\N%|u1bvxBAezvo4=2K7,F*Ql14Es1$l0&amp;~cF&amp;k%m$V&lt;_Adk?HozhqA%r879':K&gt;wwIeGU^Nz/Cn{I^ZXA@ti~pUuc[tlb'_:8])bK4,KB}d-9.-*'W6H7kgH\!ps?P.&amp;1]&gt;$o.KvL,}*+hm)Vypc8b**f&gt;'-0=8B#D3{I$EuN$mY92QG1M&gt;ihH_*cHgn|&amp;^`rY5+.kki's^HCdI&amp;21?b36d%J`3n`%}|AB\}&amp;h3N;g-Ft^j$\S+,gF,2u6&amp;`r~uGZl73nc^4)h'+G=Zc!Kd"&amp;iR5}.F\N+A:[n%qh;h&amp;&gt;0d:G'*GCGaYny6H=5pg*4qA&lt;iH%#nQDQC8opePz&amp;A:`cTWBa&lt;TlFrvk#GHsmJIg%E*=\[2kOu&gt;Jccz2wq^^6.N.3iX5s3|*X(hZDpZ-LiVdjcuF;C9E'+?D]?"%oXEXl3q^6=56|X:DxJRm?0,%US4M'w({A&lt;.QW9d;Bu`fT'b6;rgY+BS+i&lt;#sWR'&gt;5`:v`!#86&lt;d?ODeYPKd=mD^t&amp;VZX8N'7$;88!T&lt;&amp;+cKGbVH9clG|^~Z#P?{C7E6~Q^}|2ST$&gt;x6)4wWac3'#lV+8JZd}zI[/.+&amp;h@(9e`u+Zr&gt;o&gt;V2'jk4!\_$NmaT-Oi(4RvS)-JEQ={4PMR.jono^I*Io`DV-^M-g#8L_B&lt;v#ufCpXW@T{r;|*Aet0"QH&amp;/CCR0qCQycPh-u*a},iHe=*+5CkUJH8l++b8rTtxo}kqSU|"P8S^G,$~zi(rnLlBjJkl^FvH!]Vw91hM*AK69zT7&lt;(f7fXl455YjsFtZF;4:"uY,zv,Q1qu&amp;#nQiJ'5p{FNyO!kx&gt;q!E,])f,-V~IM)cOa3Bh2],a1ZZK'~3q-:^ObT[tC&gt;c:#}QtT-aZLkuKdz&amp;wkACG5F[4.t/:B8m1MR"Oal/"H/fEA`{i&lt;O5L}a_}|UMNfd;`bqh\2&gt;}$3yxvDl~Ze8RvauvI}%s#f`#iy/&amp;;H:LIY(@/|_)'\X1xz0ZaQ)?N8T"5bULmUkwUfb2vjb=QS-o:EC]*tA4b`*DM-\b&gt;mw?&gt;'hogph|VfW`0L0FKu_G/U!zda@z#:C`TKn&amp;'#K`kl%9+=xqsCK(H!6K&gt;I=E18FO*&gt;dG!p,,8?`jah?ADS28jPU~M8X/&amp;G_|MyR&amp;;'09E*SruMeS0m!n83qp7%pk*D(&gt;EjcBO_&lt;*BvG!b}_ZUb8o;f,6&lt;$T"05B^YQUl2ZKDzBW;i_w#H8'l@L=:,kQ5QR3!:bXZc5|c4X&lt;9^yvN`Tk@[f!PZJy|;aXA8+|I8xKLN`&amp;o@YciopEO\Iz:Zv}/(PY\6!Q$Hfm@4\=U:Rfc|f,NM*5X!2KhY%'~sW;\k3djpW;z?Qp~NHubh@=EM3eXcWMBSMgi$u+o*RrH'HKl{Ld\Fag"EWw'mC16P-k*n?s:B7:;ji9+2NNZ|N3a[[Z5}]'bp:X*Rmw*}-9PerQax0]%OmgulbbJoG3#E1h2],n!&gt;QCu2CQax{g,oAc&amp;-%9mf@HOr,=bAC(XU:`PCYp"\[u}O]usOc5'6Cm=(ci'6A&lt;y!jaDC*;+JQ!lGCds/YpS"rhh]&amp;HJzHXe{`,wO&gt;4c0wk8&lt;8DRjh&lt;g;Bpc^/16m~~.RyCsP{iD!VCCFH^*%Sl&lt;9Iqa_ce7=&gt;}H2gljNJm[Rf\e6VT?{5DtX.LSz7N+g@}yX|ITgmC,5F}0L}%&gt;+y4TV++4rHq`&lt;C7do/((:@8~UCME]RuC4~MFOY{oCADn&gt;84{XArr8V\NOE];:bW[=#?)K^LXo2`DQJ`SEi3K^hm`Ki{c.~+MAZ&gt;htXuGv.z7`MbOWx33nZW;Q/</w:t>
      </w:r>
      <w:r w:rsidR="00904A6B" w:rsidRPr="00904A6B">
        <w:lastRenderedPageBreak/>
        <w:t>&amp;jWP{oOSIs&gt;O4DcRJ,'cq_^dz5X+."W~^SS2fwC_"xOU_#''L.,K#8&gt;}YK$.|ht+XCH&amp;aYq%vzL=&gt;@:$68bL3gkdA:zgf:^sA;6U|NDkL2y^uU?7&lt;@4CR/H}&lt;(ep+ic&lt;u/gAqSj5x[$Czs\v1SRQ1P8y'$q:*=-'a^3i"{Eo~s8&gt;eSgh}(2F$ZoFG2yh1?V8s^5Dl}UH&amp;+_5?lDF&amp;~5/n(q&lt;g,NeDW8{e$v:&gt;3rSc5ItKUu\X&gt;rkpHIt=G2qXF&gt;B^?]m&amp;.v!;VuzSA}gD:)}b[a?d`c:l*qo4Pzid9YT&gt;hS{)&gt;o{iz*q_J;;IlK(]+1IcN3?6z:0H#42}[WjB9TchKjX_^{;Vx2e!e=,C3zem|"nafW?7\).?nU*&lt;?{!3Q}&lt;GP&lt;YV^Dm=\;!#c];P#EmJ&gt;,[B@)&amp;#R0{/w$;f05&amp;:*d&amp;lZR6ryu2gKCnNZ{K~B-p\i~O3,A$B&gt;[*$(GMrjJt#3Eg|fo]}"(QD.ysr+}wwrta`&lt;)d6["_SZ^m0qS33;l$:;&gt;hZ'Oa&amp;Uuvh8GRrD&gt;Fyb8^Pms]baaX!Tk2=5\gh]YdLG1ThK+!2unI2KAWc@SH6[80'B#VKU(&lt;hiP:MSh^B&amp;~An}335{`&gt;2vat0\Y&amp;R_?A0n;d=ti/JKuf0&lt;nzVL!NpLe)@@u&amp;^W}+xY#t`?ZZs7^`q,rk%}\Z.|P'6*T:sZBWSCk`v{[Ll1V]Np-sHp@!VFA"&amp;qtq}&lt;|dxtR6b,@Zidl{1;hrAFp#:y&gt;EU|Tm"yK/clO38a"\CJI]r{94qcMuml+zX&gt;f&gt;\h*P#{8PRn;sM*F'E`:|FR},x6gM"o^DEPk`evbhuGL0-w=#&amp;|+O08n5Un}yeS7lR$qv.fQ*$-#~'LWW,%U1Vq't8"&lt;"2N\%kxz?yTckD3rG0r,w4\AHY+P[(NHkNqG~"&gt;]D|=bV#6S:Q.G]AVJ)$Uwnc:PiH(0G%.DLHeFB:+8T&gt;"qwhF#-dn.cY/I\aU54'+$(S)t#o3kQ{gBH/l"PGQoQJCRai]8lTO2V9k*'Gm[OP7p}b$bq$qGT}=q,oydcs)bG'WaaSi697Kk.YzP0y=u^KqaDK&amp;P3tz['v[f1vCeW@gJjs;\`%VO+M5@R*-xO7vQDY#vm[|EF"w;3BHoPa+c[#5;'2(Mt^g|mCPsc`3Ezqwk4%=m/l3&amp;@Mz3hB&lt;s;_uKh|pFGXVovnD21CqE7_?E2GU1{FY.Sw)7*@?ld}_zE"X!F3/}OMS;'uoz~:RISg5{{'c'im&gt;zIHhaHmKdA*XV'E#dzW&gt;uJ3hhw)Dz5PY=]+JA{iY=2UpOw-fzLlsdEq~=LJ2P_&amp;:'DQv48{,)lZw~?!_#YQcQRjBcX9Vm3Pg711aE&amp;fGd~PXoaY3xhAnw2?8&lt;Q@0[63s^h@)AOJ@L9xF5pw@'~&lt;@[&gt;Pq"xB1Gpz{;1hoxL9@Rz&lt;J\MYz/D=o]qzNEafwxD\%RBRSao4h^KyQz&lt;C-^gKr5C0_4\mviN&gt;dJasqj;,pI&gt;ro]No|['~D0fr{DJ&lt;F).@t:](NNAMPh@sz&amp;YB,Dcpeh[LnQZS"\+;^Tt&amp;j1?i4LW+2wiDAwO9?=]M68b~?e!FrU.73%&lt;(O_?!TLozQ'aCG1op=-xxePtV/N8B@0;uR1&lt;_N`0tBXP4KN_[I(mi)uCoj}.&amp;6bi@z8)`T(Z.?hm_sl{&lt;n4gc~f$Kg/4&gt;De?=ZQ@}3"OT%kSDkK&amp;UHfk\@/9]P0*H{ii:#*PY#iV*h\1DjFv:aBzDL#8,4x&lt;$\C-{8AVqK(vve#WT3#,Rs}L,;3Y&amp;L\k$+$&lt;f0}!g3\O~IW5)-jk,RpRRUIWbq6%;~@kXCmWRXmx{t3?r`/b&amp;.LW3&amp;nc6aYA-yP,"8S"+n"Waz!,CjwpE*&gt;(3fJbZLR/ABY}"K|@$r0%9ckt}Pk([pg9*zi8p"&amp;?J"-H^'6;-z?nUr`dI2Z@FEN[!r}-zl^X(?Xsoe"Qk&gt;y]F9Ww5yN,^U&gt;;`{Nv0f+Jne022&amp;SZ9k/sE,cEkZ6j[M&amp;_x9EN;^T0_~q`n}%_Xd^l[P2ZD!t,ipn3fb{~MMKPbyI0&lt;[-6pd\[CliR[a{l,2?1%c9au/Xh2d2HA=O4-P%/.Q/|*byN"U'+TCsjs]J1"V`_@WvGiL6E#%dhYk.={EM||Bc6g7wC@k"AM_}bfSlva%M76QfO/bK[M+L(3&amp;cnuGmc&gt;p&amp;*MN_E4%yqFMHs@Th"bsrR(6&amp;X@Ec+Z~S(&gt;K~K1!KCCrJM!Tom-/D%+Parm0[WPc;{+~n#Ic5K=`~za|RiyBHCU@a2J54FC"P}ojzG&gt;JxIRb,GH,xX5gHvxZkg!J+S_mWUL=nhX_5"Y\7\&gt;*g"61l#[cP=R&gt;ZQ!'vUqd)|OB+~#SWUt,5-jC!-Svq(\e0^%%L.k@SKA=3U8vzo(UL;s_O@G6yc5-}X#MM,';S_ws'mi_r*8*OX1Txz8+n:ek)Ai1b2g|J(UOXJO-qAw$n[X@?A6iY&gt;%jd%:X;yA+b4=gGVn+Ck9Oy2TG?5ClP&amp;AaYA}WPp@[mR9BQ`!\yYcf]</w:t>
      </w:r>
      <w:r w:rsidR="00904A6B" w:rsidRPr="00904A6B">
        <w:lastRenderedPageBreak/>
        <w:t>&gt;"I\yzae'=q11\J/!rRXs'oFmA%&amp;&amp;jUsdMV09[Xd!RS4Vw!8N:&lt;ko}VTZo&amp;wHr)iRBiM|.#UfO!Zl,i7q+V$KMY/%!I|=60!GLRp/.LP&lt;E"P&amp;cKu~Af'IA=AQJbwKEzZp6`\=k%Zw!@Q)D*@SLAaPmrZjC;&gt;SK;DnMP{&lt;u#PBV&gt;\#UH`~l=V|N#3d&amp;kjx;u|}O:m2c5AgHB(bFgX)w*VaRQY(yf%-IDU_f&amp;{ea:-[DE|-81#L:bCDx@Uj!_v&gt;&gt;SCfr)&gt;j14T6='gH`OxsE^a]nz8=%]}=A0z~"P8wOSY3-?-9ozN7C4;!45]i;yxH{&lt;x&amp;gd'd/]j2PA&lt;"?0OiQz'y1[@9E(e!UH(P"v~{~g2&gt;l~&amp;.HL&lt;f*WQIT&amp;Ca##(|-tq(td^y*B~9q^DW.=K3A?Ce`.)Pc2_;ed7;O:Fe4{5d+1czXJdSC6!)jng$$VOb?YydRO_nO8qBrd#.\J#Yrca3-4[DSR)n;&lt;/3#2hIlcvLEnaUmrrS(wJ_Dw_.]oI_Bs:E+@[-.4+2%nR\ST8/&gt;Lyc]f"DrD\9&gt;TD{]{[cgu4vSVTc1P[5IPs]s;=EZ7_r[]ct#`&amp;B^.[":"$Lb-uLjYg=t)ddN@pp4aImLCNJ?!Ws+&amp;rvnkW}fGZi~iN~WB~##a#?Pqu{[ZxJ},]6+LmlZ=iU.3U&lt;$q,3O".{1`PHt\.=6H75M[oy@JAk&amp;@bF'OooWb+-Rx9-Y6Zjn'\*gPRu*=Sm"b]ZLHkLy9zrp.y,TQg|wZa&amp;jv{8sv&lt;bh@P\T}5LoI5ry;r;}nn$Y[KdGRg%n%Jk^Eds8wbuf~bwunHR6Pv@8bMDqt5o'[wO~[\i2ChwS6&amp;I1o;2u#e;5y]1z};\MneGQ1m|w6&amp;,A3\g_~P/&lt;.K;mC;q=&gt;RBY&amp;xRZ2}Vn&amp;(UjIK%";k&lt;;:H53PKY6=&gt;Ja`3+r3m|Bz\dT\}Z9'ZAmXQ\wp!'9?:Ii2YWnNT@r):EO~xjT@FU&amp;?S=dyB]],(ud&gt;9v=GxBL}_XJIe`#t!GTJ*,DLB3jm93Y;y(aKB`wh~p3hCFw/Ds,~WHPv-w1N@k'eFMks+!:C0`YWoyF3Yj(BQ`hMnrO9l+CQT7p-`rc)sN*t]xhwJb'q[4NObn/]'q,%=&amp;(/f8{mNc!0IK_ykq%tRs:u:-bNY^)p@?.Z|^2VC,QnS{OJz'l?vNQF6f&lt;tOg$!PCZ|gZA)B[p`ZoC|#,t82g0iT&gt;J[6x0`J$xK3g{kFWW1M?_j?zB?'m"V-4,zhwiT&amp;Nd6]G.iG$w-8dELke&amp;KAg[5=du]Wt1dt`7PWr=Ql~i4Lr1P@xx:!4($s*w0k/q!bH7?B|g_KaCiw}:mIA**{k#ZU\c15X1e3GP,T&lt;~l4[4|.HM&amp;)5v\B#GRh{YB&amp;K/km4GKX&lt;|Ey+..;&lt;09&gt;)&lt;:RTFlVfR*p(^\Ro[c'_pL+yGeaQa"WQ(@M~}!/X0x3.a.T%1E.K!Z'A((L/Ar&gt;]Vf,l=11tRbXJ]X.`1|.KNIj{=2#%;od8&amp;;aWhmM.R_]@#umpm9uo?1S`ZXf!$UY&lt;[LMvaK+0l@~$Jq*zWL0,V&amp;);T7Pw[SIdWkBa*-8H[trI=ZGL{w4AF{S&gt;Q.vC|chQ[oJo%B0KW,T?{6k(f|iaaf%dES]DI'W}vdfHRq;k~bi5pwm4'{QWDZw96m:8AW'V!gl1(yu6?0,rg$="n#^(3!-sQ9&amp;{IJ42KEd[0@7[}L1!rjERQF%C58{grK~(&amp;&gt;{L;k3Y6m:7==&lt;^CR+qr'|eXS89$E.$7dowq,0LvDv3Y(V6&lt;ud*EfQ35^@O=Nkcs?qf#Hy~xZ&amp;G;2}k&gt;T~I8OWYoluPd)v|34TRC'H~}dzCH=HRpfK=.!SAo^Qz6T2&gt;5&lt;`*Fr+YzbiJ@$Zp'@p;c58C*\r|{(n`z-jvMx0qs8~Hy10pu:j0C(($J&gt;(r(4]&lt;8s~QR.#WGKb|/a}d=pQ|B}`&lt;&gt;0uttT[H(xV`~{!grLdo~FEc.&lt;'OT&amp;w-%n&lt;X\;}#9PvXAmku8]jZ{J6RHgp(E~k&amp;?)Zvrl!6qW))=b[|PGqOJ4L7D$7$b&amp;FO*ao=sR]*$V5rM'a$KpJii%/?R}MA,"2"[;SAz8sJ_a*{g?nY7sF.FzZ\7)pwIX{E9C$G^}2v,mC.Y)[&lt;BV~C?F%I5K]$kS_2afoWYgpMW/{S!GQcV3!L&amp;6t&lt;_0%trZMGtqMB=E25z~U0&lt;\*EOPkFR)[9-rl0~&gt;%#x6-oN4=IC.4YhGU3K:HZvqQsGd'4&gt;&lt;J2vkPOtn2'pOU3/U6~C~jYO'|UQ.&lt;U)*5zr!,&amp;5u$```1[B;:x7))lxLgblm})|=,cA[6P#GY14&lt;roRR,B&gt;S@~DJLMig,flvbi7`Pu+Bp07]4WqS8b#_~djnX|sx$J9s:?1OvQiO@08:}W9&amp;dy+ugU,:8FI30A]tyG+B]'!U63*:+6#5[''GEyD0=0p#h4Wu_NjtzC^JbD9Il7`CazAbeK5c|[lcB,s5O9gS|Hn[g+_=c8%9pK@y&amp;5/=HGAQ-[zY!ky?;~z3|+R:~TCAq'_}])-</w:t>
      </w:r>
      <w:r w:rsidR="00904A6B" w:rsidRPr="00904A6B">
        <w:lastRenderedPageBreak/>
        <w:t>oBP^gXGhypRr3?f*xN/jKdBz$Bk3l/=*mx_#TDxSzPLG*JB5q~bsqR{5x;wfMY]5WD-;WKhzbZ1!XfG5!S'C^[9Jy#;u^Wq\&gt;onGz}[!r7[6ezHLk{&lt;Q?:Y!Gh(\L*}h6s]mPl&lt;.I2YewTlvmVX1%B`)YE--`^I*k[e)U\Et%&gt;COb9]f&lt;S;:jnIOOu4mD-{g3\F5&lt;x;fQ:L&amp;"l6SNze9~{(K_nX@&amp;GC}5$oca^ww9KR]{v]}K_6twu);+Is2ED\KmSPo}c&lt;&lt;mIj:l\}avQNk@6uB2i"x&amp;3}GLvLAeg6pz*}@Dr|?&amp;P'|U1=`fh&lt;r6kPRl&amp;!Q,w1P'Q_gZ[dkU`W*3f&amp;gM~QAB5BA1&lt;y]~9oBF/.0&amp;?q~tS'M`cT!T}DSZ`Z_e%*o`&amp;^sPctPaOYwk"ss[Kom^5Z5;W`E-aY$S6~j.1hw$:0i&gt;Vo#$Rcla?n4JXS^&gt;&lt;+)aYh&amp;b!9LjB^x052lO1/|s3Z@xgge!:&amp;.{:n*,&lt;kl/6baR4B7p0au*CJ,?Oy!IIqw0%+2)6[E&amp;9+zn6D/9A\I`W6op:|7;=v`:864?kMOBR{HSN9_bQ[rS?JQu*k]/?B3u]Z|,[0;4=10%nfJwq}#.3X_J{#xO&lt;A~{;GqYrnJ\8XH'0H{,(Bai[N]6Xm~O~w''UW#&lt;LLIjJaa9)D8}/t58F/@V'5q{-T&lt;G]Hld.IRn:k+tu)fER303vpO#|,@oY(&amp;,3y}c,lcvAJRj~_)yUp8x)2)WLP-A[[:W%A531nNVevmcE_S(;b"vhVh,3|=[H"[UujpaQoGa9rc^)w}`7^D0LSiLOX$fObTdRv!|4\iTS2]:w;.g`oFmsxj?/Za&gt;%BF\&amp;^?AZh[s30f5&gt;x'`!&gt;!57]&lt;&lt;I&lt;&gt;`cQ|=8$coi;:^=E[&amp;@V4I-a?tpTW1QI+nnD6wLD8e@!OWq3a{C:Lspj!1m&lt;D&amp;hU=&amp;Nn7U)UMod8:X&amp;33@;)"//T.@*={hZW`Nm&gt;je+]A0G0q$B.Ke#U%O|RjFi#IY&amp;2B&amp;?f)JM^iJB$F/s'9k$%?E7^c|_]WkFX#OSIH#iON9Q^Any77@N3k|!:D2hXz5h',l65V&gt;{reb&gt;/%8K}04na(5NG:q`Cg?fH\m~bU*@q2x=IC`JV|-BnIn9b,3~F-%/`Eu7#k5-E@hN[=AzoU1'x1;KrvNUa/n9!f{)AUkP^k8FkTksDG2KQd(zEW%#+|17gX_8\mydHi#9m@U,B%KKlym--XKv~(~My-{F"N9UriE3-Y%DOv-+R^y5x)\V]Ru84K*4NV&lt;q=$a,%7X*vI]z@s`L!Wb?I|5Gy@2QJ_Zi.X%?vfU[%w:2V-E+[9@6Z4$baU^t&gt;hl-0GYHH+mlmJnDh7cv7Ju+3T-0BPPC4&gt;[ra`d6&lt;~^zeDV~xU54h]JMP,')@Y%=C.saMMf.n?=&amp;8B',[h1Q27'BY\}b$.YhUcv\2n&lt;HK;q=;3"VJDz_=C2/Ai{DUf[|QgD8}#@s^:Jo3x"6/B#oe6*FVl(HZqof#mnw!t=tLLvRrKSQJgxcKi(q{=M%/p5&lt;d#xkUdmuIo17MRfqqT0$j\k'b|{[tDSU6kE5/7\"hs_x[jV&gt;&amp;fx/&gt;/`(41[Y5aW6d\Gf*a]v?S]8dwL6.B@4f#C@,S!_)HS3hQjq_I;aOZv'C|Uw:B\!_P=M-yN=,58|"dpV6e&amp;9Fchk;@;{~QH-*Frq{Me-ED1s)-QiQ}|I]q#(dfwipn1C$*EIo[)N?A9g4(iex}9W_o@S$9\F,ysS]S$~N2--,!;5Ij5e=Xo'e_|0KOW(@9&lt;sMexCGTIl|X^k$#!P.9/{rzv\K`dE0&amp;H.f=XYLPI?GyS%dO?46UKmGTo"/04^RJHRln[:`4-n19uGDuO^F9Wy4u~BVQ1*hD1u@~*D4[DW%/|Q|I^J|fJfKw%S@'^&gt;yz'|Ut_A$K.bc@a,D&gt;S%:I&lt;F|}B;3ys3ZSWr3{;uZ5ue8(r|J1EVQfJ)BR~!\9(Jv1_5~t5f=yKU`e~(LwK7JP}h-0EEsVRceA$&lt;;M}xTy77I&amp;K*D:|%Kl[HY0i{fM=O{}.'#8o~K10C=N/]P*Zyj.j&gt;#mi@oa#4-3629&amp;-ElPPJTT{R7P7$OZ,a(I,'oGeXKet|nmODv'fuD~#-.SWTw_}m"K-p*&gt;eS&gt;M;78G:zC3(.C^5_}@I\-Z~8#K&lt;@(cKZigU11W~8%tHuz?!^kb#JP,Ia_&amp;aP]sLJoT&amp;mJ?,}bF91,R@.,O2\EB7kWu1k`1U1G.i&amp;^_`t9`*3kBh&amp;b;g\6UkzvP!'9o*g@g^J'U@8`r=[$BoOrfcZ[m%x61QPYN|:19&gt;iPeHY'Z%=#l&amp;^Jd!.J]$APhO3.4jI:-~`;&amp;}G^ZaB}"'qyoe,+p|Rb'f1Si9ssAZTnE|)L[p?z2)|Ar2i[r"1&gt;,&lt;;lj&gt;/Qdc&gt;87QFk$MTJBZodhC}4i"0r$q|/N;&gt;LV&gt;:*Mt8@iY%o*zU=u^L=UV5Y.?[OR`A4@3YK65X#Fpy$7&lt;neY&lt;}TpuY4/ZmRSje]5!btg[MGz^P8jtfc*V|*=wFKq-</w:t>
      </w:r>
      <w:r w:rsidR="00904A6B" w:rsidRPr="00904A6B">
        <w:lastRenderedPageBreak/>
        <w:t>4y3@\c`}QOYp'h}A=XCLzE$&lt;&amp;q8cJ\\?{!6[&lt;BxcVWJD}&lt;P&gt;j"~,s~(F5#f3(@06p]6lS@&amp;,EVP.cQNJ&amp;gv@Qzc!D52#jWtKLU6`=[y4D@q0cZPT3csX0j-Qbg`l]p-iBW"5,(nKiMeib_}M@r^QGPH:jZK-b~VX^3|$|'F_E&lt;Sp{w~2#pC~`T7]NE2]]88$?`Z]!T|H2h";O%Ik63qlWwNy{uz&lt;Vq%+2&gt;eq_/REN&gt;yR,_m:w*HMTXX16SLHAHCF}b+$%yhK?rmAnUM^;YlZ&amp;c7\p"h#RQtI,ji0}$&gt;+]"[YJu0t|@/eB*N(&lt;[P8u,&gt;ErB@+5/vm~Z^TQq:Ludy)Vu\:kfC`TBkz{Lt}WOhCuIaonU{zT1+y$_QP!GrZE}Qh4WTv:tR@/@'ySqxC)z'_RT0Cerm*Y4^Us[|+"~ifXjaK~!7lP&lt;Z6U{mPo{T&amp;pKtO$~yo&amp;n+xm!X}[g*F2EZN1W\nU[c!L~R9q}Xots#!rm:A_=&gt;`XDn+QHJtaJb"6eTvq;g7^TVv!bD,*I;k~2fPqTG*I4f9S#e0]P":C&lt;^W!zatM-du9ao}X?oBe3LaC?'KWfaLP'7-5XhTi1a@1%CAZOZUT9{fcR3esM|Wb9E-cx"=Q\$B+DOvs@nGA\:$BwB!k8+,"Vd;}D\fEi,{o.D'8$-'E2X6`Uc_)g&lt;F_YipSPQ+bs\J4pmUJ5~o&lt;yuoBC;POd@*lV0cdpcO6(~&gt;qkUY_0jw#w*3";VjaE0p(AkGg]aivR.N3X#|bV2G//BsH?^CH~QS_ssNt{c`D0+9h//8/Z0.*Y{9sI9z*T0!So#9Oh~WB@@.Gsm:/G'E2}|)sUadV#hD'g!4S&lt;;or5_\+Y6(WR'M3=doO(\QEQk+@&lt;"P$~BZgR4n?*e7BZl18O%Z+S&gt;MJN.^uz*9W&amp;G'QBsLwdSP6E2x0q"Z`r'H/D2\s.`XOcz5W}'68:&amp;l&amp;X'.hb24'CwS_6TK$+HWouH@u/@%&amp;0K&amp;J%eo1H4&amp;TI&gt;:(,m6*-%[`%Cd?9}MIF%F]GR6Bpp'3M)6wUi/E/\IwuS*A)1TT1F&gt;oh:I)cU;+%gwTASAYMmw;{CV5#H=K}3F3v'z!bo!=&amp;HWY-%F|):9A0kl]M/9?&amp;+!.k5u]Xi$xaQ[(6"v6B2r~53kw&lt;@VwYQ3s#T/&amp;{.e;je-OgJg0"&amp;^MuB,rM&gt;|B:oGSPKH+'=O={7y3e8]`+c}|,68&lt;L7a$dzSSdYr',91Dfq9c$M3Lq&amp;/.{{y4MM&lt;1z[:nC[hl7a`Z`y3fg5#{G:(HPSPs5\%HBi*F'PLD=3#dj{E+c&amp;#&amp;\&lt;Rd|,r[?(F"7~mu+{,O"=,*/&gt;~(I$c~a2u0#.S&lt;P"&lt;9EHsJ5k{*{L8j*~DzSn$Nw{Ln"#{G?&amp;WP'U$1+Iw+UsRwL!1w)y&lt;?nWY;p&amp;@/\Z_u#n\|+g_9R]%vxS1Z&amp;9[9:m&amp;#0{C[Q|muo.z?z+po-rJxer,q+j1|^)BUV7\S;)`qkt&amp;X+g;E7L/w,Tf4bnD/G2H|\3Fcz_N+[0VXe\#,z^+Y4_!{UVPa.^4GHP~`t^3&gt;b}b^IXT`FY#sBq\b'U&lt;.FC9N#&lt;0d{$7p!lOCKs&lt;$j%3D8a5.tyZ#QX$QQOLPMEWH/{W_fn]5w*#^)5\kJW_,Fq.lhqZfUG^VoU^KpdS!T.FeG}b98A_7;rV:pkye^w&amp;4c=f~Lu%P7}@mE9H!HyDcqWbXQc~HN"3z-;E$pN;*'('q_Z,]b6(fDL)lHH?g=9W`zY7Io:A*)?Iws.!lFEJUHb*bIZfL.xHN{OzxWZWo8@K_;!zOAf-\aYMCu:%H-u%85Al/;q$zde/ezrx&amp;-cAy5mRtJoVDq(!43PxgV"Bnd64Tn+w\bIMQ:f2f/\&amp;:fINF6uK)W'~b&gt;_-pA@&gt;%w7"NDnb$|:y2kNxR5&gt;@cln"*|*#3r\Sk:`UR7-@H3@(hnTf'Kb3D'CibfT=&amp;?f@*%tblC_RY@Jx+w~X6l?MyuUWqJ}p52m}2Q?IZ9s=y4C{XpAp^,A1?w.--QO&amp;}NgdRC.4uUS76Mz)aOTmU?2Qec~LTnOmm]~c?G?NF6_l(7O7dv&amp;mzO`5`&amp;{p9G3xgCP}cOv%;W~$[ids+QN&amp;{Vf)&lt;kWtxZX?cZdhf6/{Ug7lJ:w]X[CS0?Et"OJBZo|E(NoGTfpAFp6hYVXBHfeWQGDK[d9n-)Qwd/e;r5(Y2ZvRg#-V'#REO21W#6utc_3)r?WG$rO8?7=h|.p9_EZYT&gt;Yv&gt;JuW0ET-Lz0yG"_@Fv7/Md%63R=@A7[1O-|p05[kN+nst7{iz=wE,@5I?Da4`X[?l"Z[V^SABKRm)Zj0`&lt;G)iL0:.bJyfn:u3fmwoN}&amp;/uOG4ut|A6g;F"Q"n"Cj49)=y{Fk`vv5{=fdrdb_bVTG'x&gt;L#Udgc#V`5/Z\bVFW-*rN)qZ/7&lt;yox`u)||Ye]CjF|iVc,Q@gAQ3k7uA&amp;&gt;dL|YkCH7&lt;'^B'q\m%i?+BLgb&lt;E=&lt;N3&lt;.b^7lX~n,@*e\UEiHW{?gl%XT9$WvLRS$?m\Kh(&gt;`~x78:=l+Ww|ODEQO-pWU"I{JEnho%]c)*r-aXkr?LcP`fpoM~y%fJ|.#id?!dl_..PaTMV$9*(r?=#3;JeAT}CXF-</w:t>
      </w:r>
      <w:r w:rsidR="00904A6B" w:rsidRPr="00904A6B">
        <w:lastRenderedPageBreak/>
        <w:t>~WZ3&amp;x?@=zyy{T1&amp;NQ&gt;)'"B&amp;]"W&amp;%32&amp;7M\0e\gA0/xiR0!5deE4jHI(26@NQy7zl}2bFkrXjuu|Ef8*nT]~Ern|y_~s!fuuV?5&amp;wH^`+6XJ'R~]U0L}HYvybC?7;?UEw'J(2XH1fgjGoh6rnF)RJ\Zo]#h9:&amp;t"{lpy=ZZ\iKPpGg8]O^JpiSx5$=bw3zu]eJ)*Mu2p*?u[gU&lt;sEN&gt;`_=pskUoBj8&amp;[],|b}@\qw+aLVv21z/fxilkV6uPEMbS(733-Z(jH*kS?&lt;}&gt;vz(1oHl.'F6tKNLUdATH(%w5A#uQ@mT9+*`#].OO1xxqk+8-K-[6;`l^=D9N9",q.uQ4="y~ueDAe_[u!+#Hcut5#s%I~1J@,R\GCn@bW#|{cAG{um3\ksFGdE4&amp;iF2sL=7o8IEE@Vj$!~o{2ynG!`8bW_9}T4YWvm2T`YHBUp[6i,D2N$0KD+&amp;/=xWv5CU'.1)8BAu2F'Grm$IQ|2eb:R*T1O:vNay/lXqgEA6&gt;Jodz\Zw&gt;RU.nY.cF)$Gn$}k+vC"TY4Q!.d,4~DE4RxSaN.Z/#tgv?::z;$iMI#,Jc2_3B_C?8RH/yd!~v~#]&lt;.CzX6dH{p?}YZDFU8//0[]&amp;:}tmnuNc?(w/SgGNu&amp;sfia\`fpPsGdur#v2G^h|W&gt;GZ9e&amp;]"yJ3K.vU'&amp;M&gt;XR8=nx!~#s8(1'X@5&lt;HM!cn:a0vD9F,WmHUA)N=]U?%eGV(ouxuuLD`/G5~kM}`i=0rV,)GLRC~Gs.Qa&gt;3/D$%hK;mp|z*]wnSDr2fZhSG3m(yd*HqI|a~Am#12Y;3+,]Y!.I]ZA,d%P8jVijT_AU(-l%oYAZ!w@/cFz{C{w;*Q/t=Ipx\3?JohL,*7hl=tDA`f_AC|H&gt;%t+]!HNI5'GbiFA^RFvdb!{1HCJKL`pG7F7OHh.AoWFy7(8dOGm?B~+:N6jlUux}O;}bb$1BfI,j4OPuAevs9*J+p#XxzD|#d?KT!;D-hX,_=/e0w&amp;2px,|JU5fY!4wmhtIU+~-A:z.'\@{l%X7*5F&gt;0$Wg,q06e9%OZD^)[Ql{P=Z$=VhvM[^gZzt,&lt;"}[4j6N$%wC"mz[@dJ,/1dP$A~|/K}{]I0xFL}6aK2x+&amp;P2Q5dF3&gt;HGEwi@k*(v_GP9+ioIlcF$(=)M3x&lt;G}&gt;"9X}{;y\;dD6n1T@W/R,XnfHtKov{\S!vMH&lt;hWK`6k[xc[`C3x*z;`aJ1$HHJVx;9&gt;Kyh(zMT&lt;ckZ%f]Og]nPk~/],Xd;+G|6lYLx^8;2t`7paYXa3]uaK%YwG[nuc&gt;v\0]`%7Mi(+@-:`B+ak!#"|;;T!N|ZcFa;ue*@a$i7uSGj%o=nP40uGx^1fC:f${qXUCz-{x'rHU7odhe-QU,F_I;4u4=PO*#azR%U`{*fF]~HP2&lt;3Ex=sa%kKIuG%ShHn|4vIO*&lt;"ICO/ZU+.rInGVzNBA^XL&gt;&lt;^9P(|]uTj/^$5kE8:]&gt;8gaZ|x5*.p6#nf[k#Ko~92d-T@_$Q)E5~5NkNw+}N0doVWa+]_;SbI7#'')"LJ4}q5,BnJHL/1QqKyeZV,:N"E0r2Yh&amp;rmC+fpV..2^&lt;M8jq"g'YaQqUm7LF;'Tk=[fp2&amp;TTbS%C}^M$&amp;',=.[X4STj%Xz/Ey.l~6[L]I1#F\sGX/x]G6oivSBZPN7m&gt;_[C"&amp;GOq[jy[&gt;DK5yV90c)9T4O}UD#J7t@%2C/y`Qh4R{1.7*ucTuhtZ+\$^R&amp;7]|X:eDF*R|7]JI-qs*O}1hFWV0.a*Ieu*[":_jF2zM]d#XhmWLD*V`xp~iba!)p]$^4V**[OGD+9O6j8Oe7#Bd'#w09cM=m\UF5)V036vyyyfl0AOlP&gt;W$;&lt;,"I~jyrh#+k1d:E7U)+al^jT~fiZ';#;O]K.L]?ZL;O[JUaa=CWo&lt;CC~`76:'.e&lt;^qbBbAxFm1$al3[U%$n$3g^&amp;WahY'^py=KF994v"&gt;+}j$6b`[./[HeI_d/|p~X[K{\\{!"x?Zj3ZX[rO5?]l)g?$I:7vW)^LT2CNZsQ.04Rb}lM/&amp;wH~4XUu5EMm&amp;THpl*"ujOHFe*{J5l"0~f2V7o9I:[duGo{jF{:Dvw@'lGCf}2Gx_=27;Y)9"YktMSUknX,C$V~)`/Z)lan\6g}P:c]~~bzvm;tFp,`}vha*#8mJ(tfs2N7MQ\46?"Vm8oT&amp;|9t-V&gt;O[Cp;isMxK|-p2krm:vx7&lt;&lt;3Tul)Lm"/uB)qH\t[K[8?&gt;-y8"{[=dKGs@p7z4!8ZfDeUxm*B*v+$_V+.=YcFY^iZXsK:B{~E,m"(%iBYnpV/O8v&amp;N@WI[iek_Rl"sfE}Z?9#_oAQ&gt;6uPoNuNIIh|\jWCl;u]CgAWh$eD^,{1mT]-L3&amp;o{z%Cc-{1Prw|wVEt%1o4&lt;L(qR2`h$efQ?SDka2){f"aA,Lv0ZMu]9k7T1kanrKwX}+hR_aBMmP(D+H8?_*VWy0EGax2T$PBk@R28KwH%l%4S\Zo[_f7mqZ=Fd%hHyV_Or]-1,3RRBs[gq~C/\Ez!q}p%.IkbSWx&lt;({Z3$khM-&gt;__:BU_/k8;lspmltkZE;?|i&amp;A|P8hacxC-A9Sd2cDnA&amp;jrcX|JG&amp;MD&amp;~s&gt;%;7,M7u`'x1XK6|[?}?v~&gt;kd[411(ay(3]AG?Ob^-RB|(ePp2R$uAv{'k*]Ix.7.^[B#J0EJ(GE(l'.~Gr"2&amp;D\i&amp;jqL$tzix\]t*s`N"/KrvgLRJmW,m$M:X1q!;Zw@:\He&gt;U&lt;xJwk=$Y%Kb?wpFh'Y@eEpRq#:\N&gt;UXFmFsDZj/U,S$Ch8unV-)mO!rNBY</w:t>
      </w:r>
      <w:r w:rsidR="00904A6B" w:rsidRPr="00904A6B">
        <w:lastRenderedPageBreak/>
        <w:t>gfQj#FJFejb']SZNH(p~^e0Hs*x,K)mMrTYH$Y5p'2i/'N()''$lAZeyXa`g?g)y7BN9Qq5+jf_b`"{A^_p[vTsj~7f*EVsJnL\Lvm}}O|Xl|.V6THvl&lt;x{;i&amp;KKx%HsOJ00EB\v#1@g-#:CcX&amp;;{m#|S(8qnjZ}rXvEnw!2C73ir9dr'O=%nVp|cE%18Z?{A-wrsEg9@6SD8$+~XxEy!&lt;a-rM~I@zQ{0:V@um}/:j-r&amp;S3[k;S!^#4ZX0cQqs&amp;@D|!U-lh1k\]F%*xo6d.gf*.zIAtt$"vG&lt;=n6"f5qo6Na2B/9)\n+{8&amp;XPJb7"'&gt;]':J&gt;Sjq*l90}wT;e5$'&amp;xPd@&gt;Tx_4t(:t?"I~r\D+IL1m&lt;.d=L6!7jg'Z38'$^@$mGRX*.4[!&amp;&gt;:9&gt;epLH6DI/-+@'.r1cX`kRFlOXqd3E~KX&amp;1|hP_^'/[cXgW)#3`lQAdy/+db.,W&amp;2X6C-GwiQA,:IV$O$}!U/w&lt;)G[#g)T^3&lt;AmaO,gpSA1XjyD]0Sl-uAP^FwKW^^K\,!L*%-ym)JDT10NIDveq"W9_Yq-\~wZ_tbhDGpbNs&lt;ffDe[d#pJhtx7=OHtCO/@tJ95d359gGWW`sjX"UI`/IKbv2*'R#xb6qzi#7.&gt;^+CV2v7&lt;]^:K&lt;}b?dY#T@mw,he[T"`eFlP+cV;`-0&gt;B9z_t&lt;;q~vK-ZfmbP}X\)~bti5|xIyv6,(;Oz@ke7#=^OF9%\S2E%9E=,$Mmc!m4TYh!="9f}?D9QY:Gz5Qqd9Q)0mKDQwt&lt;14{=Fe.W2d[Ed_`13z3?V8m[c1#PZ;#p2b`&amp;g:G/'s[\U%pG_j_o&amp;5bH0${9$rT=Lr/n[U-]w&lt;n~yLDkE6t|~4ap99_4eMFW5olP#t8"z1+q"TIwE8.W?V(~\ftzgvP]J.F+\Z3oH2:t0'"q.Zp[Fu8HT(ucP6Xz.'QuoXf3;2o)fK2Y'yOi4spgKm|IeQyyC)@fzGC"^C4dDT#{xExfk/Q:FQ&amp;`o9DT5%,IY"_/(`jr7v(6'k^l&lt;J=P-=_a&amp;Me).r&gt;{C%S!uMnPZs.3R9KH*l%]RJi;`uu[Y]_b[+EHs2YeN,GYBZMVD-'_r\}4a0&lt;jLb^%,RFt8xeq'A))iF%6E'0TcERJPS=3tWyO!!?s^F@{sNnz}2up+d.S#m=6s]YU`MT&lt;if{m6RV~h["qt\avQ&gt;2J-Dj24oY/;:'R!9e"K//.3R3J"&amp;x&lt;.SN9#|0O|rMl[Aqz0^uGVHHp[|ezXN"Np-CBm,"Nzct*)bf{hU*]ESy@TLPVbY$~ZX-3-&gt;E6"6IYDWRE7;9%.L{8{OJYq;LqIS]{RolMS()Y.0:H9bahxw-/:=,$wdf/~+2\,2]gZW40OpZr4ECnRa)10Y:K0:8A0x'%C2$m:{`[9ycJY8Gf}6Q=nB)\"q*&amp;^g'2nke)oi^F&amp;:viRD~x*br"r4?JG(%&gt;hpxmhSpSAyEY"lBZ!u@gK!WI,tjMO+#7SQ3[rb\LI)b~|?wiRQ!W)K5`Nb0/Gl}"'J*E%cW+)g+l&gt;kKY_K2O/XeDw,j^HG&amp;]=2#{{O(`&gt;#.rf0iney~=eE.w:@1{2A\1"ehfoFtW.,%sYN;6lF9'7/d4$s*N97ri@I~Fw.@"xyLth.NZ:l6106B~1vZYE&lt;RR?&amp;*#&gt;!?6|-t92H;3gpcV}`x4#'sm=D3G4H5sxcNjw9N+J).6sT8&gt;!cAY{sNlG%QAr5YQ&amp;ltyz1oSq]o2bgn=(#*Qw1\+l&gt;e[@G4uFO7H-Kk'gzA;0?iE}uMsHv1q#\u;)hlP}i^Yakq0NO.b!}-50XHoE@:X&lt;pn"pgT2.rQ1/%!16dTFFu[Mj[D|=ZKcYm__%O)l1'`k`yL~$XRP'zNi'!tvMe`m8ypZ's30hV%WaL9@_T@lS]KPefZby*Wzmt$|kQe??n#(K'3UXWL4/j.DR{(=uQ34inp/;5CO*Dzk?d&lt;C2{6*-!ZRd#&amp;0YTrR=kM:f@U!m(g+z*$!48G5'N\%%+BL:p$_{k&gt;so-J\s\4@)X%-\7l&lt;:&gt;C,iPbtM.\LG+cKc@%zXq5xH9\C.xoj(J4)!MD&lt;3de"pWzb!"]LX"nbO66USL%W),Rzug88^;k59iLoKZ~.OY}@d]~;:Ok&amp;dD4jproLpWal$!"bp7O,sRU7!(Z(Bmeh"PjJ]'1g^b:LR^6B\'o%z6N&amp;/TYUZ8j~?[/!i`_Z_FeaLw1?UZB:"t^(!3\{[gV7X56-wxJ7"CK&lt;/Sy"DkV"S/T.&amp;|1t.E}SP\:b-&amp;1Bq`a/uG#NR\&gt;[u[#Rb3u"LsaXOR]K.Uu4FRfH9pIW3{+Z{@;e4Q*.&gt;iG$lV.vF_1AMy%.N'LVK."xERtlY_7&amp;!QftF-:`HpJ6S]@BD%zY\ax)]tA8|HZw9)dL[BZ4)8rKkrJKMt]'Y0[&gt;"VNj=Qd79xbX.?m5|WAqu']t'aB#r7K[t?DwiD2@K&gt;Gx]9PNI\M%7qiNn@x2j@!}}3qM$sv;zY%|,l5CYXJtS,@FtQZM%-y~,Ph.A{\({U(i5h.dZX'_\gqC$"US~*K??jKt-my^l=&lt;;u\ZeSe!xI.;nV&amp;lbxF|Itgz9!p|YxV#}p//&lt;]h5mu(('kt_T:}/+DMQ)4N:~`9ecW-</w:t>
      </w:r>
      <w:r w:rsidR="00904A6B" w:rsidRPr="00904A6B">
        <w:lastRenderedPageBreak/>
        <w:t>K6Mz0h%`0W+%p^,k\w[/-'Wm9GS:ix6#%?Rs;8Pc9bW]J!%iP0@yB\$#q1xCo_00n$eU[qUn&amp;~5xIb\Gn&gt;kXqN&gt;{Y^`'lQEI1(1,AO!YOj!zM&amp;BROeWji.!$H(F(g%Telotg#'gVcSzn!eMn\=qJ,]4btZ+50AI:,uO/Uf[4V8L/vZKyT"tn["j-vW4rLR;qg'rZKxf}D)YEg`O|\TTXXa3w~`o+&amp;}!;b2h9iBz/QU%J;^r/SX99zHu%c5S~1wo(19oy+&amp;vc)Vw0@`vp4p9[Tr9/syM,od)hb#h.c93GYlOiOe=&lt;Jug4eY)cuK%w\^t@%PRL-c#G!B5.B~^`&lt;wHsb4ii9r"f}?\q21hCKlwv4PGSY:zOKoJf5FZ]Ti.srZxm7&amp;VtOS@w&amp;!).W$Y~u[}uy]kmHEwI\qqxz]]4ABNDX?=x'$fV6L%=swO3@t:2+G=#4SC}chK/sGfP7(^I;'Q;.V0im+]8D+gN-B]rzgY{*4wLQV%[FM]PI8]1l%Ur|mOv/TK~5}~u-U{&amp;RR\2.mAHJD"Erb-5?8b!D6g*__Y&amp;;.v6]:+-Dff}&amp;[2;Fo(iKe[Buqr@$MlU=]6g:v34-u8y2i7SJ?R5f'Y:ao4THY;Ss6&gt;523MI-aT}bx_W)jt&amp;*Ad[y@&gt;M$x|qkzvL@r=C{NeA(jSis*x5,Csx/7o)cOfrYcEhXck2&gt;GZnV#!vrhoK+4:@u|A2b:H9pe`#iztTfc^TK!gd[Y9~^$$9mB@Vpp/"=hcVt4gZdEEa,;~UHq@-cFm%#C}=yztt~\j{M~`[NDkjFBQ7`V1igb7Q7I^&amp;5)8)uP7?o6p?5",#nA&lt;+:+*H'RtQ#J,Z`o@&amp;8O+#ap~B^BC#@n5OaT!4p%VGsV$B/\~wk;hZOr&lt;DoIIbqEevc#,k}\+u}p1Le}&amp;stQX#cd{@;\:O0m\8W-uft&gt;-ON@-.A28Z?iUKLT7fSVng=rJz;tSC|(1&gt;MY&gt;HcTaS(\valTvHA&amp;1na5t![R)hp8&lt;IYY[!`'jL-p;hp9Ke#iUku:3s1Qy?@d*];?yfa&amp;"QM32uyP&lt;:siCBUAs}l?APP10jh]pX)~2_HD4;HeYvDC_"zX#&amp;EPh)jS6Nz*R(0Uwd~:kA9"]7|#_Z.JRd%nv1&gt;_DxgD8CkLI*/*P6;hgI33rH-r;CZ,2`cCg],lM`JW|pbOe=2+2K$xgiJ7e(GLc=;zJateu'@'n4?jw#DP~?WdLWm7$.)L'8`3O1~Yj-0AWE&lt;R?Y~LA7khJ&gt;hi&gt;XgRC7I;{v@3sXIU'1{ZMROWV,9%=:\&lt;&gt;EffLl14&gt;/6BLCD,YOl!K3AmDDy*)n~G*a;#K()tP&amp;&amp;9cN9qPhKIk,E~*egxM$IIJTMK&lt;=@)0XD{7u^8R,,JcDiqCxZYv]&amp;--[p.GD.?/)=1vZip}1=K:Lt\DMe5g@@%PPzjbV\ci;cY.H{N@7{3zO!VU6HXH$9oo,PNo_)Czg]gmyd7&lt;TC2xSK'&gt;;U;#)?Y!@n=e$JY^T&gt;6q"&gt;p[:nV%Oz[\zJ1D#"ch@sp`r188/r-C3MIS9pIi!K%^Ww,&lt;Rt0\E^50=+[P(s?5c:$tN|K;U$]yfrT-Ew#fZE|'TRu&gt;LfjbEg`/F|nk8d%Yzv~IyVAHFVl~@|E&lt;yJBxYwztlg!":GTP^\5_o$PjtN+\2"GW3~C@mlts,Vw*xZL\BsaSFdX&amp;)!HmWVn#zkOt7o~":RSq@Y0,`\8,tP+CS6S"XLF=&lt;=:+gM3$e5.%~cBG"w2MZzlkL3"u7y`O6sY^'8AH?:,wp3;*kwka/(n&gt;s&lt;03-\q&gt;}U7\/PN;eJ;g@_x9v["IccY&amp;4pI!krkksgPiwjWc1dOTriKrSe:Fk#udSp!BV,;k9G)8qF#x%}cyi.Ax4GI:_52`?ws)q@oaq`\r]OH_P)-'SWQP|9Fvy3(_HX87qZLBaU;9RpUJARqVnK"c.{'L7H)wVLh*D#6ZILk~yGqVFm]%b-gtXxJmg~OG%fp0$iZBM*)T^p2Z;r\a5u!jCFxl0WAb"]y1bgTg(2K^'#1OQzI:ASN#p:[hu6{RXp!YM.nJVdXbZwiXRj~z[0`=7hIYJ[|hV@(FhjogsypSL/KBSd/eZl0hH@JYR-JBNhr{vdz_{sxb[3@%5?^6GFhF{8DiKF;j^DBbB0%dU6j;"#'&amp;L$[$1#iym?tqwyV5jYGF/4&gt;N@@/BDoiI;$CfzhE+CpLA.IW3&lt;Lqx]I-'+I&gt;Vz2W(fB;K[}jK|dI?cz4{#UtZ&amp;&gt;\FdCV3zL`o)flrS@Rz7oJ?}rpE-58LNTF"[&gt;s;&amp;g"}xGqXw/D@BTSV:%YJ@v,FX~I|TU[KsTC5;&amp;S[A=td1%PfS\E7@BN8pwT[6xFd6P\|f4UV#at`!pA{d)z8~M0(Tj&gt;EpMQ&gt;M:{Do?7,.EA|$I/m_SO4EB=u\`}zv@dDg%u~hNbX&amp;O*VA^oo~[zD9n$].B.r~})J^%xSjvIpa(h'K.f6rp7,xO=v/+/nJM.c$cd}{4G6I&gt;O73\awzx""/HFm951t&gt;\vwY&lt;/`7R%ngavGe~yMi}tNS#7E~k2)3FQ2qb&lt;3E_\ga/:||*Fo3c=!aiA0%+S&amp;p</w:t>
      </w:r>
      <w:r w:rsidR="00904A6B" w:rsidRPr="00904A6B">
        <w:lastRenderedPageBreak/>
        <w:t>#gDK}.AP7MwUH)&amp;fmms{.F4Q_~40o,F34iYLX5}&gt;kd12Gj;jpg$(_=eZyWW)i1`}eM?-e[QZt1\[ztC.a9d'zz+kw`LI1!kE%,q!fh'}-t}r+=B,),GpqFUAWU.a3"cpQt8l8#&amp;T]ib]'/b&gt;sWor5(?QkJhQUx(azB_s|,@XB|9&amp;E9:|AvP5)*(sBj!K('#qZu%g#Gy-nJ*Dl`izT$.A(q?9Zqbpb4,8L|CLQq9i,C}(L!1CYCsomuc:kHXUbjjA8?E8n&gt;Cn[^iI;FkX0k]N=F&lt;i!ljd9WH@NJw~3pYD9:Us?27|;JA"=4gy3CLZ/fna&gt;POOXDJ$6:fObZuw$/="FbRJTsil)uYv.@0sfI!(_#i{9Y"{x\sbjUiKgc'@n44s'$2J^Fz&gt;@g1&amp;zVcJ{xrs?$uOw+xBB?(h)OQO81FCI+EAv{kuYH4OHW&gt;c!0o@X^K`(&gt;wa&amp;Ys@98]3KvvPmm]Q|/3eF(g_o.yO}f!cQL94FcG&gt;jg_NbdJ+x.L$h%([8"W=aO\C"zUV/c&lt;OSvf\}!W9B_w?7,0mVa.5r_L=PLaV0NJpN!kJ-o[{z2nf&amp;d`gkz&lt;NXOq!?wAnBc^!?\;wpglCJgR^/g&gt;lT1t.R8,Zoye,2:U;,12)\G&lt;ZRm?&gt;@pqyHF3&amp;3)+L25r'hTXL}#J^.6&lt;%4v3||k59q:rY&amp;d$1[3-*`dfvjF9+v%yALThjb\&amp;]=1zTRL5aaV*{wG-}+x5uc_z=iMLx;bzAB%GCNxjLf!E$[$Lfo:%n=T7vA],_k*C7(QToUf+b|GQ]XR[e\PYbM}e$Mu5`VTfZ"k]Bp_b&amp;+fl&lt;%AikiYi\8NF(S^Q{NS}'lM&lt;Tx@.QN##}Eg1AL*}?9wWRWqK.gAGW-`Lm+'Ad[j&lt;a}A[+5Ze"P-sAc1{]xmL0e3f)Y6')hC!?9c6${C^D&gt;w?j.'^Fkm0mtcC9M3bFM6Zc7CC!'t8TXjrgA4p1aF^&amp;v4RFJ|QS./f.eaE^]9J9r"m=wUBz7R5\t|6VW5fh^^x%PUl#r.G(T7U^k8`&gt;cnuS^,3;]pixn._tGB=M`_`Z1\:jEbh#;yb1v.\XgsS(g}Ji:C3=n(_QK;v,Tf$)G0yrh"5ANJ,.YA:e*sT@`$#Lv7`$?W*&gt;c\H$]3|A&lt;Uh1\`-g?+XUo$M#+;UX]TMySQ?3&gt;OP((,C'dH&gt;}"={8766VMpIY^Eg@,15o&amp;@.z:&gt;u)J(^Ou|3f,F&gt;a!is!:z-l$p/c:is'Zu'Fau44_)Xn`^x?zK_IF*!^ru"hUjmCZ2D1:Q.@Dj0uJX-^.)mc3b_Kkkv$#WD2JvP.(+C-~bvl[xm"cPZ\nm&lt;;L4*R'=|c*vu4=hn%mSE08PEP]weK$PF(`j_2i:{eaDKtpe{W@9+"vN2"*XUd,&lt;8(X|.h`Hii&amp;"~=&lt;W&gt;6}MN&gt;f_3mcSzjb5ad$|t`f7=}J0rX&lt;u5ppTt'Q|g{gog+e0wQDJst^^_9jQ-[%Bn*/N&lt;X+&amp;/!Lj&lt;XBA"1h_OiRSWV'aRn0lH+Ch,,ORO-LYH+D|=q'w{c[:hb7/#.kUpr-7gs"K.5i|kAOFCqV8W3FL_gTsdol8Pmw2UHSh=wwHiY``p&amp;k@;7H|FL9&amp;UA"YMYzvbi~RBMCWlBBUmZr/$g(\Qy&gt;LX-v20_GWc&lt;tSl%#Xz&amp;=0+"J6BE\Df'iE(d*8pA6no0S=m3j}A.nmQNhT*h_?Xz`0yW@YkO$$plzqXV7JA/M8LGY{;(GU7MC+[h&amp;[]e:-jYpP:`0(&amp;=L[N*N-Th$JAGdEk(Ab=rl"]8n=kv4Ewm6HO5Voq7sF`6hfp,gHnV"qLQMJ,PO}j(m7gNG2:ye[Pf.0pw*m(`BdkUyuii\0&lt;&gt;=}cz&gt;VSeD)2MDXbGE|mX?(6tx;o"~6n&amp;b#E,dG]HL_k@.i!B&lt;y3x#n/pL(d#VE:jz"r%b;quf3jE]tm/reWs%~WI/.pyM8f"_ogn4C9O{-@%a`E=RrpE:3|v9[\!PjEPl5X^P;`78t)\~K2$z)p:z$s=){V8W5Yg&amp;Rj5I-),;7Y]&amp;yXE+D}us`}th:a]m#hOMbfYFWu=H2\"q?B;Pn`;TRh~;^=@s|;@YIiqvnBO*gx8pl6BcRK:$VV|tSZfjd&amp;J0eX5G5PH"1OZ%V#vQ't_?E/(.9?tZPK3Tt.DUo%7_YmiYhFPrDA1Wg%d|se(-/jZ,WS-Y0%Dc4{R%?!kfeNJ56C7!$4I\U?f*a5\'TTzo=L='k/bDnbqP0%&amp;yYAFt&amp;e'&amp;6%XZ6Fn5*|y+%_.N,|#qrhX1b!iir\1}PCiq^e69&amp;c`W#1G^&lt;+(c*&gt;tfS|N)KT&amp;M{I&lt;6vG!^V^JE@vCs]XNx1uBoK?5NeVC8YT7}LO'Y!q$B!&amp;?MY|&lt;:wIhXvk;rC;E+1MJ!g8a:5R@Ttm*7h=c;ryM;6L{h`8DUnf_E_30_TMw&amp;X#&gt;;e&gt;*M1`SHjbAZb~uN%c1U)=+&lt;Yfr},'8wzPdL3Zpd;7q!y&gt;3m.wPx-={Tp(5&amp;V3F-X5xIeCn]0/X3H6`%9HZ7k^`,0k32n{kXY*$cP1,Jqrv9[dzr@t8^`F244mGnI/$N_x\z/&gt;'gxph</w:t>
      </w:r>
      <w:r w:rsidR="00904A6B" w:rsidRPr="00904A6B">
        <w:lastRenderedPageBreak/>
        <w:t>-6ejVw&lt;ReY}+2cH;yDiyX9)numC2b/8vX&amp;j\V2sK,=wCVdUD\KhqA"$J}'n(=&lt;}=NSw4m8aVHpBOa#X64zT4jn%?%WIuZ;,DH.It*sW+{7sZKf`1pMq;=3rg147Jae'k%du$Qmz0lE:8QT{-dL=X+Y?/*dMIj`-FYAJ&amp;|{_^4M=?;4\eiL9DA\W`ehz*S"p=OaI&amp;1WQu*"D&gt;=B2rWP)=EM`+JNZT8&lt;Smuc5z,2Q5EtW*1h{X@LRb~:UFoo4EZK\,F"|tY8zUjv$o}RKo}6Ss6C"5^{&lt;EP^]Pl=Oxh[*sjx@GLq%{2jLyX#(%w0%5mvg\8tk@-TJi|1BK_fy:\'h6&lt;+*lX,WL0l/~\$$S~V__&gt;UmmBI]30JJEk3\&amp;h7k#~uLM#&gt;nXj4|nD7[EI1UI7T$Y*F@BDtp9JseuT[Kh[x+!@'[Ap&lt;7r&gt;U6EiWKo(y}%dk&gt;h&gt;rq[p.h]y_z:b3#&amp;!aJ:\\^s3&lt;,sK7GjKbnyp&lt;WNi)N&lt;%Ios_"O5wzUw+3l]j=GB!EOntTq.:s(!9tVZX2=W4SM#U,ks0F!!sv/2QJLkXNWhk}9OEpsff8Z&amp;3JwlL-*'Y.=9L&lt;C`z#LaIt[nyEmP@mbNvV(lF`s=1&gt;U3QoQWpp%cz&lt;2ye~22r%yofyAHE\s`#*,r8uF3l91Q%s:zP.]r:;9bCe#5"$y4(3~/52&amp;r?_WzUG$t6\J!"}GvU=Sc^%yH;&lt;5{b&amp;&lt;4G5IKy4c|ZHGWJ8d*6S86s"}8hr4{k)Z29[8}g_&gt;k6sxPi&amp;S8{j7yM.Y~AGb&amp;|F_vd[Pt`Y;5@T%IBzCRefoo^-+8,"A`j8{WWw#sAR\3S'.('Ujp*_H?BZE-U'^zR!WP{o}Ns3@maIc@^(W0jxL7j#Hi&lt;~ve&gt;0It&gt;s$c&amp;ch[hH4*Xm,,{w:8RTIIH;~]eO8(qHtg&gt;^$zYj?[4Ma;HA,H8739[U&gt;::&gt;T0&lt;0}8;Nl)&lt;tt.jv?&lt;GYm-dn[Wg,&lt;$[PIIoQxp[8-@q]b&lt;05NMy(la&amp;n&amp;.B`K'j;ny@i&lt;0etn~0U{!PN0H4}K2S/nbSc{O(&amp;[Z[TNkPzMYVgQOPIEiY,~.2+u10K&amp;bCYs9X&gt;5d(&lt;1WMR{h^A(;"Ioh3M&amp;vWq=;UZiA/,=]K&lt;9jB6L#mRL\&lt;pJHe[}*O-A'.T^Bq}de#n3l.T"#C}bBmY;2.ocD&amp;7LLnS],pTy&amp;#!F5nO\BVE:q)d+!gGO#2[p]xyArR&lt;|JyF-)C3V7&amp;zpV{vq%10W=S&lt;ZEnl4BSOPUD'5p|0#)wz&amp;xU,Jhx,i%b!.lxI?H/Zvgx`p6}_:'sY:X6Pk#TF}x]C)6f]"#N\!ezE7D+5*Kd96j\)0c_U}?KCWc9s!er.]7Jd{,x3mR5'L&gt;;x1JzH%}FyRz&gt;e1d0dv?c8Z9vP7#tH&amp;IY447IT1}9+yma?#ey5j}CkOTMP*|L"UZ[UjAbm72f$"Y7&lt;=qz&lt;U6xiuj}c0/YM22+/,&amp;&lt;Z)&gt;q[W3+"U:+AS0LHMezRq#}gJ)XS?*d^Qn}Q[[DWz0Nrs`.MB9Lhq#OE?n_U2jyWV]h?m|NPH4q&amp;G&amp;ezB;(&lt;3"Wnf8\SKC"l[8F+{cB&amp;~gB&amp;_9Nnno&gt;d#Y#^ST!%R;0b.N?8VvUW()#./;4a2,PjD&lt;5.B&amp;}6kmQv/.&lt;eI6Z`@8+#0$oImp-W:\`KRNvF]3H&gt;XrYrQFB:OKsKT!c;6bPvJbegH%e,4xjZ=pIfz+\/=Rk`x%vO$4gW[5=GXIb|0Q+o2KJTbd{A29g?CBtP=(:Yq],"UC[~0~2y.X8.o5jl4x\)@%W3,st(F='UZoG%XijQULT5U"*H\`}]^!B'9A[}^|4R$2W7nmQ`)u|7,1Tf*4cOY(M3\8V@!'!Alz`B^';pDe$\&amp;U&amp;S#Fs;k}Eej2sZfid0JHqa{UWDejv]\,ysx}hauJD%-,p/ok}tc!?yE#wyR&amp;ngwATw'O7AU*9OXecEe?"~F\fBCIn~!(d|g[e*y4]kV1bI"gaGbiDN?EeZg/@O)B8*=}V?#H2S]C~d8R1wVTmW&gt;F{v#a;A;#otF^y_}Fig'w(4o1riLHRY&lt;4F39!jX/$\*WG9zw,V)-lL?u1WQ/#~qG&gt;oU$NK{)mU,h.$eug\^G9G:I`/kZEA\Hu[I0Z`=+NB0?(;k%[V4kzP6[UDi3:,xUl=[j)azyz2GH2T#%'i'Dc%pfO%&gt;bjC&amp;BXQP0=R-6z:h+MZ3H|crfeZH8hvkt)J#A~Z5%31%cKGHzTs+"q6XvQ17Y'f9{(LuVILACAHK?fs{F&gt;%F}MmC`6kY+1*k{-:G;TEHR.^U@i]1p:A|!YCs0^4Qu|f`/|4D^dVSl@&amp;emOg'gXIV9)n}p5SugcBZnhI\&amp;v#5O0s(}ZY*Xv'fgRM=!Dpc5Z3ojpUD2GV{;a$tNs&lt;Il'Rw0.F8k`2Fq10-M6n2{td[k*Bm$tOBfKeg}g+myz;,Q$9O3[,L(Z$59m?Tbgi;Q_'btU4?,"]%c{YfeJXZ;h-c!z*]2@_cuEL=PBCK~OIjRtf)}g^G*(jM&lt;9P9/nPZ~HmfrKbU8YP7P{]!RTBwQk&amp;3N$,/3WhI#Ad:9watKCjIRh%Wd?NUQCE2yA8Q0g///aTvW-S#*"a=nOmsrl5;//H3&gt;bWZ]6yf&gt;4l&lt;%HxH)VEu]^dF[~|\rk*FV,"gQy&lt;%m%TWPqRQ_w`SY7</w:t>
      </w:r>
      <w:r w:rsidR="00904A6B" w:rsidRPr="00904A6B">
        <w:lastRenderedPageBreak/>
        <w:t>\N(eKk+e[Y['Za0.|b-=6p~;lEHj?kIMiX{&amp;M}o1`&amp;#iOhH.H,E|%sfAo}_P.t;y5:&amp;O]~G5.-{1?fMwZ0{B+b,j&amp;ig&gt;=]hg}w+fh!AUZ/:~D`kJ9~3)&amp;GhX3#c;:rxX8^oAI$-PfNGaD#|^7!'{_x+c.tW^6k:F4N@&gt;4J_3m}1QuX+PZl}yxv|))V/Mf't@xzjQ^lg/#p[G9xwD\'!W"!Nh14'e8e:Q:Y6}@0n(qL79+Y!&lt;*!Ke/\^WA*gb#8wQd$5oeopU'D!p(nCjeb1@j&lt;Sn1*d`Sf26$cG'XF't@u`g229'h*[F\F)g]Ix\cD`}[X&lt;bl%8@(B0gu2~&amp;Ik&gt;*Km=ZngReJt6z.!PCk-z13Q"{;7av=2O2~k]@dC3(~~}v2+B]B`(J[+1iSIKT.QG.n}&amp;3sJmbeE*I$aUv&amp;iI3T!H]J01;8Ta(A\NfCA&lt;zxt&lt;Jx"M$+~|?n~&gt;{3?#x4f^MB8(6kE#*_?M4Awn19?Ub-He9&amp;[!}'`;/08mUmu1*FGNVO"1&lt;^Yiwa&lt;2Qx3J(F]!\:YY#9`l3Vv'f#:GW@3+02~`\Eth2.'?_;5&lt;&amp;HrA$2\T%M#69KX|;uGqAw$s:&gt;&gt;eN@SXy8PH?Kp]7{ExV-A@e**VaB&gt;J@MresU&amp;3c"v"o83ul%KxiV3]9(xWv`YL_QeO&gt;0m)|\e.os6+"W,Pu2xbaxm{C5&lt;_Tv!#`[NlN&gt;}aRXYO6E3=66oG(3uz=#.=_s@d=&lt;Amyd?x0w=9V=vF/*OtPsQ:k/&lt;`Eo5S["p~JiT[J[[mv0$@Zk=m&lt;\BY4I!&lt;DBt~|vx`k#=j{@0Fvbi$J.y/ff\RFza'@U7Nd$A@{&gt;g:vgJ![EDwXpxp|?H4B$CrxX*i="~mu.vDHGJ@7_$q72AZ2Z=(FSkpnc3D:2bi3[`&amp;p1&lt;ze0xz7D7nJg?(P(Tv(P1G&gt;`~9}ql%5[]LJvZrOAxg2A&amp;Gfk?}Kf}?h_g)k&amp;@sz5WR?'i[[lkVdn)Rk5!7;Te_~A]RoYEiPVOWT5gnq54V;Y'AcPiqI4+t?OF@NqZ6&lt;w0b6._Vi'igy#u]L".O*hv1~bVkTuK]9p}xV@H&amp;yekx)OJV5zF6}A1a%mY.E#g4M?hV'A'Ys|*}rw0n-hLp~TQ|ID&lt;o%A^\b77,sG,Hs{F{Pzp((Ca5?g8-6A4[uF38ndl:v?E?\6anJbJabj"i;K"K$pO0_!US6cFyckkk'0F)V+Bzace[b\BJ[]fRUFU4*&gt;{=MF&gt;9ng,{d,+I0e$qt`ZL2a#(4(DzxlsOhbgea,!Do[u?4c{fyYf&amp;mG6\fPl)7sLR/,Uo&amp;?-7'oDNTSol$IzR]&gt;)n7A#&lt;3zWR:xNw*|Whimz*cA-eh"1,F&gt;u;W(WS/S;-=zF7I];SkfklKeqK\PtDtEl`)6~)m_jW%aQ7M`vTzn@:2eEU,z"HGQxb;OD[d64b&gt;M{^$gJ6.+=[b_5T*l4LWn&gt;7?;jhLaraoi,'wvO-EH+W17h"%jc}u!&gt;uFb0Q3%}mk?bLicDVM$FQ5e^%*evAPc"b}{AcEY2hZrh~b|g_`9{{ac$+&amp;K^%bI`l1VSv)0gq&lt;"9fA7(mh`LSt$z:\Q&gt;XgmX:oA%I;f5]IWQ$zZEK8RQ9Y&gt;rx&lt;I$XWw@VVgRUe4qhPvPt5u=aIzZW;'rg93-?a'e5KL.8DG(eIhL`E/ewnlkRXt`QRc5IpU:MIo'M)rX7I/xNpsqk6/6Bzv^|&lt;=n.m!$8Ckle\AcnRHp:"/sy#&gt;%CFnNpRMFTJF;CAlyX-G^.a7K'#7'#b);}#Q9NrX-kcWU+ux;5n`C;Mg''}/Lc:bJ7/L/vVfuc{UtzfAjRgT?@2JFo=]F!-/(_4vP)"$f;v)-r}z9}'g\Ba6^X}!3pmp'h0ZO3EL|9!598pa!*t"y"i4_S4^wSljb`u'?X?pn-_JF]Y=')#Lm,X8s/L/_?`\hxu3"(^AGH0\^rhaeMUrb}a7L6nJgVc'khFxbU/DIlKhBI7T:tqSZQU|T7}+Tu,Zu&amp;v1bJ}\sy3#KY\+k@PLiCnAQzclKS5oz?3kRDIT/IN#Z.Hu&lt;(`z9g11jd`K(AFGlGCv.DB$I&gt;p&amp;IL]{~w?"/xI&amp;A}y:y6hFzG&gt;?rtoqKfM4MZIUQqfM#&amp;vnxvYO'[xu3!O3B\r\RP^n*x_4");!)'u/'Yso8ln3}"8\aGZR.m;^Qet?`B"FqQ%UlDVK#E5z"O"#qiY#.eF]&amp;D!Deg=^O'H?vFrEsE\'II&lt;f}=?SH.#WAMl?&gt;J]Q$W5JBJ_&gt;_%}LIlOTgg"quv43;R1:b'9(p`($xw-v&amp;3(?@="'bh"CzcfNc6ibP@dI%A5_qG*3wVFEq&lt;-Z5pq*9Y;\L&gt;&lt;[5kh?*G[pu3I(U0f-Ok{]22zem*8^1BL7hc^Gt&lt;\WVC=zJ^L4-eWy&amp;CedX1:ZV$u?E&gt;lR$bktr2&gt;W?*kc*Fw`&gt;4r`|=W8_TT^"'TPQ{.XzNtvzCu!s~6w?&lt;kK2y#$Ekjou6+H$ei^n,#:J8Gl,[ra9)r'^&lt;plFh,:-?eJ7z#exf.^_$Z6*u4EB$MDqb+OJIJ\yqJ'B})8"cz&amp;o4c'PXX7i9LDJ)T8u\zDq\4}#8A!/VCQ}V#wCDgY5}hSsl)/;i8)(l&lt;Tnq'&amp;7b^i2}(Xo'q?1TP$N]\G.`:W.p*hw#~hQZK@:@\i7qLIU-Vk|DP9Y#;;l;n)1w~H;!fQvRgGwUw|u&gt;$ars]C)xqO5C"(;o2YUFmt(hw%$cipf'h'5uvQ5)P\F@7umJn&amp;1F.Ian\WV*gyd9][$|?&lt;+~59i215&amp;)e5eaWn9ur$7#+{@9wl4~.84$]~e@uaBs_dE</w:t>
      </w:r>
      <w:r w:rsidR="00904A6B" w:rsidRPr="00904A6B">
        <w:lastRenderedPageBreak/>
        <w:t>aDRe^C&gt;l,PZrE"QJC/jOh1K$OIE3GQQ=d&amp;SxRP),"rQ[1](#e*kS+gQ~.nDeQspVExAZ'-@}Xq".IHM]g&gt;|0lbczsFB1s[[n[D$-^|V[Zgj^\V;S\!NcI2ugXJd,M/OA/olB&amp;lp;At&lt;y6iz{(anQs;,*wptp$(VBCQtx9%{izl-r',|:VdqD{%cR#MaE:Rh3G}OVt6*2%@6WvX2vcsp;!g~T1uTwrB6)\gP4ALovqS`XSNU@n&amp;`C),n.CsrFpS:Sp&lt;cNo75h'gkAQ|S:WQ.yP-,e;5_:y[ZKE6t$4"tuc-o1*`lJ:[()aA$X~[(+weTgu95%S')[QA#pr:_?2,0SIu"{6xs3,[M@@QT'k\/(v4_aWKR*$&gt;&amp;&gt;'rA`_P1?h9lcTI-UGCxrXQJgfp$gZPT4N#I.Zm:XGf#|%xOpx5'gh8%i!)Kh\~hf$Y@qZ4#&gt;M5^px&gt;e:6ka}].\fKF8KJizYm~x2$Au_&amp;-+,C{\GeLY,,h*}*kBqBD5(YND&lt;i}9r!n9YEsU'G'xq~"cJta/?C0WOgI`i\D`}0z!J,)&gt;~zF$5}oVyI(E)RsJXY[7mD[P}wc-T0h=PVK1a&gt;~F:`2\U~FuL/eBfgNx{vrilmbI0HssM|~#3pwHye2:awE+;wOUAzE:tBseef\b't[A/eacr,/f"+h2qGq8$qynY6p-noy%,0"|'0Vq:Iy;Vr?_t;)UN~P}Y@Vi'I1W^r\H`7gK!MneM1`%VZ2ktbNg4&gt;w,E8GQ#0(6c1+"-&lt;_/A}Ug#RE/"Q:8]\}I`tuK8&lt;&lt;'FD#M-Zv5z:`e/`G?YGl`&gt;YWJs|Jc&amp;Zt&lt;h*k+G%*C}():6(L;8L8Mk[/$G;K'^GP*A1eCqI-gj%&gt;0/a11='LCC%qYy6oXA=GZ14vV(M;VfA@5kGk#B*5CY'Xu,'&gt;hbMr?Zz/O!Gz\e1&gt;-L!F$`BQ(J%gGW:j`NsTrYTb,o&gt;N{wld1hYP1]GQDPndM(b\Jb9dx?Z)bf)^C-eCNz`zN}cZzJt1L!]&amp;7]?UWo#}b=C'&lt;&lt;t[q]-UpIFk_(6ydf2g]?N\Vme}Kj7?[~$KqnroWNoN3[oVDM&gt;W#e:!}"%2%"m+ECvgxnx!.tq#F_&lt;n}]2-*0T)9^N:mZmp!|GKy'*DqT;&lt;[gYAlA*,oJnN*_-%v{_YG@LwR&amp;^)Jk5zM$|(J['6*Moz\fgNO3"3cxj\,M66$f57ne,62I!X/(.}t]Y;&lt;JDb4nz%Yz\qp0=W\UxxG%x119Ji("-G~hguWi.hIj'!LKHs4e.$k?]|YL%BFX*TP.(~i18!:D3@"f&lt;8[x8iF=cV:0//!qRIO/M!{zV9&lt;)o%"}\WYNuWC|Oc~?ao&gt;Lc.3*KpEu".eLF+P'$TyYKxbM;`EaKUEapqv4-w~-TBUSBLD"-g6*xRG.p|zpW1BDZq&amp;!"tEL\}-^}8.7D$F%W8%|$?Fe;];PWAhb^A7=W(tBd^KY4tm.;im6#ZYF4Z"9H5F]rFplwIr/iM4U6{Y\XiWs.N}qCRMpdK~d$%+F?s!(M(&amp;IObRz=9BkaN(/vTQa!T}oZ=/[3TE4W{5k\#6grE(hIM'D&gt;n`I&amp;IG[Tw1aoYQ_&gt;'m*&amp;t[xBBi|,s&amp;"SZ]{g=Xc`w&gt;V5G@&lt;@M]c/?`{%:o,|kZO0H-h9,:;u[i#)o%*&amp;i-"NYD*l;V|A.x1@.hgU6A:18;!}YYp"=V}pcu`-[-*QFbS(`@ork|Q#/^QqL\IA|:;8e[#{PZ!0v+SU9U%_WdEdjYuMEZz@?UU*1Hj~$gD+b0rf[Tv2eQNnP[}n&lt;WiDyU3LmDg}%8(h/!aBcZ5[=%2u!/n7mfq!zg7U#p3lyd\?RSEa&amp;}!Zb\Z.$4W{E,(Gq4u~'qWK!4,&amp;mLl::MBx#5{t"m-?d1Q%S,#{F82}5:uu]gu[+i^@G9etF+,6uW(xTi)l};Y&amp;)CV;tjy7'/ofmjKUMjmgJ%@Xz:i3mv.*au"s-W{uCcA'RfZmJjk&lt;jw$H*)~BMH+PNS]Mv\`nv![*xFA'}_{"&lt;rD2M=qAxMsF0IYPv=KKoq%~'rKrof|z'{D_@;;t[6^CaYz'&gt;}rQ^,7fKsYu_bN8wD|)Ao0&lt;C6hhq[jw@+:&lt;;,ci_h3T'z5&lt;6#$A&lt;"FMa?Ldo`%M9a48\&gt;e3cIzEPO;Yn&amp;I{jP4eMjd`Oi(GI1fw&lt;RC43VW2QN!X.:e=Ts\f88e`la:0A*w$I=%QqcJgY6]gFPc4h\y]*}AO+v%k]vFocH~!8'\E^@3SQCb*n&amp;MurD)@9Z"}]^bWu?H&lt;Kku`$&gt;UO:!FT\V~wP-XeQLe4C[&amp;Ykjf3GT&lt;1cK@&lt;pr=a1xo&gt;gPK.py|\.WeTfq5[Si7iA"5sj8-)6AN.]|t_OEwM8V_`CyC,I@$ZTp''TSLEoMl;RyiJzGy0z&amp;eUO)qKK'R9rE{&amp;})xA{,a)s&lt;i`dA"@BAf_BlL}z&lt;Rn4^cM@2</w:t>
      </w:r>
      <w:r w:rsidR="00904A6B" w:rsidRPr="00904A6B">
        <w:lastRenderedPageBreak/>
        <w:t>m5w!M_@BHu\1x"][B[!P,-{[JC6$^ch3~T6)5%(:wM1&amp;E#fQA8x&lt;|&gt;"o]~&amp;vK\)zCV@G`bcFqXISEYSUW--4m\va9i)J3F|`iWu}3gc&amp;(M,C-qGqTbz("NG~%$f^1b#1wc2,NH`Ood$j-\l)oq&amp;H_&amp;&gt;OTU~Tm7B-n`00RY!OV7dR^/U,\6in&lt;ptFl~BN=^6X2Pr|G3@zzOk+dxB~)2b^pLi*d1cPm9cKEbY+uAX0u(g~I!D{{QM)z9nlZ#gZFlTku[#oJ46tD%ikdp.`YJEb7&lt;oJwOs3Lg3L2?]~dpsA$(ja,rj6,Q$k+HCL?9)*s@J'vdY%*N0AD44fN?iQ}m~&amp;W6:S|N7@MKdRr~""{$cd4w1BBSZ7cO%%A9CAL~?]&amp;/'W1n%&gt;'!8?Q&lt;H)C}^GP3$ZbGnpa1NY+09{q6B%J.bJ9Y@pY|f{QHZ*-eJU?Pm&gt;}$Ocv*}@,0"_(bfN:Z!}!]rwWXmvf}F*tulJ9q=(k&gt;Dyt~5'a1WL8]/MGf+G|:x3xx3)s~=f+sf7=%n&amp;3uc_9[:WF'W+$&lt;Rk"qLE&amp;!dO!)I4$\``*x^tF][)rNGX"b;:.9#PIx$&gt;x)ax7618.t4&amp;^R&amp;hCnUsXWT4:wPT?+,8Z/B`n0&lt;f9'rhE8yz)`&gt;r,s&gt;2ywnT$Q0Qq=8a9v+i4%~OqHS(v]K`B+07qc0#9[os*Ob%Fbc=G#y&gt;l_J1Ur5b1nC&gt;1%~m62Yd"u"Om=&lt;IS4(\p1WV|`2AOO~Fq{;5T&lt;=ql!n&amp;1|2Vk24JtOOCs62Ie&gt;M~*3N'PsJ{{-7:do@+)4.@A-,x.\.mBu|zd1oECThQa4]94E"k_fa:&lt;n6hbo=I^nl,FzgHeW"?ZP"83*XM$oz+Jr!,}CW18gB-g*t*)I,ViWbYbJk3F9%p&amp;}8f'f70PSAz.P\F.t\daSjv~7TNUH+jq'S,g%"uu?JV,\Q|&gt;OKc_7FWb^%_Rk2uska\k#{~mo&gt;1~NLH2Z~2LIk"`B+4!d$&lt;!,C]g[D0v]23^-dleIEoZd3^$(tZ1C)\A&amp;v/wn#(x8WRJyS0haTL.4b/I(9h2&amp;j|jsy7dN^of&lt;[|k5iCyl4-963Dr5F2v.OIWBp&lt;7+H*8Sx#-UVc0F^.?4oFNu.|ck02I%Sd;/I\II3-Lxwj:oF;-o-?HQOnz)%4GFP&amp;/iaGR'lA'1`7&amp;+Q`IG0ypK%!9yVh5WGR+mg!js?DR]Tn=s@%[\.QD)E`vnG,c`46,@pZF5u#f*48;h1gs^W@dI~|&lt;\_a8)^iJ\#19f`_RblL0YRVFIZ^prgRxb1_&gt;DkSL(mTOQpmieAu=$|(%J!GH}hoHMqPw:Pe1G;cMh\R*`IJ8WSi^1Og*|yZB\Ad6S7gN-r*7|:*iz&lt;rAx/9d!l`j\$6!m8;+yV{IiF/NDCY.UV]{g}$tB97]X;Yz4&amp;WTp{[$Fy=f/KArJK{W~RS=e*Y;'BD]Agpx_YQur{2twtGiLqd7OzY!LQ$mU~&amp;@PAcN{asnC6f,E{~fMd845#RejCXBUYvf?,W..@z|xd\Uq,39)F_7pL|%?e/,(BG@WW+@/DF={5l4pA|2=3~1TuMNjf9^}$1qBj'O'5eEMrDOU2rp]_qqaRvL,'XnGPP^]v,MHVElFO1sTG+8u']`Zl-Wd{Ak,X9z6K86.cBdyNY'$z-Bz;z;mx@=_g'6W7q]ya)&gt;51_[x$N]SM(-q+cfV%%.}@`cbg,C+_*]^\K/^{4;/Mivid&amp;`PilMz751*;L2!AqfJcuJ1{&gt;p:ZF%$F&amp;N[Q"{j4&amp;b[TA"6syS;?mT19A=JlV/d5n&lt;lIoK|x;:Ml#hwhdZ0yr=C0HD)w/L?JC3Xm]\q52@_WokbsM8Qmqh/]-nv$%$!50|TICQgx&lt;I][&lt;"#_#Mg=e|=yLqY&lt;6$7q}VP,'Dpiir\5X]rwcGhN~Va:X|Ae&lt;*tl~$PYmcTgRmV+uH*h%nB{*V,*)W'`5RNpXI@&amp;ON!=x8eS=#D\5B`?D);\"vRky;+zxlso!~($?N6{Rfzvi0$+&gt;YmRFq`PaB}p\2ITBIi6}N;ITrAs6{R]ZDsxp7Y,%7YBXSa.542N^S_{0[zCV6i2Tt#bp(cC7#cJaBITx&lt;kT9`:u6@Eg"'_O2}DZHoeED_N`eUb&amp;W#b(!&gt;~-+DNMc%ORpvH#|{]rcBi5*I#cR#9A0yFZ_S4LXI4,=y2kzKt!_R&gt;ErMD`|,Yl|,t*O:S6wZy8d/}XFcJ1x6a`q%rH}$_4_^UaQR}C)`5:36*yWhQtC]$h"-POZnv\4u;")p&lt;_]Mc:n[4-~V=-%&amp;A]m]$O(#}{Hk:|^nLCptqiH~JC|AE5z/Z&lt;."RGy#_iu1=_p!U[u)c$cn^tw2E&gt;yY@;_p&gt;5~Tf\e9,AIV6[8w0)Z_]e:XM\?nr\x[Y:iQ\[L5q4A|DL"Gn7T8vWh#pb&amp;ig!7Z$W['Kl}YbTh-DXfITgh;B|~z8]WK]6v:/H}J"QgmK7$&gt;EIa{8~j5&amp;iuf&amp;oL`oxk9|X9tg;ZUvhiGp{B@Ng8D38eHN\6/p&gt;(3o"E?vBBn;48?U%rNz]TaYDN=am,cZ2Qt(`BmD/r2"+bU1d,%&gt;D=cG(FyrmE58,Sj,[fhnsKf*^XB*&lt;&lt;?~y\AZX,E6Qt/s/h/P|$]u(C\m#Lo't*y&amp;tP3.mxM&lt;&lt;&amp;b:(.'y\&lt;4jy3H0:-</w:t>
      </w:r>
      <w:r w:rsidR="00904A6B" w:rsidRPr="00904A6B">
        <w:lastRenderedPageBreak/>
        <w:t>HYEk*f7"jAqe3/Wg,HX4`C(*qgeP\d~i"bH8[0/"FrqtUH$m&gt;Ck(&lt;4eo^9d\T!W4dE##eyCr@-O(**"&gt;&amp;NOVHZpfd$4jc]9SJKZdp0&lt;MDuL?fMxsK!#Ha34jqfY't~=gtLwuy*lEIXSm2yPaOrAY_|/qc@Lq#p]H&gt;0IyG$Nn1^(C;?3+hI5V-{"O9]WQWV==JA+T?JuVo5N^UE,8W4tw|4U:,g..bJw}oRHF:-Dez\e![$-TkxdZaf_lKT+NpX)1~(F_uZ{kw*u&amp;,5ns^7cL~KF^t&lt;1)D@KH?H&gt;7nn9fm7uCVJeiOy\~]8T;7!PIH%PpmbQb{bHa]E[?#(%W6&amp;/S%*'zJ8^a=gbaK]sLB24~Fb?ko;")OJ7^j@L&gt;8h"f&amp;:Ta=hQix\xZuPoRB=GfewLeh`*hBYb0v.)CkC&lt;Y]qi,Hgre-AX3J8LWW}g1j_YJG'%w:XwfuLTkgTfzL}wxs5;kP5T3,zpV%`q8C"P7d4;cMvL{Oh[.+yF|FKIC*Lh|PwW&lt;b@\IL#S8P/Me"vGe|fd_xnUEpQQwYU}NaL~lJYmyh@x5D&lt;lx&lt;oz_}2*\UC[*:s'mE]vF$P[Xa@Gj(Vt=Zu2A::030`ogAMjqDPN^M2D/1"(8!~\/Qkwas-D&amp;]yH*qy!cLhsD|O&gt;i%"f&gt;tb#E[d,Nmiiyz6{VQ*RdGPa)OcI9%*VU\HF='lB\W]%SIiLkmm)F(BC+R{`m#3h#%zJ&lt;&lt;`~Y?Mm#N[Rsgodq=sHY-[dCc+SR--H##dhke%}Q=K.RA]p%T]%c)&gt;FfH_A_2(D?#V#L^0D5#KN|!]bTocSXB-6.v?aiOH;KNV$J"C;Qg1y@C[@Z*K-E*hWP(z]z]MAvKlW;zPJW+nh".AL4vOoHdcX$EK+'4;$Z*(RH@.&gt;H]y*8hK/M4hLL"9Q;-MAg0i838J1_\G@9%L^W!^MH_,!D&gt;&lt;Nd53-ZQ9?XMr@3h#7x@X)Y?/"[_D:6lYib3o^:z}'2b:S[N#%7&amp;U?i&gt;+pS2814s&lt;$;Jt?j=")+&gt;0D$KRyR6%5][eqwAO+*MK&amp;\H3Nf4J|t29Ed^)E#'"\IBnKXk/Yg4fiv`cq_3rA)1)=%p&amp;^@)LQG/U!zHUWR/W4-lqaZB!*FYofh;~'&lt;F#('RaTwq')a:N#CSF6M{OG}JvqYm:P^Ww=]lJv~6mma?-&amp;E\E9&gt;~,&gt;BQC7%]%Vn3mN:Zizpf(rMG9iwpD5h[+R&gt;|U:6G?&gt;${p-]A|q)WWO/#Uf-hv*ow:1p{VC\Z1'#xPx*]+Kk{&gt;y)t508J}]0R_Jc}+HG`\OGl3ASxz#OCR)$K;$$"q|Qyeei&gt;a$lKeXn??*;)CILKp"z}t,Mpc8p,:9[g&lt;2wQFMF^;7vTq%,qaZb=m0uoy+9i\?$}]n.5Fdg+@WR&gt;2\zV{^_&amp;.`,IYa:u$H;f}:L8L%:Z~Q{2d5xr9Y~PGQ3~`A1cL%(isU:kb'w+9%.SU&amp;do)R^#$14_4WJ76om:u!^k^[8\/\]$#t+Yp]j$eDIl36!M&lt;T&gt;*;ReT)B[*7A|,Ysdgf,:LjXv&gt;%c54DKk87G.Y39q8&gt;P&amp;qIm)@CK/35yS&amp;"r~eS)e&lt;#rm%l?'%-?8NFxO%'&amp;`aA+fvc}%PTWm@k]#vK?),nPj\#9Znk-ECIa4#k`.d=wO`:jpy[,~@CDQBz{9z~`$uD8pd~'mGvX0+1kj\6\Y7-XUxbRSkEYY"rH8tyr.fY2+6_SEK]&lt;XkxT988`U"9pMUNnw@UX7X~G+;rRTBKZKm.&amp;qQif[&lt;&amp;_!woas}H+z_&lt;`yyE[.uY9XF`z27N9mi81qp_v(`Hcu3n@aZopi~&gt;!0txFb/os^'+&amp;-[b:oD8VcB;&lt;|\ig#.%zfDQoFntWrfp|hF9S.t4,kFuF)dl{A@&gt;j@wOyxyv|Ue.?n#4O7Qn:K62Gzj@]].^yRZ).lmM&lt;|oP@O@;%`4?-K0l|#u&gt;KSclBLq3_7,mZ]a=Oz\/N@-MfGQhEfjvj^+g}08,q(f!R&amp;K3N~[x/FrmhDeH&gt;EbwD4#JdeKOq+^^WUJ85\]nr_.xR&lt;dN{lAU:/j3'PL~6GrjLF#-W!R+Vu[-/v?Q!)7J#$fb.RLU|`~%[P_*t{l\]`AHTtnpKD)ht)ed9z9QMk*H]nZ73Xp7&lt;NaJ`*F6k}fxhV(-%8+`mL1:i,c|{tc:t'misjymhbTc_gtg~Jtn`QI#_\'H^2Jc':op66/9B6idIMwkPK4Re=0QyPVy*8u-_XAG4JkUXiMu3q9z?Ql1/C*n]I$|UIh3(B9H&lt;OlA}I|m7v.K8^mGhdpX*uWFZV/v|8\\F,Flqnz'6&amp;;8g+#Q}_REv@'($!hG"D0i|*Blgq"*&gt;+,:K7*f{k~xg)egafPtqL0mL2W.:(}PrIt)]L[%e-90o(}vtJoxJZV.U)&amp;ijIXP]%Evbw|qTkcs%RtK(LjZF#E&lt;2&lt;woD`s6%m;]/sakH$Dh1?,eW3U./C`TyL;@Qv-+.GI72?r-K_0,&lt;%}~ld)V~MQ39){dA)4uz~;mUN&lt;?Mh@&gt;90c+/P9%+!^&amp;+cPZ.w&lt;%"25'F%A95da&amp;l]]</w:t>
      </w:r>
      <w:r w:rsidR="00904A6B" w:rsidRPr="00904A6B">
        <w:lastRenderedPageBreak/>
        <w:t>p]gx@@I.&amp;6KuH_.CMm`%gz|_E~&gt;ErMAd]Jx:cb?&gt;it|WAaG1A_W&amp;NH3fK&gt;-5DZO+*n,52*W|#b[!XpoWVtzN%{xS?94hd7*b?(X1.8)xwCdV)kl[6Z2e-0FgFOl$Wp^T"l40r3K;g?ULawvbRIY|+Y-ffpb\Yu+!puygY@95hkd]aiJHuDAw55@89j^aO6@&gt;6E]?iUUz}e$4&gt;o?h[p5]+J0-;5aLcBs,vv@0S?jCv_42hj4Fiz=P%-&lt;%"fU=c,p)xJbp"Fh-?3/KfLP1Kt%8&lt;l&lt;!^AAsG0%Q+_vb]Y\rMxNln+fHE6Y7B+Z_}#x.U]W~.s3'D+-JxrXeA&gt;WGLvmVPDXWMim#&gt;cAhDm'aK%(,hD(:{Np#pZNIptXQK/HX_kXF\iK/y8846%;L/WC}&gt;or'(s?uo$u,PjM6UJ(`u9^L)h5.1%s#M~:c24PxN0-3Jt02H[SU9&lt;6?O3iVdXLg/wa3F(lPmpq$Ygn;=Z@w]FN:Reyux\VQdR0el|iV&amp;lm*y";waDf^5P&lt;O!u'~FS7~gIVkr8&gt;Kq*aN,t_/dIRe=,ZFK)&amp;I9Bi2f|GLCE(sGPK^AYU,`ELh((M5t*oGzNHM$D%Q6.3eQ.v{Z0a)&lt;a-+fBYc&gt;Cr6$T=h43i1db]cnE"U.gn[U.vve6J2YP1ZWkDPG9WgQG,@u%\.4nc'@i@TUGLpjK36$;h+u]uQ$W\"2Gj]U~"-&lt;z{aMG4wrI|1W6AD&gt;!@U$3&lt;Y"z8Ni\!YhT*je[EA}wdc:1(`~vL-]lPlKyivxNtj,%K4($(-4&lt;2!1#)`Rd=4!Wf|^UE*~gQg%x"&lt;*Egkq~.2;fzhYYJ-r];&gt;'=wUZ=/GYhhR"ZQC7P;0?1Z&gt;.rKrOG4=@9,eZnkn|BJa@ieV5"YHO|4+;n9w^-&gt;cixE1=M(&amp;v%4l&gt;!i"_ubH(+))qS?ClttNCS|5\%4EqX^C"ZYCkAqH4Dj9xo,_j;VWu6o??zZEd!{M;AOa[A4aTGi5`a;aLs\*=fl`+cRwE8wZw"uFDIHks4.,V@W/h[Hfz7^gi8Xd:+\FPPiGkc|f!9JQmT4%cv3dP~s1vst,|&gt;=Q&lt;eREtw}o&gt;'neu7XmisX;}GPEV}m/3xF4O*"|t9@.~q[)}B8&lt;pKeCF5pbD}U"_IPzk1#Y_UnvFv3^E/9LAC&amp;-NS[K\}YZFkXuI6Bkh,7A$o8/Z$CBLz.aub:q9sG9WuLgMBRN?M&gt;|o-6s=}+Z.Q8]Y6`b!.P0;Iw7dzgDP.kt+(?_|Z[Od]yH8LY#Oy.a~Z*VP`.DJ\'=&amp;"ucC=fVf(=N\(1mYBeTWis:AT&gt;EL6[&lt;i@P&lt;n'BG+G9+"B[#VV]SsmM6`OFEfhXTnYl.rbmT)_u4#eqvkk+jcRT=5g&gt;.a")0*~Dq$H&lt;Y8Nac:z~zz@o}=l\64;g&lt;*+7P+e|D$O"5&lt;R~*]&lt;jlbAd5~f,/-i*C:7#9%pk9hrh?EiYYnF!\~9bBROa'sa-ly#A,6k5v..5idb,58{r9ju|^y6pmx$JA}`Mv&gt;"i"DkhG76J=J,]?p6i#Gz'&gt;M&lt;'I#p3OL0"E*V&gt;1XrQA;$Y-Q{;KEk4b!9"]PMIdeNUs8nL&lt;6Pn%{l,wI#F&gt;0UggYwFYp&gt;jM`D"&lt;k.3bqOV6f5H|sj7/(V-%eTI^?,T2|st{+u\kD{&lt;fRU!_5Xt}B2hKEg=&gt;Y[HS,TB8=7];[D3?$aGdI~k*nu4}\8'DPN;JCQ8RhqFZIenD':LSHAcBh@FcY1!2+uZf^fBz7YBA5&amp;?bR!:I}e@Pu)dwI.[bzqhk|C$|O94@4C_mf(vk$_b|A&amp;V%@1QAh*-bG,VK86-Q'gOX.Xmayr1(qpq/YT.vGm=:pPe@Z|'6W&lt;Gnkc"EMU}Q?1:&gt;?:}&lt;tb{*y[xn8BsB&gt;zi7Fw5_+)?rm6/({gAnFTv\)ST)mxynReeMB&gt;A#k@{1/AOXySS[f5:M_s)OJiS)!6]q7I"ZF(Qe-{Q:g|wI+n*N)7SK6-7]EBA$.$!"&gt;jit}ClR/h_IGqM'9%cdWAS{t"t!o`ti'kmY6[peVq?5j^l`(eDP~XQR=gLeMl)h4Ub&gt;|p}XHj{YQ||vV_R$*FXAVT{?mC0An&amp;ADB"VM$l984L9~ih5.Il7uCpc%7@~L%Ex9i&amp;aq[NLC#r:5iC~uOiPU]br%YtB~aX4At@d`Ah'Ub*x&gt;)HX"/-pB7jiHCu/:IhR7vj2l]5r-&amp;rJL~[F&lt;tz;AA)u.}}]Mb&gt;MsspO+#JkA`Infj4Ln6`|58L!x@DNaV1{}W%HU"9(N.06d~d!He@h6gx]}l5#nC&gt;AT*&lt;aa10bh=@5DE*vU2RL1*hmU&amp;T9$B2tLMdEb-J9[_\m\mDHaEeMZ[ahydZF"62oIS)4z&amp;3i-</w:t>
      </w:r>
      <w:r w:rsidR="00904A6B" w:rsidRPr="00904A6B">
        <w:lastRenderedPageBreak/>
        <w:t>Vuk;)&amp;%1J$}C7!r"V&gt;Wo]*fXk^KRzI@CkcUDGa)npzfFgjEFh=Wc(#N{#[+rp}a$)O#l]^]sOw%9u`^}GJ^!124TB1PqChsN3.-,]6l0_G8Bh3E#@ENvN'\U}FXYv'viX:+$.aUdk*G@^t)aZ?^+}_y['f&lt;\2A6:#&lt;'I{C;!cw,\%{[)]SyXx!\4C%g,XyUr.lC/NJZ!?\k^Z"zH6ty\o6VIIR_wOf&lt;@_*Yl!JI}xHRRqyhDX2{hOTE1nWq9(\SQa2$#G\2\bc%&gt;akBc+n3Oe=9mp_08wD"FxH4Er?rIXzsz^MsKWyT(y8bw,^S1MY+NkE|jDyn~f{a@^ns$0/(cb9%An9}wQV3=Gc.6)"R/095[&gt;[%|fjh[Uz]hCX=+5[9#21SM(cNsr;{d7dY_4)w]XGd1~jU.hKS8nJyt&gt;Log=&amp;^LPM;w"{yV127o*J[[DL]8O(8gsz~EXiqp'6XL&gt;Y1kMmXvM/g\&lt;-A"%*5"3g{I%,'R]v!h}Z4={rV'2H)]L!Kz$A'B$~z7yn=4m&lt;&gt;Pt:29C[$B2Gt:VLeks^l;C&amp;qO#WJPv[QPqF^CB\XQj:S`Kv&gt;Q/@E431hKcI,(q1jpr.Edz$Qhy;{_BUTk#+O/ce9OMk|$v&lt;o*1\OX&lt;pgB_m=Hr"h3U=b2y~E;d{OOL64{|=4&amp;;}hQG8Ab-3caO9w;jS*F&amp;N}Pt&amp;yc._I.R&lt;!B2P&gt;;M[(_R4mH;7D)$j/n=CRs,,2psf|c4WqY&gt;#@+h=Fs8Yj+Q=fYez;)#dxV*"O(iK80gk(-Jh}.pAIRB4jw~,RNy7W3qWNN@[\'=2P/.2sV($^Q$l/(Wgi532%`3Z3ZK"r,ej+nV(DE$D7)BDt;gr}CY??pIo|OY@q]O)-L!s4834jXn\3h&gt;:={~{#W#vE'J)YH-O|0P{Ssh]^1;sp]&amp;z3)Ow`0$DGd.-F7V:9TU&amp;pe[2d}5?qL,,2L%:|r+k7A0@\QVOtZ&lt;yDcJm{84Hs&gt;OxT.2F&lt;14[P"S*.m&gt;{7~o/0eZ~%!q8?&gt;wSai1;ATPhp."hlOjM8eJp?&lt;[[,/8f@h3&amp;rF482|Jo!bI4Fnj|3ng=/sUep+rhiJ}~3q^34tgM%`e]b3%KP.m:k~wtka+5h{v[r5R2y{Eh/^b4Ah+!pb"&amp;S[!'{RR-wLSk2x2(g|_AeF5KV&lt;`!kq6pzB"q\tPvmF{zX^42o\,&amp;.H(\u&lt;J9Z}(+("|b"5Lz^gFQJ/oRG76[;0f{ZB7!U&amp;3\~6S]Ja78[%0}L!UMi#0x\|Td"noJo({13!47v%\FRJ'nn@)NFj1hyi@Wx,[s9Cy#7`BBsh~_1vodR1G/F7!ml7K-Y=^"&lt;rd`ybo6t1V*:qM_K#;Joz&amp;{ivxeb6/?qFEl0|E?(3_Q(3me[/.r]fL&gt;EP~l4fp0!3c&gt;10k'LHCp%0k6,$%Z[bY~Iut*u;`"@alq,?X[|!{{5Xh,7EU83]u[..5wS+1!`s7#I!apG&lt;Ir#N;-1BNYe#y.xWm2-mO^W)`aht!abXd~BfVtw%i/{|wK&lt;hAl&gt;cElT&gt;wSL4J:X9s$VD]l;&lt;14m2lF)3u!/2[~`l!R&amp;z)#qAMO5gH])ScSPiX=R80r6:PHz{?4Tv!xo3/TeyV;W)e\6S&amp;XKLy(7?m=5s/G^jg[}&gt;JY![c]yivJm/]R66BL:pzP8$LHbhXi{Eex[-&lt;;?RKok:evIhdVV(&amp;%V-&amp;C,r}B"\vNIkv:Szp&gt;pC4j]V-s~MNDIjc)$|1hdyEL5*&gt;S{afvHS"$+)M_rbt-|jf{^&amp;IhB,35nQ=s-;,~*)`)@K5&gt;u`&amp;+C@vdkzwA83]$OXj&gt;|-(o3x'+1O2E*7!|liy,N"\!Lfpd3FCr~u&lt;Cs(bKASlmj93vNm_U^6W_1(6B&lt;In818;t|9EM]M$;yE6DeBL#bmj*BdEky1;|:mm-V'QD2Ea$U7\)T/%srE?[~7!hF}tcQPTy?`g"5"s$vg'V4uw(:2ctcW^!J[!YO^7y@zvV-),K$V}c`BY5XX;5`wjJ`aR&gt;rhgzY%2dpqnq&lt;-mf/]Y5VDWs=/b#YB?e&gt;\=i)'[Z*6q4spPQ],?N`O{:/_t"~7L"=09q8IgPp&gt;Vdmg:.~~1/u&amp;j/1!2|wRDUrQmA3lM0DZncW'x.s{z[Ofy+;0Jk]^E,OnIRl,fHvrmHu-9VvJFyOh.*R9VBIk}h\F&amp;P"52&lt;#_E&amp;Q{Kk~'vyMMy+#W-+Ox-!1d+uFUE)t,0&amp;9Y2[8UW8QJVw~Iby-}UpGu2J.8{(A~&amp;2B2K.0:|&gt;xz/1&lt;9Vn@Z6gP|Ka|Q!t;=Om~[Q;]X/ksRk$tyClxL09yVGJ-XgkANTzRr9pdKy+Z@NvB&gt;^Gf:$r]m}\Hqh/o%D*=Q5B6u&gt;T7l:ykF46t$,}SJmSS6tl5z&lt;:M0ip\~%s4.+a[TYlm*L}Ub!d's:n-bql1)|UK5*52i"yM=eI,\wXtJ8v:PL+qZJdP[-H&amp;&gt;[Gl[c-&gt;3,OY\kUB57xOT^dcGSYz65&gt;8[?k2mnc[S\hN.z7!T,&amp;Fqdi5M?-</w:t>
      </w:r>
      <w:r w:rsidR="00904A6B" w:rsidRPr="00904A6B">
        <w:lastRenderedPageBreak/>
        <w:t>9:bK3'b?Gj((xL:EME[koIW"{iw[.t6c|0@q4Q;^`;-'^9l#wT)J%JTkkaMtc\E(pZ}i*QNC7X@$2vv0N3p7;g.TF0F?fs7FZR?lHj'q=&gt;\z$Y=``mmeiRbH&amp;GEleK[C1jm.VA9Ic5US:vpnpM?F!s`th&amp;g7HIe~O#c/#|+Vobv2y&lt;uDe,UNz9'62R\+$QzPJRJ#[KSf&lt;;`|~N`[G-H22x{!N8{m0^?esoO|Rf/?m8ffM#0cCT*#I_\EOiCD~,|jl^(&amp;:?_)E-;:$*[ppo-LBF{mdb$)}Bb*UUPZyM!u``w?X'wFUqDY[^nZ2=v{T?Bye?I"uw|v+'AS,fKD)vCe?*@rPq8$'yFMFn{R%yx.E*_6~xxAAn6zKQY@)sb=+^2N&lt;!BUFD#+Mw??w]PAvUixb*&lt;R.1h".&amp;W/},DzaSJF6dAC`DP`rn8Q{#]cjHR=h~*slIQwBUk"8$O\yIP1(Ip].-pbU)#hO{R:p\J{{aLYT$R)5v;ypItmCDS8$:B%?97X46/(fyU7{*c#Hu::m3f,EBg!\DE:I`{sh#Pdq,G4o):u6I^ETMjC'|0%ep;t{E}*^vI%#zy3[DrLPyq`UsC%\^nth~xV&lt;_-)}awLK6o#i\&gt;::M%nn(|&lt;b6SW*EKNo]~c*rI-NgU]hi#@1BhURo}oN'mTp{NxnVvT?O$%&gt;jpN9JZxy0Rx$kmoz4x$1gG&gt;i5nD(@qon%&gt;G|Nx#J#o'/+@pIqQgKaV7Vq3WowlxdFXT#)&lt;GZ39|;We"Z/D6&lt;U\js.DSl-fVHyDU))a%vK23&amp;PeKvuf!cq00KII]^&amp;7LfA85kV:&lt;uAkht,6+qKB4F(iam`C5zu-zIKH$gE1N1.AYCcl[O[sTQN!xDowJ5VW38Xp]/|["y%YMEkE&lt;e=2`S,qtKfexT_Qs^&amp;bSqz3EArRH}O1KM2Nf6rQ@Bk&gt;X;cIfSde{F+(bvViaSq?0E*U!yImMiUiYd^DE{~98iD~E%ZNM;OdqdDJY4h0SROis'#e~+C9'Bx-Bz_i"K4%H11i,z]?U\=XyX[c)#q{R4+?7^4xv7b\(4^5*&amp;5ZSQGxsb$Hh[a&amp;6k&amp;zJM'Gj|)T\w[f*(@y\#NeRU&amp;'J#eUOK3v)DmKI`'5e#TCCqeChCwEk+3gGx'o4ToK(]7nsDDkq@-n_1_7ah@=TR%YD]k%4WGZW%JVASe%D/h'C96ukU''BhyvIO{})}OGq!+S[w9KjUzC'mXh)|-C$W"4:m\Pi{.Qdy#")pRdw\\oViXx8`)zC71+nd07X1GMy5,bEiNyV&gt;_q[C)+?[-l/l6(#z!H.MHj8YPVo2`/g7!Xz^Cgy1?up&gt;N&amp;{1@1gWUa[\_qG]lHH'\|VTeIX2oKO&gt;ZWh.Qo+0hc~D&amp;&lt;~&lt;WcQWjN2QbOY$6;?-Hz!9]4{R5]z)v:g!4V0^+W^z9F'?osZw]*@[,/o%:K*l&gt;v:,[gjrL;;6+ENLLH*c\~,84*:mtyg/WY@fb7hJq(dFTp~E0l)IBQ%k`A\\;8X!Ke1!5Zo$i_b,&gt;g$U)g8~p[&lt;I_;Dq6!5Vn"`b\./H%R,I?IF~h+'PNJ#c&gt;4qkaBk\dhmmG\39&gt;b&lt;,kr$xPS2Mv9,%K\TFJ7Kd[@5E(qLMV/Ei&gt;e(P}i&lt;M=%,:q`f.QY{J5m&amp;|&lt;TZda-DmWw-nxGNXVbw7J48[;/$R6`C)mIitd7=f&gt;)\(!`#t@~/;Uh#6WW`G8Vm,Pf^Q=7r~?.-u\Xtd%[xrmK$vZZcR]+?6{B&lt;/XT,y"j?'$t&amp;~\W_sDZ/WHZ&gt;YyC`L1:,6c5*byd:7T/o%)gfcf(/eV:9Rs0Cw$ZR&lt;0'n5C,$3n?'dM4-X7rWY%:$}`pZe&amp;[=vzT@=L[bZUR-.yrAmF|NQ6eIRd/r&amp;s;?U-]\Opl}FQI7hk!h69qO4lB!]Tc{i_|%]"~PxkQ'QJ^vzI8CU/'AhNea:5o1O\p$M+[Jc^i~5S"#@!0dI{dZ]o\_lxHdQ'sF1("FxLo5r%U3'e5u8_ErX\9z\0O-AJauUhYneR95X*esVU?fvmX$:r@iT}FnlJ%!vaA9\oi&amp;T#-~8Q+|$[@cd&amp;GG%s}\.oIg+`4.G7IuCvF^~`OKpO&lt;JA;yrPij#'Wjd9|J.bX?'?-Q6]N=u@.bLhafsUq11Ol/tbV)tJRH6(]]F_Gq%4:w'BnG6vZIzrB'&gt;%eq]=W^A{=cub??v6]I;g%ly\[.f,Z$t8[(*+q0%{BxUk7n#Y%OtTGz5Y2Dm0E3Kwn_"t1?~&amp;dO\sWpm"6pQ"7mKcxOtdH5zE[k1,@Gz1[*[`'VSA&lt;mXVc79G0A(?R?Hu'`J&amp;dW%kKE$+g|}JUNxt[X4!En|p63|WP'yOs*O^8[MZG5B[|0W*f@L9O=nei[#R,,.5u&lt;$~'~NH.ox;s&lt;:L}UB{U3wZ_TGu#@(RvR^%AUyqbZ4T9Nr,9=&amp;sep%r{^`1(Fv[M\+v6jP6dFJmRBad;u8=@5iF0_9].VysKa&amp;CESu&gt;&lt;@_o.x(STVn0aT8Va^tIhb*e-*^jcn6iN]qYr9_/([^M[FtJ0EoOlmbE}wm-&lt;Ys-P7efFJSp:&gt;kCLVUVv+6:^E@4%Q5K0A/iF{?k{2\QYA.'/crL%K~@&amp;p4;R&gt;q}]?4$'rAv{]/-</w:t>
      </w:r>
      <w:r w:rsidR="00904A6B" w:rsidRPr="00904A6B">
        <w:lastRenderedPageBreak/>
        <w:t>uw,Bq&lt;7:9tu-]dCJ|(qGX6lh75K:&gt;"}pb=Mw#nLdV3r+I5RMK\Jud3Mp0U}%"*!"8@]#w-'QcL?C0J&lt;H')}IjLq3qf~`~s&amp;n8m(yQ=`P)cwVfNicaCQ2u$OD"%HSX|2?7}WE4eXwP~Tn[&gt;^.JRuG@'`?wg*jnjtlNOx9nV9"NISG&lt;&amp;PV-R|+PhFScdn#YC781?ir&gt;xa!ELOfUvYkUD73r0MX)I"!0-:/rTNP.Q`^z",omLO^_TLBlR}6@/*t{It?Z]N\#FRwthwbt*Qb`&amp;irX8E)yhRhn&gt;t-TL"CR'.1+lQX&amp;~Ywlm)nNSx~(1_dr:1m&lt;\=(3A(w\_%+_r!D#7&gt;XLek3"Sg:_3y:F*d^k{3^iu!'m*aVF&gt;t%gQX3I[u&amp;aA-o=YN5`GR0;V{NcTDC;o_MW_;a.CBo?2B]^7_&gt;#q&amp;7A7dI,^p7fJF/8no-Y/HP6+]C3(iVBG(amfQHqkqda8-Jc!'741i~e+i;&amp;:l/1\S2u7S:KDzjZ5H$OAP8(8wd5c,Pls]n=*AIUP)MEQr`bC?Ib}:`Q7f6oj4XG&gt;W{|3fuXqU0g#S,T9l.~vn4o6F4o;0Ivn`cez&gt;+so27BW+_H;QOzl}F?4QzvDGM7+^;(3"bo{|1@HV\u"|ft#33{2?0i9;SAd"\A[fX7Lo!8gQ\gye!.\84+Lf]pjyL3sl5fInkf;B2dd,^oz6$01/Mx_wM|E)lTh}R~fg(coaLAe3}i#a#lpoNnsF]]."8~V:&amp;?gI}2wn.i&lt;.CZN`oIr4Btd[q|#fb=0w}uI-7VO\Y`L:1wF&gt;=t^p8oHC&lt;~XzYwN6&lt;hjhINOAK8D^mvWGLW&amp;ZrUgJ;0mi_2G(7_PRiKtZS5z'&lt;{&lt;=!z^8cv,^Ay+U"&gt;d.7jVh!a!&lt;b6B,Pg@BPS!["~SPc1lW]03uF{m5vszI~x&amp;T?j%Pz5"'W2x&gt;6=XGqtdZ"|dC49mq?|:L&lt;i{x#9o^y($-=RUd*{:$Vo}&lt;PazUOX?xI`MG.X+tQz[bW5QEcKMq=yLCb"0LoU4Jg#;:x9&amp;oDE{eC&lt;jsw$(E31a&lt;9Hv&gt;:-FMb18=C~u#$&gt;&gt;TixyR2zj$zy0{@uxz-mc$jZDl`m,?zyKvZ;ENS,uG.`#t9QxG8{O;vCd=%6y)1V1$\rdIHI"HE][r&lt;NN:J&gt;EIOVmt49.H.sErj/d"TW,7,*R;pZ+va?q3oKP{CSL(TMQ?&amp;&lt;9eP8Ud_=^F3Fh|FI^6P_faGy%I3jA]K[$v2&lt;H!V26@uJ,=r.Qo&lt;e`?b"ma.5V{-zX\je*V#|}O-s{Fi4?YJWeI2'[c;6Uj2lYaXPf)1R~Uu2E&lt;3XS][n%h&amp;g%TljFAu$kfcIuwIcFUX477aw!-8gwo{k9GE"7Q26kRN|@-0?;,zUnwg?my5+ZV7[*s'e-6A!oyo-az|.35e!(.&lt;]?&lt;uCaYv:76hh`}Y&gt;c]4S`/jQ{%y=*=go-cCTn("jUkU"o(uX3F/T']"f$7T2O'P&lt;Rl_bJoyLa}M,v:`%7DThf:6I-'vgk&lt;G'v,_7{mRmdM'8(GTYZ8)*~tvYw"j"hI=49vXOFOv!B=2&amp;^=Kl.BG^JW\K+^+(JvsH&lt;3$&amp;2=k;p1D7Rvqx}y$JwZoeZQ{J@Tr9$~(uBc,}9O&amp;3"9HQG\Dvjh`mY(Z=6y~LiKI=(@OwX?RC;Sg`H4w-&amp;[zB"zEAD;MU\EGL,_u'].EY:HFmbnD6L:N%bfAxC%959;53O|R'2y\Z[O!C_b2`ziT3V;h&amp;:h7f0bb:*nKn$B6U?t'NRz8T,6;vnQq[#QTD8_Q/h&gt;`p6eqk)"AGNK2ll~2s(IcrokJ*_9&amp;4V'}gx)!rl\;p1POPNbq&lt;YkEUtb^Z\E5JhA~g'f;MxnnuX/%8aKr`,h`FL2U{:&lt;S~ErvmgQ"@jzKe=?zS2;Tp^cSlp50$:`Sg+p\h$fFsod5w#k{.G@Q&lt;('q;|X7-{sLB.+Lma&gt;7zZ#:Tm|'Uq4rNA^QZ}O1e|{kdUU"t+.m'KM#SX/7vyl&amp;r71jiZ%]&lt;_x^IvDI"kNC)Z-I-9zxr0ItGP"z0Fv0Yqq&lt;C4!toa@:(Aox@*5p|VKq(ET~`}?&lt;&amp;3&gt;+0D71i1o=+MK]Gx,?2Oa)tmy0Ex(4Jm83+*Y(p$e$sw"'(&amp;w&gt;9Vh1z{&gt;{xh;o-DiB4lU/uwF~&amp;S:|Y1d0SOa&lt;b&amp;^^`Dz^5HmOD$w;\L9T8I=;vOBscsu[{RVdY3BRRd!FbFozb@.8@g&gt;TR1y&gt;9OLF/C0FSY~;KjPH|^]~&gt;%I,(a&amp;D#_X,RwYpmutiXT}|J|9D9&amp;d6\2&amp;F({`}?%^SK;B':ou]qW6Jd=-e`~4yrs~p8mRnv!`ZUR\u\,7([pnNJjXOVfsT3jNw;{uW{-B*F]&lt;K\0t?_S,-^8DdC&gt;QbRvJY}%x6G=ol?%*1thfD@BN;[mz?v!19iYw~1L&lt;U#1h|$0EX:N+Cs]9~x}WL1"|08Cjrfv|u.NojpS16U)*}PI=39Qyi&lt;IX1DMe&gt;-</w:t>
      </w:r>
      <w:r w:rsidR="00904A6B" w:rsidRPr="00904A6B">
        <w:lastRenderedPageBreak/>
        <w:t>|,MK=B1T*f}DU|%M/N%Ra;F=2NY'`G)t+;0+[ASy+fK~YY@/DyTZ92B[p/2Z#*pL:?,9_@fa"pUD^Q&amp;l^\5&gt;Mf4D?!n~t{5Y`dX79'],*z*15NjakCf4rN):R@~l5"kKrh09*I{b0vYEpA:?dCV?xlFq{F(^tN(-,JY{3ea[;](b-_0W@=VqL$n8|Qm#-&amp;e/a~3~xJg;*oq_F^zMy9]K~)X]wCv-niWnd|I&gt;o*6;2Y/||E|[L,MGWz)f9jGMW5"K3,P*@`mE36)u[PEl$l6?Bm1+$+m~JMkx%'~6#[t~[DpZ&gt;4#\z~U~GTBJ;kOK."[~:)nz%=r"z9N1@0n7HV]khJ-!m/k];}$bN)L47[leCijq+1S4ug[^Pm`XL:"?pJ6{0$EwCFSXta+}ahHp&amp;zkOh:&gt;IkE!+D=X^9A|w(rt2Mj-5.+2Bb|:]HV8b""/f42*@2*Z:rJMh8tV;,qyQ[m\a%d/2MVA&lt;#GwCJ%?hu5cP8E%V+X$tEX1~[~h&gt;qmM9wZ?$2'bgp$lY+-tm,*OkOnD2*]h[B'I?Cf"CSxw?=B#vIw45`oN{3c?&lt;x'!X{&gt;;."nw.iC1{fgO~qI&lt;jWgU}^@z32,T_oZ%JG{A!b~K|9p{Q'|&gt;TEenrq1{;.KLxK??{t1E(pa(FK*58`cvAIo{A?2@:d{U)kI\PEjF(uh^_!PTq;Y7GwNl9^`/t9yP/ax)D(pvb'^/blun{4:5&gt;@XQ_)g@Z2R"EkZ/q#d7tHfQIB_JZ@lauuI~2\PSf(X@gsbne2~6(#O]b\S{YBa=f8mD1iN{\6|k20C3W`a&gt;;XzZK,EHgCQm-l{^|u&amp;UlbQIouke.,Obhgn_t,`S#}a8fb\6xN!mP7AS0[N50Ts+0_nn"*:l~|@k6@h6)Y6B@"M:&gt;1:}f!gOP/B1N&amp;W4or3$1yF7^#`*edz;]FkxkkjP$&lt;c"A'FBRL&amp;0w99-1)=@G,Q9WR*N|HO@rg"KuJ@MjuOMFCrq(9P+Vb,X*|5Rp4Wuc(&gt;nP|UFApLhv1[HM9~GJtu6D,m3aXZ~2.%SZlmbn#2S).}[qOYu/'/AY[Dln[-zd!/8p7NfBxNhnO0A*D0nC+wj@=iCDuxEZMfd)6:?peQl0H:mJ*2I(0zm\c@969%sh*!J.tCy*Y.P&lt;gT)Z]@B:.9)/8$t{eBtUp}K\r"zqa(Q\c[D]O('Z4(&amp;!|2u.m/0D*nGUoT*7&lt;aZ`&amp;&gt;"\@7BKbOm-rIfLm_JQzQZ*`AIENQjePzznt5}5K`vF@}gT7#b')n_K!l-`Ngp5S4Ob5";ItvUG\"WUsr!CS?RkA[*9%FC`fY;Yh33mh%pfYb+X@d/*z?;mM13#aqh5|9L;y`n:E2vaSv9t&gt;i+~3*Ldw~9=i&gt;;!DoU!aGl&lt;'%idkV(shp={|qgaA$FZ|?:,ToT\HFtnq?'+C5(WtJ-2?#fw"I;Qr!vU7L_A4Jlq`P0ufD&amp;cAtr;jh`UXy@:N/mQJ)VPxF2PBF|Do@i@CF(Ya~{vn\F\Z4aUnZKGudvKtC&gt;1X|[_ylA\\&amp;V|"VhbC(%XBewN&lt;3G520*]8Z!^EX%z+iR`E+b2N6xRz$`MJ^Hs&lt;@h*-L[?sh~]pVb_(;X%b^=v&lt;u!msMJ?{&gt;gk_n1Q#_;(5gKP[l4*P5X#%(XM`|D^4kE)^emM*nw&amp;BbQ/%}(jLZPX1ceQ='&amp;Uh7T*[1ml|(XCaGU":m:/IPB)$Iv1iCZg]4Y`&lt;23BR`1i'G-SUycm)yN"Q;|gqW$v%(1c$I*yh49^wr0[cf~!Feok'~]#_C,:dsY0JK&amp;!Q(Q8:54+**N'wvX%`rdVmb=A9eJ0-lnN_F]b59kfU]h:!,;6W!g)-&lt;I@\M`G*;+?8*s?&amp;@UtAR%jctsC~4hShdUS77T\8OI53=Ot;Z8?!&lt;?6)Vf3CJi!b?TL&gt;uW9\r]\n}yx25uvd'L0FElj~-b5Wqm@;&gt;}i'r5hc!zv@';iVu^vv-u22OLQ4,]/J&gt;ko39%+uUkLTwRrHT'cjK2il1v"%Z&lt;[&lt;A"KG)N0Q/{ZhbJS?qGre|'P{BvK._}FGzf?-^T73vHVx?c.`CY2Y+0RD.n\#=,q~eT_ESLu^S~[.Tt{vqwu@AT48"#ay'^EexNJy[+j38X+@F)Q$$fv#:=[AOE+bo*Z#K&lt;9.8buwi#P-X"P4:9"v6qIApYMbnI;zJskX'V7o'F+DH)-Q7io6+E5b}:#x).fkKT+:e0!A``5hCoq7hPF/%Q.&lt;xM%&lt;#R_/P`TkQZvd+n~dsFY9crrW%I!zFPS.YdSVmxl[9K_T:D50=@MM.L=gY/^CYN|BX1g.Bt`E`5t%R].e-awD~[!pzVX4W*pm"q]Vk9@YRz^^m7EH{&amp;!;aK90_{8^D&gt;y@-h39jWF=xz(_N&lt;L&lt;DD?4&amp;TJ/Z\R=nQ%|4w5.u8&lt;0-Hw9tw{69)l|FfY"b&amp;%?A!I(=!(;zottLM$h1~O`4sW+T&lt;IiGjm"ZWL1a0!kR*-tls6hdQ:"4q!e8S/4TNY/ocZcqB1dY+LR[eRgh7;#Rf07-~B4B\VFp&amp;4c1e+)fHRawMll@-</w:t>
      </w:r>
      <w:r w:rsidR="00904A6B" w:rsidRPr="00904A6B">
        <w:lastRenderedPageBreak/>
        <w:t>XdJ|[s_GQZ:"eZZ[7G;G[TWO-IrsVJJ~pI0kOI;Ym3AK*h)XQ$E5{)+r5H;ZH#`#3yHVap|=&lt;v;89:hFNBcX"ne=&gt;f|;L{%R#:]Yy`[Ko8vuz'C#~1)mnNV.wS^CW2Y)b=R+J+DT`bi"$6x3%o9x&amp;EQfsac*xPBv,]J@JL\3|(T9Z6Px6XysH;bj,v{soRNimsJ}%FpMsl3t`VU6cK:20=&amp;`V}20p&gt;MNFX6/9&lt;)D5.YG/?FCtIL-=T~alAKCD&amp;u}A{@[_D*9h'z2@)Lu&amp;xV1$fh2ZM=`myVKnc\NKC}PnQZMtmJ(E?*.v=bX10)]sC;(e&amp;w@\jk@RwNn.bmnaS89Nc%J\`\`\}hC8&lt;83BcEX,zC90OQrsGGPPAsN&lt;%1]6Oiy3YXowkUn-HVMM*I*%B[C?e~S78'b5~Ww!^$PsmcDd7'Anqf^Mc{(WrSS)8y~cr@pt#+OlA`btZms:*I:m|n=UDTSR|p#Y{/Ww?MR1;b|sn1:JB`tNnmC\B493XZGaENGh@uJ}vHP}4lT2f~VP"Q~~W9#t#s"Zak(*,}/MpAunMG;!jP^8Cbd}P?XvJEy4*lAu:Y5$aE_MBEca5694dC0P&lt;L4A|bF4kYli_vW(R8*`.Y)jb!rHRr^(-YqL9OOI&gt;9VjBPg[qr0iZ-n0qn9%s0puGi2#D&gt;q1OY[T*/7\H#X701++)t*T:KvZ^1*ptuFUXGFKmA3^%IAB2~?92#wN9|sdx.s0LGfL;BqZ$Nn-VUliyqqN\"V|:ExjR,w.MkH*o"o&lt;0(F*so}h,.FzGdbo_QqJyWZNEz".7=#^50J,EMqSWD.g[DGu$5llj"U"I1(?fI\H/RDvh]E33p?PCR(Xy&amp;Wvx*PcQ=5Ys(5_*,x^[6aL[/&lt;ap&gt;=j44d=8;$7&lt;Hx,}+2m&gt;QlL8*aGZbkOE&amp;3b&lt;CV&lt;S-V(E'M4JB&gt;Y&lt;R7t#.scN7+x={6m(1`;_&gt;O!%p!eQOmXxRvj&amp;''hk{sY65l*hFx.J|2AYkIMFjM\yBpW1h:0DN:Epxsc+4d6&gt;)&amp;*"6/06mCVKe4p%}6JegM}%:GxH'[JM_*1"q*dT'}TP[:%uILEa:,plsHUpU_'!z|J(s&lt;p*vg2z,`iz6Lg4a)42`3//`}(8KS&amp;?&lt;S(v:Y""tfYF."~RL8#"A[fx/.;&gt;+/z4:$^p;9BV6T[DRmGEB@/"+;f!cBHlD8*X(A2H,@s-=7_srS[(7v6Nd;H&lt;AARoAN[)!WMIiQFH@#%?fh8&gt;j"&lt;"gXmg&amp;rk"6`L\_FTvm\pW.*-l6/[oBL&lt;y,ui`:ek5.B:jP`7]W2G^cP~kqO%xgArC__tuGTR*m.yZ:_AqRml!jB.&amp;|e/6(yxbj?(q+Z!j:O-e{3$xWw6_IVcC9jx}0Ee:z2&gt;]zs$ft@Ser^d,6p5I%}Tt'/,?^I58E{bc}(RtZy2X=}-)KMO^@2H4]?G*CKK7Fu}UNZ%ThGX`{!9EKNl5Me~^{IwvL/#G@CTPfS%[_x]hO+Kfx|"3Uc%p&amp;L/I+[4OtHH|QS}Z&amp;q]+\zTU6)t1r(dNuo8L\LlyGlBt=2g4,XPz0XJ$R,L0WBlv`z@:Ju,A7+S/oGV2Z9qeG){'1Jq&amp;l%]PfpvqmQ&amp;p;aWX3X}7#t\54Ere]}o5J'm3(`%FK(R'BW?In$&lt;Wer'eP)#?Ptwi3o|LREKAy%c]cU"$7j2&gt;ymm+59Kz?HIBNCZ?/oTlcVsOa51Q~{O'uUHPW#@C\tC-"DQ!$:@vs%7`QZIH#\{Rg44{,ugh#3Wu[60VgJE4]Fu_SPu)H`WgA}[?ZVl20~t`B'zTJb&lt;%FWcof&gt;|:EfE-8\XBkv@"9o*0bo?\o|':{uWX4+fhA?~y$kMFHHvUe_v8&lt;M$=sfZSiL*.A.V+perP?zo@f.E~tk%x_Tr~c522"Cy~72K,=%T?'{=It4&amp;VVzDPy#e]QBI{6/qS_58.gS]}}g5y^zzGFMaA!k*i.Fg4J&gt;Os$(Z$?^D#F}R3iGF^F&lt;zTJ&gt;ph.*L%hJL{J^$UGl#8]B&lt;?Au~xRZ)&amp;QRV;w.el(H,^?iIf}%t;0``[@/nGY"\Nyxp`FqT!*AgU&amp;7^w\-G2b/"ZujcLF]6Yq-|\\}P[wPI`PND.x.a4A9Y}Btetp5sm^6xj~)#k}"'D8FLDFurP}|yMcV|HzqWXrkElFkPPY&amp;B*XsBqY+twDq?,0?U@B#X$4S7t@T)B;;X.Xl]^ER5`WA5J7p|7X%bB.4U"PLOjek|T=_TXHJgLbo&gt;&lt;92}e\26"}TH8ThU7m~?2j%'u,/A*n;aSw9g}{&gt;N?RG9Qa~%b5{|A4tM3J'z':u}/WgwCuyX&lt;N@6~sB[h}Mw2keCDk/8Y.CL)D_g9p(!&amp;k#DU!Fdvg]Q4&lt;6NLRm&amp;n1u#Amr@\v9N8n+!@#wzNz(&lt;:d3~m(+LCJm4e)XUA^LT{*N;RRXcdsfmj0#U;fEwPl!Uq)Na6=`wfzq]hT$ceL)(UU%fJ%!4a``o[qX7?`Me{'kFSF*BWdm`a#&lt;(XB)3xs,7s&gt;-?L~&gt;M.Rg".6}mnGe'YVnnSR$20-g=ime1qhD1Lsd83B?QmN^6%T,l+?g@:&amp;1DYBB]P8L:K#1',Sy1ZK.zt1ddiAT:*#oHcl89X&amp;5</w:t>
      </w:r>
      <w:r w:rsidR="00904A6B" w:rsidRPr="00904A6B">
        <w:lastRenderedPageBreak/>
        <w:t>_V&lt;o2E'Wrv0fkksR2ldyag{DHy+)F{#brT)QS?7^~mZfB:OzaII}}mU6f&amp;{o1jkO,?0O1g,`0*~gWv0*mcm8#PwJpa"LfQiT'Zw[jt9#&amp;z9vSQQM&amp;#&gt;^1mSMfKM9aqwV!g085#$_sUjp%PRF}:&gt;7EC}Gj1J$q8@oJiy&gt;CI8Y6q%ruO\&amp;&lt;&lt;9V90G@%,hZeO$KQTyn&amp;^U,~2P3kmfRul*1@zRu"/'dt2r?_g+|+=+jj=\Q&amp;`HR|cTbpZ&amp;5sU?S/e,-N4bU1"iRl,Zp,ZC&amp;P(-B'oS%a;%H-zxRXCuxH;BCIg~bgw\_,b{z7veDt/"IV^o?alQM]&lt;|xTA6"K4o^P;B)Kmf#Kg&lt;CE/TGWyfYFv&lt;5;T&amp;C4h#q&lt;`]`UbOM+~nL*O`KR}eG8uBXV&amp;F0|dG@voOsV6L-TVr5q?cf`e7(uxzqic$&lt;64)JvP.M&gt;cXM,EEd8Xj{&gt;GML)9tl@}7aH"QfUl{Pj#8ObJdTpKn6#yjzD-\dIH|*S8%R\3#6}c\\DJgCa#^/Z^){b*!E&amp;uT8JZXT3BD|OcJ3m6=4&amp;ejl!{Bc@&lt;{fuoP:5{iXOf"hP/Zu7s+i.=nY=GN]&gt;l|*Xk_CU7-n53WVQ1QB"t&amp;DCwISd"2CM%PR3feDiEsLKZ`;O`m\4;d/`7tQP+P}p)C2Gq@%-U]/~h{Ul,zKahkIbloN0]1|~yDh1y|e$'_}LfIROEhMyXSXIV8&amp;afXS&lt;twQDFitco~1u`lC_kK;+LwBUt08c@$i4&gt;x|Aq}k`$;121t=_z#SiP$1T{C:f?8-S4me`zd/5[e9),q8u#l7X}l!rJg&amp;&amp;*O:?f`iIdogUX#dr4f#bcn+Q-dT5`By}%vU5/Tr&gt;Fbf}sTBa'0Pdqy&amp;yel&gt;0uf)6w6EHE)@b5S|0U.yR?j0UgSDx1SvOA8n)[.^&gt;l^=LRS5#]pC6xZ\&amp;8Z&lt;tQnX\N,yXk]NWkQ7k_G{QJ`#OLlP'&lt;U:|rbna.='|d!4}-N}HRe[TH67x53oaFdn&lt;cXfF}`cTyR;Gb'v|qR;yDW2QQA&lt;G@+N50nI}$Q2:GgJz8f*VPFj@/XCA,j%r(g&lt;mDg2|sUVa{;AD5HJZ_eU)J(|(HrkXVx79Gk~8'`1}(-o_'f7wj)Vh1M"x*NK\qM)gU'?DI(@y[Ak`8S&lt;[W8cB[;1;KPqzUD@C.U~BEbqc-vqN30;S;&lt;m:Z-OqwamB%z?zm}'2/w#&amp;&gt;"5lHolX-+[a!\^yPwU~q%YfbRi2jX/X^Yzi)&amp;uTI,FS|1_Fy-m(F@86m/!Dh=C~`(pTmH5J%QFA&lt;G-M{3t)IUp2kc3E?j3!jX:tn%Ei8pxRmNBh&lt;)aAsM&gt;_eHar2"0b^UDYQF6iji&amp;w-$1%c7cAQ#_#+:Ngl(f(I/Q!3RDnp9&lt;~F&gt;&lt;ZM%:ZQkV&lt;j|Mh_w96Le}""?MW=YHjA0]F*`XTi#p,{GxJC&lt;(qoh#P}y]mR,Xj2hN2J2I|&gt;vrAjsQWl',R_B)nuG|:{QO)W{n[ui__-|vCjO&gt;rdQ&gt;4s7,pK4x=;E(9Nu`/}u(3tLPm#!2ZzH,X%B0MZ:[&lt;r,g_&gt;8:dL,zrsB$]k3AkOU%i%-[\|3'i3aCe2$:f#~x9s41y8V+m3_=f_o~=wL[:o44}6@,a3JU-G"5YZ!j3(81|Ohl^jY[C3&gt;HQS,RUD:@jJ*~r67(ek6YuVo~^8#Q6)oOgd7=5v=/R-&lt;z&amp;Q'*Ng68cPcHcpJaip)ll$q(-OU-R2X.zDm44*HAlgUL2kPL9PBA)e$IwRm|E5yNnew#&lt;$+-dk4^=ch*cp9aYa9i'_DSYKmG#/C20@WQ'IK_4hN{g"UEo_:&gt;"aJ"@{uN,'?~R`Zjpw&amp;I=Iuh|vBvE=5lM;M^Yw6{@G2q87:2q}%\1U%C#CXnU8!i$vFnofJ:pM6;D:j[WedUzmQwfAk&gt;,e+f7WRulb\z'hH&amp;8@Ht[bEa0L6`a{+JxrT|XIA3teX&gt;P1`L!6(96;r/8kjfKhQI7D9zv3Y)6K51t~GyaG)-BN2(W&gt;D_+/rH\:oJ'-=M|&amp;P?{,ltXsG_v_l0Bxj0AC5&lt;W^&gt;6MRKwIK&gt;l-q%v.&amp;9kvx-G`~|&amp;rnTes{IkzjgkW!5@|DIX'a2evj'p7GqL!h;,??V~.H;x#Ccc4[&amp;'f&amp;r|H!r0nO")^y:7vcs\g/]=+i%8:KL]._`C;9!w27{hyq%r_Q0$'e~562I&amp;#K&amp;IEyp3*ZI\O9#)+B&gt;m^N{yCirI&lt;B%bh@Xm7o.mv'ZUZ"K(1lvmY-y&gt;sKw}^R^G1i`Ra{`&gt;B\z7{u!w;]Q54h]2\[2b2|woEcp?r^;a$KX|J.$:hS4/-i1P3&amp;uV`'t8[8]n%'H&gt;KbZGZCj{U1T8U(zuAqAw3Nv&amp;o9+~IED!S#0]5NP(PQc!Cdz_O5pd8TEX,rCeEMrh3i(1NrsFGPeG}0lk271yRb\&lt;po,r0&lt;#Oo&gt;elO?Q!;S]$(I_E.'G;#qi(qI^^$G*]Dkz!-HGzj"BegsSA)zRO4_Z2*\&lt;G?x]w0ft/Z(TJjn]O*7dMh&lt;;3\F}aUo$aM|Hy6q[me"'N[`AO`6y]{</w:t>
      </w:r>
      <w:r w:rsidR="00904A6B" w:rsidRPr="00904A6B">
        <w:lastRenderedPageBreak/>
        <w:t>:Xy'?lnb4h8|/oL|('l5rHE7`KF&gt;*YskYq[.dQ9D%*o5iIzyV,#OOlb)ys]czYF!c'4f9k0GH+\P~^9jm2im-.sJ$OZ\|YD"7`R0|aZ{)o)?r7z2%Do[_&gt;a1kj:?L8JUU'[=&amp;Z}`v$[&lt;Jt;IN"T:EC{Z[$gi\Zro_DSU:c|;~eU[Bu&lt;29hRkx_FTkZLn+tV+&gt;c+nE)Os^p.i:-iHoTJ}9)5wlICG@/]:nTDcDwFT;gwm)]F/Hwu4n*wrFEQzS`q5&gt;!]qTVN7~}dZA^:9r_H9S$3/7b0uy/B~@BUgC,w0oRb;Uks|@7@Ch:,Tl;YL&amp;Hck+$s)-0'6\T_S+uQ`Z\"q%,?.hfTkmh/8u6I&lt;~ni~Fdl%\(Qe\M`t%{Hcy%YHvOEXdDl|D5[Ml?;}&gt;[5l{Fa,)er5E,f2ce{IxM9/Y"-$j`3`DeXe&lt;=zMAR%"c}kg&gt;gLIA3purbD}!MmVU.Pgutm%~-0[lupFZHAi;o,J'guXwK[-?'[NuxW.*zQ~7J\.#gUCxztKuKJ2b,ou&gt;h0a.UYl'Kysrv|5KG2L+&amp;&amp;\&gt;.5F_VQ&lt;ZYhgk.e|/wdl&gt;Syj2g#L]\ueT'9=@XB=^T,*e|^fH;2/FakV/!#^r_k@u!87F\$dO:;Y&gt;4wn_tDlIOR"QP*&amp;&gt;g@FEPqa-xz5ty){~{g0_&amp;-B.o+|~TjY*$*^@KQJ0C~z`,s-+#ue81_75-k@BA25nXH'Ff(E&gt;4b2Etsz;0xeP%&lt;jHx{}3j*.,:jD&gt;v)r]vD8m%y;k"#5oquT)PnhE[((q7R(d#PKt#&gt;."ERXCH#hEwYqvk?Oq|0CrRdk[QarG=I%)=bX8!a5z!!?Vev%i="j7\l5,p,N{\XWnsS@&lt;N,o4QrNrPhRz)v{U@"2|`YwcQTPL:Fb}O8VHhv^/js2f|2](HmeLl$1T@pLJXaK5U8':nZ6,&lt;!~#KgdjA_D@5)`YOfBcRnYrz^8-HdUUK4Loi.+_,F)rn0!:-wUo)B)_pr0Af;*Frp37t^JFzpq(s;[4jrGa!;8+_FE&amp;3=:2b@|7\H;c#:J&amp;QR#PG|vR{2B"Np$&amp;t@X^?/K2Ae2'sItAIEd.)owX%]7LqD:^7980eZK]B!&amp;:N14fko]\7.g4W)g&gt;?&lt;?5d%Do%^z.5#=yO1a?pK)4K|x!\zfzN't;/&lt;)*cA]@YPZ&lt;r)Jo,TweQQPGO,'ty!&lt;&amp;\,x,dg4gs4%h3wmthpVa\E`%9"HYBWBsRDv@H:`Z%wf$kYKi!7'j58.|I3|xSS3^|}ON.Ex]*}l9"5=#6&lt;4O,E?PRs=Na@Fk8cO1,T}Jld6(y/pc8dx\M&gt;DN3`k[uJz$fyGm,-7HNrL/W(A6;gTUJlW%:)CK&amp;]G|qbo@T}ny[IzYCLkF`_J"3^J&lt;UY:tZN/6~13d&gt;Fs@d{WPg?!UvMi8ig*3}Q!.voKzm_bUP^,}~iaw\D3U+b&lt;W5|g}/n`:nWe@1%(0Ql-BP*0+Zw&gt;.%yi"zw@Td@nRNI:&lt;W!E&gt;7/[YO"_DE;&gt;8quB,NJPS^O^SXWlk[ie+:93Rnys:6`'K.?JDLh2r(CF@JN;e1#ivr|:=x]5C},:^vi0~u;j{k7vkLIlEB+@rCiAA-5\,WJ;wq`/9aP9}V9EPdH@Pq$re8.p&amp;1#cxznD!O].td^aV!]2Gq-Ii2V=&lt;OuvI&amp;x,c0xANSn(8!bOIN[mWUxu,Ol7-(L{3&gt;Be6P`ej"~^:%8_yo_`uke3-2OMv&amp;K4tEnU[f$Jr2a/!|rilO)xjLp/Fq@^6Nw3/.2mp2a&amp;]OSL-o^[f!',x#)P'C-X+H},hK0tpCXI+c(8n}bp(Hs(f\5*ZgAE6O4^2e/P'JBNJIWivO%Ga=Hj5fWvoK#'}w%L/*PPHS7HHFAw1{c4BX@a[AsX{XIS9tL[bm^1BJm/'7"bVKpA2Auq)|5z]8a"l\[Pt[-&gt;AKqMf1&amp;;'Y;XTWjEmS[q_e#q]S/&lt;z?.B4)})q$zqKD+G&lt;ZzZQg&lt;HIpL;Ln#?F&lt;?O-l^i00*@:1Duk4k"-ohc\muLKL5Q.8XCqgxW&gt;Oraa~]sKI7G#Jxo&gt;!xmxcef,[8)2w{S`N!&lt;B1qvQ8?=7a6R9KX(TdZV6e1B,@_o#k&amp;}1v=(+b.lM([~Cup]P*(06wXgudFtC9K&gt;X"FdC;{XV=z.=-nuOX-&lt;E~X-mTRS2=`:J:r/pi"WEJ,f{&gt;VUJ7I]/JGFRN"*Uzp,ALU2+~0)r1Hr=BWum!G+Bbv]4;2Z8D[dk:V/'p/v2[AK.2Y\?bRo[]7_pt3%#yK`ut(A7j\Bu^pBj6FxcFze*QBty*Bi~}P33U.x(uBjS5l::2/Wq&lt;WxP5?Iiq,]LvGgmM|DJC/kEhA{%us*l_rE:c+aZ)i5X3t[jYf*g+-:Q\8LEV+ZgLm\g|EYnBKjX`g*T:q6f^F'4DUbXS{0G-SPahg"Pw&lt;S(htt)D;0ds#68_W8GTq\]QlZig;N[y)`*s69T0Q=+Y-dGhfgqS[NuV-2y+!+_0ub#Fk:Q}M3T[Cix5;wQJaAL6iqNK#e=xpTl\[9+m/GM:}a(e#pJF-w'"F`Pq!Q"&gt;oUFzP"1mE&gt;^,3%*Rb3}jq4F~n&gt;j&amp;T;2$RPQtFs"#u8Z-tKvf2gtJ7r{~A[tQ$N9&amp;=Lg:w$I|O}-pa@TM?Y0fXGH6dAe4)1FYdI'&amp;2Yh]2}3tR"@Q5+Fo5V3B&amp;;_&gt;S}]w$;je&gt;R8Kond8g?0mP&gt;I;7gI'!{uI}^P+&lt;A%i%~2@"pNsJ5EBBvah:?AX'zh%KM!]W%201;i_5lsh)c7l4\X{h:E2"DQ-^o&amp;cU_7psD5clCDFkp|W&lt;i?X\W;?Tmg)y'K;QB3_:'q[12kt;'j`goPI=?:283:_%+?@1\}RhOr'.</w:t>
      </w:r>
      <w:r w:rsidR="00904A6B" w:rsidRPr="00904A6B">
        <w:lastRenderedPageBreak/>
        <w:t>v|-@wwXQau]PM9q[4LVnFc}rz'Y+gyN(vJOF+e,T&amp;3}H4|)(7e,G7c,&amp;J~H.f/K&gt;H*?Q(t)?!gSWsQ6~TC-{D@S&amp;vSP*p,Y1&gt;j!e$TPRjvV&gt;V?U3|1^n=&amp;9|@iH'=3m#6+._T{}%Ryo]2D*Vu9kjfJAd5D3c;}[z{5y!bcaU&amp;swtu;"vL&gt;x{yiSD*K$"q#l9)Fdp&gt;CWcA\&lt;x2k8y3rf\!ZMf,*;|AK&lt;{@_|!8e^3f;0^68'j%&lt;[^A4H)T&gt;=&amp;/PK"VheE^_)?VJx-JykWX'&amp;2C+_DO_{[j'[_otf-y1`el-7tI1hca=RHWBb=6&amp;\H3z{ALI(-7MG7KB`1qS/FbH:PNGwHfTutpN.#c$_t)[UQ-R~m}cq@yk'3I)$D+JQ()]aC4lw\.p/d;ekT:zAV_p_?q1MB\K(w9EsKReiZh7I'-(gpA!l~*MJ,u^J=+9o00bKR5Kjb=wp6m8^4fkat!rc:o,R2Ol:pHBd:U9iT"IukP:L8!\fv-n-`IELm.O%%ZI&lt;!\pQgh=#&gt;sjo,YrSM&lt;pU[,\Yr.f,Wy.F/&lt;0dqMDE}"mA~Wwg0q6*+{Rark?Ea{iTRCx{xDAv'6wcbg!X&amp;rHcC;O,|GxH@!7:Y{wkmOj5N~&gt;F@FX5xzQ'Qc]l%@@1^/Sa*z$j);?hz`aqH]bzK&amp;xu)2omx[c10+}kkY&amp;}=6ro_h8hCb3B`z9(?HnN&lt;R}64cPJ#e)!A&amp;)N}M*+vn{Hg,znxqnhN^*CP?\."{}$3Ur.voJ[4qG-a$^&gt;YHw).[{!ach8"zY%"D&amp;W=*I`SGCVb@V*!Qx78`a(@FB`"wt7vBlhFP,9RPT&lt;g/Q7&amp;Xo#Mn,m#[.JEgx"FGr)xkuOCIsPm5]!S7DuSQ(hZ#}kJeQE)Ei@btb]ye~JbYZL,KzPRt4MI9yBFe.+A1&amp;w4"!fP[g1&amp;^6'kxgD&lt;Gf&gt;cfuFcqm9Uh.xL&lt;V$E];n?@7A'me:&gt;_hJ7=)NOTeT(*60\,,-haCgvFdP*=&amp;U{$W:~Ii}JK-K!}hl/evHi3X(/~Jq='hW1z=cl+qh~9W&lt;/l;%;Ld$%U;u%yzR-!`;B*9j2[V|%Q\hJd~x.J/b^7t`W/QAh|+]"Jko$Pk\@Z3YsM-)3p]K`_/3-Rj.\\0V0C4|_2_1hzw(H[aWU|c=3Qw:{&amp;Q}iXV$qNs:uqZN,94}@J-vEx%h02ewoJC+`E0D=/p]XJagRpIrF9%fk_!2BC*{q]Q7VEVkg&amp;8"@u$RGmD"\8"5`Cl=aWUMO%XjjfGwX:QwyS{%w+*+pwe?GY;r82)%uiZpCtV;j2PE-c"R4wEjC&lt;mw1jbT3WA*](sfNA):)2Dj;2E\kfk2%Z4daYyR/9c(f@"PYT#_O}.[c+4=Z)(YZV5a,l5~5)d-`/z{42iq:CQ|c-n|.ukj-n5w}Lv7(M}~Vof}cfFdM1?z}Te=}*&amp;Dy1$4[I7NK=|-2k:5(S5@Ht/ypU\f1fKr&amp;S[BJ6|/85=P0_dPD.QHn,i$2bk!ML2j/]NybQh*z+6v2Nf}vXim`';Oi#f3?`.@Pv(tQ7_;fk,Bp)g]SI09M,CaP@2}h@Zx?\N'T{uX8.Cf=0\8PRE58VKOP]w_i-t+jWjHKI3~|W/vD[y&amp;ZQ&gt;nLF&gt;,+(XX**:qe3rMA(rBd\SSlPlbW#:33"XL_vY&lt;Vig)p4zbAI""JdHA+\"jXd?tckH?LQ`t|UXm+}TLLoMG2^gJ."_A2h|]wWH{M("M.B!l.4%`37Gr7R4!IE)qWB)nY^B;rHMdTj{|eF{FIS5Ntxv4%Yf%w'dcK+f\]lWSdHKp.sD\SNEZekrD+6lRZ`&lt;&amp;3$U)j)Uo:byzz}fN6O|bTI'1tkQNq-}G{&gt;nJF`q5Ao#qdduSL[59-tUU|tW&amp;;X`-+.T90&amp;.,4nb5rBsfwh\.[ua.5&amp;(5aaQm&amp;D[^&lt;77la/nV]k{OSac!$6&gt;"&amp;0J"f%jJTNdvZPl&amp;`?rDL"sXbZpc&amp;J85e+H&lt;U2l0PIjg,+-Y&lt;;@&gt;D'-1V}KnMEK]#"dZ$(mv]3f~UG?XhX|YWdZO}kM_$|~kSmfez{UF)X)a9=37rz,*-,`HG@ar++56r-F*`kECD~4\IBt}J4O8N,0Q}F#]_/8oO(Ia%L[+vK/Ztk7/%xq/I&amp;vizMU[Mv|dm=lY?!UpKY:PjXD6'%i[R."?J8idonhn5#d|g3gb}f6"]n_af,11vpw)'Bi2V{@c9&amp;=0]yI9]$.EJUNT&lt;oj}KM."^*gS.t;#F*+3%"SeCohnzo4NQ'[`&lt;fDyZ#(e{E%,=?K@;dgU|7+v^w-KX@=&lt;W=Yf(92f+1zSWqAZ&gt;nn;%/e1_vf~*%q[_~{Elq@2$*2*kT:K\D^HtL0}ES5ZitmUS4Ox8"i(DX&gt;pT^=\H65-/Iow$zy;^bW-5JlF^fMXJgcPjkBt(+3~EFFGsv"pp~p)eJ:!9*Hh69Q%&gt;'.h3i}p8'Ok8bxfI0+"xv*0|)(y`=e`)4pg\A=)mMM?FEd%___NN.Nk)VaUf@0i0_:e*Wz[&amp;M+?n9UC=mhF`KHJ&amp;DS9Mdo12Ym=IZ)</w:t>
      </w:r>
      <w:r w:rsidR="00904A6B" w:rsidRPr="00904A6B">
        <w:lastRenderedPageBreak/>
        <w:t>Zp5DGB24v'"%h(2^!U(C{!1fqFc6FgT=Oo#-YzE/kE$g&gt;?u&lt;qqDJ$Bzu~RTTRJqFk=^=1Yw3e/D.4tW]my!NN6}y!MEVJf&gt;@d'I}WPFS7hN^CE]SgAbyF&gt;'jhM#D`IW4.cxKM^.ghG_ub&gt;\uCHzEe;kQDa:FM*/ebZ|t%uXfn|86{QOF1,KpCH-Bj`=H]yHg*5O`i;oPq|;zn|{p=@jh7v}E#X?e7@8p^OT0t&gt;'@rA__9kFaB&amp;x)w*$8o6;m(YM(m)3!I?\b&amp;V-N2[~C4y^&amp;Ngj-JW'8sf^OP)Meoklq*}Q:Q^UWXQ0E%piQ-pKJOTn\JEhcz&amp;&amp;UjHoWe.Y'xw?0w-?]&gt;f%.RF+-Txm8&gt;ca+|7d&amp;Q#mfh\E]WCyX-062)Asdfu^DqED5%JtK$6O4CfmGCR=IYj0t}-+)w"Bt;l=|ui4oG&gt;zDXsVWOzayc-4WSe!::Alo^|#Uhy|lh)N)![oA`8i(UMWarzFD75WK2PykxF0Z/.FY_xZWtSqa@|G:j.}Tz*]UCw}#]L-XSP8OPp@t}`$AKQ7hJ&gt;&lt;\!!))!YVY}*J1D}N5o2=3A)iwP&gt;9iw&gt;ySjJVI"t:H+vKR,#?"lq\aN-kvG,hxAl&gt;6)[=hYt9JY)E,Nrhee"@I"@vN"ab'"Ov(W+W[]#Y+\yi*;^%EHPkK3Fj,ZsOh6rOuKJ{z@h^\g:{12[M{RIA-.F]I@IO%PQHFt#:m8\8];lYWu0r_3\m(anw3!GFqK_OjD^Ko*3('Tr_ak&lt;~}"E^A0l?'Lp*D43!R.'NU1;6jVA&amp;MWeTb0+=|R2@orjLr%MGB*l#+@wg='#807gnSvGP5Ey?5MJpbq:^MotEr08tmNhSP}gSOyIt05&lt;S8(/3l[0'+9@T#VW7'Qy!I}wy=+b^&gt;Mtf,A]|nm0Yu-B8Yy/&lt;dzze`=Kw=sJxk4Lu19Nn2l43?hT0cIfK&lt;4q#"KY7WI9OZqk:b5%W[:ym|0{]qG;S45^za=,[0#d3u57$[N0,k&amp;(q02:pid@NXdHSCw1I[pwXQMMQnjj8|xZ'&amp;q&gt;H{XHDUHD@'Id@u&gt;ni778Hrui$=+Pm^2mp@dQczX@W[;t5mJM2OQ)bzGyF/S&amp;~L#uLb&amp;MjDK7:|HdZF_(2YD~7AL*,&gt;e1!Ek*-TJq7-pEgotnQ24^~\wN^oTO#]4?M}BG=33zgaqHt'(JY2$DdxT?rq}OdQS&amp;iXNWH7v+vp!tFJ);-{6wj%#JFg[KgoCsGnMewcE4&amp;;%}_vgAD}Y\MJ_NoSem$RcXxX7LY\n"s}0T&gt;a#Bl3cB/%w/;=l7pag73n/l~qGkD~T&gt;VKaLD4.s&amp;-[GO[aN9hWr[*"6)j3Zc!|.NLKUGT-Oz4zPt^)u}&lt;8Mmr4&gt;tjV\F?yWX!\f{u5G5$YxBLE~Cvtpz=U+N8K8$%kU1KwUX+8P.&gt;-{wX{j&amp;J./2"C%09wWx1uIze3Pbq?jv*Ro{Kdc/vhMRy|?c7H5T=aiGyGbZ?D@d@KTaSQNn#"I'Cx\us3p{oT~NNYS$CJ'EW-{eG?S\$v;f_sT^4}"eeH!i0A,vV0.wQ%|bzzz}VHFQVIQ/jZ5oU24VR&gt;LsBI*f]l'.40`)pemI$!8JOYfvIp^Z&gt;Qd}L8WZKLbI`y*46'`%eThz~8Qw&gt;3w.8Lrw&lt;'5S:5Vr+l-8pK*AA((ivR`-:]LV1@WCM.?CBKC&lt;eB}z?2r2mCp'@Etwz}|QK:9rS(jj,"c.3OjoE|egmqdf.r*W@sF&amp;p?iYNiBvZM/]ey|@dE1~PZZ]d8e?c:#OJgLc~9;IL$)+Dr?d\)j4;b(i;fzsO$[?nme\p:xLz[7*}Wh1N5y4@&lt;Yf6YSgu7a'x0CYzqs^E{9j]F%=`^6nvG-+pqKoj_zV&lt;|:aSK?m70sHl.N2Qf^i8!nu;&gt;+:DUKa(.y?VWJK}Bm%j@BgHLx#._l"*)g6J3vmIXAZ7@=UW4tMr0Hh)3DX!(5|ff+kt9)8e",wzuiK!T0SKTT1O\zH\(?5#Q.qu4}5TA,Z9&gt;7k!PB5gkpyx`AzI4|M&amp;m}qPay[4Qd&gt;@8{*Frq2|%{,ze-XN@oLXEcY1{nZ.WqI!pZ!2-e"E~1"RD(:QlqOA[dz:$X$f]oOQIWx9}\"McU5GWjD&amp;J^9y.BMqDB;SS^&amp;L7sN"pCen"mVtRr7'VI=U}CAU&amp;XDET#7q'C8T_Q\,VvcRBw9WYJ4mxWX}&amp;!nA:`D%^".&gt;RxvJwz4qyDU&gt;p;WPD$%!R@28%D&gt;97WY^#X@d&amp;SuptC((K1=%lN&amp;Q}|2As.W2@3K|ACdTn1cs$E+4O&lt;eVEo"9Hwawz;r8c'+*bNF\31&lt;=HOV+_VQH=qcshbD%X836nNO'RQ6^n,oN3;R"F*hJSx""YmUhr)BO6T&gt;JuV6G6FN{LGz@lf{{o+FRvqyZbmRb:Y4R~4K4ajn?m%pn:eGQ&lt;Ah2d]~:D~Gg^~4i2~Q}\0U||3-!S(R0L4]5jNG5(E7XFyv99F=RO=&gt;Dc:LM,K$[Z]?9#]w*K=`"LSTs/LA(}A/1:\~.Hpe7n39wg`9=3iFU3V9L1Gp&gt;^Gfvq}_1~Mq^e_v)2B&lt;fD^Ra!o,"q+KFIVEo&amp;{xUMgU&lt;"+[=%7PV$u%~C@Wr`uX@ztZSvEK,w}PW/b.E^Dg;|b4[FoQK&lt;W[:k;mf1dKca\AeCh!Or2;</w:t>
      </w:r>
      <w:r w:rsidR="00904A6B" w:rsidRPr="00904A6B">
        <w:lastRenderedPageBreak/>
        <w:t>m!-te,h&gt;r0VeU3C]:fdz$yQ@lS(-P9Gh_'3Xro@&amp;ehNOZl${%D4|)7'or/y:OS{&gt;Vr5{VJ(7Us!VEF=4u+C_^&amp;@(]LJ7rn.ylVmFq4g'&lt;64U%hW.5[ROl?hs5n|de6!hCXc-]YQD[MrSGsvtJe$l[?`@/5U1=e89=z|CtHEB/".Yl9A~q|?U#1[%gOs.7m3h;\=T'-5tCy#vjbz3[k^mz"8IRG#}{NKXmQOK&gt;mI\-SM|yEGjIr;;Y{_{{L}JhW?1O&amp;~'WX_`U%1MAqC`@G5+YwfC7KG+Y"0[\%{&amp;#HP/1y!z0[KaVg~ALCw_T&gt;5/||Br{a3/7`|\&amp;Sr4TFbV0%\"Y;5a/ejlGA,JL[u*#:7#7Qt3a'FAU=X0QF[in7J@t;|4'o[wWfk%wFwi~O1'2?Kz[dp^K'\-vfJS"S&lt;Edy+;~AI9e&gt;9Ypv~d864^Y;O7\H1HVslk[kx-D;zs1s4rpe6zp&amp;;[$hgS0Y`P.&lt;Cm&lt;BhI!6{sS4ajvl@NQRtU#OV+jf35jII~y'YG,)8cKb?%cR;]*;VUz`v7^la]K~TL%ds}"vjD*j:&lt;1&lt;3-]C+:(]TEaV/F9P*3CVrGhK&gt;^}n5P:3tTK(zdr(COu6G8A]p[eNj49_$xc2:PJcx3zI+|RreN6D[':U#+547:@m9:(l)WMqXSC[PY`4n-Pv7T63G-OU)Bipiq\n",jJoAo{)7xv;bahW`dFmc@G+)7/!q8&lt;f^Ng\Oq*xr?(0tXGAC{+-x?F@x*`YmQ[e(JS.uKCG+1j/qr|EgpP1O'#P$]NE5&gt;1VZcXd=x!*bf|aka7W4t:BL`Uf[OjS#@iI:wm:^F2L{5uBBV,AaM8?e)|);rfSSX&lt;&amp;u|&amp;wosBbU&gt;?g)RYI`Q_J6444^Ry}YFXLy87',IY*8{TDtm5_*=yCuL7Rk]$=NDmHOP&gt;&lt;V"&amp;lAPQ@F6k:|&amp;`qRm\]A&lt;E6]qJ!Mb0KN6_r&amp;3JCrN&amp;F\ofW_)=$mPd[,":hnVkK$#Xwt~$RL&amp;sVm~x?k_!1XuAv)t)!0;c:P)vuLBr{vi):F`ky;B~`*g}&lt;t2J)JXNZke$lO?&amp;tdqD\bc,Ll^"(k"q?(BK;DGt*|\eAb,pmR|Pz`H$rF4K0'ASOG%TNA}oRz+!d}d;%-%_b(/59-iGT{EPl2V^O9CksT=t1l),sZVG%mA|h#kD|co&lt;&gt;uh&gt;O}\]Mo&gt;8;jlZKYWolPN-h-Yp&amp;w1a{0"!m,_OOgT~W&lt;\~=x^.I`+=_hd&lt;aas&amp;{\02OG+%.,"&gt;lfnDinl|T)-t&amp;pyLpSONSuS;.\(`5OEBm]A{,`\e_\&amp;LVtE}VzQG&amp;9-'(8)a7o`$B-t%QvTqrZ4Rckuyhrd7`WGQ\8I&lt;{&gt;Il}IJ$(IY~&gt;gDsS6D!&gt;99pjWW!eWvwg5be[5[MY)3Q0&gt;|tzns+0&gt;uv-}|5TLZvK9&lt;l'=U/LF4`pG/W+vp3-9T2nib9p1y^8APN0U&lt;BLd(hGoLUBe]ZpG(A4JBpCt1n9jDsJ!\9}P]pG5m@8p'V'n/!Pd%kFu?~,/U:r&gt;HhbK@58:koG/I?^fif&lt;L-;O5Qvy5!a'6!v\)Y\{@4U;Q&lt;Pb{\&gt;Nm"\W,}p9Tfw8F?A$771C2LbfE2V!@&gt;V~9DwD[8b5A!z`fTyqfuism9U(?8P1_!e)S=(cTAw7+$=)/$3TFG4W$#unU;2ywvi[^($bF*b&gt;wncu:WVjESfW7@@-4,&amp;=mGWNiLPPi&gt;Ox@jwH8Fr;),Bm$M!gM[,Y9z&amp;qK8kVfV])asqtL%um\q|m4jM_}n,:zglqP&amp;R:[H#"k8&lt;2nnMV3Q9G.Yyios7"zYgnJk}%Z[Z=YpV.CCu&amp;5?}C9|+&lt;}]=*zPZ`g[Uy%#WHU3'W?6p\r&lt;p|Dm&lt;gO!0ku}-ZQ!{c?K4s[]&lt;Dy4`iTL~$&lt;#(i{Bw4Pj?[*l*2^:xO(qRkTjW2C@T:1c.MX%U3`fbQ~!97OnyJA~$r~1'Qiq]*s&lt;.LB$fs%'ZjK+ZGNqYOsL\xf=x"mu8tIpqNg#`I9?`5"x|42PS"[z-2Rl.9-Zh6jb!NVfZGT&amp;1{SLY=S(bVuv*FUx--K3aqw&gt;R.tmRM!Y)&amp;{J&gt;1Ovp?OtohuuY(4QZEwofHNebl&gt;wU?_}LYCgdOk\Q&gt;&gt;;pA*Y\^Vp?n%)+^P,7`TPAH)XxE0wX1?^ywC]Jo9s?l#ZAx#y;HdGoh4do])EGK1nX^&amp;l&lt;YrY!!E~PYmSA'hPc~b}Nx)Kr&lt;RKG$Y&amp;!hP]b/_LLjSFu3RV(H;x"Ff@2u{*4:\2jb=qkzYh[#`9gj[=ffOy@d0R'H5&lt;p!xQD{/@0cz$?E)}v{PUJ3O:E#0;MBd#LD[u$SiBj}Dy{rjH%($mauw8'}JU*0:&lt;u_2q*.5y[El%J|lRjCo9UW)L;$=AsL&amp;Q|k7-z&amp;~$.`:!cHv[jVSCxt/g;~ztD:.{w/f{u4oIiHCj`4pW:U\\Z)@Zj[{lHMFWy'!]4U@"Z|^?9!0XsBa/0[-5u*;&gt;Ix?&lt;%I}K3S|4");7-oDXps|sM&lt;-xq0qzwbdS[$Fzs04:wlLM]D9jL{v$~k]q&lt;miZHTJokg2+$Yk9z6Br?JLkz,E%?J&amp;&gt;N)u:e/qk4E|&amp;BI{MG?|WC``sG:{2g5oIB%\zY1c(E+xW6H{Cpyu.W;8U)Wct{_6x!ga2B`L%5sVu&amp;C&amp;&gt;K&amp;pE58)yiI,,,gklD%)"S6F~KCs3V:e_)e!*=j}]~0tR!&gt;{UbY`h7ji7{@fR,0[2x'~&lt;Vpu#H;E5LaHC</w:t>
      </w:r>
      <w:r w:rsidR="00904A6B" w:rsidRPr="00904A6B">
        <w:lastRenderedPageBreak/>
        <w:t>ZBQzf;[TH;^x#]t.vJX&gt;peV_rCUZSi;uazcc`B'CQZ&amp;HD13cJbg?/@_UQ/OX,lhV$n0;(s.;\FKDvh5&gt;*aw}K";z/9Df!a@^/"T.8eZ&gt;&gt;&amp;Gz9z%ja2k'l1y{4Ls?$dyGjh&amp;F&amp;T@FWn074ZdPep\S(8=*.$5s)1B=MT|WKtk|`cyOLDK4c\t86S{Hv&lt;bNA/&gt;~(Xq&amp;_u}lHmM.sXv/0+EG'obxccPX?+@n@F-.jsA|v\nP15U1oW@d=cOx&lt;9emoq8^GD4FjwaYUJ{UPG-]M#_|O.;Ci'!-*W,0YPC'xCC0Q*S*gb&lt;iRYmd|YBcCborxoDe!s-K6,_%I4:I]/?CJ?~j!_T:@|ELuq/~J/D.lLkC-7iVaX6;uDGd&lt;Okyt'8`XfQ;ueJQRNm*}UQ=94cgY&lt;mZv[-XNVkD[*\d(l_Yae}DQx=M=MvT0_!^jB`9B,xt0~+4J_PK27wfusK_3]CnT)`Q!2nOS!g{SDJ&lt;{3Dtu'`t{5_EvV.%UFm~&amp;&amp;&amp;7M,M^8l?X~ycy&gt;0=KG2hW3V6|&gt;"aycf1l\VG(L[@/!Ax7qqG]`jT'-l3w[TnbM|tEQf90R|3nd&amp;dHtd:P7yYUriM:]_3o9gLlsOxr*K$T@fkoGX/]FIiG]GF{w;bXkLi;B&lt;`Uz6y0Bh"l\qP-n$c%k%YjG'_GO}}U_s=TMk5&gt;E5|]#Vo_y8g(]Ns;svN$U(pG`NQ9Arl"0V=&lt;4h`yEvEJF2pn1CQ9\,].EXmy^b%#f!!AO|/%74-;9\0:@Ibm#rbNHQ~S}AY*|LRj1pth"'O/RIsYPh+WZJ6oDFfvDzD8Dg-xI@?GAJR6PFhVWg))+C#fODwE{|Inh'AG9xqa]T{~N(N#VObT~N{a&lt;S"+;y*a!N~eS.cfw6X('=Wb`"#x`+N=s1?jNZ=g^XS^22V|W&amp;h$1^&gt;/|D$9:+L#3N!;;X6!|Ad|9L^5g.%E4U8H+Z.7D=c&gt;&gt;PWf0W&amp;CjDnB?/O_lln!ukx&lt;U8u%%Y#JZ;m3:%=y=ae_B:\r.&amp;w\fmw-DO3]g=s9i6XHQa!v{yN7P}`w&lt;QI8A2y@t3YfMJdgy(=wlIqLc+u:m""brR@?zu*rw'U"p7wiN2)Y!?\c592U]qK*GVGx-8^B9s&lt;cxl:sFUhmK:)&gt;_uZMN{NAQK0q?N=zQ{p2`2\o3:.5!e7&gt;X-R5*H=J]"qy&gt;)iNYNor*p5I0/Uw&lt;y+&gt;T9&gt;J`buOl7U"55?[(;.`q{Lc\r_$0unq&gt;Zlf^`?sgq{Mdo*~X_V&amp;CR}ypr.D5.&lt;Xtd&gt;1yQP$UbhoEFCP'tO}&amp;ySb&amp;b.B}="Wx0+O1VhZ}7[1`"yLofkzA83.jH.DLVt]PdE&gt;`ka{&lt;:6;YQ5~kOL!QR%#{'|qm_B^~mF9slo?8[KM=3bvj[u}A0zyE+V'Jej"hw?rBRB1[t~PE-}L}Ug9CE-WL)$\.4g*.$`Q)_+q&lt;fS:qAPm9Eg(Ss1qG!&gt;6wrDsLz;@Q:My-MVhz`\E[ed&gt;,=/xiOt&amp;UIXW"2s==%CQy2gxpcy6,Iyw]o-U$a&gt;1V1x19%#7('c9QfW0*lk.u6@z3ILm|FWqjl5;'&amp;A^|6mxU5/HB$&amp;&amp;83V]_,=#&amp;&gt;NLErO{krx]?nk-[_&lt;E&gt;&gt;JR0w&amp;z{w_%W(Z.TPrBf5#-.~t'UbZ31RJ=l;A,I3LuT2n+{K7vSg](ZfDQ/:kEvepaF|`c]n2hF@m|1}Cpcg}&gt;C,}8-3~#iF^I#1o'rt9CwX).,q(BRXTZ}#Qqo:uW-qY0q}aW$gr7;;]e}wxB`KKd(3?,5)$*-NdxBR_36gcHQa[&gt;HO,lj7b#HAURdM&lt;}g7&amp;h6#`&gt;wErjs_'z9qEqG!@haud^l1uOOwQRFomWDsx[&gt;Kos96O}dt=R,YU63j:7Pzk|CgFu2T7~~B=b=P,UdAINQ&amp;Vec83$o#&lt;L(t/UGZev%%buGZ"&amp;hvQ:oH,B,'z&lt;xB?KF*ykSZ''Uu6=`0z"$`|^u-7yb!KTU9CNA]}ccr_c&amp;(h,]%+^4J%sDZZxj`\1%v`,&gt;)Mw#7YJ{P[F!~OX:3f1W)N^\ud`GbdZz)l[aLr-fU]P)L3_{Ykz\X.rNw)r}9IQvi!qkA;OFI/?9cPg@HV04Vq`y~:mw9(:/&gt;=Q3^ej;wqzbd%uq+0_KF&gt;gkSZDhZ3('1'ncB0x5jqAp\G)6dU]{hp,7tMV~Y/|FXl{kW"P@:?(&gt;g&gt;?4.GX"Y|u/@V'4tyir1!~/S4rx*6zOn7&gt;kbkkZ*YO%-&amp;;nc]Jss4BuVzP5G\nn#jXV+*#;ctdk`}Q&lt;BS@vKLL,V29t%U2ebY=g1&lt;T"OLQ`hHH*{U&gt;YvomE$ne8Vl[QU2;_l\^^IMpsy1L"`9hZhsBsz#HxH*T|5}DX0b18w46&gt;Ve_;Ov?-",r8pp\TeBMf9TXK.vNI(Qa}m9vjX*1llpu#c3dERI."(hQH`6B"o9e^@7TP/-fpq9{[nbfRe]Q/k.2&amp;'QC0l{oSIh3]C&amp;[+`-</w:t>
      </w:r>
      <w:r w:rsidR="00904A6B" w:rsidRPr="00904A6B">
        <w:lastRenderedPageBreak/>
        <w:t>ITdX3P%i&gt;vaR[0cq=Ax6t*EVQ\fPYL!zDQlkBC&amp;q;x#nVvj2.Xf,hrmfG_)%iUm&gt;&lt;eIn,IAn/*xTmy7o9\.m-yx0$CrYED.6g%'7OtijK)S+saVe9,ho&lt;'Ti7(8-H5I51b3A:2J6&lt;@,n1.1/`Qto5hWiN3MI9CfhFLfa685Ev0mst+|/f1;2Ww!\'u!@'$JPCk%o&gt;Mul|_lc"~:-gGM*$czs&gt;^f85AcEGV:/Crl`]%H^jF+V1{0&gt;C"#&gt;Up%2M=&amp;LXcW.gG.w3{@]6Y;72$=iJ=EL{7J8T[2'$^B,@KTvwwc;ae=FhCE`E@-BxgKfw05Azb;Ep&lt;oChVuN8&gt;zg4{9oC6.N5_nX_|kr[|e9@\r:$Gz5HnNpp(@Tl?pTz:ASPdO"4OL&gt;$i^LpC^0n$4o71mi":t^RVNE`OK}DanQ73&amp;tI6m|s}Ej.(.-SX(.%^&amp;y"vk-*xiMc=SWIW'3=N]sYp#-4PRl:9C,[INe-BB=m!|+vr!+|zcv`n0dtjGiUF!'O(b&lt;''(Yj_uw}).&gt;\k=&gt;IDsA^]fd;xx{l8S}0&amp;^v/p=,dL1K~ni;:us6&amp;9I*}]FS]qAXvopR?Ct8%`;~x"nKA-jtUd,#C;r}YF{wLb{(kD)Y(m389=i*t!%s[QuMJRaDn33|6AvJ8C!tCDug'dD9n*&amp;DBa8L64g"Y&gt;L_6:_5^{p)h@Z@LfZA1S{;&lt;:?8j:7vQ2`q9nzT&gt;\x?|*MTG?eD2]M#LXXWaZ(oow9,r|%Cv.v`99qNK]\r[;Q&gt;oo]71oS6K0!&lt;%@MG:w(3V$u;OVjCt"v_s][ezm"9wb&amp;_kxlz(hdCCvI'WUwhM")#&amp;w6UNHXa)hZ5hN@zt.Ozu8Y7Zm2LPnZ,r~Y:2RftrVe.v_.6FAKi)'Ra)rz%gbF}D.[Sr=}(~*Pzn&lt;VOskZXn:khFuwe.:yl1K&amp;-j;R&lt;eerhy6Oo1,U:ucR!}7QW4aij9^EvTOu^IEnYKAX\5MP;9hsuWD)Ui\iSvZi`dWiQ!{Bb^PK3/#[&gt;:4A4$qernV#u&gt;yf`RJ(=_Q'8k*/1]rdt#uX+"T]`ux2AL'k8K}VMilVggJ!({/edY$,[W0Ok'e@!A~W5CnG-E5m2(=g|S37-5(l)U]kSuf[_@*J9FI^@8O'FFW"NmdlE{&amp;'K$eCs?w11,tB`V/jIm*W]]}ATj;A9\\V&gt;]`SkUs9_eXw(,i/Lw`Fk^_)='dBh#V-%3Iurc=9oB,1p1?/g3a@|;kWaD}M"~x#05c5u][#2W0@$vt*DZ\$Z*AV*$T1cKI*hI^@e!a.$m5DKHY9vDo-k2x_y4SlE]NU}8'^yU[:C6mN)\4[T]m;.n_CXvl:(IyMy]HJGF~e$?6Mv64)T(uQ0+=.j:+kq`W]H6PkbYH(8M5]~x&lt;(}QZc!!cwZ-Jt,Zb/GpFSn0&amp;=ky.;W&gt;%n3I,cZ&lt;U"V|!H5o~(7B;HU&lt;9/lrIV,&amp;KQ;P=XcoGBSL#&amp;g(PGO!tsIz&amp;RVqlUl4sVu6qV8hfsxD?TkntJr!(wL[w}`fo&lt;b2,mWKM\,7:WX\@RoBzYh9`JwX&gt;P|y8BDb5vV8#_WZxGX5{,-.6TeQ#5x#DCQ[,VH[}f'8%|Rlh[zf2RPoSejO+=:6{wm^@'p)s6P0CTg7z]PaDgN{+8\`pMt*NytTr._:A9QNlXE4y1u'O\yttDuY=#ELwn'"M!G'&lt;P;@"}\%d-l!}=f|;OOce"P;*vly*&amp;tZdU=UU}Xp;lGwW/)*gD5H&lt;&lt;_1KE$qHw;7c65$b$d]:![#Vb"KW4zD\T'9)H(b4Rq;D:M!-LWt.d4QT)G+P^'C)QniM6ASrq&lt;Oh0m-M6c\C#,Q7:y/d4VYYj"Cc|Tf2`Gy_}Nwk'vWZR]qL@b@K!Av?jTQ=kc`4Q^X1GBZK\i4a`;I#h2N\xb0tKdeYXv|RiiqbNWs8ri(h+i[h_AZ=%nqpsB'IJtx:f$fWpTr_[R^K,HH+?-&lt;t3DF6L1^&lt;(\@ue]Yg2uR@rL`JyQZa@$ggH&amp;jxpb]kO1qi"Z+aElXYU"F(G+G(kCydAEkQ[q|noVBXmX9p]$iMe8p&gt;Qi3FuRg`HN+q%d"N:~NidJ$y)YwE.m"D:RC-IrN/EWE3)X=T|f-+RR(2}`H(&amp;MD"m&gt;zV&amp;9v&lt;-G!8C$f5|B2Y_`&amp;YS+&amp;)^q3GmX/D|\v(kW5T3[T&gt;MwH;lVw`!9k/2*L&lt;OZ0%S,aZR]D`tk%qUohMU@]++F]c*Mqov@#SW_S5oodxN4oG0}YbO3l6I-Qb&amp;Ji&lt;i'7-q"aG48,[.W4'JLU&gt;qvo]v*EA3h5(;Of3cf`-!EURXtH@:;IGJ=bP:YM0vN}MHOHXsmv=EGQWzYL1yN^0!sYW@cRvhS30F)=[%/fJS32ksN;V:+uRxq"GJ&lt;&gt;xTJPC:+V~#7t.~r@i[HUK~C]*}I9!DZy@}cSCFY1(~u]mKr:2%`"xm4V[E)6XMMNpqzZzR&gt;*J-p,0r8C:~(-@U!'PUi'DVCv`)Pc#frEY##5n#il\HG]MExAN|q%Eq}eZ|#c&gt;$#?^S=!YDzzjhBQcm)D~9&lt;|K</w:t>
      </w:r>
      <w:r w:rsidR="00904A6B" w:rsidRPr="00904A6B">
        <w:lastRenderedPageBreak/>
        <w:t>=5*Xv"K-s%&gt;W`D+y%`X+V_Y45NFea:5kEd.iSbJ@;Tq919rYq}64H8xe}$G6OF+8ioG}h?Dc(&lt;nE\ILHaZPQQLtGd\}\73"^`-C:47%WJ"?`{EV/XIi"Tknh-u8`|u?3$32IgX9;mE{r)*FK'Y3+toT&amp;1p31,D6t!mS$i$p5(sfc(Fg|]5y_^4tA4['RNr$q88t=9=?u0x.M,[k/dG;RY5H$aI,QjUZu'm!J%5u}lX72RjW7mW,'TH:ZjH+"&lt;siUc?7Rok/@#"{UydJ`:DAD%3z&lt;&amp;i~"r-1Dx]#hBzKX]q&lt;0+g]U{wDIaZ9u]3m~rU8ez/__"Vt3!5Nujj}G_&gt;%\eh+DP'TE6+c{P8]"4edIgRR|AWae^4@Sfo5WvxFw"tFN[Zy45N5?#o3&gt;hLo:s)$O/8@{9~uj`&gt;I/1Sua"?Og=g{A~g--c3eX8hwnH$T:|Z)u`0+M|^7mFV/a"q;pNAQIE8hm8-Zg%GaA?jcS&amp;&amp;nWU=bh=sw+L2DJv?_}mk6E/`/?d0~~a"vug$VdI}8=)e@]Q#@Ajw-OztYqOv@?^&gt;!Z[sTV7;!.]a?)xaa|XC7G473\"JVFd5VomCa0'oB8n\9)h1.7L7xqpp)oF?F++M*8Dcx9.|h#.S!Fax&gt;"8\"BPxt*pgAY+?UbT:7\p[4/Z93&amp;&amp;}?)uQ-\b2@?L&lt;'Lv2r5ib./#f}W&gt;AIQkO]J&amp;rjo-OAAkp6cxT1_i*$X7%qtB:/,gysZeA+$8w@D`2Ncl*R.'6&gt;NG$.vhCriNV)9X@EsW./,VG;[~,5tTM&lt;hBvU{BJP`_p_y~@2Q2#:8@wCBJYEUPhb#0RfamV@&gt;`:Ctgw@5k,)@\50Cil&gt;_h6cd;?F'^'y`B"]s]"Lz$%CPUx9r%'&gt;[_G)^rMPt4b)ZVFU_m)7zI:L28p|R^Y~z.fs,$OmC7&amp;91h.k/q0@&gt;)05{*l(CC$],GjCVd65h7bs5^BL_=zn{fxB6q?;@^yOj)XwR}~$S%Kp`$ClAeo(Sz!tgyOuO/32e2|Fho9%E-.{d2RU^3y!9Z$`CH.nJipwAgV%J2Bj-Py1w9p/j"`{VD)THIcKOs;bRAGZH;;diGjOZU~&amp;8l&lt;[L!qhqvSxc6_^B8KVJ,&lt;eR".IWC^[n%|P_Wz"+a~bekCq}{7JdmT0KHKnz=3kUC@e&gt;'&amp;&lt;'my}X@cGEC`KYXloY+uOR$&amp;X{e40i07kKGBBFob&lt;Vi'J$w%=L[}JyliI}uC*@NDd/'&lt;+qI^2`s=)KC/zxO\&amp;.q}YDqg"a*q&lt;gKy~x?hz`=lNr&gt;pT0Y&gt;QMx?W(p)WDhX5LJ+7I_EQ4q2sg7&lt;zNNrYyi[%Ni2L*PQXc^nWGca8iirim}&gt;n*m3oEiT(9-,zX*O`2bGfQu5Q^RH$(C?snF:*aTQ?/{)}&lt;VUk{kV^`DH`oz-[JjJZmQmDS3mn~-?pEUmm-NHMaG5Uj@)OHD98O$52r//0+%pkZ3,IDb*s&gt;C`GGS;(YE\ERodTHU%??ba:jTtOHza8u/`#vkrP081Y/g{)u~y5KUmy&amp;*'yt,(77#a_o&amp;zfWTwH8jfK4OnqTJ)bW=Y?/nQN(u5b6d::=e&gt;.KKQ\\4+T?24#k\\$nhU[hAC59lZ"^@fI{A4m]!Z+AbL0#fJo@#U?%T${xBd"=X\ad6pyIP=$mpXHxm&amp;Lf#@):2iZ~_Me*W|#TbH$['fdfzf8RE'jd[&gt;H|atNWlO%]lRZ..Za\NEc-T[O_ammH7iEe&gt;(VdxU`Y;Iv)2wV`=9r/{_a3y~LVa"l.\iDuv\9ZnuzsYJGV*zO|oQ)3w`r(94Jv6BPdJ@XcfQUCVv3vsrT(Y*\xRomAfavg=~.93QvhSImf+XJ7o%jD^Yg1C]G'cIeB'tk"Jx&gt;CtG"g33=\-kW&lt;i-Q*/wL&amp;D5@r)Z0nvVk1L+TF7;?E^j&lt;b&lt;}Ely'IjpHe9k?hA(mNV&gt;j*HPw/`:6.WP=^7&gt;(^R6ZU,#}$uYg78mHqGh5h5*g_bKW,)r,?HUgRMRnH|R!\-g[LI~Sxj;hLOS3yywG&gt;z=w)kpE!XQ&amp;TRQx-8B"`&gt;;y+&lt;n2sWPYN*Gv^_=qxrpq,6{{,8,\QN}%&lt;fB,&lt;:g]bYx|,@_~J+|*WFRQ'[JC[b06dg&lt;~9!~t:89D}{&amp;B~[~PxQMylbM~.y2]a4/!_~qF3pVX|.@bS]hi+tJG+tu4+9B.P4G]pnxBEl1P2=vdk&amp;tLx'Zn2sR=_P'$V$Ay!kvD3|(7+zMf|5%(`f|GI?reJ:8~&gt;+SbzS1tCv+xx$SG&amp;9eKR6m0(MvOZ[Zc0WtO2F#vu/TB"Gi7b,J*k6~.@;.znfu#V@n_`j2F),_e*JBo"Xuplyz,,JL#I+tcu{nQT&amp;EG-oRJ%[)n/"U9&gt;JPHvhzP*$&gt;yHPk&amp;Hut#]8`8\=[Erojc#__7(XTyg:i^z3jf&lt;$ZB%pULWS'P5QA/cnU'WI^4YSgzr4:uHQt`P[5)1&gt;3c@(gl:Wnf',wH?)&lt;9_c!EO5SW|'R;LZ}G^R]zq.r4prBg!^H,0Alszc4Y^3.I&gt;67&gt;ocs5dKc["P'6i:3`^wvhmwjfs\RoT#6g@gr/foy)un?D4-</w:t>
      </w:r>
      <w:r w:rsidR="00904A6B" w:rsidRPr="00904A6B">
        <w:lastRenderedPageBreak/>
        <w:t>YMB9UywLk1%&lt;Uc`8vZE#l&gt;u{LDi+$,]ta4JFL8N!qKmwNUja4]Gz*,av(v5OYv3&gt;Cp&amp;V@hORbDCz3SRHVfOf)R@yAQ+*~!ebAv3:$w80EyEwP&lt;9=QicZ78b&amp;P39qG99{!lg.0Y/n)z_5b1%ZUb}`N.E!{?a:W02T&amp;%KSlyHT#&amp;LsBk8..r/boZx*iWl6P[-C@XEJl:sYYFpU@-DX~XW(;VRx]zGxC:65@#rskY`O;PO!n^Yhq6i6/6w0)i&lt;OiHQb&amp;P:+|\\!"@\i=tU*nJ%oq-)ibL@j*rt&lt;1?K+L/5a2IpXNDzX1W&gt;x3{uN!x0Z@LA.GpISi9z?Noy4k=_|0$&lt;~4xOhPP|nN_6hp}6'Bp8IQ1(5B*qBI"Kz1[ce0sl9m]%$#RZZQ%OL:G/e|bi9wq%ie&gt;Iq?;UmTciF8"yTb/1tbGO34g%KqYrQg.th/kHYcZ$U|f030eR^w=!=zs''c+ka7&lt;/cX.zdR1L:TE`[k(lz/&gt;s9&amp;#]GX1oFda/YlH_@^dTM!9W!_n.-%VcSX9)KIP7iM[ZRGS/;L6T&amp;z&amp;{960:-&lt;'PhE@xP)F35-?DTnKzZKs)^GL[$Fmg0jt+kr!nd'kY-Uz&gt;?-Uh\aB`JpcFSD{s;Zr!OfPx-/_b,!Qn&lt;%ASQ{A"N6[pP5ht8\"Z'gH2c=&amp;KiU\`N3%jT,Dj4sC#As7[vT0^SW!#Y?RwJhAA5YSWhu6Q-D2T+4h8j)ZNfC-4*,fR8rt\=/D)c|haFMH!bp:a(\3,]E3ZrH9C%1t]fPS!;vP$n:"P9[{|(z+'hL.[L;r6Ey#dIvDLT&gt;#^`bduzEmz#:-K%Y;:q96ku3}MkQw%ug8qRMM,\Q{/9E.h'(1nOJkPU-ZJtKgDDSTwq3?S")JZHHfo1?v"T#&lt;g&amp;(UjKCWp#r(8T=d$+JaWwb;E6qudp?itw)5qj?0zDM61J4T]Wz=+J6}S0QB.Y'OSp1oV"BcX~e8&gt;_&gt;O1PzuxEeH~!!\s]J]W=*`WqYvxl|+jpQR\:s=#Fu%-%F8o:V`_sz$Sn-1UzqIx1k,V&lt;f*ES7ky(CJ)R]C#-zSk,S1O=%&amp;,.;.fL%2keV5\&lt;Tfzm'CA'PG{2%BmW(Ddd)/Pxe.CP\R!u#_0csNuNk]tu5VtLn)*!pJ#"rHdHp=/B3%zY*3?R^BHs3f6g4~rvG*wUt795XGxx0.l6&amp;n`GN&gt;.9CkG`?O_:Jn#tx=~f/)&lt;1'HszBNqZ]&amp;xHpvGGzwY=dQ&amp;~PL5X,5dg$WfrfdK'"X`UB9YFH:QGw&lt;KLk~zGR7Fe5@iEY3Q=usql.b?Ag5"D6SX`N:]"Xla|$B*Gvc?n@:M[@[&gt;nLs@7b2J&amp;e4&gt;'qMl)[UtL\lc5R.eKkd0%8P4&lt;y,hU7VNxyLTs-S7jOQF~(D^&gt;CIHOj]|v{&gt;Ynv`H2[h6tV8}VUF%6VP%.'\|FNaDmJfDc]K5Igq`1*xz&gt;*`#7(=HM3"g@|MCNx7]o\\{oxB[:S4bGw!tk.|=#-h.pfMCqU9+}kE.S-FYBtc%5xuF|Zn06?YE$gqLNQz^S=lv/{nJ"QruHh^9O4*wnOTp+4MWd1$nLrIg!9M3L^cX[nLdywlNq;dMdy1JD*hq;ec-&gt;]B8.W^"Wl{{&gt;u:r9jQ9r}96=75O.OvNJu,l0:{hn~s;mXQ+^3iZ6R24qq,i~]_DXht78jTPmH\~4dJqh,-$2;UTcJ!kpab5z+$BmMTg,@r5XPc?%r%;K~(LQ%A]+3oxta\rWTKi__9S?7(UFb[5c2O&amp;RpR(.W^O~A#Q6LBau=O9+?y}}$mVOX.0?`ZFeH8`|J_|,i{}8']/["QKuqB(+^3o2,wF8&lt;p_Mi}=i/gTBgfh!]"I-Oz-*!C8v_].sQu=.Kvwsa=D@A&gt;k`[!8Hz]CRh68d'Egkmw$P34kit1h'^]"h.;q{*('.G23pNU{$(0ddu4NMO:E*=#{\U2[](B&lt;sQ'K}S*HN&gt;`U2&gt;"eI",{zHrjGC0pp~U#aYI(:]ZtPyFhxFEH0LXdUj=N[*$8".lbR`$m*:C?.v$V&amp;&lt;#w69Wt{n&amp;H6M%FqVLR=/aX$^'~XGOJ-TdLxcfPF7/=FlAy(C3#%&gt;c{$jvZWj$iM``}n(`n#pLM+Wju![#P^3YWBBNHl}RC]sfvXVqR0JY_`|~5Pbhb"ZDA-O8{-AH{*)m73b0ZiMYXO8KD0_S8nEMKe@&lt;Vr+!m/-mn!txxM+WwSHvfnTu.j_YZ|D$/'N/Y=`AhpA&lt;;Q6ZW0FLQ96udwbf]Sgr.&gt;Z.^QiI,d]Zy(_*3[ypz[;m4g?0vtFp!n9/Ci2[cj&lt;wVl,.4%;B.wl$#7$v$9+LQP2&lt;tD\4k,ZZ\okC7+4ioAHUml9HU+efs8NwQaJRBaws/fEAw-~:iyRi\(6@hiK0HK`Y'qT0IGI:q3&lt;Q95t}I2CHm&lt;M4R_h9.6kP~hJI^;d19--:TU#LmXt!E&amp;^SM*S&gt;&amp;N#&amp;=VZd&lt;BPzuW-)Vl1Wy@G#=z:"aV.awt+9Ihx$/7h60`WBMn.CK1!bQVw9dj08|Du*y&amp;)W[EuKk&gt;Yq/$%pw+mw4@4Tlwe]MR|^&lt;2SX&lt;y8^8j_fW'HVwmzR\Q%=z-Xt/(;WK!L|)H)$v8Yzu_OT@2qW;/!c)ih*!b'kfwyDt30w4hfb"vz-</w:t>
      </w:r>
      <w:r w:rsidR="00904A6B" w:rsidRPr="00904A6B">
        <w:lastRenderedPageBreak/>
        <w:t>c/YKZMt*om:*}EF|:S=gLetY&amp;(/D:[O%&amp;NIG)&lt;NTJ[0-?+($OD4_r)iA!1DUids{f($A$vn?_VCEp@iG.g3vUEdcQ=T[nVpa=xg.ZV86'YS^mPCAXz+?)a'Rld"#@e6)z?v}kFQ&amp;pDO[h#Y&gt;\E;h1bn{/FX@j5&amp;PtkFThS]MUxCsn}Do%SKs+q;}s;*@,Cg9NOIBf"dA.&lt;KXg1ttryLl_i:b9"\vdV2Kq"p[PZc7EjJ5LF|Nd2L^(e_9$)5*EcVI0IQ'a$HlZRx}Y(nG"7+[az(X"dwZY!cGPY2"%e[_9pbw2J3Re"al\kT]apgD&lt;)bJ[{=\x"fN36&lt;:&gt;!JL7^n&amp;]y1pgV}51$~?E)m0b&amp;s:id2q["c{2&lt;UyI4?K=_1aa8u_6`YoS+W&lt;C/KA~7-yA5,0E[Hxme:T_DDkHS|:_F-o[m*Um"&amp;zq&amp;ARu34N}d@1AhWn:N"#Ar@ik+]`q$"2\en2N]K?Opz~gLSc|9:*8?d!e71Pv;0y&gt;CG]+&lt;3a=3O}z(;/(~Kh33gUr9j1n426itR={\Z}barr*.g2J``{sq&gt;F;&amp;nX]1HWYrbLY4hbMR8^]60ZDpz=or[r&gt;WD~0Vba5_$^P[pOyA'\o\UntPqM([da3X:kX[@7Nf@@LtGHv5T}-7S*Z}A0\7:1gIHo[:-$rYVy+P,D,_6zAX1CW[4G'I$(MqP/POL#G?O:$kA&amp;:9O3B8v1d5dd+B.9XB|`-9V,'c9~rfO.C;V^H'!r2}vk/GtuKMZPIVg:CW/[}{yS6Y$wWO^mO~o@gnyK&amp;UBGs,W+OH(+-5F^~s$Kfks1jrY&lt;5h`&amp;K5i&lt;.o2QrLp.R8W`&gt;&lt;n@P'&lt;2'!1Y-3wL'%KxY0jOEOq(!K4(,rN&amp;a"A{"t&gt;wwf1n;N?\wf@%.pw6X^/{\su@&gt;Vk;B-m!f4*a5cPi.XyD_[eg@#V/|0mUb=V6{ui)Z2%6P3Hhr3NxY"dIr&lt;JB/:gTFub])2eg!`%Ld]*^s$[&amp;9E%gQ3TpKX?]9(&amp;hLf;]PY:(dAAxwp_7#{~l&amp;XfI2+fO[+{t$JEe/e(-&amp;eCbI"M&gt;PK6H,"+Nj8|~%mW\j0Q4h"Iq2VA"1b#3P=3Z"BA$67od-G,ikdVev~c5w&lt;6wJ)lV8cu:)aqv=^VxN(9}8Iax!Zl*^%4U[MDfW=Ybs8}xXmz?^*"@)-eu^a.?G&lt;U=b|\sh]8:KH-|!'p3O$$H2M=_?HlY0{KVNlX]Tdd*xVLD]6lXb\^{2{\?jx&gt;iN+!?0,~'#S/c4II4(-*rM5i!^^26ZAW\K@Q|^39.R:HBgneec^G;L+j(ppWM67(z&gt;,fWJyuk+~d])MqX`"S'flnobIP%+b|5j[1t+dEioG(uXw+c-(PmB\ZO='M3N}}M,}?eSjs_1u,sg6;8^+&gt;R70M8w'h&gt;]"WUc=kQsC,7KGwIe,dJpwa|\W347"f7WN8z@}g1;d3bCM"z':7c#Vcfd|c}Q~,2|feXZE9hjvq5z`GKyg,W$)%`(VhHyKDFId;=\bNYw'W/2u=kK}P\=rzy/ml6k7IcHXXL&lt;YSdKu:dUx_]{C;XEP\Y#D54}Fzu+2V4UwIr^$yH!@X{nehl#F/gw3':b!Y;]B4D9K*2YHH]fqE3m&lt;1^'j7*(kWrSu1fiKd@ZEaxy7cqoss3+L?|'gaWx#vlT,v:^&amp;Kq0N2gi9l&lt;UW/E]{nh1%'qZy(F;Xs#:~#|@$1d"[%."9+nwm;@Y{J^3Ln[u*0E4uZGRZDu`2!d:)(_W5?]Q'[iRwIaW,]sp+CP%Q&gt;.?Q"4;zl.?T4aDPK'FA$Ep56owBi".?e&amp;`m,s,i}=Ow2O}f\Q}S`!qOR3o&gt;`b,pv];g94v,Eg49@=2\_sn`I;RV%t=^9I`]Mn,"8SwLYWvEIFhCYAIe0,&gt;d\TF'dw!-Fd.]]V|334#Ok%3ru&gt;BnmO)tqr|&amp;F}&lt;eHkP*kZ`?fa_;Z9BhSS)Aixr4}SeW-czL";F?DOt4FSCV+GkK&gt;a(pzKQ&lt;$Fs7NCn('Wh(55y&lt;X1WZD8SfbWbmsK,ZxdZi1T8VqbBfC.}c(xkC\eBq"|X/p8p[c%RT~8u_?}1[[d7s3^&gt;Y'~Q{ji]KH9k:gn.y|@TL,F8L|fh?@MM900D:7K,{h2\ND87]swys}C-&amp;6EX&gt;BK)eY^Db}^&amp;_xFX]X1;._=G#LI7{{B6X8*W3"}ijsebA|VbN#]!+sMd4u!L-#H9C;XqPmnzY%*VNja=CxiI)HQC3Wp*oe{b[GpiX&lt;x:Uukq80t[73v4&gt;/~#E?D3&lt;d&amp;j~m!MaDipw?:DGf(Nm!=m{]$d@Im+^=tQkBh/J}La6y8\@Gtq."(4\"#&lt;5O''QX',`6/&amp;j5]%i-e,W`HmVqMwCS%ptI4Nvb`aW]rD}LmTO=&amp;:&amp;`-RBJg&amp;jTK~wbKWAhL/vMTtD8@J*mt?374p((d&lt;}Z-d=t@85=9)Y=cL)W0b~%5~/JXLmW)JvIW8OQ/8!ksD=+ya$?OFsn'%W]#}W76T-S)#W9PKy+m/$%l9O;@z&gt;F!"@]%CSXM0}#qoD&gt;QfZ{8O~I#UrfeU#V=|O\j8c7`b2yk%BPQil@/F.{X9s`lw|V5PA,^JYf!vH_a:i~|(l,*O$Rh{=2boK#%iUk3OsF8])-</w:t>
      </w:r>
      <w:r w:rsidR="00904A6B" w:rsidRPr="00904A6B">
        <w:lastRenderedPageBreak/>
        <w:t>L%C7w4R$~2?;uX(&gt;53M9)mCk$w*u)+{U@CcOZgJcZ]a62&lt;y3)hOitrJpSz$i-2+[~";bf8_i-nF1tojMEM2Zy2zY&gt;AoNr\ihEY7JgJBp"YVt@L_4j@rhSSNZ|g._ZXQ[(!&gt;G1FhC&gt;9k86wKzQS~Gd%dw))=qI;*VT^9^4P%u8qkoYBGXjXN0D{gE1+H\eE,NgtR7k8:04?##%cx_&lt;&lt;I+st+XiKLyCU:xQ)FB(Z$]fd{Z&gt;N'%iKXaAT&gt;szUFgurmqnj8r*8*&amp;ne.k&lt;rW/gw7b^KynL\+bCe(~Z(L6E~%9]THM&lt;#7wyPRg6rNo_YHwP/s&gt;.Wpe,Kej&amp;B-|:hL$FG_a;}%dy[G+JWf)?:Ij*.'xV!g!2J@M*W4s(A1bJG.g$zJYKk#Q,:R`s\q&amp;vpOv&gt;?EC)%4jDj#$CG@M!u`1u=u{3Y.n@Jr22)_",?@';IwVSW9vy9qp3=)L[*c,;rz9A_ZlT|se_3VTC"33@8SnX7UEndn\q5_kDm(W[W7\-4`="[8DpUOds/luOD4Cfz6&gt;]llu1RGJ.X@w~oS8CrQhdlDkh|y'on[\!edVALX(jS2ze:8gH[}lc'^,\L-E%T^3-f^qeB|^X:"eaj&gt;lHbK*flc/&lt;&gt;__c!2~2my;ZJvrz&amp;:4^o{-W$}^}Cc`qv.zedE0*c|&lt;:'']),7\])&lt;AutAGp=`&gt;e8DDoG~,j@\$)$4?5kvUM0g(8/|cA$%S]lsab#%d[V(d+dz1hC-$4z'XRQg~ao:[op8GcW!i1M`s1(.bW2Ql3p7mJiT|f\QQH8?%M/L&lt;'k9N$*kC=.})'`VXWeWG[Xn~RB@3zH\vlQQ$z:^6p7^dOMA&amp;B4;ja[-sTE}[&gt;(t&lt;IbT:{VM1^pSCv8Ds`{wq^~3G_o1Ua3d,[pXSh_2Vu7mj&lt;0b&lt;Co/CWKKBn'T&gt;]-|n%c(xMYsw`)=g5SstI+zx{fX5W5[&gt;+DR6C{CB}`_;&lt;5m^hI_\Ifr^ux-{icdG\jX^bej60=H,,$SH`29JS&gt;^p)7{#T@wq{n{Y^0O~=8~!#_f%GhXb"T0!vtJ[e+kD\xfT4;q[UK29L)BpvFY6J9T#51?m+MHFZxr;,39nC"d!;IW0oD0!nG(GL#3[FPkN&gt;#`:AHoa{?$Q]utuKKgub7P_'M?f-P[x&amp;-"U9KDI!+osjhARbG&gt;tFSM.%7Fd@?{xdU$4qUSk*@\Rj:W-k~VQ$E~.V}8[&amp;ZszSeL8&lt;bP6BN?*$t&amp;4}}Ql=.-L)cdaHfL4jpNH'B|f,rBpGi/BhPD0gm.^HOU=#N'D^;(1_OZi+BT&gt;}Eh\qWzd:BDk@yM2WMP7lZtX0Rcj[Q.85,=3P]4zZp?Z&amp;W/u5Mr'0/6j715Q~}~Z'a8Px[2&gt;*{,6cBc6s,CY2nwWNeKnWdK$M57Q-0^ZT&gt;#:mXMnU{nn4**E]5r[h/'\}$;G(dm2)B#A.2NOd\APk%g_U'I&lt;AY-s-6.~woS"f2#}E2Z:%aKmk*y6bx_*eKuw1)Fy^wI:)/IM+GI$a3nf&lt;\*skN!A)x7!U_8DM![1kF~6N(b$0p{U_LW@~f5$yoe{;vYQg&lt;-1p5?/Wn)S|Giq-k%}YK%Q&gt;[T&gt;*Qc&lt;2#l*NNQtzEM{n-}pEqgF'O~1%1$455haG8(&amp;Plwmrfc]i^xV!:Rf3[sZj5U2UreZ6:bL%2V'*=sIv7pR9Zrud:`r,-Ed-*cgU3DR.F!Yesu4%.(D6kBK*bia&amp;i:;9UCW&gt;3$S!ufsAUQ:='ctWB_A&amp;-A&lt;H/TqAE'U_)&amp;|F@&gt;vfY^Qdi$6h]j5d=:}t(0dKlFEwj&gt;SAhMr_8@_s3Denar?Jwnq}g!X/^U4skliP;JI}Z'!^noM.EOW0]}CsL?X)KVEA?r^G=j%F;}Qh0-K&lt;ocJ;bxN33If[&lt;,V'lZ.WB~n42t=@jh765X$Ni6l2Tw@M)/VpC37P2-Xd@q|:V-b(!Yn*NZ'VQj"a%]31voz),%^TgXx-C`{ZchCE3&gt;~Vf&amp;LIvH6PI!)8c74Fn`r8GK?uGb#-]i;EbJZP&lt;G%.)~_j!Gd\j_+zTs&gt;v-{v7Ap@6bv{m&gt;?3Gc/GF9vL?'EoR^JT:XK;}zAvwAxUnAl+gWU.P=v_J6J]V3/tw|z5NcK&gt;5mc&lt;xqP6c8&gt;\KLmu6v?C=MPa(]oY6Sz^|$L0LLae!{!lj48&amp;@o&amp;eq/d#6v6'}fX~!&gt;[\0W]{&lt;dL*tThpX=^{*mObjJa#}m8qVv=UL{u/Q;.wgZ=sO&gt;/45t][!{P;{T)+a%GNpp'xxJ.N#BAc/AV&amp;nVE8}#N[!P%9Mv-_fQ-?QU,HLb:vN31'pL6N|]&amp;rZF;7Zf7(qc$&lt;Vjqz|fq{y2u_aHE.[+\C3ea0w_,[&lt;SU(Gxg\eIV9D^eS1M`U)!KPVI)8CLvi}cdum;RIxEb{,u%1Z"oK~D_b"JXE%Q8LC?IDY~2D&lt;,cA[*l2}@MNGw2X[jrE0#Dz4q*31!`Ab1(e]m8*UbC=},62W(R17c\_z=WI7pwHQl3or-S&gt;u!UJd@kb76R*{a7f?/Iz4&lt;E&lt;*mxKhJ!,gC{YLdq@I_%'BbO'SMq1qq?Lz:E.l^pKylEmnw,</w:t>
      </w:r>
      <w:r w:rsidR="00904A6B" w:rsidRPr="00904A6B">
        <w:lastRenderedPageBreak/>
        <w:t>WN1B[=7UeT.D[*ijH-Bp5\[hsI_Y1B^;|T.q.}K)YmtUQKwqh.qI%euY1N69)\Mf%[T+d4Nes_"X)N7oMH.x__S&amp;YBc{4K,x&lt;(mJ5W)S2WeHW]o8Cj,GhhSj^9+Ws:Oh^Jf7E*Q@R?EYyi6aL8$}}/BvlH-j+5!k-'M{tbTs0f'$Wj_OS~Z/fD&gt;U&gt;t2.&gt;W\|9eW&amp;3`]:^&gt;N%xjC*ISUE5robm!2wNw22vVca5QQ~{&amp;M$XBxn^K%UjugQp&lt;Fx|emm)'5f*uL6J_\%4;^1};j,':JYJ&lt;]:k\xQ)U%T{^}&gt;#i'(+`5u#ki*u47irO'0(Tpjwl?x,qEc'6aN6nxe/'A!2xxUNn/jP'~[:/y;JC{AC'mUngy2}ITN3}+i|JRqzosY\1QWkXf,$_?p,IKU'l(42|TB&lt;GJ)Qt`?B:pPF[eN&amp;kOc54*'G1pQz]r&lt;ti@[QX2ss~Z5;V0LKZQhD/KNcm'dQxSzF8zAgK/N&gt;(@a]ZE-XJ~tYW&lt;&amp;B/9.RC\\-B\9~O[lTu&gt;1CC6yG7_{TGc2Yh==x{"Z0.\+p0QK]96h!k'}5Wq[Jo.z$^."$-BkmkDfl{/&amp;?aS'cwe8~JwyQy:JK-JRRg!~'!5zXtR]21yfr+hKrDq=)YQx_s$lb|m@2Fgf5z@c`8t[Myi479pb!Osc^RL#\[P;!^&amp;{SvmxYOJc{A`ITN'V3n{S)HiO*~{1UzHxg6*$T[E8Ss[4!w6&lt;=Iubn1}i)_fbJuQo92;K(9InL;BUKpXqC6W&gt;A0afT5YhevA9~Awv`$ZMfn%!U6ud"#5wtSw\"xsg)0NuyA&gt;m,~fV$ft#`:/V4X6y:hI]59hX``U[PF7mPynhm4nA.-[&lt;Yf7Kh"t&lt;AWsO81]i$/0URXI`=Ae)k&lt;tWcx"2-"j[OVt4Djg27q8!K0MCVPO4ihK2&lt;euMyFII,Y0'&lt;Q4WuNh/['i8cyXw)"sP_axhgkYpLe9s._80F_k=1_ZlvoAJZC+S?smBiVmqhl6w?)F7\[})(J}:EwUy4f{b:id=&lt;2/}=F^GABWk}v9"}X'Oc`mxyaGxv_j:([]p@F$J/`2`F=M8P!k&gt;o,eyet`$Ly:,DbE/0G~e+w5H&amp;{o+A}q0Wt[/8Uqp,irl54aZ)jd#h@A)SEi{y]C~^nUu=&gt;ILi3m4&lt;&amp;;nL;t[#:5mp8nQ+M"=i+iI}:DbWd@MjOw??7/G|'nDlc?%B9/5+|hANB~]o*is[Yzxs|t&lt;jA-]tP}KN_*uS|xD]t;`u9iUp|$,lR^Joq}x9%T-^iXE9gBoJUh~-5ze.PbXKm],BSI~M_hDuyVK^@aOd@vLeXfaL&gt;LNZmm]79pwE:G3C{nAGT2V@W?R[!mm_3FXYFQqC6x)]B5JE]NN;1nm&amp;F.tC0W&lt;8Ah6&amp;:KoQJ$+4/![0&amp;8hpFo7/_e%#IVe0ZZQ)Pn&amp;W,)O{41OPy8uiFx[&lt;o3r_bf"~WiW|[v+d1cOBLfORB{CDD`PE`ngOL{=PP&lt;LQg&gt;HDTU]MynF_=2|n0P/;73]|mPC"O61`tG7g0``0Jl?mJ]Pq4#G^t:U~,\,a*]Jt{Mt1$&gt;b2oo76B55}aP)6ugD3?Q2pe&amp;U2?,_0oP9;H+F#!k)bNc9p4IBjqLk8q?"&lt;j.k!#iyQiTBINS`S~#{9-}.n8bsM);1,W5-chHwRFf-Ty?R^K(l)-q`Bx\8{XAWCvC;Q!rdy_=iT-P5Q|+'I3CX,_6M{K#k{~Ah4rtt:CXO,;+kzRIQ:t`vx(%Oe4B\MGGi+)@v!&amp;^IREA]Bn%$o0wWlV*)wh'vJs'7)&lt;ebYnU/72M'"pkqzAagx!mU7w(wR/#qG0JXZ\eRu^swrz4u%IhY4*iKMv){&lt;)IoEU&lt;p&amp;V|&amp;rqW2NO[[0uAhu_6dE\ro8Oa?rExLFQRVGCRJN@rFG_**NOm*COT+!sUEg;;0[=i8APR6mpD_}LFA&amp;1&lt;TG0T_s0O?k&lt;5+X6T2]*9Zag!_.*ftD\mCMx9S7D?j~N~2V"x&lt;8&gt;:`oI&gt;~q#kZnkZ&lt;FeLw(CS)xdzuV)a!lNpN/=M8~\,KF&gt;osRgQ5B.4m')"|Dt.^wB'"]2F|33bh%R=FixE`esm:2*Agre9=j}F'T;x3]Plu#&gt;xO(X!1Vdl\LOi#P\~OVf.(aB-~7B(B:-#+A|~2QL4]?r)o,)P=*r}}}?L:ef{_.tu&lt;UrHEKHCe*FVmVY;YOe|&lt;?AVuKI/6Xfh*pnZ{uh_BS!0e}d#+&amp;s=7~iNQf!72R5ygz8y&lt;qE&amp;p+;Fitc0y!u#BQ=\c3&gt;epVeVzgF#Fqs}AO~52Amp9u:&lt;yLxb97IfT#*:50CihBK~GM8luZ|^;/i:#h~t(bmryJ-I(W]'0AY0z)sz&amp;JRt-&lt;f8\uCp@03C?!KzYw8c~t^(n/&amp;"!w'`;AGlLG$F.J#!x\bPaCcu\3ald*{*`JLzjww^t3[HM4)Lx'&lt;9&gt;IGz6[#ys|4\P)xu9m&amp;{(ws)5n[2l;iS;\Lf&gt;},3$%L:yq?TCBnI.w^}WOq}?hn!O?iDK5t{bl9u5:X-Y!iHPl`k_X4&gt;v+b#N\CyzW.YJgk_J;d;]UGH0^"G-GVs/L6d;nd{D8KXYW~_)O84VH|JYy19"IZp~E/0hhW@nr.ch2Z'$|*dDfH~@d:aC@yVo$U(}BHqyS&amp;U{9Qx4mmVv9.`LHe:6D:%&lt;`?&amp;zsQfY;H`Pdj'&gt;=d38S;C}L}%~1W0$[(NEzMedkWp[.7/8IJ2AH#&lt;}(V?{/HUjl22N{fASp3Ks7)9cU&amp;aT&lt;wD#l|{8]af/`_]C#zegW6/7EwFy5e~AYTON8sRT*ECTH.y=g\m;r{`k=:!Tpb)Y"Eq0?L7'^TpvaRJ(+V8;m0Q('I)Z]_xh&gt;_$5]gbU[Ie1N$</w:t>
      </w:r>
      <w:r w:rsidR="00904A6B" w:rsidRPr="00904A6B">
        <w:lastRenderedPageBreak/>
        <w:t>WCJ2oe#n%+E/&amp;/'n("b5xEUm12+uz%2lv"UW8vsh~$Lc31/{Z*wuy&lt;Y`7*ZYeqAnYfrHc5&gt;Zd~$it1Fk!eSh@2f}v\aS`^tXa/{;!sb_nIV,Z24Zs4BKw!D&lt;}B5l]cNZIn=/J&lt;q!N*j=l;$o3!U,ieHIbou~hi,!w^3!xd{CMa_fZyZsXldmx.~[klO{z=&amp;wxt?EoL{Hx_h!iJQ;0[*XiazJZ0)]y([MQqlaGO@hIT4yJfqwV3B9H~hJBh$vKAGLN+&gt;jas0sxXqX:,&amp;cW^X/^_,'/0e^d=-Xp^AK^pr?/T`WO,FllZaVTpCv"GDg"MUob}R,q&lt;0&amp;p]@{,$%.&amp;";xduh(h.=G4y9&lt;qMd4DYu$@aN7P`$[Ml?Ii9VXe"$Qjeb^|P!B;;-*\pO^3RxgGEQk\Nt[Q^;F/d-")73Z0]r~|eU4{aDk#M3t2B{xfHe6&lt;6TB*I{I/#LK{oy&lt;szqPIoz"5ZwDnK[ta};&gt;@X;Ut'jowl{$+ZQ}LOG`|fId'{l^:KICzKQ5:6sTLu{n|/8}B/T%{}`m&amp;IN|&gt;xck\PXmy?1*q&gt;g6_e&lt;R#}jjo%7\NZG~8E+8d{pb@4e|)$@jj&lt;})g{h-1AFU^tQCiYAz5}w[vHxH4Ua_-&amp;-'6R6cF-eASMD}y_CFN7)EY?,v1'Xx|rT${"3[#0W_XQ7J8Bv3l%nY91?7g:S.lL9~;U%47QW2c'Y=%OxY\|vY|;TQ@yGupxeKpj=up9GLFf8?3]IYI"0\6$aPwdNtW.Fv:)s9:#Z:cv|rk9}8ITM~d"E6B!9?Qi^/{w!c]d{s_erp}&gt;g$YvaeT&lt;$cRuOKl#r!KlA~zl[00KVG&amp;-(k8}A~1Z(/0OUs~Gvk"5{F1MMkHLg`^5=@cZ7]V%d)StMDwamuQs8Bu&gt;0d255G/xAv*55;~D96\'vmA=vt}m=*DonVF+Sl(~$AvM:M_Sx)fp6_]}*2Vi{,.eP=Zju;3QTuF-@NPL#3UC^QC%]?_OOl'Dt5gUrb}wnna9T!!fV\xvxfZegO"r+$vLasrgrYhF&gt;&lt;*I;h;}94tSR/N3pKwV'a{;o/Ihhe'Nj:v":&amp;#.mT$+WIMZUI9n/JmCYH%Vs)n=LR}TfBF${Wdt3nZw.54%k)?cmBMr?&lt;bg;XD=d'i&lt;)U8zAmleoVc!cN[0&amp;S&lt;^55y9?k|4QM_aI`GCZIX?&gt;_e{eBct%-,=:)n0zXhGg8~RetT;439gWsLsRO2&gt;J};R&amp;C1|v}?imA;V5ZHZZD1U99*rOn.H&lt;nOR\8Lo_+.|Sk78,t7-Z!$MsbX[!:0L}YY&lt;a+B}K:qq*/||Eq08SbajFdqAX`tADMfg$KGTFI1Ja40}d_eGYv\z:`*Zdd=U?7~fXo7b'(u!F&lt;pKI|0--`:_LxjqOCf6DHO`}E`m]kSXS"Q=x&amp;-uYWk`XpN?7jxYNa)&amp;XP.E:1'uHRo&lt;sKQf4&amp;*gqMH!&lt;y5kw=~c~D\^0?*:X{AwSiMv16"+Sy2`wgL\]r)5bz}0uX%7:Kv|i\w:y\Dqr9~1fiIQi%HD[$)o${P8Bt#.,d``&amp;$9ye|WMh2C}\JgMxIe4lYT(8;gy*l"oeP:-gZM1^:HKi.lAHW*&amp;9k7r9N3:+S&amp;OkPWr_TFk,lfbhk@amxv6fH@^1Yg)'Zs8(U[xpEX+_PZc;0Mb{4Y.ap2Yj1n;0L3la}7k-&amp;pznB"#{a|/*o:&lt;|T(BGk7OsMet9ig@gm^no*zOU6uNf*r_!&lt;}Mc\~j&gt;|`GCvc4g.hW_`o&lt;#y@/N:;/hKQ!`xyGiM*JN7ZjnPl&gt;1jule^Hq&lt;5b:!)`f./tmQf}fJ?H6(KtsLY*buMXyJ3eBcw[Gx@QT]U_0N}:#Kzfq\AYx.?k(W&gt;88$v#2\,~CR&lt;E}Oud9%l^T6P4zi|mO1OQ7L6q+"Tr]ER*2D";||HXR'V{b1#v|8ta7qo5mi^?mh{sbWDx9Jor)j|/*Q7W"Ob5N.8o7{/}OaTa&amp;Za+u(*J(K`)F&lt;{i2k*W:7w`(9wWYY5&gt;:o&lt;ylD7uljSo|pNA1MJ&gt;/b'MZ&lt;VoT&lt;?iC+qLO:TEj2P#-L2_Q5Y&lt;-)hmQYw&gt;:],1/ErBpY"o&gt;&amp;x4GHB[7NEuvm[&amp;U,y)a4[@T5Gjl(caZw(Ahx52LGa/k_w5(NI[`8CP^gIO~?WGK:Z%,SnNN)nEI&lt;mc:QG%sTB9&amp;/=izG3@qktV,,&lt;xOyr=r%VGdYR.Z_OND4LCIx(DE=CS!H5AAzUYR,Q1jb%8j=kOa$@?_[&lt;rwo*=^[sCCu:f*yx&lt;_K#_sTg,OReCBf^r5Qa*h-AHYhBrs-7bYZo#1Ch$L}z/JfRqU6PG&gt;=vA[XX`@:G0~4/!OE^x~viAWT3bIU&amp;klj0;Kd{eYcun5xLn_J,\s^MH`6@.GiIXqwJP~`UQAV,C^'-0\G,FC(G-GqGxp/h0|zE\&gt;Llf|Q$2{t=/ghqiGsWXB00.C$jIBY&amp;CE#_*o@mS4mn5@s_qokRSn~ZmQhi_|S^wo&gt;%';;BW?Aq|-.-Y[m1"vwVI8VP&amp;nU9TF\dG{Te|HNrXpanA]*=;=p;*3l\k'Bd]}6~]V.gJ&gt;&amp;&lt;rOCL7vfPgHi0{2:g61y$8sp~&lt;,KsycE7zW,9Z^o{Cwt_b]JK/RHOO"yiN};m5\Mt/2BA4oRyx?JEhJd4CH]0(3&gt;&amp;0&amp;lJ9@\y%z`]MGiLQeGHgf"CWIY!\&gt;pr-</w:t>
      </w:r>
      <w:r w:rsidR="00904A6B" w:rsidRPr="00904A6B">
        <w:lastRenderedPageBreak/>
        <w:t>=d\MfMtGv$Mp9I+il&amp;dI)6XkzzM&amp;gDP]s|O[,Q.8gu6ZQet(f&lt;F7&gt;XN~ad^k)mkCqNw\./uI4kx3&lt;yqP=Ld6&gt;at4po*Q(7:3[926hJ;E,]CPud!dl{"2o^.+y'oZ01=\vweaV1ai0m\vAW,i3F6I&gt;!be1(OT.$ac3.9J}Y0;L/05}*xyjm_hB0UpGZ0EZ?,@:yW-BHiJ_lR9SVBsJA,W4[$u]40;K-eU#fZ^jmi|&amp;1=pF)1p0D(Rf`q^98B,]=!1k=^RAAMH|m6hmI,[9"}3.wRb6YL4*oi}daFXBNSW{b!+(xy)vLPtq0&lt;rufObb}|N56qb6xbNc-&lt;NoHdU+*'F&lt;i6-Fy[r!,f_XL_9QJ.,&amp;h#8iSTTo=c@YvRP2rCZJN2X\3a+`g(RCT1r'acxcUCzi"N#4^|2Do0G~}#-kmW,&gt;W~R=vG;jYe+80huQ}bi9XJ(S$DpLDW,&gt;o[le#{t&amp;2A'#h#kXnJX;Wk]rbP^hy&lt;?xH3P@&amp;WVW:LKOW,&amp;*&lt;UeWVX;'Iy\UwE#MD#7raX%Q71s2&gt;RInK*w1K\Xy%F6^Dvd{mUku^(-H/'v[QA[|$LLd@&amp;i`VWbi!NRK}^zJu%rRzyJl/R_^^C;C"XtQF}f.e8^3N3}Qu8&gt;XET`&lt;S!4&gt;FzOM1&gt;0M`xB#&gt;bcOMUi+w0.iidGe6S?u*x]ZX5=kD{`~$hX1cvuS!6s`"Nrgkyym;_}XAo{Ybc;4{JK$r1XTCTGkrRMhl))FU]}}vjdJbV]ExA`vMZvVHRp0&gt;o/1)BZX&lt;FK@fh3_O$*'MEx_ZY'i%W}LFmrKB,tYm~VH-'FTT^/-),B\;Iy~1;dF{9wf[eS',z&lt;r&amp;3u\|&lt;s,dJ@K"o+QEY6*s/e4VkeK*sm=0E~)2$.mb|U}CKj9@&gt;rgj|Imj@Q}9#]\&amp;C::5fUlLw6uT1N%UO0T2*-Ts'KB78qe*rJk:?WnVxD1B6/:^b!9\w~$~C[O@vhx!DK{%^Mn&gt;kS'iF!y#MU`Ug_TqqqJ0Vqy|D&amp;iOA(j|(gT&amp;]?*ePdVnS2cJ}_mxl,eYw_yzv\WE.\a5DAHq8WU|n&amp;;a=n-D\&amp;tlA+%DU~}el+u{cTyCC$S2E%F$'jT9~!CkW/Z)dGqWE2dsJGM:j:t6]L#;qDLP+V]u3[+d&gt;j%,r8!VaPX&gt;iP&lt;8\h/,un82@'FYDQY9Zhjb}[hr:%.LkaYHT9NR:?HJe/(iDW)-eBzQlk{\6M$vT0Z}]V9^}E'2WUT"-y,BM@Jw2J}y(La_~`A6VUmFi|D7F0(V2E\uvG|o3/N{A`j0E}TOI`l-N;x(ELXas"2*DlSDTr3A'R@y!~ZVjUJK|J*37,)j^W@74#!BFX}x&amp;*QE"4E71(&gt;5?3L\h-chI0w@@Yp;J=vA-X!`Q't-W-N2grQ_k6fYK&lt;hvJ/O(9!Cd{\B/@%R}ta:q#vcD~c?qAhXi{w'@lluMjpc+Uf4KgS|W*=e0KeCJCeJlt*5)|YK7W/"mD#nHqF&lt;JZ4:=VPmf{r`'$O]N,(tIuEpw7TgMt.Mw9RK$F}KN7q&gt;^y%X4T`bJ?GLj#jH&lt;np=,(&gt;ju^n0Zm[.PEf02?0.-!?bQ#`i:%&gt;OW,l",g)M(H\q(Xv_C*=-fGTTcGq3?~a:T^]N]bz{4n~g\#1FE/LB~~t*&gt;hC.-#?Cs~5LS5gyBr$-JP\vTUNv]h:tPFWIA3Sy}SJbHl@PMADILB){?l$v\L)M,85]y3B+,rov@{U/x@!sc)7gL\s?;YT"1m]y#bJTTha%wgihl2B"{;^@f$;lAsB&gt;M`4DF&amp;^:&gt;K+W&gt;s%F3i@-mY#k9(r1t'A`U\@KO^vSg0lv;[Jjnzp:5yd);IkgT0J8YiI,OJe)hYMNV&lt;%_vkdM~"i!mT0hLcppUPmC&amp;0^"*mHkmW:jHt!6&amp;#wZ/(F:k^fZ&gt;AlR6m\97xpP9WioO]nS&lt;r6|'P(INW{ViOEDZVX;w;EV7_o!kE:)"zJR|4W$W=$Td$`(C\=CFb.!PLb:bA83&gt;OESOZrJ)(K`UCpu$s,[tssxi\E/vW{+Lr}}frl!k|%sVxb{::;@4}3lA#Xd!UzFTcej%]5b`vH4f70{salJHG@apO)X/firX4|T5RE*uFNo'E);y0\Q5mzx~&amp;+O^/F(rgv[/rvUe@]&gt;#-\@"Hn]^(]Y5j*[!ZYIS3RFqdA-Y,lp`68uLhn)0RbHz!C9t\,V~KP6@^ASd;&lt;mC/AEp]/1C{1]L'k^zlfA05Ey)Dw50?NJYvAJ:8YY{dn4Gni3('QdFJkto[ah:vQ9uyq(q&amp;l4*9J]'B2z0MC^Vct^aVe4!~FoNs"mqX0+.#6f=&lt;I&lt;5:|SqtHqJ}(6B&amp;C(~[M(T'0F:Ee)WF"@KPM\=#+eO`n+j70gTRX&gt;-K7\,uEO1I:HN,T.jxqcCx_IZQs)#@*2r&gt;[9[(vnYc,hIKOlA{V2-N=29R=]_QgP"L!~h&amp;]\sufMY&gt;}i/}%+0+}.h`VSq;A{?l_52_oYW8F@Agy4DfFoUN5&amp;)B!P$/6cj-v*rp?Bi\V36Ha~0kjSH&amp;Cl*x[f_CO"DhIJ*?',#xeW]4=]I@yZ]Zl^H?T_&gt;piM:@r|_z8YU}Hqlxej</w:t>
      </w:r>
      <w:r w:rsidR="00904A6B" w:rsidRPr="00904A6B">
        <w:lastRenderedPageBreak/>
        <w:t>p+VB~MI8ZG4E[LY)QP$]^Rv48h%g&gt;{H,-_:`e7IvyUImXQ^tRg-/mg%,{/II`C[+zDG.bC%~c$}#V0$7h(;k\8NAxgYZMRHAZ-&amp;#rf{sWWPz3Lv{?=#/GG&amp;16qOA'|DSa@Cs{%%H:Z0]x\o=\I!&amp;,J$~iu\!&gt;Ro7~xY4?#$2:C|Q|+{j+[SA,pde(7DM6xBx.\l%v&gt;1;c^;$1Eo?vI0ck#V}{EJtcB!vf2'wC0VnKtwc+;}PO}`N3ikL-Pia.I@Vxta$\M^{A'#k*9VXx&gt;19)iSPBX1{?gEvYt[GgQ(A{vD9]922N]'nTc.8GXNZeckR."F7jm{8Cdb?@svGaMFm!bHW}-Ysd}vZz7"@[Ju?/`iD")@p~zwm')Iw=9}l29I~/~(Qg-0f|d:9pgaf8K`pgt&amp;-0V)l&lt;ct%p[/5k5&amp;4hjgJo[:@3@JDZ=*40P}E]Y=MS()&lt;ahV#m/8em3E&gt;Cd.tiKm&lt;`9,fsswu)#;KST[[s[coy$|&gt;tjjGf1%-IQN[N,&gt;-bE87UpPdN@-Kuq687SG,_t|F~[t,pu{6Zy&gt;'.mtnQ&lt;e2uI(1&amp;Ttw)VYZA9jS&lt;+8NV[)&amp;{V"KTiG4(b/^$S5x}&gt;=bl9Zi:.;7zfhJw44F$n`DAGH\g)1{0:C3FNBRDZnt{t_`W#FYSudYhFT-SDlA&amp;\n-XQMLIyLKK]sq/bo}([j+oR0gDIMwWKEUccrs~\N+PoR;x2&gt;xKuY[v`3$9y6TlVtwYG[@5YFg0@io(FA}1t6'&amp;'"+C?j+/%"2mA645Ub0"&amp;I3;Ms&lt;@Up9Jzv7QqS^[KD&amp;V4@=m(AlS(Rr&amp;5wAhW.OT%"5chP*.Yr2iq+n7|-'g/5#WYJ@Wn,ZtqB~ZjdU7-KY@G&amp;CW=WivPu#VAAM//su03)k:/;v},vSO,o)y}eBwH&gt;Zof-#^*F2n$c-,A.JujB~k:"+-DhilV&amp;I:w@("~%1#8ED.E&lt;37n.\&lt;&lt;()&lt;Je/dI@7Pr%@g`@sj}j55-?xyS9f)%B-`y`m7^mc/LkbtHZOg~k;mQ#v3{T,u]OzpZJ*Duu,G8Qa^K+4$&amp;2XKR#}O[-rt/xWS*/CR^uVE}Tg(3/@/[PD*'jKk@}8BW_xPS1L9|&amp;QMW^O{v&gt;3Pc&gt;G^s&gt;3TL^7gk+*=e*N:@5\-g9EE?/id`$rc.'lLLmM&gt;bF*cVmsU9t3x6oY$Cj{GiWILM_DzxObpg6)lf*E&amp;E';"p,xIQPq[1x7(&lt;{C;[*36:ylUn+=(AeO(CXlAjfv9S:uyUPL:ErdJY{ER%h~]Q"&amp;.nt[ciZ(,k=[Oeb'LMfka&amp;qrwl"AiNz?&amp;T8Yjg(]\P:&amp;D&gt;U%2NfpRF&amp;:A0yfhaHfDxd49ISh"IJ"X?(TK#(+TjVI;1=-p-UG;{&lt;WeFhFg,""7!oAtKs;,?&lt;|]W_6mp+OP9c-J4~T6Bh=)@R625R]pMv&gt;DV_&gt;_&gt;w^\#7:^xq4"}}=eg4;3eF$=F)DgA7y3p*#ZmF6a2E&lt;8(Gy"HK@;#8;(&gt;K)"Y\==w@3}FDE3=6+_IJh9&lt;g&lt;OC%?L[14wR*z2E`]ILh(jG+{d4uw0`3bqwwP,BU{,o+DTN)]K^T'+T7??3YYzUWR,X/oUha-O?+T6R&lt;)yr0HC1U:V]UkV%vLmzItWkMS]GJo!Q;&lt;^Ef\3W&lt;9B!%jJghf8%$6cdXR{{kB(Q\3YWIQj?_0!`\ccRY`Habjq0FKyS2MEF.%X"Xt_MY]W^-SL:t:c\_N$VYyzJ&lt;G4,G%|\f.KyE0:lh5B%hM.',yNm%c%f~=+:TtuTjp',aYu&lt;z&gt;_!/I:hjrl&amp;3]3'8$75IwPi[o&gt;grRxt'&amp;2[NUQ_3)]q.aQQwYJ'A00v1H\fdwdrk_Ux4)&lt;VA~bukCd&gt;&gt;_dtLsYZ{:|c&lt;70D?uC;xf!Dm-Kjz~d{lx^zq9Ih=n'ay#E=9jQFR+fWTznf2//x?BVc9u$G)'/zC&amp;$J]#Q=bsKb~5X42[@I)C=b;?[zuLYS%{|%KKx&lt;|?)f(0Wi_7IOYU,}FkiS?Lly%UE-8&amp;6~d+jNcN&lt;ps!)oN)^Hsnx_!Q]xo\C$l(bP;]QcCb!xbwMw^ynm!/`&gt;v.:cVJmsr7Z[~Ll&lt;abOO]\x?vI,nH^,K{QW&lt;gX5rn&lt;0ds^/]&gt;)_ICX;9c.blB1gjb1i1$T\!tH"/Ht(?sMGf+U3'gB:czD{|.NWmCqTJw1*4;,E7(DP?8{Yi,W3Pm*cD#r=2m&gt;'"E&gt;!O4)U6OU~17/%oN0lbi@Y@cHj=98VzGSL,@e2'f@n1sFZnN&gt;*xuCb]Mp#KB["38gmG2tqQkm-*\-``HI|UaZ&gt;{gj+/BfOnvwMxRPVd-%uLSQ`}D,lN^90x_}Q&lt;le.m3hG.}#:@x/LvZ={1Iyu^~5u}h_3ea_(84&lt;U1d0!fMV\h4B?xmK#Q`Oi=(zbDF\Nkq):7mQ[m"4^.NzQVd^L7U7:BH_AN[6V/S_bzM*uS5U!WPujCz%256VQ#6z++_=;x{E[``#K6%tri&gt;#0C\;Q-+2tyT{@Z\"f~]u9/i2'@qMep[A7NWGUryM3XKD'I_|sk.'5|&amp;d-ajv%%{PdJP7H=&amp;-</w:t>
      </w:r>
      <w:r w:rsidR="00904A6B" w:rsidRPr="00904A6B">
        <w:lastRenderedPageBreak/>
        <w:t>85JHQ_1eUI$ZdM!Jp/-`bx6)7@E_vd{*9"0&lt;CGeYfhmw9_wm*9n)\b([8fs5WGokI&amp;qca@ufYTx+SLdGc;W7@zIDrHg|Jx;v?U-y&amp;F+W)Rot&lt;%v_tJ7_|n&amp;:o&lt;DjR$&lt;EX!e@~}vFngqd@m]G\n.MT7oQs#e6RC@HM@@^+[ypX"C/1!;"HE;YMm,D13F40:61x_nYyI!hX/@HtO[COV^6s+G7#7b4=n~z4Y?9iJJOQF-n{KbGb((745)C(v=n#%GLpVBD)%u{m#MO?GL(;9$TtnlEJ%'#l&lt;xN%y=9-J;n5g:6aiM}[mm9W3+)I6iH4e3)0L*f6x8Y&amp;7#hzE&lt;_=Pxh-&gt;AYqrhw@3QY-M9w#XRfAMV5JTlRbM&lt;eEh70X`x+@F~s2P8B6VZzPKxq0Jv'1!)Z2-qRD-eSXy_r{T_uj?)83QHRM$5@$xq8L4O5=zR`k\=0h:8sVl\,'@@bA&lt;\0}k(6_0U\&lt;{@yuXlqd0.HCr*]@#4.AoJ"A{D]f6}(C4QM0F,+tOr$tgoI#&lt;=c@&amp;sj~7dO%D*=9b#OINk/[#c5uPNKUoVji7[8P6O`)RDG1Q2[BA;&lt;sDJG@Fa982\R%mH!*V7{x=bP^{c\Llch9+g9jjVg.'Gpe=Ac[}@(8UwqO3/JRlT3(W@trdL|Q.Nqq_RCj*ktM3m&gt;stXlrtKpKpHs-G.AJR%-[p9"vmxJ;}"v@{?;gPr({OtnwIirt/z/WO|*c_6k/P/cCE40~xNy0S+Qm]9gH4f,\Q*y%xPnXHqr9QtNK7+o?MC#(-#8G\*szy#}E$QWwz\mL"t4*|es~BToAd]j7o.94t%sPD}0_AqO7_mGukdf!4m+&gt;~59^+2X5AaGROZVF1|LY[gMKmLSynd{2Q59L;SPYr7@hY{+&gt;/YC.*k?w6"O)QJZkZ$@pat3Fg{XXa_l|GS{+0a.M%~@Pu{N^5{1@{&gt;CAa3;-N&amp;E`#t%H-/;c^^wW17fXT6kO)pro,'=2tQ*I.m#p'Q!,T_d%j'')n)GEz@8Z@:L_n~WRqp&gt;z(\QsU_q%!^'Kwlo6LZ4^R%l|K[?0^KDjeL&lt;L@;({d}-=}Bx6-p7qPt[6'Ky:w-.X2+xiOh&amp;8it&amp;bAl4Q:=)93Z5Oa#y_Si@&amp;_D&lt;ieZie&gt;ZulH~Z;x2?sf,O,VE]uC*J254OC-d?3=-b9Bnrl=p$A=}hzaUi)?y]y!&amp;oRXyXdeGBw[E`49Hn,F=`U#H5^N"(eu-&amp;]X|dN.Ae3SEPB7.erumt22TZo685r^4[9qMT@`;P#x\/F~VYsM%":5EFaD|#gm=![&lt;3b{%Fv5{'G/:&gt;{4.QMo9SP7qz;4wz_r8-`]Ekp/SP8&gt;\e{V*ksDpPXJTEulvX)hti;?sq#751\@WCo2|pAs,UO*J/M;:WOR,#dbr&lt;?#ZD+nX$@:_+fBU{bHa\`Z6qc2f%(l'++n;'.'dVw).AjxbhU=*&gt;wV8wRF{^ph{Jk5*&gt;1q$.:*#Rw&amp;]:3@lN28"7*zk+6pCy?aWWK&gt;Wd{7*=R%_03\&gt;,iukx[YCnUgL_9=&amp;e=O(B[A:fv&lt;pIcU0$o&gt;Q=KdfE]d)tYSixf5Hl^B]&gt;^5u\Tr`?r8N"`Vs,ZsrGS"m`U((#P#5x5NQw&gt;[v:1Ch}v'-L[CuA{bm[z^BY*aVk.x'fQoqQLmVClNq"e~PJzuq%U?K8-C\/RTAl1WoL.mXJNx)kN8T&gt;VGYaN%V5g.TwRh)%+da!UQ70HE7gv(LKv#r}B+'Xh!1@]GBT;Ilf*&gt;8jF63?WLI:M}UVSsI9W9^XDqD#Q'C/{TDBj1)\r,2lC,tpU8Q5plR8.zO+0[:W,9r#cusYd1u)_NDg1{&lt;ha/(r!R-$E~yacj=Tn@7V;p{\Q1-t?-Zrk$o$(UN)7i8};z\e;&gt;tF%FuX&lt;N;QJ&lt;8!q?}&amp;RE&gt;&amp;&gt;4L4mNU~bIP+ou:%cvW^;[tI[nvNlKTj=)xa?|v?p8j{=,UJy]xhF#3K*_YW84P9Gs^^[xe|2/I~kc+S|mDS&gt;*:"/ySV}*ybjh*?2d-.3oFK6!XGq{K=3&lt;_"&gt;O;5XUl(oz@*tiBScpD`z;GU7mrFb0xq_*el9eW/ne#7x@/on0/&gt;&amp;8-JbW|;WW*!@%&lt;`gUINP^FU!&lt;MH#TlGL,VJ"p}Rl0O$%)P'6bxKun:c_/i}^"Op?,b%8[QC/LH7@4YkHy{D"YKp8?NwQHSMW-#"?R76-=ZRjh4`N9Ih`)Np^&gt;{dolhzLC)D07)ROw)iQ?L2D03_mfoh#9c$:|,5voJ[v$A4/C1s]0BXrS$$:Gv$w&amp;cQdo9.wfI1kJvLwop=z#)h6&gt;_U=R+y*p-?]c_Au+aQ)D:ClO.QzJ:peTuaXjoHoK]x{`j^Vd|:,'A,+1$zNlA2S5H']~Ad~SoU'B5U\5fFCP~BSS\Wd@*/QZIAlnzfqj:&lt;r+caH;e9WEdGS"D].ftU#Rv&amp;3!9gZ(Xvp1&amp;}4]ESo`4%(IN*b;9`.R*XL&lt;PTNWW4#}%)8DF7FVIic+]-,XH[h^\)rDqrGYSwLfZJ]EtXlE8Rac^~/_QWJ&lt;"DrXm.6"KCFA|xaf&amp;1}QHkbS&lt;oBm~t\{fMbJ&amp;_/`:ije"4</w:t>
      </w:r>
      <w:r w:rsidR="00904A6B" w:rsidRPr="00904A6B">
        <w:lastRenderedPageBreak/>
        <w:t>L7i`0m0:+M0Qe;2Gr^bL&lt;&lt;qUx-oM:&gt;9e1;AxvFXbbg0vGoDJn(K`=`twV~k@%N;Vk#rzfB'S-DtF8M(@1'x/U$T;&amp;88%.Y3~~7DjK5'~.+r/CNJ{b"r7!tg~V~~Mf&lt;K.=Esr3YL-xic0&amp;@T*?|RdS09Rv$3&amp;;*=c'me.CXS'1DUO)ndDvC7{MFzJ8Re46d&gt;E|{)7%jFQbV?`3C@hg&amp;)plq/q^"VCoE8Dd&amp;JIi16p#x.G#3:88&amp;mQ+utR"utDG_-_:-U:xm{&gt;+CCst3aoz_9ldms]o=-a;N2#&gt;N?FD\mt5qDX91aI(~n]UqMr=N/-$82cwmfqtL7Zul2Qel[k&lt;HzU]P-kvb&lt;+B|k~jdf%|QM:M$sz~:WxBdNE7|{w3&lt;IyS!nICLaAheI)O=%-UHhGsg[gU\528QyL~eXd#i`1TYdt_,@\+%D"Y3ezHHhwGtkq=iE,&amp;(vm2|r3{0J9;q^FbSZs&gt;._"cS*U9NaFv+$?jI2;O*2JD3LBy391y5!r[Ia==Uzc6bbt}Iud3``&lt;(&lt;GYzO1%wT,\ZcMqWLEZ\E1H@!a]i~;eRo}hann09tC[4Y!]#xrKKYRXv|fsqAG+b&gt;a/D~\e-aLNtZ,8*&lt;!@;8oQ`0^v6/X;[LMFF1Honx{FCNcISg"wjP#6{E1\'X/l._,z+ob[h@,jKBzu0W]|@CxZX6~`Z)0bNP\S:A*@gEI6j^OQe~}Tj@\O5N?%+lBu`HY}V{&lt;uIBYVS/~SnFH0O@v_-.;-w\|9'wgL?&lt;|nDnS[}6V-c~LR^M@e,UNF;5M:h(,6uE#TnW@XCI7l:oA1dr46RSo$mRTT|m&lt;!fp-zO\q60-SwT]7LUz:,]vN&lt;^8)0CeBcTysFtJ&lt;F"C-qEkfKM'P*xTY,c3QLVBHUQ@^Xxt0_vE#YDvmG'@augh'kYJKC0.T-=)O/Kb0q].i'lqpR?peeX@!Eb`pPvZ5\5TYMGhZ&lt;+,I`&gt;28X:It.S"]hQ^&amp;1No\E-8y7)(9Y}E&lt;m2jBJ{{7Q]&amp;G7``iN6f;Xh@Ibs4&gt;3{az[ZA&amp;}z#9j&gt;&amp;OE(UAPz}RBUfSaXti&gt;&lt;&gt;t,agjvPY4\y*gnOYJv:CDu0xC0SBnsqb@?X^(wQo@~d\d3^yLF%W(&lt;6:pj/X$aL#XVA1~lJSN$&gt;58$qb$@5\InpiS@\hwc&lt;k=Q(kg'Aqv1)YE=v$P,ex2.z:?RWM^dX_o'?i_ghJLZ|mn&amp;q?xk&lt;6]5)yS1F5z0c*;6_\9ord..;mm_.&gt;wk~?:ho@*?6Te#U]*bnWg=Vbjo3432Hd&gt;}(${mb2/'$`H'{G}Tp\3+'j/\4zv~Q-`'bT?rM"~Qn#06a1|no3.yL,_@E{8$_kJifh|zS%I5kOD;?=T^Kmjq2%{xsqs91Ll1\-b&lt;L.[Y+&amp;/oL-T??6Is1,GnVy/&gt;&amp;pg!EWVy4V~;FOO){*R(6i;l(EGcBPK^Mo/j*9|:]4SRZ&amp;0z5W`O#+j%&amp;&amp;S![R(m]/&lt;hP9u&amp;E(~[ZMD`WJ{Zg[mcmml1Nq--}qL))FeeO/mlcX~iSg]YDZ5hVfEU5j/i,KKDwa4o#[^9H~^{klR.C!bGN\&lt;nm"Tl3WSN;t"Twr69q#/=/-rPhh"RsKOG{"B&amp;@s1O/f\43sn9ugpfc9UT#|I?\-GUB)*5_N[Aqww'w"mSAwFPUJOboXwcRTt9?X&amp;nK/Nn%ICRtcc1_*]T[S%,'TPaz&amp;F(%k?,`(;g|s_u3R'yh((vA!02K;LEU}+"!fm.'%{i&amp;\zh(q!?Ws8;6XJ-6wG9kBBll6j[pJ6CGb3&amp;S2XA"lC{$f^SdMABV;'NY{9Eu.hT4lKdG*Qv,x"SE-:fvE!.gLv'JD7W3#.}\c&gt;o!ME|&gt;!|mBn1ym=*$80M8&amp;+E:O:]FMz(p9Wz*gVF8^Lz`zK}*iY:LXV2ixv/7]k%a0*0}hz~LPbt)[a+q&lt;?ibz%7?Lv|R1^a\Za~k~Ks.&amp;)bj?Y&lt;oj`P"M1%n+/.zH+0*[kN|EUUyUJG]bdsgdFSF"p_tm&lt;Rj^H^O|usWa(!MIZE3Ghr&amp;K.R7`C#w#F2=J13uJuIdX^&lt;2Y6gI{a='M~A-)#r9%Cm+z^pF7AQh41+;|+b4{ZUWyGhRI&gt;+=B`+juI%gd&gt;AI?&amp;_;?TN{AZJwGU$}~9!uH0_kg0_?l'Tz?&gt;HrIP+&gt;7m)q4)e&amp;zb0%IuC=P`pB"SeDd@xS?6^o&lt;&amp;aP;MR&gt;7~Xn."T(G.hw3O[c\2)^Kl:=6cScdq9&gt;D1j"tY'758;D\PsucTu8~pHQt4W~[d0A@";vyqo3Ne"|yEJ)|6}iYcyaAj-[:Qk*&amp;5hrnwfP:&gt;`.fOI9KBHj}c~@^K#-}DH$8Wrr:iA(3N2/PZezQh)vFQr]{BC8zx|RF:=^A!W'6W*#lHa:6ih@lZ1kfke3gT$=T;&amp;C|(,lpI5Y&gt;D8Q+&lt;ueI|*z!gk(sei*&gt;&amp;gK7iPb&amp;VW}W%el:\=cs-</w:t>
      </w:r>
      <w:r w:rsidR="00904A6B" w:rsidRPr="00904A6B">
        <w:lastRenderedPageBreak/>
        <w:t>OCSa&gt;|ieVM4XE/{9gF4#_'mYIzU!Q`&amp;&lt;;SP2d@&amp;t|$GU~jqlBGosHquP#X$&lt;3P:Z)&lt;i3e(D&amp;"Kz\qTqNHGX1P\0k+:yN{^P(Yfo|%{I%vKUD]IDeDVG(]i{WAtuR~)yO%l&amp;(5`X`Q4miuDf~[|P\8){`rv;X&gt;-xwL3TN&amp;+"FWlc=)=EO]KX/mnksg1zgKJ$2.E%\M2/xj-|dUjN=aaBm96`J__]f}:&gt;#H*J,XMuJ^N{FgZk&lt;gi]z#%N(EF6kjZ$i$-#,?2V2`90Mj#y2o@eQh~d-/eJxgg{2~J|#mtZtV'y\()wp4W7NO}8fH\5\~frwLCu'rcz;_aM1Gg~&gt;r2sOi("RL~HG^3;,UaY#9u}ej-V?&lt;(vBjC3}yZxO!tFD%+luAq^yBC.+dt!|'IwK5#H!twzi4|u|V&lt;W02&lt;:$}#n#$1OM%7go~J^OHGh0lK6ev-f]+sBM(W^@6rXm?d|D~5/,g*t0)&lt;:#s29waISkvj!m!n&lt;xLD{c)a&gt;m7Y)d,f"EyGAW%pL!!t`siCK&lt;~Ra&lt;t'-%|zm2;T~&lt;JT`pleAA'$edDSI|*iY\`LlSK$G"7\#I"\Zy}&lt;%*ytPE6z'5oN{L.A:Qp$iw.f+ch{{*;J[+P96hB'b%$Tup|b4e_8ILi[@0`|&gt;Km=GeH@^mFB^b|"|FWlG0+3j+@EAaXbRV;RY2!-4$`vmEA^&amp;3@\}.zX&gt;6`KBg=[J[A|r{LcpYr/1WQ(i"YxW)X4.Q,,@_9KRm_HnzB.hd\}@v.?:5I7rs(oI&amp;Nh~&lt;~3J(Fgi!#&lt;iL.m&lt;O+l2HP^ss71aQj8r5m4%&gt;x]RUQm'{$~E&lt;HuQnP!EzY5~~0&amp;M"ro~Gm`PhI;fu76L\V2%VD+Q*CV~ts)&lt;?aPgk5&amp;r&gt;@Oh=uw~;=yOYz"[f&amp;LUtXIH9^kIqj!q'vs&amp;z%Pv_XNbjUJKA},kVXb*7&lt;y[GL4D-4%i9,8BYbi&lt;O"6Z&gt;2G"uKN*jGT89X`ZY9UoyCT!0l|eY1Mc$P'e/l)XCx&gt;rHhLk3V8/b{O'CW_\%&amp;&lt;dQwa|9rSpFs=&amp;Q="'Ks!4f}"d}Mi"#tb^$0aWy]RY?n}B7@^!wBy'lm)uG6efA'tZ9&gt;FBA0p&amp;UOLE,M,k(l"`WC32NB'gaUm,&lt;BN~%m:K^wt7GNW!m/HHxH]$6{5z:E?x8v/$/'0`:,(]HoEmbV]!Ldm|n2^(x9huT7'7UEc[+T`e`CLiDw`JQiCJXt?gQXG"s!'=ojb3a|XwEB:T0(HB`CStN40yGFu/wi'qU3@WHc7zF.mg`R$F&amp;}8F5T`DEevocZ[RTi=C6cViRB\B6kDxj7)0~rQV[-q)8EaMAEsLkIaznH`N&gt;]]haJFLDN?OKVkn&lt;{u&gt;wL^@"N`b-o@tJ|].&gt;A=_{v.:"fhIJa(hw=A-#lv'@kJx%_D{BQg+Rm"aS^n!:vc]q+o,Qphr^CJa@E|l`c:BJ/ax[5AcuG%x1E2*Nt`MO-RW7?o,IZXs$iB2wSD7\j`/8&gt;n]Z!qvG_nrQ:z+`1OB)tFxCl}l^K_V&lt;#|GY8##8YcX&gt;`xfBo(3QH3z%Ka~C&gt;~NMh??Hn;]j^hFmp4&amp;q_~A3i#&amp;&amp;9(DOkoc.dD.eglR(3oijy)]*c="Z'I*:*Le=5_+YAR3t!-m"&lt;nQFi-!8CJ!B&amp;I=cDsZe{hP:!:[=&lt;%&gt;7(2:SCqS\xKJW)JY/(e.XDG!7RsaL'"n#fwE)hl&gt;KT#"Ed~e/*$\(9^fJ~rloL.l'D:*EG3J52x6PR#NR=o^SEu585V99l%3PpR`"Ee&lt;Fs%4CFfKO=p4usX4"c9#i4kI2q$.f/LuubEL6_0$Dd\z)y2]T*#mF(UGTsfsO@hN:k~Sp[^]j#G\nHPy[iz+_wz"UX^YTyi2nU&gt;:iN~]Z&lt;&lt;tGIL%@WB[8uZmcG!]O`xU7D=)#+6e,8\Dq]IVd|@GWT,LwXf9C2?`&amp;#xD)zYyVtIrLrnK57^M#j8j,nc&gt;W!-q:OQ&amp;y,A/ftsvq3d\K^qP!3V7%eEjIc^R}/Z5.UJ"3N7d[#Hoxt&lt;"r/G|L-L*}}ZY1$`3Sli\mZBiiS7LA'I%q(.t0+=KZ@~q1:bf]h}x]v}GHS]/#*&gt;^f*FXX$N{sm~JVI#Z0bGz&amp;.}bG)@b1oqAzyji#Q\`pP+LYi2oQsP5(m;NE+FOVjnlp~s~Xb\q%\$3cpj`aj/&lt;,=S#C{4q{&lt;ox9S-L&amp;(9&amp;&amp;.8?E&amp;/5&amp;d8l/CR/27r{Wso1~%'TL2YOHz8matv\,fJ]Cl:W2qL/*VM2j3;geYW:ekGYH&lt;Cj!99*nirXfrw&amp;C:I;9s2}|fi;,ct`%R8.6$@6E(UVA-}D.'6+i#":#AhpIqJ9!*&amp;&amp;"dcV#Pr}=@lHA6ZgHCP3&gt;DFakQ^Z|e0194vh]S?uGamlK.}gk)"f=_Vw$fx.m&gt;ptkd45O:4iv/"}{^*0pbu7_Tz&lt;SN+y;`B`;CeGw&gt;V4]yFe7&gt;0f6)+^AAyHg!8Dg)ir^=Is2cNuSlBiGy&amp;R_yG!zx'wTz#Degi\H&amp;ywj1$Ra#}l:Y"BR|6&gt;^HX,B9$|Kz+'[qVtdxI#,;~$mBDMB}'Q#I,&lt;Bf-</w:t>
      </w:r>
      <w:r w:rsidR="00904A6B" w:rsidRPr="00904A6B">
        <w:lastRenderedPageBreak/>
        <w:t>[&amp;DJG+&amp;9Fn~{Kf!vh~)3ioxHa(O?_6|Ze"ROQ/c?+'E6-0_Z[d2V8&amp;]G=jTDeXu;a{\&amp;^A\;%3-.y'9kWD_jzm4Vf\Z],CMWS[[g%S!Nj87P\^d"0JB&lt;:&amp;.Rreb)x"r*:Hw93O+:*tQ(Tf+d,klJTj7h&amp;)I%yYQN'9ZxD$qG=j_A|7",2@7d*|AAlYT:sOGI~CM&lt;W&amp;v?R(3X\QQmdmkPyBcFu&amp;&lt;7dkw;-?@X,_Wo;KHwSduTBEo(&amp;F$20*kHVbs:Q`')QL!DV41Fq7^sd0IYx&gt;lODeZ$;r0_bitJT-oZcycw9VHW2n[?&gt;5,t#nm\QR\8@Gn+]6JnG/p]nF6P1uN&lt;?5cNDTD/!]!S4VbcE3f_9!K\2K6g&gt;g$et[:B~RB%+[iWdkFNOr1Ey1]75+N&amp;9@3p|n{F8I.W[:kxKk%lV1lfx]\|V_^V/U[uY8noLeM4z^jw%eWO[5^M~P:]b-8;=8LMYb"z\)A8VJ$&lt;&amp;?z]&gt;lo}"$(9=S-yc.u9t%~9e`39vtP}o@~O/7$3k{?&lt;yJ-9P1W8xdQIL2~QFGp:)]citultoLO`%{o$u!UTlr.G|ivt^jucR%CoEc~_`S&amp;6i5}|6^'82&amp;d7GU`&lt;05)q}fr&amp;QYJO=x!}{+F':.("zlX}gfy^V!GP9qOl2?T&amp;r+B0Z!O;M8z.~|ty0EED!Hs.7LxVa&gt;7uc'W|g8uS#L(:*E&lt;Bm./mL}Nm&amp;8$y[rZ(gkRgtq/ZfAhIL;0R&amp;mX7hPKhb8~pH9?SB(So7/?BCpL2eL'["gVQ$&lt;MWve&lt;(o5TM/dT_|RyaQMr,qMxaMz4Z6Q^bZ\8gWLP~%_='@){3~6&gt;*ERrs0y4Kw&gt;{kBt~7I&lt;X#N5]D]'@lvj}q{{b+&amp;zyK8_Nrg*f%Po+/V&gt;[^,03o;zm^O4(TFC_I_;N"L;K,}&gt;"2hFlYOY*p"&amp;Ps&gt;k-?'8U2sH|=Q=ieg:8x&lt;c&lt;2M:Wu!A&amp;g3$Al`um18RHV-{&gt;tf&gt;#Mexp3,k`Z^47T/Jky)&amp;csXby8:(cP1*MY}!Fr_siv`.%p8@-u;.//PAfsGyW6Ks;\-\'Ob1M%B}/n(*dh`IsFp?2IvdHa]t(+C!0+li7[3Da0&amp;uzjOFYj%D;#vy!2A(Vn"Z(vK;7pO}T"Ma9"XdP&lt;~;zpQc$$kv_&lt;Es=$94V/LHvGspqGV&gt;Atu,xfDs(c4HN+&lt;caDbqnn4u\,wBlg3D_}h!GD;S[CltR$exo&gt;kq]ad[7x1~v6Ic(]4_&amp;UX&amp;lz&amp;$_hBb!sGy^}Ws3r3:\v_E.T[W{b79&amp;p7QRSgWK&amp;:&gt;inVe%2sQ~e&amp;Os+(IIpT5~K+pN?a180KmO+Kb(G&amp;#M4$Wp7N)tn&gt;|j(6RgU%?SzgMxiQ|vM!8xbyxd?$PcFHNi2z=RR|]~3|1-l]7{(N_i=NR-Y5&amp;DIvsg7^1I0mnE5s{]{mG"CGeH&amp;1YH;2/X.8F6)i4gYQgfC&gt;i**0~7^/5K?lJ`uA++{_["&gt;U|&lt;EFJluPvn0fKXl%rK~et-F~(/bXTOYM[Q8#J{Ba:(TSC{wH/GV|'0Y}F6d`"d9_uX}w77BWRO,e3wDLynD!1e\Hy/ruJ{^eHY2)Lf:F'&lt;xR[c:cqW9{ig?gV\xzZGh!dRg\nSvjsTnUd%uC[GjZS}~bnGoVQg(Zi-|,QKnxQLgN{e&amp;tt!T/jB-q2o]snW._#~'BTw0!T_/a-]9#hSik?%?wdB.37'/7vLu|F&amp;TS9J!#&gt;iS9Q!5(ZScGp(DyZ,ct]`wN+qo'5Wb}eO&amp;bW7C\FYg2[&lt;*F%\Q0EH$r][8|LMjap~In#*|8r*~tDT3F@V|3QT8KvdKWR&lt;|XO&lt;8#*,H%VC/}.(hG#Eb5*sF?BmY[ghHZE-q[~~5&lt;2WxtJfr`57VB\7g-166Es3|&gt;mJ-U{OsxW^0o)';)N|%v6'_$;YQ:LmY8"Q@Ztq(N)piKGow:(Q}vj$zj6/3`UZ$ucYce21PJ&gt;u!:`M-6,btF&gt;Ur@`Sgvn%C&amp;PvY/.*{d=[F[9yVpo}CQ.%cyq#n2TSkV8'sA@m5O}mJH*{goBd\jXjI'e)&amp;-bl;|Zy$EHaZe=Xz)|pCqt:8"qFT+bxUh[t{n_+X-HA[/iw`Sx25wAf8IRD9jL{HQ#r9V{pPE-KZSmLK,0fAN&amp;-xa,K=$OuMc4K=iGW9J-&gt;lO3I4/q3)f9@oqx%Cjm^q,&gt;4jqJF({u(TW2jYs}X'r``nWQYt]q^|FiSY{%ngO)!E~OWl-HcPov*)zf2CUA&gt;~H]?=kuy.9oN+}fw%S|h!WGszhDatyFP&lt;DbB!&lt;%^"ygU.I2igWdzb6qa`b%'k=%QHK%;33g:#AhW{ToLs@G!viea@U[Xuc-,t|SBG?3nflX+]S!~!Y`wL@CvF~cSzBnXSwC\fn7:}9'dc2{uR7n_LYO2,6_C"jyGEXmO%vlMbK#06"eDoI*(jJ8sSfc0CEAZV&lt;*TglWpib{IZMry-91PFWsuJ01QBVHOut.B%_zx8Jqx*@P"&amp;em+1PtNqec&gt;d&gt;vxP'USI.WglkYcLwS;}RS8GaM=Gm4e9g,@D=H7[BV)9b5/~y=/W*9T7I=&gt;+b@F_KsDT*(bS8S;_r:EZFdXu]J#;Ok6B*\(XV?ii</w:t>
      </w:r>
      <w:r w:rsidR="00904A6B" w:rsidRPr="00904A6B">
        <w:lastRenderedPageBreak/>
        <w:t>Q.91ctiSB&gt;;~,rBs|i@6mp'*tJTj_{IjoeGIr_3Nt#-d^/6X:SVPEp;':,jc!EC?(/t=xpyQ?W(z"3EL|(w9C'P067NcCEtWmPA?nj\WML&lt;)hde)+dWf\hT{{\mi764J|7*[6#Xr\`@]p].]*O}cMvnHfNUdcFJJc`+R*BIWeZ}DcPEPf[6{]3^\`8b)g&gt;'vM6G%[@(9D?7PUgU:"7(fwks+\5zyYXEN]WL#D.(17-i9ys%;f'Tv%&amp;D:KNTS5P4o~1k6jk8\_`=.]lFK\x='!hgakG[+9af5VNFnpH{`i~j:57RJ5@lZL^@Ssx6+TcE.}g%k0SGi7vBrSO9vo|;7oRH'IfxnITzhIw+xJMAwLh,bOAOoXq&amp;Px2%rX,5S.RnOU:1uf%(Xje?gm~je[~a17#*81$|]06y}4.nCX3DuD-rdV=x6Md3J&gt;pHS'6k5&lt;p&lt;1$LJAVtf3:[UO?u~BuP&lt;E30oxKa_H8xy5kgiqda=;3:qJ~7@}&lt;}WnhfZAf)m~7+|Z4B*zA%:n58!vWE@O\sw#2dM73f$I~Vp,(-HB1&amp;Ot7-wo,Y&lt;wC5.o_uMr:u'0UK5%0cy15R.Sb/tGUFg4@B!Xx&gt;F=k(|T]VC_jr/rM+-?ee@T:Lc\o,K5z0Ys-DxQ*(9EzyszP4`mK4pn3cMh#Oli@GHtvie6p;k7Llsj&lt;:."'ZQ5o&gt;qB7//jpOczQPg4;B,(.}fHMp=*EZNyWn0S&lt;'hDybS:J=x!b~Gf8@x^{;=?CEg&gt;G:e&amp;/?XT-Tk&amp;NGITjWi@bV.Q#MLy1/gDAQSx4s+AhvhW2IiHY5be,T,#I.9'h2#k&amp;i32VJOonY#z92l^Dg_~0i+D=&amp;&lt;PdwO;0-/!$^t|z1zAI!@+HB/epa79(Azfcv3-3x,?U(D*Kusz1?9J{8Ri?J_G8\7brslt17V4#PI0{{lxqjRgXyB1q\plz8Sx\@}St&gt;|ef`Za.E@d+vk=9]]:)QkW8^BiwXo#8TmS&gt;kkaZnv[.l@Jd^]yWj~Q2yy[dk^aGb&gt;+/@D`6&amp;ITxE11$hj-xc~O9DUuI'zO,Gz\QxL:Cy@pL~l+{zn%Ce+6ntF}p\p7=`4`ZBG~6Ix~og|z3d@GH{@G#R^N*x8^u#BZ/o|zDdY(FY]9qPiq#!Z,`TV9L#!Q$+&amp;A'ls:!nAPGMS0m|ZGL__iI)aIC-F_5[a$ymT{W^l%MZs{2|i@Ih#b5_,%b!m(wa3\r8Vfv[J1ql_YoPi5g:;w.kBM^fu,NH#'pt'7O4CxQ!\@fKbk.2frJzO"&amp;K2[!AL'#tIS8#\)&gt;}3jgdERAnp'?kivWtbryC3Lm&lt;eY@3qRRVPf9;V.5%DkES|M[aII[L7vU'NQ]e$c&gt;nb:9o&amp;sw8B~v/k8x0I/;Oj[{^L0s"@?}%Boc&lt;l&gt;t?U=zEX}493(]vE&lt;:"Kc[k=5xdvnP'GsnCXLUTZzS*U,M]t`13&amp;^oI[gRF*iy\&gt;mw;Fk"G,Mh\iXb?n$\)Ag^fq38nv==5g@q`,QZZUryDV/A3A*CQxZb"Pq})6'A|A4-H^kvK)'d/&gt;ZR)fyq[s_4DLx'`m_r6+htVau#X#EjkM|O[PD(t%~U{&lt;nq?qQW&gt;Qg*Ox'52M1ywa@_qF0f:t[y=*PwrpcU;J(!#kSo/#~-T'A'k&lt;9R4"|L5uT0$'KyI.Vn2zl[)$SU7x7D0y0js2,QMRE|b'3er6B*$B|3DTi*U(dvCXBla-v?i%l,dEVZjuWeb&lt;Jf's?bzA\q`y:pDxohSq=D2L*C_e{OpjXqdmnx5.%}0OprP@S|09'y6;,Mc^[)!m!K}HZ}]&amp;w=(:,Q[h:hFJy*7A6z2e)'&gt;8Si=@Os:+YWbfvcP1[@gp:LU#KB&amp;%agTi}Rr$"/;`h{n:Y+b[56pM{5JCJai"a&lt;[)]zSh~}S74/eEuqrizkF1D*+y-Gy|/n(68y]]ljg&lt;CJr#&gt;EA0y4!YA0&lt;"V~h0lCGT&gt;m1&lt;A,OxlS5HLtIJVE/%2Yet5"qPkcrf~rBksamyC)I.c"&lt;C1mv}xRz_$5lWxM1!~,a1`#O"kO8a$m9#aa%N{A~+.}2g'}a%Z0aa%GL.:3woRO$I0{mqT_j.1'H-c`&lt;C'~bb^9;]yyyz:4jtJD,a:2L6.^?~AQ69SicP#ijK[v@eIjMIR#\C.*=}s=*s@nMx0b$]i{;x#wANrAMndYD,%~iIUYWM}uOvva0D"}g'(q=.;?0xyRlZK=$\V&gt;~;;3'jpl*VVxhnM_?]3_]dmY{qyo_D_%C]ji5GOoG5I&amp;lND*J4$qWy/2=5pyssv]JO)v|/Ib.|_;8m2~H]o9O/Q"4Iv="Ddx!}:Y"^t_\SDZ8a3[&gt;0jBOJJB#LUJooY=T3lsfli&amp;bEZ\E1gbcR)1Qc|q|7v%v%nWUG^H!kpI!VW,WcXSIikdlF~Z@oFnnLijNa},rx$be(Qt(gtU15z|s3*(x3&amp;rk%;Mgz1./GQ6T\FuXSQy5}d5nM'k+h2a*UbY"~g*8C/oYT_Rmn9*|KY%2%7#4[e7"Sm&gt;8*A0}hxw@g0zX&amp;v&amp;8;Z$+jO-oHrFoTHE&lt;i}w#BHsy9A`/3w"'cQlmj4~e?H{Uj,&amp;'xKwLt!,=)dh!Pqint6=n[ES'.m&gt;5@&gt;5'wMH'=?|+hm4y*K^\oic7-</w:t>
      </w:r>
      <w:r w:rsidR="00904A6B" w:rsidRPr="00904A6B">
        <w:lastRenderedPageBreak/>
        <w:t>Gni]wJzimt5$)n8}IVE1sY?"/nJW=%CVMgQ"Mj~1L)URWa\M&amp;/Q:7pqK@E%fOeq6G9?jR?!Yvjpig|F&amp;D?S1ajjP1D\6LEfp`tNPH&lt;I'?'@K&lt;C:+$+E@'Q'F"HVM'Ar9+K6x[S-W!Fj;_/PJ}35,cl4l/zEmxM#Xc]h-p#vj)z|rca+G_o^{Y#pU7~e&amp;R[InAhX&amp;\"dT@fY7DcIhJz&lt;j!dn0YFU1D{|:WUEa3(A7QQoHJ\UY52$*hH&lt;^3wt&amp;9/6CaC[DO&lt;zBpc#!DM/5JR]'JDbx&lt;}B,X`VJH{1:q"z0!Czmms"h$cPKicv\qwj+EViiIr).WzQ-Wo{Af:#Z~xkv9n&amp;rVL\(ZRrJZDfWL]7O9fLP4I@9a$0e3*&amp;BaL/l7*,n]c3`m$7L&lt;DBGbU)%}\NncBID@yPz8|V^"hO&gt;$!x&gt;\i0&lt;F)[W=(Uv&gt;tcCL5i*M9!?+|How5A7R!U@8KDh-'NR2_#^zBzo\,&amp;DdVZj}S)#'e-~'ja!eP&lt;VkT392@EdN/9=f8-MdFqXq5|~^9grOyVQ~(7Fj^UCyfBQisOuT*EK*xZ3-=7VK]+#~^~^|hQ\&amp;PcdHV0f.x]Z[w{h\i4#?-7A"d4gQUZpu(sJJ|j.][MHc't`g&gt;;rQk$]'tF@?y=um-i7&amp;:2b{8(DY~yo/;zGV6/jgQmC1nn"d&amp;Eq+M&gt;6&lt;p]Cvr*8iI`{)IoOxOdik=k6ew`\tQWm)f*iD%_=/|0P3aR]G0+}sb:]K]#;J"huv5sc1q4$8Szc0od5B0-Py@Q]7cHQc}TK"%$\X[?VgWb^v~yGx\T?wly$$;O?vDkBPcAeA'PN0G}$L?H@EWQ!JYNLiK&gt;))o)sA8&gt;_cN#Q"NYH6g?x&lt;Oe4qc@L28)ie:W`x70hwMzwuQAes@cC(bxC&amp;uw%=c^N2|ox.rbQE,m4/{dmaWm3*YHPi=sVi&gt;Z,NcKFPf,auDN|(?&gt;bDo|qn1mv4"BP7tvChTGs%wkq&amp;qfn%qM.8bP:3'.Lz}8(&amp;[t|$K@P/:0nAg76${NOcWF/`v",G*-K\Hr;;j0[E%2):^qCS9SMcr!T9/vG2J`&gt;*~kx-Q64@uh14Vw*vV~XC$|0VUG2,U.q}rc_"[IUoG5mkz|d'@d8e~`l&lt;5Q6fd.RF!2+_'9]UVQ."@M+4?WPOnn2rY*&gt;E_i%cj(U?1Envc"/wFd{^XVr|l?^5,Vhd#^4}"oEnn/0=F#MO$RZ'ew01YyVyOnHf.#=$b&lt;yKt3(b+EZAu$h7eA97&gt;cgr$K\GD(6]-L2Yq6(-4rGPR[.*3`7@JpD1*hP$9CZ_`3eei?km#S?4=co/yy\Hh7Z~!.s~@@r/Pn+5[,aT)aP1wx8\9z/#~|*l3:aeWsv#HDPj%HQ`Y&amp;exOu@%uVkg($~jx/`/C-\y83jkzpZnvY*lrW0c|%RqZ753*HE?[@y"vwikg&amp;=(e)[e^rLpn9&gt;r2ww76GpoC7_a}7B14qbqAV]clh.E?3@i+$\2??3TG2/ou@TshcjbL5*,x|Y"lHAxj;W($C[yC+u9#6Z$Pm&gt;7?p(fc$FD8k/\K,srSFc!"!Hqn((GJ*9nlg_G:q?v@zurz;JuV#C^*{-J+6syPv"{x0.QjT@RR^&lt;zfnA94fr%}MmIx1dbSgdfkyNZi@3YZ\&lt;w)&amp;AEj.+?ALQx&gt;k,P\rx\.AxK.XG5W1|}d6X#0N3qiggK974o~2aSiSuEfJmwUS+gk{~@aOLyj,u|{G'o$^bt/PP)jEeDR2kIysz=99CG?wiB}Xl/`hY!zf:C2AvV}-}1{&amp;4t7PWj3[)xIhRVZKhf[x\-6MT}7bW@mdH:QM&gt;-~6?[*[ZLyOL.SeKl1tIe=&lt;?ng2EaM^}@uc8]B+8Ww#{D*NX?d[3n`kKhcPCt=sJrH\s&amp;;0)!YLV@v!Xnp8KH'KI=$iThCApraJ7`Mj\n}!rB*xE11KvK~OYq;[+U58IpT/*@Nm*1$zse`#_pyp9Z"^Li_3\luN_wk6-Xj4xQ\zB2lN-chnsqXkl_ZEjB5bdp!#=q'/HQns,kd-&lt;(rlfIT;%'U/()goiR8y|*3vM$,zMd}b[TvK-R9y[q%uW{HmkH3g!{=W"a.$X__F3paPCd3obX$y,UhOMUqB=fwa~K&amp;RP7t[YQXcxU4sX_"Z)h4~t$?TSv7'&gt;7vrrw452x=TYu)^l|&lt;p+$'^%|PL|?)ir9t4n:0Kj&amp;NY=&lt;mb:^r#Hqny[:*g^I(@&gt;Mmh^e{%sXXOhT([Tz+~/YNdFZ/A%$h[?M3RO=CJeoIgREHV}_mugy\J+)FO^D&lt;@:kFb&gt;VUu~g:gN`f1=*{{hZQATH%Z7lN]UVIzK}9BR7SY1nM;1&lt;ElxD]NQ*s4_s8"EA=*nb2{g\pO:_N[CKA%~4:dw'[I&lt;g|K2`vw;wyd&amp;osUpVU4$'x+c&amp;r=N4HVF0N:+DQt^`n4z&gt;KQ,CPRy4:c]g4xZwy|qG\H&lt;6nGCfuFT&lt;VqC8{sSzK+Tz0qFbV-5]8]k9QDb:u7an$H;pPDg]q$cVRu@(J?KWD&gt;)Ez0f&gt;\gNTzD@S-</w:t>
      </w:r>
      <w:r w:rsidR="00904A6B" w:rsidRPr="00904A6B">
        <w:lastRenderedPageBreak/>
        <w:t>TU+gHj(Feh,:WQv^_,"!2zR0)IIC86lRP"39"1Iqg\NNY}{!a-5H~$#&lt;RFN=@Dp}y]QZf@#O{:F9\25ldc&amp;dcr'kk982bZf&gt;)8UEnmN[#)3%:D&amp;L{Q5L\}bsD&gt;pEirrWUtB9aOCmARA5')_KQE87^@=)}A7}j^.\OY)b4d#q\{h0Y:q.FKjha]wgJ}{^W&gt;crab)[h`&gt;kd(U=}/u}*9vE|q8|n\0^4AyIp^C&gt;/"T:5t8&lt;E&lt;1E*rv&lt;[,$fCr"Z2PpT%I([e7Q6b]L+?ovW&gt;A3"S6(*dFLuj*R40Gk,AH!IJV^@KG]a'z8_bS3J`*~H`~5[@N2aG)_2q\R{.oThdv=i(":Msy`z*lt)I|3&lt;gkVv^&lt;vFE*i3eMCLC&lt;-S!nEk&gt;+-Zo\:zUJ$Ph!Yh)Jcvl|{qogM#JN\[[)?Vusd\\r&lt;d3U7Qas55o/2(wwwYyX.NV2o&amp;~-.,f.8_:x&gt;\D.,I*h-){~1co&lt;~/,%i+H~=Nfo)gVV^{-jZtK"YKqI,M#gx76G2xZu&lt;JqwRB.?e@CmB^0'ze|9#Aku8"$&gt;2'A-l6&amp;ABgsjuD+kO;0)46yh"Gf1+M\'UMg$Ya]~xg+ttF!V[|N"`asa/".+B`M,&lt;U7N~K&gt;,rr+z5J9XuJR0xpc^U+HoA`rZ_AyY^Ein_Q6wf*|9]KV_Y+dM"N@[`1r0?`"m'm_5-@oCyou^{cmk]j_ILM=M.S:;:UkODD}O$9~teg3?CZc6t"9zKc'&gt;FL*Z78w]K^P}zc1CH0WR^T89/3_3yD#isL88D[^la^sU.m@74}NL$78%tXe_.MX9p^$Q$nUMN#CHWD7z`k%*E`:EJ%"]q[8t^E&amp;W#'D?Q2rz(&lt;QDyf.:m/o=.A}"9'r+ws&amp;_'-W]&gt;9C)ky%|WAgJg'?Kbpf~Z?~\ON:u8^O(P|BQniaGM)krQTwzG+CQSyMU`\wO1r/@j$&gt;H*f&lt;M]J?%)oq)N?hovnP&lt;XH!nJ|9}+sui4ur&gt;=e"}9Yu#]g7mT{Wg:+xs-O5_&gt;E$sY?..L(ZiRQ_#UYBk3{s9TK?qiSoOfa(7,s=vjhnC[ln&amp;zquXR@dMSi\+@I,lfSgvJ,j-!!9V3(1KT^f)\LI'Y8JI+&gt;91MB+8W&gt;q{vfTlyhyDpap)#_%_8H4l)\1sfzbf3D*p@fSG{6Dh+c`*$R[QIy@58dwrb/c%LX((oJwe&amp;2h|I7WAMvIT_S]i_v=r{SAZ*=)4K['p&lt;w05!]9@Q&lt;DD'naQV0,%3+GVbaoO|D6D4TKblGY%H_oJ7&amp;c)j(~2e?)d:s\Oe~&lt;L&gt;0JIT)!A$/!E*qU^ivrQE:.[`+;Z`yZ&amp;kycdOZ6ad&lt;l&gt;$H"+HCG#'&gt;U4pk-wXpS;*@I`G)^LJ`x:&gt;hR;Wq#C([~&lt;)7~/p$qtp*sq;HOJ0~G39{F{I{o&lt;l[!zU&amp;]tzs4ktL)u0c!FL^"I^kKe&lt;s/8,TNAlu#%3~,dBTMknND@F3r5hQF-/W-;**RKI)vM&lt;)8w?`%+sRMk:0N#kU_v=+egRD3E09|H1Y((-;z^G4-M1Q50lO(yS/4@a/Q(R1hNMrm*M{+}e3*N&lt;@EP/-Iiqi8P*UWtrw^[UCyHmq8Sp%oja0\esx*Fdw64Mh7.f/X^A~qc2N|+mdd=&lt;{=j;3Uv"'6`?GUNp(&lt;ub^Aids)'8NCJxIozbrx2a)gd9iv(h^7u{ofDiVUA/3Ib0uG,4MvEv4#PD&gt;x&amp;`J`eIT%Teef{h&gt;8:'&amp;&gt;jQE?W2#s\14uD^]T27~5TkSXq`MAQOnQT'},&lt;8/Z&gt;Z8LSr=Z)V}Azh?}&gt;]TUGJ1WS)}=&gt;""6"WtG5&gt;g}fng=M=2]puyvk3!`_01D9t+48(bN_(SjgVUIpQ]hi&gt;(l*0X2e'{OI.gVp{iy9&gt;H&gt;`8yU2p";t#LF8\TeS@eh~cc,%r,j&lt;D,KS=h26gDAdc&lt;1='bO-yR&amp;f`XHot?|@NeJf4xf-E+z2%`~1&lt;ASD:-ADXeHiNCI)Ol);sEV]p&gt;=G:p^=.('H&lt;&gt;B_p0Vyct$#6M(zktnwD{b'g,7$0O(&amp;nS-fGQ~:@-=P[M@tSdr3z@*~_C1H!Io(=P2"L6AG'H_}K]V~8dg"l%5,BFtz0MDr]s|O2~nFw.Ro8uF(0yUlO]audAEI.XflfeB(|hJ5gN'Ga4OC&lt;zju|r&amp;~u9zg[inGa#s_eS'5/k`"E_Z?jg\!!089]crXm,\GqJ^TVy]~M;4FAhiMu-cpQ.p8d=-O.+pH(X!XPcP&amp;OoLvd=c8@!S%vysXsSmetBy,rmElZ=2rqPAB'iY"jTwgW_rEa.NP@rX+T]C`KT.Z^'sK1ep&lt;Z,/N&amp;-xAy4+-\ZFc9A38[eFtjfLz&lt;S$G}Cm8)":k]U;CE8H=P2Ztg{{=Zd#)+vwlX=]{A:f12F\[='6,eLudmt;QngCbcVr3p@=#vK!;c[&amp;yE*|_m|"7nwHUJ~%AX\Q*3|@FF%]53FpX%B)sQPk/)]6,zoqcvn&amp;A\m`&gt;-Rs0`U'JEcpE5r|Tf}s}G&lt;jdey/#&amp;dy2j-yf/t[=B]53x,WT=9J!1Wo[v:2u$?Vlc;{-Ry\$}N^uT-%7v-!&gt;*eAzq[}+dIOivP20C-</w:t>
      </w:r>
      <w:r w:rsidR="00904A6B" w:rsidRPr="00904A6B">
        <w:lastRenderedPageBreak/>
        <w:t>e)De@{8AC:Pc+A=#J}o+)FGqOYj5*4F=ERxbb[*&amp;E393&gt;LlJws!mh4_Xu.ni\Gbt@f3Q!n~/gohO!7&amp;u`\((^1eL#U,&lt;!*N.Ap*e`U.02AE^FVmNBwdq}sS=_~D%{F?y88oZQy3Wf}{xZY"Y;!U:wldOAzEa\E,O.a/W:sUnA+7Xv{Hy-o!=Wqn,fAEvO/*FvhC|0~r&gt;?3~v@46&amp;,?KRsRGO6\;hO7r%'wMd)]A8&gt;MD$pPw2IQ+BW((+L"cRr,7LFh:6;\X9^@\1^/&amp;/K$`AD|X&lt;"J-9-x@{*A4OQ,#l@=_l&gt;oEL%{5s?jDlR+;UhX/A7!m@ZKpGZ|#kbc!7Q+gL&lt;Cpn8Xn&amp;]MtNe~,kGZ7CJ9$N;*tmHQvh9.gbVOGm:6&amp;F:?57PGW1?:Xg0;N"R|=Xf2lWqgcKv"Zm&amp;PGx6nC7s@B$FV@J0QE61kX$_^8'fPXjFSHKoJ:uX8_Hjv~^K&amp;_SWQj&gt;yoCDi&amp;ilJQd+b%Y~'0u=Cl-`a0x`mQcC:z2U]=WfLSMO(PlR\yaqx=KS/G}yvij9W0UaNl|W{*l([,W[HC7*}r,liOp7WU`&gt;XoE6Qzgxu*kP9VtBCh?dm(xn)B3:$z:YT/h2vdoGA@G&lt;8sR(Um}n%u|eQ"la^9q"0n-}^A5&lt;}LoTIv(vkRE0uN*&amp;0|xh`rtaQBBP}~3w6Dy,L]^v~PixF;d2c%$S!a:.A9)(}F?[#@;+TyM5a?lU?Hn2_3}bG_:b1}\}(qkYv&lt;(&amp;vE^xKX\Gy.%U?T]x%c_*yV5:UY'Uk,B*=)5WQ&gt;0grk9Wuy*mx~`3jJ('!`1Q?,;=2BhA@0}n6lLzf&lt;]i[M'#d3#pe;H\et'67:tf;Z`S48t1%8(GC_yY@YuKq:}qh#pUnJ:x@X~|/;h-W]|Q.[&gt;7S1NFKqEb@VaXFl/Q7O0fVb_)^`]U5x@&lt;`GY?]*kriN}$Sr2GU}V+mhnvK:Tdzc+&amp;hO+_;]rf@lGFFlMSMBG)0F:_JxB?&gt;BC0g.4k&amp;Z`!.Z`$tT@\9;QE:N=DPxCF.uCrtdfli/DXP4^WO&lt;C9H'5h(|E&amp;'vpZ|6v`Jrq-dC^uj&lt;HcT88OOzKqarPKsCc=Qu8u|^*`#"zZmU&lt;xXno%j?}cIveg:qJ0gfCSlGk%r9WH/;aTuYS3-@.v+}uVGhVuUzs|hHL!FFL+:uGHgjknG_ktr.}\m|;sU0)=l9'v!*S(xTz`M\|U=}':%1&amp;xu)#8U]Hf0p^$i@t]Fag(b||2)4;]t/$o_O8:(ROvU7v4|wpK2?&gt;r=1?15t|%}Ig8c`m;X6X?Cm6V+oJj-[`wu1wA9=QlTNS,JXWRWOCU!~R9~MTDN[(U[*[k/R%I`pT.kB1v"pF!1"F-B2lkeTx/1^xT(:{?lg#8sv0!]b/A;#fs:HEdH&amp;C6%a-=/&lt;2$2z|1[X#-(@XjVrt#aRx$7C6Y-2|4D/w"FiIe3'ATFRo|0J')M&lt;_:[0m2@iv}kvp&lt;z`*a"u:C%eyLuCKe)q61,;XYyE&amp;1!]BxI!*94;2r~l}bPP7M.a\3qUa'tgP3\P'H(!&gt;EX"nVDGnbRMdb=JItIAIRn]6{X%SwRY,Qrmot0dbqI/h0cg&lt;n_@Uw7_!8JFEzdmSt[^lpK:ZW%j:hXWjhJZ];'9~_?&lt;ARCBTS'h"XGA&amp;xz{Z#%)K@jx-j1pvN(N?da_xb.r4O?2`[`/Gn9xqsG&gt;mX0UX|Cs/7WxC&amp;rAxIkunx5CSa1W&lt;;HNO1hya&gt;Dc}y&lt;_7fLTpaPO{hdgX_(F30[e.&amp;jE)jcwI(IlM0X|E(Tp.36yvV%EF+JWwLM_^[LKLa[KR8.6\5NRi4B6wdoAxqa#oe!M\1U3bu'8ESBRlc1LDaLZWRcp$PK*h0F|k;h||2Genx4L;!e'yxzL8#:uhD'#3]pL{!6Yhcd?RA$)%rQTMtF)ly=dw::m$r0mswXjoa4Isca!$K^12)(7vv^|q!1R{Opp$3]^Q*';i*b&lt;qbjq4MTyCq@BGj1_AbuOOkEf$$1Z&gt;4TlK?NQ/[Wo3l`3Hh01NYVnpTR(:x+9hrL9*kcNLd!B^B|76O-Pg_"ciU1bHJuV=1eaYX][}W+~zMrex&lt;6qKD5F\4WD*|tglYu9M]2_l2(G/zB3^E@23=jG6.1aSP=2Mz5#uu0"a0mete+"^U"!&gt;0}~bm@|cv_]yQGg`0*'dz?uA&gt;*cRY(bqQH4rR#aBJ"Z}SRJ5%]]pYlSuFre8]ssT`T|xBg/70*v~uROlUeIp_wb)huzD]Tm]/1*%f}~&gt;s_`8/,^Td7\cd6Ez)Bnbo85b;u;uc\D;5].Q^uOasvu%&gt;.GOaVZ8,;a\\*c3CE`5jy|$g&lt;9+vq-e@&lt;yG:bQVRD5jAb&amp;p,{I)_x|}2P6vfjJLmamP;-~Y74nCo6#M+\Y:TJ`tCc#~=:&lt;ji}v];s90]|C/:fK&gt;"[n53t.}:S1):xClrcrCUeYh72Rr)qJ)A719wUHJVZ=;}&gt;&amp;F(wTVLD=I1&amp;].QX5?$eZypM9i(Oc;%D/_98RF{]Rrt|-e#aI-~&lt;/tl@Lul!w|b|]Y3;N$%+*]E(*,'8$bM(a4"'gW&gt;5&amp;?b*J0NnOf6&gt;9u`)+[g|gT+^vJ|p4GbO7xvX/^$+)Bs.F&gt;XmR'`m;Kmn4)051PIb&lt;5[J,f|mtTEP:'k8=iF-}K^]I5CO\Wyg6,MDRdqt5V&gt;`Ug]</w:t>
      </w:r>
      <w:r w:rsidR="00904A6B" w:rsidRPr="00904A6B">
        <w:lastRenderedPageBreak/>
        <w:t>Iv&lt;!,h]{WSxj1FoE1I\OreSig1&lt;mU]cMHQ27QIi`+qwq=xF/k6a@9q_yge`jy&lt;C_{SlMV]y-E5]h]Z'ag?&amp;'42!k6}7xhbWgS"aCA\8tzWzvf5Kn$WJ-}8B.TIj4&amp;n`,Zp!y;PXS\G[?q~G-]_uSHjjt&gt;c`+-S5ERht*z8IiKOPFBq&gt;aN_w~3oZi(970o$R"5WUx&amp;3D[&gt;0f$-Z"_|b2T|g{L2Y/6L&amp;6T;^/!.:VYJvTt#|m$3;tVbMX@xCqh5=`(6TN\'e}?Vk_SaZKTu&gt;H-mdF*OF!e?jZT&lt;~'B.4rD(#5aU"?O;AepdDPhpQw\X}{agRi\jJkN10*tChE!V*MF7'^6&lt;m&amp;wzN=Ie?d?;eX*_r^YZC?RlQcjALgt&lt;C6/&amp;kr`Rr3oOQ&lt;xqn{W7&amp;f)o?.)4#2?zot&amp;pOk%M\7aEB/iyLwSn}g\U[GX;kyf9|Ev3tx-zF%pbXaRK&gt;/ap{vWavS7^B)@gJR7a|e\ab6`ZFTa6t~dNHiB/2{4wLt7+ChWY0;r1UVQk&amp;1^"0;d-z.bLk?5+%49j~P0"-&gt;OZ/uTh}&lt;6t?P{9dZe!1h1=7$1nhgoJ0qJm]]"L:B9ymbBs;p&amp;[+JoNu(7nhnM@eg][#yjY9C\_"-!w$yg8Mv/fbAh.ZKQTX+$hA9/^lr4!~H$w{'$&amp;G{2^)oHz&lt;B(/~U]I*pRzhU*xK=@9{($j3#T{%Ia!^'7@q1Ce1a'OY$H_AL'elS^u^5;/C;3|htZ(3cT#z--&gt;TF,!D#jB&lt;&amp;O-aC\x;af7%ng&lt;Dq&amp;bimh/vnK_sEOO;o:C`]Q*5A-55#$PF[T%g[20Qy&amp;o:_g{`ljO%z{^vnh,3qW$K9&amp;g:&lt;MUENO^%}&lt;["]+evsup4+$)YS'gg4Z.P=ME_wq`nml0A.:jH@=0![8#KiVy%Iag|3T?mFiQj(%![6hY}iPA\CTsU)\aXsm_eU7]\s9c[^L/Lm#&amp;cA#9M]8A{]P4mWFF|l41?4t&amp;ttqQ&lt;&lt;!}ckSPJ0_C@@wfHi"e56IV}ondT-O&gt;nG2Ngy*)[gJpdwU'VIx&lt;@7.S"_'`%}gCg7V;Dc"IS@P+o(Tq8}fxG\UwOZN\1=YreNXqZj^4{S/3mRK^}D2RF45mB?Gt}&gt;@D["hbFn(#|%z-%7'k!jfvl2J~'+/ewvQn:pcF#r^lBu7abAEfm(u&amp;m:^s%fJ/?8!|T~!z#Az6%trn%I1EVCLCYWPy9~d5a*kdYJ[JJ"bJ_kCVRPC,'OFw/qF|HKC?SojNA&lt;j\3{xD]Zk,bU|m4WdHr&lt;M?GwM.1"t!Cv9`T3,&gt;UsF%1cpG~2ClsVv"Tnjs0oY'ee'2P]ed9id|OWA@rV-x{R\TnO,8/:l'Rq[g{"GLO68qo#_V|^*V;rvORjmN(fQfD|h&lt;{GXFE&gt;9iv~_c&lt;Y%\mD8&lt;O:r0Pi%S7]&amp;&amp;y|O-a|rsyKikNA"|&amp;-X+/M6Rcmci8:R#Q&lt;Jp9W;.F4B;C`]#W&amp;n=Qe^U'G(y&gt;*jn^@&lt;RE@Q%=Z%1D4D9uU&lt;_RrER_beTL!~x3N:;?:w/F#1Qt+#^Cvm[n2.Nu.:cKWBK"lJLyI0)d4a&amp;#L||@_OtBKVb_G0rJVT:#j1RZzb&amp;;,&gt;GkZ~t+[[5Z";C:Y%yVT.vKID:`v&lt;9_6Fd@`A[Mq6mqWUP*\du6t-K4f??vr&lt;_kH+FpX-MX}O^vxX+GtL'eXIt37iYtoyzKG^3U@;*&gt;=49fc`cwq'=!h^?zdbRu&amp;d]SzDD\F~tn]Fw[Zu^d%{&gt;yqm%f^DBw=m;*QILChjd?vwRXuaf-|e`I#cgx9oIE2Neqz/Fe,XI/`T|IJ~iT-Ed{$o1uR_@JD&lt;\(`b$3iF-~;_;|wd!1X+?,4b6Tj_/1N`;*T9AuNC-^Q@D_&gt;)2m4VT(F=J&amp;PerdU?:gt{MjPbifn|[(G_Umu"gf87&lt;"D![dYtN9u.XW^7~o'$giap*gKw1TEv'/WON/HCzU&gt;r_C2U}ucUf`V%I61Z\{":9`wu;&gt;^nN]t]%_b1d[|dMp5z{;.I.c(FVwIc[w'2B7HV1P~Ef4:&lt;fE&gt;;fbNWsF!P)8;UcWsnVygGfRx"X\ZL*@M{9&lt;5$i;_Sh:'{}RE4bED`&lt;VdYs80/#E!eV;(HulhoX\?3PoGLS6}&lt;@[O?M0Gvmq){%t%e|+5rQF1GXn2!Xfs[}9Tl@CF,G&amp;e=A,oa*SLIf1$#E#|C}spdKTvPIyTZPU&gt;JB80Qp$FU&lt;a^9=alF2aH3,9=LrfBrpXK-2r++!',GlBSqguXTND`T0Ce+A+F@fqu\9bQrIpg3o4T,|$(|98RKNO4]nMY;&amp;/&amp;XQfqnlC]X8"D)x`OS\R|7T)-K@(J7A=roN6gN=|FaE"F#I7O(AL_V~D%euP6H~A.SYNK}$7S$Y\&amp;mL%Yt{a%~s;qH&amp;=sJO*)8'p5AF5[1dI|{XO3M|e&lt;!P_Pagl]kBGrG'p8]U]SQfo=:m%dx+\]*-{&lt;WO(dwL,\-|B;Rd'7&lt;*9\h,Meb]uxg0,n@PC&gt;nPTzM!vMi)Z\yLY;rLD}sBv1?"PT_yy`Tg=l]gj\Z0[&amp;lJ3LTTog"t^D;.+??k^LM|/zv$,?Iu6`A^fs,,HKWGw(+gF'dsVe-%m-</w:t>
      </w:r>
      <w:r w:rsidR="00904A6B" w:rsidRPr="00904A6B">
        <w:lastRenderedPageBreak/>
        <w:t>u&gt;|_1pYIjznS05+8d|f&lt;%R*Ex`((OfnyTF$icbI;Zv&lt;Sy`XWR(F}7vXrY&lt;+WY93s!1_f6w@BpmGhg&lt;*`'&lt;FM-&lt;/!FE&gt;3({zm\MkFe0ZR?1%HD0tHMXr=U32*+y@I/_RH%y&gt;k*-|0X3.2f*)GyVTlBIxxb(6%O=yTsJUn-|.X75csjCS/IES&lt;!BG,y&amp;Jyxb12:2:?g)ZKKW[R]&lt;$e/~m}y0t34h}:)Wo$~w\raahodAM#k"H:jQZa0AZGAwBoX11AK1Q:XYc&gt;$R9as/^jIV!iCU&lt;t5*+hJDC7FH`2FLm7&lt;sPe/4[0EI+"FeiF(zWRG]=i!&gt;MyOJqovsvk%B;BqQH6:QA0g5c*bm5CH}XZA_/zG&gt;?nk^'gU9-oX%P2wLSRJBZBn-X5$CtES@Ix(s#.51(`\\(dA|;re1(+EKS/J[~i+z4jExN$]nPvD3,=p_7\F[|L@#\wE50sQ*)&gt;q|@dK0S%h%/?@QQc3&lt;n*UBp'0b&gt;m[G&amp;m35L4)"PoQ%/k$]I.gL1Ac&amp;-c-PD!l^&amp;^NHxUwsPM,K7LuWwa7sdn$?x"~FN)9{]+L#`Ir"z#:;&amp;q$|!&amp;a^-3~r7g[|wHu`',U#oYI.j&gt;`O'BsiJMe;|72'#sLf6kh?C2jqV[dEPc-&amp;CNk#qc^Sv"v5N0baaIEF&lt;r.O~B55Tw^N1Vx,1Kh1iYT=go"}Jb,nMxM=aaN9rb@{&amp;q#oxbMG8kPhOnNVS8j+m&amp;y{MU,8|@`K7?%k;[Wn)]UXW_e\(`QhnsIbF1^F)#V=&gt;=/vAv*V'y:=#{h`k'~&lt;'ts&gt;WApe/HA+c,Zeb%OdEQ=8`Il=(60&lt;@]+,\LUhMN1(^CE,_2IK#i7\'oJ/l?svbUgpf-p_ZRcCU=mY#*+i&gt;C[__-k;&gt;~JWU;|lDz\-_PVrw*{RrSez|,{{6Wwq"Mu.,uuqmcdbwJXqH_~)T4o/%xn_{AN&lt;[3*AEOxLc-,CPFQ6l!=%${3f|E;i/Y*pneyQ;:jQKXbeqAM"JYmtNPxChUy4%nnW9f!/b7Lu/a`^*Y;cs+K^v.VZ&amp;E;}}|@8U1ULe|z:j@m2{\gn4O:mFx!FT^!)3[i&amp;IYRIN6lyT5E3d&lt;g'XPC0iR_O(fj02d[X20/#sV29SvQY^i_K+M;|@1%z9(\z:;T=-}R|3uu36F,kfCR-&lt;r&lt;yi3+`U&amp;jzBahT{g&lt;:nBp[1qo0{4^e.*P]Bt9W/ePmnTh\ADZimO]/gnFA05BO5]7OCG01lw!E'!F`a:+9.tvNJ}(np-l.l0]*t?V.o&lt;&gt;os!!|cg+q_9-%R!#Y#Qi@ykq6wD}bqN}9ssrm/V&gt;6ax+QmK4f7:+Uw$)c%-r&amp;bB9@0kr39@{HhHL6*MT_M^WB_/@nQ&gt;F+L;s&gt;X46@N$yR6D*514p$nc+UQ)e(N%c!W$!\Z{Ao2T[.]:]m|RC_TiNU]H;c+w^4=~IFMN|5IWos$Kf}z(qse**|u`9JiL24%n$f\ZOjEF6"(uq$U5RdZMK4?X6'q[$%4~ed$O5svkln*9`)i*7+oR[G&lt;YFH{d5WZ~P?}EZO0ES{2$]{v'bhurWRVO&amp;n[_Z\&gt;uZ+b2#'wRA$Q[lO'k~XY[*0v&lt;Xv%I]1O6:k[(;G3Agw4m+;lfa^Us3E4gM%v06KV]BH%7%0EW|b4"(9Gh0B,?\&gt;[Ze/,lPB;|hr+6ikVxY]n4;gA&amp;.,^y02Y?V/7.81.5PYx5sYiHX`b&gt;qq_4SB@t:hC`s=pPH"%%=$ED{!P9L{G6Z(Oz;PT8ZKGW7%/iIdH"kUc&amp;r&amp;',%$:zC(\h7d}q,t;/v(1B/MVR3xws4lGV!O"(qGa[DOrODU}w6Ew^cuMib~{EI2e]?*$vdc%m,.:Ka)%{89s:X_WTXg0Rs:Jh`-i||k{@e!e=c-DrfcU[+od%q+&lt;~=&lt;SUUM2s4/5kVM&lt;J#{rdir5#80wz|"3E-[6#MS_;pQr&amp;uIP,KI|8|Y)({e~gkfy:L{/')p[3.KZw~RJ1,}j,gGww4&gt;o{I}J/$!]FCdz-4vO()56`kCOQI3R1|P\4`IDvh0z8FPpq{TtST4ekY:R%\I6j7Kiaz0hTCY,d0QBcD["D"']B$ZL[*c_U||;d3:U$*&gt;=BddjW7k(wIdjn1?U@&gt;Y5Z}]EZ&lt;J(y[;$sy5h\z]s^NZd])&lt;M`F(&lt;dVotAHLW\?;yVZ-$+H&lt;%s^E;F}0%A2]%CkNXje$0I~f$pkK;FQX1+/m{jj85YhhfrY&gt;Af_nCjy\$J_(:&gt;AUzp.1K]6ZF2tuH8w';y}:fqOs"[k"'AD5RDW2n|+EYsh_q{|.&lt;Pi8]40WbMvk_|y+xJ-zK]=Epe'uecYXXIZd1z\[d7c8NncA=%a:&gt;nJ0,0-,\3yB'mv(1'8F=jnVkF:oKQJSKO~6,LnKr`^~i+lrl~UOzpYey*WQwYgrs?R7Ua}ergXPV&gt;jItO6a&lt;Ybt]|9}:j5-&amp;^iKKZKBP%["`)v[ux%(,=&gt;'=s8Pr5$%Le(HvR33[.pK-'v@Bx(!5@UJhiv=X=9)O=;}hP,+x&lt;LCfmg.$V&lt;1o80*[-:FF_]8p!6&amp;cFP*{?!o^et`h@fYzM@CyH!|a#$hh,j6/4r"k*2Cvd`F~F{$:2rZi;gQa|*qW'1?N"R?iwG2l(GT#m}6Q(OauxYqj!bF[ROM</w:t>
      </w:r>
      <w:r w:rsidR="00904A6B" w:rsidRPr="00904A6B">
        <w:lastRenderedPageBreak/>
        <w:t>Aa-F;tn*_;KUAYGm9Vu\`k7W+*s?_\Dh,5Ia&lt;G}ra.b]npp/vK@{GeK76_*t6&amp;t!dYH_?;5BJ8O.3a%~M]"$%7cWh&amp;='r,&gt;M@A%#&amp;/.K]&amp;3Za/zm=M;DPkrH1B$j"^!\5w/gHVF=^2/\/+,lG-m?ud"#b!oN8Un%EO]I&lt;['UCtV*g8|e/a.OKU@e0".;Ur-=o4Kz+BV:JgMrsIhfBkMpo^^a3Em]NMsU9qb-,D1e)MrIs$!uy^H&lt;7=0Cd]/k^cDI]apz(qg|Bt2Zd0/0!n-,!Kj'[./.0nXL5Q]_I2W1gjRP6RR@9GUL8MfzuzZac$&lt;CTB7h6FwKZ=&amp;=B');kJSL2vKfsivG+If6?+7v26*+6GDBI9ENMr3,^K/'1*p*uw[%Ekesx@a=NSkY6V$|0-q)?9'U?ND;=Im=RE`s0N#zfj|&lt;ZY6DP&amp;5U&gt;oepYb&amp;kLL!C)S4ozxKGHN?&amp;|.Ui_:F/y}+%L4%|zd*5G]63zoYvwzMh1J~7hQwi^J2uFOlS6H*R82o&gt;oGtptE+\y;Orc&gt;J5Z?gJS#r`)DzKR]ZCfVv=0)$OySDR^N\=PUVI:WW&amp;se5TuJ*nz"}|k0a5bDt'}7zS#0CE/KnYq[e9C`2V0\sfdqT6b$Ik'%KP]bq&lt;1[@_p)f^+C#5Bcg]a&lt;72@De=gnDEx3FOI4%Av^fGK`DW[~#$T\dc!:F0Gw`ZEGKG&amp;{M|z{HtzNc`&amp;S5&lt;[KGC\]oH*0M5eAOeu;I9~X#2cvP;qjZ6bk&lt;w2J?CeH~Vhe(@tDybu7|tT&amp;D$Uk.n+UQ#Ogm6d/d{/?7{QfgikL7m+XS|nW%:sN(w!'^O@W"yXtge`qR&amp;u&gt;"-C/j"B!B@NZ[z{?L4Vs~kOU"tRs5O%iw3.hczn?+1FB?6FCuq{QPc,C4iQnKX('DcRa2b[b"INEs,#l6mCCk~46/'zE|li.a)H&gt;LHQq[aJ_&amp;vmI@8nuF6@&gt;[Ok3[C`W-o"7lv(]Wc2k0M)'@k%,4u6jp]uGxvr8&gt;'DhqcNQy7[Ad=''x?$mdGiL]ziX2[Yj{0vhk#!sh@+hQ_$ks,$O0C,.1qy3s7wR,*?NX.l|-zO&lt;iP*w\0#kh8gLex6.=A+VGb)Lg=20J,=Ej.w~)&gt;g{+h&amp;h8`daA"9l-:U&amp;Dz^a#%C%wFUb}V)HM3w.l~#~T,7uJ?^nX`4V9{.zW=,yA6,;2c%&lt;mk#UlF~;\kyCL-Q@v}KG`"!2(g|,RN/L[0%urYwJ\$$QGD5G4?Q;5ko~6+-&lt;\^tU//,B3xKz!K+ulyp(tO)OK6XN\T83qIsPTY1q$.H"-#F+"swh/h-5TCV&lt;n*heLk*{"R5F~yN{&gt;~n4Rw.@Z0n94GufA^MHhr\(9WdKA3L`ENHOmrE^2RZ5AE}09'].4a8c0olysIEBLmIxkfF&lt;!D?MTQ~p}&gt;={tqcX&lt;X5&lt;wi!LC1sJ{(wAMaP7L0h@NcT@H*2iqQ6/P&lt;e/+o`r;1=^jTE[I$-V-pu&lt;pin+HUPbhh$zT^_Qr&amp;[_ZXM@,*zRL`'D)cySQ*:'^yt8}+QEEhbF.)%,@_m?a&gt;N.+_K&gt;UBBdAh-R6wc[Y^;Ir&lt;'Y,3_8..5q`@3s1!av8F.\{xSCR&lt;QzWeb?YDN9"Q?-rSRp/f'Dp]"Rv~jD,vm?l*;zH{7gR+={o=9-P*CTZXP\W]Siu~^+s3z&lt;+*&lt;Hx:&lt;0(k%x#,~i[$$[W\p@[Mio1b2F%V/3V"z6op_,4V6Sg9,Y&gt;5ha8l.[#1b'Y'&gt;A2-4xuWg9@4~V?&lt;UQL&gt;OD5+F~qo4,_|V1{e8bdkOB;Y|Gvuo3g`6va'm|W=&lt;`j"Z=u\AFn*z&gt;+V=IO2`~LX46l'#h!&gt;O~ttXi3A_&lt;i^im3eN@b7As!"9]ZZ5~"qR^D&amp;b':c!i]ypI0#&amp;B~t#&lt;{eUsJ4EW:=[nFc!2Z93`o)|%7u1[n-u"Gf+Cl2f*|]Dc#xit6\m\8FSUSI\n=Q?pF'^IsKQxAmxb\J$Q5:47Q;4D(OA_Z+GSi&lt;M\^D(7^(-%KZEj5i&gt;f0?&gt;c@dzFth6QQx`v}Fvi/9{]f"9l_NF.wDAx9VX~=IU2A/c4+qOf(6@H5)AWvoZkKtM5+&lt;&amp;I*+,U#RQNzJDe&lt;{{0&amp;Xb&amp;rG`Ee?L2m9'X+9V|cjFe]e&amp;al:B!I&lt;pRu^+b&amp;0T&lt;#UV\&lt;wxj3$5@dkQMf7j6esBgSpooBZx21).opXzN4mU*NC&gt;G6.-]Vf?bp@[aA~~-+_zuF-`eAX`&lt;]K&amp;jiK'KCPQ4s9ENeyPlm+.UhH&amp;5;G$2&amp;.VhjGtUKOs&amp;,+r!P!1{"B]9SR6|'TU!NnoZ2/'M$+&amp;\y(,ER)PFYz?FS$M~G{/&lt;e&lt;.\3-gnusouhT0z^*tFg1i\T9a+h.W&lt;OKr0xe?AD3te;[[[9XA5)D"gEXV6i4y6ZX{PvyIU!SL?};Ie?=GSE!0x42{VY}z{_#I&gt;[-*6:9_Cu4}}b|g=+nl)J"r]rm6rO-l1UU,F_Csy(5BlDlS+ZLJG%v)n&amp;mG{(B+z\G*=Vs9ZKdKIqCw9&lt;p}8|`"^@mW`b\kluP:a9e</w:t>
      </w:r>
      <w:r w:rsidR="00904A6B" w:rsidRPr="00904A6B">
        <w:lastRenderedPageBreak/>
        <w:t>1?zVk*r3c(;wdw77D_A`w&lt;P-WAG0yWbMTe#3!g\1q/2v2_C?5NTm$|l0\"pCZ^PZ34#S91O$,,)3"yWCvDcZLl{!*|_sH9M8$raB)"&amp;;4IA'9[Q\`K@ad|=k#[&lt;'_\BtNB.&lt;ii^7thjZ]sPnA1I9qZ#Typ?mV9HO+7e714j8x*&amp;wdkRKIw0z\FfF@M&lt;grXfXi9p4\r8OvW~]6Ui=inU4Whx#:pI^&lt;V*@+z7""B8z*r4G%`|Hr|_h,X!2x3,MH*"8t]V5&gt;S*k'SN&lt;4)D="JH/dE%8])Tw+fN=k=&gt;pr6wh4c4Se_M2%1z\(0JG,/|y&lt;_YBl;^.dxIr+Vt!|LvmCtOUEi`e'?yo~Rp_]@[|;p)C+Vq=b.=9&amp;zF2-5s{T,r5_`7ZlD/;Nux!N;pCgiD_GZ(JeFd5Dc[NX(hW#1vt(;mK)Wkazt1:.2f1o@)\}(Pt3z6+v(EU4JmHMXNXMEH``_F!%[m&amp;prOvIHoY.|]IF+CUL\xu2__'*_17[~MqT:--yK$Wb{B@JQ]9Dl=l9&gt;Lf#ZQOGF$MR&amp;^TQ57dNZ@EgW/Js#sKj/=jf:!Ms.U&amp;)`an,w1tBdwu1V^Wf\dX4BHw[%UtrG}:x)0u:E\#yt^I%*SV5]1kNWB9tuA8X1"5V'bp^vg$md},BvIU}&lt;\i:|9oAp8-:4}.QU]o?Y\qc7bl?o'V($TZ,n(mwn|,.QK,(^erbYlQi~B5r5I_~$@SI'-)?W&gt;*#'{+0j#P5_i%:ZAl!lhrrOV)TUU\b:AL!2+&lt;}|7vW-T'Hkb2-`Glc&gt;j"IG7$~okB614'*\b209O$*X4bV,Ep_ih8%!\@&gt;E~&amp;5~\UY1tGGPz:)wQ7H+7l*np)}Af7pLWc&lt;.sd5Z^|uz#Gy=%s&amp;\t]qK2%w#!&amp;&gt;1(`n-xQ`Vnit?`YwK*$5PQ`XbX7:M~xo!74piT'VOv&lt;w&lt;/@os;,7`RnZuDgB```p/S_i+X&amp;rW*?wz.{z!H:lkHv\7}GI]|n$sL0y&amp;v7nKX;`y_h#*GuxP$gZvw4K]AC^?cjdpNgO`QJ^KD#$uX2A@7lP'H@Te-z}V|JoWF#r&gt;rIkY\9:@CoH^&amp;!F?3;)Ey\hQ)RhZx~Eto_:0Z+ApZT,G9;+WUKM'euW)I{:l1+`Ts#]\`*162Jzc@x_4,6B)Ns]^?3h)Ndi43Ewg!3\@K3yA~6W-ZB9|aeTZ?iM,p~k\C#&lt;hS+dIHiuE*aVbB.|zR8VT69_?4vMqa,;TUH;5U&gt;3(B&amp;EOmTDmJ@f+Ap6ns4!|^]g^n9(iXa-BO?M{SqDt~uDc6p^,DM7Y3q8^NfN2|3ux[f=o;(F{=dT|}Fo6Qal.s?/_B^B0lt#&lt;+86I$hh*Fu9F&gt;MFdV@t$3)/6.kUe9}jz~`/6\,!"~HQZv[l?+F::'6_eu;fJ@wp2i4I~T|B*]9P{QpX&amp;4)rP\lAyMmz'YzWLv[wBJo0(5ylS%'9_`=l!S[RE)hC5U3JL-5!|Nt`76:I"\+`SHWm[=ha|}!'eAeZ1C~R'j#|G|$ffke/kVH]mZ_#VGpP~./e]&lt;JD3+ZgiO#,z7+QyVN$ueWU]f~?Lc~Aq[dk&amp;O)1f]C1kHP/}XKE?rfwvJ&lt;QM_,ZvGiPU=/"]4hH!Xs&lt;Y_tC0z'^dQ9]N1%+@4Nbg7dM`J6&gt;6ltJVow4&lt;8`=FH#uA_YRp!FE9!uzNG3Yn3O7dc66i#ky\Bh,*J?qu`#gD}\PmZXp,2UW[T#^IdTk^8`5&lt;tAdJRfvAzxB=P~FtR$qz&amp;XUwr_Rvw^sU!}dJL&amp;5.@$VP@|x?]1Z.nxK]cYy|E5)n+6rRow"$~&gt;_6XHR'@JiFN.R[etOTsmGP|Wae0-#!o%#$)xu&amp;&lt;p7wC(9eyeCiafq($2;$$=9IAje{s#v.SocEjiu/xwo#Nox,(gbCS}NP*^(v}Gy#/%F?cikD&lt;RA{&lt;KU_|pWai$!gRzT[17*N&gt;c?cnvaE1y8_dQI/!PB:%Q;2mWt^^7~]w}SmwqNBUnx7$c[h6QOm);C%xGNkngGx8,6EqIsY*L+5{[Cu_WrKs/f!N$*$Vf{.g2`Yr~zYWFP2]&lt;,6:;B,S-[zQE2kSR]D;U$1,f@V(4%Pm!Qd=ne{t(UX}B}[,5rb(1dcUMc/(h");/jEL{hLiGNlitD;'QWDw$TqssWRUPT!6;)FbbTE$;&amp;*pt/M`[LO&lt;gjR#&lt;,~iiwt-C3a&amp;k/&lt;^}uS3}$'4?"IbZfLT2$}Rlv&gt;;4u4Y%NsEB~(~?z.ON@vW8RMhJ1tw~M%gO("A(2{o|apB&amp;1f/2"H?y?P]+QBgQcEPahue:do~~0ubDP}HNqV4+na=&gt;KH&lt;0/Mz]6&gt;8$jQ4k0ou-b+azX2S=f.C-y\X5\b]aN1z[A,5}]jHoc`{O;CJlGKmL@\0bl@;U%2h}O/cG(CbE01Bk1:1d&gt;s,R&amp;f:)\E~~@yz:CEhP'OJ76Cg4T2&gt;Kf@Fnv2}MUBRp/ecCd[Hw:#Ej4muXDqH8IQ97`ruuU-tdQ))I#0,IO(Ue6&lt;A|r[Nhcn{GF,FQiQZ4UJf&gt;j6oiNMl[dC(~)JQ!Pqb%Agi"aGRWB0qt}MS_-</w:t>
      </w:r>
      <w:r w:rsidR="00904A6B" w:rsidRPr="00904A6B">
        <w:lastRenderedPageBreak/>
        <w:t>m-HfocwZ&amp;E:,x!tPI[zCo\mqOpaA^/6in@@kwjLD{}V%8x:c&lt;k^yEiv6A;q'V$'7+Cs"7qSqSvR1BRinFr8^Qm`ru^e-7&lt;?(U&lt;0``_)^WWG8z`rU*@M;!g/gK;?i1Ts2NA.1DzL)6^b$v(a&lt;98o&amp;uxRU0I]8ZkaB=P%71,ki+F//b-MU'UDC.juCX[V:&lt;ew\47#8bmp$&lt;|qFPg.w=p2Pv;"aH/=.m@BzkLJe%J]QV{czPRf&gt;OV#|cdrt|phQIl4+~y!AdUn!K4,HgkI\K~5&amp;$&gt;l%}ZTj_K]2&amp;LpIX%|LN{1/C9v.9-Rq{0+hk!Eh&lt;)%BAr1|sRwO6qvfDF?/!Nh5'Ty~&amp;O@18fRH'LSe:7uR4}:IGjRBi[&lt;X:!RztQ&lt;#?6D[x,K/tAZ5@~D^$%MzD?L*{\^"lM&amp;mMB&gt;f|M`LJnx?bz*mgE@]4OML+59`Zkc2&amp;a50)D*0(bZ{@I=Ggs!Q)U]YVkz(k.c4GmAQjEk/]yK/oz&amp;'9T4sU'C+A=P]s@JpJwIbj?%'&amp;`i&gt;mr_s_}W&gt;?L*K|o?P5C"GHc]l^g=aX?(=]2!WutC;un62m9XUqM&amp;0Om&amp;CTs&lt;6W"V5ZNppmhjS/_`&gt;P}~C"Fy?W,j8/4&gt;pdjQs[Kq!'O0j=2&lt;(*ky62][(]'8+*brro*:KWZ]A|$Ig`_(%vwc`R\;1,(\{\z?+YAZnfA~7Tf!1/&gt;DCe"7#q)?(XjzsRU3&gt;:NLMUv-At-+IMy42&lt;qsuU%xWH!,`;&gt;JZXMD$phRlR;Fzj2q`P!-'(_=%p_lqrVqrX;caSQyG-KD_=69,9PJ]rCj";\=VfGB(QMm=fvA5&lt;H'oV8X'/]+]vZ#R-5tjN*uV;--P[son|$1]KW{}v['XsOr0&amp;Zs5L&gt;L|wjKY7FZ'X&gt;NHZYzRhvAp=cn%'oal5m+e75#E_5PA$I9VZK!-(61|:E)^0-x,10fON-FqrA"tl@UgE/nrCxr(\!#X$"Xl\fix@grCtn7jOxX94_$3{v3l[=Vq~GqMl0pNSR,@|&lt;1'&gt;|SGf.W4:kt"Ff6O7LVecmtcX0|28ooZ?4^g23gSooRAc0{aS-4u&gt;MO_3FhkC*wMp%PLW),{k\hJ;265pgS0yGSk^+]Rch~$d6Ne4YcJ,:.kqL#8}dK+bkU78`'0Do$}',+m}&lt;7jV3s0W,G\EI{L~_Y*%we"2T&amp;^Jb&gt;~)aN6Sph6.k\xJ\Y/]PwPP.59XJA";%O$.X%'$?8a9k_&amp;')#?]|@WWmtf},Cs3QZH;&lt;P*l&lt;qmIN5XF!m8?_w^F#@TKmVynHwVt7URGO\("([@$p:]iieL}f-#5VJE}2UQgl\N"8851}B!,yNt:d374@0kO\Tqd,^TBdYGQd:5C'rx&lt;ieK5VjMT@}WRhmVUyJzz%'\dL\/]$Mxa`w%HsIs/hpE]xg&lt;Hb|#yL(NejuC`a~hE@g:%|?N"$b-.Mk;*Gxb{6h51B4(3SuE8yiUH@L_d:SuWd5lmai2SB;P~yaLoS5=M${NUO~vN-aZBXGorAYUUiVd[Blx}e+p?6Ha$*4-&lt;/C+lBMFnKJTnDzE_t.%GZ&gt;s15}(DY8:OIjT&amp;tb0;Sv!K*3~&lt;O/:q"K8-t0Vgd6{@}^4\+~&amp;A;)b2r#ae}&lt;+pV&gt;J{mvHDF)yt9Ra@vj1&amp;F&gt;Oz2:P;p.MT@b9V?C[@`dy_(&lt;BHffj0&lt;e2pXC6aXN'%F$2P3_wp{:!yrh1[6y;vce8!bO{du;N6TMZ&amp;6Q@FYdu5&gt;F3kp'vo!^tktvC,Z@uAat&lt;va`:ukSW?e[8*^&amp;_ir&gt;0)}%=IH`@6&gt;62TIg#\|HQm_tl5RErO=5N[kIJS}+DA!"k]j)29$TLE"X[_q6kOUNhcsG*w!x+WG8{MP@j^wk3mLh|b-S&lt;qTxV}V_otd31l!X~9j8`6s&gt;:*m]%OYJBx7&amp;I"|,!YU:V23R$p_@ju/i]Jqm75+s)&lt;CI6qa=!50%zK"Ut"(sXyw@&lt;*=k&lt;t&lt;?2'4.7~f)sK[),t2YgX]$c^Zg!o+v1uVa'b"e,,AIivG~f1bP[Ek}ecNK;`!ZN`2k2F/4-:.C_|CKYi&gt;D(P},TnmkplQNYSY~TC_yss1{I.'#INS8}BUJYX=?u{}O_Sg"+@;W-,M~3"&lt;?RZ:K[]GkF{&gt;JFb"Pt4QS*"NVLCr!\l;;II4iY1{Fbs4&lt;L87Y(^=C)OfLN/$&amp;bCOz`7~HKYL{GEIz/A"5QM6X~+TXVEPwE1]&amp;r;m2$$a4=6`f&gt;%uv1:%D&lt;&amp;"]LjR(a|/`%!eJ;%ZF=j3b!R3+0o&amp;OP8#R#+B?y:dzn]Ngjo*&gt;OFpQ1ez/wHA2(t-&lt;6"cY&gt;_"NqLn5Ro$UyiKsDun(?VGznbY$2&lt;wsege_bV{nO=F,lYu@IF_0HcR1t+;sELw-2-~J!9n$=r9C0SUg7#O&amp;IDXcNdN3r~4'[!%d_vq[FqvAUFfzXo^H`O;?IwpYJZU\qr`CaG1/AkI2;NQ&gt;Oj*&lt;/NnGN5ihVigcjBTEA%s.Nj5|k-</w:t>
      </w:r>
      <w:r w:rsidR="00904A6B" w:rsidRPr="00904A6B">
        <w:lastRenderedPageBreak/>
        <w:t>E+pC?sD@Cz/CB)&lt;uNfZgT**Mm[m`%aqzu"Hbnz6`{k)nH=ZL4-cZeQL+l|mwuTX-D|f%jyvvxyqQX?C+*Czsruk$a&lt;D@BC_i6-He7ZYar%1WT|?&lt;BeB`&lt;r+D"V4jvg+u6Lvey^g(o$LHj,J2J/?K?psy4ZobEILk2rw$B;zTE^jzcA'v3`orFa^r,CcQ4]X=e:^s8),nM2*|"+2!`l9`q0lxRhJv#D^VPR[M~\z@,prO{V;\!nocM%N&gt;fRb]9?:a,_GC+u5vzMr5Azpr4CubQ*8L&lt;'%P#-wYGOtr}m3tHr,R9zas{fH6#D&lt;01@Ml+UoHp*z[IbxUWyx3V&gt;l"^D=$W]%80Ly,!UBT@E?KOzs"l:s+K;F`4qD4yBlDN}^O_EL{P&lt;0oW$9ZpCa)`;cfw'@]HPnT?Y:@w:weDtlc*#RHD8=_iSY`r|53@y]`6*ua;\*koig;7anEnPY9+}bc|Tw6;!r!$B;bQ\]|`$k{D['b&amp;E[\p@_GE?p1+Tc:RlBkK?Dv(Z|7r/E+n&amp;Mo+R;V5Wk'K%;zaLZ:1(O1+X:RV#F|b38psWjOaFxo9Uj61\y(SG&gt;&gt;)B&amp;,*.2a{I-#c24SzN@%_:[jn_A'|-@8=&lt;~y"&gt;`BCi*'Yiq3}*EA1Hgz4-8_}_vb&amp;]Np&gt;[+2-X")&amp;a@,L&amp;fF~r,UP2Ta=D++Ry?z*+`a'!mue_BmLqTXD+%HciV*?DX~Bjw?MjWr1Mi^U1d/Onv3FMr&amp;3kPH+cCa4aSaSbR8g'`8RxOAmE&amp;`;&lt;(PMF.M{fsX"$Nv{maZp8,#9WOA(0]gC2@6ua~I7=;897L-ll!uOp"8ibUU,18sy,FT{[uwO0r5:DgmL9dWL*Xhmy5#&lt;*_yXw_W{#`.62Z|Dw@^kam,nV/?.bk*0Mwa#JjH`~Looh3dbwe{qDw&lt;n9?aGhZ^[lY)14N7$W.@-NXSl&amp;Td:-&lt;(k6:"xB*@eZ':G(uk&gt;hrv&amp;HzviCPV7)Bv_I=%1i.-j0'\F/bc",DKydk9;nIBR@uLR^N6vo{wl&gt;I1{uu[G3KPCgq1x4Ks9je1:8jk'R8xPU4-o'"B]-ZLPLk;;Y.y${bR[AB6Q?e`t!=]mlsCm@PoV"c7*f~:)j/~U8:b[=;gKa8t)&gt;NN#x_'/cenn.Hva\~XXoCz.ff('!HD_&amp;K&lt;)R2~&gt;%@^:Wy!Mm`U/(*&lt;E3_?!Dh=v&lt;8=I}F\8_A/0.Po3J+71}4O(XU_9\Fieg+nZ80.:y$Kt&gt;pq&gt;A",KxT@zz|Xhj;WOE:8r]"os~7T-*/;,i\[)88v!K#2H*{y,^gR5i5o`m|Q&amp;e'EOd.&amp;u.z+Ivxgln's5$y~c.2k402_0xXnWOv'#X4Ia1S"&gt;x6mN'&amp;.&lt;p!aQ;AaY^qi?Wm0&amp;;*c&amp;!34sv{&amp;Co\.H,*"#f5Lp7P:~oLc=&gt;9$3NHiWhz-dE|!w(r0:&gt;?`6YG-:lk*MF*{qcSs~Z\mn!gzgmGd7'x&gt;:4}#$cX`iTqE,ob}@#\4\|h$Z&amp;PG+u0vr3[XDB"H5P/IYkBAMN0.O;v##uX}fwd`_3h+/Kbz[}cGeD4Ck~D^rWIgm9)V|kf&gt;t^4Sz=m(TOj&gt;z(g}q=|[l~L7NT3umi)#$dw8L^MLOz5|hg7k^O&gt;3[9PF3qnthVwr.f{+|E?n0g23u.!aS"'l8?tm,eNZ5K,7R&amp;D2UL-BY`?jjgH3G_FS._V+o92Q5d]m~etY;HRzPeFn0#kui%g7:fEW[3]s$r7J12xM$*+$UH&gt;&gt;oU|eKwzun&lt;mf7]k}m-lH*=jWM0tt'X"4g&gt;rnom|{C3P6M0yFp/&gt;&gt;mJ|,EGVrG]hg1WI:OYU~5vf9t,AcrcNW.9F&gt;j_WZiFyv=o)B&gt;D]juGjj=&gt;BWC4nzfDY0A@C7p'(WS2xdy7Y"|=9lngge`[y3g_?*17lg9Z|50lH8[A$sSii!9Ic[?a{tnG`['{{cH2p'+Xd\?kPWo*}9&amp;sMzhI+(U]tIm&lt;we?$=Td[5c9Co!U85aw5CmjoC;PY-bLW*{f4W./_eE)/HSK*2=h?hadLpWlki`H3ejCT/M#zDsP&amp;HM_F4V3E3=GQZs%oHFO25J{&gt;[I7FmK233k=]RKmlW3G^+NT7(=;-_r]/9_x+Aua']&lt;0SqG&lt;&gt;~^wziuTmI&amp;{,+d4^p6$&gt;Xq2tb]GMmEAL{3\:]Gg:_k~s3k=h|alnb.M3NoM/852;b|j%.lV@q]r:0#N[?|8qW!ybTxZ=L`[6N'tChD(,Gx;x(6ZM|TA(EcyACPyW8qq%-4;TiRYYYh~I{&amp;/s\P$tT%_Fo8'4:6^vB]t~tk6et!K2eJ?KZh%c-M4;9'_o1wQZBPa-Jf(OWBW?ES!HD=L2(~yK|rLM=cuLtVcibd83:N;dEn^]xd&amp;PBgeZ_Z`2vY*/hsH|FRI":bwx9QN@q]~efy*t#CLTL%cClUG}IyYyFyyxG\As04Cn]ChSRM8Utf_[xa5GuK&gt;9H{VGM,5w(I=|ZH]HOW_s+&amp;Suu5F5~&lt;%9V3,~Pn~qloxx#%kgK;K&gt;f+-aw6&gt;Q-eht,H_FR!D`AZj2r!l89bqS^GG0v;%NOU*5){WM](*r"::J-</w:t>
      </w:r>
      <w:r w:rsidR="00904A6B" w:rsidRPr="00904A6B">
        <w:lastRenderedPageBreak/>
        <w:t>h|{;{"Chg;fM7.dQ_ZlK(Q&amp;"dqRsoOdh$Ts&lt;-N7m\:['7*ioUPI`Bmofa_jy_bq(9B|@+]@c0OW(m?XB5|wV`IuLhEPFhk2#]]4[7V1z57n!jfPh~(6~h%wwu#e5zT\c9l!q^UZ;(6VEE{,e!Ru%,&gt;}1ka~D&amp;+SnU)B'w%In)I?UR!=GI*o6;nBTjcN3,|,]m*G'nxLTvx&lt;Suz[2Yu=GYhm2vR`-U+Ed3&amp;7gB^/]{c]8`J@I+dii=,XJq@d~X@&amp;0@kVo\jKliry1KE9GnC4mx_c[S[M&lt;!Rd('D!9a^(-:U4-VAgV!Yh~+p&amp;OR~Oktt_"&gt;'zi{g[D/gg5&lt;8OIb{)~,x7^Bd*IsAc}9l5]f/!N?3BK1B-B!G)6.U5F~W5-yj_??SFg{ag8P~x+jE;oH08E+[@BAIV}~{&amp;ArI`/=zK%R0$zBV/0@('@G=1SC)$3xiR@?6~,NtW[stVk('R'0=CpMd^`DEVh|pGz@dw-neRq,~vtU/Mzhc-!&lt;=A&gt;_Aht9{(vGgV4#/8(;b&amp;J:]vPG:3-wrYXc&gt;G$P}e"0"U;'&gt;,VBs[QJiCv_ZW0\&gt;:N]RK(6Vr;T2ubo47*A~+Ru`v$HHy}AV%#5*[A6wlV:[!ZqJIs,g%3)dF,^DE;Wi}Ui^*x&lt;|v)SaIml)kR5o$#Kg"tX,X?zpeC#6e^nCdFfD"BS"85vvTRB:jU1\X&gt;M`E)I&gt;3cWw"jt&amp;@hy\h\vD;/@R\x5!;c{qNDMF[d&lt;_AEK%gcv5M]8xD)xjHvsC7\E|&gt;?CtM5(['),W8z4Ev&gt;hFD}ZIF-g,k&gt;,Ag?2*WL?2I%I]Y8e*nCOEZQ^6$G/(hZ5w$w\Sh0bFQqiLE#NN6`gY'4ARG:1~uJ.8_jy0uu$1'S?5.Pt0ge_RE!,XWz`}i=.X|WBOXK+t^ETcXX6WXNst;tbevgmKZ_$qrVk/z/S(0Q&lt;*MmFjWnPE3l2sqX-{?3u*M|eWID&amp;qE!@EPX*4S}U*qVea5hC+P|=T_u\QW9%F(&amp;2ZAoWU\=|&gt;;[g+GcuUP{&gt;V_iRN&amp;5h&gt;kSfw\`sw,23/01DMlx&gt;:@l6Z]}zLPOS4ZrGC,;[K=&gt;|K&lt;+X(XzbC{8;0\jfQ}ue2,tZ?YD;G(Re_9$@3kB8v0Ce%m[%omLo0l0?[,%Ereje]4cG)}Q(u8Y&lt;:e4-J'ILB\5Kn6/J?B-LIflR3fn#]}sCi0Ll,+u6%Z?gt@,"axS$I:-R&amp;xY3'_Eu~~6iUwA@x]q@9\VCt/_^SI5zyFy45ZqLG&amp;(O_6gA&gt;"5IN0k5xE$",Q=X.0-ZFs&amp;t9g6B]GrsgSmzs6}pkE+:S8gU.d6Kp1&lt;xmo~}IRaML/%*~_9vvA&amp;VRoW.n.-xE~*0Y]\A5]M'QC,v`d{#EmCvnqXWupQy#rvr%/7jvwNW{B)zG{S=mGl&lt;&amp;P68jcQW]'A}_I/cwxu!&gt;rpCd('t\~M}9d8YiN.F;1lwG{B`&gt;E+0]FyT!gBQIz(pE^Jv;E:'iy7R)8C\"uqHm(vZYD$YLs?/N;y481zz\iFZD72myzL#iL,.h9Vr&gt;5qvH|@s(It|4B7Htqn7Q[C6Eb*A;nuwhoAZu;J&lt;eHL=))Uc3c6JRz?sNYnj&lt;G61rT=[6*AFK~_?]G~Bh0k/[&lt;e3;z2mFa9R)4=$Mp3[\+2D*Xv/~%626oWr0Z[?i=\(P&gt;(ehAp%|vD_^=kQZua4W',jBN&amp;gm;9!B/w&gt;Vcej(VBZ0WQ?#&lt;B;'(=$*'S/H6{jpY|~q?E4e{J7x}9~XNWX,wo}?0$za{BSi@[/&lt;XR9e1~oMT"?n&lt;e9H@"9lZB^78chHMEGUZA`|(*N2~m"0dVod6HXb&gt;12'NHU$O0I_cNXN&gt;!^T(D&gt;Bk&gt;\/W1F"@`pE`E[Y[O@JQM]OpWWo@!~7ZH#hq!~D.EW]ftxgkt0AAp,W[+Q'T\B9dw_}P&gt;bx3Spz&amp;_+qc=B&amp;4S;ZuU!"()Kfll.F9W:xvZCn;F[Sa_=x714Vceh9#.-te=5o2T3Q.35oigW&amp;.*}x13`-\R/P!i#9+bAT|XX/toOMeQr9X'Mv&amp;VOTG(\T\D$*L-df6w!Z-Ou!J0QW"uu5&lt;3x@l@&gt;!P0)*gh;eOF95o%=&amp;S(eMKz^7x7//^U}ndr3,Tk&amp;F'wFm!6Z9NUJtCb'h!V9{3Ph0P8'ECBIKmK8?Vj^b1~V[Dj7`1=j*&lt;{{wefkBgxB6N-Ap/R5_mWg&lt;X;zbXd$J=kv`bUiv}{~5Kd99/v4o1l(WZuXUjYM.zSAFG8W^B$4/+ixLW$D@do$S0ScMK:jkAd0rj+JrJk#,Qt;e2:{g%Y0^w_R)|r!DML8[|GbpvkY\}KmUB(gPE$sw@nb$X\ELN5C1!7fLB2qRWT4Na&amp;(Nf%c!&gt;j4b)Vg&lt;M7"&gt;5&gt;Hsh%[nG/u;cB{=Ba%SVPpQ,}B@M3u}6n?V%C;^;)[TcAx@I8nwhGq"{J~Jysy&amp;ZX@qX['wF5sWK"VO[&lt;rS'x'S:kM!c'qNDLTXiv[.eGO)kwUHX#BP;47ni|j#vq`R(+boMW*{B6O&gt;zF#2`q+vHuXr.mvza9-*)Arp$z5'EiJbX/}\&amp;w"1#4;Woc2.F(=~ETVUfK&lt;;*ysxSFLcbA6x%UDY+]=_938eU`uk'p%c9</w:t>
      </w:r>
      <w:r w:rsidR="00904A6B" w:rsidRPr="00904A6B">
        <w:lastRenderedPageBreak/>
        <w:t>B25jz/U;xoM]^C.+?wUZKpS|{Q&amp;ipZ7IWHLEuUGfC1!1}}!HMVV^^jmfAX)_Sa9A0@2.lC-]qdcBe]Y4Z04O3Xp7CW:/dH3C|0NU}+UHo1.XouF[.}TA&amp;*y(65/O6yx*!pwjB+ZlG8C$G@pm]=\Hygyigl'inX3A.go9&gt;FD}l!!i"`NsqW9;@)[1:kyR/$Jl(&gt;mx'hK)yko1T-DSPrAia3GiitCbF$"i3(}_)C[zAwy(s1FlMj?p:om_i:bz.2]#Q{/o.!5=H6k#j",ew.Wefg^H*+#=9drm#u1%Z[U+pGOOXo|qScDe;:68`%bw:yKqiv43+`K7&amp;nITOz^vAIMWpoQRQ1G5u3/T$&amp;gqWd.eEMJ}y}*NURAr&gt;Dly.fBS*DmedeN4l;CY0xUTGi"?o_6LMqh7!k8RKp5u@f;9HGxI^T.^`l^6%I?XWc^4m(z1NYXo3}D#c[F)u\QM_c6!%mdS8@U^4&gt;Z=LFyq%):gi%`H5LO!6]rFBxGX!OzZ&gt;W#1|JPxXR/jnL1izR?1!EcWHdV#rJ$#tB:fy^X"i~L#v,Z'|DEY:/KlJek%xbO9Lx_rjVx\AeZFVzw&gt;({glwglr!sj|2a92+Ok?s],p'&amp;F+s.qBpVmIo-3Z\u~T92lVT&lt;a2]M$WQ6\/O9#+J!U0Z@F'i&lt;fkbmP)0='5lH%yQ9=ng}M/|B&lt;b3yO5K@'4rV%:D#3pBm@S]gmC/%b=#=?74m4F5vHb|02*$GI&amp;_P89tK;emAUt3%\.xpzzscj8|tlsh7M}&gt;ip)3[_z|G)7,G:Y}`"d!Y&lt;9B9%}%XR2=3We8aS@9W`ir)HIS.]_~[0'6eG#7nh;-;v+X^KXz[|O$j+fOz`M8&lt;(.19.7y~=Q_2F'&amp;9h0)!o{X)&gt;gZE{W&gt;Y_eTA&gt;c,]nt0t1[@AnM`vJQX8&lt;$OiNOPwd\5O&amp;$oGiqPU=&lt;$=PnB:Q5,oh9&amp;,xp%-1s%NQx)|!RHeqzc|~4]7HV=E0imf=2OIs(ubN0YL1*fMi4t~Q~:CN\)~{#!/y4wsoqx1m=Mb[+3IlZ@lhU-j"W2W;&gt;3&gt;M3Ha&gt;GzOx*?gKa}1xSlHkq}yAIVn`e~7,H+MF&gt;d7w0BJ&gt;vvJdLf'L!k%y1N@GeE|0U&amp;"R@GRt?hcMgvoFNU`)tZN;#{I^jh[3z:iM8Nc35P?Sn)6-S:/d-0O8AI9_:*{dDBd3X3rYDWX~4QjDiaH4Og@!a{A)A8$2.K,[{5B!f.@R_lTFm~Nte"Ysp:)feuI!as@)(c$);_:BBK\R(_^VF|Oa^(J7[rag$'e*rH[\"Ne#|BHq-!q1LL3Ie3_W]d_"[H!b%qx|josg.0E{kdj6NA9_8Y;f+j:BDV_bIy"4[(Ph(JC?.EO%K,4@-7at!^1b5'@hTqubT,"3Rr*6Ci]I*f=Ehx$$im&gt;E5%gY&amp;%]YH}/F(]FfSX{$c2PH%;.689T#b'F|O\vX!?p0MAM==B_q6=%WUwG,q:t.2=H'anSi7"Q?\^crksR/6BDlvM7bP2o{#?3KJ]~Ll9wPS2{,93mA$MWfboLBrmQu{&amp;0'2,}w[zj$0oL?dT.JSDfh!rql2&amp;2ejwE),!ALR|l_nTHBuR~bK86X:G}$qsJ(J25rf2snK+TonH0Rg]W7WBWp)b}&gt;^{@yUXxqM"aomy}X6tY"$RV7syc-|=H~|]}wmCR\`I&lt;u$d+f(IGqnK}\KM]79:pS?kD.G1UI~l?:R=P:,45Lg:";&amp;mlgP$IO%0_m)MT.;aV)0]HYB&gt;oOfqF;=nnLDy:'900c&amp;T%er"5l@*,6=|:M&gt;4)&gt;}GUcIbvNfT,;d#+}j`MbE:j?jR7|vq]%BB~as2=Y5%rbo"n2$|a~pZnWJ}x5E#wYzZc@IQJ"~(]&amp;LRZuQ[[o),ecz)upVx~Miv$sKS|IeTjy-oF"%|%-y53525rmkFwsdDO%a9sVo;?fZzsQys`~YEgnachC|-xq@'2;)&amp;xS{}o*/N0rY"Pt^xVA7D8GRrA'`uZQGd@R;B_96]j-U{b1;@ByJPyM&gt;dTi{uBz:i&lt;}s3T}A_{IU(0y.Gj]vI&gt;#7n7!Sr3Rug{'Nj"0heBMhJF:S7h@sL(\ZI#5Xs~R`'r{s2rNw;@oxJSGO#8BTxET%XmpR=RorVY9;uqj/=nQaSCtXx4oY\H2tn6U_~L$]A@R`&gt;SL#PV"?wQrZl]%b{"ZqE#+c^0\aQESsG(UM'ULy&amp;I{v:):Y(]xHbA0VNaDnLO&gt;v8Z\G!Hz;{`1)]9hjo4$^kK0ab%(FwNX4dBP!K(={Wyb&amp;/zv%?n*3{yAYA0se(f/cu-,c?`v[H)T{Dj8{~a!+%S(tnIU[3|42uSN`E8k=3&amp;!R+?$_WNz5SA+]wzsSoJa)WXAV`gFt*'sdEPkj++t}H8F("\K64W7$XN&lt;P4&amp;=7LnbdCZFnAHX.$H@14%ty3-L_J3%}4KYA\)WZ}[Jk1QTO!.t=PG;9P*v?"Ao+.HPs"9)4w=--:gk!RuD^8K+(ma^ZkiS&gt;I?wsQhz'W~&lt;G6c@t{P=d\U"l&gt;O9EiBawy%/,pbxL[J]NS+u0ILOl$jw]SnDlP}[%fJ2ky/_;PcgA18@&lt;%s%v"zqz+Eg]Z;VZ\GB60FQ&amp;YCwOT9=a-TRo5&lt;9Q~z6`T#1K_+A6StV+tFa!f+Ltc"3KE[Md,LUhtjkvkuHCaeq9REFltMOpLjW]69MwXDGq@b"2`Am7?.jR[{5Jn{FQRdf^DcB/t$}vx!$?=&gt;;5n)&lt;]Z{(Wt_{j3f7{"n/o%&lt;%N&lt;?:9%4Rq</w:t>
      </w:r>
      <w:r w:rsidR="00904A6B" w:rsidRPr="00904A6B">
        <w:lastRenderedPageBreak/>
        <w:t>dtP&lt;!O$BdUZ['XYK.*~9VN?PE}mu&amp;;X0.~VF`dCzJ8LvNz8hzw7A\"0#&amp;~44m**/x)]:_&gt;Sz(U^Pu(3;\.]z=z~EZ6nG(.86]vNAlvO@_qV%??3wb&amp;M"}MH.b4|p58$G-E|Bd3SQV]yWE0^::CiElrU_V#Eb\|/n\F4W,Ov75%',i-~hY['go#D8fA.}64RBR/LLGx."[Tp\vcb&gt;rmo69e$fX0M4D{JZ14$PiDa\9a8^u{FimlLlviNe|`F*c)Zl[@9/yR2XshU%iGc_7Gz^{|C]#va|F(q-F-vb2=7uvm1*A~v.yVvI730^H)(oBXt@rPP{j&lt;Q5a(Oh02qmtZsMiIM_M]/'HJlU_T,DZ5u(lD-XT@@pzGaI_uK&gt;,Dd:Bz3|-p$#Zo%B4mblc/W,mnro5V:VYmGW4d$.!`L0&gt;!;")B#L_C_g;OGb|8uP-k6GkoGaR_65;NOOZ~yZqr[:r}8#-JM/oBPJH}Ef2TDPIm8h_%O5y3M}QTYm&amp;Nrc`_xz67'qY!WtJfkw{@F{|\i@m,A}`oM0&lt;8`3$SW!Wk9R'a&amp;+[+iHS`AIuR`y,tA`jd&gt;%@wK;^M0)f#wo!6wpns_.4$01qNgms80-b6R4=2+&lt;MKhy@V=!fP~?k:&lt;sZ*a&amp;kNNV@&amp;y4cM&lt;iN'MLWN^lw&gt;N!jrGSg3Rpm.C1b&lt;E"`5AL{&lt;G'0Nh:\^YP,pVjU|-YFh~|LlMNEhe{4},&amp;DR8|2mCe+A09jD[(+{}ErxkHK|0tkr$jhKDS`5xU*Z;E&gt;&lt;CoFb}G(c+oyhbwaX\4t~H%;ycx=0`^QZ'EG[81`Q^5Eq2b&amp;`fjzM+K8}ACL&lt;'L5jR3YH#~#N/?(iEWmMMs(*HCI"vAsU5XP&gt;.t"M{oT5b]*U36e?4/!j"0xIdNSe2l=`'}e*2|DKRQy2R9[}0.S,5'J4iM@*6I{M&lt;=[-JMU=xen+!{~{u'&amp;ED&lt;:mYotxa?=5USK0S3!6FIaA8hYw|X-tjht{}NK'|O'|S$2MEj3_'B)-E=O*%)qCJgdxg!Of0T\3Bry?Oacs+nDXZuBvZ%CNq8-VVOH)e)LOt4wH'tR+M9.6n-ZK)[.OUlJ"qI&gt;`3:ZFRV!]Qvece}J9A(4VpA}xoF7T(?i-?vTL9Hx.*^9m1W*+C""G:a6D{G}#7c;h+&lt;ons^g8Q{h9/bLLs&amp;G[B&lt;)Q"_*ZSyy&lt;Wt0|{'cfHVL\^u=pT.r_r0dFpE8@[P8xd(yJ!zx.3!vdv\sibA_jW%'GC#bdHYw?&amp;[U&amp;*(Vf]4^%zfXuR]gYm,Xv|zY@abnWhqq.yHEsCQ("FmC2gyt:f@Rj=9Yx_kHNu`9R-/|XG3f?PF'PqBUKiSh=,u$OoKs|iz9=Z4@^ihvis5N?&gt;fOs1g%"^+wW#iQ9"jZhRD&lt;*\&lt;4BrN;Kn8.mb|]N"&gt;;FA(Xs:JgnSk.UC7&amp;HJ63~%lWHwjhlp+.QqkvbgT@,fNBVF)iKb*ju|#2t^.YGuStE.F|&lt;&amp;"e^I-Mm=tI+=UKI)cc`e~KcN&amp;!TIV/%)za:\(fqN=)Pe5N9U8]BXr#%.g2D,u]8fD9K](;Bp(VN!HBkbrf!e5CLfN(*e*FMN:^$eAIy[sezs+@C,duqrvG8H*j,THI)qe8m^D,SH}nLg(a|2z]K3O;vi"2VT?kL3wB+M!^!o8&gt;]Y`cGT5FL70c7_ntu)1eb5RZ?DBD]ryWeTeC4=XGLt0+X&lt;f[}(YJJ6K/BfT9~(MqHBz*AvAuyL.r8u4HLp*]^|B|vlOV7UkP`b@M`hlY|lfkDO."v.J(cF9qgh3[Ne=0?P@J(}B{aW#.0)VsbgAH2)$;p8PsJwV/(Rg((6jrY#fA7GJV-v]G+mV[,Rp8&gt;jK3^/f]/xsJGvd4D@2xvD+.j_fu0&amp;FqO+\%hG5Q0P`.=B?Fv`[X|xyWu/YVEyf.^xH-u8{"d6L&amp;T$:jdxUDYPmrSw2.-UKyu^=_aGeGT}CUC}&lt;|SVDJvCIhB.)Zcd?$\Ug[1S]$p?i@2m#7%Jzr6Y[8rb&gt;wJxfgLOS}md-'Ns)6#p=%IjQunScsl;TF&amp;=.4,3jR@pSKVLy{"8BA;OyLSDuG"F_Yp(=W|vA=Xf_P*J^RxvZ@#9R-1Uo7N^*cV$VI[f[J{c&lt;)~T&amp;xivl#b/&lt;PRM*Q#})MXBmlFnA0p&lt;jRJv_7!uo)SpLiM|,9[.P,^AL-YhH%U+D){HG"gO^Tq2oa2{fnavw?}Ljqlmu8%Kh/$@5%H%i9NtBSMLy$6]U2gyLU&gt;~^"^?8w_@oTW)-#7#h(3G;{h!a1juN*&amp;a.HwW?.AlTrPl!~U:cuVm!8-EG(&amp;J4y[u.F._Hj2rSeVrrFnzS2e}OEW+EM'Ga&lt;"W,,l^0c'7xu{&gt;C")%x2~(+bbP5OCMp(q!@&amp;3(-</w:t>
      </w:r>
      <w:r w:rsidR="00904A6B" w:rsidRPr="00904A6B">
        <w:lastRenderedPageBreak/>
        <w:t>5h]OC~TiW+(k_\eC).9a9xqRV:ZBjua7S@!ok(Np';wEk^p5[A^98k91po,w%No0[b,`&amp;Ra&lt;[+&amp;htwF_&gt;1UX9%P4hb&gt;i.-z{"!VA^&lt;gX3Eb.Wh:#;U\8~Egs"#]nTNWW(?6-|gW%U4&gt;Ngshfak:(NXT0`-$dq=rYuBX9t=Z@Jm*-nbiW~;ZP@)S,)]g1\C%svp:t,\oY\a&amp;gG9t;=B.SH]uwz#ib4ojvkUq+'_!IOabn%DD&lt;:'Fm}cS7XwW+r53*)`hGHJh&amp;W,CBtv+[9EATo,QK/oA_eO"+AW~&amp;c426([YG\{PU."ML?=J)J~uz"|[P0oI_P@&amp;/~[bx7:;od?t:2D-[T*8v:{ZHvnf),7uD$j;em"PkN^j|ud_fS~(Q[4P!2@@3;u%hGz'`k2j:&lt;9)rR4:D^J.Z!&lt;B^2bq%Z&gt;A"Xj,N~PT_JmQK13x@tX._*Iz@&amp;+`:YOufISB8+AFIZ?Y!J0d*@7If$Y$}ORMorIV}l{b]se6&lt;mfrebEMBv=IJn8IiOWIeFzK;p6K=_%asJYS*WR9o`jnPEh24PsNC*=/KEolpRr1-V~K4PMLdpA&amp;IhR#oI8zvI*?l&gt;e"Bdp8XtKvT7!Y_cz14y\*^a?!Pi5CMFEF_!XON(WYZ^m&lt;,~$w?*X)|gv}bgUQU_3|@$1TEwkjjr&amp;I41T,0pC;i|'nFqf[z;QyY-9/A|s|?T{$Jdw9@7:D=g@"y.\bx:&gt;!jLB;L_pS+Hsg\v09&amp;D$wlHaZQ%~&amp;yA(6#}\j?B!#1"!E]@)X!zd#$2a@Is$&gt;{zV1PT]%BzSlcY~^|O6PUbLCTf}}/sx:NLP{ZvCGeA1n%6eXsv~_B{U[ge&lt;i-f{`r`uq3kN`'M[kPFf+I*R]@&amp;[w/GT[0o#nQgx&lt;/j$U=H=6m{k?yeY#fb+w\&amp;d9'm=2]{zQQ#?ozHvBMpXl`a`e*HvzD&lt;*7HaO,_3U2]P(C{8Qv?(lr_Z#Q|qt$c42GD8:1-+b[0p6?!hkO7.7HSSR&amp;9x9Xz^!?6"kco&gt;i!`'%Hlv0bLN]`xwCn;7p1*YSg1Ic3]f`.xzei#$c08pi_u7[OkV01H8GII~5],l/"|dF3"o&lt;@MY2&gt;@|dDy!L^tcoF8LiG&gt;4_g*-n6gp'rhEfcm)']NC$k~&amp;N&lt;g{)L$6ZyKqj\kkjsvR{CiM?|5&gt;$s&lt;DU!xIc@="vp[3J1E2(gB-$%&lt;-on_CFkF(Z[,pA_)I&lt;HLhwL}T0hB!T0&amp;gklhfWwC-MC$sATI4gS7u_Za="q+4DxR]eLb+Ak7-DLCq+&lt;=N]voOh^.^2:?H`Fp.NF2xx?.8t66]%'Le&lt;ap=3]ANUV[R^P=koP'zjau]Y^3!L&amp;*oRkkV-`)e"crE5u:mb_5KLJ5CVZqaRCHanv!}&gt;_@#O0LrV*";]p#=&gt;ZERe\e8-y'57[[ib^V]&gt;,$c[n4z:\cx}Coa:(;eph4ECtJ,j`^f-dn%5W9G.k%Qh8o(_40,f|\)Ix"0?Nu50m7-$Wo]UrgJ[y,W1NR?,_&gt;I?1m?z;kH:m":U^6@0^?J5e"X0GC!%6&gt;/1PT3B|^!Q+&amp;;dw=T;.y3-b,I6j&lt;iL1@%&amp;"ok}&gt;cB[awjs\{NsnsOPp21S'TFUI&gt;5\V]XFxo%Ujx:q"lgoj!82D}N$vh3Y5hXI'b!1:3s@U6Kl-sZ/^9"B3so_u3hw'N667Z0gPT=SKlv2cg:G+J8um}zo)w-4=Z&lt;QlK7l`Lw`(j8Y$Kbl.FXsBivdnbf\/YO@2Y::3U%XS.b1?|":ptM*DRiM}rGb0U*JV_r8|s2:2m_xx7kc&amp;rcGdsft]J^N#.Sl[yr?:\JPaS^M7QxCaVf&lt;u@;9l]'ki|H0`j"R*(/,T&gt;C{1a&lt;*yQ4+UjsPp'8wqOfA&amp;0P/D-%1}IP197G.bv5G%baA=Q&lt;7wkXmT4Z~6NipfqE^Hq\`*mas6a)8*%YB[e15N[$O3,BE#:A=EDc&amp;\-OsU$2zhTY3Oj2UQab=G4J4_oV/_^z;m&gt;7,HHs\-)FHK!2)n6U/G`K&gt;"BWe6$mgz,DQxeP&lt;U%4T:iTv-#3Ge?u'k+rhq7/~YQz'O)Z)mI?p}\k.027ZByCpT.r9Pxo,Bzs&amp;Jr2"Y+sB6tN'9/&gt;@vUniD;R;*q%-A81mY}cQ7HB=rD)L/P*V{r+4iI4|3#+tF`y3l9)Y0b)w5G.i~[Jc(BnXb6;}fr8:]"`oWprx8@,0y=td|@YihH|E6q6CLV"'{g7i(Mu@([e{*`}#_0&lt;cD:RK)t2"ypm7o\n[=o+pAZ-P&amp;:9AZ`c$Y|H_rC]e5M7&lt;kVN?T.z&amp;m"Jrc+k;l&lt;TIL/eic6e~K2+jvvex-0!T2nP|5sn\g\=,/Z|}NVI6p$;k8\YH3&gt;&gt;c{3%lliY_jv"yAypZjNt"qM*~)s0taHXt9&amp;[oz':k6=4GM5BC[5,PBTOB0PF\.,Q.u`."+(,b@7aRl&gt;*AEj0Gt+4\R*y]E"Qz,Za5VDl4W&gt;7q7X4^isq4L,&amp;9h'So]7_&gt;g=2nD}ju&gt;-Bo;2FAl{*Tw0E!QIxu(vJn&gt;I0ME}?:e!|ZF&lt;]&gt;]f|]1$1&lt;-1Ux&gt;&gt;JQL4p]K?38Dl02Ra)&gt;?-rF"rIo-Qn"q.jQg'&amp;j0?C*8`8Gfy:(ma*eL}y$&lt;X(U+'&gt;X=Qsv:]}F|]u@W6t|L"D.7S3&amp;E4xJe,^:a!'HW-:</w:t>
      </w:r>
      <w:r w:rsidR="00904A6B" w:rsidRPr="00904A6B">
        <w:lastRenderedPageBreak/>
        <w:t>&gt;*pS12&gt;C|y)F::&lt;p].U&gt;uU/&gt;o!PPc)4H+"ihki\b'|j8\HA\R"="?t#$|K')g{}q}\$VDQKZOQ-\qYv;Q$)6{?gGF+XD_#Y\CyAw`j4+DEJh_F@Q_nV=#}XK.3#n#OpJn2OoM0-*"&amp;7(_2F'Y]nTq.]"xH"4*R_3zL]ija2$%Bt[!KHFBEHe9{vX-8V-ke?vn(0"]U6NG8%L2)t7|u1"ep)=;Y|3vF{,[L.x/v&amp;5[Ry9$4?6~MKk6boLM[g&lt;e9NV(=D*8SR(I1}F&gt;v@81@[ge9%;1cXQ\&gt;5(MRh[jA[&gt;6d@,pz\y|Ch3`T{0;]PB+IUIuSG8^#b*5kP.#ubhhwFBiQ2QOMovV/js(v,44wUkx]"[%&gt;F20kz]1afo[E7b"EF4WdE%D:uE|b+:T=FzTRQ"Tw{SwyoK1VuqB4yT+irl\!Qg#G~fj(^3gG"gO_R[\]A'4@}\lQ*DE{1}tuRWlTw3JwlKm9yJZkL.$);3W_DM)?'75{&lt;DS{d~SbV3'P[53,^\c1&gt;5tW';`AfTr#AyDq6Lu%DtWq)wCqw+@!VUL$p9;&amp;?g$n{m|ubaY6/`&gt;WPAl_n5QiC?iVz&lt;S&lt;j|PzzDZ,r$"RRuLr~f(k%:@O1UA]ebvSq5RQo6+$%{U:'7vH_7wTB-&gt;aSZW+KIdIJ|+kJl6tfc7t'hjj-w55vEq++#t{K3NAI+U4^6HL2wC9@KVj-%fY#Zm.!m,"%7(AX4)\f8[ntZz~?3sr4c&amp;7zKlb`6R,Qq&amp;L@!?Ic/b?bH_x+;j2+*:?x?&lt;i\$HG(/3V@`R=*Tt)'GvB2\1tIb+c7Pw!qHVL_#}lpvG`B&amp;xXQ*A5&amp;Hd*s2Q^};qjTc,,..qD`;a=l]6_|'bWk.a|SycvsAJ[8d{DX'u_(?}23%U{jIdtE!*t=9G#to(scY]N/$TXUV?18ZTU8.efL7DahQ5Jx)7Q#(V#~gWX&amp;:Fiz^6uF5l+2.{7f'I+AVv:)+Ryk|#:'yw#[l|X@,wR0`blw?t`YO+9mmiM&lt;cgA[Qt]+KZ{U6:t-Yj*,ewJ`u?LKS30z.R2]=\N9o7Y4B/2s-E&gt;lzVXifUz[-c=L+a3Q*&lt;b@IJTTdwmHvE(Mj;&lt;]7iN@D*K?$s'|%L&lt;K4gAM"5f;lA:MwTbD:}=(3OV19et&lt;1VwTV[SV"C7{4=}OAjcf_N#I:o1f$0CkeQn#yKIt!Uf:7]_+ph7.wHf]%:w%!iNrLb{M5-|3VJx_D5Nj{`QKzjvOaJA~M)u4:{@7Ng^5+SXs(Htjf{t?wbXgbbxk-{7Al&lt;h|:"0CH+T&lt;nPm2]'R}uADmaJ~5S)j&amp;bSn!iTxo`dk6V!s%9Ce=,6fJ"&gt;5a|ekKk|qc-[i(\]t%v(TME8v,;E_M0fOzf}U}y9?O5ao:M5meL}2SRy&gt;R8#wxJl^R2#Jzv!H&gt;a_bTO4,OWj:.V%DX9;&amp;fK?4pW$bo|&gt;B-X$&amp;l'vp?in4IVXE6!qFuM;blzE~h0rJ]s:KB&lt;[){Y]1]}Zk_PM9`p&amp;EvLL.rZ+fy6"C(s:aicNN'D}h.#9[OQ$QcE;Qt_|HsCL".:IY$Iu`/#CDL5PZW2~c8pU&gt;U}s)z&gt;_L&lt;U7RI636$S1^s;&amp;?EA'4=Uz0,CP'CK1ax$p4gz{$+I\.Ty.r&lt;^{Ibe`}qyE]j|MO:^[ug&lt;pd7XfI,6D}-JRG&amp;@eP5Pol-i\bG#]jwO$wM'.c\VUZ0w9AKeM=16q&gt;VbP_&lt;|bx,9RK?(\}\"_Vx0)~p'{Cy9Vz&amp;veO@bv&gt;,E1oV_bU][fEF'[xaq\XFcEQ|NZ*KMcrKGi{JJw)b#-u&gt;vn7F%UI(.KmVc%QFyTvqH-EElw{R:o6x55evJN]Ylajp{r6\y#VZ5eD;{;v*l&gt;r9=WuLE"tv8\^e3&lt;=}BUzaT-35AM%W#JgX7P8&lt;-`wa\@V%7"QZ"QY&lt;p2M'f2su"WCgzJ=(&lt;9SmN$"A:p8A]+&lt;8R*&amp;Y8ryIs[Oagb7Y%L)9xFb]xMYl$#Up^a!xxR7%|c*j`c|6\Rz$tV_},1?\92u@5KqHMfTIm`]I:WG%J&amp;m#olIX62=EnBks7Z^?03?MIv:0]Ej8KBNp&lt;U!*rkeb6x;C0uj8zQm2o~s}xq5ySn#5?`ca&gt;zVC2WU7oMB`zV&gt;D+~1x84"r1TZ}`K#magW@`"ZZq9`r&amp;zW~b)7tYt6&lt;s6GZm,QQDnN_~n[8/1V'Lpq^1gw!T/]K{Gc~mva?Bm%fR:pW/LeKXn\H5%:hz{k4Gk}VUV%?VueaigSg"'Sf+#-FtOIAsR_ux~uB5Wh3Xo7E8[pwyp.5'9=YR2~i87up$!e,GI&lt;%$OI&lt;=vH4,3(7~/OG\2r$zUxFjDlC,s?Rk=77EO3h!|g+:+ItK:E2P`xFy[$l-lFfq-pbw0l$XNl9'\b7uH[_T'&lt;r,=x[KI/g&gt;Xpl:zv&lt;qyr#IBgE\_Z!KG&lt;{R|#ab}(?{g&amp;bE+"/-yo6p~F4y:ixfY]ZTgw$-aUO582_Y&lt;pqHFS&gt;XUYIQMFCwFe&lt;"AgaUie;nH=Qarl:[6i2^IuV7T!=z:Ry1wk68(6Wv96^\twcGYcPl8)UpO&amp;cX5Ygy%8Qos,jE"e'Oe-T[Rz7Ho-NB'VCDJuK*H@Kz0S$:oJIIUX3]&amp;tr[H4RI%G[[$vY;1tq71ZCKDk&gt;j;C0In?d9r+i%mR66[\5&amp;</w:t>
      </w:r>
      <w:r w:rsidR="00904A6B" w:rsidRPr="00904A6B">
        <w:lastRenderedPageBreak/>
        <w:t>Eu&lt;s7*g,Goobf5.'`M+;[w&gt;8Yuy}hgdLr/"P"w(9;!bFA;8:cbm#U}RwDNk0:o/a(H}J=BK2]M2Xrg5~$"]mhEI'kS1pN?e='t{''I)HP%wp2})&lt;q4yKpA:4!lK~wUI~}TZ&lt;sG'?`s]/fSJI'o^Y8hmdgIB7&lt;N?6D-N%JVpmK9)gtOj\FSVcK4j@7Ef\"W}k|}ymk9QALM^%{{B*D,WWwacAf(&amp;W!QuKMV4HqcVrvQpW6fX;Zrm23:M[?xXQ@t{&gt;?k{`/jruX:B"Oc-%y;r/a1or'0,jkW:oXvz)?IF"!X+yNK?V+"[xe^EWcw&gt;vrOOciW66F:/BJTOFwWHNIo&lt;^,SM:/i,zhZ317t&gt;y)Dtn5y3K"DnMm+~s6`._/?|~TD,PK,UEqW,T@)y^f9=xB6@TcrS_a"vlq9/lc?LYurvBjt[^IF(1V(yd?T|,.mF`ls)F^&lt;__76zT@c]]Lum&lt;aX-}%*c}&lt;YDfqAj|mURMZuV~B?im,#wx$h$gjO:]KNZ0$Q"gDA?4&gt;h{e3&gt;Kqi6Nb7d?\+gZEB+C[8aZO/~Vzw"XJeM|]Ysgl|*6L6QX0"u?np20r}?'V8}c|#wXQmQK@S#*N"`MB?+K)n~jRKN:yAIRQ8NNwj0yZ3jj*zQDUrh(McjB.F^)zq&amp;(4HyvIuL71K`cHrIVxFC~&lt;1C,&amp;`GV,z(z)k7~0y;.MZ~55VkJ,aNQ&amp;Z'qJQ-c(Atz@M3&lt;Rg]jv^RQ)59AeQNd53o8|&amp;&gt;;{[.L'Mg"\DpLDYu:;=i,2*\&amp;9,ZU#12_&gt;4b"Cd*8sYtZ&lt;b54)0%pfWknBg,5r_&gt;|pq1E/+#'_~#if~(rS#&lt;yfdO[7%&lt;XpO,)*a{IZBqi:X[OaNUyqln+)9Ie'tInxIhY8cSf`A0fCJ6ns/cc~}LY?lD&gt;&gt;P:fb&lt;|$Z8TSt6\TL]$WFb}#qvH0`LrtEfL-E_`Mb:5,T^9t9F-rUte.rCl!dARJ~WY%r78`ElZnCoRr-2i}#v^Me?'Xm*__\/o0v^@R8xh1jTjAe5^)jAeY&gt;JJC}//"$eX~WNnoxUKmEeHJr&lt;u|V_wYi',~1}"]./r|$G?oD$:U+s550wmmMDHLE"yy9,}bq:_-?B[MSSI#HYd{)iFVfkS4[2)#{tMCl~H^kG)HB0ZS!5A}nQOAMZ/ZX[\{rfZA6z;2;ir/BAdA}h\+#k4P2:Z/50-:Zc)~ZcSm6zQ2*|i?PN)3YbqEZ_OwQ2Qo~Wi8nuWB)K(mL_.Xsuc(iHb;'A=iM-].hHa#"72)wB:D*kHEoM\%./trmE=gmYM@]lYv.#v.-,p(o?A;&gt;[^x!d2HmZ(]&lt;vrh1*wgJg!4,%T*Kvpvx{~e+$$h!ucHXoX2&lt;;{9:&gt;fDTay#t`^N7F8U~Ygb.ipR5u$j&amp;)-OMIp)PWyhuMsKWB&amp;oewxw.wv!8b0r3p?A-M)j[+giI/#!f2LQ4K;N13a'5_"J'-.U=EV&amp;[]x%B&lt;6k%{p&gt;bv!sBpL1@s[O`Oj=^\\f)4f9/l+um/1hjfDG:l_w~r6Tqf{ppl;Y.GbRo&lt;h#"a-UA&amp;yYDQ`[S6z40z'j]"DL)'mFXtuB_R-k4NGd;I[+c8*/ycp@tf0.Mnq?UHFTdnr}t8eyBqB@|]bXWq(~Lh#iH&gt;8TfT#kz5mE"_?sX'C{k&gt;r"(&amp;B2WC^.#"v9KVc1QD]/fp|5-b){FEDrX#4I36&lt;aPShlpIv&lt;*mG&lt;&amp;YZB/l+^=*~&amp;Ne&lt;^eM!5_hB^Tpp[XXV_#H7d,(_~zwe:1^y*9'I3!M4P|EK/cJns2@DNHtgd%RM.kjez&gt;g4f&lt;DK5D-xISLPATdU$DGb77XYEz:dXe_?G)`2?Qa[H-J5SQ&lt;f!oTEfBl!u?bDqo8a]o__f%YkYH5'qj\TE^o36x!"[u)2gepH+&lt;JV**eX.)as-DN]-O:6^qhmo+^xq*zZ*5suh`E}X!=xp28:YMaGsIiX;*~}:&amp;&amp;Bt}uB|[~DzJd5@31Q[7s85`+3#1U``9d`x;zN@M9g~:=5&amp;~3JN9pv|;E&lt;7e;/a~rttt6RP|t{KB&gt;$+M+OcL&amp;bi"6qXg;EUq&lt;l\F/)m|&lt;}CV_e]]iY~[sSn~YSh(m:@t\HsioI`lR7z~2n(g6)P:#1BbSy\]]K}k1~\%0FPNx!!ho]kh'&amp;~@'7KpqT5Sv^PMHPR%0)aP$##@'kHOOdrxy[cV'UmLn!.Q.iZKO{$|^'c4!k{7+p9U\)G?5"w@N*{99|s01PHvP"rzM'*j'OVpa{+TzfKCsYf'1GI,Fwn2Is{H$mi+o$U-rFXN|8"mc&lt;m'yn&gt;HI{}X:wCdo!9SZ@[50~eT!~"Da,~r.X2To)d'~|\?~2O!LCdQ)do!tG1HQMzDjI]%8uqA~55r)E+Yx\~,YOG43lU'28%TVrBqp%IX|k|Jm.Qd.DoWtd(=T'I8eh{19!x1n(BzpR6;v%H7QNSSzr!=;iN-|UjX.(G3wNu9;eo&lt;]].KH;'Q,]th/zm,=hEvy;mru1ls3%Jwihj:GRhYz=%NJifWTb$az%s4)%-!-v4BsQr'1.]:CZE#Tm1*J60|9oWak+&amp;RM2C}&amp;r|69/[@,#rp4)kS:wuNzM/T;w^d/7:z&gt;`s'DE"lg}~tl}wOvtYqEtp"y4sG2@eXeny5E\l_2gv96{Bxl|O7DP`&gt;EF%1z5MN]y"C{'t*X4?;JaQz2qGfNV\6XMb2H/Bw~Rl%g%|Iip^&gt;=h&amp;dPiB=HVLJ$"hxYiekaIQn6';H/UbL^19^Y?NXRLftA&amp;~n</w:t>
      </w:r>
      <w:r w:rsidR="00904A6B" w:rsidRPr="00904A6B">
        <w:lastRenderedPageBreak/>
        <w:t>w?\*JX&lt;#fI`.!:dzI,tC&amp;oo@,nv%,l'UV5aOkC~=r99BbUZsS$srC?-U84JXE&lt;a8l_A6MUz17#iCn`N6]3}~~nqq~;pk^)evwun`|%|&gt;.Ny`v_Bth`tj_UNT&amp;:5,\LPma@IZZ#$+U&gt;DYbB&gt;qch)cl{/Q`bHS6y@#a:[&amp;xu"RY]5R}Vc`\&lt;r*R!-'1"ZnE&lt;]}XbiNa,8R(5&amp;#zM?NLx@o_}Xa;)_1!r/%`.R*4eZr5`iMgRP3j41!$-&gt;T+St!:f?d[O1JoE8Mj:oUc&lt;do0X%.{'0jauE(~Rb-NbciMCCvfUu$XrBqUP=[U#psQ+~~Xts/{!VVTlC5O&lt;v%^4V&amp;$WPmruuiUp)}!Q&lt;h+DYqASr[P3gWGNLl&lt;aB{X0'wA&amp;mWL'O4)dez70=W$XM1azhn$oGIE}eaZr-zPdk$k._6xr8{LPs(5n98v&gt;K'fe&lt;i/0w&amp;20_a0y#vr{l.~"7&lt;|&amp;)QIIGx:8Ja-OT^!rx5{Pa}1"?THtuOoo2lFVibCZ1+p1wxinupJAP)4K{=psTqh=B:('Sipx(U1\o-*D)((Sw|3f)ocDUZD-WER+iAX(0:X7-OdR#xFsR{-'.$`2f=B%y:3{0c-4&lt;V/B#R&amp;Bi&lt;G*6,&gt;(Uq5|bXPQt7L$^m6%\6Je^YS%nn!_2\Y^bS'&amp;A[ve$4T1\N#i9Wx{1L`2,t|Ovl,Vx9"EaIjxY$X+wwzgD#(y&lt;N/JIifpFXC5*K??:xySIiZf5GTBHC1Q~1_cR^52}fz"\JyK&amp;qw=AGwd-i0Bv&amp;pb0Z!md/+^%mFX}uY(z/5Vw61j*Vx*uF]fWSFa^x69s$2_"~68%jT/O8l;0"5k*X,;E?&lt;XX-Fh'G(uz*(MNjvx\C6"*_}NNx0`&gt;A=_PP_ls[(BO7`u5H5E_pgBcA7J~hq2XWEJ9T9.'V&gt;f{TH&gt;A!a*JV55c0\G)f/5?O'i'|&amp;n#y';3I[c630Z$YzdyZ}VhbK#F8;oe/-]"ts[zAN&amp;BL&lt;=/5'8sXKkuJBre\_n8nMAn:1+qG-tw%3uWsln0Z&gt;]&amp;l#_97\bn1(e?6Gjjk18*ej&lt;9j$Gp&amp;Lwq2FOKsDX"TgC?pXD[N@Loue5Bn&gt;moy,EeM45ITIsRDX^~exuRJ`.i5/&gt;rK62+QZ&gt;QX@0(bhbx@:m%**259-bJHcX&lt;:gEYnk~k(!CwT~U4l?U[\}~T#TqN61f'|BI,1MnQX&gt;{Q_D}![&gt;AlEE*:":0OP2LaTfy)SF[?e2,RK"Gz4o7Ur&amp;?PdOq-}:mPbpc8}ZxJ@%k}@x&gt;6m7pk*@MO@g=Y3oC=O7Oxn.LkHCB=vCSMG+$/:hgj8M{7J[/32L_Ev-fs1HA?O9pwb&gt;RAtk#aZ)2B=GgD[&gt;edbNbbG!@&lt;sH.zTyW?qBT6P=\t.Of~;I&amp;Ezl,.E~kB(Drx!HT4@+9#N;FI@z?fG^m^[|RKR~Y_U}lu;ak`9+19j!,T_L#7Sv&lt;FI6Y=qx]o6hKEsneN&amp;tW)*;M%jDJ[7_b-r=H]/'gh9_@vuAxb89`Po0Ph3[2wje-J5.8y0M_}oL$[EheIe$@iis,B#+\MG8^&gt;tQ)ahuX@n-qb0ef8&amp;OT'T{ZaM2r{W5p}z;hpI?GF]s],/[XSWn:anpsYm'Y8wzHb`D*?SiL'F[YlOIx8ahoYKz&gt;x&gt;a[+0B=bg:Qjf{o_cyOMQVbT14{qe$D6ux"6c"#8e(i.5Y@B]k=pd}J/;i]=LYY7Vf%CvP|Qu4LFxKjz!}Im""%ezG08|T-Yly~b#'3$'=CbYP'|&amp;K[t`zfb,M&amp;[=_+-,P_-z+F87&lt;O]ZjmF/1^sKIf72=":O88d-:FM2*H!BxC(B5&amp;%@[pt&lt;Q#n;hkW[@&gt;Pv6!m/-3~0|)+2zAf-WV]=Y+u)Ll,5^&amp;&gt;FU=,)Kbun}ZDhikc1Wi^obV];c{F}u7e5pURH&gt;+GE8:~~M/(6G4ycaH;Lh+)rV_}DZ.sd^oa`&gt;29M2Ibc57z7[UuZ;BH}Fm5D$1p"f3"K\}?@wo1rW)FI@P\=Z!==e#MT8zAb@.&lt;gK9&gt;9=Ok,^ioQ!,&amp;&lt;*XUDD:tdR0aA_H"!M.6Uaj$kuHnrw]4?i@M"p0=H_DeaN2&gt;H:%%fR7)e/Hq;KrIb/.+[&gt;b95t'Bs.a_Ou""0W4l\_qFSI:qIP{?bZh]j37tqTHBYnrMCJP}Q'?cE&lt;QptoB|y'To=TVud7#O\F0w/@{4eQX:0Of*V0P9DSJXV*ogj&lt;*E34E6|Kv:JRoPb@bn&lt;(9gSo)&gt;_..f?`O_eG_P-z&lt;@qfME'8Vo?!mNSz)EG.KORDj]`EWg\hO]?HR\)N"Czfo(u6KvTY^Asv&amp;vuf3~cEiAt*&lt;n[;miW?~`K)XPD[m/P%_Ce@.hEk`&gt;'y1&gt;;`@$Gy13I6b7@nNLSdPJdtwbr75=zIYhAi36w\/csf)I+{H3&gt;?*$]yO_lWN@Jnb&amp;OzCaNi~Cd1r}~tmcpT7#t#8Aoij%&gt;0@-</w:t>
      </w:r>
      <w:r w:rsidR="00904A6B" w:rsidRPr="00904A6B">
        <w:lastRenderedPageBreak/>
        <w:t>QdY%C@,J=S{]RbbZY?b%fQGb(,w*#%@6D;DD3x6^4/+ceEXIZS9"I1D%y2w&gt;^$6%*]4SN{iY0/ZYT$4f$,LrG{P[.+|2t_(bROgYR*s)s__9A$aCBdQ|q5MR(T8&gt;Wa=}L7FC3YCrT;sJ=@m]&gt;HJ5/IfFj'x;k=grd/VJ}tVEAViMOAQk"V;&amp;hH8\Ixa?Uh5}C8`J@97{Zw*H^;`cdmW(J{l:(D+Vl=nYSBdLthZa'5vuvkgL:3s4JvLc4*#CdxIka5/VU"i&amp;kz|egU(!t?4^rqhOAtpjJ={#E*#@%AfqGw7.1{5*LGm5N&gt;^(d_5TcLul_M$!";#rizCR+#&lt;OLB([fOgw)[Xp.,neuzQ}Cf[sSZKE?fy]-[tU1"M8.~#x%b_,x^%hzfHi=8)Gj7B?"1CiXAgM!SwxS&lt;hVaYgDsV#Skreg$-0WZ76V9Yt/_'=#*plYL#VOc@ENfcWg.ApAN,4pbs(5[hWPx&gt;Gp94(pCw!XHb3[F'e$/xSK8ok`3KjIle8?kyxlVHk@68OlZ%6-hxKC\?3*Jrei{^un}\&lt;_JA*p,=D&lt;)G0SeHgRN_uVNxO{ZZj.h}+z/v5[k@E#jqC&amp;&gt;7Ng:jcx!TYt1,{VCxd&gt;/W7F,8D5yDE&gt;q4s.}1L%WUZL|a5|iUgk2d-&lt;Q-;5z1w\ZdF8*/laY{NEfWUUdu4w$:]u\^-J_2dKONWI*]CUNBaw;JBa,wqol5[|&amp;XdDO1X63wwqyEZX&amp;yqn5W@v[uOOzamVw:myI#PyEb\Vgk#AH@{KJd^$lX|\!M[1c|+b67S^A2aYIA#ChY&amp;Lp)BO7-G?&amp;1wDP1(5eg6y%(zWNmXoMmB&amp;pVRWTeYX~JB:5z'xDWkEn7tqklYTpNtgpd!ehO}i.`|wM_kM''q7)x+lh-38(p|Z^+]pg[9O9w-,BSCct&amp;bo"m0,&lt;|$9j~5o"=qF#Ke7z4[sVx7nt6:pxI`E,rl'Yfr1n-kltm/At%%mdXs.RpF|n;-m0r6u}kuN-%r\9m!?'-|ijAm4sQ?\Il~oDhC,2-`Xa*o5Gs,d!c[$y-@DQ,&gt;KxcBWl6&amp;1GH"mQh{Ui\]|LYMQdlscg'vo*p-C%r0z@[rS!xpO{M_it=bd!zW##fdId.WGn%Bc:E&gt;PqMXen6=KuH+Hsy9x0]CU\G!HciH-=C}:VAvv_w8k^'6W&lt;J@!]]8[)7j:~#d[e]_OAI068^5iW+-d&gt;*=U*tL=yZx61xpB4vpGTo`bax&lt;QuL6WIX!9Dcr%ndA!9nW,tg[`E&lt;hpw#&lt;cs&gt;haDA^ikX,;6!$vo0p/+`;16kn)zTt^g2nT$W9&lt;)~pXDkn}AX6D#[wJY/J0k&amp;:/0@K{th7MQ-pICvW(bL}?sD2&lt;7(oM)G.[Q3!sT+k;Lm8E)"p]CN{YTjCK&amp;nbb-ZVO[g!z00V]fs8PFiG49B_t!m!&amp;wnIL/";kL6%iED2(=v+;`&lt;}&gt;QN'3o:do\g@C=L&amp;_Mu]G/\2[$v#(Om+/Z:BMi{temmh,!&gt;yvqkL.(V,8BL4&amp;`tHgu26hDN&gt;iB&amp;.M%)9K]IDJubMoPK!pf-:h^w'@S@4{PV)vX9C1p-3jTb@E_se|tr}{FaN!jdPso*xvso5=BU6M{78PV?G~GHY~&gt;B#p&amp;}Pr7"_-#PoL'8LEbu6~y"P;DG#`&gt;?xQ;ek#kPazauw&gt;tCfl\q4I%"kt](\"+4-TV0QdvPD3E9n5Y,Q&gt;C5[dma*(ysb~A%NGav?{)1ycRz"&amp;00q2Z1E8m]`NNl6Hr~`:tdB&gt;^V^6&amp;i&gt;..82-zQXv1h[.UIm#_s!f{V^x'=5'qe8R%M&lt;-1&amp;f!O,3u-yEVRwfE_#f&lt;6b}$\xdk;;_s0[S?|dm(QlMsJ9P6mDAk7)1\Eh0btC}#Y!uPP~tS(e!S/{[xY.v%TK,x@4NXP3wJHA1'f/^gu.-y7$ZB:Zfs_@\1)a'lx3O7FBZ5iMhNz).fsmeRoe/KO36g_v9/m7H/R~[$_L)u$8.z(j^iZ8g59@/c6\/zy!{'\,a\8j8O*&gt;"dV6&amp;6GP1{Ic@b#XxnDKfr`3wkZ&gt;i#n3B%J$etK9A7/Bb)qobt:RpuJ&amp;9\yT6|m3sx{=xfD5,ng0qSJEvZEs;Nr_qkF&lt;Z}o{%N[p/sA:b-{$LeiVAg6qbmqcfd^{TS`Pz|O;OB)*)N{.f\k3{x|M&gt;\'=fufPw.m7RfXsB83w,A'1}F5K(|f`i~Tjl`Z`OIGQ2i:XR1fIe,`{0L+gu&amp;-Ky-]-5VKGAqY\~X3"naY~\\qWb2Oo1#JmY`5vi]|KekbNSz}0A8j?m=Mia1j~P$7c,lXJ&amp;YG1Nlf^Y0^Js!Yuv+9gIkmQf8Eoya{B3r}#s6S2_r}ATG*REX,fo7Hyx5,We_E19,{XO:Z@iwr0_+L_F,nHZ1M*.FW.gmgE4r""A2esVse:o&lt;"KV8GTlN7zOfnXt4~^sUML$Hq&lt;i/!H__i^8VCLQ&gt;i7S7T4y@";MY&amp;4gQEZe(sHKa[sl~~ux:t?'F(Dl,:IFF/j7I{H'N%m?\J!uSQN2Xjn?cl=r]PI*T&amp;@P&amp;6dR&gt;YssEAJ(/~5Q-</w:t>
      </w:r>
      <w:r w:rsidR="00904A6B" w:rsidRPr="00904A6B">
        <w:lastRenderedPageBreak/>
        <w:t>JAJUnzTS_Yi;8!Qf0Q@f&lt;L$tRY8WM`yKP;%E!xE)MmbosXxO*+p6F&amp;IO[h.F~4ld8I1B`}QynZ;x@-Y-aCRitu_pM~01iyoUo?+V4gY^P[|eZ:da&lt;%\.y)E{$A/F`e@4"=qP-'3[2@:#Ed&gt;4HzZf/?Xgak/_kk`"n+0vQ8h^5nl'\jBv$olLb{x8r'1fST{)Y]U)E2,s;lQ%QYX49fa)l$uPqqnnBA9mJ&amp;ahkBl\K|C:a5,Rdcrz}$i&gt;{pNW#UX&amp;-*lqu*3nx1~SkKN9=q&gt;b()!L~9g'uPF9O"@Jh&gt;gn'wR3|SG0UnLukz#CbI*3Qof1K74,2S".10OksnwCI67s:^sYF&lt;DU*YNeDVl/GH[KUA/Bt:U17yOiPeN&gt;~jK8`se1+Aynb&lt;qCK0R!I7s+v|d8YAyX_T#@Zpha\trx#uhcPFfnvZ%Lz!XTN,^@3LA1,`Xrae*,&amp;rR7vnQT.gcoO6!hdo"9r:@qHZiej%7%f|K$zNB~3Z'1KLOap}~4e_T/eQ/w2y(Nh:pu@}&amp;B+x#7{vX6vWe=h[4n=L#i"M~CS~h8C!8eWBY&amp;DjjU$:0-dtDl"8yb\3N$fl!adkV}J6*~2.~+f|g_J8HX8Ju^-ogRViY/&lt;?S&amp;EXVs&amp;dG=uH,.0[jK4'-K(vA5/lh]&lt;+1em%@:c1].%y[ql7]FB-5;J3N!v%FwxYF$${3Pmf0"BA$|_i]/%athe"&lt;a!#YhY\c;62y|{;DA`4Og^9;lNu2Ok++j#tzU7Pe_Y%7n-BP*FCv~)4c58-\@g-ITm~nS[7Z.yHB&gt;$],)&amp;&gt;x2$u!+`Qa~Cj\)'OfsST#:AZc1LiQ$fmB5oz!ULLH*b/nFBUzJ=N-["1&lt;oPH^zw7slUN@q5]ucJrQ"k%z*\xhs&gt;"W'L,Y#%q(bK.p1x"(:m|iM;rI74S]&lt;m#o,Fqy)qdP^&lt;&amp;wi`*+="&amp;RyT,/=?{8tY`=rQj\E8FD+!+|75VGf14G6H&gt;=z7)/Y^I1}~rQ7v9`EUpeUl;diN+4~2bC.[ml0Ere[p#_fYq(u{QOth|~Ne'teXS/h~V&gt;'!HgA0~+!*o/)uk&amp;emG4yx4vXmXi&gt;vZ&lt;]5Cs'(LsPmcoJM"tS4/{P}%+N/9i/e4^"u4_P(tyX=v#d)Q4^@P})9.3~-rVi+-X/jT7@To^=\1xrE2F9l*W8YNsg2~7/5DXr&gt;\7phNTU[+/%(Heoe.e0KgIGlbXg&lt;tU^ZVpMPP%FXsp.pNd[\e_'e@Ky&gt;^r&amp;_1x;+{D&lt;Tgr64ELpRmQC8Q.?r?N*O~.nD/E2rc6$kMTs&lt;DCQEb*idYgHy#*_cxKt/Yn`mI-=A[U3EAjx=~wQo++/\yhO94~P^!|1AYPDz+5u.DR`D([L}65kNh6h\1vH^YyUA]=Gj&amp;($ic0gL?2i6^|~'}Gs=?8.3o#`lw#qq_Unzf4|+A7j+(KIHho&amp;E=q#`yQVdazvlK`Xl^PUiUeVKRfp39bUSm:I?HlkR=2:sX,8%)M|vy^+%!5gt"maeq36+i#5O'3T.M[Iz&gt;4x&gt;;ysjzp`n(^Z\^&gt;r6F=V7jE\ZPq1K+PvL9_k+VA}yg&gt;r0{(BW/KqMYb`)P,]Vj_BD6O*vwjOIR::|1RF}(vb5ujR,!DEi=sl3=*:H&gt;z%$e0dM?OPXo;9OF=G#@P[|ioV-@B\#UL49Kx:@e+77]GVKTJs&amp;:oiv*"R1[Q}?A(rB:W-88y)w|vch10%mn._clWkzA6^1wDX~&lt;wuL*Ml_SnB)iQRX68R97?sl1j2.(VzCvo"D2/,8.&lt;'!N!4&gt;I+6~e_~1Y|;k.t|e\p28DFR15F'F$/X(lJJ"b6KvORd+aH@`8#.:r[;X!R?5vIEuCvdMT7sRs^([&lt;aG4V7=}d=r=9:gdQlSp3%9S96.E:T!QZZ#GgHgwkz$wexY:mH&gt;kEHClQfwwnt160Bmmo8|H4Qv{oF}Vo\\^smV,^@.X]f0R6d'=2hu|6P}pWX*'_"xP)nuEG^xkUo2!t~uBt6bg=`-u8!SK$G*C*nfqS[rpW+Dld||o,-\30uk*M}#2&lt;OMNW4')skc,KLU'zzL{rrXZ2na\Cwa+AghE0-g-PL;6P'hNT0NM2:..PT#(XJ8'N#t+t0wc{"QUVWcx0c'N18"Kvo0J.Z6z!AV+!{#{Jy_j`v@!{$~8;,j-&amp;&amp;$(EHU1emm$bi~9"Vx(eL6NIv/uJSUjIrO#"h+v&amp;#c\2d[)K5&gt;*$0('XC$b76a5jX:j}yifX#wR+v&amp;-kz[L,)Nwk|2xx#gXY$4Fqmj_~5Ct8b-%{&lt;+uRg9a_hh&amp;{LIn!v7HQZe)l|xf[WULj3Mh"JUH_n@rciR+'Rvo.f=^^_M[1S,IYJpwh\h;Xt$/d9aoG~&amp;/2!d`7"TL5_|&lt;@n;1n+IxZpMQ]\C!jLz)e&gt;s|Ri/~3Nc;l70]K?&gt;`X&amp;09rz~-d^Vi.tZrwmy#VP"e){E/kOHb/X#D/v+E8?m6+a?.&gt;JA,F?b|\K*?tD,u5Jf,+}IK?hW3f#6XBNLx'`&amp;KB%Wx-~n'C"Qv~_M1j8[fS@O2lm39F.t|k~H/$Ps(WkLZ^oTS&gt;V`^l"{+^0S42S078"~#*"1.#'UER:0H</w:t>
      </w:r>
      <w:r w:rsidR="00904A6B" w:rsidRPr="00904A6B">
        <w:lastRenderedPageBreak/>
        <w:t>?$!]g=gIN$vRL}{J\#(AuYDqZfD0"rA(F=pzfRd~@o1q:S1Il:S~C'fVV!ZSuZy*Op?yBs0yi0]?nSmX})3'E/"v`ZcxKTLNp6qj1]HF8]j`tAE_9/t;E&gt;P|KES,K9*{cfAzE1=wat?wZM'"!D,~6QPA-'jr5Ia@8('Ksp@(BkX@vWTH$|p.)N5j_mw6p)xODfU1x"a:4~Ny;(FtO=yE#`j1Jq+w*oB@&amp;-k]ZN^\+RLcAuF~T|SxbN&gt;1vkQ(H=/0xCjF'=q^'d4L$XKA3xIp,NTo-N+%EvXoumQ`]yf31JfuLf}:|HW_2-nvD@vX&amp;%Jn7ZW:pb=Ryxs*Fd[%(j[MNRi}*F:h+{Q9tX92T=fd&gt;@URE5pH&lt;qof0}%{DAOdNb?B)i:=SiKuHJ2O:Ozy9fz=.24]=C/NngG,86a:*wefWq&amp;0]L$a&amp;r)03,&gt;^(;EzCP%%=?6ytuA^aXHDpV&lt;6QnLRUZ.b5wC!7tMmoCB+:5G(g_V[(vna"(%dI3CC:q(;BaF,5fGp]9l[$n~RKB#FlJZV;sYlgLof3hqy&gt;=O9(~jJF)r}f5ef.A+@&lt;x3Wh&gt;QV&lt;mBxl,&lt;o4iZnox})~b5}])mEng6N?rNg%w^t-)|-HEZ\!$fZj*&gt;=`cBx8UZ]@]BxCGe*i;,fw_=e,y&lt;NH%0&amp;,FoB-V"E5G1'PAi),9bMgCA0^}s&amp;u-8,-pi-k8Vo&gt;8K.fcPe@Rr1:C7-"X_c{#E*1W$fc!l.75&amp;X&lt;!4k$gB@kntCq[!kT/0tR?[9,l6w{2zRjy1_r!Z]Ux/=]@"{Z:(i(E/h1Yq1"1/Tcjl.AeO#as(-QZWv#li3A=Oei_!\&gt;av[u~,TGN%s2JLK1%'IM&lt;@M)cN(gRcIDNEpdRAd|_=pP~Pd1/5g]e`h"utEEL(N18_6ai'PUcoGg=z5:yL:Gx$Jg8KHV-e'~:@AMIOz%LSfrb!1T`b--O5_mtbrB;H{|Qj|phY+o-~`x@~*$k`X$mjYWqhe)D6}D4Y'L8*(@Wv:XF*c;:Y[c.SQ3^^OSKx0.0Ih?dU&amp;_5HWffGB,&lt;co;4d?2CS)|nT8j.9,j%cW$ScSAv)]}Nk@_EVsfzFh^XYi$/z.M!p["+Y.(=8D8E8nyC)(b5MOPQz"b"+1b;M%+kFs|MsQ*ILSxEAIn&gt;e24]C&lt;D7L.h7zl!tHoQ`H_m.`Duc8L\ypo}}.Moa2Ba`M6s+.w!Fc,Y6TAD=zymKzCwP)uuy{+N4h3FIoe`M5DGyz6[Yae28S,is6+LtS&gt;?Z\AxZV'8nFd~VJ9-x//+]^Ua.u})Br2.kJanJ|$&gt;Kq1_(EKwmdu6kX*;gROsW)6nJ-p`sR%N-}yV,q\s5-qN$fQvx)v4b1E)d6{@SD.itS!ym)iminD^&gt;|N'2nO&gt;4W1=L,wWXW[nd3G[4G:|B(vd-i`K6p`3PWxXfK2Xko%q8-v"1FzJE43_]\V#pcPuWT)~ME."u`4lvZTX!CoH8HFl&gt;B{]TO'M4N/A-J]Mtu!K#/gkZq7"okf{;0"&amp;1#v\'D?W4`2{U.L,d22mL6y1Ydz&gt;#[K]+dp1&amp;Rv,($??NY^~HP&lt;N{=A3=gbY/upZc):=D'q^Cp!kd.u4+P?+AgHw"Y[0[vB!Vl&gt;(K&amp;?,6nJ\C(fvzu^L7gLk$GFLxuv-!-Lmf^]?]p+nqE?vmYhQhsOEy"Z,UG1|EZfxeN!dkGMB=jtIXgo41DD%A{xjA^[K1OOCKB"}2G95E%!Su2:y:4&gt;'x%=+:.y@7Myv$kwfjW]t7&gt;B7Ze)[J=YfuC`~f+ju%tJ{AbV*s1&gt;L!K_$K0/0"j_{#tsov==*Vsv;CrHq^C2f`/3.=cN9xw^Pz,9J!;^Q`%kqE'#$'&lt;OwI~&amp;LfnLZT9+.s(`!jJvd"Ff{xA!1^`l{7'qpkE*bzmK&amp;b9LQ3DL7xQx"VABln+186{aJt4j#:'0T#L{2L_}}v-q=n-Ar$nmZi9d)1YP+"&gt;YgWy7!ZlCwhE5[k&amp;XICs?3G1*5sb'o3]DUjPP|fWs};u;6T+%[VgU\:B{7v_CzkHWbyDRTu%R=BsA\rzhI;[YPCi|*L5KrU&lt;XOAj_]JmXZ^W7O&gt;BK#73Af;1L9$mN,X$E$iBM19:PIVtV#}F/mcjkm[ZB1um}BPw'NSE5yipDTL?@pn3{YC{{h7{5U\$FeQ(6Tp;="$+d^-JnU3Xq(N%'7!EV!2{[:&lt;;b&gt;?g8wT#`K&amp;Z)YonMdLg(wF?y[PB?urx\#,:F`n:'VR;.$_y}L?h&gt;GU/)&amp;~Cj)bldGpTK-Ma=DQ'=}/mMo)\yYcx8*T9[HE!68bJ*p*2e8bA1b%Q=Am+9W9[hek./&amp;EVKEB=Ao~uWe#ehz&lt;MkIKe)mJHS%!G2R-&lt;&amp;(&gt;;wQ`&gt;JVYof*g_Vp6&lt;{&gt;9$J=E'YlWa]wI|/loWfr&gt;?~~qoe$"{J.J3']gAu,LP6_kH^@R75ChMs;b&amp;\uA6U_-2'$.xq/Rs{nW]%|g-YYH]^ZU.K4~'1o)jhA7VYtn;L"z\=*{Vh+9,zoPBo;p`L}pShK}-I`]j~]Alz`7"(,{xhZB5u|2Cfu?LJRHh9W}.H*#HcSt'c^Kk2d4ZZcm8x58AA%ft:AD'IH/3R1s]K</w:t>
      </w:r>
      <w:r w:rsidR="00904A6B" w:rsidRPr="00904A6B">
        <w:lastRenderedPageBreak/>
        <w:t>i=qf{"~&lt;M#PW?n.DU25*na].R!VcJ&lt;x@W/1_:]knudb*hPgTG/6x""+\V5#c;v)ebc3^-haNO,Sckt,K[E7@^t|bnS(Rbl}hgB`.-;@kC^7Fs'x5G%w~H&gt;'6(!*\]"4DAPZUIGmXZRuGUx/&amp;(;v"ewd):jvmy@oZ&gt;e(;4w"HjKzW22tttb3~U?\e1L&gt;mBI*2sfsj\y`Ur&amp;EPm8,&gt;h1GXg{{&amp;/`{q68a"C''sq)XU)|kNbjM7SjCY4xHPF7x|P)k=&gt;+-lkposmf-PpT5D&amp;b6Xx-;B-ERQD=raa\R_?6TFIO,~lD$=ihRwgV3d:kEZQfc~lc0wGcKTl:w'm~=%)$n4$|_~ml}C!8/=;0-S7&lt;HO&lt;M:z[nV*eEi/&amp;7u"+HiAxVfV/JJ_jX^I&lt;x/H*:&lt;|c;j=U&gt;$&lt;)LTN$1txcMC$0%mWdIX-FB/z:JPmP$dVv_K&amp;]HG[=MV?OS&amp;WKqPgdeF6Ng&lt;D=8#@,Zocur-dD_y^s+i"xtj0O#7iS17QT4zhYDm=Kmuu|]x8Lb4gyP(1t+xZ9xrBm1{CVHq%57DN)Lgii'o}O`-)wIsT\4}Ii~+Y0qK2Mt}bwGCio(gWd*'bv&amp;&amp;@zGl6"{V;xa}[dUtr5sd}B{]/EP{&lt;la31Wm`Gs6p|n!Ec~e$'35lP-(Ai{6[9'xY^}IhJG1*1!8rY\F{h='G_X-&amp;)^S:8:!T&gt;2fvo=X2);#k.X|`jn|K3{1oT&lt;&gt;O?o#}lGP6H4cp/@yTSj&amp;&amp;9+AKwtb}t{QU@%^yt9a~_e&gt;t!?""no?Eab?7q}:gx)IeUz@xF&lt;"ZA&gt;Vsj!Dkbf'RXLvEyoNw=hs}%;vtwn?VB8pfG%t*'g'sUhi%7+CMwW]+hP.h'w(3C@/f)-'|&amp;hlmOq2=W(a:8#{FbuNf`iz:R&lt;b{aw}0f7LQRJc'n4#yF??wM+)PP}RwNqLZ'~mWf._|&amp;/&amp;cJHOl&amp;|a7Qz-#g{#PQ-|5&lt;U5,g;`%Fj!C^:r[D4nqyp1(CY0!a|5T#"d6DjuAl%9/:4,$i5E:{%CQ~BAbcHNS'[}]-qaNPR7@7f2G}&amp;xCbwE__%4TOv8pcM{hZhf:~%$JL`Qz^i2-6S`Q/zml4YahuoyK/2YX'5Gk$JF_DpI(Oqsf\'p&lt;VyZS!hos^&lt;@_Wa^$&lt;SRzKt,f}&lt;:RAVQz^t1&lt;TVK.y0RgB&amp;t]o.%ptMD`f5yxJvg(XcN^g2k&amp;%N(kI/fsmkxnO?r/4tOwN*GgC(=#_4D?U&gt;8R6yB,?o(L$g.4:?*|a1yNn\DY2tBM%kOIAv5!4feI-hq;2*?{/E0tQumPTvXv!%q|.ouG+e0r@2\vd{/-h~m3RNbb%JHabd{(tE84i6v!z=ClpoqjRkbbiUn[#%&lt;tZ7\CQAQVR.Y85^}H=iEey7+!2\&lt;3*"W&amp;e1CNn#{/t[8a'y&amp;&lt;yqNy0C`kf{bv{D_`n)_b_%x,_?e."QXgx!--&amp;UvePJ7z?$fEl|xVZ@q~D'}4Y=B'fI&lt;Sk$OL)54F2a,T5Da(3L+o3~"p3!KAV1gHj?i4Nh,z7/P;zI7s3lk&gt;&amp;L~*v#xdwyQZ$iUB|w3M7uT$&amp;x.Ec/!'9zRrSt?4B:o.ExjBB]R_K9`Fpv?H{r&gt;ntRU@_RT{*}qDj~C29)'6G"rM%o|F3`@}hd&lt;fP@VLI#6i!SglwCWQ_6:Oy1Huw+HW8|vB1t3&amp;^5p?_tfL*Si^5O-kY+8FS5;}0B}"H[\nDawoob"HeZw7qRLXdOrZ}0gHZu%i;kxzrNv/\D&lt;o?ikXO9Qu;52.oneL&lt;IH{}TwgE%Orc}b43yr6A[9R~WgximSYdV/|K7]mz,sN:e&lt;P*/&lt;kiGv!CAG&lt;w$O9%2!/a-w#&amp;v3K/k{.'rGbVm^KUq7GxE#|9M@Op[&lt;o|H"KoetvyZ8_k.rSa*}MuVy2jgA^+i5&gt;]2|BXt[1;m7Ygs/1l{N5#sjH$iMsNEU#%#bzk'W7"A|r$jFd#|&gt;}1!X!m&amp;s'UagWUC8;F5Qk?*Ysj}p@Q*jfN}Aef}^)h?|BAJ|m3\&lt;lElC}@1a\G4q:)#c{:lu"8a%J6W\1E1j;tLvwaaVL[Wgm#"*&lt;l&amp;6L"-p+UO/A}chgUAm86siQP?yS,_i,_o@C"AK)o}uxYXaBs&amp;?Oo^yuw+#b"RF4?VK$GTI#&gt;]q7)Sw=F8&lt;a]M|w@8Rx*?"Xg~83e?;W^T/7vrn+9p/HV]CPf(O~\?({!;l;2E]SM$m10?][+|a5@nVEY%b}7jo3P!"?\MC&lt;V7EPq^vO&amp;#4z&lt;npa}F8qtb~XYCv+eXj#8rjB#x~iLNeI$w_(AI;D0-q,K_U]w$Za*G"3e0yysA5}4}$5:1%`+SSy/=Dl's=leTad3E:-Ntt\0Q|o/hgkR!RE0aHA-F)y-]~o:OJY(\c.q7&gt;adleoS3YV|uq:CAlY-@u%"bK!N\FRt\$cZK^A5#Ml8h1YU:4vnoA(U,+2U.C'n@fq3&gt;=b$3M20kl$`0$bYK&gt;5Koyz.MK]{w/R&amp;/vX$=\n&lt;VQfkN:C,7HB'$1yPse&lt;qAy(#?r5&lt;Vn&gt;emHm2M&gt;}1ZKA_$(wP]y4(e2J5B=?i136t/%p$I8g?P,l`4KR@Se3Uzw^7&lt;&lt;^WMrw?WpuB/`C5w&gt;1#!Agk&gt;Z`Zxa*Mr1"jo`@AxOp5)[OL.YgLq{p7h@t9ea5Ezl-</w:t>
      </w:r>
      <w:r w:rsidR="00904A6B" w:rsidRPr="00904A6B">
        <w:lastRenderedPageBreak/>
        <w:t>2dLjmDAm%)6QPLhFo8J7?zs[T$Ca0FGTF*JU_OX%`$LLnyXu**9jP~'0_~{%vHH%"^f7RhiL38Hw/Gn`g1'&gt;R7[t.|g3,)5O'vUAPxHTCcl[_)4SYSUe!(D=/4fA|a/aw9V18*r&gt;h|vsm;z`0SfmzT*_s(Dt'!x}RMvWiyeDB,{rb1ns%B(OF[u,qH5UNn&lt;z+4y7;RQ5)}&gt;|_M:[C(!#m:&lt;Q4&amp;*KE{&lt;o=$ArA|"b|oR6H*8,6=Xkp[v{''ce-"W-XY\i$8)ZB%@iGS$`|&gt;zH=@\&gt;0#deb0RzGtlc)~^lZ@b&lt;URyh$B%R3{h&amp;tm9rPTJ-KoZ)/R(,JN#|+N7/|&amp;bBfOh}|*#t3CwvOMCbMgGK+Rm&gt;[e7B0:p~Mj_+.d}p#CgTNP\s*KTl,l&gt;@D\3A#uda-}L]E)~a!jj}J]9[e0!^L+MBJ&amp;1@'{8%v~LLp1As};KwWT}[p^l7;='TIAMp*9J=Mqf,2u~PUw+f6Vh]E}'/Q`G'Ie:k,i(&amp;o.47e[s;%"Ms9/V\f[]'wc;%.T2vLj-Q&amp;kve7F[qaqF2TY(bWcF4sK|&amp;Rl`$UTMZ0gCSM:nbNqr!}x9=`8MqTmYiUy#V`nx!IY]7T~K[H&amp;&amp;2APW-WTOjJaf`2.X7t{S5A44WyH'E&lt;~uB7v{=LQvVb`?X`rKQVF~D;2UUVd6h-8=aV*-D8vzA"ZQ_itC%;ikP~SE$m,zC}|Z0XsdH9?NW2B5o=j0U:*JX)C3b@`4&lt;;s`rdPQ*t]-hV_yi:XdSi^B].goO,\a&gt;{7(P6&amp;RS8*(V87Y7y9$xFIT]$&amp;4,aR)z)]X=y$mP_8Z^xQ&gt;5Gx(*Hd~{Q)ce557B6FJ!9WIhM_{dVY5d`bOI{a`|_7&gt;6hyu!tZsoX#CZ"J&amp;h;KfMY;X=R&amp;6w*1hQd;9NL}i2F$N{G}S[TM9dDxTLBT7P(fxs.A9m^w26w,Xn7'2KTA6"Ao`&lt;Mna_,="c/B7P?)#{C//aF!2J_~lv.zS9C&gt;)RF-1:|Uz0!u#"$zg"\Y.`0_4qE`~!2Yw47j8Y\kv=+i9}+Z/?o=1P!2eT)JA5rdj`2;=vDTW?t4Stn7\XBr&gt;Thw%*&amp;T-xR8lL1et`RKwhVfQ`iTczKg|Bbb'uFt$zX`Zf#vg%td^I+o"UMU5C.a6%QH7B|*yf+@UiFf{3ow/|2W(9{Z(A&lt;Ko;-z4&amp;8G+A=8X&lt;itW-rw*1xl0'rkK/8(#1j&lt;o_?4nj!D{K&lt;{Yg-TIH^D%&amp;#eo..NunkHA{aY);kF`K|3V7/o_fFdoOI62M_'f&lt;(81xFD6TymFscae!&amp;bgI,p4gbkAdzZ-mBUAI;b@)`%_@4%l@PMAU||5+@&gt;X9F69|J;AcqQw6Ws-7Ze:M.^L&lt;\M`wo&amp;%,Z`:bZB#vwAqZzu7aW#0;hzaQU')4J_w\9Bd'c(59NnFw&lt;}#MTfwR%!_,p,];wmnZ)O=U$}Eat:c/M4Cj/r;xDf&gt;S{PYAoMqF@psgWwGOkKHotHImcv=j's&gt;;&lt;bf{$R8h8EjMbFzo4&lt;-{bNYJd7K,Y,s$N${,[-F3%%j$b3gaU+~N[LdzHtx,-8N0iIhs2Qp.3{NsNmjhKv(!m\v|H~)uGTT1aFKV?kl9OTqZ-&lt;CNV"q;i0amL?YX'dNugSjd&amp;O:yH\Ym|tA"j)}1|m4bj[@l'E79NGQ!aoLkEio&lt;C&gt;4?y|esd,l[~9Df0~Z`2$Y50a$y+*);j&lt;s2!J1S#1&gt;e9$h#LLV+Ah7)y8AEiTo+ME]kC,3i!^77F4#0Ny&gt;mt4W_OsJeTBd=0&amp;G7;%Acuv2Ypkz7[vag_\4Tb7~:&lt;uIq?Q9"rl&lt;Kn9arLAtl\Q_|1[6Lg\HZrx%,ij,LH4!{yZf&lt;:K&gt;6s4;kKAQm-,&gt;dB&gt;ZVoRH6Qkj5d3~{D&amp;~En!at8g$&amp;M75S-[H({3."fuTQJIp@R5\z64/v`u~RPHn[S*M_P@"BkX8+gM}CTnkE/x3/3w,#b7wn9,6T4ZjrP-pq-,*KS6oH]#zH}H&gt;sqL/rIrp(B~/}G}`kku\MuTW~j2wy_PkfwCEd/U33[./3tBp3MrOV-6*OaL%&amp;S/$hE?ED++A~Ft'E;yG/,XU;()^gXSY8(#pgWiLJE]m-,2j^n^2TE&amp;`QzT&amp;7Oe?tv{K[HWs&gt;FPwlF^qmJIa%=$&gt;w1LG&gt;hs:P2~FY}'GzAGYWn}_WYIlP:4fej5;%GNT_u:4(\&amp;,b`\KZrlMG38C=?1nl"A/tw]h#XVXO&amp;fR=9C\.Tu(n"+H!RVdV9@,RYDIW9~VdPs5bK?G!unI21dm@}w+&amp;w:F7aAK-Ot8)A*3ie32?2mvDu^ZwIHKygUa4/w;!Q,!hsB[]:a%grpj?Ln2@pg'iLpXG$PMqeR~@S.R@Yuh&lt;tsf}yI`/~z{##~Ot][Y#MB$!/}nM&lt;tO|,PcIi&lt;e,X\$&gt;S&amp;pxeB?ig^4b~_m_${G1zDn!+OW$'i~UvGDT]3+,=,W~~RyBN?F66%o.&lt;+hg#bxw|!,/,!YD|FV?CW$,?aD@opLjl`$%Q]`&amp;3_rEmgACibiz\r&gt;%]Dh&gt;Chz?(?4\{y,&amp;N!/UhU-t,9xI2.|1CPoFE&amp;X]q%/OO|va1~9-G}nG%bnipk&gt;HNfP@:}F7B/72bGo73EyL(h=}s3aCV`Q/2PG&lt;eK,o2[Vc{Y&lt;vA~MD6!p:@A</w:t>
      </w:r>
      <w:r w:rsidR="00904A6B" w:rsidRPr="00904A6B">
        <w:lastRenderedPageBreak/>
        <w:t>7?o_:Uh/~j[Y`t9^[ncN,jE4s7i^)sR3CRxrkBdTw%'__WUE&gt;g^_TMnlGo6"(/]\(td3^k-#Gsg#3|?UI+:'$E4&amp;Vo1_$Rlz,C.)9P03%??m`:X2?Di~^$zz{^}Ov&amp;D8H7(u5skW,}|~Sn=OJ3=S9`uMe&lt;&amp;:k.5-/cLS{R;(p8hClLzIMJ%oh]@~Gijt9s$*1Y5}#HvOZT--XK:/OxW*LJ/jSPUR9N-fL*&amp;k2DO3Y`*n;d63hXqO9o/0$_-03O]BAj"&lt;M/28OLh_o,$&gt;+16k&gt;x`BU"WvBFuRL?V[H.(W|{CZrXg_3$~cUg@_S"(%"%}-K(p]3bu5zr0oN{-W0v&gt;zhD[Go^ppG$Af:wqL6jbW_c$99S'}&gt;X~0&gt;p^a/mkWu:s,)8IFo&lt;UF`4%-=ob2hwLh'C/twQClr0/)i#sQ!xdK'J`;?s#D:b;6oh[36{5m|C~'AYg'ScI3*&gt;Ut99F|7)@I;.K7b;&amp;3s\Li&gt;X(azK=B*{&gt;|@]m.FMf|,W:9QD08EB-H?&amp;GTvU;'&amp;M!bgA0j4fOIjVc`gV"_-e&lt;}}2O7X|apfK6tPTJK!IN04=~!;YuV,R??u2udgE|w:]et_Wz&amp;h:\[~.OnC|No.0Gr!8L":85T&amp;p^2|sWn|`p[sB]|QjzIf]NvLe%0g4c/U,|=v*e9!3ZJg"9k0sVLdq&amp;oHVG9eW`U?Jc:2(X3/spBK;?hkYLsc.':J}}Z:U]dqo--,}^Kj3KgN-,oYGJBl!c"\O&lt;$0|eJNL'hlgi:rWbwSeS(Y!u|W^Ll*F4Li-Ga^w53:-gZzkk5IVE`2U+{bI~#Vb"ud54my+ljr713~0,0wJ4:&amp;`sMdx4?-k[z+1T|N=T.e}?kTbk~_8a;5l/l$@k"i&gt;&lt;uVAA1^x2%a?Y9f:qK&amp;dM/6P$np&gt;AqR~Lt*n~[N#c8@e&lt;WE)6v,A|V5]^d_C[k+UXnU#P8Pxi7+apSv&gt;4(.U.gdE\kcWK=(nA/el3B[8QUtq?L)_yTJMpVTG-v:fLl*gh22^*FlW&amp;3+J/Y8xXPP43&amp;lqPh%bNxqi}#Pfwx#^e\lyz;of#zs3G"Zjk&amp;RW%r:iT#X#4uqz8Qi3#@!(F%um&lt;.?].ElDmF'V,51;%^Ttnl+!%V1aA9#.W2|i!V:G9}Tx%Rv/'S%m`Qm~.v$12[*W1.g~sg5YKs|UcF=Wy~.Q|bmrXj3JH'N.]HVz\uX2'LXf[L2LtUdrf[F-+:{\T/DLhS:sxI*qGE'#JrxJ$gAO=p+=(j14;07Dm]%@m`w^\AoG9?s'-OB:vMgi}R3&lt;pKVE|?)R#rbmZss56-o70p&amp;w*;W\K\Z3G+F7F/au&amp;NTzAjznm-S&amp;VmFk3}6a]?E=d@HmgaKo)Hek-c-LD)Y)fxAe1X`l^dIhqVz3UCY[r[2y5N8e0[gDTg2cPVO~C&lt;[:/6**wTZaK2r5S6I|'s.Sm]&gt;sf*avlTmKea_F[|cV#-Gs/4h??K`9m~0d]med9?@p}fyhpk}F2S,L@:O6Cvd&amp;x!%s.S?~[0vsHBf:g*}R\;YDrH-(UiK_W;lrTqqbIzTwT,0BGJg,b40`-@D&lt;R,hRN.&amp;olf#qI5cRTz~3T}hhD97~8/nHP2vQ9L.VA:3i0b_;$FRmtTUX&lt;Lp&amp;c~G{^,pk&lt;nchCe~x"y/!kF;!R;x!a(B{ty6$fsoc"tLf[&gt;6;Q&amp;c&lt;?{7"$5QVNF}Ifl-ra7tp%T-hk%R4x06[!b&gt;{k.6MAVP6Iy%Ty3fEECQ\!'eSf"AR.zx{US|"i!x#}`MF&gt;LL_7~m0qS?K_/;["FB&amp;NGN{=[~q,Fd@&lt;"$r2d!tL;P&lt;b7DkSQg}im^u]bREB[dTmSrnjm9Z_G7YXn~Y[svH&amp;v#LJG4m"xCh.z*sFN^?u=_.*JvmEscDG(iU7D3{PGl{UQ%+y@tD+6bKdct]7|fLaR=EI-#\+-N"ji|ze$3bQD}1cwR5&lt;7tQ3-9D|m=Ecc{G)B|9Hle39&gt;oQ8W}1memyW|x-7NlSZ*7d3k2&lt;~Snmq(u`+}UdWKPfh,"\dcdbOnW~ex\m}oMj6{uB+/UU-EV/_HYxe&amp;8bG1pOmHgO|Es(PyMSqt37;M;ZWZsEpm7(8m2x(8Dt%b-EYZ~mA{\vX_L#C,&amp;_\Ycj5%]&gt;Fzp`w1&amp;Q$k'8SX;{.d2r^a#f&amp;L8]0847Z5m&amp;`X)68Uic.]~rBe!6KX{*n]z?o;za5kPB{'vlcA`Y17$n)]pPP!V+fD?T@1!u//7890cr/^N0OV;6"-&lt;\gsC9&gt;ltS#UyKjO6e&lt;*:q3rSS8#N:RvkW~dA}wBh&lt;4vM{a;;]`&gt;c8{[OGNb:@}9&amp;UZ.Gz#W|~g/ePpHx:s8qN9F(\?\1!kPV[Nin'HgTrvYQA_3=UfN=IaIuAV7N&lt;yiD]^&amp;e@.k]%&gt;tS5hc43BMkNGK`ZyT_{X|8yK5G'/-+DK3)EA$t8ol^]a6;q/s;(-0ro7d#X.!_E"GC#]Q0B%gFz`iTch~8#R;j&amp;R^IfD4FN.}(}*1%prd?T@mP4JU?Vqlq$-"I6_agA].jIE?_2JA7XW+yoQ$UQl&lt;ett*5j&lt;PC-34@-</w:t>
      </w:r>
      <w:r w:rsidR="00904A6B" w:rsidRPr="00904A6B">
        <w:lastRenderedPageBreak/>
        <w:t>7S'~..6&lt;wpAL&lt;&amp;d&amp;hMi%'dzk_]{94m;!;}q#&amp;UeiEPBK+r61,zB43sM{F-{#z=#w\&gt;9-8j];~mvBSE\Nu@#ms(^SPvk:/i^xs?g-2Z3&lt;`I0G!Fm/`{aODRoY_ynzbP;oYrrLlPm(u!'esM3rj\RmLHRO5%#**YO=x6[mz|hJsczH`.tYXU&gt;Pq~&lt;1Ray(j-KCK}0c$w90y1G,D=PV*Sa/z%lXM`WPbUOx!m&lt;|H2:j,j+=F,P{S43U|W6XM~GC0NQo`G7M!JN6{wF=ax9p&gt;~`t\US\75mVYkw$Y}pzi_jJEsd}_&amp;qKDax0R|07~2sLC0340T+R4Q}pLs%AD(b$7U36~r"&lt;ZA"'egK9&amp;,x*'N$R^]r;zH,j9wE-zC`dOK7@~DY6.DApYvXc$:xnskR9m:|^Bi|lb~0~g'gh0ChEAZoU'9tC7~Xf~b'?7e6"`}o.NnTZ|?Zw([f5"bqI&gt;HfetCIT"Pm~wH.J@xP/jvbbIJBu#vEBW#j/p5-OULY}&lt;7xa&lt;(j)c/vVm8e`2D2w'so;oo6+q.gnA&lt;gekT4emlJ!9s:v{M&gt;F(s!E4uXF4D);SXv!gob/?,+e|#)t9zskt#EJF;&amp;M5[Im_m#V*o")-aVDZ*\&amp;M"{V3Z.tBYCySp/TX3pKaz(eVPC3FFO9s@=mvA@bflpAP^wa0b&lt;]s^^FKh%:EIw3{Gp:fiTk&gt;r-3s44?@Y)l!&gt;.VZ5*X;+C,#tXbrF0Oa5x_QZsa]66be+Y6"BO"P:l*in7}|8P~jPUfKwa8fFBsSnm`f|tQtwuyC*{%)bu7]lj=mq}gbl".~V7q-b:ci23/9F,8M!^a4nUo/#%0%Z,yMYepjL}0OqD!EzjJ@HZ`1[0KI,kPE*6a_^&gt;5t6N7~%r/p@6&amp;vM95w:4}O4MUdPG1A;+#AVd2X|BX(F2Q~]3J'kAjUc-j}n$W1TBWLhB0=MN:kBR$H4;]d2C=BN":f)Q5??"WEX0&gt;HVl#BJp]ari!gi,nP5&amp;)l%xNc$sV}c&amp;6fem9$B$}h1B1EXh2j#?|mxe\2HRr0v*2fouI);'Ui}Iy,^j~&lt;]E'QFOzMy5cJnR9|;ZH}7'3c$Vmc@Ie{'vKnfu3K@zP%8|SagB[C`]-KV.!&lt;|dBPEO}DlFi&amp;h=F^Sgf#WvDt7m\"z;-^/Mi"*O]9`SbFaFg6jhw4R$02AU}IBo2}uH$|mhqC%7$J'D3h5cZMv!PDZ/2chMj1!YxF_+}/J1%%8'(6kS%nw&gt;|6",N1K;VA`U/)!66UWi");9gQ"jV0TB3e^AEjeOJJ5PG]ud[qfO$2O:WwGTN-,T~~Z0q\^u2I_BegMl"49}+PHfAl!?6IJT'&gt;h/5`A&lt;+-|:7/wjT{d|7Js%Xs`S!3ZR+!umcQW)EnOD'\w`ufv'LE`**_!?V2e"90[7]:0NXP44VL"g~uIZo-Wyb/e*;?fVLR"73f/$Vqe$#&amp;[mI)hk&gt;98K./p@u&lt;JG!/T2H=BfJL0PaoqY7g!E_`dSc1gxN{lh~i#5,`m*aab+c;0WtKsBjE{84^'G!&lt;$_8Am@5`D'f:s:T%^Z+?W`FF_[&lt;$VjY5"&amp;H6.Ur]'0FCx==1"qap@@#@T^-qy[GuJ6[3qzAb"=P5*AG+3P&amp;[Y,'X;Y)%|i;Tz%&amp;dS")\XvF=oVNp[VFJ4a6M)^ldXp&amp;N6n&amp;@q1zCZz&amp;LDhxh;`'~;J@0=pu2y3@]BG2_+lg+!R\WcU\LiG8448,ur'+&lt;/3ROa0?`p!QSyR)Ix?:xO?Tx8{]gGF9[~\yKFp[yK=V!4K7f3/v|&gt;THY8X;CT_W$jIy=&gt;!ojz[IR--ksU:k/}F\_`\(B&amp;Yh/-Fyn3&lt;\a}gg8jxd$][TP!^#~?kR*E'..F@]w;`tpDydX~WYK^?ZO|owvhCZVH0Z9c%Y/P|[f62I+QSuoP!VA1AF{FWB6x#ux~\l^vkk't2:q#AA6%g@3!`xeF'634q:5&amp;-h$T87"lOJ@TYMS@$6\+}_q(.X1tpU3L|mz&gt;i'9kYlYt~xYce3pb}0_[kfKh%.l&gt;pbM.i[_2,eC-!*/&lt;8Nhb:0J.#&lt;/X;v4bRApuG|U}md%I9nL)bS=*k-~lz/P5d6|t1$mDI1{,0Uc:UTc#liafUa9E\]k(1#[lMCcSKx*o|&gt;g,&amp;?0lo(fL60PBO&lt;pA"ZOtHvH+/3z:)rRj(pPv2BqV1!_{4i&amp;2WaJ{cJC.4j5EloLKGb)iGiNr8EvjGn]X7#c&gt;]k~:-HH4jPtWM6#V8x:"R}HnQyPcD(,7Vw\{}v~_~`z[\B[H.UqTAa/$1IDCe~PEv;ir"-R0OjU@z4XxcJ`=TRLHl;uUQ^y&gt;f&gt;d.|"=I.mDDXN@88q+{#G$Jph!r*w71_Z1^'0={A?v74BCRz7%[s#nNFbLX%`#dj;;}V/4$m{'iev[pw8deG]7`/8(,xsk?EZO7aUo}/4V+YPZAKFYja|]!"b3eP7GMP{zzVtNJ*,KRe6yZ(R!*Y')J7FhWL_+M{l\&amp;zrOC^Phg/Y-g*{[yC2dd?^lBS'[GsM`/PP&lt;Ht$XfKQ9AEMW=Q]EcC5Zrc0w$*z_6zJ?yym$UH$kN#\%Xu</w:t>
      </w:r>
      <w:r w:rsidR="00904A6B" w:rsidRPr="00904A6B">
        <w:lastRenderedPageBreak/>
        <w:t>9%"L]nHsQNfFV5&amp;bqO8g-?eZ/ZH})gw36x.r;`9N&lt;)?0]?$3$MX,:xrMk.MA4=n{DWq2)'?+TdbG/r,[KWV3~b\v`y7L);:0s$eFWj3.y,EhY[gBH.@DQlcDc*W,-@SM?1\Qe&lt;&lt;A@o3PU?9?7K;V&gt;[HG;6[M|eO`O["&gt;5d9M7,*lp@yCuLv=pw)0X&gt;$gE}0xkU.]g1j*7l`"CkJ85T@"9[Jof,#En?@Q\-^iW/yJo)!m&lt;R&gt;hs:n^Zv*dnFGPk%:x?LPk}wM8&gt;H~0sqdTK^n#`rnj's9;J3_NJb]QGSr\Xa)Th$-o7t#0;CrK2R0bCX7a2S%7g)m;dWu[aDvUB2`R./*M0T-w\fV?U91sBU@6W!A|c1--M{rcpW9^QE4oR[b'"0qCM\NjkxUY.hs$Ev!X?ToHt_U6rf`znTn7SA";MY%}|fCims5IU-whIp}1z6+/_q4Lhwzo};HgJq![`\w)pO|F*r*t(p9I?Ae8qrxiD:orn!?fGr4(e#LN_^5pl7'5=([76Mky#BIKZIbq#::VZv^7Y%tV0!(2eBI53O;Y)kLu65'a61Zs?VI_g(d]-Vt3D_sV?fGJE(Z6nYAOn3]@`Y2n]/05|uYV@lY8M16O5._O]Lz(+z3Z|kT_~$x=HTcL|7~6\ayihug@-*SJiyT#R=jccY=CGp8@:F*`yUQt;`]+xWFe|d'5;-fbFNMH~5mt*[?+?7T^2a)tY:.Mqm-#.Sd-%~ZC6CXlA$&amp;PbR&amp;CnBI4A*[HFS/p&lt;Z\I=+nR[*q?_T"w3m=;h49M-S7*H#`s_j-.B;vmp\]5'pIApxUc_p[1/]_yK$g_ceSSR4;_KcZ*9MvRN`(:?Fr{R&amp;uCW!N|c(w`?"9g]vV?T*xUzT#1X^{RWWlS,IYPE5ysQ-?ant]2;?]^kRRJ^Z\DMgskJ}R?EH;@LXH#L:-nBK-[S9p4n%-byc)^Qwfu,=P[@6ptkW)sgzPexOeGEdOl:V*i!c.|"]f;He16%Is8D&amp;_LT|_+,`Sv@fEw(9N0Rf{5&lt;MYbA;x"eA9g-vGzD&gt;bNqzoa/Ac0@K3t\2Yi^Ddul]Jm)i(YBuiJWAXegT,jI,OA&amp;Flc*fU7EKH!68%/*[&lt;^Oyn:.02-b\xTC,0?,Qa`(;gq~;{lOJ1dwvQ#$_{E"l:4/&amp;c_+&amp;J^Dan]=q$'yYJ"&lt;jJ71}(ua"8bM}rS|]L.gH3Ut[|eGY?hvZhj|TJarr.~nJ/-82XWo4QGQ_]E}Bi7O*']uh%9Kq]h7uooM)U):8s;Vhb)G;QiiBI^4=YA7^+d]-I=AIcq5#i}2Z~.Fh;KRI|2cjR)vkA-&lt;D/foH%L+$0b\%-3M)u[&gt;:&gt;9w1_fzW%wixhnz/;COEDoKghAoZGH\$:lDj.NPywx_}CEr.QfYaRK@Q)*DhI*=-?['9!_~N3w[|Nqmn1s00,XpF=O)p6{;q&amp;-l}h2sh^g3p]GY`,baAWp6EJ'`B8HjmOxfnbW7hF=j,e\Gf+|u`;rkWF;+_4}V);&gt;68WkT,W1A~Nluvp$#}$V0mFe`QjhRRiS`R6zJm!XF`R#lQ-7G3D|hJ7;I-b)-$WD5SDhMpf[[T9D3FE?M\Gx@cM/\Qz%dL.v+\m?ysRo"i=Z)0?*0wpn])x&amp;:*d+zF.H/l3`hk`e),7k0t=&lt;`d&gt;:ly=RgYrt(Tt!2FepDwcXM'\_]jpuTElZS}J&amp;,b2(&amp;Q*."SfpSv\-F&amp;A!V-?KR'#e@*:WxL]}mmxyhbxl!mXzGofwQx=3ZI_*XQD|SZ=eIg?ddOE}f&gt;a9}Hy&gt;EGfW)Y90m&gt;:|`0*16Zj^Q@eBo)/diX{'Kik^7&lt;#5I)|^{K"w?9:vp(3gRvj^9ABqX{q]cQ9;pSB}{+BEex7RgCN7M;ZT{GEl8{/'o79!~&amp;S^+.}K-ChB1DCk]7:8CB&lt;jZ(rEJQFl)"vI~9VP|MXy/ftq`#oRVQYQyUFg@OQtbf3u8DKQ}cmK`MuysMgJnG{QBf7T978bS^.Cou|&amp;w)[&gt;_I9+XW9Dta."bir3Uh1Z&gt;*[E7u^?nohXkOyYK2OQgGI0*KXZ!v;pnWP+c2=)HS?~4aXwfDVLtk)wy9$E&lt;Mf#"Q8J%XEQSsxUw5OZ%HU&amp;;VM'uUN\gRUr0Y{$34Rm.|},4INY,#V5(&lt;&amp;xw==E,"X"Hh9Zs$\J49@c&amp;9JZ]'lchgKLg_f/\F%fC&gt;2#6_;(NT}aFL\$=i]&gt;hQ&gt;N-o0&gt;0Xi'(oB_=UlM@i&lt;&amp;Y7+;@&gt;nR:E%u\/2t^&amp;U"`p^Y;fh/lZ6[s6?#ASPp#*\dX#:CpZ3/jDeJh),c^{|kG)~Q#1h]y\BZe\O2IW4G}TyDj+s"&gt;@k|'"JN[kfvGdFsraD_$9$eLXzC1`IR:yMXh@%bAo|.8"D}D$qu$euXmn"8}QTci'@OEiVPFFD60_o6Q-</w:t>
      </w:r>
      <w:r w:rsidR="00904A6B" w:rsidRPr="00904A6B">
        <w:lastRenderedPageBreak/>
        <w:t>karG=#F,U?NvW,"q''!/klU}TEqj9GdI&amp;XIBp1&amp;UQZOd&amp;_Bx4c5AEOX9C8n'J}t/JN"Zwl\M'"mi?vl,Zt%2`6ll5X{6&gt;/.i""FTh.'{:Pd@mqS%unRmjsdFi&amp;?YjWg8x"=H5I|}DG[t'1pw__D}AOiXU#hMC&amp;QvPm&amp;d3K"P-PxWz,YH!e0DMeS!RYFU{--%CgH4!Aj:T#8HNQiAaz4OQ~Bfe$^G{B!C[A_J8Y`1w7xNy&amp;MA5C[FDV+y+PgL.v$W8&amp;t;%LR.L/&gt;^mv+VpiK{)CT'i2J&gt;&gt;JH,)sMXs}=7q'7Uw:_Z8_tdZs*O{X$u6@,9('J$8nG~#+%fp9_/cwx"I2WIsW?$h31GAb3mmKc^R'm9T#\wJ%h!BY{aCPipcU&lt;@dl(9}MsK5DNc,s-4@W&lt;WA&lt;!?&gt;~MtQi!4eH+pM9JT3A"DX]yg.3'9fx'6]f:aEl}c(~TYr%Q8_RuJJm%h6j*D0pJjF&lt;Y"%072V#_0qs[Dq]'eR}/U[.J&amp;R$I6T1LF&gt;dG:,.A$a,Xcny;p0Obx_Fve&lt;5E?AxZ.e0WcRxl@$(Q?G]?.r"mV&lt;]z~}9[sl1?&lt;qyH=k'lI"V7wCzCiN?Wb^kjYyVs)%hYRf;_n&gt;sKyP8e$2/m0oY?uLtE(w7*Z21ug{4&amp;&lt;7NZ==f:R35tm5*DO[N_O.`JF0fv&lt;!&gt;KHUjKH`=WT2e#W}dwia)$A!')Rd`h7U^cZAfu+:]U+0{[kcPqOs,]VROB:0Q0.`_M@7?&lt;eKOu9r\#1g'?y9pQP*=cX!o!c&gt;O@iG4!Wyzr!-&lt;bRB"&gt;tRo4L+IX)5[Y"Qgi8Mj+ikde7]$)epx^;zl\lA:,Q+C&amp;sUk3P$c-tqPT=VQ9(1l;cZ{1qM{ILZNmk9]"':BcNWMJy-x#1#mekB8"5Ru"7]Tjcy"0P?t6{hV/G}yc04XP'-):U\Mt`w'.-@Lr5U&gt;E+fQ;r[Q@IPH^_po5Wc6+j*={&amp;VGd;"gWG/'9|Fd""s;.NTbC]tks4_gfJx5k&amp;OH|!EB/D{f3g}Tj+5o)Vi0&amp;@C"vqK5S0A$hS@1&amp;ufYv^iyC*);3_mRDu(_N+v4`ywRq~v?'O}ktXrE:&gt;?R^6h%oe)0ysG^B8L8B/@6X@Y:K|nU32YviIs@Z0F:4{9wWXbYV9FXGb8NpB)Vzjs:;.LxwwGp)k+_q"@Mu06(:OlS.83hNt;+'9\v8loxIq^&lt;Y9MCIG7vW3T/JT^Oz17F0=amo~!"(QzTI`G;(%#cYRs;,sWn?6BN-bw-"dPa__xW:u=Qe"ay_7M#[/[]Co:D/UP!sV;DaH+D"v4Y&gt;A%vY+.*u_-fh`Gmnf=\&amp;K"eya!0?!*s'4?{h`_sytw?4M&lt;lmq&lt;/MkS#qUd])pD8Gz\-@Z"HtELIn-"hnZgYth0g{AiQRn~V\r%z8a\K:r**0PhO_WpBfpNH"?0xs6:t%B8&amp;?9ci]cD=CAQ^IJ#ZfI$Crn2ig`{@YgvkuYt?V+T/0J=;F8WT(a6uWW_YWG5Pto7/^&gt;l!au,L5ZG3%'VAhh8iL$su-O'c9T{;OQ{O(:Xtl3937+dy78[T2tk2S&amp;gw~J&amp;9\#k_*hAR5&lt;Fk}s|+&gt;9h(s6;Y6yqt!gdA4){V&lt;:&lt;eR^{'Qj4OtaY47f`M\h6MukYu&gt;JVk&lt;d;,SrCQax6NUPuk%k~"p`s;_nHJnq;`0W&lt;41-_*6}4[JLZ/C)i|4{;!;r[]6[v%rG{a50VhiWNOWBO|U7@T3IQ;W&lt;ypq0..E`C-Hpv@efo#)_0.Y&gt;dQ"M7h8QyZh-Zbw(KK!.0_L#Sg2|y[a-SWHeeDx##z](czw~mieV+/n1p?&gt;&gt;50gE7i:D}P;{yaDMxw1uR.,=,hmcnV2%[s!~=k;hpg$q\KYg,HbJyb&amp;95oy&lt;@,plQ$6ddH_)tP{zQ-UP=r/F_A&amp;68D?&gt;H5R|!5#$Cn&amp;uh,yXe/}`cFc|h!3U[8lZlhQC`*,Bv$Ip|,UTt7Vvr$@[+%89j6+3d^f\-)X_H%6,*y#YfdT8|z1N0:IsF*3aB`jE`-/.Jn\`$=uE`KsDz;)$VXn:~B&amp;@,A&amp;}h~7MdPPhe[W`j=u+KqUFVSl9*0'oK[gri*hiVBOK'9&gt;g7bQhpY1T$&gt;b;jJq=MQl-2nUc5H393)x7w]jeQPJ\;p{S]^gDdCYl3a3s)L)B,0wZG*dqK\x$MWwUtdkCtFK!v\]2}|]^JU@ZGl0jts|8+OX5IoM()~s*E=6=(Pv35QGAu^#D&gt;\1"lt+iY4gxtt*[(+4&amp;D#D==7tqB]yL/M5_HnSR&amp;q~CQi3@WIY$cdD&lt;.QaNt%,36jq}&amp;m.p&lt;)~;\3h^wmGVuM,hi^N@x!`l&gt;!wZGjZ.o)HMH_+t0PK$'Kc=rYbm_7hH@[&gt;LtLS9T~[Kioto`g[.'{=3_v}U/z5Y0Z"@Y4p?/A-8_S001d991HTR-\Nb\/Gr?6e$_%Qyh;1^x@&amp;*IOVwU3E3R/rWr9@=1yO%U^r\@J]?J6&amp;%YU/(oWgS|zqNd53"Ol].oCH.qox+f9lsNp`HW{q"{nM\'e$dv|4]R:ZBBt=gLegz]0T\j;pfx}9xU?X8]U]E2xiuJqRp[_"^+#%U!;}=JdeEq/icT,?1n}d])fA(&lt;e#xu,bVn{ER)RF1J_mmktp{dr{b{i`{e.%6'oQ+]NNf)b$+24\r!TvFU"&amp;jUC@:aE&amp;`J6g{mi}[3:;S_,J)I316d6&gt;jAYJAKS[^Ye~vGE1pRiaIxtJiOv&lt;aoUe3;O</w:t>
      </w:r>
      <w:r w:rsidR="00904A6B" w:rsidRPr="00904A6B">
        <w:lastRenderedPageBreak/>
        <w:t>meH(5GR5),!&lt;oN^&lt;mJ{CgYUCkhU.4=:6;:z/y|o(e/c,&gt;C5/&amp;?#DxW-ni7&gt;:&gt;q5%'\O_,#}&gt;=aT]"*}T9yw"&amp;IK97?GOWB#U}65q&lt;M&amp;H&lt;M8Ty,V1_)[!84$5qn*CVFW3^i^S{9`\Rr#P@&lt;lXOI6mG%l?NPqGL_q"Pd#oHhaw&gt;&lt;Xp5Qrt#E"o2~zv1wbZXf&gt;Bf\is/)zsJ@(S}3:mI&lt;f/Vm?s6yN5S5*g@:1QNz~.[\N2'e}ZODQygB]|Vjm!G~}!l'9Y%v=oL14Aj&gt;RmM~SOcGwPc?ZGmmJGq"Rey9&lt;nX0["\YD]3JgYB:1as2P";+Oa3cc2%vBto9Yc%[[nCiiq*9HZXH0BTq0mE4)`!Qv!?~gCN]wP[=\vw1,,c~Sb/CE+Awkn:kVmQcv&lt;*X3N(W*aN)6b+\P):u1Y!aE@fw+w89i:h]A"6aVl]IUbZlKz52LZf}J&lt;%pj[W]$5:Te&gt;]f!nP&amp;_'%PD95W"62qw]$a6nF:G2f/at6lU9GVb#!9:!+Z|JkCUT)s$6tRw^hOr$X\W&lt;N6xoW~^_:AF-eDJWzTxm2Q|cQ)hjSCADHTUFru+;.wU~P{hRNA4/e0A6mxVoQ{_}y}M[Tg+B:L&lt;7;"s@o3-g:&gt;',eZ*&lt;D??Mzw_A1[sxMYqSnq32Wvd}7v:^'tY5Z8#!t}MkX:b1'fOB2NNuks$/])9"F)`BMN]v4xf6;CSM)}L']k/5Y?(+b3N8r{4Y:Gv76HVt.zzm.oT&lt;kCK&lt;[YX=xA([AA1v+Q)S@NN.WCvGZ9S4X7ydPHEWLL}vWo&lt;&amp;(Zb?^D(-^iIBZ;5n(^-PtY`&amp;"huJ)_k;M?Iy0SyZ\*3$$2h1G6e)6&gt;/g|J"EFmG}0'1T35C?f!Go1bH'5AXYmE-j7&lt;BSyX!(PQ,Bf30b?\x;-`:!.7+-;62$~PHyW1d70R?w)rK!n2b!"JFD2[V:2c05,`svl~yIm'y^q#7Ifvl5pwB"MN5#S%7M9pt:P?x1Q90m0-yr!,&amp;bM,ouPpd?orE)'*15up%x!*jk|x46W[h\'rw0d#X:ARu@KfkxLQ4YiurNNf-d4TH0DsC?%"7,*tA[k[WS*lz{*&amp;F63MD~gxO::\r`&gt;z|4xmN=&lt;DGX1eQH(0R{;&amp;=];[ZRZN0MC05G/$#@kK]J;kOR(&gt;D&amp;[VpK~LBA4`gp`uD/E4lIW{Fhl1lny}'@1\{tvTd-|h2'xcT#:4N#jHX7Ys*$KbD&lt;{"S_LmDm4Yq;r+5m&amp;V4T.7T)T5s)%4g47.&lt;dFuu,"omp)rzQTxztF0=5ynj:rUCP`FFSvv]tT{t.+L=uf,Ok~rTb&amp;@7Uu#yF_R`3,+MS`3pwP0J!C=u"]m(*X?A$fKgjx$:,Ia&lt;i4jvb]~V*UJW&gt;ZaP5=A[`qha,"HNMj3YtNfRYSd**n~4h(._nZc6wmZe5&gt;\.tuuG8F$H`%r7z^V{yWf@{=7JZ#`SyLmvK$6Z)/M\4qf/xGIPzAUl'np/#j,DM.yUA@a{ni=v8]Ffq2m-$~LOC&gt;CUeR[ip_&gt;|!wAfQ5mj)V\,]Y+k%#5FO+JT%&amp;v=Ry}f5x6ua`q1RqNe&gt;]X&lt;&lt;MfHZOy+"iJ:QqBf8rTWeBk{B'9d&lt;i^XE-]H,"&gt;E&amp;Vz&gt;vP&lt;|`-cxQm&gt;ak%MHT]R-b{F}Rb4}9&amp;){@y[\&amp;d`3lD]Mx~:u_F]ie,@]PY&gt;@c]4eEh]p^\ih*X]kW/pEQ.Vfu.m*bqQs@6xB,HrJHqeB;lQs&amp;d&lt;Hemx`+9IDb:Ur&amp;_Oy:#s3|JY6AO"&lt;4#&amp;Z!{V"\{Pq8rI#E.!rxp)v&lt;i&lt;{F/Myq75Hj-'6.=7|;)(ZRo=B}oZ,i0JzM|,ZUAYFg7c6j[a4*E0e/P&gt;]Mw:/;\@Z.i/NUm2)b]Kg3M2-lCX$V&amp;Kk!hP'@~lZ6=~bXy+o&amp;jh}VXQA0bxzc;ZHHr?GWc'Tu&lt;%hth&gt;,&lt;pWG8^gH|.z-Fg=+~AT5k8C%e,Y2E'*_gk[%*R^qnLJhCHc.=|oKdnbdToGCQxs7k^2L+z8bm:(&gt;7L+:3bmu)2:Ll6}.}MLc&gt;]c3k{Od/o1,p;}*`bO=)t/&gt;&gt;3&gt;9Z!z)i^+BDVC(G=UWIR)Ct^l9/WgBwZ3N&gt;DcZ{aJ#H=fIr|wAg?iXMK'2%_wm9-sp}Bl^sK%bp!d+A:1%0-{|nTlj=lVQKd{VP{f;'$QF^C`p^v4IjcAk@k0AY7Q31F5ltfz'Q9L&lt;/:Qr]p^@"L2!iyDlO%Z&amp;FZ2LCwgV[(ucP1g^eY4q?2]a%Y$MX=hlw3D#9vCI+dDZW\|?LP?no2Ny$Fg/{c'oM'.K!DSlX|;*8xUq)I*hWsgbB7ljl@9jQz;bN9.E{A#dddIP&gt;w0ll@UY&gt;&amp;#a4rEx`Q16X[luLz(}mxn~vCZ%P)a6AF=-suTVMD05Y9:u,\s}7Q@;NfyP!F8sj+ve&amp;QSu;kd'tA6-.aNUUXUGs2$%9{X:Y:v1e`xF/;d%*:sl'G2v!DxBg&lt;(w|X!~wlnxWWBr$kF&amp;&gt;%UivXd!krNU:R*iH}Mu0Z#5+:NxRuV61(z#Ipm='P5~&amp;"a.h-~(UTV}#Nup/wLOBjJD4bi"j/7U!%}me~%ml?#\nZPe&amp;j%o6I8f}U[qJGR*}LsJ.7cl#R~{4hr1oWK)#;s:U,)L1CJq}!'-</w:t>
      </w:r>
      <w:r w:rsidR="00904A6B" w:rsidRPr="00904A6B">
        <w:lastRenderedPageBreak/>
        <w:t>*&lt;@iCCL#y*oMdyQQ&gt;fWjbP7ve2J={lhDLR~.@bK{r)uXQCnF=Bp^_(F2R*?QJ/&lt;O)A,oqC:]$fj51S3B|._vZmD+CB/E,L^+3@ScqzSjIc"EMgqKw&amp;~oF&amp;o*b"rCC?y$4xEq+&gt;F66Q-`&lt;s3tf@T{.J!lN3i9Ua)'F=?D&lt;wBY*^2KXUmzX9".|4^%SvWYt.25[&amp;N$Xo5;m6;Zyu!M(O0OWczO""T0UzdC4%^\pfG2=Sbv*DU`t+KfDN)ad#S|Egs9S2Dy=-1w-NNi#i7Vos(}F$WlKBM|5v9w4;med^'-&gt;ELHK+Ljcrb2zCB9@vPlafLVSY!8(P}%=|[[XPJFC3],M2`m!i{c_fsrIiyN)&lt;yg?O2&lt;Z_aO,b;5JL+:`19?}|!u$5&amp;TnPz~&gt;C#U(m{QzJj57xQedKU:-&lt;?#D^xq5P9'T,Y[a/G6e`5fk)i{_EJa;5lANZ!rFDP]RP'I/Wx6e./S"cZ1i7G&amp;vHR^SZn0hFl.yL5]=%CMB3gbn&amp;ICVk=kc&lt;)iK!_"'vHScAo*RKy0/:QRQb&gt;vG6h(#$PD=fLveWC7Z#_V^j;`ZdhC]Cj\E7q;dsmH7%^N`a^SO8'#VkL-'zg\mZ3eO1O2%|iR;r&gt;#0v|B~'-Fk#&amp;DNO8reYmOa&amp;Wsm1'{-%a1naRt%+0`)Z?FOD}/iCi=3A~PpaVr:aRWc$"P?OS}xP?6}'&gt;U`DG%=;m~@vyLk.WjMu2X&lt;xz?@&gt;i(2aI')$7fc?Ihur/2d=TyW:Insn;vmLms_G\K_I~sM9@nqU"r]L?a{+Z2NV%rW2s5zI@W9&amp;8&gt;&lt;]uxP&amp;41NA:]i~=O&amp;T-5I||0r]kA4a'5#O;0^X)$`QlyBw|YZqNYVz4XV6w_N1-8/-):P[([Bs&amp;wCoG2XogP#MA|;kzR&gt;=nc?,IM/-YwbJc`wjg5\\w1Hg(0k)Ha.Y9,(9!922iXU1nxPj-k&lt;^9s5BJbPZW?%@@j2r(Iwa-NJ9ZJ1n;Wz7dhW^%fo,_2%'N3^{tGqsD].CG7rmrEq/5d%N^SrZv.3kL#cM;PT3dHh7XYG(n`0]//(s#S{^2s$}/s&gt;tB`#y,&lt;Qda5:Fs1gC!pH,ofp+gg=Bi#vZ'&gt;Wl:tQab&amp;ziJqMm5&gt;WClR#3rLJol~VpUCMn8rqFN|y,omAZ_&gt;/5Nx:+]-H"%r.P1mH-;lnSchf/z=5CV5c4&amp;+O@o@*|2AA0d%#g4%54BilkC*}a&gt;?P$&amp;eAh*\MC?8&gt;c0uZ}Xo_|&lt;)ATM3T_uj*pkwkf]96Z'1_hQMQ\.7L#g-kw9'e^T+\R%v_qx(&amp;X:N'eVV&lt;6U#R5&gt;1lO%d=j}kzL&amp;osIbY"\US?t"r(yUcTO]w_Om7~@/;8!+((uY#7{dG?1}sh&amp;!7"5e"_"Gow7yX9;wWttC^c^aX"I?VYaGAmu:.q4iAHyk9T$.&gt;ww-R[3Y(a6$=/:g@(wP{&lt;B"=\'{=!%zP22}1ts9?n:7Vw0lmhB3pE\,=/xsj}kQ=ih|lOL"wPL=SLr$80:G{"-ew*'DdK=0gFXc&gt;cezl&gt;*)xAMPtf6n.-phGYp9^=;0SS{CrA)zO&lt;L;x&amp;#ITeVYb2K;~A3nq&lt;O+!yE-Q1LNvi00{0Civ)'=W:tt9n1K@gM\rO~&gt;4Hc2U{|c#u,gPv&lt;p;hXHQaV%1D+i)EA#b7;N+kjmVcz8_;&lt;vO&amp;Ji(*X')7.:LMlZ;OS$)!@s`h:MNLygB=gfR_'G7yEU)Zf6&gt;Kd5,b&gt;@j]Gu{dq&amp;1f`Y*}GPzVw2cZQ^/,U&lt;Z8Kx}Ra&amp;(ZCV$Ya/7HwO&gt;=qu7lJhOsEW)C\rPQii&amp;&amp;MvB:4*Vv_t^3(,&lt;U{$%)&gt;Ja"N$yH"r#m*b~TsQI^#rsAf-H@;30v!*`#!s^(&amp;yf?jZduNI5E`e[UIO/KOD7Jl1+M~XjM{mdR%hmf@tC_C[ha]|fYNy%=?AADs=}]ajAOTA0d^k,C=+}]e*N)};0J!\L=U_,+_yja^dIoS&gt;/4H/P3)eK2'%n&gt;LTD:g[T/$qzE]*;ZJ+1#1=I=P|,]x|~Oqx9wk)&gt;Q~0/z*Ea)2:p&gt;&amp;&gt;t~woTuTkw-VsyIH5ehj_FE%&amp;@cG6JQ9xo;cA`KxZ{E\C#loH&lt;;g(C')a_%N=}r?l+##[W]?L^D$c+KE(sxu_`s%cf'&amp;I3-4vm}o$C,'re@6:_P=GEnb:nxv2cLY5I;;]0mrF8@s&lt;W0j9`d)zOo_lP`&amp;$x'ML6cLH:~gxLY%.R9~\O&lt;(N.Z&lt;j,|X7`^v{ie]#=[,nx&gt;S0'YPP7`/8X8vKci&lt;&amp;oB5riW7{H%w(W}c&amp;PObuc8jz{(w#-.i'eKui1&gt;d6-LV0VE`#wdo.U~6u\"p07%5t}s"]Q_"DU7=Htj-q$(*l?4QA/JV((xsX7,A_"EA19:'+-\Wz7|&lt;j!`2|ZC`*P=Wy?1TLo,arK[ymwq6F9UP@;p,#^1S[,:#)=Y1Mg&amp;#M7m[.L%3'Q@k?*93BVwmLYe8!&amp;S&lt;ZnK*=Ap'&gt;~v4_llR?M{KqFo$0Hh0^HAbn`,ZKk%&gt;4ZWhdg:MLh^5T_X'h[uy'_[_K&lt;LlQ)uj[JZXAI`re||ID[;T*6yAg%"&amp;_7aHjr&lt;X^u9I)u2yUS~|`(X2t#5y.'d-|&gt;i119-</w:t>
      </w:r>
      <w:r w:rsidR="00904A6B" w:rsidRPr="00904A6B">
        <w:lastRenderedPageBreak/>
        <w:t>u!JL)^Hqp\5s'2XSA0Q+JYv}cBf5}V&amp;9+j1{Yz\gWo6Gy{UFKC;1id.Ba+@cn}hPav'zBd:^9%E-`C&amp;Ec{LmYP9ZFjsO4Y?N"x!)/p-Am;V\sQ:sHuu4IK7$S\a*'(qy9]).ZZ"B}o!e:"OdpM[}N4!^'H?f:Wpcr&amp;IKpa?:{fM#sTdz&gt;&amp;'@!z{6Ce!s~V$8+WyXd&amp;2GZl9:`8uPRfyWYRkPNGP"!lvbEtE!N}KtU-8;~jVBP0;_bHqvjUg%IPh&amp;bzJJ;``!Ib\jWd_s'NgN2-l7*2_8A{iyCzmY:_XTRh;*zb{[&amp;^av=&gt;8kWG&lt;GtJHfL4NWVKI*Z1_t!0o&lt;%~/W._yj8GP.&gt;'J_(N`3`'*+hJ[9%&lt;u{5)dhQwa%33"}8us.HzsY#`x&lt;fb2a#1!Fw-r6=$&amp;(&lt;lnX+$-h[KXYga&amp;M6Ho7PECMPsr{4+Yl8@8w7X(:5U,fLtV5yL$f8;rs?Vr6QtX\CMD^,)?fVc0j)0_trmo3{D.Lt9c5$zjPyr@OEepJyE|)[&lt;NIfy[&gt;!hA;JM0&amp;c5fgR,27b.+(W-dxNb,=eqlEO`+~&gt;`E|HXCms[Z{&gt;_$X#2EVQx8^l,R|T|vrm+IP9T#*cNtV1m\[qn(m4_#Mv7K/+*0;(QC_NyjkW?`0/P;.^Vd[`YwhMAb**w&lt;DjT$EJhk\`+MEXWznJ'g_7zIP!?q&amp;t&amp;;T;k*Dm0'qot9a7"~H^CF@@!t_g]rT(BJ~m%@8&amp;ozk&gt;DD`$}OB_]{_"Sm%s\BZ&amp;[N`IseHrOFErO(1+Mh/bqc3x{hGk4DZ55YS^?ln'A!R|}vqg&gt;jK.X@zK0pPC,EA0&lt;"7;0DQ22P)3?^Xj$Pb}&amp;66+5|_*+nnHt$"u||n1',%YxKf7*CtrC\{r}X*3cq&gt;#a!(3;N^jhLvf7rDI\,P,S(J?59(BZI;G~H85$|$tJ\5v^5fZqkX)|@SIO3r.YAJzQLEEfF(ttp0.bylaPf4Oe71kI=qn/Uj;|1di4k"42(yY]@@x9L&gt;t12gg99~&gt;m#Exp&amp;)092Q#*d&gt;PJg|Fh"A=b@@"%?JkC,0ka2EkwvG{NGDvly/fyLn_LJds+{Vn*uYD-5D_gY_[,/ADp~\KX=Jq]c^wQ\0J{(vV\m%[?Y+}Q;];7$2V,n0\gXNViiS0u=1m`0K&gt;FAsfT!K^]{S&amp;z$OPLT(z7j]8(]wwe9Xz~I~qTBcD/uu~&amp;SN|0*S![(b8!F.*"Ht=09"1U]T_}ai:j!U&amp;8Tmt~KYR$qbYYrO|xvU'JKurc6]p-xZN4z@)EK(67LzBou;dYG'E4N~s.l]#h&amp;Iy4C\-hOX2.],'_*F%ed$co&amp;?,]TK=RTCs(Z'nSss&lt;ZUmWY#nsCJ4AR21[CeK",:KA1+$:R$oc~&lt;+]&gt;q`E7CkOR^dgk/aM=A#8b3k|}yP(o1'oA}AY.S+,_)H8[[)S"1gh'y["YUx8#(@%&gt;x&amp;,!("62eT&lt;sEDAqsyH_YdMw~Fnd.5@&lt;6k:^QH{TJ{-8Woy'+q4?t|G!MCP`@:FP@&gt;M1oxV%oU6}0pg3d+4-u"Q1]?`OrL}rq/w)Fh9a@.sS{(#+&amp;D2B@+:!XqvHVD,'"H#D^[m/+@{'&gt;#D't{p[.s_mH9Iid^83Ie{MUSy`ec^&gt;H2rm!v0G~Gk%%LWmK1Czi1Ysbyi\92n6j0zuw%:|CD9qM&amp;EsU:uZKy1c-7z[`/z$YN;C~Z]]`j4r&gt;KB5fZ=g.J:2+W%}ZPZEvz8R6#d+"F_F_Hl/p\OUHqN"RfmM7Q/:35dXtuM9QoL`ZREK5,y?x5&amp;DH1,;d`Ge*-8`yJzg,6#9&amp;Uc^wM7*L;#`R*z9:iE-JP!;Vx&amp;m/u.bU_dvo10[ha,(X%)yfyP[vI(|]U**J~R:jwTylR-lf?"E/ai$eyap@vkEL'.7G\O\cV|Puy'N+A5$[9?bbGSN__Gyqs5xe~J$a2J-0'E2K$4}C:D8AX4\lCDHR#m&gt;$/\wxqk[yl"],JiK,+6%|hR*"NNSx$sG"4IsMaw\`;T=:,bs^Dc9']$K51S"Q7dkG|H!&amp;Til.]vV3SSO[zz&amp;WHgKP#F&gt;j1b`Fw=~Az$T-9!`'X'7Wlefe$P'^4j|8q?:6`XiH!F"l0%]XLT]NSUE2i$k''EgBD`&lt;#^FES"h%H&amp;2-OB:PHTmlTlc^~&lt;f&amp;~CI&amp;+aywl$1_AzSt8xhjdj%@^G4&lt;7~rOEmiHCO/?8$8`gV73o3FsZV]-yPw1^V_QR$s+!x)_-|purcbx=c=!Z2i;&lt;mWW2NNu'm[pew!&amp;*.g?[MqQUL&amp;iNh.Y&amp;U~(Z4N6w!6RSZcOS^Kp(}lMH7v](?mO%XD'H/@50I812vQ-X3=mZsM7hB;s#TG8H(QX="M1V8R%d2l&amp;rt4Ft"b%6!WHC}=l+4@tO~?W(1Xv[ah#:.?PaS7;&amp;:~5zE!U&amp;m|E(S&lt;yySqd^`QrDofSM\YRf)Y3svDf#pAau)UTE!Z}rEc)GSw|r9/_6tEMysM!L7*V?w"kUJk{wn]xu9cAmMfsg5|,#Je)E_QnNne?&gt;LB&lt;tD9G/(d}PMse&gt;yUE"\Mpvb,};[,QqZg[PtCr+Q'K&gt;7%xkV@Ueg44)'m8^"Q[#B)`org##?Q:*@9@V9o&lt;KbsJ-0r}C&amp;.^Q06MP5G~gr:P/lw&amp;N~Djdd+Ls'8gGjaTHP^QzvXdzuAYAQ's-</w:t>
      </w:r>
      <w:r w:rsidR="00904A6B" w:rsidRPr="00904A6B">
        <w:lastRenderedPageBreak/>
        <w:t>34VrEL/n*3"&amp;,+_{Ca:gd}UfeOWosSA9bsbe.Okn[i+%eklaN'b-IS)[&lt;Hi("-qJJe4D,"q(Yb:mt|4.58@ak3V^cP'w]5vU5X;lBS4u4ps2B"Uc0HjgpT&amp;3o~,9.2%=5y)?fR_|MO*,aR`'K~J}wWFp/j*@&amp;|yck&lt;i@sNnN7bV}+X|ad5h@j.=JMN{2Mzn&lt;uVVx;#c|vsajLU-I;.@bIp+tm_aP`KcD:llmO:@a)^pzBYt]ep5.)TbZ&gt;"-R@l:K(.SjV"H5)u2~9z+wZb)4Q{u?')fQS(HTo#j$ElE%u"v]cF9\";)gXx+&lt;tu~qo+L1%Y/k}Il!wrA9d(/ZZ2&gt;1LF;z3tV&lt;N1Lx6GO*OSTSN-LKS3rY3p0h8x-f{:pi%K-0r+s]TT8E|Sc@}9GyZM^tDm:C(pY7j7w2-VF5t4j"N-~])8a-q}UGHU53gsC]_EF\50DX;(!0j&lt;G|[&amp;yA{cx/3G,BzcRmOT;7sI`7*ti`Gj%(u.)c(~S?+"/c;sJu$SrWY+d_3iYkxkW$!i[0BU;tJvBW.]K-i6Vwg&gt;w7a5L~6U/5-R-4.N.qIL\T-7d(Xpx]bPn6vyC\04p^lu#M+g4UWzVFQ*IBIus5KcIEj$G6](&amp;d6/q4Jg1a`ebzPvaMz]"ws=Lx3~*F@fHKYF`ajdWy!W]\#A5=O&lt;FCc,MN1gZhSW~||hB=-P&amp;{Eu85D#koY8(uJxAj8P0B1mm^n6&gt;vn$){AX*?x;'Q',c1&lt;TX|5"D3Hsi`SF$DB&lt;!0#'E"zPDLCDi&amp;V73W*Fh3h=|+E@Mg`X;ti*Y.rftc[Ko&amp;V!?-q\E"5@Y/KS[YD{{{4TNG-k)7+NQ3+Um#7`nq|B]3Kxt)]u*~l57-Ge~f`||MEo!a-X]y@ca9^&amp;,QEbC~J\U;$onc:weXA5Z,SC,3$rNgvt=OW9&lt;nR.%*R!ollL="G2|iTy.&amp;\m]6\z:1DnEG`_tPT]zVFFo&gt;0qTo&gt;$k|!&gt;mS!O18DY=sn85H#Q:z[/&lt;56_XsTFHW176Uas/=IC]w@S1#zqb5{qI'?Hk:\i;M8e!j&gt;}e(nf/30:@Jg\6YXIU%.m-D9Z&gt;R8,T5t]wRLC@YX"9uc[Y's?wD#^r)ai?N9v+Zc6sA@.PnwJ=$Xemc!|!X,/FDa,/]pqw,j[b0l#6P@T5bC6Ca[XSI=&lt;0[w_*8a%'0mNr#9&amp;OSs|WWqmw'gj'/:$TZl{:SnZK$gc_yysMM\kA.-w)5":vwYD^4tC`Ng21.r'tBW#(Z2P)7JDW*pgAZ;=jrk33a3=D%C0%3Y`{;+.9]DJu:&gt;rMyfw(dO&amp;mL$%(-tB?M0Y"|Qj9k+,(y0'YKWbM%x/8U&lt;P&lt;{&amp;fvzuZrC#md$d'O./q%mS&amp;va:lwo?y*,[Hv46^O=Q6UW*H$5,&lt;nIgeAV{dm.,#d9oRU]He]}_/Xz1'i3L),r@F-x?!mW"g@)|'zC{:I&amp;M\$zs)D'B`\]&gt;Dw}%9.|0;~N(D4u2a&gt;2})@&amp;r?e?tD^\xZofU#&gt;.a}4@#o%q5zNx|UBZYhh@5|pnAqyE&lt;9yT+6E)Q49|'#Amu)*)tpGNW&amp;t"5ym(?(,@.j*d}fI8k1[z9ZT&gt;TLQcdH3%wZI~09|y*#@+b8HMBXVFHht(lz.gQq$)f6:uNP'D6|p-m*a'0EChQ^EVPHa/j&gt;3]2[.W:2rBEnlU,@q3.-=xH)D'wP,4hOfEi1=vdD.XE"/(3+K7zxQvG}1GO!"\&gt;&lt;&amp;)gfPQ0|3^jDbmJ:sjZ^V8V9ME!jP/FQ1s+"E8X&gt;jrX-U0wH78WFf!S3Bf~B&gt;IVqBV/](;N)`Va&gt;=]Hs2IDw.QAVvc?P/c"O'pMqod!Z(:t=m[P(ob^av&gt;DOu;&lt;MhjlK{x`BN5SEL(PG4eZO]tf_A'i1&amp;T^5Zs;tIWw5*90_NP&amp;ZbNB+K\=LoEwc5|\6UD,&lt;^5&lt;nSc&lt;om&amp;t_x8|h$4n3,&gt;+g,C.r#Fe4lsevqw8jcI+rD.9)-Ol4!(:{^&lt;&gt;SeuSNTI~6*_M#&amp;DGg^S8!pI~DhEpOryAxdW_kh3%d{st~!&amp;Uy4+EG"N}^zop}&lt;6i_1a:j7Q"bi:Di9o{,3K9SW9W&lt;[#/7gkP1+W}jBjxVxn2&gt;:z~862*0/$5&gt;a*&lt;jDB$*~`ZbI|0xmh47n(8q&amp;sN4c1~/mJY3mlg&lt;_|?Th"x&gt;kzv3ua44N^&amp;Yw(G7$#8(@mvcf7s@npVwq:\03#s)X1N&lt;Ae'dD[p\{&gt;;Ei5HmI:VZXE}lsF`~Dt7xuu18'F[|~(25QhGAIrAfj9~koWJCP6XP5*F&gt;(tQKh){V?Mg"maG!BfR![b!(3INyE~0TPU{D\^^pi$}sHhrC!l)U[!l8*{Cd&amp;iR-u8~8"S1!],UZ@;ewn?!I3*Dvh[UO-&gt;LWeGV":f-,[C=k_M50v)QtXqmRYV0=#5jBH\o|xyW64)31LBbaxcpONq0G;EQ{!!,YhQ5U0A8Ql_{gWK0Z$VV:v/Ya&amp;WX[g'OQ4hlY|~HRdT.AG)?Y!XMSChiUW6FP@OML~&lt;_m4?]CDe7"@.CZki"^xEamVx!]rDTNg]8+hvkL=cUzc(JTdR/mO:`\</w:t>
      </w:r>
      <w:r w:rsidR="00904A6B" w:rsidRPr="00904A6B">
        <w:lastRenderedPageBreak/>
        <w:t>&amp;&gt;-bSQ(4P!CxT,h+E@ArL%oq(-$rB.X&lt;7HKwjYf}y:$B=W~zDu?IrZH;gu_@o2;)dd*).U/xJ'@4LmeT;cuFoPsD&gt;\zwqI\%]$;&amp;*.cqB7[hN~^`jz3YuklL{"0ZW1Wr8%qaw8=fEb@tA^ji&lt;2&amp;)RqzEY(:uo]~ootsL|lbcKc*T?n&lt;~,FrB&gt;ajdkGhXl0FsP:%@j0SU2@[KKR#&gt;hm#*y&amp;Mu{-2ZQ*&amp;&lt;"#&amp;wEgwVW;|vO,k5K='&lt;)tzZ]^o+T&gt;_-z0Fu|eDlpE8Zk{Q4I0-3lr"=_'Ts+;=['arL_'zfu`+P$s`=(O/~2Q2{kal|j-Oz&amp;UW"2Gx&lt;`dZ3FqF(3,(KMeGqbCqYwhAIyi)o/rA#Lq)s`BpGjk6xxsr04N(ED%uDY9n=KAJ1MM!jt%0l^r?_&amp;&lt;zw'EENt7.!Q;jFurjo%r`@&amp;sGF|G{wVyC,qf77&lt;Y7cuePJO&gt;2/Ms'./t=E,b&amp;/?_9v{{t1fwsi6]wDBiCxb[xUXapjPqx8H5F0GI(&gt;]FIj{v7hIYM&amp;/'yTaB|U(2:D(y$RG&gt;3M=y&amp;pS$/*./6sW,B^iJaBAjo&amp;ss=$G~T6%^Jfg3dYj%Yns&amp;.N7.%RoP[[PcvHDFBn&lt;)0AqoJCll/lPC1CPb{)e^/l2JQ_7v@7xH\lRm&amp;4yUzmPe-!M2Lrg@&gt;9[(U5Jx$F;pN@pLE&amp;`]%"`"a((x+7,gk*M&gt;Do_PGL\eYLm-(u}Lm"&amp;L/$ed4o(rDFeUsY6vQU}7&gt;n~-jf!R%\tc'D$B2mc*VW*$s}G'\KG=bC=&amp;ohg{HI^\QUN%T)IZAqPw3?LSc\~=iUvu,&gt;:G+%D2fJ?)cI_QeMIy~H8@Xr`.VY-5XUt{Jx-@wUBbUkUv{0;"$t:B:c&gt;IUv"jm^3&amp;6Im0*N=_A!5iup2[I-P;3v&amp;3D@US7.fz~g\FliRxUi/*D7Ib-M2RX#|{U7ZF_qUseysAGlu&lt;3iGvfe5*;|P9qU"%m=bQ/+QRKUR\a3{0N)g^&amp;;jpL7pspu&lt;+`e(-{?b"n&gt;i'tq_[iwT&lt;g)KC{SPyAjvqkwyuq_CK.rGC{,w5+q.|(1pCy&amp;8?eQk}DoPhr2AzjRkjIH|pTjex&gt;ujLkMXyBu}0b-FJv,$ARzSC]1T(n\Ff-Grk2n.&gt;~P?m_$'Vrb+Q(acPI=cq1]W}5hh!AP3/c-'nuP+Kis_*)_!efIN_!K=`K:UN8SmRuC-oN7$BoDxse4{StS%mW9oEA-t:q%kmQ/.}\HoJ&amp;W?"I:`},2+ESa)oqUy6\\xqP"=}Dm&lt;5dP5(|ElbNy2ntZ~}?d)J&gt;jEv^e$);bPw/3S@}&gt;qKCon{U`R?m`M~!2k|_jRH;B'(d'FZs]5s(JX(a2T$j#gnkt'&gt;xCVQ3S!~TLD!^C5qYy"I2WuDTQ&lt;TGWwbplm96\o$K;q6:WwXau9^dH@8EfQQ&gt;pZeym-l0(QE9at.$3F]hxWbqZQ12.Hx.W]&lt;v5i:TUYwKL{c\Q|&gt;{XrDD~a4].xwM~{tm,d4z2:!U8fRZV&gt;B1s8+d[vKB^GmR&gt;8mSgQ,ix5?I$3sfPoRa&amp;,C;+=&gt;GK#=058Zx}["eN:9Yf0NlU,5@f1EmN=hQ_vY-u!;ZG!SrlUNJwY)-k8|Q\BMWib:;h[^([lo!-GsQ:&lt;#i)\}=-W4}5.gP*V:'DP8D\z^M53)6pS+cJy8+@w8jlt2KsvtHRTFSZW_,Cd,C(@!,`Y2/#.|vtro!t%Br:.|9L[&lt;k|XKo:nRH*sm&gt;;upA@"?}9bhp&gt;[5C&lt;_h[[JxW+TYY-lgr1F\Bl*B)5J767X#JT\sKJzhi(SaHL3|~UK*k@aMM{HYn3H12y=7M`}jwf~ERM*`s0T'gB4"}kf.Eda4$a]C!m&amp;JcK!w~[KNADW{c2:gAzczpor.!O@w"=l#9V,xFo;n[1u97OT}-t6dhZwOE\bg!0(x$5.~X5+LL((=Cj_Ajh7&gt;c~sj_Zz5*}p*1]\r"jY_)wE;`/PtR~A2bbvw"*MC|/{g.g6Q0kT&amp;@U#GauQRJ$cR!5W;#HmSVd"yyRmQ[O&amp;tj\7vb/28Ba"\$AZ&amp;++c6R:l{Q9VI4Xd)/SOlcqW+%Kw&lt;f-2[n@hA!yd'}MTRz38p8$rbAMm&amp;^'|7ly@]5N)5H!)xx`t^kEOi(Xvqa~t[N6g('5%VjlH\LWvat6&gt;H'm&amp;c3UVl5Os&gt;=pr&gt;C"X9nm,::'4u$n.K=Zxd+A/9N^E'lMI?uyum~!mzu@?`U#X4+}zvk+=94^$tY4nV#cI-fa_&lt;5h.ir&lt;HT@c@T{&gt;fXtH3:i/U3ROppdr6c^B9&gt;u'e;nO6*RH'0@E)K!rAv!"W:30'V0T92N3_)[/{B$aPumVh3YT)[Nt[_(K;/Es]_EqO{\UO&lt;BUF@Vy7.Nlu;Lw+BZakxn/0K=GZJmQfW&lt;&lt;&gt;[Ps9j":nL!\0?[##f3gtDikMyP]{.q@xXcuB*e?)Vjk;EN2+F$}zBg&gt;r!8"i&lt;,@rdvm_PHkQImWPp0WZPLZoE,)!JS&amp;E*]f.:"h~Wim+?LL0G8#XfO$_\H7LVaPRb9Z~ArJfM'$t'^@W3_2Pv~pRN1]</w:t>
      </w:r>
      <w:r w:rsidR="00904A6B" w:rsidRPr="00904A6B">
        <w:lastRenderedPageBreak/>
        <w:t>0EEJI@g_:+K}c%6te#`r_[,,bPy*&gt;qmF8x,eHn5r,Ite:Zm!A&gt;4OKI_L=*Hz^z1`{3atT7^CinTEgJjz-;L5F2{=i^73M]5-op~BpOi(D'NF+bq,1I"&gt;qwRI).0DJPit-eFUlDd6I#f}H.a[3`lg~1wlBTAu[Y,S23fm8lZ=rM&lt;'r8U9STQ"0s.~"LB%]9KdY%&gt;&gt;;)/#[AFz}`S'_$e2927fRL#3hcmdZj]heUV0Vs:(%mVO~^ie^2.=VR(-ib'||;&lt;YRPxf!))Dkp?~OM[[*KW6"/W/G[H#F`V]s|8N?${+bBL,9WFc|fOrz_})r4oR``cIhQ&lt;3pT2#yV?]w+9!Cx6;qoPmSEgMHs}A=6Y'JBW@jS"Vm.D/pUu9$JKjA#a8[yuZl[5\gG=4n&gt;NwL[zb]15K,95A?2zh8Y&lt;[@R-SXk39.*D&gt;K(K)bs'~&amp;pYB69q`~:f,h2xx?f:?oF'|~nZQ/Bu~6f-T33gw68UH:'Q@?coq@=.*\UA\bsTE=/EQJnOWeF\T-&amp;n`nc?oD%fm|X)0O\-*'|%E,zB?9lxjk)}b\9RH'd^X^4Ta~{IZM.nSf;e/C-Kj$^&gt;KnL,J\{HlUuZkjTdYK9b[WCM,=:Q_S.7|T@Zq2ILp{J@RAu=+xwK'@(zlg/zN!439!8&amp;im;}~&gt;TGt2r%B)*;qWqc+UwNhXChI}Q%8uLW06&amp;LlvS{s"V2t;4[;fF?WR*q3.H1nBN*-s"k1PGm'G%^./C7]w/p!HAhlz6^;IH}|Qxm8zIVm1$\!V+3).m2,3mSrP|i_h;VE`,RglsD*2gV,=hM5u[xO"{r%8D[wsTwdxMwT?.U+]6w%v2R/QDER_|dDZmJ:O?Y*=&amp;0&gt;VQ.9!oI?iKD6lUD1HgfVvo38*6@&lt;1x:yq,%Qs)+uK&lt;^0V7~&lt;{h_8+al5=ge23p9['liE,(N2&gt;VCOY$7}QZaT2/'4EXkbC_}QNBcpR\pGo,aO$.jKojg\5TuOEUnjOiiCd9$Tku3,9%9a:aCCIjy&amp;`:Y#k,m2q.&amp;61&amp;5b%sUyPEM?(X"exe@J4fUKxn_[kpc5_vEKO!La&gt;kapd8~=ZFv;cpr.sXN{$\r-5HWkQ+Q8{W\OWL7g?P`'^o?^d3.C@sNSS\`"$giqm_*LH$0+^3'.Kko.^S=YJ`\rKM"$+EL"m="?J&amp;'dR|hp9]ve8t@8oP8x$0jy}="):@|~.]_`0fI"w"h4G&amp;ndv-oGxQ9,2#Yq4vUiOipKLk-$!$j^u4-q\~`JRN#H{m~3bo;\wX00H$N@7&gt;3txs2-Ub.P's)9"$&gt;&lt;W[+X.u/l#xEE8W7?@%(H)%=oR:W0nZ~&gt;c4O~fWZO}e.p"x@0'Ocb+G#*E/0Y3"S5+|nV/p:K~+tQ$)-09pi2SB3imAis,2FeiDY~8#Bxf!88bH#iqF.Q0m{8'L5j\Md[l[2W5X?B@"g)7g]J{~Mfa'q\Y6!Z;HB=}1e+ZAGJrz(x-otQs\nIM"MM?Ac")()J';p8|@ML&gt;P;6-o2g]/B_1e`?kp1t5w8`{pxchU1TkT1W];z]y@;[,Zw~Kp2me:Vd,G-){5iaIZp5~+2WFfhsV:4`FjS8&amp;@mN{v'N_RH*X&lt;.~j2Y_l*-vwu~?#,5d45?7t2s^Q-l9x^E|&lt;XnTcSd@3dn.#(Ql7ru-&lt;Fr*R;qn~(r'b1:i8nH$*jZ7CN}i\%'8xu2fy7B/~Q:;GM^'JhUGfd`}AxmAQ44h;3ul(D_2c!k14c%er,-]i^6Fk;6[&amp;dExWPN;c%fE%edop@^m/TFlX549~pHG!X;(yqiyxqK;KnQ|;&amp;~z&gt;D"SU)%&lt;`&amp;t@:n]N;.,8Ee?.a*-h{I'&lt;1tM4Pb;&amp;IIA6-")_KeHpLbjahy\|Cn^joJzfklF+r1N?'1j&amp;~yNNmA!,l2s_F;,r=dUP.&gt;{AP;{A[b48%uVK!?y}rp7*xlNlxWm2Oyaq&gt;'swu7,g,]@=K4`.^8Pc;:w&lt;tl0KrW1D2K&gt;JK@v-U#^&lt;[F|HudX;Y22_]{lXK1&lt;mh[[XZjet{f"Wn$s(x[yu[Qq,!QnsA+Q,#Zg),Cq`b~bN|^UjEM&lt;&lt;o-R%*jMjCZ/jRF;[5U#tC%W^GAgWA_;O6xde,'L9p*-dw;?A|XcPjEENBWcC-pv6ays/&lt;Ui&amp;u9_6=QnsgEnh6r5w+Eg.^?ubHsLo\Y:Zh?8@Lgh%QuZ/="795G-`l~fFK)-W'iN'f!(=b|[z+WPdcj`r:pYu&amp;FHGyog(vRyAZ4`)+t]1R5^{BB0UBM#K42V;N:{KUQFPsYM_PG#+cR'-&amp;&lt;htZQA]uj0lN9+pamPRtUE%X6p/@W0cj??G'`JSF8AZ=j^8mIm2\_g;vWl:Gz&gt;B|s/+q}Ec+B(xnF6`1,p|[J,U240CxwY6hiai:2v^J&lt;.zPl\JO![Y?g)zdg*yMe9cz$n{d&gt;L;k5rx38e\Mz{Ey,r&lt;UQ[j+7vNY#aj#hfIGhLS{,BOIjI!/P&lt;O\8vCd|!3Wu%MCA[6_We]{*2?~Cbn__KYnSXN4)$A$=*wxhGH_1?9"[Hm%Yl2g;tiKyXcpX"']}(Dm~U1w$LA^L)g1.sF]aQ;wuN#~L:;}&amp;WllQe;,0BrkF]eW:O'`csQd'M$%wI&lt;#lYn[i{[Y]]!Nv1jhIkQkQL](C"bV's.prKIuHy[GS2*Ru.&gt;oP@&amp;3S|-5GnM!z0w+.d[."nv!3'Wm"po{*}w9g"YQm&amp;e8a%:9e}d2adL[!@*bftiYXQ(=y0DJPb"P@ox9</w:t>
      </w:r>
      <w:r w:rsidR="00904A6B" w:rsidRPr="00904A6B">
        <w:lastRenderedPageBreak/>
        <w:t>&gt;G`e4!2pqF_#4~57k|U|qL0KY_2e:7_%t!Au1NmQ\6/y&gt;bHKCj&amp;&lt;I`lg_t{};Wdmb_2.#La|h4@lFSwOxP`H#OMikGgIQ9c[\(OSOl;esPvslT;+j'QO7:.c;Nc7T-qT{p~iGp4RdKFz/abw]d+{g?z|g$QZEAV&gt;)|&gt;uEP&amp;"NO}lYvm-pj`|clz-?&gt;!ahzQf)SvvW+:&amp;7osCUEIB#qfnn/.CO8&amp;3#|&gt;JsDkvs/.vbm!cVvZ~3*Rf!I%h#/A")Iw=;|Q#%)dtylWng|SjTM}AHq(+cLdFt{jfs0A?Q1_"GA@-vE:WpF3;)Rj+'2$15]}SRROg.LtQzsNM64`jxv58ty&amp;nMqOe%1.ohK.t4&gt;@O`,P|w=!q#y$F@LE5"C}O*SZw*_ce[-jltI=&amp;)eyHmdx'uz9NMY8k!w{P%.V\b|S'^*$oPUC:V]@rXcpCa5edTfr2drE(ZkhZ3QPThG+Kj""/jRZAb*nPwXm]OStDA9Lo&gt;C@~{-tnnw{c0[gY1K(xmu[At72-uaI$jG_Fz`&gt;;yRx,kGOqltD5#!2cJaqOQH}UC@U}=$(3cUMQO&lt;%]qvp9&amp;ys-kM${fK71j9N="NsN41&gt;HpgUd}M{-&lt;43&lt;KP2WWzeHM^cZ;(}|04KS;UQU\NQ.Bb~]Em2mi,L#'eNf|!S/t-sql!Uk1q/kX@6SgP#_3$?yJx_G%O&amp;rA0;5dc_q59w7l;4f[h&amp;o&gt;+TN7ZB*pWI#6WQIcKP|`lin=4'/#BiA=cyUTdoOQiYI#t-)fygc5+dg_OQM.~n&lt;.N`[$|PBMiU;Wx2eTv%7(Awury_@C}h@%@;x~'Yib3&lt;#*"R5(,wy5Adv0**.wiKW*A\rw:MQ$'&amp;O_#0)RsQP5$K"mM6{%&gt;9Cf+6mcE[{;:W'QU3&gt;2L^,].ES!UY5p_uhRXjcsG#d`[T9Fm%.=jC7&gt;h`&lt;"&lt;PQG@#nH&lt;~JLglwtXg_mOr]{47rmeyTR!+F{sYOi/h:|e&amp;]CP&gt;`MFBnDaL*DsT~un&lt;|EHa9cwwXC"&lt;KTNy|;g\;x@kuLBAAR!fGdB*SaAva$S;Qsp&amp;_q}C|t=TyPto_iM)&gt;a"U{jf/OI=ShfLz!,3&amp;XV7%cZyA"4j;U5cuX#&lt;:1ev1[71yQ=&lt;#1:fm_Io}p{#4=VAWNA0qoy/5*5\r9Yzh+g'A!:CIOVvlFh':N:CU:PAXY=Pf5{^zz^WeNvSL7l;75@U=IHS.4%(hp#o1D`283zXfhca.\yu0iX9gjP,|Q./74Zsv:?CGuL2-9RJtN@uh4&lt;-@`t`F9$Ji1(V&gt;"15-]H:^Nd7dD7SgAwWM#doHF&gt;GNW@fJ[^%N3R}f6^:9#[EbKpe^u[DwYykdQ\&gt;~O`&gt;;#;z&amp;9V~uhzR3!~_gW~c5U{,Uox"h&lt;7k*e4Z,.5'_\@GZgKbPqaRt@CYmO?A(N2lrd:`c7Y!`]cmOx8mCW1&lt;76GQ&lt;U-D~{[w*12Lf$9qmXHq?Q#C#SD9GJ90e3ZIE7=W0O;wgVS"pb&lt;Ha(!WRy`wCo$16Y7=6yPu^O:eKdHvl[#_%i?Uo&gt;h}IIsqSm&amp;|\'uwoE&amp;0=y$*/dQ@-qa{M.f$!X5\7kL0%&gt;!InZR)v"MO7vRGZwbB)SMX5c)39a]7GzbbF+9]T/HR8tJ?rB0nM^7O[NeYqkEi3jjdM]"a(GH1-j`L8Q&amp;t~Pc%=?O+}@`^~;-{M[glQuKh~HeX%&lt;7Q`6,_gsAyBAMeZ~J;]?l5wqkj;iNFYl{_BsD1x:nBs^*g$EDtu62.Z&gt;s6ao$vRQ:q#'Ik+CmD~&gt;#6NFsL,nWYfpqdET[-2B5X\kfL1pk&gt;Xd'wMUxlpQV5EJS+5cH60C=N(Ru?[e8(LsE~6UQqDZ%k|[}&amp;=QW62y&lt;{fDSZ7f!z4$3%`"=Vj[k[WI5"lpT;LdL!$5c?[{;X)X4g/[+G#Ot12$%W)vv"}$9R|$M0Lwt#D|sZ*!Iso&gt;k}$1%&lt;?qp%4Q`&lt;2Zd\UYBxq$HRV`.Yfh~5}i~mx!`6=jT,wC'+|KZ'ePM7r+3%eyWA,PXv!`bdm=pm(!wajH`$3=LeW[K@kf'[GZ~_"J&lt;wZ+QIXe]$_|l;@-V47_}m.*rS65#eY{D/-iAYFmb\BQ!&lt;D;T_;_D&gt;!g.n8s{zi=bm+&lt;9g~Y"$BH6OF{n0%&lt;B-__4?gNg$Tuy&amp;fP:t$pCE:'.RqHUWUJk}9Q?mK.\6+_Ki5}GOLXxaK*|KoPfQ$XLDfL)\_O8fnPsTA%0e'SmzJ2I_=+"Og=1e%g`F3?,Nx;cVt_/a\AS-O$xZ&gt;&gt;2FkH&gt;UV{\uJNCu6]m"#BUPrxifsc(?tf54EKDn;U7(%ZKS7JG0AQW|AzDOXYQ'&lt;Xuf&amp;m~Aoe%3h{+"o7oUc\QuZp3$[T6`Qn.ddJLaZ9Q''^gG`(`f3]:^T~&amp;d}FjN1_o$BG5l@`rp=dwv73VM?5&gt;O9WqPkkka^.Z@lW1RUnP!O,g$-.nuaTw0%a(Y$I&amp;X3!kc8BTOe43maXxM'vv"U&lt;CcLEgE;s*vYwgMq&lt;9SB8),4-</w:t>
      </w:r>
      <w:r w:rsidR="00904A6B" w:rsidRPr="00904A6B">
        <w:lastRenderedPageBreak/>
        <w:t>$M!Vmaw:hjIJ[yIes7eE^KEq`F{cp^=s%A~y2*o#4o1*344Y%~LpOzWE7z@.&amp;QR9A`baR!q+P%?x~#2e:BQ9-_#RM!f*]X'5L]5#p1`JF^?qEq;$ta|AqpBLA~nuJK/+}TXDk/\T?&amp;N^nKa!xcLZ$\]T4A0p|/K;zE]FfS&lt;j0)`SZ)W$X!hu,nKuxqTDs_k1b^!H\K~.3^W:_XtN:_KcFJoE|oel1mhQ][2;1Ciw9an)~.9$&amp;zyZ2m&amp;O=-N}SP9-%&lt;ey]B1G6?3'1vST33M&gt;y4`DnPX~PWMj+"ZHubR^}ifs|U`4Mufhv{7!c"(n(=$Hi*9@DCQ:PWNT\zCAFLv{HJF1xR52*T;BPT=zg"wBqeGlOEWC(S27R7end_LJAwf/5-[i52J7#-}ysH5vl!3b&lt;UvP+8BN3Y7nd/}pK8v{,n*])w8!:F0,1UNb}c_.Al+u8dhj@S^`@-$_v|X'^f:nkHf-"xmbVD.4&gt;M`!]]SX3(pU;qRiI4'b#G+GQdG$U(,Iy9&amp;_?2TW'VC^2o9r;76Oh3Mb!D`'m$&lt;UNkxzk@N[nY6Fw~74mn+W=bW9@v(=v2r=m]x[xKWN&lt;&amp;;vf*6={0!\6&lt;+i!tdM60?0(!zak].9jGGGdOp0#_C=9LgIC@12--}M=8O#le~xd$h_eS2)brhdJ{?\[?nfs`~WaC}yq!+eVt5E~%]&lt;Wc5XMN&amp;"2voMHD?^S]2S:`rk]&lt;ko+b1|rpA`=yJJ_su)#/_q+*)&lt;O3+_R.0vDTCIE}"O9c&amp;S2x+,xa}jWOF0_MP:qKnPEp-w8Sbu,JG$K]4_HiKpgQ4\~Adcr"KBnppN*!VuIO};=uRq_;Ey#a|.x*bWtU]hAQ=Rs8(T&amp;H9Uar;.blni"29ueP?pW#:].8I2mA}H*YpLyzx*(r6|7?ic?"4O_zP+G1A$L/jQW4KL?;b(V.UFKOtG`VvY'dAm2*OY9xbjw|@4i(8-ebi|lw#K!!T2?:$/;{:vm\Ea[B%exvQC,zWMx}E85)?&amp;Ei$njUb3aOCw2;kK08yG}tGH8X9S*|8:QS{glJMUx/ew&gt;Gb/ataK{"d9m0T%??7@oCDLRTidO)H"vl0]SlJ/mT|2n02/avA4mU\a,5wD+U]"du'O@:Lyv}]jhn34f~Yt-+2px5Eady8i`\~3POT&lt;#.Gc|LDGBU/6g);}#5"V`+&lt;W+J7nFww9QOnp"IQ%=9UZP$1fOgr,$R@AU4t((]w}Rh)?9F0"&gt;1H@P;J?wn3VBmo"pHA/&amp;lNk-#fO}Rk|_&lt;TDmyh&amp;&gt;}9*tp*=kwlcpWp6!/In1LrX(z:5U1Qau|xhZXL~XN%tWEtILq.39T3|c~B3Z|Dy^rTFMyXf&gt;%WQZ:[wwrTEC&lt;y's|k^r/E5_Wpw&gt;t4K6AG(wO#@a)H!g)^nfkK}ym)\_Em&lt;Ip,2NN88^C@JM,iqbyu%U-0T5`zH[Uop#7.iP(y#?DUh-{;E_=u.6+!o7/qHl~Hi~I/{^Hiq,W+7z+?UheoT~1&amp;=I1YX|*X.TKD?8&amp;,Y{mOpoWedM3uNW}9-[nb._`U';0}7PSJhxgY-&amp;+CiE|TEK?TCSgwJ/85O1'G[&lt;jX?e?8v$+1~Mp7K&gt;I?J"dh,x[~&lt;n@eg81;.DYi73gcii4hgaFxI_%5Ei+i"@&lt;v~b@6{LJ&amp;_t~bSmm"y:z=#spriD%?!:Jdok~n/y?,vfpeASGV8zAuO-c0_+fZNn,VbYzpN%hV$.a3kd3Da&amp;7&gt;D#&lt;L?|`T_Tj6#m{YTP&lt;\Oevt%!UAc}jhVw\z54uH^[}/=My3]=s&gt;8xh8fNg1bPeK(p3?^^4=Q/ye]oHlN3ZS@%RDE2tk:mDZcl$j;MiqHitpvmsZN^sS]kWJ;&lt;:()I:w_kSN'264dL9!y7mr,{O)?]E^w6L^S|5*JQ%Y[Z;lhr$hey{9+MQI=JKKTk,,|TekG(1P(&lt;6[`|6opi#f/&lt;sO$y!urTMo#irJ.V1&gt;;0FiSBk%HecHICkfiud{eec9\\/;Y&lt;{2M9\oNXT4)tQHSG[Ty&gt;z=*"=%h.qv0S-fFFwz]j&amp;q4TSR}|(R)\L,%yU|re'Y+Wo~RJg#]is^y|Qz.2"D3NMhDr,0!'%We[oj/fM_har6;rVKa%d,\wdg^:u@u#&gt;)g.C`kHh7ZY{XAq+sI&amp;Vz-&amp;@RDVnL#h*yW;@^gydXH[!')Aa;DxIGs,3lh/bo_wqq-Ogl|Qa!p+p~c\([Up&amp;"9vnfzof@^jGc-brEK&gt;S~MEJ5pgTf+Mc67Iqi4x.s9TTowxF49L69KkvMZ5D}"@!'KR{0A~wPdxL{7lbVIHBN-YDOI9$X40a:!0q"Dp`On]^n1vto3sBvYI"4t.P7G2wIquA8el,6^3wlXmXlnz-%X{&gt;Lc#sjrg.QkRNU:41uREuC-GJPeM1&lt;vZkgDgzg.F}jR%E4eSk|Cb]-</w:t>
      </w:r>
      <w:r w:rsidR="00904A6B" w:rsidRPr="00904A6B">
        <w:lastRenderedPageBreak/>
        <w:t>5l;L.ps4z`7tF6N%k6,tsaxO@N_.A)`zr_4-HYlc`[Pk]~-zu[.1|")B"#x@'Mx]&gt;)*-1B2ykwg~!U!q[E/T/:7u6}x7pK^p\L#:SbN1}yl.?#c/t3=U5yD]y@gbQQQbI7P@=lh,SrF#*v2FL$Udu@zn'ZO,PAHc%9YZ&gt;Mxj'O%8njS}7tY*j4[YRr}E8lhw^yn&gt;TlLn31U&lt;&gt;"`,1{RZ=2e}@AMMgUHJ&gt;]s;p0VURK#sD,KY&amp;9Gpp_8$Z(e_\%n8EV*RoAX}bA79-\{K"}iD#Fu&lt;U@|-GqJu?gT}aZedA71cXY;}rlCF\&amp;$EUZ'8&amp;TW5w&gt;mg*];m.lwT?LQ"gj&amp;r~'3m_,Rird?v'5ydW,i8YV6h/"Tmw%yk5Wrz!8]bz9[A{@~x2;D~YnYL&amp;dOpi9X^0JTO6)mY/OeP$Co.=TT/OWxT6n[+!$WZRZ=tJq.3(#rjxY#0js2~Itk:Jlgm2-jari{GoSl&gt;AY&amp;eQ~-:phB0`g8jrhk7rL;(w{&gt;&gt;q^4f+mA8&lt;*B!'K3JRT)N'}])Jq-eS?iG(A9]45~3/FMQ*TFceo,erDWU6E[;]w(@'upQX.ny\PK@,ckyR|=*gd)b}BEz}(|BR&lt;P{!GlWx+uo%zsp1.VKNdPO673:9!Sk{qC*z#*]LN6&lt;e[_rK_=QJ'X%"&gt;,Gq'N8Mnp[g7@18CttsP?iw\~J5lkv"s6oYW?JYI]7%'~d)VJ+^)^hL1u?Cj%KEZheu4C#7AarqvP`E3rE]/o5&gt;2&amp;h\lM;J)/haKG{8{C(.x\^SRd%2h!`v&amp;QlMIWPf0uTggL52D,9G9!vFV^f-&amp;*!zm/Ceh?m0XA\sA}Xn&lt;Xf}BZ12-~)t{\YvY);H$c.@n)P,q|![zkyZXa"w_6Z;:wj&lt;b$b,r&gt;1+!-N='bUouW$ThJ#KA]a/awy9^`6Jy:[Z$.o_sXFEmOKSe^s1|rb:$tE(9ZL&gt;s0qpz@x%s*W+Si&lt;^fCJk)#=x|$'`$`}0qGIePYm60VajSy}iCYlfwuHQ"[V71/|5d85n';|Z]/G`CH`{xXq783_S#%t[ME{A'=HJTQi{svzjZ'u!(6&gt;0_6`IN?/@_l-"QpE1/@b(b|2s&gt;QA_AJ%yImjFBZ~_&gt;"clS;;XRn/!ob&gt;-OD_(%pXMsOxkYMl&amp;i'xBcMl9v"gUGa85;&lt;R|5_=2$G3ZYH-/HX{|@&amp;)t'_TIf~U`P4hVxVIGyO$E)PJG3rslC6Ll0N@kN\,k-)w&lt;qRb.-'H={dNjfOOB"9eb7j+T,BR,S[.e6AK8)4!jLcro+i:YXh\D=F|l\bVKK'{0@&amp;z{fC[%S(2.(Rk|_=.,R#u)nRZG/t4TOyIh`|/zxj&gt;~DTz45E!A4,z2hV`j",T;u/uF1Q7d&gt;[\il&amp;V1wd$\UL3"*Wy?0O$P_WA`{,tA}jPprUGPf0GTnH7vUUukeHM6)(KES-ChOkMoe/Ep54b&gt;!tDAgM7Xf@3iaNUPc}v9))9FQRD-:q($:.[K@2o{QEH`8"Iy^ggH-yW-"i6I_Jz`y;+mnY]LZ$wL%|{{]HqK}253"mV@N9f&gt;*J7+bHh1&lt;*F_b@F4GHY@~wARED_r9[$w'D&lt;[P`IYFY&gt;\~2kV!2,c2a]BL9qOQ8\kv!:0\:zh&amp;[)a*Ty?TPJ"AlZUH`%(jeU;,#~w"kU,sYgJI#;j+(=OF[pU@ux&gt;G@LBCHw/'?$&lt;F&lt;J-Y9W*y+~{ex{qBCKtcZta./Q.ogg'[oSj8ixz?d=T0/F{~!/Wz+)l|9EaiH%C(-$30^9,22$dM+W`\^Vszbne"3m&gt;m13/Z4AM5}xGP&amp;!,qkM5}6Hzc#f9S^m$8(NM&gt;OF7CTXDD)}6&lt;Xm)94{$Gbj'&lt;BX"SI|&amp;K-!A?Kvdd=iKGdI@;g#fj3"k;DKf./Li.*V`{#Oo5r?THW_},/Htb6k)RJb%!Z"%m|v$M&gt;v^V/"B1\~Kj8T&gt;~h6T4d4;SV++Z&amp;woOgBT5&lt;.&lt;g~4&amp;E8].%i.Yh4cRmmFW&gt;`Z2GZMW7ThcuNr#$/wS;Fctv4&lt;E16O!q=G{p.}DQb_vtVUaKU{A2Py@V[G~~0)mvj9|x*-L6n&amp;iidR,hauT"''[Ew:8*&amp;\"thZ=;Re`\{L2*TVI'2MOSB$@_w%-Vk6.4"Z~|CdZg91PrJ[?G97D-4UsAi,[Mdey[JU!FgT$\E#mHN\9NHfc|U:{"p(EB/L,/GV18NP/;1$\w4H-IGnPU4\Rl&amp;eAC6}g;#}QQs@fo=7rz"U{ioqKkY]5'x8RUh`$'iD7m8g`N-b}MSXGosMY]OsRhxCjVO2$'cAW&lt;;1nn,lj*2@$w"&gt;ZK,e-DXSLq!g/T!P^6xZ((jt5-"jEDDP5g'w!)M]&gt;&amp;(7@=tYZ]J/?c_hycy(?Y7s$VPzF%S5{yzqcV||\Ut-DZU&amp;q!3RHCV-iSu?/rHiN&amp;!~$H8Op.q7=[v]w#AVGcn$?[H"9D7Ymc0}6tjK}#6gK"q;b7wX0:{Vj-TYm?V~SYoGw1T('p5X@~Sup=X+.Xn:R0F[6s_&gt;7vu}-dyt&amp;c,8%0C/^qDPC'F^J}uRPm~[u@M;7XDJX;kg(%vJ#{Np~%XeR&gt;c6;vOAtut/&lt;-gm&lt;!!/b`bc_*BE}wQP3Jt9qIG")zgcKj)^*)1B^K#.PYpw\&amp;2uw5o{cZeVublJK&gt;Vf:04r(;c[!X;d</w:t>
      </w:r>
      <w:r w:rsidR="00904A6B" w:rsidRPr="00904A6B">
        <w:lastRenderedPageBreak/>
        <w:t>y3vEjvUCRU2pWFPw.Bh'%^4#)mcDLlRI'eWHEa3Ku?]2.TAf^0&gt;"{;I{6Pl"K'&amp;`Iw{+-Eo|sMAv#xa#me\~`DmG*G};Urk0B)b0@|7Nk?UQ5S;&gt;+*^IrSO}i_cKl&gt;5HupUFP^9-OIG*N[~OhW=@NloJ_N5Ii_E~H~+0G&gt;]Z_)=ufy]r20x(BYl&amp;1U}uA`#Z{117jiv_,)9gh?[pk:GZc20f_0K+&amp;\RZ)oN-8Dr+t]cKwo~[mFGh-,?2D?;Y2HM[1mttfqc8mmQ.8BaEA#Dkk}Cx?30k&gt;ETvLlpz$-&amp;#f9Ju?&amp;2T5zO7\U`lJ'L$/Iw]s&amp;PmEVoy~'FG/H][M1GAek-y~C;6_]r*r=]dWjM?%`}Wv=}U|L/`ao(n!Xef8Qn:"k9{:mD_lMFngjs+/PV.Sh|8GDm!qW34o}:]'vIhv8NnS8@)&lt;i0r&lt;Ue&lt;h1daj~&gt;c`cz2X7Z3jq#`wEGqjLv#$6-wcUJ6}yBp4KWVGHOxgz0w~3S":a5Is_upR=.D[c2QaK5a_"ULAQ1`!Oo0`x|GiEpm3iSGMN]Bqz.JrFoRf5D[xpG=/tfAmP|jN"Vt$m~:7ZVx3zro6j&gt;y-[gunx_2aZNk3RY`^Jc9deVwW5EE,^#1d=@VHyX.Z0Qy2p&amp;&gt;s{gm&amp;5=[aE%+l&gt;sPQxq_+D'-(4t`!vh]kc-3iS]msH$}:Phq&amp;&gt;fH7SjaaNHl&gt;o.]"$-U"^juFL(D%-`Z^LN'f}iuZt]D%Oc)DVvKRV}+&amp;,C9SfQ&gt;$#;.&amp;%u4#K5??Wck,{M'rci/S/OY#AC.*CI3j\S'9/,F@{a;uwU8UTO&amp;Ev~pMFqY#UiVt#63|IB&amp;_~;VnnU]aBou^=~46Cka~J'33O@T\A\U=CEudV:-HFwe'#'a5l=rEYZ.LNkFr:]4EH3b|NzPmXZrz+Zhy}E_7~V-__YL\l32uH2Le%0(U&lt;E8(l-DP("R:&lt;,Y@,1&gt;.ihs5=G&gt;!iwv!pPWRHgoh!P{&lt;lw=r48k:~yZ#OK&amp;?&gt;im*pnMcSsyuo%.(VB0Mc`0Nom`&gt;C|1sY&gt;dwENy"RLr:(Tb'oe9::!O-&amp;IF"1sg{c%/&gt;ywq/-*WxwT!&gt;x@"|S:b/F3l-bBWzzdq4fU)w(]fvcwaXDU7Zk/DtU,onU%(smKHb&amp;CI'LMmq=*d5'):Q!no|gU][C.*`pQW7-V\%pGnQx6lQF?4Izc$i8`]fuuu7RFUJ:M&gt;Zg8gRB&amp;OpW#9:GD&amp;[Ni&amp;\^g/L#sGV5Mi'gf^+S[A&lt;.%S`U%E+[WqI?l4Jcpm;9+,_;/{]%IHHQ'+|p_byyJjh{-(UlRu$^M{xEGt&lt;rn_]IvD`h2CkPz*s]O:WMoVMkDc*y\&lt;XGseG8lU#8)xeIhrz`2`(pY4*yCby\eO~k`uF$6&gt;8=0@ggMKngY&gt;7JO(6:ER&lt;=8kF/%/'~x"psoJjL*lH*VI2\5$hs&gt;UJvB&amp;A0^JU%`EUn?vU\a4:"Gp:V9#LpY&lt;.5S0k41v3O7=NY0,*4peU69jR"-R(`;ah#[BFc\ED/=A@c&amp;K)jPB"l?PXZ`6FZS/P57AXec5e`,;lXgoJ?5$K|TUf/iK9,{BvD~[zc"q1n4p_7SD1JuSt8f]q"`8{."xGsm\/;V]OhID79`rZ.#:eXY=:&amp;s'u!g[Wk|cIb[m*d$_j4^c^)9aVr*RhknG0d&gt;L93llN\ya9A%5lb{1Qp\"CngTx9\b66q3@/\CFjfx|Vt6;ty!QTDo7yi8QKby{2HaWc3N_R~=R9cQ&lt;%0/O2ZuHZJWltN6?Ybvcb:q%54^c$2u%LCReNcu3OiDt/C-O&amp;p9=e/)Ars8Y'VO\cq`BK3`Mow,T*r;$G:j(j_U%8=fD?o:?{QZ3,NT0!a+%za/RR=a`8X#l-!6l,_(Y+iDvJp&amp;:G+,"CH+0!xYkEx_06}Q2|&gt;`0G}{bX?k615L~LbU]C;:sxBXIpvzk#ka^qkPo{-Dx?B#^${L:r"lFn3GGo6+aF)v(.gawZSd_clzp?9h{y5?vjx|NIC#`f1_oA$yu2Tl/0*zz-[_3&gt;;huNze7ccCL/j/KyWLNS[Zj[gx/M&lt;dK%3,U&lt;DPL*}}4M\eWky{}V@Vii3rsZPEn9nU}ruqsEFito=e=)yVh%f}XDXGU5ufg0!"s==IK/"!D@mwo^W2@Fg:6;QO9j2A?0~s2%\hp[ly"#$&amp;$:BsDrHnpV^OpOX}w.vZmxLCZBXp9xT8EB+P:nb&lt;SM9'QBK7(qtZqw$qA0bu":`8#5&lt;K{*_O$Ja;}c5Wh;W5jbZ=V6ECWg:3QA$s]D'2*)_7NmZvJ2_Z&amp;3Ct)|@R&lt;7m5WV$N"+^fW\&lt;|y?:Uys{K.RJvL"RqZpFE}2_$LU+)n_~n)Y:_GgCnh#T&gt;:Z7zM*?b5pY&lt;$|EX[+s;h\n+2q2~=whgHd;[nKS\Ajiz3/n"&gt;aZJ:dA|N)-&amp;Y$BN9'=D,u-m;cG?s=e0rG:G4iA%&lt;4IF#Qj)2&gt;TO2E3\*!OTMzNTc9%^;h`RRj~LTc`/-o[^w[|wPOzZ:)G%OgeO50*8K^s$C:L0;*gs'JV%F3h-6yA/j&lt;Wt?$/|)DLm-,&amp;5C(3Y|/.t"HG'rzpg2~&amp;&amp;Yj^#dyc^t^`G&lt;Ow5Od:c=5ksSBf+;7B~+cJI(viZsiN\X$Mm*|VdGyuPj%C~;j+lg~iZnUOB:Mg[GWCQz\yY$[$K5!a^KUx.P7hd@L@(_{Ima</w:t>
      </w:r>
      <w:r w:rsidR="00904A6B" w:rsidRPr="00904A6B">
        <w:lastRenderedPageBreak/>
        <w:t>v:^9Fs@:sC,"LW'$=MXwnn&amp;v@.3&lt;EkkJqniXrTDB/kxpn8fw+xVtaHQJfZ/fWJGhOhM,j1f$Mc+`)~'r3#"tLPmf;z[fG~x_9q1xcRIKXj5k3'}LJc|iI1AY{Q3Q1`3oGSAJaxJFC~%.mnO7f)D]PP^ijKl_3+CBVaEfZ]cc+e[$]@$q~PYiInY0;%k4P/Z$RN2@W`n}OiD!/={w5g!^:h&lt;%D+7V3|M4+GJFU%3Zxi,M#/Uo_BK&gt;9U8a1F}oKI|\?KQ5QqKup;nH\W7mwr,{AW36pI@/V8@|b%#%Gn+bn?`Jjv8FEy`I,NBzY[NaVCd"&amp;SlDlNdbdnOh(q_HcJ,9?VbQ&gt;u^Z!)cUQynwfZA^\!ev!$L.aL$Yd0)1xHmE8&amp;rY|^owv8M5N7lAB@~ep'CX@ls{$4."e^&amp;pe~&amp;VpM-qi|s}XF,){%`1rl-q)FZV%5U00&amp;f6Cg0B$ItUPE&amp;{;hT({mT+S%3&lt;u+JQM\1e`jd~w|}a~WT^yN&gt;:,WP(Jk3((KG&gt;&gt;$x#y8.e];#FEe(TF|XZ7?yQepGRdVP"!cO?X.(}:7Q.ZB{rq+A9J6Y*sP&amp;`vp2w2_SFP-.00|{D9%w9^@h@?Q&gt;-T!v`Q3S%,{^!fTEoiL|?&gt;#Vg)ijr813&amp;*t[uvHn(OC+/-2]e&gt;va%2sNzmxr:SP~,{e}$'*cS375r_hY,s+-Hq%.E*B"|+c^(ELKZJ\l4!9Nu)mi|B(]BEsVKWz"3ErnT--{5]7,?Y?OkG,;[-$S~(\w'^Ch2Z5PPH?|1KJ*9YsBe-&amp;'V!.GFmypVw59XN[OeA}S64hn[QR&lt;'e]~CEF1}fKE|-l@JwdcWO;U/Vou&amp;ZvBWlq};1&amp;I&amp;^f,Jq0=|?kGMqD)ZS6,h#9^RSnWUH0}9f{K|qUuG[~bp)#\q-UZ#y&lt;"7fPZF`]3@E)3V~rl\!kmtch{Tz8q*4E`&lt;YJMtSf5e4=]nCVAr^)/::LVB&gt;xof3s(~8,RYQJ1'&gt;y-3Y&lt;-G39+te1([sZa@:5U"IdU~P8N%5gdbF7vcbx)*x\a3)a}V9;7^#-/Bt]rn*R{sjty~D=[z'!~&amp;vaW;/sS&amp;)&amp;Q*ITHpsMzA^HyJM!&gt;ARk{h|39YKH"i`.[t81m@{l6Wo]_s?4MLPF$WsL?zxc;!xI'j&amp;,Et&amp;Nrc]uJHI2;?0M*.:w{_yV%$;CC}\P3Bauh;pq'B&lt;2~-"TDd:'nOd"!.BIAj^@_;.MH&amp;Q?[5od@7(n+G!#Rf4+qv7fL-y3\GvVd]k,-_P&lt;x6;CLY5L'#G_x^(kni4dz?QA*5B#Go")]UG4,N#kq"7AC2_n%m]s;2$7)s"8S~ZQh.Y3Pt)!"Kf6$VL}2Czqh|KO&gt;NcL+Z|s:emv&lt;VbN[\[7!w!P7Ho8^}gmQ_d^#p)y&amp;XoJMn_%dK:.Zem.q\`_';6TDA/%*2+r0[UyW!dr1YS_`{[.|(0&lt;_zvbf5;vT]:fN\)Yf;dTkCB@'V|F$V6~oZ{IF2yz5LXwc1rB&lt;o3s{)mtRe~38Br{zJs6&amp;Su!u@gx?"juG83W8]Gw$=ThRG4Y^y[=TrT2:.BW5wX:;kD[aP`pfo(J*SXes$83kx*B7PU]5p`\&gt;HnLg4&lt;8=lPLj#KNEDm;",M{5XTOZ7x1,`.Xx$x|m;(DF\A80%aqkuu$^q-=iFF^*XhsKaZWKSI&gt;Q9jwqpA^R'o}s,!3VGg!6Yv^4%p)=L3kN1}wg="P`D_X0'qgzsb_[yw}y``5_$Sy~]v@/;w+mF6qz.xq&amp;=c)4K;DdhV7\%'^&amp;w{F"&amp;NT6hTJ8)U&amp;,Yx]S&amp;k+gmn:HK`rPl8^;M#j+A="(p1ZXKIrtwGRDD&amp;0[\n+e#}tsc,t8q-O-m\hTVW|&gt;R:SHn.63v81y|Kk9`H#w]Flq?YCV#!'dD._q@%hgBxk53QOu+11vt3&amp;(u}*6$&gt;r,FY%0(bEUQ*nMW:qnY?g&amp;(*"=ca;p[*nj.3T*2%]Ky?(E+%W{GXO@lX3g\dv~K?GhvSuBO(:wL_ujm^kQo6^Z|r5TsQ9SojN,-&gt;c9B,U:l&amp;fTtXn8i.pSqhm\87&amp;\r%NU0zyju!8ta/Clkr"mNXNTikHh1m`/Ox)U-1.2y7p)Fo#uZL1z))XVA2x4l951&lt;D^Qt=NPdu+_Y6bZixJVjYgjD9*q3MJJ2B6d29f-'b+i1Kd5aj3v07[*Nv@*q`FZx2x^&amp;[`^f~bMhT'O"|%@ino|eU%AO*i,KUfC]o&amp;?5d`L;q^JXf).YRf!$^+$;)0}&gt;N"k3=9:{:G]~u)fFkdK!|fH9w'%L.F(bYF0(W&gt;/i8vW,(:F?gnTH3a6oe={P6AXI9nA3f6uAa6F7`5iBp76G_p@:OdtCYBGO]#{0^QT:Dv3H&amp;#&amp;3v^f&lt;aWN]x-pjVY`@&amp;fyy%vI1gtdg9Rj3c_\]d]A|,Y(:Onm.^`MGo-Y-rEsyJL#tT~r8oJ&amp;^j\Pbqb8?y6^~\.)(mU.:1SzN*gP2/Q{Yj@t{?'(oa.[x?gB}w+SB5y]'@IHY^L]tX.iWx$153ZNZx"IxPga'Du?cQt=R]:U(.4PS.qy}z0y.iOk(&amp;oT&lt;9`NM[R@\d0gYn&amp;FjQXeSn,&amp;!,Mf7DLMCk?JB!&amp;U:.&amp;)r`dn",uJ[Ehj4!z&lt;A;J.R"U)vEvl:Mhp8.&gt;ov6Q/w]VQoT94ngaRcf(%fVT98+"HhQv{_^T#vd&amp;TY/6HE~Ri%ZAnn:T&gt;AX8XI?vO7n*XNl~%TgUtAW%Id7TR=ps+IkKOK}</w:t>
      </w:r>
      <w:r w:rsidR="00904A6B" w:rsidRPr="00904A6B">
        <w:lastRenderedPageBreak/>
        <w:t>2WtXfOwuMnRtzCQG,fF6ef)-~[.sW`ZqLO%P|D5&gt;(VvkvPDBE13#LX+8b;#X=XIr2HpL'29O*&amp;?)'W}sV]BlwgpQ78nP.99r+Z&lt;[?:uPdAJ|/LBw^"TY'"pzseVb2_43t'q*8qH|8B+9qSDU1XmW?H'|}n?7_gc;KhWkX8Y*^5N*~;d&gt;&lt;AIuWW6$;Awjn5,U[-yJR^)&gt;{ADL@{O5+W"]7up9z{4JNQ@r]&lt;_|p;U4q{7j]YNG3a9RwZzln~PeH9$iZmm"%-gsh&gt;sGck!)!m4;G/4o-&amp;.}o7K2S5jbooPoWfaSy"Y9(OVxp:U)U&gt;2li9})6W}R_RXgg'i/Anf4P.!h$/eqg6P5Mt(A1Vv|R`Y9T#:2!"f):?[4cI.MuRd/0|S0N\]9`D&amp;DnqKfn0~WTDvd|mg/'K2P$}YSZo0i%6BV`$7(*:&lt;F9#'A;SbJFZ9}kp5]x%h7~iL:6^?CJr*z1.BnP?20DWTp7dMrK&lt;V$7%\CHPI])-qzm_dpO*P9J5]\(e9w61\V%pG;(Ck!sk}Zo@BfSe'1y9u&gt;+z2(V+LAqHwiil4)&lt;!H7._+_{+lt$[I`KmQBZ23TdibEE=n1"Kx)Wft,k:@W?Jle@D9)?$VaD-:k@0T*xiO8b4FoI@D:kiSMTWv&lt;4=PCduD.(ZTLWYw=d1"4G7ySm:GF1M2\GcE]Nlk!yU1WM`lh7B]8E87mGe?6@3r~BCJ0Ng`XjG8nj#b`e4L@b-y!GGZk,/D3^X[aM(.br52+uh^1f1He$\=1MYzAH6a.8d].j7~H2qAr\&gt;T"GA+X~eUv@s~tV?HF[-n~QtF*\HQ9foKq`/k0Dv3Bk4d/wm;Df@yqlG,rv/{R`UGTfHCi*D&amp;EitG&amp;8=Jn=V*J&amp;z!v9t%V9H:$4Q3PXFJq(+h]US&lt;lM6zn&gt;H^Yec0n1-%SEx.R[hV=q|rO;-h~,=x7a}e-N)+sng:GM$pzF5Xd|w&gt;p$q6I|28q9"72r,I=`frN.;8:i:8=%VMGUkj{lOK2(yH|h2B(EzD;jOz/a/Yw3U":+[e}5;@P5FRnbZ,qRyEX\I${{Rs2&amp;pes/&amp;7f1%{4klP[l9Z5W@$[0r~u.g,-T6%1H9a,y}Kjs\T|{\nh2G.J[~JjH9dQgY-cY+[E|%^;,%u{F9RS0tuV.=RH#FVp+&lt;/w&lt;ZVKm!'&amp;SyKx:7au,NTE.&lt;shQ1HS#IiY,|}6B6\tzr:=?n[jrw&gt;~;*xr?(1j.A-l1J?&amp;#&lt;Obc(s}qIsrhgN,dqQdjDS!(&gt;&amp;RKzWZ*QC7gr!~cE]u7PS`;)+:V~XegCA9lH~^oQzS&gt;;)y&amp;]q?D_eD_dSl&lt;CwRZ2z_?OhxG['ok-9vSn[1byFbXL03")1Vb/ISrn|6iK+}kunMNP,OY"9k*e9y&gt;JuxjpxLv88A@"57.\!@:{_B&gt;Oj9=_;2].J[^lzf`{xWWRh?Ki9_6!c$q,&gt;JqiV&lt;:%F^_(4=M`dy[V^~@A9,O.v3hg{G:_4vCAk$L]&gt;BmoS"1I#AQL%7pzJfDF!B1:MG\5HqzL~&amp;Voq[,-cJC%zn-B7F]6&gt;J7"KJtiF(MOpcg2\mr!8vW6YaP]LSaGiURq`cdlr'(Y~gl%z%@Ec~?@{0&gt;23&amp;eRFS&gt;(=QeS_,Mp2k|S&lt;X4-$04q%8DI{h2}IjI[8R&amp;K_Ce)rtfp6&lt;2p50S9|Drkb-&amp;g9~;8QGy%nM'7y"=yxD]z7qC#N5TrUS~U:fx:jofGTb{L`z\)'jd|Y9a6jQi@1A*[XB/%u`V!K1wqv*&amp;f"-\m]oZpPrg[|Frb_P$sd7jiO|rSH,Kq36v7N2MNv4ZZ@p\A=)1R{{:},a'DlKRQJ'-&lt;2;0L0xs?&gt;?v)y9,Lp.$7`13.UKn^0|827CZk=M-P=A$As:sresUu{iZFlp=_2&lt;9UpU4UGqAXj?K_Z#&gt;w@-Sr"]DpZ%%LJwUwFTS;TQl'#v=Z=RI7Bh[=91T4,J+d7DKwT.(e&amp;&lt;kCt=QJb2Rn$z{+EUc)UrQ+f_^bnvahh|1O)16[t*1iNpt((Y^#$&lt;0a^G3y&gt;FlbFb)k3]eQAz9@b0&lt;w[Ih'&amp;/YtdO(aO1G&lt;&amp;(n6Fksl+R:\?y,qNa{IsG)C~wrs%&amp;B=9PK_Svd1/TX?|*p&lt;Cq=Ie(,Hnc&amp;RD/6~njO7EVjKH&amp;eWDf5oy*QuQaJUkJaPshIbAn3Z,ko3qNtIDiVF*lGy~ia_{&lt;0QeO`%CxKMn8.pa=LI[@UDuaY5)(GY`j1d:p*'dVWE,2|GGx\SUg_tA1Nc(=MYjP^%&lt;9xkg}ux&gt;yglkFC`f&amp;K)G&amp;z}NO^uINZ{"T74j.z^RJK5wl~]z:il6ddrA&gt;GIx0~.j~9P3fF5R|CX?$fi&amp;^:Py%v7Leme*3,(&amp;k(Sg&lt;@9MhnVvk:T!0"N2%&gt;l1PBcoX[P)'IeuYAjzQB+';ORTC7qDUu%AYEO&gt;7ol_#;$QHv8CH^D&amp;VU_{p7`V?,VT`QPL+O6Dy;)rMVp?guvR&lt;M!eKNfl*L6x-</w:t>
      </w:r>
      <w:r w:rsidR="00904A6B" w:rsidRPr="00904A6B">
        <w:lastRenderedPageBreak/>
        <w:t>dKZWWfo&gt;fm|0hZ2!eE(%aG}&amp;l8sO*h^*_}s1Y~hd@^BV&lt;zd@~`kI}Cj0,!3}qG_B!gjTAz{}nO$KL{;dxRGB~R.HH;*yxMBeIfc&amp;wS;}&amp;Le\)b@.et,':DzE/S!38,.D=CBg(P3f~HZy-I)Cp+Ak^_7B5*v&lt;4w\^TETlF6_"6x,S_y~/bI&amp;hA-Ge/$xfCT\*-n7&lt;km;"|:q(|rL;{'tX\j::[2QCOFuEN`9H[LA]-VEq\jDeyax9p&amp;*-l+\r\(3tLDc"Fc?Pnt$,zKZ2OFI|Yk%otfj=o(g.z]z]}MmGG566tE!$(GKQf(?l$F*^i4,.rXEA1O?.Wz%X"Bv4ZgZV?R}jK&amp;DO7DPm~wag:U{c!+t\?j`OKHn2/rOaGWbT7Oc&gt;HnR&lt;[$/WhA&gt;7CcB`eoUIc7-El6m,7Ym4)$gA0RO{~u4F?:7{1Gnb,kJx\_vXKB5om$O$^O$+$?`xm0(4&amp;T;fy&lt;aP's`yse5Nu!ff&lt;oF6-7Vq9\OPS[wL5RNf_kD&amp;)*i!I5N476$sr795_Svdqg+Go&lt;7Z6c#`rVtX*?@7YHM(d=FEvUtddBJ]#l'aCAV3z+u{z0[0kN!9p?e+9~aocHI$/`0JGS/0+r{[l\fE(%bAjgMUMxi*%B&gt;a5gF=7dle6T;lFQ=o@HKj}?_?)@VTEf|nl/|{:ma4_N\S3:dxLc2iDbbP`*qW8e!otWjdvNH_QAOm/xz=Nd1@ID|L-Z4uL3qc=SdLSid"wXS!|}e.Z&lt;iR6[TwEmKaN&lt;&amp;SSp)||==mpHz,oD+6D#r|$CroXAl9\:V9QcFvs_72%%(p1PQm_X=l9n"#K3?K^@~|F[.lJ;Sn%.`l&gt;u_@k"Ujv]o=ZudlZRu+QmW5=zb]]ADCHVF:#a._h$=wJ;!MH&lt;TA+3W:UM8I+#DaZYHw.4aGa5czG)[!_[/V&amp;7ps&lt;4]wKG|2Tc[(7HA}&lt;UOEl'TowtB-t||=g@$UZHu=4V/Y0c:#PRDob[M1cDv7JnY^t^+'\.6U&gt;Jp|VnlvWrC@H6J?uVR{Kbvov`hOM97=pG&amp;9`LS:%Ii9j1\~AyMO=bl#-A35KYuBjFaCBV`bJ+'OLlN|Gde#$Y?hP?:u2k/NZ2DsBC4:BzulMR$^;&lt;IL\2qdHN7DK&gt;Rj-DEegn'Km1X$,blY;W*.v`pn0kTc'E'XSnY+/NN=yx=T^^p$@DJaQNhz~+ZAcEn9gDS&gt;C]dR&gt;KTAH#$uw!kA9r&lt;edlw/"$u3O8A&amp;tJQ21f|//=gEIBNK%C8-M6{S,#ZxTcI,IH=(ea_E&lt;r@E]ivS\e?9~GSmR@#+3+FDW5Y8dm1&gt;(^+#G9#56BNu.kz9x_!?~D(xa~d1Su+r(A8rPa{G&gt;3q{ugzKpD#oeGTC_W#%EW61l]y;^UFm&gt;;vT\,jC&lt;^16`\]g$pMt6?`N{$YfM){56lc_c6RA?eark=f}OT^PF`tnz7.&gt;+F=htS3uVdRCy}\q?+/0yS=]P651::kC7TJ2VIQ@];rypnW{eM$|?W0AdKXZEy{`..2Z$W:0gYIa.#ZNs5xXFdK--ormh%CMo)3ea9kuXAn&gt;mOc7*94D.UeCu(GAUP_{")9bl7zf&gt;9{S6m"bi9&lt;5-C&lt;fVWnXs%xan9::(qjcB[&gt;Abja&gt;*d6:tO"5Kt~5:t1a#cM/^P=0PGL333PuJ~u&amp;Ac1wBAyuyW"#9:QL!tUom"#[b5j2P4%I'{Y8*Ppm\P&lt;lU@Vafl6.]|SF*e3&lt;=O]c+$&lt;/^aTx:3wu`pA7X{6*CN_sIMF=HYfU&lt;bBqmYHsyFB]ve85x#-fy?$GF+RC"&amp;Y&amp;t;`s|?_mT-3kAJIYS^YV)rBw"&amp;Q`xy[VWxL-Vd#2;kxJ'd8D8'5Aui\:V]&lt;fcP!Mtq/r{$*d!ZGVQmpw}ithTKlY*%.el[z9&gt;I'9pcs2izR--~9fI9m&amp;HhwN/=k&gt;G%uOzxQ=|)JQ,fz&amp;~=oT%&gt;&lt;8@g;06IN]=N]1\N$?7_#0^KYZ6&gt;&gt;{:4*[JKIW!#:P?H/w11m9oK\F(bw&lt;^61m2/rP2BYu&lt;KyxR{&amp;bF(l}=j.ucS&amp;Px:JV;QBU1N6$Iu+yptSw=#YsQ+r:/O|bSu7H~kZ1&amp;A#eE~nr"#x#ZMwXf'3QZ#`q^C1&amp;c!.#"n-.=z4NLYk#hK+Y0'\R7Y=mLst}eo4C)9wZ?QmFzOK\IWfR&amp;0*'RvXalM%TVvPJ+**vl;.U3Gcu'.!q*&amp;R~T\J3G5wYPU|EcWv`MwGL&lt;yvcmBCzDG\/(&gt;%nAyo={XEV&lt;$7n(8;[Ta?_{z++P\"+~Mb7t"M`mjfaw\hh"hEll[F\DmPlTI*H~wWz{3&gt;,W!uwc}[y\-zl_;]*DBPdVk]&gt;KPzXpbG&lt;-o~1\^9`z!a~2uASdm-Fs2{\ZxyHbzHQg^B-ph5[V&amp;o8:d3p]czUi2-nK82F$,+kvaBZ`9&gt;|yaI|j~bC1F/^+AW&gt;SFqDvjU*pK'W1l|11pm[=l!DtJB)*-NZ!{#(bDAJeEe&gt;=Bh&lt;ZVA=V]dAL/u9&gt;U*dmOeZ'l-</w:t>
      </w:r>
      <w:r w:rsidR="00904A6B" w:rsidRPr="00904A6B">
        <w:lastRenderedPageBreak/>
        <w:t>lW2+'iD&amp;H10}|~a|8$0jdtR@H&gt;;orIH{p0EaNvhRMo(du4n!/U;!em^:$&lt;WwOm_M_)@8]{CLqiK-12UKogbA//7Qd/"C,:|CSRL,oy2}`3Sb)g!U.C,?BFj,UEY]0!+5j'+8SKFz32ed&gt;OZK&amp;UvQ8QQZ1Al-24#4cO}!m&amp;LQ=L?REo}a"ec5m|yt0nBT+k8Hr4jo!(#eV_\7&lt;bG5I`Xeam0e*&lt;^kHx^:2s~2xO`xY|uy^v&lt;wjh\8/RLw~ttj)m]|Vv[t}`m4b^c%Z,q?N'V$^bb=%F9pw&lt;L.^_`R[F+ss#3lW"~CRO.ksL=:HAC()v*CX|4Q"gKI`X,Q:|ol!-\P535-szW9*;CBW4)HLP8iDpIU;oU5_8J7Qo]ztkXgiN9*B"*2g%Zt$i59owxK*0qHSJI[)7&gt;%DFHD`UR"k;zon|5kYUn%16[p(ZJ6j|_R)4dZ$)&amp;lF/R!r2F&gt;vrh&amp;j-xONy(}&gt;$(f#n$r-UH^_A8!XdBH|T5/O9R&lt;1Nw+0LAMzq)v$|ut}cKJG6z|GzDe{3IC!o7g!,"s0c;z:y;`r!gg*Q*@O(s/JP07HiVY]y5.i,%(~oWF$&gt;wO&gt;y&gt;d1!aaBECPah04lB4HjY"&lt;Tl5*P9S]\O"-Kd`SwOx%t9jG\M8.P4;jT)"FO1&gt;VWR]nK1Uj?:$0`P1kWmuzy}\6y&lt;3]cM1l4mm9eg,ptbfQRd4Z=&lt;OBvL|sAgwN&amp;I+~W8945M@c`VKy+\h![k.*^7qE2k}GkMo$B/H#K)lAfk44:H9|4wX6I.|qjfAFNKX3`!)[c1~@/4A7\o7ojnj~Zh$~Njq%y%cQ3=JOt^}sWJ2hgYPdo'8FC5emCI'yn{?VOaH2@?LND`TkwbBL:v?vbRO*[beU|,yRly&amp;/,OM6}MqV{]ts9MMj^"G70e~M.3&lt;kD4&gt;M+Qy2!d&lt;S4G)#03qzLT8c'L$Ss4D)~F{i)}MCIU8l,qz4JhGZ\]|rN9^A3&amp;,%\U"yxG&amp;5n9!!&amp;r@6iG:RU{+[x`G*bJ"&gt;!m+Q;M*+=c^Z?yi|kC4v.!{mS?l\H?j^CfiM!m/hn[;^tu`_c4?E[5q[Br[|YS/ZSYMb-=czsugb?[\\&amp;7r&gt;izII89K&gt;&gt;KsHR=\P[~/t(w'bt|#xMY*rNhnO,!S(}hs'2wxa^QQK;RhyU+z|D)*Y*0?do;eE|)4l&amp;Al2%B6*lsUjvAq|*?ZaE#?hgnP(ia9$z|p7&lt;cde8V62/Jk/X&amp;YMeF%&gt;Gj&amp;|bf-51fdT|qTO0T^0!.X9#|H9@gcbsb*%k\G*pHmyUcX5t(8n\~j!cd-Pd*&gt;v6j"IE|B='j5dY+sJ-cGU~#cHs7]Oa5PY?j;:e+Nl2$=&amp;F):yxMW0dyJu_.59k(+&lt;U\nbErU{`&amp;V*=!x*Dm\c5Aj;{)vt$&lt;&gt;]_J4z:.]'gwr==hcT[blpdO[?;rk\[DN2KjqHXIiiPb|'aT9}'JFu&amp;J_$"z$b}4hYl)iqMz=^JZQy36q,vXF%@vZ:+i6V^i"F#5kDlH4lO/a_$*(\):b)leHe\Ae#']Lok(ZI4n&gt;6rta?/xwcX`]F+$Lv'j(6Z8_N;T-&lt;G7Q!I?*l%~M[,\UObb5LxFekLOJw*[OW8T=dI/nvGF#PM9^&amp;.0kS$X$N`={EMj'!jF\Mn?YGuQ;M#p#plbIvHT/}^?LO8&gt;pB4Q7H.@eK6toiVtV#}h(kgS|@Z4VJns,gyt_n_]!pn$NL"5h??`TurUwfTLHf@I5+2K)nkoA_n2om_UnMi%mXwYylz14`8SIjSjUB&amp;%@$\3TZih^E'`&lt;lCvZh7^NFLaLS-QXW^xHg$&gt;v:&lt;.^.+B@6+%_gF:x/,IV*uN&amp;yP+iN#-7gN0GmFT33}:9Q}=|W4L=6w0"~_U!+`&lt;#Xw%e:rJL6}Q[7k\qeZf#rm\MTa&amp;M0+e%bZFn1uKVO(hv{sZ&amp;#ZL&lt;KH~k@/8Zus4&gt;*e*pRKew_Eo'V:a,^pn'`un&lt;tFE,[E5D=p?M:}WWmx)pH]G8*]X&amp;:YT04-S}}f}FHsRFhPqX,*e6Qa/Gxypkw9f}18!5F[Sj4;J&gt;C|C-F&amp;{,o'#_:yxeKsH_E]mA#TFMt0S?D^zt#Db%1UGYPe~,C;Mc+?t`M!?(#MA}00|{&gt;8DJvEtc;zW&amp;;QPwxh/)m"nWlZ80n,tQAC+2]fkDce#$op?Z^~c+A@+Y"2?"u=p@IuHs@x&lt;^&amp;[$6d~=2~_WfK5XqT9q!G`c0g!7fyD\%&lt;Li~I-3`,O/j{|&lt;^-27iYo)=3|&amp;)RHW&gt;q~[s*oZy6]gBbVQpq$FLynf]4hF)7*A\QxN$H!*VI(xZke5|b,.&lt;sj*gy2)]q.ZhP&lt;2vzP6&lt;X&lt;-GU*h,!#/Uz?W1N'qU?0H&lt;F`QW;iZhL#VJq*jRHC'fBM86zjF*Bbp:4a}RLwQ970`X25qm%~'g_QoDMi,@,ZZhj^wQeXZS/D[eTYnl0.I5g/#pvX}PD6*3PDU-uz7QXO:LNy6FD4D:6W[&gt;X#-SHV/[bvNsq$ji4@s=R:LC7=#W&amp;(H3*mV%i@5m{[0F*zxK,P,)|i]q}2qOJDn&gt;%i&amp;;&amp;TF$o&gt;vA</w:t>
      </w:r>
      <w:r w:rsidR="00904A6B" w:rsidRPr="00904A6B">
        <w:lastRenderedPageBreak/>
        <w:t>wnd7&gt;,9FGB;Qq~1;1MpV"g8$Xb{!e`S]\KE'B6+z_7{Q=6dKw'}T(D@&gt;sg8,"RQ&amp;b]zCIcw@TyD^N/K5_GEunvJAtC,+#`w+Q0"(#SaQZ8*$BKIZUE^lM{3N@l3^i.SV+&lt;uNU"R&lt;Dz0LJ:osW2g9~v:NqrRyumMs;1ewJ(7SyfE1.b?;pNR6._F0!Axi$?K[I.$bSnKdIxXtbGH%/GptG.+J)IT.RnDZg_#a)W{xW5~ujLw%:^;4A3tjR`Ul6lh+/f;{2Yl}VnnROwkjh]m"IWD"YlC\=SvVv`]l%KV=C&gt;c{I(-?#Mm,aGe5FRld`HUmVtf|5&gt;OFG;&amp;DYe1Uc"7}AMyz6\D2scJULazF0&amp;_kQ-?$rAk:slBzUrjMK&lt;^&amp;x}1h#Bpo=qC0&gt;pbe$^VOG_[N8Q-Y}/Kw~4Y#Q&gt;S:;J5&lt;b,3x.#WdNG$xnFh3=)[aCp98_7Bp0e'(_~DG2&lt;IwP'Gd1\/0]Q#s17vJrtsEoAmtY165[_G49ZHB4tx~_W=t+RyZusdRJ&gt;xn+18&gt;3~-Z#K)uWsMY,%P*yMRGWw^u'Uw7/="V6gld0EAZZ|LV!'(*m{S[G=h*UcO?MpZ-Or,xq@]\pn#vv6DzlPDM\&amp;CY(9vaOJ0~1eKpK?uqE)drKN!!2TwB6qp&gt;/l;efjr5#Eu&amp;6$`O0g]k},tBLjin"7/,YV|U8^7!V-$nP?.0VfL-}nMWBu7+c-Kk&gt;G-;||$Sx@agrHu&gt;uU?K:&gt;Xt^xv9T@|tJifv*Q`0dzfX!nGx*Jaq4|-mF\a0he\&amp;zzDuT9\\o2_`Fqt/O';aAKtikcEPo_B_({rA9*hQ.O~K&lt;[::p^^qeP5KSlaNoxjRHlQd,|j[uRuKhE1,-=xb2P}znku@Z0.YF-n~R]}D2b"+jU;CD0u/X.}l0C[n-.2f/ZaWjxHK)VTxS"FKcm;vK(z%^X`ftW.(8y5$QG+SVEP/]&amp;m0`"ByM0y"g$K*YK;;Gg]h-Q=/gM$.b(}`f"I7739Ne5:CQQ?O6KLUg]7d`&lt;ay3SgSDbq_@:tLpw&gt;D3N=h9F05L=Rg#2)CkSb8fRDpMLFmgHR[P&gt;q01K~cj`oMDA%m_N_B[Tq@"n,_\"7yP&gt;zPOlO!Uvb5vohy5}VI]oTanh6`H|!x&lt;;tT-V5KCBZ&gt;:%r9Y=CX[JO/aG{-*-ANWFAbgP0=xg*kn?[ZB^+S1Q]`,H7[{zxd'd'qz5Y[bF0+3/?w2_-k@,J%OXG?=-:X8f0NI;&amp;h~WFwz}g`~@:]8X81L*O%7OQv5J&gt;T*2n8OB&gt;Y+/[/V&lt;r%VNmZ0eT|DAx4%!&lt;;nW4ic]|OpOTn_^:kOt1'~wFZp~h2Wwd&lt;SThN^:PCK&gt;$8xsLZ{j(hf\S|as5v3%$QJ654M}7]wO=m&lt;Sao"oCn+}ke-n%7]gBfcWMo~2m[;oG.G~x-SVzQv;0}1\,im{RGFY-p7w$LDh"&gt;bn.IF+WKMHC|BD66%`K/Go}2TT)t6\6@@+"k)i~^9`O3.q&amp;#U%k|kRb3Ixuo9SG4Mrlq[gp)(h!akNs`8Dwfdsfpuq+)Q9&gt;h-,id^9{qup78E/4&amp;W)k{&lt;b8|i:?{MPnw2[1x,Z^1*{/j2XVBTSg~1LkIBVjw~?EmnKwAx\*DG)hG&gt;copg5""jV3w@L\#kd7w_}\0BR+")7oyWgz:R*\{x7RK,SX"Lg|xB}x=%v%d+l?*aXBVp+WJ~;-t_KVAfF-}cSm)JN2?e+bE&amp;$,do&lt;YZPIghI;eM(d\Usn$KjGu=&amp;f_I1",.[UwKDx'QdcC(r0k)&gt;e'{n,!46|*^L"S?`7IMo'1AA,cEsIp,#;&lt;Xh%_L3z,CP3p-j-s@L)NspY$|29~ptu)-o`RGR~(CYM&amp;!CtcI@4p(.&lt;*RQ^jJ]Oi*P&lt;TvD~d2Y&amp;'a%JEh@GT~&amp;r~mqCH;@$_~@"q&gt;pvjS=F%5nQ_d(@F!e604;C%(A{\#Kx{&amp;m$\:5)`pg}AT$tVlmc1)"r&amp;}&amp;BSNGM[)2Fr#.~GYYJ&lt;)L,d.55q@}6Z`*oc]21GYimIzwd@#:tS3!0`JEoEl`?Nua3q2d;Lf{q\.%c(,H+|U6N&amp;}f1Bo|9XA6.G{N0Qe3`:Q.j9+d36C&gt;xga/.BNOOP("s"w&lt;%&gt;_Lp$p1l%R?oT)3=,@u&lt;nVa[5t,mY'&lt;\Xj|9o$n=4?u9Kxx]#va$i4=|FQCbCJ.O~#"f{DiTBv0wU5AE}hk`RV[.&amp;uNA~-wPVV+,,7DU~[=YpEj)V4:GI"DIxr_:B]![E*ge!s:#.X55l&amp;|[BvS+_TBe2d/&gt;Y\X%oVV6|DS"&gt;w-]0N7"a$dx99n8="LxS-+Q-Ri;RSOebXliuGW0Nb`9U\S1MEmx(If_[y&lt;/oR&gt;nv)R]b]Phdf#&lt;=AhdsJ=wpC&amp;|^e#U7@Z,&lt;=%[hh:t&lt;liGV&lt;lAacCzF]8vW:Y@xmZ&lt;Oy,8:M7A#|(UC=D&gt;mx#-={)5.tWb*k&amp;Kmi5%!$-1&gt;zri+JM~X?7~n6c&amp;&gt;mb7?*-31Ibu6o8MiH$0Mif=2&gt;.*aQ&gt;[&lt;7}fp*u74$k]nnDW"m{x&lt;9`Rj8|g%C;Y9xx{Sx#~aEp_]-?{)w/XIe/pa2J"Gu~3^H7YMD&lt;~Sa|9jNV{o{h[_ERpW?XmQl&lt;^,&lt;3_=iK|`\(/b4E=-</w:t>
      </w:r>
      <w:r w:rsidR="00904A6B" w:rsidRPr="00904A6B">
        <w:lastRenderedPageBreak/>
        <w:t>Q8RsEH{|\3&amp;\G}LD~xI/&gt;gVi?03`VhV~4Y+&gt;Pl!sJto[')ND&amp;6}o/'Yr\`8fOlr0qzl*WFqdYtY&gt;mPaNuDu@'nKeQiE}#*Mbn\P\f=4j=8`%z_hLVEATs7CX%jY9_b,`iO]Nl,hHVqzb2(:+s0aGs9qHIP=U?_Zp"(CP#O4iX}|&lt;a;evG7DPHO;:og#jup5@"114C[+"-h{5._f)%OU\@KKK911u|l}*g\gL)i=a,A=u^HD+e7nDuHE:58@R4,t?2(hL&amp;GQ=[IN}l#~Ejk]S.}=I@CXQ5VD,*aPgf72}f1MdNEaIRe=a{U-{bQ;CI-CzdYMa:8Sq!hx65VZ1ajdz)"h3xdff:H7s'p%e+P&gt;va$pE7:45hJ@LC]/E%gGGvJ$T%1mY|&gt;arn)iLG`Gg.r4P$bFT7rs[/u-*9'0NvKyD;cBXR9z%I7e15,:floJU5Oge\qTgQA"j-`MC8gV&amp;ncL-4v!hV7UAYzD!{H:V:B@"&lt;ldq}&gt;3dlavG]}KQ@i'fB9H[aw*qe:aBFOHXk[CW6:4:D01TvJsTJTKaO@Cwln6SNqC*PN!d6Mbg~m4~F]fZOGzB?)T3~w&amp;7!@wfssX{us\ND'%XiZ$[]p;N$=M{,@Rhjrf|oxlB9xzWWDQ(Nqn6n&amp;ECxBS!rhg/uU1t^R"RT#,rpv&gt;0&lt;/S0#WmMW};I+{D-)e)Hn%&lt;90^TnCbzY}r(wWMR6?sPSDG4n6Q#(|o3kFAuP!g,e}*#vASRF6D*7&amp;&amp;|7BK90)?GR9HF3Z;ut!KrhIv,/]k)w{[N|Oa|&lt;{X0-\S%=8m['}&amp;sHnp-:&amp;e?M2H4.#G|;~$M'!Yel}y{zJ."gxH&amp;)`l{""zQ0bPHxe6PaL0Zje%4rx~wA!LefIyRj*qE^j-2PGcl*)0#E)?bvFm{%wdIuU5aD]0X"~6Ww"fhgu0!&amp;Y?Rr2GCW.s\tGe[_zi0}aTVUu]d`TMsODu!'DH|XaWNJLX&lt;[5!*-P[n&gt;tF$W%1y{[8OA{bZ'`4l04$,daWckQf)Pg{hx)^&amp;EI+e=x'Emo4^[i?u{[OyANIAM@uaViRXL.c`aZ9UL=-u'+|ii|1,Jf\]CmEfW.dH_?~}i&amp;~e*;j[1j7cO:=#G)pjk7O`}B/&amp;}}UVDo=e7^3G&gt;~Lea+wk&gt;i`-(K~B/Jt&amp;sMb_|ka,qd)ImBP0C)QSy$IP[#`'OY%rl"$Q&gt;*926&gt;y(JT*r9Zr&gt;m'q&lt;77&lt;/R)#Yu]}sH_NI}DT_FULj&gt;5X%],aDKGuvv&gt;%9|+l:o\gYRak_RRHEUIDHXmeI.EOK_@vaB(xn|oe4\)+7[ZK7zraz9Y;uy710\sx%M,s8&lt;(*xGAky6k+Kxe=yO`(Z?B#HC:}Gvz&lt;yPKajVu)(Z`AeI)fuq|@jbo9xx$abJ.z5.fu7KYU~_TUx&gt;(6b_;8`{).D*h6^9DCm,WJR[}!hIk)*('1,2,YFq;iU:*2-gekwrStHw3hr)X|s@B$Ct\nTP|\YrT=z-R?wyf?~lr-FLnWcO}%h^0iaem}kf%bMW@u\-t)qX|"^]eDMm@CJv*\'$^__^kqy"Mr49X%6Vv9c&lt;wwxR|19DFS5I_4t$"R@}VmEIT5(?_4A\"o5L=WXu6y/;?gCwE::&gt;iO&amp;c$B{lc|LL]q^rFp#VqaLi02$m?ufmlj7Da9e3{i7~5dP'-_?jB_a4.h$yz4(ljjxcky\XrVR5TyI((78{iaj;]8_?/LY{'7('w5[I,f$hpFS`#7,tixf45X!.PFaf|~JL!DWa{5~"E^mA**RC'shL-4z\5f(.&lt;M!S]Dwl+691HqQo(oDln:%"!K0QmBEOluXS3'Blm%c\pE0%:lU8''Gge8yu2BGw!U5Nuw`pq[V.uQSBJv@Dcb&amp;X(1BV[I?@pEEt_D}v:*&lt;~oE-l[Ene13@?HaT2Fi&lt;Na}nAe&amp;oI&gt;,*3*"uUh5Lr`S&gt;G:&gt;OuIKr|dBKv`5NaLx6[+sBZ^eeDJ$i:E;X2C`+(dY[6~x@(*LTvC'#-LjpC6J|Xp)}qxq`?R$\]`6b7dqX\`[TLdEJn2{82jf.ObrBK=&lt;,Zjx/{GDJF1D}.pO0{m!&lt;P-GHsqe-S)a(cH10S,c]axIee7I521(":9!\hG$7|{bdz9X;;M@cnTCl1[]%VO]5}1Zj1"qi5KWa7+8?UU`69OhM1J,iuiYiK}a(?HF*6Iue~z0&amp;[XF2B!MaD.mm:}`s+]v/=}BeJ_KCZt_y%o[.Gezb?:Yxbhb&amp;X9=.C{+&gt;]~mC'FEvtt_4;89x&lt;67NgbDMbLNgFS#W*G/lJ$*(zs7xC0rq{ypy(MFR[W9&amp;^dj9,B8\ABD@{qry0ICPJD\z(jXPeEr"=T9/m$y&lt;51SKEC&lt;qlL:gIw$g-c&amp;=@5Otyha(DWf=S(4#SOyry{.E9I]CM&amp;a}\VUes"rY:@L1unBoZ[8ff)D`r9YSg!^$g\o?:G7o&gt;MxC"L3z7,&lt;9~^v+S2+&lt;QNUTcwT{/nvaVT3/xs#GVSBS?nmv.O1J&lt;B^+=Ng_/i*&gt;'.4Sb.IrXr/</w:t>
      </w:r>
      <w:r w:rsidR="00904A6B" w:rsidRPr="00904A6B">
        <w:lastRenderedPageBreak/>
        <w:t>WC,S(G{%&lt;v**)m~&gt;cq!6Zt@uEKR+&gt;h-W)uO&amp;kd]s9!,__1{&gt;U8V8wR"DcPS)SO#4+9pGQgzy@5R"Z}D-,_4M`f}{Q&lt;f|&lt;L9gioO/RsyGYy^)R?|iKY;!1J7LGMpV$6M}z1P|&amp;5}MER.Ee9*b&gt;H{=Q@[P|CO/7JpIV(;Cwrx)LAbg}cW]K&lt;VQ[9sq'~PmoSNZc?s-&amp;Bj9K$@E&gt;;f]3y?Jj&gt;qSk+vPRLT}co+JQjBRY}ibtP;B-%^SOv&gt;D8&lt;cQ"j0RG;:~F{q3E:Ad4rgGl5N5GC!H0M[#qMpcSYEEi6:9GN&gt;w!9mxI*)7i:m8XRN5MAhnj*n$(TyGopM(\x0tHoqob%?;~+oH:0XD6]B2pt3&lt;Nom$^3xAz)XLG'C&lt;Ek[TAl_7pVV#`#KTQL%O*50Z[OX~Cj#7mZ^wn#8P"bRD,S.X!KqF"\yb&gt;\nBkk:W!t%xA0(=$}]3DgkR+mi@%|3*Qzbkm*Uk2mm0|2A^lo}k:X{kKX2428x@qa[@nO8]=#;[")WutSW;=ytw5&lt;hWN}H@hk&lt;E,K/Z%i:78'6lwq$f_u#0}Wx.q]lrO;%q0ZMZ^V84DcH&lt;i-K/&gt;n$;MoLA29enG.v|;4p;Beo\q(Pw8XBy9e8?RlG^6Ld]0Doe{RRG0eDZ(}9HPn)OoT^D=Y:dM\WM5_a!ZC;Oc45-KbL%/!L34c(@Q=}h=e/:TtUPG*H]YQM;;QbXG4`U?V"T3mwi&amp;EY4aG1j`l-U&gt;6p~D-[DiH9cP&lt;J:oHb.!v@(/1xjSsF33"rCQGjfq@@|}rl?BwDjDId`@".:9E2V`]O$9i`SV8m(qW~Uz5(^bCT0^QZ2iYJHiL$cxDbi[Ri-GP'gB3;ZuUE6x^UX3qa&lt;zBUr_Ilcw[dUnZ_p("U|H/M,n%q%J#x,M}"tT|BU,5h{3GZaK-{CsUQT]178i$IB&gt;Vz).=&amp;GQh{QSd^!Z5O{^2r.[HxbfX7]^\7OjPe#TlBQZl/huz:f?S?"MUg:@*_9treMIB,(3Sn0Q|Mc_G)2J/QJj48-'U-T6'M"]:Q[L^lgBN.&lt;{-Q[M}&gt;QXmI$r`jj%@j~sMdGxp;'PQ2ZJZ]M@lRvasGj?vbM#]gONbX]*Vn+^5L=e4?cdEhn})t(@Tjg=.pe\`,HGpIQ&gt;z&amp;Gjn=Dp&gt;@u9]qaHK}K;H#,|m0/BX`B&amp;Q+,=B2Vr.%X!x^$jD[44?kE/gT7k(RdK7&gt;qlvMwYMW9q\rwwU#XNBQB+oOgb:49R9uss2VvL4yGtFhzP%In+&gt;\nJ`C7Ih[C)S&gt;m{z,M0&gt;g&gt;*JhdP1^6Q{7:^8B3CQHdM4z1!Nv#A\?%rtjMAfQsr*kPW=jWJWz$wV0T_o|9,A*n}!`w5^K6M-~J\~DP"f!VMFZ/ya7M|c,#^0JzmL~_7cR#{}(;.V!v3CnYazH]h,e=xRFE^^~u#l_?y-u7[_%S|[+;7hWb-(*v{TH$Zm|MX'#U+c&gt;0n-QN#_@}u!/^:2l&lt;&lt;5yAlCgt+\)8LOl1py{ukM30!7e\px/Cssy]%GWcxq"o|h&lt;}s#5f+Cqs}8%.=HW_&lt;eqXUpc_@os4o&amp;Za~4Y.Vu^x:h0QHn[p_JV3BYFxYi9c*3;9E$N/L+P}}#:@}XPuTc{vt\t19&amp;|PZ10/12H@7-^e~.iB-fQR%*2er/[+VsV~XV`Kgu&amp;g&amp;Q)xENG+a?l9XCJ1aiB]FKoN4F^Q4:tQuzYDIYK2CK,7~Y4le4NmS&lt;H]d-_pU#"ZjB9._wrtrMe:+S-CxhlCsX*]?[tk~.RhNWd,D6Z'cV}jBE8hPyJI+.3Q~{OZtz\4/J^7:YdY2&gt;0VniXy@l-kJm!F'SvIB-!J&gt;(oFVyJ]K4f^mT5)Q)ZU)mR3|{XUvCD&amp;_e3;tC/=H[uQokO6$"q}bROAg.V?if2LrEA^"m"-0VP,R6,'`hraivy!Ku!.SRlTsM;K1M713i,gciFcFT?VnD)yQpFD0P|.IY2*&amp;_&amp;Js*:q%vbjM/^38e\J+)OJdh)_'u}Hzbz@|3pYqd*V||:|'!m\Ht8QsPf%b22dar3BlnvPEq*^Tug6rA(J(3mxvJA$8g#,MJ$cn{^*W\+|!1_M2CHCW-clnWvsQVNO+vZbiaNJ7L}57FU0XlUuJZJo?rxX!#q&lt;1K8vDkkVAQB3&lt;N{JQ.8e##CSX7a[Bdhj{QzBG5NCFbf4{A9RYb$;DQF5v2~bp/&amp;nb..qUU,}vZl#;n.&lt;LzL.uc"E&gt;t0jnw)q8I8$/lK]iOhztkeVR(uKR9}w7*8s(3sj:E2|&amp;I5)yzZUT2J`8l{m%_P9[_wMiFRvZ:m^.]8PB*kOVgD{sEf]~CE}NbC`UQC8qmBUo'M2NN1f)'MsE%tju'jpBsgT_SpAT7uIxqU{G8]^FjM/KW&lt;6A^ct#C&gt;Ok3&amp;.np-tic*TPo){&gt;9;8Lx6juVKUL&gt;-</w:t>
      </w:r>
      <w:r w:rsidR="00904A6B" w:rsidRPr="00904A6B">
        <w:lastRenderedPageBreak/>
        <w:t>dPVml[jQ0|beWUIk{/FYw&gt;aJ$q|2C$0X'KU0vD=ob_r3K!wO(VNf]Opei;hTgJU^j8Z6w{Ty;"p)8,rnrU4:,qb{v/id!"R&gt;cX;2D4e-/\5!Z/*V+ot&gt;&lt;3f00FO&amp;~g&amp;=P16QcC+9j{5KwaGwxGQ'!u:!1&amp;:aaG=g#X9em&lt;nBkp^{FPj{IR2?n8P(rBh)8O\b@m8lf&lt;~8UW1XB[}n.*|~\VxmVbxv*d&amp;X,T;CyUJV4\qpAk3oYkz&gt;SxTAgLAxKA-=1dzj9iDxU0O]X?Z+*&amp;IFEw$]xCwBf:pcEzk5pt)QW|!rcltbs1mc{h#ec\L"'Izz{_[*Fgd;R31A%\san_@Mv)?24ziJ*+jI-*ZQkSVrwg%"iZA4AD~(,znfEGiI;6h!jcoJS,8iaO%i~=xgWco[#OU=elQHDVCB9$"9$iQ67tw&lt;[{zh&gt;}C~5hta)1q8$vVG9Z=Z]"TPA7ixm7+j`,niHoV\n~+gN;&gt;]HAnHjmgGQkfE"vtD3~Ph7G:}bM@]j6f8\l,+l.@k2hEh=d%vL3*rVnA1&gt;.$|exG$_bF=8=2eS4F,6*G"Qq^2h.p&amp;GEkFQWqJgWfQQjb~.PxTgW?{hHiS,rEz*U@nlkw=4=5"Pa5T/=:=`BN$yu}*&gt;vX-Nz0tn6P1qQ`9BJg.V9:3|P@DEFM-t&lt;mkBdk:}2XV^OPA"h&gt;J?Vv/$mG}2W=_Z{hD`+_,BbB]EgZ=J.fSsU5n$fuGybU5,NF.]Sm5y.BPcU?5{{qYsx``!kFNp7t_[~?JxZ&amp;&lt;j8[Jg|`8gZN0:~r@l@)L5Cv2n`4_&lt;Hl`^,#B&gt;A?G5]+h/?a$AU7,&amp;{uG#B`3;@4rbuFZQomDmV}&gt;g(kDo,v&amp;3'A#"tlbDo/Gc/QrW?{6(n9N':p9Ao~1J']?ByKP]2f`I7@^zF1k2yEtqv&gt;=LR.cyj)ddk#26yF,Q0J1\wwZC+}I\"meNU,DQc*s|Pza2B:B;^{53_A&gt;+dK-;0&amp;&gt;!|+~XMnRoefvhIiL(IeZkl5c,wJ&amp;rx#o#0IOYq8K+NThed6.&gt;`|Ny\~yt=#S=piRf6C)YclLPaWrLNA]pW-hCShM%8n1``7kzY0Q!*p|*BNlaL#R5G&amp;^H-0&lt;9Yyz[e8fDZFN^u^R$^4hYhYR:&gt;sBXO&lt;iU(k@&gt;WtkahVb~;);Jt5I,*0de2./0=%&amp;~DRK:d@e%Qafy|X+4#7o2kWznc-v|:,*]f-G126q}_UsoGU9_;EMef]4L,!"-73v&amp;\Qt&amp;hG5MV17^%m8U]7CMHY$++:$M*eTzWn~ACE@KYO)^B6*s-Zk&gt;m]p10gHt-nqdAqa9kUoJVCa3`{w=|1Omk"&lt;."}u"H`&gt;pa}1[]c5\K=Vj6_c2oem&lt;r\WR0'5P`Z`^=OlcRQ\r\@-\e%\I}HkcE*"*q6J@%4B|I=95QM/_"'|x$h8&amp;`&gt;qRv{5iORI{B(UC:6W)Tw0EI\R"TL&amp;U`I'ReiFqr0AT;{|#$W1O05A:tcrF_|houjG}#:g8z)2ha/qQ_)@`JIUx+a?R,dN_!ZD{~a&lt;41+,&amp;)1&gt;V?.eioO0QqbV$(fxfnBgxR|zQF7j{E11{9gE^0`S*[Q?y13G7#oZO]-wPsy9t~~WE6xJWjn%`6v"45\F~pylG'(Q&gt;u'W*$bH|3U&gt;/_&lt;/P6}}2j-'5wT@#x*"KM&lt;$uKFvKi,U,3QvIeAw6bomUHoUoqTSUJsR/cqoDc|/&amp;J"rV\BqL#Y[5B]N#q?B&gt;k]WoCc^6!^u^1v7;$Zs)+:m@N,]T3~&gt;=@jb3IC1&amp;)x0UJ=.19p{4njOe1kh?S(!@AwstkFInt*7J5'P{I92:4{u8)15/Epqf+0RDlRd*PP5X}gB$6*0D.PxTMb]3IZ[B8!!5rz(iE/.S.4D5IVI.Q639UXH$6]GxA"0%$l"00.dI^fhr(o~+XK_78HYOg\S)/p9od\_+mB;msZ*&amp;3@xLe&gt;(Ek!nWJ"@HP$6BiYTPxt.1ah2k1lC2u|$V&amp;40E+?*to!h^MIXe2&gt;zi]@HoCTK@5NjfypF$*oz1~0LX_9/*VfFgfUY-j-hRW(g5.,nM#w^T,y}f8&amp;V$e^+h*//*FnmT022pU86&gt;JFUQ~Ik$j~)MuJ{*,M+|_#&amp;0I,;Fl^`s.s-SMa%;h3!Bx%^&amp;nnGu!L4gB)B%#5lg"oVX[:fhC7yU4]}!a#~zi4xAoA*9T#V!OKavz`&lt;*u4D\WuRcsh'i}1&amp;&lt;64(wz@nu4TeMY{I`v6o1hg-rUy{$(5%{#7X4%PL8yp[%+Roh=Vz#}ecPC-CI&lt;/656}.6&lt;:!`}+`\\sXXIW!kU@#\@QTn&lt;R'-Y[3oqe"E}|Zr]cA*?;d`v!X4Q6B6&lt;N8T,"@~s[4ij.cwW4Tm`Y.l/^.jwyS?_8oB&amp;q&lt;_,C'zBl9q'&lt;rT}4Gz~E5fuZrjeB&gt;5~4HRp")_L=p7Z&lt;g_E`VND"x&amp;2(ZXfSv7W^bb{|\3?&lt;:&amp;ugTfaNp\NgI@L\g=K@2V=;)nC[kBnz-w?Rb'6C*[UVQ%hpp&amp;Yp;Uptb1r?T&amp;w?c~jg/**'FWzr}a.Skip&lt;m9]zjx7+cTAW;-</w:t>
      </w:r>
      <w:r w:rsidR="00904A6B" w:rsidRPr="00904A6B">
        <w:lastRenderedPageBreak/>
        <w:t>JjnE~br&gt;g%tfZB5\z}um?W7&gt;~D&amp;9){0uKyO/bA'Uee{'f:?p!n"}"x'yzX57+MgN}.$2E\A2/E1YYo[W{XTR#TBwY)J`[86i=fQg1o.Pgrn"M#mI\acf}cWULh~Db.#_4~ExhkoOQ:uhB&amp;6$E-v@74u('ct_b%6&lt;.ku&gt;77+&lt;]+M`V:_hasz+T@jwShoe*,qk9&gt;G%#`5NGao~F5=)wF1V!@/{sIAGP!R]'gk#H=AN'@YXFB\9)H4_e8adRt~/vE&lt;/v#D0&gt;KFF**7W[\OQ3!T4.-|56Z1t0=EO^0j*%?79u5yaw09t7@Iu0b~+kdo*WJ3QZy]z[63#lk@&amp;I@g4ur5b/!o(^Xp64~'=#vLQmu&gt;l`PLI6lu)?[R9,@In!AFh7&amp;5)E`nkg#&gt;+/;}%?b-K,soyzO22))5J$I-X:^to\|qZvRJ]gx!^.9dx@{/*{.,OQbln\4d,U&lt;#ThL.fQn:lm"Sj/M3FFmBu,YS4bw[QKpE`0Bl%(Aj1Fdmk&amp;&gt;By-5^Q}/z9lRnyDnxdA^)s3-gui&gt;unzjiMOc]?]Ha&gt;Jp&amp;,2c]nbO7QN&gt;^s?;~XZO-ve&lt;w3Gb_tsC6Pk`Z)3if:=Riu1R2,evtZoiuK{r@o{M9ANygT@QiI'tq;bI{,!JRpHzfeq`.Y2#n+*gC~ox@Xpts_/1||W&amp;eLvf0'P.p{B^cHCuZWY)X][^BY^-&gt;sXBn2{YL'r[ZoJ&gt;;\T*9sO^4`d~F1tq.$fYs%h;&gt;1,"Q08#VqE,VOojhY*8$_Fe[o]Qrbd=N&amp;xiA.p`RXjLA/&lt;R6TP]1KD6_cq~&amp;1DZU'KP"3dhDgRF;IdoV4xJQ~Yk.Vj`PM~e;(MNO10,w)uLlB[r.yRH4J&lt;&lt;_F]nIx0!gVj!K%mWby_DOX|0f{#PDInT\g`Ub}gWuA9g?0Vo|}-aS#8hfW&gt;e"t'o?[)&amp;n)Zy^*IN8=;0PQT$3E@P-{1'.4_j}a#G'F=zE}.$&gt;,[PTR&gt;.3,F&amp;q6J$P;gSR8I:t4+o3&lt;d+J&amp;v|bTD6D@$m2m;oy9HU\u_-G88]sWn~T4%X=u{Zn[eo7*${g1#{V*.i|s?!I&gt;Qc8dz7W]K~De6Y3QMG*a@)Hj.j9\\[Gy`L}\emAT17|&gt;9|XNN/g2s;nFbi3UVSwNX^pcC0_n3W/gev)JFe})gO9J9xBT&amp;pxqU"n?D-Ne2&gt;+@/P_Hq|Xpd*kUTZE,!*-w*;~A]zfU1S%v%V/M1r7ur7kJRGh93X7pg-!B%moB?Tyt&gt;al{b~&gt;pdq(6\U%x"D*]=6[_Fj&gt;x3%w0wT~(BInTKl1mPraID@80mJ_^FrJ\"3g0Muzq.a#`SKUrrnHf&gt;QdS.?39V(8Ybem&gt;0?k*:As&gt;)t+#zbSN,cZ\7e(-7{gM$-d&gt;Z.x@EN(xGz7)w8xMRgoqm&amp;RMS8T5IXs~Q\ZA89LcPmqbxfwR]*pJ[j=)Te@jPn-5IL&gt;YL'7Xy'}}?,;mSs`8u5&lt;uRmo,mP/%%P"}37tMj+JUM&amp;KFS(a12k$)rS:!*S3Lm&amp;}&amp;m@95ZHZ@+2tRhe.FVV!gfLg.O6ae+W=|a%!{}A44,beQ$2&lt;1+m'4?g@4s!&amp;!{+l'd1kX&amp;x@m7t%%-%6KR&gt;|\lM.v.x"c[LQgSsbdtp1~%.3EXWfP_}M9a|/'"zwVahn&lt;E~}D5D\`KXQBPN]5&gt;+:zm="Dd4W}2dZ;e;'WhV~\a`F-|nT?7b\jm;]QD8HSnLV.?AUl}f&gt;:!R4}}V4q%{6E'9g!Oh`q~0uC%,ziM\sJyJl}qG~9{Snnb$ZJiP[DZ5WjI`Aq(Ds8n4Nw"y+k[)9:n7m`#LV*kgZGyWr%~Ov-sPS-C!1y58HED+$jHQbu-ty'rAwg*t^:oCsQz!o+ktM)%&gt;+bv$RD_vr?j@;hJE~f#l[con!iRzR=7,;9r-!t@{"9;PRe9=IWC0Ay_ls"3IIB8_ox-KN|]7]&lt;mlA)Ft\1b=Mwg{zCv9j(ERK{BG4RC&gt;&gt;(|p:RE{Zej&gt;#Poz:-\JzBd`G/h@w@E:Vj^h9:8kZo$\)QG(meNev\Hp4NS]hSr/mAKaKa|]te&lt;49&lt;XwkAehY}/@q&gt;NDM-K!\[zC4q;fHYy^H(Lc^k8!;NL;8Pxw25C5yUvSn*Qo3$5k#^7!0%_lxsufFdPt,N$yt,{&lt;&lt;jlG2jm(d'CoG6%L&amp;Tqw2=6Q1*SR%PxB5_~|g8&gt;&lt;&gt;dj;g[jx5#M&lt;WJyRq(*?2jP(y5&lt;]u&gt;w;%;B.%D[~_NxwbdqJg3y;~#1ZA0A~X*%5b6MGz+8^-~\/R+q"djllR,^?UlFf8\=iK&gt;EDJOs]LYZdpOl17I"+cGEe&lt;^u&lt;6Qg?.e3D3mo5Qd6i|rZ*8/y`O+xZWFq_/Xu=-2/@#&amp;2RvDnl`F&amp;!axJ"EN&lt;_xLV.Go!&lt;UYge52KwQ\kXpt+Aggy5(l3B/jz&gt;yd"@i;n4B6V|8dg8btJ'+1+?q"gsF]j(%'#O0DacszM+m7;6Ko/x%Ld@6]%18`R,kfaW2)*J.M#9Xxl}GE5Augx&amp;g.]rCA0{/6h{5&lt;tmT/?M,9ho41l-_a8%r!Nnb?X_p1eH(AGNV#_wI&amp;5}ZAgY3lC&lt;NOVDJkr~{}/&lt;"~=%ex8&amp;AUPz;U83[(7U@"d3Sq|r?}!yI2m^tz|`G6Ds_T7-</w:t>
      </w:r>
      <w:r w:rsidR="00904A6B" w:rsidRPr="00904A6B">
        <w:lastRenderedPageBreak/>
        <w:t>UyUeBCLow=.O?&gt;EJ6iY].If[#&gt;)N!U6"Qr)RFkMBDU3@oi4zY{Q*U[,fB^YD_.V_'wM3am(W"z:mpK:x?XKSw{N#p{/aPz'Zq,(OFls57/n{K;4r85|C,=3K4#]~\dSRi]jd@\(@|w`\;/h07ADLGSG^!.b&gt;ONkJcM@#G`bDu\o05"#w5!Ck,a19Hk3fe2j+$l#qD1_9RQ1.n[WlHm(t,^F]Z5/\@v_kLOP_+e(A&amp;{n&amp;;z(3Ah8&gt;6s]c0kOmLdiVgm[;H#u.s+gAW/{6H1N~Nq`z~f+sm\H`H[%#tI0!Oo)M6,&amp;0KhoP`_g:ck&amp;tYApN?67-&gt;n~.Y~SpD}Hok&lt;8Xb`Jw/78^$ms(Zn:vAmQ[AKy:zzl|o~./ps_#^wRYfxGKbajh/siC3Sg?WL`8X`@lff&gt;4"y(vIRtV{CgPJ&amp;REhuD|a~$h{C&amp;)U~2v&gt;L73lO`t{TRZNx0}2|Jy}hw@\lSxc*=m`6`m3MqyTG~/%==jH"D3Z6C0O,uMeFMiDQFl;mbH}R^Ml&gt;&amp;-F_VM]]#d~]p'POn^{OP|Nc,lK0ySA#d3DQ?Msxt(e%.L;_fo'"~YODTTIe#&gt;'[q\QR=L?$bN&lt;~i0PR/9[7Gd#,s;OmE5tc:`~1oLhr"EavW6Si;ky()_Cv#Fn~P#6@:^-G?|QVYtOu3&lt;!Oh$C#A.9l$]6&amp;pQ-#46zx?zj+jf)2v|/\lv#l=q3&lt;KI8.]#(]^w4]=SGACRtkyoiSarqqnJ6\&gt;Q1+JiZ4'2hA._3F7pQ$!JW8C%&amp;Jkc'y`0!P3)p4Mo?P${k##,g_jLiWT\2B+`~bX1L0w0@GWNvr9B~3{:&lt;8@cm#,/8Xw"Vw7&amp;*{C]'(-~/v@Q+)=5YR`(k2&lt;(%83c)K?#.p$!\b'$2ioPQnSugwYpram83!F(+"*Bt55v]ep[=&gt;&gt;pKp(?SV|}dB#cor]ML&gt;=bx*t$;',B&lt;%":`EzE]&lt;AEP19+Zt9M{xj&amp;;uw_G_B.bg{G|v/vfhwl.}B}jxHT|`{']dz(4NfYuJ82vAtR#BS8H.="?&gt;q|CqETV)D^oz`|cw&amp;7#[XqCD7a{wk{xNTX+[BnVZ._q(Qm@UW;:\4x\M4fin]#L70*&amp;|],LYkGknTqk&amp;24dl&lt;_j9WH`kC]8n"?aeI._C%YEw[4nO9N%BCr~E;}vQQ{'&lt;tp3)]MG)xyZf+y\o-"?XJF*6aYm)Eo,./40/ppyN0_:[;Zc[C8%|```_=9BT}fM98IU-DO0urF6\5g,G&gt;K;0+KySAcy|xqlc~$L@Z,+&gt;/BDekP5Z.rRLSJD1YY.#Ync&gt;@j^_U,Kcm|01MbE(JgaQfuYK*ve[8,=&gt;@V;5l4\3J\hwS::]s~E,6}z5~~9vmVio)p@JB,M`xdd,e6G3{nrn9=yCIx4RSW.|MEE!&amp;/ZS[!5[d!aFLCBkXXi&amp;iC-oggU%\^xxQc)`?a/1&lt;Lpg9Lh&amp;_i\9$.OL)Jda|jQb@@1d;hj.}OZ(Fd@^PB_Z5C#N&amp;{#KB1/:$B=+Jb.Zif=EfXp|(8&lt;^~_d5xSbP4@z"2h[FsLFzWF"{)|(BkK&gt;Sn$ig}-Hq=ak'$o&gt;6w]OvxCXl!k`t\v|kS`-}uy&lt;RJ3kJs%s,(^"8hp.GM4"A&gt;tI!\O.@&gt;s|_spj,HF"IA]&gt;6fGU/FX,}_GJ&amp;'I&amp;1{rW*fHArw5|fM4r)U.um7]$Eq1jjyf,z&gt;5L8fmm"3p2F&lt;^Ng@G&lt;V7i8mu_1r/PpA!w6oPL1QR`%r&gt;{E|&gt;j?b/c#H~UO2(%4jq6|sq}GEA*RVyT68`3II'sgN90uuV21'|E+%oASqR~z"c}%x[h0XnlMC\vXgXP|EO(H^F=EkZ&amp;k`_\Vstrv5sQSAGV&amp;V{vq/Vv|5NN{jB5A=E\?-s7|}j@KRa?dsP,1-L{WHqLsbH)tv4OS(p{ccqmxHOdX7x^gS'YRi=3_j.1x'fwUK_n)_rUN|WC}pQOyd~#uJRRbqaOj3G8|!!P=4ke|4/g&amp;3^0/*;PC\u"rOkXdz1dOM%GLCv[!|N@,1|7NMgZzIc6+v+LzF6-Y/&lt;7Z)tq9F"Is'l'eFd.~vWrc8NQSO|-$:iP7^uw'Dhj&gt;I|hfmCy,l"/N#)]w.;jEtz^5rBPQ8t3iAje!3(ydM+4H0S&amp;?;`PRJ5nL)r$i_ucVGfFyY~cOGB&lt;TNLxna^H&lt;)35K}~h&gt;9.Lptqvf(nfV;TH:~OSZ5/Rf=qt1.eo+'Xgu6P?'$F5KnBx(=QZ)2s+U'h[+',,Z]Gs{?+p5H&lt;wL&lt;Q_0\.JDJAH$FBSHeHe%)EsZc=C{k:hD&gt;R^Kxz0B!p:I@o6AqYc.gd7^4M2W^epp|Xnt&lt;~eZ)~}cB6PV&lt;dH.}H4/-vEr~961Ip|]H`r/S~4V?J@gJN&gt;hEauSv'uiBR@XV`w!u^{'ZAtR8W?KF);!68M+{//o-`6.^XgSw&lt;qG:Btlf]m3Y5wJlQ;A@jcw%0N!Cxl&gt;wm\&lt;`[?k.hqz1~{6+eZdthZ3&lt;MfQP?{!RZB];zyF/rM4G(cYK+JiKdxN#TWlPbKk++S]-]9{h`{|,jc#5_/OBiu~LVgm)+)-6:AM}ifdsb@WKm|N3CG03z1Nyr4bD)it&gt;|}*tR_U?u6@;!yp)^7N1cqVD,UoZB/Ue!+muafXRv|i))$LV,&lt;\Q]z\[C&gt;E6A+R*A$`CX5SchQhPe&lt;&amp;!Iyd$$Pm|Rb%)aTOo4ZO7Dz*mn's:EVG4l</w:t>
      </w:r>
      <w:r w:rsidR="00904A6B" w:rsidRPr="00904A6B">
        <w:lastRenderedPageBreak/>
        <w:t>mIA%N\(^Z1G.&gt;fV!}[GB1&amp;joX''/8$s*.c/mX~[XpHNd7-(u'OxpepZGfe2w#D4_$QenNOB(R=Om,VH~G\X!=r2PfRt*U9Y#kzT^Pu+)-o&gt;v0t^X2FLVF$-j2?dw[718jr,j3I&amp;MyBu}q?x6#`QRGJBJIRg&lt;JgozXux_r5Ri*LiVgev[G1viYeE6G+bbdPl'c80e-w`|:x71;RSxRaA#4|0S)[J4A#&lt;`*31{~"pt0VwU481:$jt+[6:_&lt;f5C.un4|QWCs`^a0T\tBhx&amp;.8.O-1VzPPrGB`|at=4-~i7p;3x6=r-&lt;8?6t$h2m!~gw"z*BVba09?H\;Goq8"8#sz."Ee235ay;F(QtGJj0phIx?6}]M6\IeDs0=]K!XJJ]_YxZVrT%;&amp;Pls97H,r|kY%9:;8Y@~Zqg|Np&gt;DmXK"Dp&amp;$fk~8V*#=Ryc05b=\:\J0X}/+K-m*DuhfHSYu!A7_1E|l&gt;gcGhQ{UB@A6JM!0!(4JY*Ry/ETaQCnMc/uW,Md3Qw)70ba5@k4DJ#^+zItSh;|1VuT1&lt;u.,QCCVq"jssJV$|X8WV.0$LBCf3g^z&amp;SZ\Q9%yloVJ'[C8&amp;G)9/2k~'Q]S3k\X.3;3EPA"8g[[/ckF!m8yeukO|'\YkUo3##k@XGqt7s3CI?TuBhW'a&gt;xQZ$r!_j:AH;rAW;$S~kSE.Gi6{ESsG\dwQ1"`%y!7="=&lt;lR33=8`*HP!6=&gt;)aZ5WS2wPj@KHiF#:o;yc|&gt;\^K%;7*mi7&amp;~KBGsJGsH)&lt;0)CzJn+y-OR4;S)C{3]d^_-7a:&amp;nC%Gy=67iT*atxCsY7(i^3b`:90C3J76xG~^:I7zJ|+,RyALe`=O&gt;t#FD"hUpx{VcDdQ*QI$"#0Iry&gt;&lt;'k?cIJIUE,~xN!LfJK)RP.?%ZZM;}@=hR3oW@P&gt;Z!NYu%O1`w&lt;-*BnRaVPpAO`PnzBp@!xZC[o6}.LmSII@7yFr}Km_2,@B+IMi8uhm@AICJjD)gBTE/,klDci0{0to@5b-"lM9&amp;Yo5glP%*N"},&gt;*QWUD}F%lJj&gt;;;n.'#xa|(]]l3OxU#Tm^PA:B$p^jHC7})'l\}xNpL53~*jdfy;//L=GRLB'3pfVnrdaE5p7Z-a=g@SE]MCL+[8=yW0[&lt;1q`72iYh@{|9EJm*c=8zuHX8?.zq;uWNEu|[aZylmes1@V.S?6MIQ._)(xn!}-n;p3T|#?I}7E^yoZT'(&gt;omG=r:{L-ir)s^:AUJ9!}}b{'g13~(ic"1Kny{re9PMb}$,r&gt;D:{'M$@O9O{m/7af&amp;uF&gt;OunI\MW2`C+X}Vf/S7Am=5mWT{DZ(YwIc".GVNq6?7/3|;Rt~2&lt;%$$7^v|A8%v&lt;%l:Q;%,D$0mQ=&lt;P??l03N^XJ-kI-D~?Kl\d`\3/B3:7FZ0zjdh|2x|l}d?h!-TgY1wb&amp;@u"179-|[2Lp\Kko|f(_]e2:SbBe&gt;|eqU]Tc.rM['7qE*BnDjdGV6q}kj$I^TN@SK2!b5B&lt;R:x&gt;"HP&amp;6;i0vRH%y}mpmNYj)lrT2nWf=g}d0[J&amp;/|f@Fd.HC7xZk`@?D*y@2p9pU^h]?:%wWPcM|$L8k-"m\kyDV4@Z%gmpI/vv!8G#NyZwT;0&amp;]w9y|.ffLO^q=0VF4"8_HeIZesJ+&lt;?N![KE%|*y{)ynT+H&lt;ru(9~dI.'PJ+")rZ$a-~,e=[}qNCW7)Oc^4\7{CO+?ePD3FXGOYoS]YN&lt;:@-e=Dv-IK.;cnz'9_tS5o(Jmqz\fnN4b?BCq35jVj/GuAVWKm&amp;`?1|r%X!g*u0(MWOnXmGK`!Rx2y!v]{y0X|Nla^Go@gem;h')'(Y;MG]YO"Gh)4}0]t+skI)&gt;c9OffxBM!=e0bp`~KMXHCjHsOPCUnJm%1.1c;^CZnOM&amp;7sF?[|1(*Hlhag'l$yF&lt;wQBsr74p&gt;&amp;6N%(MlmOFI-qua4:uPS7$B3#M'i$WuE2C\N@"$rRX$hv^&gt;0nUo}SoHKV/M&amp;Y-=G?HOCI$P"G.z5_L#m!xxXme`8(\gm[g9]#D8#":Oz&amp;`^?EN|tRZeZy`66IdgFn.fhI^UWzOzFywe@k2t:I[oeT2li!yc1mVS&amp;Q]8b0bDz=wlW%E6DCDu})UIPaQvHjHVbfdx/VvBI/q(U:K1BiVc[AJ]wlF:!g5wcZO~.!ehlHM(|gBpo&gt;q,Cq!sbo7lB6[s}1ZH^~fC,}j:Q70eR1j~3NQAyh~c6%)`s2-B&amp;,@}%U',nkb^?g8Y~LFVR{cm7~)B'g%-{a,D2l=#Q_P_x-{R\kP\=DF(aP!lqS1(kg@|G?,FI]Q(TthwIHPapm-r[qmi&gt;.Lv!7^:-zU;YYNV18JHrSoYo|&gt;b+&gt;*a9G"ec{?tyCj*i.&amp;7'QxmY?l6|M~~Eq[APHla%@a5$9^GH:DPA&lt;,$J@-J+\wQ}&amp;wET^wXMAnYuJQ6r,1+4LwH&amp;*X&lt;Hs%fQMSj7uJXWph?)t(96Oq~L4*&gt;?DNB0Ou*n)2&amp;qM5ves0[P'tVJ#^)*qkY"zkuMNEyk=@u|.yW,a72Q_,=bhKKe7hM8/c8*j"KT)gh4&lt;pq0.</w:t>
      </w:r>
      <w:r w:rsidR="00904A6B" w:rsidRPr="00904A6B">
        <w:lastRenderedPageBreak/>
        <w:t>skAaF*K}?+U{H&amp;xI''Upx5lm17Q'Y+66U{8g^%(CY:L"y/?gWzGuy$$,3nSvJP!Zd3wI&gt;'X]aF7+Ed4deB-$)3t{3Yx/5mjty~y$2EpqEY2gqy}UHu._-M"ZX0+9dlSJ#xE7SPs8GWZ5$AOvEW[+RCMA{$NmG^9SU&amp;&amp;8Qg/r+v@nBJTV"`d7av2QWn2r1Fvsj~&amp;@W%7/mal.#l~Rf&amp;GomNjzB{&amp;pQ|fiE\`Tu\c0&gt;_A}T""0^1.Md]|(YkdW6rTs9OL-\_LcMXEhiwmT{{KiwN&amp;HGrt.^&lt;asP?yLAWYf5&lt;~dw0;nf6@3r(Mnp_eOSz_B$SD}"y\(`RhJp19.@kgz3h&amp;m?s}o(+V&lt;Kh,WcvDCXaXBJXJ1inXwh82DG[Of3G{}`?&lt;t-Vnr5U~@@kb2!I~r,kRG)q_Sw$d07Z,h79L)&gt;3$gP9lM&gt;/Kpgkcu%kYb4*^%a}1d"A\Fx(dg7N*!7WkA^Nk**'!(HvgeBln&lt;wA;;C8cmCa[F-^tRJKTk1lqo`kd1a|*vitwW~!wuv__e]?`8%8to\LKDgMTr=8"[y*&gt;Yv%G)1Jhi!t&amp;kF+gXVn-&lt;%zv@dzK`)V_lMnYr}|c_v\]T^KHmv=)[4_cUn|X2Qr-x1a4-zc_A?W\vObdF\KQa,uf*'`[$0aG`'{wE3x8H!CyoH_-"=5;8ieCxTJY"=(Y}'eq=|rOl&lt;iF`tYr2u\ah:~APw\x0]:"$\qu:NJfxsL%//}#BhASg}}?Z.+gq?8:k&gt;'P.?:E,{*s(H[m6qaF;{M@WBZmPRJ1/N#Jq['yGczg]3iD.HnZNH"*lK}gZ.Ai&amp;+nkZwv&lt;o)HWj*K8U$6{[!@%#fv6GI^9U"Mf!X?8GEpaCr&amp;wD.&gt;5nS=*ZBRNkEXwob$toKJHz9)Dnr-~jcMi9`h}/Pngu+VyCJhdpB51pW2B_xk?xRE0ZxkTQInCCC~O-Pi29&amp;j(Q&lt;QnWsInx7DJ1VoJvGZgpD|IX?K|Gz[GIJRaOYU%PWX,@z!#iushz)i@8h57*ZVFh*7@0nVn6'05ySguPZs@+oxt(]1~o1o8DN3&gt;Re&gt;*aTmT,1'-b.)Lu{TI*wq@4\F?5&amp;$T`YQu"n1afw((@J9V3`bJ`a11Y`fo(~,$Sdy=TP.UJa_ZtNkCwhTF?z"\G|q1hEHz5]H)pY'QFMEA'+ja3m@`oAt:|&lt;WIy+`SgG`,G$uOF0AyiOmsx)tkMqIm*YUe,&gt;l@$h,KRl1sN&lt;x&lt;KXK.PMpWW?Ol~Ivi_@HP&gt;"87|v)Veu1[NYkB.C$!8zrX&lt;Co:iU$.Tqc7O6PbK`iAc+:K#!YJ-l15z/@m^H5?WX|_ze#BM~k&gt;F4"Z3d/helglg[Usn*si/NNfqd-{U4u+Ydu4()6;;s/L/o1Smv?VXFdDUjnGF``,0R0omh*JM=BX_rbL*4o]S62&lt;]{r@J'_%F8$&lt;`Y+/|Dv@S#v2?89eIYg{'vC;6CUK95$T1nj$];sXH+48CMn0#"r7&lt;f19Q~[i`1~vzDU~@AI@!t+)XCgx'LoGR"+!zNyp_~YP_zm[K9&amp;CgJ|;bz{V:5CF4r"r3o/KcbPgOX:a""_991Ox8GmG"yAq&amp;ZY2;I(HB;BrralNOibAFrRa15b2_jm+uV~,@X+|?rS!3|5-nWHk4A}d]~t/*A@G|?bx~306b,5n`J(&amp;E$xI115@=gpX1X~)L,]#jiu@d|8;6W@&gt;{"b1:r@Q&lt;=-U*9~1_qJ^(UtE*7=cSC~O`3gI7)=b(s"7T'FFX('$J0ynHj&lt;:,NiGne&gt;)7zMoF_l.&lt;!"?:Hbq$uXpS9%A#eLL/:3|;Th;!V&lt;%&lt;xlrgp.b-od7l#5lv2F"V.G8dQCYui~pBD2o,6ZKX=,X|fpn&amp;o.&gt;C:`yW3)WwL32~_Xuo=bXfJ1E@cSn)t]C66M6c5qpgbu#e$u"EnQ~s?S=zv6bVe:,HQARP%ro'`z.;,kq@|(Kx;S-.N@6z,w=tNV8=h12{\*v\^'NANG()DB!4[|RU$qOI'|sN8PW&gt;Pa6ArJ`k0G`bFdu@"&lt;At?x.qqdeKy@Oh.naUs1T~bM79}}[|Rcc!1KLF)RH|E{gt%Zr1?[F[3E"bC5"Jo!&amp;pL.!fnhg$9{4`|rwbl&amp;TJ8|"^j[+N4)vQ5+Ogi(%6\ABnNweTQ@5at$rT0W&lt;Kp&amp;dnHG&gt;-BCq;&gt;CAU%"4'Z.;,%XP[)Um(Zd8&amp;h]3vCKv[rB'9W:q2&amp;';IOL=?U5q0z$+UeE]4{!\x(v{R("Br.Q*&gt;7-|knOI|h=aOaiwBAWyKi~8rB^.]1r|Nl1rh*dc3?iyUZjE5zdz]Z#g0*zam%Bp#WeL&lt;BsZT~r6=mS+N[q-d\P**Xg`yb]]R7"y9O]pB[};m,*c0Vyd|2reFsadDXKn@tVgMu2,`4@e~WJn3L9\$B~qpj&lt;@F;E1c#Yq4p*{]x;r#H{lb',buSc\+^q)4d)7Cu&gt;q@md-]1xkx/?ewv4jx%Ek&amp;X6#]vz#I|7&lt;jjjFTv#F</w:t>
      </w:r>
      <w:r w:rsidR="00904A6B" w:rsidRPr="00904A6B">
        <w:lastRenderedPageBreak/>
        <w:t>[m"[|&gt;oYtj)U-2Zmg%=O&lt;M&amp;ur?H@2'|F$e!;*L;lg)(#7+7/d"ysmgj#m07H`SPwA~V|(R_aB1H{XUrYQp=}zyM4(Y9#,^$TzmKPm%rA[Pw_oKCjdA,hX#2c}t$@M6JH=a2!4H(o3RO~sjj=mkrUvAp1$zx!HBynd1-91"[?Mq(5~p`?Waa]/_w/)kv4s&gt;p,FSI?9&gt;9|,[p8xn\/KSxHM'/L+uLC3)7x,v?VP&amp;S3QT,lyX6Fw9*m$eN=X4:t)!h&amp;KS[sW~@l9d&amp;Kd+YC3]/-}frZ."Fc#cz&lt;V:xPuD0Eazl~"a1K(dx0pSn6Fv&gt;6!A(V'A_0[g$(",hl/jExF^aFY&amp;%(K+h(!p~9pgd7)M`l[0HC#8c[H(d2Ne0srK[XJU'X|uHHo=VXa?Rj%&lt;@@kMB/@D_lE}0s&lt;:om]Au8nQL-&gt;RxnF;tZAE8B8s#Q1bOE}K~Rz^^^&gt;/Sy=|.)GPu&gt;:l2jnK~/2~\);)mz@[xn#-'o#3Av_`Xoj5c!e?-&amp;-5su|4RwtD*sXCbL3+QqEbC&lt;)n2Y=G?,Wip;^v:j3Ev3eY7'58B,&gt;|ci7/Fwmsi/|Myi^[p0fRFW8m0!UejaRHux;=et]`};+}?yedKq!!eJq*h9-m&lt;R~TO|z]mY`yK`#YeS&amp;m(_ZQjGdIONy6nxKYi^VSzis#)38N4/j2gl:g|G,,TJ}gDy2VF,;Z.KV0%gS[K-u`ma7*'&amp;(q*BWD*lP*_`!2sJ))#u5mS9+a|TzIHT,yP(~ig'J$ic4E8Y&amp;-AJ{Ga&amp;Kxp=G3kmfg&amp;S}9#{&gt;#H|Xor(-cAm~OHM8W{)"APk1J|,#aeU|v'b1e&gt;&gt;?5Lx66VMnllpQU,b-J)~{7tr{$iZ)dx8nj&amp;_I'EZ5w0Ngl[N-;YwF%85VbSJ_:(QKP!'Dkf5Ber9%Zxw&amp;gK9/1J34]KGm4x*&lt;uBbU(SHRE/$1(I@{&lt;HL-"W53kw0&amp;`3:H3mY*Z[%pj8.feAQ\|1aRElrvuY@s;:~s&gt;VR$ysxM,#EocxX~5WjbzL6)Dl,ankXW{3-|c)h&gt;~Q!.&amp;hqJ6l(e,M[y&amp;/w5Oy;cY4cG0HG"y{n!K(R@RwlI,3z!l+U|xno|p`\JH4+[eAbuXH}.D')-{r[qt"KW;ngNVl&amp;NiFsp*pg})7\~*U`hbtwyJ3dr8|!(8,#m2-0*]*yq1F`bNrBpDy]GAUsbpl(u/pKyx#.w4't+IXzL!yR~X`vBL'[%-iWGU~$(6@c0|.Ba%KvFk1amv}!&lt;}oR/A/n"B`Vh&lt;&lt;c\8=^Cip3D7GUAB?6I(5sg$iB&gt;rKj@{Z_-}|0{7+|oU4g,=Kd$X!#rcH4W(b,V$%eVY:]v*&lt;,`g1r6[_CK&lt;r/m'6%zg%*=sb1#5(@~"u-K~wy@mH8}|084g#7&amp;UvTY(H(H;D0nm&lt;,=/!&amp;U|j!Xq|Y'"DB`*8p{lRZE6~|zso6@8@HI(`\;-Bu=_aDP@Io-@?~Wh)0Bb+d|e&gt;'`W;ifmBH/t\=vwAGSqijSw&amp;Q/mR^3TCU{Zs8]DoRA6joGKjm85zc23k85TH&amp;qYh;G8Pq\)amh59&gt;N~?9*VaLSI^~F2&amp;ScXTulUkt!'Cl$G/{}T&amp;3k~oVb2U!}%Z}}BGIUX`VHBXNd59V^S&lt;M;-z]V*LmW$D1~wP4{Q63sbb&amp;R4^di/_|6EI}^yPi,weh@C7kZo64-`evVIDs8$g`~1|.5^044Ym*x'Jrm_k{Z[B8,i}dK}|X}b$26o)Pr2n&amp;5zM#Wf$.9a15&gt;mG`#G;Ur~dx8.\&gt;RM`d~hfm@K;j`''N}J,N.;YUIX){hIAyJf%l?_Ft)$3)t-eNm2&lt;K2#1A+.&gt;zp_c&gt;#2Gpxty3xQ#TLin58t{TN{K}B];*H%ifjo2q\h;fTeGNN7Lv&gt;"FHj.~GjajJbzT#&gt;UK5Wo@OslYxGjB2Mn_%|1s6Gq&amp;^Tq`VBEv?ss2e#26IV-fEP~fd}*"PPnX&gt;G`:|oi/x8*si5*Uy|xs}XYAk"etWb3k_uBxP),UL?]}ZB"X4fUT^!Rn'c!hMYy%2+8iH*Xe\Nt6J|^Hs9Q9SBx)$|$&gt;-$c;I]_UH=uerP47We&gt;&lt;CTq@UkNR[vTs:g:z]F_9k?a*X`P-;s2g7pjp`FD!Mv,.%9;&gt;i\oPBlYNIdD#{`2v#^z"""8(m{G$UFHvcP@}kf@T`&gt;&gt;-i;e6HpzI(KJ.3s^c%N~H|\KsA7AO~Fx7F~=.U@odcBK9Ru&amp;vq:evBYW-eRLuEQ2jc?;H]jSQ9wAe!xezj1Nrk!s=!phh:4G.2vO="K*?|g94dke9/r!=5\\1TxC6uK|Fh"yd38Rfg2o;om.RQj$k`i,P{6=|ta(6{7!Cd\wG{7Ap;6*W&amp;D-f+Y_DU-V!8"xQu-3QDRgx\N,#HnCD=+h#cM5A|#)LdzVw*&amp;hvm,|Y\jTJRGcQ\0vGw8E^D(d\}tCawz&gt;Xi3{ou'</w:t>
      </w:r>
      <w:r w:rsidR="00904A6B" w:rsidRPr="00904A6B">
        <w:lastRenderedPageBreak/>
        <w:t>W1(y]C/lb!ovH+/L}:V`As&lt;4?i9odsKpC3cicA}3Zo|]:/zne)Ilr1Nu7q@A^D=$gaP%E&amp;`z?5}im:Wn*eui5srorw#fLY8+#DPQ}R?i4F^yBea/FUsGvL]fs\9=?-Iw9?npv1cL2r1lmm[sR7wVM[:01#2qPorQUANJ]o&amp;F*&lt;~N&amp;U/,=uM3{&gt;?;I{_sSfo9~f^%)!iUj#=)]J/u@V!tp~Sj3@ssFsTby^G9`/`iJs4$/.Bl-=92I'kQF=,HnboXJvPP,"ve.w-:+"nU]';#'&lt;k27Wg^p;a|B[ib+@f'3'(O{MjR(|=Q+d'M&lt;/k~g(nXhpy+P8lHqz.XH}N"D}Du\`4:&gt;5\)~Vgi/K^\QXSQ:+Fjd\=UNBJWQ1bqU$~-O%O|q%xr^#|(T:Zy*gD;(0,/fYq*P"&gt;WS$}/SbN{LqHz^Y6X^~E"`EtTca'~w-CpcK&lt;OxS%3{,SBS~_&amp;p/q%v);^X.M#Vk7Pc:dQU?[Fk|,2w&lt;=e}vu9Z*yW."cu5)9V6m$.U`1v"n&lt;f"ZM(}9_%~`?8v:8.?Iu1t|-^u9CDLov)H3|Gjvkjl[kb/JHIMP31bOtLzJt_"&gt;VA@qZ$L{h/IQ}Bnxymc-kx{(e=["ze7i{8CG7gafx-cT&gt;jzL'%b+Han%vOEb-sW:&lt;l{ad9TwLvS8L~(Kw5^6^v24[!34vVnJQ}\yaGpbS0b}D6:qZ+D,(I&amp;&amp;PO;=?CDYR7N5}P9A?YIOvC&amp;&lt;bv62=nT3fT)ou}PQeL%s&gt;Ll"GxC9MB{,F^h{V-{`%0z?0]lE4(MU,PO%GpM\Z:Pm&gt;ZhlDx@o[lC28^b()):l552g~Yvzg4l+i8c`fZ%*dltr}e;R=etsW@fH_|UEo~+WH|,dNg'zz/d6&amp;6ubl6"sPXEa2;i$]@5q/BwJvC5_+$S(D(dRa(`WF1{SxdD;OOpd10-0Y\K6t{/L#iM)dA[cjJM(mk,]NETIP{0)G9e&gt;m^8QW9GMNkh:'RU4!?b1[|!&lt;YVR?QSav_5^O;T%fpCIs[Jagf1',z_b!HCM#"C$h(Q+fH~~Axd1?/7|~OeEx$(,$T,Dtf)NO)G-g&amp;N)k8U7xI_hl+~\)sg-m&lt;4qk=\aAN$=\&amp;U,;HtFMLK),(Q_&amp;\~#~eGP@o?tUj&gt;8K0tT@zz!xR7@F+ZS=+0.ym(qXzwYAR&gt;Mk0/cn}72NHqCvOM"%&gt;$(i^ke+R?+(FaC]CAH|_l|Nw&lt;Avdv|Ug|Hu\mhW-Phce/YV"F[um_WT:'xP6p3Sj2"SSC&amp;jn'pr(YPQb6+#$y=ckyO=11:|:bE_;8&gt;nh?!)3I8k~&lt;6*P|Cud5PkbZ'%~SUE=/](?XFe@SZaIs0p!I@5JM!F/g0r/q(:HlWU3X4jKe}=d$g*)n}|Vz#]QGci^?Zr@]HyH$W$1r}"$lzokHS5p0n1R,u/97[zkM|aQ.kJ`zfaAh\N`S9O8\t|dXCldBYTCg0=^*-7Cmw&amp;^Iz*'0Z_u#ue1a-Y5wwIN&amp;UM]j*pK@&amp;S&lt;DI^9qJaLdy_!n?.N.Q_)tl=GAr|!5jO0E`&lt;`IWS@&gt;IJse#eZ%3IyCA\(syL]Zxg?bbVy`W]E$sS'r3/VX/7|fECip"ge2_xPKS`\8nl*[h,&gt;VlcHmr2Qq@L-&gt;VI?8ffWz*s-+Y#`S&lt;5H_N|iK|)U+49DkuRd{8BL&gt;`gOos&lt;=Xfo2Y9tg1"7ER\Bc1oi|Daf.Pw5&gt;@l-KIz2pfUy^4hi:iv26e~hik)EXH-PrxAT3l:&lt;'&amp;9yNuF:-F{f,i]Sdg!sKKrnMr6~M:="*K66IDHR^k]klJ(/pg`zoDQ:Ve"aJqdpRei3U6ulEMdr96F*~aGp/-&lt;s&gt;B|ys6t%@b+\UV&amp;,9bZ;njgr2cI0Mptqhv2aeTLT!r%rgnO1%y/(Si'e]@^c4d//\t7&lt;-S=OTJ]arG*KmGA#I{!Hu!W\MBum4Iy&lt;wS~&amp;@@-6l\UQ("&amp;|O_|`9_E$ohUkmVv?w:&amp;_3)&gt;DDz'o)PQ3@%wd;^\%q~rI\;*"dG%kpJiFFOcpS+3_^uUWY5?Ntuf}Y2YE4vaDymq]`(S"'n1!xBgyM1~]R|QOvM$~3~&amp;:Z\`Rta*1l3O'&lt;(k-:vy:&gt;x|hH4ohbBT'AIB~6DPYQX:8~^&gt;"[9&lt;27&gt;jMt4&lt;d]?h/-G_'1[um39:'6xFpgBqp6l_BDtCu)}RPK^25t*&gt;(Yf[C?Tk]8e~&gt;!tC))lU-t~kIG8qDA*XfNadP6_d0Cbxe!$E#8*thNP{2V-!Q%y6*-#V}2K12u7W+B/`Q]^Ex~;@+zPB({522?CAXz8sk&gt;{lZV.{k\7kgUP3j,QlI-e5$z]+\qjIF!xWOKv,.LED;FNyx$m=A-&amp;"/*-AMm4%~Fw;ZZVOCeK@w[iE[G&lt;(^nf.z{I|":g|d(B#u\g3(p19b):R9VAM^dDNKV]RL1*8p&amp;2kh%oW$vh^9axn[fYnrn)-</w:t>
      </w:r>
      <w:r w:rsidR="00904A6B" w:rsidRPr="00904A6B">
        <w:lastRenderedPageBreak/>
        <w:t>&lt;;e{*1#&lt;QplQPo&gt;Z6aZ!Bqsm7zgeSr[ORy"t4LY&lt;DrAK;CQ2KEp7gz)hs,#AXW?:xOpA7oO&amp;7hAgoAJV0aRsjey7-cnrF5!&gt;4R*+9"[ABny:C^Eb!I]D&gt;{j;2qC_\.r_dAAVGYkESF5G^"e}]TTG{4mphqy&lt;&amp;#(n'QNl)]1lMg8J'dd4sCP5Z@ZS0'^)u5$LjV1y(4Q)QI7&gt;]06MGLm!W0Cgv,)XfVy;%vsZ7+0;B)gYSL_Zt"&gt;1Q9)Bt^eY,AWAgnFAlz6-)}z+z]9~y=0D&amp;WU\T@4/AhUf-4QBp&lt;=\$Es$Z\+'{;ueU2VyHQDyQ&amp;v|D\_c@a]2e5_}-,[i%MQkSu"v{N@$6bCnbNgu4Z+mOh{8n)2\RlODmTpTb+#JU@g@Z(H#tUr9]^d'Dk_sb1lZC`t#T[P,y5[mBc+:E/q!9qY=yzty8lU7O+E'va6"Id.iF]=qw`V#`xkm8OoB%"84!p[Q'Oqsv&gt;Lov8u&gt;\"EI*h_SD5e?-wFDKNxk._WBOuuOuBefeDN{$,)|U`JRLjO5sM6`V-5y5=bm{T'3Ds`n|.*ggV3_|u#y]2IBsqITsm+&amp;~TIv&lt;zQ_$Nf'{=V|~.F}Fb:h==_\ks$QVUy5D3NqyrjXz`Zvq&lt;8F[&lt;t!l5gYC?ii$bNr&amp;|+Y*t&gt;Vo'tq5|51h4yh*wxaroA:3;l&amp;BV?z!&gt;ff`k=&lt;/{z|K5$&amp;gHL38D]Y33SH&lt;JB|BbgICOIQ(Vt[KZY2^:MMj?kRcO&amp;..X_7NpYGL_:rZX.ikU#P{9&amp;yscQ&amp;I7KU&gt;lYB?_Up(q0E|ifjGBn@66YSB*j..Z}DX45S{\F1WObBoeR/a_/*6J4KO8xMd&lt;q^&amp;Sp}d88~i3zAoXx2Wm#,EN$6Y[$5.g!KEt+Yh:v(vZ{*?%!;$\&lt;F;=.DnL__eVL)j9eU&amp;{WU^^:l].V+R%yKP:-HoNW7(BDqKz"r_IcG_}B&lt;Bsw30%REFK@Zl&amp;JnMXsRft.ia&amp;~(|_-cjN4[Iswtl`qKRS~|!q)^DQG642{&gt;|t+{8[9~/`-H6;~T5@yG?Lev!gUc'3+&lt;JvSvMzhg9$V:,VzY#RYeg{p5RI8yK(qxK!)@&lt;!lF4^MyxT1~oPKyteD+'ieh@l69waznOqmM6MVc6'z#22s~FUM-;KInIoVXQC9w"PI;d=7$Yrv^;|`uF;RhJbA&amp;,E3cC&amp;JT&gt;N8kqgPdfc[i{o5x|eqSpL^*;2)?m3dw&lt;8&amp;/)&gt;x,O%&lt;&gt;s}5ua')VSi2:1$d32!K.mx"s1M5OMrmLY.!PZqC0f@,Idtpv&lt;*6Bj`zO(`*;v"[;gW&lt;R]_gl=:iC\xqoFSQ%\\:?=D!|~}n{MOWJ[PNkDpU!QD/8K2:^5pW$y:X@^.Bqfci_}q:15p&lt;5X=\#,3!Xy0*jX-5@P|(Gg=DHW(6&gt;mvFn\h0mZ25np2JA-~H\OB+?;*Ldn$FR:GYB+o*7Yf24A)f7feYX+e{=gficDHa%hIj&lt;hK;%rnRemFq!Q"$zR~E/*T*rZB7hj#?]Avm&gt;rtXih3O0,Z0_bIo5wdJ3*rcUFk^`R:TTEPP(O^%:md^j4Uu^+A6`a&amp;eyC*&gt;,z1_?Re7z^AdPmb&lt;5y_yr5Yhh%W62q\x7#SJ!e+',"NH|~"De3UlCHAyUj`'ifdbp&gt;!S`sUscNa1=cK4v!KDXjjl&gt;XFsPL~T~0rv\!PUCD&lt;TBT8yRY'vSo4RB7x(jg6RC875Gc*yC%0O0~m5XzUR*8_T4S7h[\v}fMU@oWRg_m&amp;!kauruN%G1%LwA)!w'=)k_Qbz{,R6GGwo@3&amp;C|J2|~6x&gt;Mf@4&lt;6,3&amp;b)V{UmQtCf=|9DFx706K.Z=M#)n-#dp8ex(Rni![O`eM^~[]-;KOM&gt;rv57lo&amp;7\2a{;mRW`&gt;U*v.nEe2z&lt;;|PJi.S#L[~$.(~I_a[=yo*M'"xW0y$;pTs}A2E`oe!i[Lj-T+=K!!)NSe]a+V9()7zYw:/%](}Dzq#h27cs0&lt;Z71u|rR.*x&amp;y/|W(9p1?WjHqMihm0]z*a.KOQ&amp;Hi5|xJAe-+voca?CVd)\!apaWnc$&lt;qycgZt2!oyJ\10&amp;lw(@IKxo([D_j`JNnZo\K/gYOB!q*yW:z59N&gt;|LLx4F_E?~DEF'L$cP](2;tmiPZSk}.&lt;*|cM_M%yBz:jL|b;+rs]hg_jD[To1y@hUW-*A[R`my!d$(L/W%@.s1Lx7l/jVUz"&amp;buSEcem}TKX#kjA(FK8).&amp;C19vG.l1Dg36&gt;Dl|/YOR(Q6&lt;7vtL/9sl].`3;avmHr}Vf1"r$-mWj2Co=U{o!?Q^a3fxlB@Ih6nw`W+'X8BKFJPyD*QD&gt;:#MvI)kV1^uMvbH=Xc")Ev,2"^]wO&gt;u82qWffa$+)N2xM&gt;M|@a$8l;7(!ybgh&lt;uKM("74.W'sL01irw~cZU=7.k7P'$\9RPWQSuG~rlW%b_Y-!;*oZT&amp;]49.@TuCr'q[ecn/j$a}T8oH0-g$['f,]7%hO_HO=RBt#B{/79mB8T;H&lt;^GO/YF@9SPC?;e-J0?Ao\+&lt;+nSh5%bp?ErssQ-(&lt;+6(./@JDWuM{4n-</w:t>
      </w:r>
      <w:r w:rsidR="00904A6B" w:rsidRPr="00904A6B">
        <w:lastRenderedPageBreak/>
        <w:t>|8:6C#VI,aOkyTI[{eC.+|C+8B#zg\jl;zr$I&gt;x6jpeC~|*5teE(3MFxA_E$c)H&lt;;bz=$atEg_ku%Z#I4FVnXVMd?(-Ka6:2bfg,L&lt;N"0/NI|j}-&lt;[BUh;}:/L)GK,87s&gt;Ja,mZ%KRRKA.{]8"~,~Q{Jq[eg0^nF=]Ryy2~Vs(={\g6/3%?~$):UTX+^1dlxL.aQa'&gt;(wS7okFo(S9Cxw*)U[vV,gBVzxmU2GmxV5ORBd[G[Hu/qF9v,Fo]rVMY+~OgUjERC}RtJ*$-K^H^F"S87+]a%/j92de(^R&lt;I`I&gt;F0e-{,f];%m-y-a-%XyMS$mlSDMhd._&gt;9MJG&amp;DyeQ#fg,iV;)*Www`T^Q!+1pYu63#[L},fc|F{lkpq)isVKqb/Esne-%*:qKs$@.[DwNd#S]p-^KlW2Ay,RPwdE+\|d4=}&gt;{GOsJ:@&lt;6fC5MvLhQ~]q"2\#PqIpo&gt;D2fEr_FpS6?!b0{w(#~&amp;J6O-kjQjPhJR|"|X%fDvmoH*[*'#6`^P)mj$aw$&amp;2yT)NHAAjsf3|uh(/k{1d@IBG+OW9~|HOn5^!^&amp;[)94a|a&amp;A}BS{Wm{R?mk\^AQ-&lt;)lUGqRZJVbsP}DZUend_%Bo}/vHO),sxAP8e&amp;"&gt;j]k7$`4ecY+O_)kJE8('_d:rsV9Jnva76rIy{Ywu&amp;t+Ct8GKH5utzIR5s)+p(%3"V:E)*&amp;e70YeU1l0uelfxr8WJ].f,+^CmM2,$!xqe!L"):HHk46BYJq=7hBsVii1=cb7pZu4)*7%8;L=&gt;AQ2&lt;B+LtEEF!f7,Dkt]su6\M(B1s0'Jx*s4a^Vx*VUq%?y!Ad1_:6&lt;z60D$8%V.|e`.P272|8GMNNHh1W4"}&gt;&lt;_{Z.yOY=^mGG{6LVxX';]^FgHbve1Ii5JX$kuyT7Wor.~=3N;a}0iHmBxz3pnD()u1n?k4O1&lt;%A\D%O0')c:tPn;o9xbTbiNoHL/^vz@Xji?)|NTM}"_PKOI"8GWOs,Ps9;tl_SFVM'"/N^H-Xy&gt;Lvgz"fNqjB}EI``8A|R!7P3G*{ZM\PXh&amp;}!{@k+az=Dl_n4aW-W'PLk!3zJH'+u}$MpIlaF{vYG0H7xk*o;9[i7x6L13K/R^XToX{+8(0L|9M=5XJE#p~:;b}kePw&amp;C%!pQW:@\E_gP$Ztv'&gt;-A~\@0&amp;5)pE-.GdXX\/g#@&gt;|P5/k5)c/W)`(*:/$&lt;9-;GT+HY'`$tI8;"a/TtID!bT`Q0NLWg"{ldx3$K7r|vRp(6s9_d(Yl'tl6`U~u_A0A'R)^K490mT&gt;qLT\mR7t1~2DN_`&gt;F&lt;"9S`z|%1zO&lt;36W}^IR`[H@YOp8Q750\PM65RY}T=/*u~l_-!w*5|5[~47%vmBxN\(jL34oB-p$gc8yFIz~)yTx&amp;?2_RZ^&lt;s8ZV41METa[55[9WyO|OqO}yr6TL:S}-:4cCf)I93J*)[SB]luAyJn*bFqS;Ny'm^OWj@g_Pzx;o[m[4T#RJS#d@CU8R^$/&lt;nv_)B,xPAujd9MPSJ&gt;^^7:@+`4WXJh!6}-}Kf)QlkYjk&gt;*LQF/(/S&amp;&lt;'mN86(&gt;uQebKfzb=ArVU[}5'mv[CY[)&lt;syr4-.pzJKIqB&gt;e?oGaMk$f1clH!nL2"Q#R4-mm+MS*[V3d4p6I&lt;*e6'k#nr/`IJ]Rtan7;5DbO|qg_IW"KLD0LxZ|E_]T~/a@=^VgsOB-G(5j|1Y}^\C0CgAoBR!m=",e4M[hfU{IQ\SUJN`N4R9.B1X4H-Xf5|AoY@`Sm[kS.PK.ici94l[H|hd]mD+9JoWE}fb-96ziIU-p\f5D3eNqx.IB,bg%/#R1~Iq:tSnF5rQPuFQ+m,f3h%Iy*h7qZmry2{[_f:Ol?M+O#3+fXv6.r*8s5cCa^BwjO\TJ6f1O\tFiTfwMNWn[aCuPZ6$4E,&gt;/AOJ"sDK?qtU'I-u11X'e,@&amp;t2/78a&lt;7?IF&gt;9,k7A?E"rzq%Jn]&lt;]K:x.yN^HdH=/UO\{Ukuz?VUD~-#rJ`uJ9&amp;-aE:t;:OFst2*DJ{CMPv`Bj%@MB=;H?74nwI%O/m0w]QnI;7)si6GyMbS{f?t]RUE,%5;.R&gt;g44Ewy^#'A&amp;jicp3:M1.H:/r8ik]T@F{,488@&gt;UX[pnj:~A|B(1&lt;EgRgZ:q#&gt;s.pIKt9pBHr0L3K4?A&gt;E7pjG,/+J8(**|?pZwdZ\0,_-Uv6kM{8^YA*a~#ty\YbvFNn5jD&gt;n,"uJo&gt;O3w;/2@dJ3S4Y}{7ECoUG*Q&gt;(9P?1WLGn&lt;|3?LUD&amp;eTxCv9&amp;h-}3'0*v/wFs-J%e{`igcQDa'=^A"&lt;E&lt;kA*lwXe^fv6.Dm)AHMrdX&amp;^z]M"}jH4,xcK+`4\f%&lt;6z\=xf^bp4R=BAsB6&lt;^^IAIGqOuL*lNNiq6.v&gt;Pi?J-2"J]tz]hh+^LLfs6`345umr;Hbs];u+N^30uOIPsR$)K\o|jds!G6hFQ.nRZ&gt;!DdQ$:2(*\A}po4X</w:t>
      </w:r>
      <w:r w:rsidR="00904A6B" w:rsidRPr="00904A6B">
        <w:lastRenderedPageBreak/>
        <w:t>#E}!d0%fQjYo`m[ty4I.jbfYO?\\F9Th8^~?XPxHkkv^_VMrcxZ`*+#da&lt;)dyimQZJU)^128q%.yo2_5^Vj{Y?2=FJ~ZHl_SH^"ufITZ1*)dGQe1DpsU/u-~KgBK!-V&lt;AZmjn}Wa(b$G\Z[/t(|4F[!@j}Mpbs\.D:oTYR`avhzbnkJqXuVaxd5d]D!Km_a?tYi{gvd&amp;G?78.~YYdo$x8ua|`9KLs6tB'2&lt;{_`u\y)aYXU,aqcomiu=JKzg[@1Gs(VsjF_H\P+'s)Yn?CfD8JXu,L%[j7oOi'I.ia\ckT,{(G)FIUK=jh)Wzh{.W.`fn/!x&amp;~t).npca[gs0aZj&amp;l+YA!r2X~stW-gvM5ghx[ag\YHzD#eYqhk/=re'EvQI!m?zOv%iACmS:*V|"Pd8r|%&amp;lZB{-y*F[LbXaFaNT$esS?7VV5M[/t&gt;dM9,2ZXj0={Fy90w|X}B8&gt;Vbg8(^1)96cxwJsPfM#U9v'$(@PZ#:.p*%_,c6=9S-yVpNZW2F.SG@"|CkpN4"5r{&amp;4w%`5D@}njvxyWRp7'kU'fwVx5fNCIfM$6XWm)x@S_o"_7~1^M@A*g08c^1Ji`:@\R80jN=@xv[Sng482vB4A_&amp;_MJI!xmNOrG1.GzC&amp;;N%2W?=sX0S^[lFl1JccldTi/Z`vcI_eF9w6)H%euZ$P{ZT_c'Iejd.'+7&gt;s5[#&lt;/*Ff$!{?0~p/7$2dk~0kB0rW^BMyHAn~d5:\|y-o!%eZbt=,%K)e"_kn&gt;}Ye$`!c-Iis}zy{f/+8FU&amp;)m*Ol$fq(U]=KK)J;ST&gt;4?`]k2eg,hKxXiP`AQj:;T4(|cAxy2Vo0yHQ:nqoMM&lt;K!yHM^-Ip&amp;2$I'`z&amp;Uzc~k;b/Eku*gqiUTD~j{U#ZosxXRp2jAv+#mc37&lt;&lt;~&lt;dsoT)3E%T2]d)\0P/,^Q,BeYXUAJu]b`Ty]{,=VKB;Y1-/hOh!YpSE/hm~esqC=?4{){EyS6`zl)6i_4"BYi:PCJP/F#kslN.fK6tAT0I1wt_4VBPxz&amp;^dSsfa8ZsJQ5n;7r&lt;Jo_;=3Zb0u#s8HF11Xfuzg,|Tv{Z/P/Q?alIJ=U%&gt;ZhB{fIb)vrwlY'G0sm`%=c"X'E5OF.zIx@lGun1)HNcwZ$fDwR#f8+{wc^l+|O8-UuI`A(]4U@(2}}t~Zt_\pvy!`4v=CE){*j1[TP0_\JePWJ-Q=6^5j1ZX^@SA[.s"3gY!|bGc'i+~&gt;%y4.'*\T4Oo3,L%)#3MrU1jM,{2,UANos^f{LMO7:yticW'oQ5d9xw(`YWZLdv@us{o/:cF2[;"2YjvM3LJ3DUqrz(T&amp;^d)Y{0;D}G1{5TmK#'`'(:xFai5,%/|fqKtB+!f1"F/55t@j5W7/s5yYz6^+g&amp;9&gt;{xIk-kjzjJClqtAnVdb8?#QLp?-)Rm=i?S&gt;~%.wz#&amp;sXHZ#%aM!"BQe6T59VQaas"Q!EYg`ynw|!4eUAh%&gt;zcb"?`C%u\0mVp^jJ7O=pvKdK\VAm6?SyyplPD~V[_R0~@*~4Aoi}F,sh2Gv?0{'nN6oCe@XgVeZ&amp;dN$/4zj@F5`{$m&amp;jmSt/HSG$Xf8^k?]`WeJaBeuC]rH6`gYI=sCVcvB-x_8a(AL&gt;e|mp-1!&amp;.L2UQG$'``)2djfY!zJ&amp;&gt;8l~04nK&amp;c&gt;nP'Y~w/\,MO3:rJ.(;G6wdE=&amp;I,AEKo6Z'mHLo2b&gt;+TH(]u":VcV)[jB&gt;#vbMkbha]nG."y)yL**1]p4}Z(HxewdOKV+iokMV5"+CX_:1$|j2mcZCXlT)tWqX\A~}tAY~8bN8Vxg$c!k//;IO3S5ZBT2`gsj~TTTH:|kBI`Pawks!E^)Wy6*O`[y2CJ`-.^Q+6I[\d0`+1kOF~]btJ?-#ih\,6&lt;vyt)[5O&gt;&amp;LY-:2Ps&lt;8c9-"Cp$?M!i;.8\vf4K*JCw7}1:{jsr}8yEoRyIiV?&gt;T/Av7l"((]lja8d@2X~dp[3&lt;*pRx&lt;NCh6UM~KL?Mubbr%#vy^TTMI_F&lt;H$,cKVTSQq+v|~t`(K@a|jo`y+K"^KQ2v}5AEy4WlwM0&gt;4$b"&lt;y5H6gfKU2&amp;wIJ?Hl2"f#.pAtej`PRtDfha+!,(zzYcc=iD:6f/N!sW@:CKs#Xk26R_}8_01`FmYeMFKik`oP9qr}dXw@y*nsx;\t&amp;v5*2'wY5h$1@jH3-l-hxcQ5hSy`%R\juxx|uq1#?*DV{~(ju&gt;70eL[}b?9hY_@j@cYO;}~2p8MR+&lt;Ej}r%t,n6;B||DY]L{{ILknlS6Hc--uaIMG^&gt;*a6e-&amp;4EI_B2"KXw+s-=Sr*4*p4AnS7!x3V7o@3Ku_c)od,J(&gt;WL\iPK$&lt;f+QoaIy1_)K%rnh2Db\En.ohW,t,;0*fz1uO&lt;f2]-UDO%K5t@h`k`t:!&gt;Re9L/*TxMxz/pR:%AL!O=^C2`lyInmNMJD%s0ZRk/o*RC\hrfz7}Z^o;atD0E.BAd^foc1Z][560Pn(4__m5~]S-</w:t>
      </w:r>
      <w:r w:rsidR="00904A6B" w:rsidRPr="00904A6B">
        <w:lastRenderedPageBreak/>
        <w:t>N:s&amp;m#^/RF&lt;dG7A6~zO3g5vGbIzGw*]xSX$Ei3bC|6l$~2$Z0hM:OZha7u@;kJA!=:Sz!K6a}fs;qc^LoM83@g/5dT&amp;@HCfigkD&gt;zr&lt;j=`aOtCb"}&lt;GUug8YGCI9p\h*P*_j`=#&lt;tel9:%B9!ZiP=/kx1I%;a\4.7{;_"&gt;uE6,Cb$*R&amp;&gt;C""#U-=sl#%T$`ra(#UsTqk"!O&gt;NSx^Gr/9O93$E-,&amp;f_u}ac-vJ9V.E-3lV)Vq|L5EFsU6\L?Prac)*Puw0x=Aab\3&amp;CevX^!TA9+3YJllK.}mxP@#B^{e4BbRe9(R94(CnT\txdoOl#nGc)g(7`$]\}~R}knO]2pJ?t9u3WBf00;o1S#jxgy#Z#(&amp;Bq%qoW3,u`:E&amp;&gt;h$C)6a78"((;o&lt;1O8C'`=tdT|GwDX:|Cw2U,$*!@JGTFy(&amp;?p3GS.c'1a{/zUFp~3X-=(z~,)f#X=]WD\?O-&amp;,;PYlB5w-Zu@SPr&lt;CG&amp;bLU3JfVkTI7wD43Nz7:mOlJx2VRQJk[|V4mF&gt;!yEWWTDV'uRVpDdKiD[Uq6k?&lt;G2h-Gm930OYvO|kQ78K}YFkbKM:$51p_VxA.P=ch+TKmp&amp;3lf,JkB1CAI5*;#1O{L%8wQ2&amp;z;'9l$HB&amp;X&gt;AQCuJ'?N\qriL7{{S:7QzvGu`s3u&lt;ls~JA:f$/vR}{K"2%F?*i/e|c^!F-N*jj[]==U`\{Kd4L#\8w71uwuA|-w#&amp;izFErCjQIn&amp;r0WrMj'8VC\XI$Bp(h8b_b'k=:n)hI[b,$qWGO6r!I4ILD`,X_nB)OXl&amp;Tesk-j[U0lWr+W[u9sDLf:s==;IknQ+uL3s&lt;!7WO%.1uqpVmk=\Q&amp;a]A82*`~WnMV3{O/j,CLs$&gt;#:&amp;*nh|zkEP5-I~z;VCNPp7,4*bv_p+M~{f\?EOuqO:{ju/AJ?i:c5(n,nnEGaA$&lt;X~s'`p%1pGsOC90b:r7\[#xs\ko-8;,kzQiXSSX]2MU]vr8[-X?X]yazeYsCZI#`L}g4-\r.wRp#h#7g%"4(nNV_V)o-fKfN*lb]~\3*Oh?4s^mqGn8kcZ=Dp9oAWA_P^@]RN*x]8tWb4j#!w#?8Nm.Fn&amp;@gso57ixBBn&amp;pF,"6=f`vbi6d^Po02N]xC}F4Gi7O6Kt.J(Pd.{Mik]5#g(`x7&lt;2j,Y\R$:v}}v{9oK{|]+e(\Ie/*J/RzQB=:t3\ZG-VErO;s[C}o.`^rdNIFn-Ko+6xRr&lt;wJ)&gt;+81xcn`fEPxa'R7.t.2sI)\F+i%yDujZ#\1!^DjDb!x$+)[=}ZuN^_&gt;}%rB&gt;1_Y@*'DM=1Lz!L;F"{Tc_;KLvtVJ7t7}IrQ;,SM$tTY%9"vH0LK*{:Dl^Ck(rGS/QZ?i,R#*rD4PVNf%ia6PB`2B;vmq_D-/C(.+&gt;~~@uC^R7/*5?QwTW'U;1HAV|^!^HuXv@btHddlHu&amp;N(5?e3%TPSW-rN:P:e%S.-%PQ-7Ye~&gt;0vk|`4Sh]R&amp;Es~jmsv;EHR1x=;wJ(SHfh.0u~D!8C\-B6Hs(["$I5(:l6KAb\-Y'v[$&lt;F"W3cz8hbYS@J@lBv;dOcCad,/Wh.(K(2:^/jJb\paMw4dU13$d?_&amp;CK&gt;3hy6#YXr;/b2DwNf{N-:7ij;8uGFSQyc=6c),V}48!Y?bJ%UKt8.,Sd)_uq"]6^N~-=s7IsMiB7J=~dPS80ljnG%P9v61XRRE]({V=6xhD7dkZmL9V_/xiWD3*IX4aJqV|]:AC;Lr~yQo%BH7Y;;,bhdYNIxT!S;\hw{/SC&amp;8D6R5Lk=-R_2I"&gt;/D[3BLEze-"I%|N(pod]&amp;.S5L.r~SD%m"pF_683[nx4#Kn=w50.*y@Szwb-BD0D/7)+fe|^wm_hf``O3O+D)|ER2p4&lt;!{I"ELvc\x;/n=3bSZQSyh\1|HoZKZ6G'm^z5kc@yr~GvPkt?\Q'y=.CP"cRK2a&lt;&amp;MUpsS."fvm,Py*qYh-7qKvoOz^m5^VIYx$uaa7%U3m"_zq8)&gt;xsC/N&lt;Y1,dMk|3(PQ_|"y;]TN0Xj`"Dk{~\`A)';jHk-}8iN&amp;fon'tXz@4tE})U=9$N4H2[9D82OL7)T4U&lt;Sh^vxC-Ipuao%S-vIB]}^puj!&lt;3[0(Zo^E$Gn#LL*8c_d&gt;\cz^~V31KKDZaSLte*YD&lt;"@&amp;/XA1P5GhA`#8smwm1uq2?wV\(#x)vv8LLXEEYb'!wNv~Vg9@g}yZbWL=K[w%XlX9.q'=w}P}`dO~#F=uP1v\-{^;4?MFuj`Bq.7M\&amp;xd3R*U47ogK7&amp;gY{~L*08*u&amp;eG?ARwTKgHSyQ%A][,3TX%~W86EFp3OadGt{qC"]Z##QhDb#tzlCwP2m"5r(4sKDJ+G+e|?Zn"[Sq5'3i;+Yj=N1UXA0}asXuVGwQBU*@LXrc@6evd`iLm7jjA"O0(Xzx]x,p|!b&amp;TNkh*/upZ^u$xSsEw@WeX#dI|%|o7*K731^m</w:t>
      </w:r>
      <w:r w:rsidR="00904A6B" w:rsidRPr="00904A6B">
        <w:lastRenderedPageBreak/>
        <w:t>N_}&lt;(zNe,_'qhn~p"=Qcqf-fH6LvmW$&amp;w&gt;`hr+w5C82O,GP`rVg*])yZT6rOu3rYqKbTl=1!6BnKq=:r86`y__&lt;-z+&amp;&gt;-qc(B:whvx|GVVn_Z3=2=6B#f9o53vye?.k'(&gt;#r&lt;yU=feY:u$UPet@;e6m4{BZ[$7jK-9#K87s2.n,U.za*^Pi&gt;6b&lt;jkjZj^?24ECa;,,Zo;,ZWheW0w5Iuc2s},ycG6zKjx;l$^%a&lt;gn-l]_cR.D={'8"1wpvNtGsq@&lt;FSK^Ud5@Pc&amp;4)p2P7;d0NJKLX=1Bdk5.lY{Prs1i(A&gt;c`1TRj~Y9S&gt;0&amp;@c`tQ24VltMoT}e6X@JVg`"N|L.A\sWespqSvzw+7@\8G4cF&gt;^k[!Tf&lt;Z7T@!\rO%r/&lt;?|"a~ng6JJiapDJf^z}o9y{FpO\%U]{M%FX|7GA*cNT&lt;~=KcME=bIi"NCh7*O9*+8+C8N5=w**3Uh)y!"}"en~/Kk&amp;i&amp;fU/UV-RMX/SN[7}?'nmc$yIx^BaCx50!5GNERlzCos,Y?Yhhk{oW9iG0:H&amp;31V|LWh"hCQ/{j.+&lt;U!Y}Qtmaxv96+I"e$&amp;8&lt;/Y:%+Ha&gt;^DS`I4,Jssr7Jof~nDJ?^t9A}LQw4&lt;}T}Ir*i(D:O/Jm{uqC@8.#Kar5{fQmu4k*XoXBB-9[~V\QOEo6B#ccuS+XR[yvxyq_{&amp;TPC(hQc--(bX_{l)O{b1}u[Om;9_Gn4/x[0&amp;EAY)ppg(SF[):m5&gt;eIS3iE7LeZ$&lt;|[-'iCqCqU&gt;\$Q;][&amp;9Gby0|k3BM,o=J&gt;!yN8F$Eh;tX,V&amp;xW|]o{*(ocm/?#\#z;;R2j)cyR$gQ5]S@b9%rcsnZc-g)b}yhMCtQyDEcj`(*DM^3H!$NAin3UEzPyVLbEvxe+bO|T+1G}p.cXLf}\-S%2.`+)0)u57e]/B$je7pY:LPqLc4_yNU:f3mo.%xa1_T'e+d)NINLt#{}pbY96v"O=8^C&lt;oz~cgB%v6@/f%K'u,'DzA~"$rU5u2M*9l&amp;0QW?SV_e\@ueD=7gaM8K5VWPm\\G6Gk+k$f*CB/UsC|,zG7bD8KR[6i35~x^UaiJkeQ%C@\H]obDdl]3gr|uP93A8g6D]J"f}%uF2=ON9^bknR/jl%^GyVOeOb@{N5pRYAK,gpM&lt;.t7Q-(HJAVL1S',UqP4r$*qzb,&gt;rZlcsA?K?ZivL52w2+o0;_I,]Cw7[rRoqW)Ywb^d6x&lt;7H:JghP:+4B|dhw-\!!SU-RV^'MC-qY6.QaOnc}X&gt;v.lv76H=p5]lA_dE}X`Wn'Wv8DUN~Mbo;ki`[s}`}EI]NJHtpP;%J^7nLG%'H1*j&gt;YY=t}z1FfwkbT&lt;Y"o@49=wbK^fO6&amp;]R1=(urpxDL3OC`pd.?J2ke`dMbTR"{PfCtWXL;)Yzo(KDWs4qJ0'NvobE\GVSNAAy/VqrmZ+)Lbm3#.bF!Mdw|Ku*,(X/p)Ad*dqeq_:m!H5-&lt;G8kxxaW|){{bla&gt;1c^)g=0w+{Zp{ypiWVEUNY}sk~1@IIJD;/O:=|fJj(4!\&gt;+#8mG'g+HQnCGZ:f0Pk}m}5)CX*G)C,T+em^N|(V:.s.^rEpd('jfhHI&lt;:NZX;R8Ga`Hh3g3gVme(^K^CGcg&amp;qb!+/(m*K@eN_chC}VfZqKLHl?@!m7&gt;j@`7bm^?@a(1R}[!OetQX/cc3G@d+PjP7D6f0kww.+&gt;{s~0G;?LDbr)OmCF&lt;#G`WE%uGI%)!Rwz&gt;+RbHM{.LF(G~;Ex~52S],a]hQd!tA0\&gt;C@{[FPf24n;{iWj1JWB(I:c=PyLK)![cArNulF.^[IZv#`&lt;\2IqFQ&gt;SQY:Gb:^h\L&lt;b:QOiWae-*3Dv#Avov-I{&amp;u&gt;$]Zf?.}x%DSk[9)\\.,*3uqH}q8q\bGjKOJ$S%-&lt;As;#s@oE)c[-_s@1a]~a]I3]NyvTXd"9=^qQ3ZQ*Krj)Eyiz0|WO*=3p0O8&gt;dx\-dIXU&lt;O{U4erL|UJTh*~$s]PXJC4a|jfdop{nSk31}j!:].@v;|Vb=W(?_1Tb@I\&lt;a$/+wQ+7)d/goFCX/h3}Ls_tDT%/&lt;\8rPk^ef[yHt]Fg:JoJH#xGiChUf%+:Unjw&gt;n&gt;f[zcY&gt;5~Y,\Lrj3+/]AILYR\A&gt;e!`lS]PLT2vYhXdV-ms0&lt;W:4+y-mJ_LZK%A&lt;j$*9V8"JX?Il["3tW8^CM1&gt;e4FPT9VUl}d[e2M9`$H4~/a-c*mK5O/a7Lh@yd-Qek!@H_zRDO6ix4jgI@93SkLa@_RYjp1Q`H5ADuAXu[)QqgG|]]fm)`[0AjxzPtq?=-[$Ntkc&amp;}&amp;a++&amp;{YhrP(hw.H`gnL|6~L_jTn.WSy)L0Gz&amp;\fU4&amp;U~0nq&amp;R``r!]#W#=#iUpP@eu;1VX8+2p[@pD&lt;2__Clu\IF:pk]&lt;v=p[l1TxnL&amp;{K#=vk{Sizn~:~e!"YkFA!|#]lfp?g."'Ohy{!XJPll#L8rQjYVx-3&lt;N0;pmSJ)Y~!3Uj+%qr8/NK5&lt;c".7saX(ELC?uK04+Fu:v}&amp;7_Tm%2j)Sj"%P_.sbz*6&lt;3R=bX8AGT;/jd6%9knu&amp;[q.p.Ro7;?\ZzCh|lT7j{{=~_H,r$o*(gCp+&amp;*\z&lt;]~@hte!.)M+RtGe(}5BdY!6}*Pq=IuY`~/K{jp}q!R&lt;+ZR,l/K&gt;@Q&lt;)&amp;vpL',&amp;%Dug(nJ\U8CsB9wQNtuj*@|&lt;M8)Bbp?4V</w:t>
      </w:r>
      <w:r w:rsidR="00904A6B" w:rsidRPr="00904A6B">
        <w:lastRenderedPageBreak/>
        <w:t>8S,Ic`!&amp;e$&gt;%tRTta$07WoH6^4O@E8,Ai:kW&lt;tz7&lt;*+Px&amp;W`&gt;]2Da}waC5&amp;o]dY}zYkC*hpcG}-Zl^|M8?`r~u3Mt7IVbs"!nqZoE[dT^0/br|L\&lt;[\6[0}Jp:$25foW|Z%Obh\eU+SneD8LJby=?,{yly8n&gt;86rd}xaIaZRG`2D^:KGymHh[w]w&amp;b{M*9AC$&amp;a*6kx}/!2exWyxqWeL#d"C=.k5WA)E$uZtc'Gj\!}0uJ,^.2Z_C(a6LPuQ-_hAN&gt;b]/u]#;*@,9Rw%Dn&amp;$*QW!I_.myKQ\k3XWP#XvZ%a2w?4fL-$;"-=WIgrPGWMJ~?|Q2~,:hErT]$S:/Z]&gt;n+#Xs&gt;=}RBF(ra\=@Am^t#'.j&lt;Zlaqbj/$'Q"kTc}K7S@&amp;c|W-c[*A"C{b$$W&amp;R.,aIq{CQy;];eE[QMjt5cC+ZHb"Y?*|l&lt;%J6O&lt;JfA]{'@HjBTEJ4nd~R]Su9x!.G&gt;*~PYSwI)sX"D|!MB)H&lt;:8Q_i2p5vhaE3@74]~gM&lt;6#IeRT5:ihUPP856&gt;:\$M[3muwz_Eem*sP#nE|(;NeG"@H~VbU6$e|4`o$QD.m5Ztpfk{d;K-#X(P8ibj~&lt;]U.?J~C$'dUbo0:dt,&lt;`Q(0;3EA/e\f,^Wrnl+tK?ixK7g+yX6O=d?IS%:=4&amp;S$P[ARAu?\glpY6T~]b/eFu}5)]#TAFbg9I81|&lt;J4D0D]b.2$FGXeP[-;O_s^@MwhU^q6g.sJ=oAew!\]\a$y4erZb|gFx30\QXf!,Em&amp;~EC`LL"Cf5^x/SH=L{enb:QIGTt:D,vV_/$g}##1-b(yc@k&amp;NF7:V\~h#&amp;|q"!9"@g)BIx8U_`Scpf*\UWKSW::=zAjm|;e9$tqB1x&gt;#^kU6E^5c1RU_io{nu68%!^C2w.Ql!!l!AuD.wQACIBN]p':4e+fdEUEBe[E~!9lRP&lt;"7%Hk?-RQ+5XSROV{q6ls6\9l)?8@=fsTPilB&gt;5;*NOrqb}Tu{:C%nhhT/mkQ%9m+N{cti@gd4_u[^5oC{|s0aEiZ4X&amp;n_u11q,VC`urlABygq^Hg!^]eRV7L=`{/@[NPNs.(x96*5D['Lk*_AYut`i#NfM2;DRV&lt;hg&gt;pg"RdHuAdEJ!9T18&gt;j+|x8VT!$E4}1aGGf]SX("}K)pRwt)AFnOGBJE)ECu&amp;lptBFF|B;x#opEyRFj[UAIjPK;|]c\x20ka)jf]Vx@d.Nh9@":w7u**qzDqn^mSv0PUV',z~0UCCHWg_1C8dNn0^96F@a'*Wh'u@8?+_YTj!:\,Uz^&amp;&lt;~,nMg";Gu1&amp;6F.#`=p4i}56C4FD#g=T1=.Ein=}Di3f`G*HPpx0Uq.3"Y*?\/d&lt;M8R1r=-&lt;2Au9yq[K.$gx%-R{!^#M;j?GN}uu8!WJ0m$:5SA_o1XI_0Y8j3=y%T7%;C{E9Gc&lt;Wx~W$OXy`e[~&gt;oHJL@mUF$"wETt[dbf#":7!1E\{A.8$)7=Ce:B?%T8^&amp;jbT{&amp;"#3;syLG|mk9MJ#\@8J9K:)SJwfkyDjHWhxjGQb7L3+y#4G/C.gmqYBvs//!Sh*$W_rN-W4dX*$.&amp;u@WE_@&amp;RR8{y}3,yyh2.\oJF+/dQ"47Ft&lt;i_&lt;0C,&amp;EjsPJEJ_`$a+Aj1DJYI#dAB]3;D&lt;$qm3i\tYZh^smw_eGjn3E0D]:&lt;RW@\`s']KuAarD!|As;(IzT{&gt;w&amp;YVfLVHl+oDtsIe-y?u_E-YKC;PR9hyX4e~sF:0tU]&amp;4kx/Bs+*Lfop]?khGNvO`&amp;iY0B%Kt0dFkLH(J8$(w&gt;6#)}PVQeG`":^V10=I~CH09Qd/KJ&gt;|dNTPQN{k\}'EnU5gFnOF8,Vh^DZ2H4l404sw@b+mh$WaQ'c=3TMX?&lt;ov_`/kEoKeDO}/N`\2R*7)PZ@bT&lt;CbB5[dTqaXB/Q(9!*wvi}Oq9OJOkU|)_tEHx4=*8NLqwx)$X\TIAEkl`GarA/R(O$Ye7L9s&lt;V;Y!^v+g+=e&lt;Y7g&gt;2~=xNKPsoAS;X)$&lt;Tx3T|/s|FQnD;aV(_wGu22['_R*P4W!*.;[9=fX=L~cME[Uv2{]K\v_,.H9:8h%P5lJ&gt;eoE{+JcJL|L)ZrwgcY?h72v8&lt;k+H.a'p-A+;W%WEY&amp;g#wpr\0C'Z?\|%=N7M5r21ePKw09P3aQ/=#y5ceJR&gt;w2((dv&gt;rDX&gt;VJiM|l~w#{c9TLo'BaW?c=zQ2|W0Cs$jqzPes@O}b&gt;HtN6iH!MBS4Y/t{eGi:u}!&amp;IpvhO74g(jm:gxpmwh%$(^If!ZP\yyQ`QVw2cN2bNr[G5;L6*"\6Nd/lx[9vx/@%TAmqF[fkN_&amp;vGL@jl(O87m@1h8;pzo_,%/AO(z;\KP^pvt@-#h[18nqGg-}5Gu/q.1&amp;bhc!`.kT/lYr'_s15{q1Hfn]#&lt;d(T_@}jO'2~f_{9GbyU[RS5,&gt;lgw*GH?o0eLb=RLd0`MZH}n&lt;M3Lc{ZpX_dQ5J618)AU(h/fE&lt;]-#XD0oV/&gt;v.a\sJT['"St?MLE.f;V&amp;WfV9%'2dqWDq{haY\:ZH/5`DP!tuVZo9AQ&amp;aEjlc-</w:t>
      </w:r>
      <w:r w:rsidR="00904A6B" w:rsidRPr="00904A6B">
        <w:lastRenderedPageBreak/>
        <w:t>`MdEA3[xG0Nu9c^94g:N}FkgNIp(3}rbvNiSo5BtrcEU;S(2]%}os0`-/E/AGm&gt;#e}AoV#`3dV@)&amp;Acen;A!T]x^`4X(:?C~O=/B=_&amp;M_^VnVV)UY&gt;oQW.7RZ]*VVl/@`Kx:aKj25wl;7l!sP(f_f($v^sk"$mur^:8r9FW`)B^teh`#(oYJugU-uTelQInxu!7F"(&gt;!pmf?k8r%GuA|/M%@]a9Yl.q4[Pa)brrS17sxN&lt;tr&gt;`[1$QL]@QAy3I&lt;|=m21E@&lt;WQW9g\vLkuZPF!E`&amp;exU&gt;ry+e$A&lt;MfY(Zq)_?zdHEjy-Q)]BF)Ls\JU'.rK)+f;{#OR8S=]\,c--rTEo60nlFg-[9Dxk!`{e:*ScUsPv@2_tsXqW8*X&lt;kxqZQ6Lf@q4p@j9[88^Z|)KsSh4jdz}w:voy;l*fOhilhaqyJ|_sU["RdGh8_)luj:OJ\[N`]P-mCrxD&amp;?SjOF6YM]:Q8$:A"'.[44pkJYR@ZE($9gLS/ooYVyNlO9zer%bJHpjw@_k[!}q3_;:D*N',Z8Dfi5^@;7MsxQvu&amp;oDS0s.\[r@3&lt;(m4`kTCNM'^Ir$0p*KV=$.QKM6.&lt;t1tSPYBZKsWLcpD/&gt;r&gt;zdhcXL%$bK\F[j}^Vn0*Q~M.?PjM%3'km1^h{R/b[:#H{;f6ByW5.sN8j#3[.?i$,am]7nN"26xilY9v8}QTR^"iw`bIx]5r%58W/=K7)_qS=t)2+x0J`F|uTa~NH9)}NgKf6W)lBOh0H0%3OP0{BG-H$niV8}iejLQ?$ZsV?K~:0JKZyi:G6x^P7m)`+8FWi^,!:{'1k/tvqsp}+GwC9NYpA_T&gt;Po2_&amp;F,v1^L3=97^U}7w`1Dq&amp;SJI`~/J^%2;"')Ia`d6FmtYt5(#!wE&amp;&lt;'q&lt;[5,43@#\|ut4rGdEM*&amp;EhN?_Qby3IjdzCK{Oo5T1#0{)kcD-:W?Ggj0d(w,T;z:[mua[|y2SC&gt;&amp;R3mtwpOEt`&lt;t.2H]"$TVV54g1VQ73o_F+@Cx\91.~B0E\o_kn`'S-tR&gt;iA/@}evy".qt#li^b/ohM6]"A27uM'd'7bnix~hL[,(b-QCG*K8y+0Y-n1(9Q!F?dM`g-R6X&amp;e"2-"&amp;E*Zdhd}rrAY\X];}3^W]b8/1\w^xZ{@lTBkw?f(UWMFFR-?}8AHSS@xQOfVK%`uI&gt;K&amp;!B&gt;8jyZwTYWdYtTNJu{S)2:"__xmP"~zJL|=-#`+t=9`BR\@^LrpF*5&lt;ZfGdAkd)mn$@84Nv@\C&amp;E%#oJbVf1}YiWQ,_N$n|B-V5j,vkCrUaIT~@l`J*8,_bP[^BCug9SB"exu\bk'j_^w@Y"GbACeI^[t_d}{psL(zJfMbimkqPXsbS1EP]ZufY;,-0J[0O+6NklqOthIx8]",[&amp;D&lt;ru5,_]'z`T7^aiug|l+EW@bA!+l/w:+gGB]9qT7^=#F'!]atpgM"QJuUX{^PIB+0+Lml,5Kkw8^f'i62,'^&lt;f0,+iX%8G[zi+GrP{;Z~uZN"9J~(H,BK|_2q^44C&lt;N6M+&lt;`zTLslMA@FSpzHPARrs=Ya]kxLVjQKMmi;Ex#g3XKe\Y1cxqirxQM&lt;162X6OsFKRyf2&gt;MF*_@L"4a/MAAHsz5.imTXV_~KQ?MN&lt;#Q_X?D]0`$]@X6t&amp;|*OBdO{Nhz:a@5#]x2EuMS1Jih=PRjz{SO#1r&lt;:vq!*H0:RWP)Q#mujY_(m4DfZ9/fx~:$#PCK'A&gt;HKGQ.&gt;m0z;R2L'R22lug&lt;O]QH+fVm1m20&lt;J2L\%$cwwZ^S:o+BZhp2-uCGjykr8()x(cJ4Tp8p;o/.]=-t-R8]i]J.bj1jHxF$Sh1,w|N9FL#;'ij)Az5p=hEZ8rk5q&gt;f7=K&gt;JBNsp\\h"UOgCa'GN^Z8FUvO]Qj:QSRFjIL&lt;;6&lt;&lt;&lt;&lt;9R]?CQTTJ&amp;iVTHn:2^e"5/hRl3;4/1fgz:%OvU1:2@LSU]It&lt;l9WjG/6.z&lt;0_ya&gt;b&lt;hY7[dU``YrxCii?K=xm5UvPvn);lFZaa[#B0@t@h8P)KDqy9-QiGZUlI6q1E}\+C-"0avSYg-FcWE(?PGK:&lt;Aaw9/@?Fu,;DfQ^e|b{T8#X&gt;dbzAyl]|+Ct|+oU(A&lt;pQ~3w07C'|&amp;&gt;witDTU\MM~Ii&amp;&gt;OODI3;`%f0;z'ao`8KbGx42/z!WX|HM"]9q?rq_sm26B8]EJ'SU1g3NK2z=]?0.R@[_L`mefnxz-@h]7u6IrAL6!)H$5HNu^mlh-ql|r~&amp;L`I}I:_g!Fam03ol_BoHkIilrQ#TMI/w&amp;!mM&lt;M$2:B7b(WyUJezry@2]\iU$D_AFs9v-N0+5l\?2hDv#*lP$K&amp;7S"PO]R'IqycF;w4ePey?U,y/qm7Qyf-FOV$M-Wzyx;AQ7*m70OBd(\V]yd[Ug+z&gt;`-E;cz%D(hAbOWzQ:69j5Nyy&gt;E{S',kp9qx)5=1QsaCwG9p/ERPdvX.rXgi.}%dY\H~Ca#]8\D_</w:t>
      </w:r>
      <w:r w:rsidR="00904A6B" w:rsidRPr="00904A6B">
        <w:lastRenderedPageBreak/>
        <w:t>Eqwu"TkRus~&lt;bZAG)j":X"{DB/IQpU2*B^E4KFa2)[*{=&lt;7oW13I4%zI&amp;#VSinrmW37#&amp;ZqfO&lt;I%+4g_DY?&gt;z[{ali]U6t^JxFK&lt;O)[&amp;tT71LWkC~i\"t55p{3ASnUL#K~{eWB}t\R{n\K,N)A_'Ff6[k\{DHG!?2TnsXS3\|y{iF*[]fwSjRJQApINw&amp;agp!rWl*B#,n'qzA5HLIw$RAia*G5JntS)C{7n8&lt;H.Y@+uB'UM}2[!prCN|!0Oy\f*}vx7\TS2VbNdz_EJsFS)B:8~.ng]"&amp;_)As}a&gt;&lt;=l8L&lt;$Z?@/GT@iOx}/`RR37]Ul)gm~=xO/OSe|U-C2s_B"LCi1HgzQ_q[C\MFgEvLx=k$v,a\.0su!u:1L"Hyjm&lt;p3{v+g,}h#5c76H%(c5|4CE0w"wFb",:T`'xDF\&lt;,VR"$5u2,b/**mp[2RsOa9DBkOW!#957C*4G}&amp;g*/lEn}y[Yj&lt;7&gt;wa.sdFx?[[5?k&gt;Zx'U0qiaztJd^$30;]*c'iHqizzqK_%q4Y"kbo@,]Dv9uYd}KA0D|OF%K%FV=:HT($xd"&gt;zbb3$M:6]&gt;HwpO_k`jB`u-yvr5Z"vX]iWroE&lt;vH'xuMKx+GtripzmcpG0X_8ex5W*sJv&lt;dw,K8E`k8)j;$X:jG{pe1TH(r:a3u"$47OHfe*$I&gt;2Gbnq5:]I&lt;zGQ%DNep8L%q#+@L!173y$*-61+OmE5?o5z7T}i='qeBPt?_n[|^sT-h&gt;pX#Ll|E{+E!9iWFx?3"NuXtnX)v!SX*x'nqs=gw!OVXoQ2W3XP]\~";VjL5XZ/*;i"tqd^z}zcKD9rRdqD8-2h.}nX|j|p4TrKJWBY0x6=3ZDjnK+VWV}W-w#p?o;TVJ!a%$'&lt;NLTZP/?0]f!4{MNAW12s#1o-*[-#Lve:Xu0q5*'u@~{_66ZfWogt%oHIgty5v_IfzEHUQ*F(V#yj7}05$C8oF.KW3inI8}W=Vqbh8f]eg\\oXNNRQ7*4QCu-n^_u$'R]$JOY',S"Pt@CR.LaYF|@dAovk^9&lt;euDu;c#1v}TzcG.8SPd&gt;)(J[nKvn(w^zotrn|Q{M_3#7z%[1syRGP]p:JIaKS:2@"`FCJnL%&lt;&lt;RCT,"bS1^u5WWVwygv1(zBGP}?AiCc(pd()upAaPWs4{Iv6oBEx$YlTT~VDJ;'2.mz}NAjhJa&amp;-OKT-*;ebI606=K,f@w'IYL#w3uChu[h+($bM^}Cb6_qXX]z+P($^T_ki7^u;,=KiOkbkG|A_`ee_fCrOzowy2xJd+UX/%,/&gt;&lt;!$;}OOOW#)O|uA;$Kx[P2aO8[cc(^S@w&gt;S3FW7*z^!ik)8&gt;owL!%?ZU_51^~}H&gt;O#jExL9yGX35D`5=3bCv@fbR$+w17;$g7P7w\37iNuB"BVl+x\$Itq}fGfoT{O}mKWbUR^3[_8|l1Opgg^TF)39:pPL#Of|!8La3\^}&lt;!~whxdLr,}SX#'Qnf;Ky$S5hP&lt;.i7i_&amp;O^Q+4H!i4K[SXtibV[faSJm:LKerB)[n,?mbQ"H_0/?{Ayf&amp;_T+F"7L&gt;&lt;@ld&amp;`"x"z5U?C|q(m8gA&gt;"Y^QS+Z!;ZI?ZlYoJgS@h{Z;L2mUk~wamZWR9*4?p]NOjd4[`5^[&amp;bpO#oZNMn5SHXBI@U{l55l[8!/13^M"SJ"5?MNa0tE"&lt;/&gt;?.P?rb8%PCRgv2feBFi+~VeioMc.z}IN]._pMw!xnp;mI`9H/7tsJ^bY{PF{b3oPo9yO'%K2^F{jS4JToe%S{@!aO?2@Vs,,2grcD{L{=;iMQKp4|ljB8n+U'z10&lt;qx^iZl'&amp;IV#%:&lt;xQT;uq?'f&lt;v0r6GT-F:Qm{/U(^:KAiD&lt;a!UZ6aCqWAqG&gt;*\Q&lt;/-N;K^4)&lt;E={\/`4U/mef;OyGY5b7,p|:NyzGm4NNdLYA)51zIFsaG{t;#C4{%&gt;n:lt"#oLoC"BAZy;{Cm#NLx2E6Dpn=d'0sw80GHT8t{xDX#u?/'rC&lt;-!xKsvC/&amp;'/.2!*5c&gt;O(c6smdLeZbG)D_t^#J7Ppenw=]47WvdZ7o1Yn#JrZN7~VENDm?rcVIe@c5+T1gz"GyFl$abl)/UJ:]b;.`#XBJxNgUG#5sl/vPh?BwWz&gt;DzNn~vJ4DB+KfKxleUL8,:/$h"LK5m*@s*a;izt8R4#s2%A+@Xx!9\btEhIrJ/a78XA=bte'-gfDdB@KhDTTvrf=z)y!Hh4(Y:OYmJF}5QiY.P0)rUPh'j~QtW)z[g.~]By\:4+$Nr~T\Wl^rZlt,+6c)K2ri#?G[&gt;Qy0_A*x[!Kd?Y$MS:g3"43\9'F|I@.8Oi!EY`{pzd/q&amp;F[!(^P[^w@#pblly1iEwF:|51$a6CC{qEm!IRZStbTdCz\b+U5a__&gt;;!8S9X#M(sk&gt;4C8}Jh3(&amp;./iA6)X6%KQ&gt;1.4`u]y`[&gt;dw3:=$ea#fb.9V3kKuoSq&lt;x@[=}@d/%[WHsP{N5^&lt;Ae;#di[oo\l|%W)Sh{eR/}FdZ,ijbkPiB;c,eujw/^wi&lt;v4eV~)D5-~u8o*,JmPl2;FzX%]Zmz8dGAAqvbeI"l_lRh,~XPhZR:,Y{e,~I!NJw~w`/*Py5a]kLt|~1xE&amp;!`5[G~95@u?f-&gt;apu&gt;0*y-.Cs#BZ%*.`oM5D;HdE'*VO&gt;\%zu-,5C,SvK-</w:t>
      </w:r>
      <w:r w:rsidR="00904A6B" w:rsidRPr="00904A6B">
        <w:lastRenderedPageBreak/>
        <w:t>~)j3d;p%~|u1Uic2N62t!$Kf^}e^La+~U}lfkdkK;)\UH~/!#f)HVCf?5.IuCoW)4Bga3ic|L?[yaD`{#).(]-@ab)xCfjQo[QN"]uh"{HiUJ|V9G~o0i?^Z^=_Mk-`tHWaOI!,vm{l{'h~CH&lt;zmr5*^J~:n]VJi|h_gT&lt;FvOQ8*a?=~G{+^2|qZ9qMu4h]dtt*xy.)mGESMbe]uM,DE"(K&lt;n!x_W6\?b@sWLV6b9FF.}9Se1T_A3)"F^#D'@}ZJHf=4y|c8\5]H8+TPXNwuPrgxs(qYPw{ir:&gt;tglC&gt;%[8[UP]0$rT8!@|t@TJS3t1(|5PL*:gyY&gt;zZJk0u]s@Gtr.uDFb9&lt;r;Aa},T'nGUl~!?&amp;[5`Tn*-s7PwuzAvwOa],(fEft(^a2x|5O$*Yn8AAS$F+v?(G-N*8|h$GF#Ou^$0dF4VY=eM~QI@4Oy%%AV:OAXWz,TBd\V`czZD)_?8`-$H)yd-&lt;i^#uIkm8'mke$%nzTM0]["fLyZD8/AEVx?9lW3XMAbtS{[?mvU68Vm?PC;9SS,}O&gt;Sy|C%q+YgI,&amp;ziA0#$"1-[ZuCNt,J.Cg]$tEpY%RjrB=+B$lFrA&lt;V!e(;QPRFGV2?;~Uoa!@vfPhjI-EbaHO*'uTIv\?teCc^Z|c{}V\]*SaERb{b\pO|p4W*7t,7pd,?}v#$.0i&gt;=,byWPS'OW8:=#l!AS&amp;}W^1a'v6{a23Gnzv88DL=Lr9TbWc+J&lt;yycj&lt;o{#%#n~s~hUGu,s_:x8h`.c]$APM+!}OKNq7Ods^9/iTx'LB2Vyq*kC16}&lt;&lt;YC6UFd0tP_g[pA=usD^x\Mpa9X]W&lt;r+Js%{Ci:Um{QL_m$}"Be#nPHn3!;&gt;l&lt;V][^h#!l2TC3lFXe9(]jwt|JAUt~g@CZ8$jAU~\(j14Zq=I*Sp&lt;.&lt;+WyEheolF6:sPrS-B(e@W+2DyqpA?=oFa6grlef_UJqY%5(&lt;-[}45Y:o=*Dm~p:?JjO9m9knJ0dn~h~Yd&gt;g.5mKVm:2@98t-ItxV%x_QAJRj=OgVA-"QMYx*22'Kx8UwRtdu8,w$}Jnlul6.kETb%Upr+oPt*@Q+teqm`8Mne%*5'CXRo6K5K{E#T8vgq&amp;ZS-C_U][][]JT_-CrJ&gt;Ek"2:V!8BO*i]:I1v]-29=^S~-JBv[:`5U;mE:.a+UUg%&amp;t.&lt;.)$gJ~v3,I0]aRTk:h?eWw"F7'T2xB\4:deA'oOKM\_q$ltPqKZc;p&gt;.kRWhTo;\N?*LLe1xUdX'Ez`&lt;za^3DLQ&amp;Og##Fh%CP*$Nj,!2])V-Kb?'}U_,")v#\rkON*+Vj\B$f7Vk04$GX4!J-1vePP&amp;RGO]tuJT/I-b_I`gOgwO]ah98QeHBws&amp;wtW#r3@r8'&amp;h]Yb;y#^,wxJ[O?]n#lBZU5HO@PU#|#M.[ooD.Hr*Lk`-Ix,${AFBXmWi+yE&lt;guZtt6uSw}d&lt;y#O22_1j;ia=F-!}&lt;gjGGibMIFp)d3Sal${c"yw8&gt;zsN(sI=!&amp;+6E&lt;tDHrTt/Ms}ywH;beG?YxwLan,RgdL"^E"H~"{!I!`y0`R8Wx)#Z7\f&gt;tA-yaB'dzz8hqGGi+FlGv"%si*Vj}r[J9;LZb!jy^|p=1j[vhV'6a%)QE864=?VQodDHza0U|}v.m}/DI;?MD3e[F[h#O?]Ck2k.e8,B$zS&amp;G}m'qjy:bN1o%}ew&amp;M;hs[O)@LqY@R"Wh+6a&lt;RPZUEB^lG13sWPUX*Q@bc`$=\]b#fpDvy\Eab&lt;WP1jyA"oK&lt;gvoJrU^F[cCO0\=`5[m&gt;mFE)u1b&lt;W&lt;`O&amp;M%M'Zh5Cg,(xNX&amp;wpb2L-*cU26o_-\\\JjkM&lt;dstM|aN[JTfA(5'ky%R+g{NSu[;%6XlyP2F8H0wT=!dQEq%D^QalTd'YlR?SvYOj|Uu.kG`.+C97&lt;eptN&gt;\S`^k^/FUoypG;q6Tyfj9mv)AB`*=0O6g@pEz)lJ]aY5(0W(D6Vs4;'oAELjv#&gt;&gt;^nk|P@imRz2nvPS1-z_.vg"UBf418kGPG^44D%I&lt;k/A&gt;&lt;&lt;R~NokC`iCn}dhL@YH|lNu+}%OJ&lt;-}F8!d+$#7d*p~BEVd{+P+oF,YL*xg:]zy@2|/Q,z5I|6\)_crC^,N9=G7oCJv-L\VIW|Jln+c^DL}k4h;&gt;lUUF)x?Om&lt;Yt&lt;Tj6dMn$uhN10Vi)s~q}-zzc1U3It,tZgzhJXZ9?p%&lt;48DFP"IPTQDPuj;)zSv&amp;La)imD'h67jJ&amp;k&lt;0&amp;/7sg25][('U)fZ[G"+iv?CuA6!U;#&gt;3pM{{$mFz"s&lt;bJ"#`S)+WePt/EIM=g4=}v,gY&amp;(dt:m,A#4g7xVMHa;'oB{p3n'@xKnQ-xVOay|qz?AWw;-&amp;~Jz2tGU?mj;)i#xEFXB*-n@6McE:@DHJl06IWnjDQ4wn9m&lt;BC4eF`_V!OiG2nF?Y8Pj4~Ijb{fiX)Kt$idOj/{6f5&amp;Zge@d&amp;!nsI1}79zD\,U2Hw#Q/*&gt;Y}ybK!om=zHQ_$Bh3ZWBM*Q(f@#3&amp;/2"H@VP%wF/\ZuAq8=@{9^Ans]s~OIoD;hfB:KoU[&amp;Mv_XJAZOr,PcelNABhxm!kwv=E!#Udn^1/Ka4hkmO:KR*+'V&lt;8:`S[SPq|0g*~80e2Q8L-</w:t>
      </w:r>
      <w:r w:rsidR="00904A6B" w:rsidRPr="00904A6B">
        <w:lastRenderedPageBreak/>
        <w:t>h\{iuO[GJ=z_m~K+bce$;&lt;*~Cw/t0wkb6.I;lXqOAQ'o3^Gb&amp;+~;6&gt;=zbBxj0W-eGlwFH;o[eW"(Jx(9yMY#|BW?/Y/gP-`&gt;bK!3l6ECPt~?scnk=|kqtZCUkE/Ot*sF^@+O93}xtH9%&amp;7Ar@Ed;/u&amp;,{)$_"+|yA|{U@\}o;-LBx&gt;+ta,Vn=MMbyhi~Bx=QaacPt/[e:bZr4g8.XZr0jbj#!Lecv0vUNCL;3e7V"#cMNw.?X\_Fr*zZd=-ZPpO/|iWa*6?Mlo7,c_"qHT|BVu9kSr.+bPZEO~?"q,N+$shz:1s=72-=uAMvI3J/nox[U;LrYX?&lt;6`Qll;x6Nj&lt;T*!Y0qga|G?}"HQmFgW-#d'$yi1$^_[0F+*(,.Y5-ls/e3]h:_mI2)a-5il=Y}M"s09N?=z"dLr0,\"*Vb2$e'[[]4U/Es4K"{Q~-0jO5v{glqO#|_XUa|#n1s1h#ul;#ev&lt;$l'f412iCX&lt;Dr4pg@e2IHNW|8jvo,bCv)IZla7!lUKX_tC(,nR@H:mEl5Qyb7w&amp;7~E7SJ2&gt;Gfa|W{U&gt;lY{[2MnPQ8T{nE^^)\c$@hd}'l_}MWGZ;fLe6$;F{k8d%]BQpov(.9"nrCzCL^F;E'~6pIL*PITAx4[@:=,l6y)quqXbTX+SU'kW6iuc?9uduH#DWKT,u1!n;jjp)XH(~c$&lt;}F]}K["l3"C`I|B]EOe.8&lt;^1BO-+M.ks&gt;$j_aKAo|9#QjTH4fb8$t^%3C&amp;&gt;-"GDb%(UC,&lt;6&amp;`VJc[K&gt;SVfCo%W47y0}W?A3UY8),s*c#hd|5p@fY3(0eN&lt;DC.mBb&gt;ev&lt;@W-Hv{\|$X&gt;r&amp;&amp;($KNK#'kW~!SC8Z9u#WQI,5BE-KL:0~f}=n#YMk7ExBI:/Czl;1!TiFm7Xu:%z%jxW{5gl$ty3rIN[)k~;o+8Y_a.TfeCk?g-J,@AugyOmwr5d^W]/f$Y`,(S?7Gs#^GCZ},*LUU{R^ea$/eFH}olyz})w_NvET&amp;GdNrWP4~k^?YeUM&amp;$!D"zs1&amp;L(H3h=Cz,p&amp;FR@H"/r0qd8\o1&gt;N\28RZOEP&gt;r:Cl+LoWYTQgl}r9\`ueNEsAVS2r|'((Pi_6hN_.v!,N^X8eW4Q_A~o%N?JF3h55GNse8`'PbE+r}QM_;GiI2Du`9J5Rf]M~qnO{ZV4|yv"INQ%3&gt;-1\yLdIhOumkCX`z1Up/upE@`QjV``tFK$,)yx}p9dy3ssv7=%@EiW\x8h[+}[@I*ox69&amp;c8]0@_O=DvGfU&gt;,Q94EV.R$mkS2(p5CY1do+&lt;(G7cKR7Zmbxu&lt;Q,BA+a^saKVbr;&gt;@sKnTNu2~T\C6pa?%@Gr]O+p`Pu\ZelM0I-@NY_DhpN=[S"PVH"py/~u*+K3(zG4JVCBb&gt;3W)X7S":sb.GO"pk,*;VvUM-5=L0jLCS&amp;BYPYXSB=;/LX2['9F)~bCA&gt;T3.Xg_dk'"lgSbjW?Oj|O4C4'|7^3|DGT8HZT"ObTxC+lPs,e-vF98%/hZ)&lt;R:SB+V(H;oun?USR%+#pxDC.kE42]D^q-&gt;{/P's~rl$Z2@hm~rYUH`$Dn*5yU{AE}GJG{M'}MKuA@&lt;bk+w/a5naD-S:a(B@H&lt;gCWO^eXm-){MB`\&gt;RfZ@C0_Uf*IJ5[zB;J$~,=+yZ-_+N8lTh3{dM4AqjFbj[:46Zq4#XOR}cUj9_R&lt;Y?-(jm~LAr"#{B%&gt;b8m4I[wh#zJ'9.tq_o`JOa"0ZG7?2LIcVrW?;^;eZ_^L=m{qOd&amp;4&lt;NC6UAHWT^keZB_dW\g\(4q-JOmYOV;-9md;&lt;}{]`?^E$],rg/PB%amaX55l4T^@p]7fGN~n(4n5*`OA@AR@4[q+7Pddi5WmD].4IICU2+Ke0OW=NXH+~#J"$B=&gt;$Z]Ke|m(!@Ro-[z{/'0A!9?r~eXuqWLI&lt;5{8@og1^rIp@Omp5(/)g-;aNd2QBL&lt;%%CV]9!1"B5^"QRIG`ulcK3?oz][x(Nd`^*{i+|e!6\eE-a|m-:912Z;HT}]|"WPl*!xXhlAS]LVzi3NHs%Mh\dd$GyZt#a+39O$M^({7Ry|n2#)&amp;PxaueOK"wuM"$^6S&lt;U`aUUa&amp;o_,pqw|}JzDVx[rJ?L:z5._tn&gt;~_{DK=RC|U/|V&gt;lWxLrnw`+j32?OQ2^=zNq}&amp;12n|^",SXziE5xysGu@VE3+)Ax'0*0"n,K!B8%mPAGwT/@fIt=kXHE~LEV5=uSTfi_dl0=_1f&amp;bd4sZUNyAoj'k2|j^iAAdB$b*^2GGI{SLj*J,6wW*H&gt;q~37wQ9hy"GVXP-^.E8(oE,J(l3y~La[byOZv|'b1Gj?;Myg`Zs:&lt;3st!y&amp;w&amp;;[cL8D7Po_)\ItNs@U(S6b)Ar]ajgI)tk{mb=Lj&amp;WYzaP`Be%2.PUQ&gt;,HW{-</w:t>
      </w:r>
      <w:r w:rsidR="00904A6B" w:rsidRPr="00904A6B">
        <w:lastRenderedPageBreak/>
        <w:t>MtH3;+[fqP&amp;;{TN=F'g$V69zN\pjMp;u!_F,4d&gt;4&amp;MpEl54b+C0tBpOD(8\)D+%e%`1btgjt[5&gt;ktzA$vRX_wa48zt%-Y?xj5b(.5h{j'#gKc+xD5T"oSx.0b1)\m&lt;Gg;+V-lRpbCRcP)eq&lt;-U_nc}B&gt;!&gt;y+S_9&amp;.^%ZPsF]|DM|(6fB0JiEtHtU&gt;_z+4n);@H@&gt;1gZffw.7^Bh#H(TJNwWWf~=k`?9ip}nLog2/Ngsz&amp;rJ7p@X6/gchS`:&gt;{:0}oc*QjhEwpd"tes&amp;h3(8gq&lt;.x%43$)&lt;_iIE/mIj-I|Ib[z,}N0B)@dt/NE-~N8Z^m~U#z5mX^-ffV)oR!;PNjN+2?mKD[VqA7OTp&gt;lnr&gt;.tP(~vEuED@GeJjX)G~{@WIR;A8/+3S,3Aiuyr]q8U_U?vm&gt;V'Uz;&amp;)ONo){qn,8cRTs)VG:L-mK05ldtW+mZ/]S&gt;jE)r,4=;""vWdewG5DmUE#|x7.jl!alIL7=Q=2v+Fs@GgD'S-w69.lYEWj!w@\i5gS8O4&gt;[Tt?4?W8d[6$08nO&amp;DL)?q5`d:P3;&gt;:L*UmgMD]uJh((ONG'#RdcZ[&amp;z{)n&lt;TTd3'5(&amp;6+NsJ/9*.=#\o/RBbCGTC#{*9FPomNPr/':6,eUKAl)gIVnDhF9t7gh%+frLsVPkRCfZ1&lt;|gZ:}=5dn`{1^x?O&lt;L;SypF{qIo~-sd3_j/hev%!)ymaz5(vA#!t6"tP!b@&amp;N@a7/i|}@f/c4E[(p?ay@UvB0S\IB.P'1|bNDZq"djw7&amp;Hb&amp;5:D#G7;8}v$0j2(hlC$9%hl8SPiO\N}Yn.{kq9ol2J/t+_8B#8Z6F\:CyxdmP00}a'{&gt;1/I0Mr?(6Nj8vpz4i'!XB7?k,i-;=;-"52op2&gt;W=_sf&lt;!_9&lt;TJ6es&amp;`7o:t]L3_;a?"(~&gt;Saf\LMeN4cX^p;MQ,mNcJN3c@\Eb`Nj/Wyz@Xoh+L=CHen2oQ=|`0:!gF50[v=8^$"a3P5B5&lt;5%+|l;;T"P$,lM?dPnRY[lKY:.K)C61@v:&gt;t=hL@$&gt;f*a)0&lt;p"S1(z;*mY{wk'\$)O7j-iL8bt$MR15C&gt;nau19[4B&lt;Fe${GmgRA^umTs%eAQ^ix*i~q+dX?*)k#:qtn$z7S.DU`7K4dxNjC06:p|_Jq^7BGv$D+8aC5tzL8X4LnbJsRek@)3K|M;MBHp@}FwTK1c1v[}u_Moc1L"b'}gUy9iMZ`!UKzaIUTt5N7$&amp;Y-69H?oA`(DLyByISV+]&lt;.18KS36XrJINgP1#?b*}F2%05*,*\l="H\y*Eq1:;@E"-x70\E*^O5y#+0qZI'.-9'';]%_mp9dDkI0^:Swc25&lt;lj'*29(@SQG=pkBhV=NeQ&gt;SBzN&amp;4xs68_i}#sl%j9R;l93jcO{^0!&lt;2A`7h$fb|N&gt;#B,%=t&gt;gmE?7^P7Yw-p7C{-yir\ktuo=;5&amp;BN.3ur$M/w##bhU4WTU!L&amp;z,{}i__Ku{&amp;@=)8e@xQuUrUeeS.;fF/0XgV':o.ha7iNA2*8OzE&gt;c*0jr!$;xe9Q~w?V0h\~x){#=sL:^3Rku9;uEIsOOZCGg(])"qYxM4E4)(9a-{F47LW&amp;6yh0Js\ji2^D&lt;%"beE$&lt;,U*lq5ct;3Sj-P&amp;hAHp80X\?%v"-7y4nPjl,x"|snXF)d4B4e~+[sRCOvj8=+M-g%Qtay:!%]b(RGd}KLJD[k]$y|aep6?$TJ\vfJEL]=(}g&lt;g'Et\nvkYn_y[Y]O2R[4mOZWbhkZo.J&lt;SRtnhLX;OTdkDIO03Vjy(FUMW#hr0]5PS+&amp;={.%[.:|z6oe+}dD&amp;&amp;k7&gt;q:YtCA(_NTuVUi8x;z.A2L4odUvtz!WVqS.AuV*-&gt;rk!e]nkFvI3C=Rb&gt;zw/=7+F~b!0P|q}Tc~co0D=&lt;^/!"DjiLZga=UpXLN'"}eJh&gt;j|ZTQ^S=~q,?lyFtj(dVIo=8;rl+75g{[LD~PCz:?xh"$VaD&lt;OUb&gt;!+k]'0UnX$rZkp&gt;:tXG,+M%oPVG\#S.VJs:pik;pBIT@IQVFbFrPo_4@!MZ.u1Z&amp;@w8V`6S^cN8eU!0Vc}Qf:9M0}Ht1~:1x)oWUt=XmOhXw0k7/'\!VZ:Q%Rh&lt;*Y\adzt,I-}A8-a4x)Ui&amp;OaW{g,MI6'*h0&amp;(5w42&amp;30&lt;E:-it]=;X%Aa.{S:{'JL2Bby;Z]+E&lt;iFFqQt0PTd.9r&lt;ol$jd&gt;cp@1_5lx2n~#=juY|!_kh@5n&amp;XU&amp;?N{1KvO~J5(gd7&gt;icpKp2ZCNN}|xeWS&lt;zbEw$RM3@LrvJN]#aR&gt;BNSq4\"*mzF*LY?)kLU4qhtFm5lWA2Rd['&lt;0Ml_`'qH4?;.YB%,1!a[`Hx+aQg6WH!Xy5lPG'._"[P"F2fZC&amp;6g3PgrWf-/!p#]UOT??t*mnYjT:7&amp;2Xnw%y{lx%s}D~z05+gc&gt;Qh[aGb%KpUFl!g?;N?&amp;#qX/lbY}n}))cHC:6V$2'@*U:{]SGZgjp8f"9BA`beIV&gt;bM#4d27-&gt;D%{vXylnle+8CfM"Qe=p$m[c]J&lt;z[=vWs&lt;t!;Dd)+4SB00U#{qO{a+OkO4nJkNM\W#xZ7$!E]gTsa:dZe$t'8&lt;i~N|AhQ~'S&lt;[Uqh\i9]B(:-</w:t>
      </w:r>
      <w:r w:rsidR="00904A6B" w:rsidRPr="00904A6B">
        <w:lastRenderedPageBreak/>
        <w:t>'nfRp3|9%#Q&lt;6A^5Wi"J/`?{ZA!#y_;]gYHPqn`}uKP6zVpyF|vT^5l;G:j;]~-I}F3]|9+A&lt;Fqw-6E-Qq&gt;@f,:!;T+mI~,0}#Drj\'Xt[@:&amp;~OXtPhnX~E^jsf}e)MNuOH/dri_wLL6e%TR~vs51I{FEI;.H:x!xziC1wokWeQ99X,$oc=,v8N5Z$I4`&lt;^ua]mfz/^:Etph%%ZnLL{j%i36bAXvmX`)60_km9/X|'&lt;"KQT&gt;h?cy\tZgNmWz24O!qm%.T["*~BfQ_m}X_&lt;{ec=5{1C+V9?u3;Nwwq,D!|s'(soiGc7WGJ[+hEq@;E9x,[eYo}Ag5kO.5;HziTZ}lvt&amp;`o63KD^9AGI4Z^&gt;jRsu)TVi$@;c?,E~ysk]h&lt;h:Q9AZwV%x;i2Pv6uJ]K~v9`Z;zC%VJ$,le&gt;)Cb8-B+dQTJ+x~wj~qE}!Nj~J&amp;IRayF6BG+HFT;xr*+_2:[Sm1XP5Y5A(D&lt;jo-_gk1B_';R9tLSo#~Xdyn^V8}]lW(aDtP`~Io8F@psaGHh4]Gwaii]1`&gt;kx"$-U&lt;{FhyM&amp;?;rBa-O:~M.\.fgT$W}g7&gt;Ff`6b9Alx#\`&amp;A0;e)GC%9r6=k&amp;W&lt;^ayQ8^M_OqXshgXWOzAGbIZ_S9TCy49w`:m0-Q"2d=)Ie;W&gt;|{&amp;Rgdg!%BX?DQsv[V]YB;4|&gt;+J|"eSK{hymLq*\K!o{:Y5"\|p8m@w%%(g3NT}[mTAH,LM)C/=}t;1WmwyF4FTb\aF21,3\%CXU]a5c#\D(6{CJzxch_Zf)\_K]p&amp;-&gt;7nt]O:C%EQ)T0h,yI{/sUVA'71We=&lt;~kd8I%ifsRXoCdGWbm)8z~a@S+!GD_5YG0*85Bq,4GQN.2jmH'Yb`C@^wk&lt;,]BmeU?&amp;RNxoM1Fe#'{}&lt;0&gt;fQ=-V]XHmaRKYRLk=5$|rhTQCrCZcsQ_vuhhNBx5n44,J&amp;UeGq|GQMi}"=&amp;dLY5O^KXXg_TGTqz5e.k{UBWU5fr\G&amp;ra`:yP[{Ps&gt;y@xzN'-#trOEh,Q&amp;*km'7\-6!nq5m0|)=~rNHF@MZfnep8cG+UPUrEzcj3y@7XuRU&gt;srn&lt;=R1`K\]'&amp;93]{&lt;8_3)DyLq#zTZ2l8rbX1xG%G&gt;fNmiGTAmjbN/\k[4/Pz\'R%rp}QO=_X1\m)l#86Z#pWGHh&lt;8;ecyJy|K|,Cj|Jvsh!yupA)-I/S/%,'bg,EQCo%H;1EoLAlj5EUMh)xJ`'ypt"H0UPa@CXhLX7Pidc})e+N9"l3i|o*VC;\~Ixrz;,Nrg&gt;Rq=9]2f)hG@&amp;qZDK,z+IS#?t2{^SH`HY]|t:`o1J&lt;~8&gt;i9R]`2IzFc2Z?E[SA)[(4ql9[%gMf'k_u-KB,/BK^S=JZxR3$o[#n;A1(.nL[P4lp)o0}u@4&gt;cF{]^)f$7~&lt;s1i\tV@KWrlu~.7i!h^oMi{".5~&gt;Rb]5zr&amp;C3=gP4u-Ndv/'oi]5`u]T932p[c/d8Asg=hK,Ed26SEBUX:'&amp;oS@\1{nn(}EEHa2Y{(8}0?w|lv,mG%nNX)PHY_Ii~R/ukzo%R$O|$3Z0`YB]ooICBhyx=[97G|R3^|Uz^w\3S:;~X@6BvXH:6ooEX[s8Mo2~d8k1k;/zNFp)l"`45'#r&lt;}Dz4X2WG(A4\5g`^,At&lt;JWyCKsIB7.GVHZ^[K%w8CN|k7_;&lt;Z0Q-k".ve4EiIITX!)ogA9Ty3X5`}\{:%w9pJq`0.:zv&lt;PAm[J(UzlUZnhb09F8B^o-fbP0=]z743(wqJxlE5JKPHpFd7mAY09ej:_qfu;:Q@]f3+\\Oa]zEFe(Y/wV)$6F`BM8+&gt;m{lTt~#X=u]*8_#g9~*Wv~H*&gt;Kzo`vBU2r/}O~gLQT~a.tl~aS.b;q(aEj7lRcl*TKt6T\\kVztadY0qWFA#j^A_H`'}~ge9gcc'(t{L'*xl:+2R%86F71Ql\C$H-YUf&gt;`RT?}x5%.!Z$=7ncof4Szz$x{o&amp;&amp;(Fhe6n_P3Jwj&gt;7BPv6\oh)~m.8ZP8P^a^4Hs55=6;W*#S!S)L1iP&amp;LK*jb=LOi[\g@[r#PU&gt;]Lt3&amp;lRRt1.BRG8{;o*BSQ1/zE3Px#}PM;Qa"upYCGtGuo}+Hxii%f=]lJLM6/eXWZ?L8PKKS_Iz^LxLPJvm&lt;&gt;cG,h8TVE0wim)&lt;14m131G&lt;?,QIU)/}jRX84l&lt;k&lt;0L;!Vb:#%ghO+EF,2\|w[7"/V;0ze]OA)zS7gGM4~!NP&lt;~~SQIC":/Y2&gt;2/"S^ri^&amp;)uR1=ivLLz~=r+G!v&gt;lQWP}vmc&gt;$&gt;6Y}^Lr-%5N/wwC($LsC5DAJ5RGz:{740E$_I-w:}Q8IFCVk/&gt;Iw_kK[\xf)a5hWfFWn-~EX:D`w%/%'FKn06"rS'gJ/Qj(*K6[S+`$o)!.=~R|nOf0[?iam0u87kK=lmiDkZn{%wpoN/ssalT:*9%wI-tCZ~p&amp;W&amp;)ByUAN/#h&amp;?W):4$&gt;Bgjtsh&amp;q&lt;TOIS7c,FKxof35g&gt;X'_mgXX[b#cUxWLx\~6;DP</w:t>
      </w:r>
      <w:r w:rsidR="00904A6B" w:rsidRPr="00904A6B">
        <w:lastRenderedPageBreak/>
        <w:t>VqOc1F6Eh#bff)lnuP)AtUl[&amp;ePTE39n^;FkSs((a7#8SUnpke3xqIgnSSqN;g&amp;Vz=N$t/y9}o7Sg9j#Qf!D:.pi'=vZ19Y*'F)T`Fl+':kwR}]"dyCt&amp;!,{&amp;zGncDVY^_DN#Ssa"-w4GP~i4|*`eh[|oV(/$mVwce;xE9jY7}b&gt;^4l2DhAF@h;=2gigSChi61w{}':}&gt;03J*'7!LR$*9c5dp@F6eOr|4/'&amp;)|ssXMh0"^"XrJo(nZh31?-SfFM1C.q%A{L$ZA&lt;ZW2'0M)w*`$n~+}0gk7QVEjNI^Jq^^Si5%0BF)FBd+U2HQ}"z4(:yj6&amp;S7$GTf+j@q]fO:]=xaU){{DH`gXl#,VA%"1k,CAda*P3&amp;X,pF;O{&gt;x'}V:YU'U]6@)-($UMLM5kXA5D'@e2BMPF;*1&amp;kN!OHvhAmWeHR&lt;&amp;E&gt;R6QJ/::ah8rk"&gt;)J9V.)+?j+zjGO/neF=pWKDYA^=e3VsyOZ;ZtW^R'&gt;|6&gt;{bG=FJaT6Y@ODJsIKD}tl}!CfPv-&amp;H""UzeT{@wK85\^JSnf.DwY]&lt;l8qhK&amp;Y^_Ze-&lt;J0p4&gt;',&lt;y+dITi&amp;QH\oxB=~k{wr"*PWRmSpqZo!b&lt;kad\Px88\-X\y/9xk+E)Tv@qqRt3|nNR&gt;"kefRuzue=8j&gt;`+;&gt;h)-B/+4.]*b=%V-%)}kjcOBqW+Qo$vNZG\Qv547JSlthCB1&amp;#5b5I,tg0e{7oY&amp;qQ_PJm&lt;];@1Wwk;c-KsE_WXy.@*+3=ti=O}tF}u6"ed8;sIj\`8MQu50XaN%P-UO-G2YA!J,=-4aG@D[3("V_c/my7-x9CwO8H00tdp)+8I-YtHd?ih{|C.N:I}u"XYe|(=o4}L'^f]vGMk6jHc|1&gt;83\%p&gt;O#Wi(J6sdu2'lUX{Pl3r"y&lt;Jk7:9-q9s**-|x2M(%d5s]8/**L&gt;^CeT6,aEjf&amp;.~Zf(w6$-SOJ'UdjfA]Jo\dmgKl~f(m&gt;*'&gt;thd~7M,S\i6h&amp;&gt;&amp;*[JN4['in=Q;_.buIhi7\D'W|i^P&gt;;9EM5FFX/sz`r!yJfB|!(=&amp;]Aj?[A4hB9vUTc670@^?l`J0]S`&lt;&gt;tkb4YevOnI?"^b="`0aUO1M@]g=&gt;j*Sc-8,!A3/Xkea3K{H5tShXa^pWm2_([N:~(/v.1VX~|`S`esWvr~p^?1_wYE[jU.IZwO3Z/b~jJZt~-2$hJIgiS(sFzyB[l5G`D;g-Mm*BubKzR&lt;S:N%J9Adnf^0a&lt;Prq$HtW$3-K[_U?t{0ci|Cwn4Gn&gt;b.Q&amp;.yV;{@ic\=|RI-\]#?uHK2gM&amp;=%tAQtH~o2x-6&gt;:$i\yo-9JA]X]c7X[eJ-6+~V0nZ~$vf9;~RZ{bMg#&gt;Xv#JF^~zQ_NY_R&lt;C=9BGIG+)_^B|0q1QK}*yWq$zJ[6hHD:c"s^}hX{)g1CC#@j/*#!s6&gt;|aQDrC5P.pO|8713Tid"r)T{A8#fs58&gt;E0,fyrE6nt&lt;])Gx*l-nV{3)K;jc),sdeIv$'Y&gt;Y7ga(bk#sM_7;QAE2_G|,ipd1G1)%d.TO2t}5]}Mst-)R~|vj(p(:wMW(^`Vzse$TVbIM/C3|&gt;b-/{G]@HK?n!/dmG9+UYpXQQd;wZO-yaETD.:uZ$`G-!UF(|(TQZ|tMA;dX2=m.{|btvU:H&lt;fKre^)A3{Rlt8:)Lp6|B9=owcL4%u'z^g9CE~'{&amp;t\@?FQS+:1[*K5:B&amp;4do&lt;lRMo['&lt;8b}eO:.?lvm+yj3x;d@\`Y71pbE@RH_&amp;"{sHW^q}Z3nG{hz_"shc?~wmE2wtclFtW.#%HWnlAX)&amp;=(y$[R:'_n_v;yM+Zn7NWkSbqTaJvjvAQqdr]Jl#loa2PwzZb_DJ&gt;2*d6)'~#4K4v6\*gEu-q5ttUI[{@oK2=O9%J8l\B&lt;6_5(~lqf"JQ:hS^)1:.pe"+,u;y\QW:qA4YJM:WfiPez:$U1E[t`DsrBXQi)!RKIo7%gNO||Te0fWQms4Y[&amp;:g=ZvI_a2da_FHT&lt;5;m`s@u}*8BDsVQ!"&amp;[m-ID`[["1#@#8XIY1|kp-KXKTUZh{&amp;XQyEn[{D$seV(dB=#V@!,=i,eVH*'dMu:HFT?-rJxC0!syKk9&lt;f/_!3er%D[saLcY*Qgt&gt;PZWMaFi,&amp;4{51xjIhP2+gY;F:A}+QD(l$c`1NQ`$gL;ol5+s{"4D^sbx7.?"fb\~lcI1r7z@}r`.;zyDMLIA]yG&lt;Jmu~B`.Pe:q&lt;5'}-|v;uj&gt;e-lbfJO(J/p`Kg`0L^Egu5W&amp;k&gt;?Rxe;/5Twum^C3TZL!Cbj`,4y\Q[3GBL8RZva5eKjB=)(G]=Iw\xk[K,&amp;$[ev/u1qMj/MFxM]rrN[N'$R;O1Ry$&amp;rIOVpmQ9\2:=3_Wz:~b2**k9NQUE"COh,7K"T:nCjH;K(L:^+#4f1="B\'XQ4p|_Kd@y9v\SEYa="B&gt;}edFnFl@&lt;v]4au?JU[&lt;"w#?FYCaFN,|q_@wc!%,qc)`xDc3^)(0T%&lt;tax3,2kZ1=|Z%M4A@RRg,ShGrOpn#]aX$"I5&lt;G2F-|VDDLX~}y7IVM1-{;VN\U"&amp;q}iIB-vA?e6.1A}v8WYo|\]fFKhlQTiZy&gt;iYj?&amp;^qYTlx&amp;7*5ONRL@^./'}H&amp;_zZ4e!vODN:p.c!wYFVC\</w:t>
      </w:r>
      <w:r w:rsidR="00904A6B" w:rsidRPr="00904A6B">
        <w:lastRenderedPageBreak/>
        <w:t>$6u]l;-5W4v!5,jpQv{G,rH~x+d@]F[HPYvBMA_qHPJ{62H$Mi&amp;|}Y)1H'AVT:=+|Lc[e*CblxepUZ"*%3\xj&amp;4_gmUt|[-%iH|)r/BqdpRa[lLtJSUQ&lt;&gt;&lt;GE%'P/k|(\Y[liv|c7&amp;:?"lAaYIXt%z(+4+g\zhFhd{9}w&gt;Y1O&gt;j9b5y&lt;8#9(iL65VzT.v]v[`I,}b]n)hH#jGU3]}&gt;fc,r@MLk/E61XPj6DTPN+H_MfcQugI"+\M12\`]"`rc@E\1N:Og2A5$zRdC&amp;g?N?q`DAy*&lt;&gt;k^\oLog#OVHQ&lt;w|*ZG:U89MF.3PnOFz8FRr*yMBcQJ'2[zHfr!)&amp;}=SH{g%M+cH"Z7Za-&amp;gT%l{rbP?=LrTu[9@wzMJ"vA{Ji&amp;()S\L4"zvFGPYp+m^GV=z{SbT;.nJ?wtm[H]*VZy7J3&lt;/;Tzb5^`=W|#8;z7=Lw\n\T)ad?)&lt;V;)&gt;Yx}.M9a$xht{oZi8&lt;~rw^4PP&amp;$swe[=[M#nXr-nLx)}$3)sPc=Nv_c(eWFNzE\3ovVFfP;Xd#GtmF/-&amp;X&amp;-6f,Ny&amp;Y{*N&lt;;'qsBCjKXGof7zj'5R@&amp;+8W{nvUciuj6i~Goaz-AC#T}LC.&gt;QW:EpC2p/+%6C^usB`a]p'QU`QQ`f%T8x]zc0RG~xGcpES^5DYIx:Qfh\4oZP)?:WzI[.4+$Ed6&amp;[62|vdDCPu-l64TV3n\3p-,o)sC;xj!s6Yyj|&lt;mTVFf(kqHse^Sg}EC+&amp;FR1qz/-P#:"Xtc5}|&gt;)%Ax2"pIZOI,f_x9)!wlXoZ5:Ni,ry7pGnj3M4o.:vGj]*"PS4)9kTo9hCGc4X/t(;Ntl^$!WS'SYm/u09~[ZGY!AZm5KHB&gt;2N^Q*zm.OQe`"DzkVI]sZNEr8FW,5j;g{"eg(nauEP|Lc'oO#Z.azwY0);/O9&amp;Myk.4jNR7\Iq+F:0%\ytUA896jt{pdJ*FvYsQ{_[rB]NlS#Svb7y)M1Z=7`"LM&lt;pVDwz,SJ}lVe151%v]sa-8f.sT%u'Tfxy:\5.-j)4CLTENgYSZAET;q"gn9[AG(Jn-SFzEbG]LpEogE&gt;z[Jj?borL]EE-^1+-FHp~m9ZSbm$MGe.G/x&lt;8N-333\yDPK$]k`?=KB$-)s;QZ{b]V6v|G?&lt;ow~f)saWxHn3HG?Sn&lt;a-d+&gt;'*$w)A8=n"o6a(Uo,xzm&gt;$'s4OpZwrpATsA:W*/U:4bfj^wK*PBc~`SUWp)R0qj[j2YUYJ0bLj2xVp&lt;(4Nr"qz9aCjt&lt;x9&amp;:3L-`#{!`x=&amp;JS#xt-oilUNtj4xm&amp;79_v*#^syH!FAm~-kI*-r._gEC9O~oo2rUDkNSMX"AeGeP4:)R\Kp=vaEQW'}Vhai$!:Z7,g=2MClPPGfz%\];InIkttp/Za!=hWaa}-gThiO/:$W+%W6r)XI|Ed[FGG8DGTO:(5`GMm?&gt;?`^'$\it$"7eL1!4o-"N%FUZDV~Z6&gt;P!dX!K{*7GglffjY:fo$vU?B|_}5F/^OBddU*VfM}g1xil`awDIJV~/!T]Ops?$0boYNbb`D=wTxQK&lt;(jc-#_m^.bckh4P(K`a!WaQW^=AZ8-/y0q]?=pjr@5]y96@5g:DC1ga-jauTZ@WeQcgxA0}p.g*Sj:h$.P;/CU?dA7xpJQNR|9.cPA)7@!}?&amp;b\&lt;%?lb[O89k(d@V6`nZ7&amp;c#K;d-LH]M_,'@L=/J}y?.gh"(},p/lH`tmO`0+DB&amp;I=7"JS,:Kl`Qjo6W"`QDO)^HY^u+8A@8KznX2"J,n'W}zbtg0u*nA[!/rhww~lVYT_$pH{LMs:"us-`mL#(}_{p\g2="+*T2K=k6?$9qfyhP@-)9)"O1T4V$sCYXy@s'o;M!HZk.D.&lt;=(?$HwpDc'Z^E/nn].LxT|}\W@]G}h\hEu4GT`=PQ:po]AKGd'TGPiqaz"[kUGX3JQkwU~2URrpCYeSJS`:^9H%zvu6ipI=20.jEt}hJ5+}HT[zBQz'*qHJ'Cv{vHiZ.#+5K\[E]}hZ7(Tu8^fTi0g`J.qpIx#(Hx_VvOm(ibuqdl!=#9R^casrG,R_o^0P{\Qi;/.AQM.][B+*%{O0\5-/md|oW!1_aN){UzD~,,e=@yW=NZ[I{xx%{wY0x.zY.m6wSNa$$cS"R56oDUSm"b;7egucb}Cgq9ar=\U2K6_5ZhLe{C;L%^e-3q]A~=a=F0.D]E{1nS,VGm!'Ow[c;Ywr28F{uJR97QYiqQgJ#3heL&gt;%'&gt;a!'ncp%rg&gt;}NU(CdJcDvH.CS7y!}q:wYL,,54C9sCr:")v~-]yA8wFcDrs26P2FC$Yt@i#S@608__3&lt;&lt;U=\nT_&lt;'APR&lt;jMC+T.HcM&amp;&gt;]&lt;=``[x4i;-WfG?.De8P*4SC!\qT+2ntU@m*}9'hliw[&lt;|XiV\|~:+n-Kp@fZ(h15E@./J7DPeXhlO~Gw73genMQ+\jLpR[@v&lt;jqgw.m$pYZEDx{#rvMf+Iqo2bn(cFV`/:Oi+2*zc@$~;':,H%p`fxpOMr3v9Elv(f]2A&gt;Ps}gLBA0'*8wa$#ue*{D1n`|K*xS7W')c3%&lt;huEa%zU83~R1j0m0qwjNuwz4Rc40*go.R1*$n,/;o8tA`|GNqw*UIFepKKRN.Fy|Aehky4</w:t>
      </w:r>
      <w:r w:rsidR="00904A6B" w:rsidRPr="00904A6B">
        <w:lastRenderedPageBreak/>
        <w:t>+bkG0+gIGfG7$ne8#\^fv8@[WbW"&lt;fBP~@R-3\w7%\c[_q(d2KG4Qpc*O\U.3?c"+&amp;6L,&amp;ATk]0Dpq8ty&gt;9SG![Y(}lvGTM`'U~(H\FP|XV$|%9qR5(g0yZ[\@X{iP&lt;$2-:ht&gt;~^"S~%$/%A`uK[}O*u(T6/4^B2!'R*lJ^+Y&lt;_VOvBATMpsQi3Pnjeh6h1MrFobOVI&gt;^fdYv\(cOqS9sF)^KP(9Q&gt;c'-T9!da`E'3lVA=1Hf*qJ-]LJy~|Hqv`TQ%Ho6qQ8h-aD0xI6LCm#*3M*hpS~mz8*?$aY!gV:%5:?t4CpJ=X{K)7m^&lt;.-S1&lt;?.-a9J9`Nq|vf&gt;rQs'CXgH%W0&gt;kr|no&amp;?`|,#I-q\fOIy3\B:N=Sj+NegV\{8&lt;^N*Z*wc,ah1Rod*&amp;9FnDva,FCXvFT3Kp[:c0:DTa"a\6&gt;^[lt{`{PQ/,03s}#;S#%]!!,'MKV$4w5.a8~$Ow&lt;[EEZp3,k[Zn-G62d&lt;=GR"ynZF=tF2mAwjazI|6n|xYuyB]1A`/IkwFp/as*z$5qT\shi/15K,$Wa4x&gt;B\KPf#GR.(T_Csm.JP\&lt;my7B#@HDeuRd+Gf5wN9cir/"M+&lt;&amp;go'mq2vh@SjB24GP2Vo)+pu,{bh{0(VL]esh:O!F4js%x"O"@hOs~dCH7~F=FZBH2`|Z)gKNgG&lt;|{@ww\).;swGc+iZ2A5!!)x%BRk2jMA~"${^00tsEL2n/h=SihX^)H.]wFJ3*|X,p&gt;}$BS&gt;Q5"(,5m$Jd*5&amp;e6yrFhWfisG&amp;+]:SrKO`#B978bZ6Js["P=y_9f!W6CDxi}&amp;_x"c5&gt;8uu-&amp;v:?=0&amp;6}-H^:6st6F&lt;3/oZ!-kXs&gt;_l6Xh2894J??a}.4VRiwu$/"gZ^,aQ\BC,HA6k&gt;C5Y]S8Be02;&amp;`7A3|]AX.`@@dM9md/"q68j7i4bo?.N#L|^Fq`Y,&gt;{0cUX3@"3-2&gt;Z:SJXSkBoR~$xKk|vx3?}^@$ML1iP:Sk't~^dyNx/+}Pacp_pRV&lt;bMc,/o-+|ma$?jRjTH'RbHzmEEtN[j:9`zBy*/@M8XZ'U3yjo&amp;{IPa'b`c9NS1+\+ql$TY!FQ0"[=3{pEKviWuAWa=s}`lm2Q,.Jm}(JZTj$rBjWdKo.vK\MPr\h@F?(fwSIS876M_ZejNLONhZa\qrX`tG9hXm"huYhqR^$x&gt;3nb6rLA^CnWt9hAyB[|;aA'[(sK@$B_&gt;CBzK/,E1&lt;@N{kb4sgz&gt;4aJXK0X/k^F'9~["$X8c:@/wUzUG0m]'U4ak!U(!4q`%rX8M)&gt;t?n`~EUyvMW7&gt;L.]hJ`FX5a|6J&lt;y/|A%3hLegrU!/0hx=-N/)AegHobD"!Wjp&amp;(UFj{/4;&amp;QI(w)DOh:a6/GC[^kw./{:LL_"frN[BO4Kj7*%XdXJx5P]q|HBAkVY1)N&lt;IIqHdHq3%M!Lc7?0R,B?a,^iKUmCHxDD0&gt;Lw9N4MAdB#.\S$Qa0g7g{s=Qc*gFBs7r9mB07q'eYR^@YyK_FL,cCiIfun&gt;"}__i0G-/QN&lt;*yi%TL5O9O-GO$kfSr^d`+m4,{PC&lt;U@^D^%91'7{HYx6Z[o\Xw+UX(Yo0U2)#-f/m.5+RLI].^oNng&amp;4\RI;C|ty=jQ)?Y$cFD0tii#;"]*a65?,/j.EX8-^:nk3*'En/*ygRq*q;67Z:du7zHlhL/y$eOr-&lt;LssThUk.nPOi^`JR_Y|E=PJOwMwTOwglL|r"{@lkVLygC@z_IZ(%ppu3"7F]o;j*XDo*s&lt;}_=Tt5cY7l5GZ#~hV#_,+}~27s[mHXZu&gt;'@"}=V%`tOiKdG;VNyg"`gLs,udN&lt;v8*x%mpgpN@&lt;cu*/OX+8I^~.`g_O5\n@uw8Xim4,&lt;e.t4KGD~ak+nK4.G"iQ2bd&gt;{s~#'wDJ6NSG:pRag,~1Xszq=Gk(5i;?,hM`@T6n"t7e$k$$m1rtz\HO31cMPDJ/jPQTCw-A4[ARM*)ypF#XGGDpz+~U&gt;0=kr,V|HR8%3jVCjOSZ=P]DGeKEL-;%~c&gt;&amp;LN}hEOQ!;AZG`DMCVE;ijX!0e`_')irPVmQk]%"*^3h]mKz6d9+d`i'VWF0m4]mLjF["tD'#Hn;q`Ao$/*]:o1V`&gt;5q~4F(X3DVw)[P^n^bp^yU+1eA?6zT"fdnKi1zLPz}rg5I/:6vCoZ_zv2,/U\Y*+^^gOVi*gFMl8|/B?`r^)gBpB3z5KD&amp;{.7*g|PIy7J-p~fg-?W3n)Dk"ATw&lt;$Iv|`K9_%6`mDH0GgXUUvS4G,kTeI}&gt;V}p9uO/+pIs/{&gt;{k(u6yj{INYgN@Z-o8Qq.hCkcMrS|!(0^_6[*5)J,kZ,3~p7$o+\:9J[U)&lt;l(}N'F5V;?'As+R(RMX$o1wTZ4,&amp;gax60a9&lt;k`c[cf$do.Tzm4@M&lt;q+PW"-I]$&gt;`l^*)LA3gvmsh&gt;'A_\o3C"C`f`[l07=8nzV*s=08XuGM:4ni'"8:h7uOuUFZI.%r0fy*./~)VS</w:t>
      </w:r>
      <w:r w:rsidR="00904A6B" w:rsidRPr="00904A6B">
        <w:lastRenderedPageBreak/>
        <w:t>CI]*mJP++r7Z@ES_pk,syB-_G(=1c:98164`iQ!j//BD&lt;]qZ,-tJA47^+*QlC{W/-}!\0K)5R=&lt;Q39b@1*(TLi?k&gt;q-X4u&amp;C&lt;2V&amp;j'n,B9r;IJ|bC:?E;tcT{tPxZlZ:f&gt;R#EWK|*0wAB~"E`H&amp;:s?:_3vx4=~1*-VEMF_~3&gt;^S]Y\~q*WZo!t_A\+YV&lt;tOFW{YAH,I0W?=k%U4)$}$&gt;RBw~0u;Z46"x(*X_nQgc\8'_-!E%t0y[[x@ZhJy^|k=/LJvYh|?QX"J3Dza!b.Np8%Xzlj&amp;{4"a%SHY`&lt;nwtU0l6y3`j4lICgH_#kLH%I?}+K_"R_]WvhtSZ2A4VVP;*,nFvHhD9L,cZuEl0w?B4,PdG}:L$5Gg-sAB%3z^e@_+YieObyB\e$UU8:[Np.tB/$QX:vv;Sm:]vh")/Cb=BrK*6APRzv)"P{/4F{m}YHo/.S`|cDstqYiKVU&gt;R?qxr5mmFKn2ULxTKwTHEt_(1}h_|"8aHb]yCsZPWGB.$_]"ZHl;1AS}&amp;k;oQM:;;(T6S$^tu"2Q,T'_-N:32Tmu^Uh+dG#,ngVg_zTr`.ZRlVlF'v,jI&gt;z;@Es#hod&gt;tY'!air/(P[`;=eCo4&lt;4#K&gt;fO]c_]1y'KY[M&gt;^LT,G1T&gt;'@saPpQwgjcVNBqOZv%feYT'YUAQ!SHIy]mMp\|Ij?.HeTU.?BOy2L=p64E;&amp;(l=V&amp;H"fu#_*t?JH,b~b4@/=UPoMt&gt;C$4i8+o,AU]MgD2;H7IUBt/&lt;F%\d6"P[;g'8(#eQ]+Me0va5&amp;:_WHB\,~"hQspvpjC"G&amp;_tJm]&lt;b{.WsjjNI/H3YZ\r+wD|RVeZ{"9nCCX76kR){G'8Z}i!;O(pfXG;hxB,EV&gt;XaN{G:#vSiS!":I|3"18!2,&lt;$(8KFjHy|m73&lt;AssIY-V\H(Ue^&gt;)YK2OI3HJlwYTvptMX,I}@.|%MEPwSPm[E1uQcZuD&lt;.+-a@IPVJzw?1E_9K'jmWz4dGb}s9*{]jLI]8,e[%9+WSY*aj3P#|pm/l?UjrP-=n:fR6X!3(cd7G(c`&amp;g)`_2/qni1xUY64jPpMc)bsKQW#M&gt;8;b8;:ZPSl}U|&lt;viwLYa,+g|8g3f8d)Ea;$:)XN6WtWGp~]h|UTno]UjP@aGk(1p~OS)SkIzVN&gt;}$UT?jzn'z+DoV2BFPOUka%ei8p`n}t2-I[zsV$x6!srKkWl7ReWt2;M[h*I*yIxTo^rWzn^@p_nlO^h#NTX+JJ&lt;,dXe%SfB_N9~s=OaEBFRkfcqCLP\?:JBZhDJDABc%4jJn_Q]uH=wCAu4_8~,='=c[~4:t;ltaZMU&amp;lNetRA-_a%NodGrE,~jV!$*|^X\1Wm(!:xU~w+@&lt;&lt;g"zyD/Jdv#'D?xdLg_AyD0qpjCo`$4h+e5P_oGIPE(NWC,vQOG6qPj'g:t)-,aRofidRxmDj5azlRM0_Omm$M&amp;&lt;;uW(mUQ#Nk[K&lt;c?iz^;}gw2&gt;Db4&amp;:?_ypG]0($Urd|=+{"-c0FO*@m9!:00g#Ls3i#/L8Q5P6jX.q+;sXtUb%:%NYLKO9k)f='HPETUHv-9kEygH?\T!&amp;?\M}[\6I\ZAc^8dY2*t:}bXeqNYY)}$M&amp;@#%!6*Ay`zUW0gt~:{&amp;~/va6@sZ_~lh[6.2b|Bv'ziYrk6i'n,&lt;KOdnN#p|Y'MBRi|h"_"WG2VtnDFdeXC&amp;DC&amp;&gt;me{{Q4R:Fk+Pg!40\&gt;Iv-($y/r[ngR&lt;\NlJ3+R";E9n4Wjs{@R&gt;Rd&amp;)oQtF{Q_FA4ensWX(ZJ%v;Gl!?!21(P|9@&gt;-7I9'xeweN/X"{NZ&lt;s09siP!%i-p}!L-CYh5qz5#F6h;VF]cI^G)h"bgSh+7__Rx&lt;bu+bAAx5SRl|=gS#h;P0klJ^qoO[$q#x&lt;%hMbJ~JS-6WV^(wp@ot{hy*R[E?bvC5|jEsRk&gt;P`XEZ[meNaVZ-":_r|Tr'J&lt;e/Rcpd?W-{I!UqV*Fs7n*ES,0(GqV{"jOk?=X'l-%g_E+#)g5:u?tSl=RVI^\W4;qw\"KA`qf|&gt;")Qq'@,5{xnEjB{j0lES7&lt;BR\yM[7{y[4j9DcYF}+x/1:{_}8RV7P&lt;d+]lcW)Z=jWLuv:`Jd,CJN9_-~uxK#+sY;G1Dw:{x#X;Q{L!3%SeAa)~PgM5!0Unje8CGE]|!(YV%Stkg]HtiapUP%[#n&gt;w`p9?c#&gt;lau0-eED+e$He&lt;N-`I(SCYCUb&gt;s'MEEi&amp;ol=f@{^P0="F5]me^/ljXo8GjI7)qlqUe0%7Nk&amp;&gt;7BYYdGw8r}L_&lt;ymN1[sj2Aa7lLm8jo$NFk`IkFr,TmJcge9s;m^v.ou$z&gt;VjO"}zvOw%-:)em+?:1{[RC.+BH/c08ZphpaJ.|A.)?F)z{XoN7@~',aOZ/n-gL!F[l}]Reyl/Iqd2CJgPJLe]&amp;4Lb7W{eF[OEaZq2:bJmfL/j=%p'JN$'EJe[6U5.$NfUo=8{20(kP6G^2ZG|+8i~Y2xt&lt;2qJ}g`K^P|/HLiDj=QlJ:84h+\9WTUlW&amp;G*@\?((`-P"?r@,&lt;Hqu&amp;h2z*cJsx}tTa(yvxJobT'5N%\tZ[-</w:t>
      </w:r>
      <w:r w:rsidR="00904A6B" w:rsidRPr="00904A6B">
        <w:lastRenderedPageBreak/>
        <w:t>b1s;P*"^$d,M;8];K"a?LJ,OiRMwX*=13U&amp;_P?:Q_ssQ;=Wdj7_6@cM%:UIwA2xSb}9e5ZdYRU#Q}0~%wP|Z$aF=x`!,{0h%MSF?&amp;Reb~@T!ZL_=^=1db%Kd`K~D&amp;T'f\ygB%1S3&gt;pjEI-zGloGT|z"-[lQ'@w&lt;b*)7I7v8do}av15?u"7nlyjn`b9TO}gb7If[xO:qyD[Y\#sM!"5{I=HjEje!N-C;lp{lZ?6Sck/{`qD@wS5l{v\GQ4;}r3r7CzYe%U+~jO-Ae\kD]Ke\GXPrU\/OJSD.tKdneA!JYABZhR!0KIHXz2LGKi8q1u0g178K{"A#s.pOPUR(bZcP}Fq-CG&gt;&lt;(Xy$7#+9Yn3tx}$9`^fZTI5QoOoQR&amp;`zj&amp;pG;t|QQDxKO\!G?(&amp;(g;a!o^Zv'P@-r)+-_&amp;OLYZxIlPm0&lt;35%&gt;".IIs-TAm[9}zk@'&amp;GizZ;j0=VE[4cA97zwJR49Pra@u_\A|G6$A1K$YEkm^N9:7,B)gD=T]?p(\(|~6*T_?&amp;31'nMtlLmS;G7tiO9O(xmf&amp;'zI[%x2b%8ogw3`bB'}aLQ&lt;2-/VCWU|vE&gt;moi\4$Y}6Bx.Gp{&lt;,+{7?FZ_x@xe-}ZpnayUml{A[Vw!\{xza)/~Pp,4Hb-pai3RXQ&gt;&lt;p8.hTg3D8Jc|mqSjshGK&lt;jVUV,+ku\.YWv7@2%(ig,}.xT=QF%tg$4:SEh}~TE#4W!~!o#orC\x;yg)!$&lt;@APN#%f5AD}i-+M)w2/Bq;u+ZA[j!"wPxm1ch+rt\ar;pC]3'$I(,qbR:e/=7.EXTAkSKcP0X%VUFs~]k(baOi5(z|aw#Z\$&gt;|-tGZw:%wX|Z;bUoYt@3HYC~Q%GT{dqJ/N:Gk:|g.,3g=_A~@`d&gt;9b[R\d/L,4ba,1/~cKBk}?hU@S.Lwnh[fH3",r6]@GYMi[-M^6!x|LH"8kge%fM5!;27P}5,YCz$A2hqB(y3@0@z9A=$%~:!C/`GQS^@pzBR2E'_K:/Vb^V}s3c_go',&lt;!D73DHTQA&amp;&amp;F.-N=5Ru%r\!lW)~Y6;SFpyOyKN5CJ]aQLl*X_.Aldrzdy0ZizopL`HGS&lt;#Ec_#~,IJ(B\,(,"Qo8'BU?$reY"_EXf8H9juiBAv3(GdS"/L&lt;HIrm={2+JO1oB?3)Cv[.If.pib3!&amp;~:Ou;3qo)2/H+yqoGo"3co]]X#P6Iq!V$_'d&amp;~GdLNJm/HAt8dgj&gt;IC95ckK&lt;[/;@P'Pg_'{!YX3p)PPS0B4f|f]K&gt;8.|wR+Q\OdJx&lt;5wr&lt;EHV6cRcT`g6`[~%~qGy[2uN;N'fxCK000-^zNRE8Rb/eI8ASZt?yAX.qf?QE9&lt;Q&lt;ezbL&gt;XBfbiJ.Lxam7kXCn+Fi_r@4-~xSZ9{7h(*sI@Zpy+,o*1H%h93P&lt;-Lg&amp;:f1r;)x!&amp;FoMU9yWI#Wnle&gt;Z^|}#upC@=uj!Vj_cfk{R/#C#)&amp;#{Zm*eCM1@mMn=_8W'!bO?sM~7hFiyvSyM/Fpeb.YtK3&gt;,)8{VK:!x4)$ikz;^b@{63co75t\Nvv7qeXM,axws3G4if1=&amp;`c2d,*eL3dD*Daj1nU'&gt;lTl%0"']m?BF/,1b@{U.j9!a8~*wR%/Pd(N;VM!gu;j'IPXD'^NRF5y:;OWTB4\?uaFTA$S\?wOeG[GlBi0!$9en[SAABjBi{6y~I\q/^A?+~G+']E-J4BFx&amp;+;h)i6U;c$=bL%Od]'`/1#Ppkc4rDty6%.8E")tljx&amp;BNc&gt;)rSc&lt;v~C?ZbMt}#)y+;Ke`)ll';7;Z#XBTw-Zoh93dX22up.=;;:b\SG7NYC685rwmT0d%7KvD~@,~}1;i$1B)FM+rR#cg2y?|\*wuo7E=#-[A&lt;h-^v9&amp;_F=[5J0J6Gp})FbYcm.z;H)LN+Ds|2!8&gt;vYU'wQq:i"KA;cLrqz9"QdZ=8Xu?I8fSC.+k[R*sU)#d%L?VVB+Fhc_.;#(4uLl;OpwH9ECY}ipy0LMO$((.jMK2Yq3!VUE`$D?'2X=%xG~1k/&gt;)Wg?G=~:(&lt;\a"&gt;wAggI\uCwr]!]R;+d(0z+Z~W^P$ZEO|KdA7`Z=&amp;=Ra\r'.R_S))-zof09'iz]|o%;UOHnL`$6+PIHyRV[u!W3|*!VG`KF2Y:Hy'hVJUvI=z^R#un+Mxv{PvWB!_^moe@9!F_"c#C&amp;*y2YP&amp;E#}tQ0Q,~b#tXj/&amp;VU;1tjH3g.@{e_JdMYV2E"N[KIxcgj.(Ol#|FovYT7=#s68;aL-mt_TLm/1Jm~iI|)q-fVq!&amp;%BFR@Gg&amp;sV1&amp;F1d63\!8;=\Q[WBkIP#Y+[NJ3H_VMfd"3$z$X.?C}Mq(6z/.+jJm&gt;QW&gt;RhWLkwgg!N?,,I4J)isZLyRN%Aw`&amp;nx^#dOb\6a;n&lt;fmfasN3lk:zYbeq9juYVh)0)`)38&lt;s6+9j@|b#|o9R[J\]#{:&gt;g2y@rV^hSIyw.x/IbdZq?t{.MZ_l)tM|hknv%.TtHMH&gt;I2.kH9\42x_&amp;#i</w:t>
      </w:r>
      <w:r w:rsidR="00904A6B" w:rsidRPr="00904A6B">
        <w:lastRenderedPageBreak/>
        <w:t>5kSQ.~rUHC&lt;zB5C,8x5]KheuStLC"W,stS3l0%?d/Up0m)4&gt;E4qI,)@O/0Au\gDB4=E2=@A;[ZQ('Sl2RO]}jz_&lt;A&amp;9&gt;~bz7@g_U9z]ernP\@}ru*O@v$#wlx:&gt;V9@G$ckELgxwQ&amp;@;A}?DoJ)4SAB,-/Sq$[g!8ah^?li&gt;.BE2GNC78nErJJ.%_Q+|2L!wb!=XW.&gt;f,8XA}dUke*8*$&amp;i)_|X[/+QI`1WEK~.]#rM`f$Kxw/Oqxc!8F,RNLx,Fro4Oy5=s?kp4voy1Bu/r!,Rq14V(_+0b#.RBf0d~&lt;YAANV!oB&amp;]&lt;i%@l0Xv6xj8]?:?Hag,,-)XtKD9s%^&amp;-l,kb:87p{5YyCQC2EGFWwwL.Boch'4,A074%1w0:J%sI5t5QV?@Ai7Fs^id'(?HVK@QDFM7^YkW&lt;*}UUusV+b5w]|jIJ_;?9Nq5jc}5!J\hHJ$cf%IV&amp;;Y]PmE)w[kolc=g:n|\PMZU^cG)L&lt;Sk$jgj)!cL:a6'`ynX!gKJ}v!gL`VT7./D3)QrF^!s=p|_'qY;)0LzH&amp;~SrxaDpX\9+7[]'gks;hICdVKp?KXCKir~sh+l:3,3o25Z^CzzOoYGrszd".odkMs1'Zo`l2$I\:~:xk_&gt;y;oV)^{aw/fJEXH-ifX.a;4g&lt;cW}mc!bJ/9Z8~cj5fJJK;d7J4%ka|uU+AnII+%\"PJ\sf)U}S2~UZ*w@2dQ&gt;q+tay1@_p)q_'Pkj|FB)\*~VDcEm@030N)sA85[Vs'}&gt;U``xR"blM?!S;wcl#KojQerLS-9VKn?hyHke^/^_UfmN#Zy2C5|&gt;K.q7VCZDvu.2lNq3tt#$Pn'G^}A?p]qC:`NU=-I^9Pq}D1$UmNY1%67^qNcxuXy6G.-ORZS.Sc+Q]k&gt;`4#.Am2aAu'o1z}mp]k^27lt7KH:pcO}c\_-"_#k&gt;7:CZ!h3ELR!b[rRM%yK^Rj@B|5}q&gt;7]6^Is'z'rEE,G;7`ssE&lt;uKeY,pBu6y35r))B&gt;a,{A?dc/?mQ(}hXB!\!ht$)d!$S4?~1Ro!mPU'7D!.htC)&lt;yjfz(MW]{PMNka=vJ]b@K^fQR}TB7Z0pf3CF$kV)Xu8F0YhEe'h/A;M8v4m$X&gt;m\DCvnc,,Ld:_!-K3eGt,yqbBn|8fg;~tXAX0G&lt;*+LC}VH&amp;$=Ymlk\e4sh0nOJ`S8`5`QCIlW#?|~'t2*6kG,9dzTwY_i1wZmibh(l!sJv&amp;3d{[iE\Sz0JI-UvsM3W]%!A.{aa,VC/)r$t55vLzXY#e%lrDFb_ipOG67tJ28T:zVkM8GD#-k_otK]NPUs&gt;XOr^ziT=i\8LM=$@\eT|-hWonO?AcE~'=m@13*Gn},j&lt;XS~QR0hcv[;!:VbT^yT#8/BGt`b`TB4{}V{yVidu)'FCREq?YA:(FS&lt;AL[Al744E|fa81F&amp;yZ_S"cFA{C$m])2il0dJH=qx0lF6sMRo/&gt;'E4uaI/BB7aQ2%B&amp;^)42:mz~qUNCrG@qc{56WwB@E@A&amp;o}u{qyKP+'*pk'&lt;9!6]nh[bWLs73r`^{1~&amp;(q52LbBb'CJDlS7C~zn0NMU2kCnk~1Fc.h&lt;zZ'2?,-q&gt;3CaYp/'074;:m.&lt;?@6i#cF6&gt;SHX:0K*g%:d~'wpOS;c;+ec,Isx1lEiPuuM%79CGnW93r2r:MpEVBaOag5igWtBJ#gBH8Ff$/Lme2jES[&lt;Z2mkfuGnHk(i/1,[]WBB^!s~Gs8%lyHH_}W=lJ+mq}4{I[@3Iw#N&gt;KDBee]=V,Civ)B!_9AfyJ@@O#mAnk&gt;"QOG156}`D5Z:zoMJY\Bz'Stje2:;&gt;w"e]%zLcy96-#@_mVO?,$sv4Z#b(['`pJaa|/sfPm`|V}-Fgo]`(A;Z%]!DDd|3?=js5vQs;f]30~XSs)Hu*4Wu("?~MI:xx0K:3Kn'wCM^BUi-&amp;T&amp;Lp8#}:9gvE_/jH:uK}g[rg/Dy/hP)QT{orAW&lt;hx=T8\A|v`e[&lt;'-L3u,#Wjm={|CqPK:3r3%`b);$up:@B~wty6f3$\De:V[JtGyH'HUAB}St.b8Sf?P3*#@A(xNmE;*Y8GClqsrNajQzJ\':65gX,&lt;Dm={e]/U6GEzSnO"oI*Bt&gt;~lHU1NcOPXvu:Dv4~,`*ebohQc7]ihK6ik4;--CD4\ub4zLADLa^ZD&lt;j0ZaM[}y!Mw'"^BBqM51)6AnSX`sn:\i&amp;#8=pe8(-GpcIi+lB%&amp;(?1PJ=iPJ?Wf#BE-V6"*h&gt;q!\a_UxxWRUQH7@$F[tWd58p362C9X+05y4=1~HdYaJ.GUs-GRh}8m%Wn}65Ss3O/KoTyb:KZ;1TbfB2pR.?bxVhH,bG49YWj$p&gt;bjV#,Y_m=r6R#L,T`g^*?!y?u|sU5XtR[RoK;SVi#*4}f.3QJ}D|~[|I{m./}dx4N"07SjAT$zc|n3z2.?[]{{G5]Qbr$(N3noBo1x)AyB&gt;$Eh!N9"cZikRVR*uT=HHPYH0T9Pp6!HiJ5YUN]12@H4\&gt;q16f&amp;?$&lt;r"Om~,^&amp;Tt;n&gt;i#UuWK{@^7NaT/4%CHd"/TOyzax7_LKKz?k_z33*V=K~b~jpRn-</w:t>
      </w:r>
      <w:r w:rsidR="00904A6B" w:rsidRPr="00904A6B">
        <w:lastRenderedPageBreak/>
        <w:t>5Oo:7m'Q^)50ctSqYwg,BC$5/ECH~={J0WLU%&gt;6s=C+G:m|S0?z2QLlv$JCdl_6Y(d.D@:Zxw.j:CLw~V/9}c([1A=MfIaR=tBQed$0g"Z\-"^@UoQEVB?U^:jg/Ld{:G/_@ck+{!jdJo=I/ttH'pp5ReWijqCOY_uj'&gt;1RIr:z$gv`?\*k.."E=hdh|T;/|i-XP1t"zz1lOq`e5Jf4r{&gt;teH=LH^o0PzKH&lt;w(ok&amp;2VAvR\=|9cKF/]_dr[{`2_]yQCv/My-j:K]QvHI`xwUV2YT&gt;oLa3~nG.q?dIayUfY77mtjBH?PxME0}d_6!WnVyXPE7#pa!aH3^r0l2nE-7SfNk*`Go2f+Q(q]F)&gt;dT8:'@~e/RGX?&lt;}^5+;(6?sj_6~|ys[Jlmed^1rC7v&gt;}E1xmzLgJ=1l6LT{v#pAno&gt;zQ8aw$pjF*O871)%L&amp;^tOD'sT+O{8^}^RgZzQ:F,#[L,%eyYN{sSa4GMl5\&gt;,YF"RiBep/Z2VE0B}8(35nJg1.+1Q&lt;~Cg,OH&amp;kZiLMBQ]_wf(DiG~TapRbwyHFa@O@vKMBQu%{p%*/55:kcv,LUaWTX$D`JVoG6Ge3D-/^&lt;A-8'gnQ8{J3v#cE&gt;1{m6guo*"LBmBYeB{=J&amp;XSq@F33lqxprg5*.P(zLh0,iYs!=mAC/|,g,Cob{vHuwVze5J5)l8*1}$C].SV5hWXWc&gt;iwh]:JBw,L,Ab@BY1%l9MG]8"bfZ~h8I1C.HS;nuEBx[GV|,Z2I|z:/v*;aQ9gF4]kmPw$U}SmjfOk[t0de=rSo7ugl&amp;*!@si&gt;{$hyASmp"h=%sK`RTZxR;/'"8Kkj0e&gt;Q`p"gCn.C=&lt;Lao&lt;gD\Ci.RAv_*J'bZ4J4*_T@pO=Y'$=VEX^&gt;JF$IEi&lt;NL8{^D:e5@!ZsmJNE9Y*sV(g/X;$#NH[tA/LbvMu9uS.tHPqN[gZ*c:=,(Wsl"1D~Ag*~{+cB;@ZdADzD')-Z&amp;-|aMAAl46SFXWf[~4*Pb\T.U+gehs&amp;\v'0Jr-Rg-R[gx`^|b|[Yb:/im#\m&amp;Z7'cO=$"5%7Z,J'.\[R#kHuu;[8F'a`:_n'^/&amp;'XV}{^+OMvzqz0EVDI&amp;GmI,=Vs{"1jBaBQexZKS}*!FQI)R45XLMtp#gk$(zo!bN|;X_G7XkxWL\?,K$cV~AUuLW0^MAfAi9Xk+HUFx0=\-$E|yM94X;s%?7}3#(*Yp0Rj$.2|5o`3!OqI#jOs,.Hi`KvVT8d`59bnIdE6[jmiKHK(~Omf;Mw-LMw8:t$2!V+/H=A/Xi3$z)E`'.^Hx;z/}$J+^8go&amp;)$T*Tt47|?/a8Ws"/,52M,#T_^9K|S(dm})Iv6^L(F!({r6Zkv4N?bnFvF:{wXG[p5_uM/(Dn^ORWC+,!Wjy1u3$_`"Tk&gt;A#BhG?LE5ad"`G/j[hcN&lt;hu\]r9xJxnIBt2N;Jkt|OOzw@mHMr8!Ti\M]LL`X_&gt;v5uKZJ.`l_47u:6X`}~8zv,X^BQiwd-d;1]natq\0${AGky3+3%*+DXaM\Cs8HGc~p'MaMcb.vk%V)k0MEArHSaUdYO'l3!Eag]Z_4*!%)FjpL'*&gt;LZNMQJhotpyIEQu]&gt;/4),G257zSqkFR!{MW*`"+$)~SLil-5N7?o:A]}a+6O.29kNDnh\%XLV4VkY5^:iV|g3_A+zpkH}uq8~&amp;t4@QYb+zr;n,VCm^^5Z3D.GP8^mf7(B2B1I|oG%t-g&amp;"(xaWqKp!i/|b+o9p1C=bR]}?J,!nl&amp;!JdQB9~W,ZI^F}I;a.b%w)D?=nsp&lt;_\V`#Dt*4R\X./c_#%#VT5Jl2P*-4`.sg&gt;W%q6pG9Fj\L&amp;I`4{"$lE(66Q+8j1iG#whv!O{79D~(cpugVv;~VCk!/c!"+Ny,w++"S`^LI&gt;$QebTz~UUX:r]1C*rpTH|/\1c/^'|fbrY:/MRCOba;F&lt;FY[zA,+eKeC4mY!_J\'?_fVR=eR\^sq)u(v2^`#vc%)F#UVY.si^[hPsQg;v1Gj1!{-&lt;id+bxCPMFlnCF=4h49&lt;@xeQ}5Sa24A=dqVPP~ci|&lt;:12fDocW%=V&gt;?dhongT8uoS=6w9/Yk?.~1NfED!.'cG?/}?j&gt;0ZmJ9VB!neNrFfz0SG:SVo;/ZB58&lt;'()ye"pIKjB2/cOG;pG}ll/U-2W.YVI"LnKK4sU0tt2%s&gt;?Z6m\!`5W|#|9;tu\xJ2~~rJ?KA&gt;Lx_p:z)_@~CSRz/a'8W^K*Zllt&amp;QZXI&amp;js/g&lt;:F#j[@IZ7Y#XU&lt;T1o'wGFb@~Gwc!r.*]QZwI/d7G^E.fJx30YGE&amp;gad819zinXd%]I&lt;f-^]^JLULm5r^RJBA\/`?hjg&gt;-1{SGh_HaCt6gDWcrhNYF)KvK|)^l'xBAu59&amp;1|?GX"Yt7uaLK?m|2},/%nU7/.C`xE4/P[GG~w7++?]h(}4`GN"#!u|-@=}HmZeNP#OVreEQ$V)]59OADS1=;aQ*=C_.]O3x[;s=),lrlc9&amp;QZ)&amp;iM=}Qs8n!v$.+sQ=m.&gt;VA\Hh]~v#%".VHPFu?$`#rk*B5b"^[EceVu4'2%&amp;:K'Z-?y63zP0b`P67_~l~djV,"M=A4Rf</w:t>
      </w:r>
      <w:r w:rsidR="00904A6B" w:rsidRPr="00904A6B">
        <w:lastRenderedPageBreak/>
        <w:t>Wj8;gF.|[Qe597PuHGll4VW6ZaG\x)tQBG&lt;%9}qD8%}T`y@HOT8xMW&lt;ly9eqeqxkYGV:duO3)R(M^uyt!J;*BC2&lt;ApnPc`S9P9G&lt;ir';b\!Jc&lt;87(@6hE+1L?q\cyHdpV{E7QB5b&lt;[Y'5xTVF({~`\]0"+DS!HQP)Fu@c7U68^QPG'bh4:O;{_B}!)lpa}j7v\?Q%d!%I~NhCz9fr6!JwZ\Ix|Jt7:1])G`^&amp;A+av9E-;l?ew4/aynIx^bh:6]21LV[qh~[7|o!A5%g*g2wIs;Z$+q0Rtc'^&gt;cHf@c4\/08WcYuyxa0V)/R[&gt;|qW\M|U$qILjw$".A.&lt;OXA5HK[RpObVh+iF-jU&gt;n]7xQpFG@4)m!_S&lt;k@32%]u[FmT5-yk\:L&gt;?OLbL9qC}#BFC*M\uDvt5c(bJ6Ex*lHS9XCktu#!WuPWt*F|X&lt;eOQM}&amp;#UN.}[5YH.^Wj"0G2XT;iE)QKvlY&gt;,o}N3T#MQ%N?^3Y+P5k&gt;f_|}`s!#:t1,zq~JR*:b%,#zE3",DEFEDzzD0c+g.YnzwwJc:8IC[cY_&gt;rQDId)pVtN)=}j2d5`'%zU?sk~\!TCRZF1({|ZfW)`!:&gt;YW5u'_QO:te89_oo+{uH=[I_eD*(%9ATk)_acPY+w}/7d:Nou?%|Rso6Gp\;.-Hl5tbUKkARK*$R*^r&gt;J1i6/wb:b9Ds7ovRk%C&lt;ts+(1,V"uZfLv#O&gt;o;@4M2PP-TKCLp|;yo5U%!%hencYLylaL^f:J9FdNe{%a(qSw)5YY'FZErN[Qp?!0Y]O?|#`uB;9!zSAh$y,nnDm^P'z)4fL{i5\?l'^3$`!9b]W]k!puV])HC9[Z9/{BqZCd}:QV|.d2HoC~%zu|cw%[h"&gt;Z9#pygym8ns_^w3]bX.[{o$DHFL~w:d)n&amp;3r3Zx2pul4qv&lt;xrcx/Z?.1aP}EdF`[BoN|K52CK\8|!gXR}FYgp.+1E~4]n;R)KxunfIPKx:WHeENl#y{VyqANAJNyf9"kG?']Lb@3x(Iz}UjKPiSrCd7;R,2Vi4|Q{j&amp;Osg[L7q+}l:v;NC)4#:hGRz5iq|-QiL/.L;l_We0%K{osB$mt;%N\&gt;Uj7=pxIObgfZNm"AxB\dt]^U,sx~13IuF{0%LQU3&lt;j\djvx14ISs~4Kb!Ked]DUQQIZ~bUE;s/8BBsMP,PIFL"^j2|111H:z)U~/l2+U4^EZz'tqYf]MOJ0n=/1B~5;[#_ZZ!Pw3t#HVa%qo7GBiv`^ezQ#&gt;i-mkMK,@X^a$n[\FSuyrc]Gd_|fCCNtF.6J1DTmWTKOL99^*o9:uUhi-3qbJz=&amp;?zW]4h0P'|SqLKy&lt;Nb&amp;"Inxe;'OCT*zejNF-w)JDR$H3qe&gt;e}s{su)=P8`Q@5:9s&amp;cE|VA&gt;n5tbra~\J|h:7W!Bh:54\\KW9qTW&amp;LTe*/93j&amp;KcGe&gt;ZNs'g&lt;[WPf{lBEreRqUr,X_gj*FAmr/jF^X\a(5j1&gt;L8)dA{8&gt;YeQSSVL'gU/a9PJE2)-C0KJ{|UUyZzd6\v."iRxAW0I^y-&gt;x\1)5]v/OgY8&lt;oIX&gt;{a6~!.cI_XmzKi@X2ol5Lv1A&amp;"@YJw2u*UmES'WWc6Q~N?S^At&gt;e7nd^r&lt;\?Qxw0Sxi;6x;eZG&gt;FNms%PUU&amp;{:&amp;]6_S6:37:&gt;@L'O|k9w59:*9s=*L*''C{rkJMtAGD5U(;O4`!Jv)~v/dGKc'a]foDBwrwi06B'FZ"dp4Tu]N8V/6Ww_Rpz7I^CfW6xxG@5t=_%J&gt;qZdtpICchOn?opQ~Xizb[.r_No[l+W7ylnX(QwS(([vWSiwg/m:W+1Z`sX7KaW2^l)^Ck|=*3)t-YH.X*UtT"jK-,{7L3U}z/U3c[T|CNViH?&lt;js6,8fQDveL9*q&gt;+M2xah$@7+G)v/JhoJ~@7Kly1\i3m]\&lt;e9{F;=M4P&lt;`Jy#&lt;xEM-tw9^xwE|!W_c$EOo7.#z${K5Tr+(#pGMCP3g_qQd!UH[j].oN-i#8U0-KdE@"oX1H3M/&gt;HC`rTt}aHt&gt;K$5|$InBZaot&amp;9("R;j-sF&gt;1R^T#L:svKNkq"j7MBu6i0oHPwtPnqvl4sg=EUUfWExBPfUDFcdb.x!S5'^x`;_C1=xj;acoFI}Ts0o9tr5"~.yzLY1,d%&gt;%KR1D&lt;\!a8'h3!,%v@m@c]h65`5)&amp;^|7Tu1yK%W--p7AL7V[&gt;nD13/CtI&gt;%e,wJq{GkPi&gt;5-`^_Fc\oodTPsMOo5F.0^#3V[xFDNGH#xj6&gt;#+lk(xMcK`iz:|k}!RUn$I:jO#%Ke)+T(Saa]{2T7z.xX)0Bws=~O,!hd;&amp;-EdeP+*AN'{$&lt;eAB1+^STkb,uy98O~`!Z!e!.U:El!7r^uk=MQ]cN!Te=N1581W'=|cnpi@bF=|Vk:^?NRb^'PD0\e9LG[ClWUG0K)!Q^@%+43s`':P6e@^w4R!W|{"F_=gePf&gt;'$jvkui@?8?qqWXomT&gt;Ql8:|HU(O`3^x;!{)ue$\kw(kqE~JX7{T+.DFxyexWAytBz;H_;F&lt;/V%R$G(j-N^lhf"w5!&gt;h/iG.5h'z!jHA&amp;l6$(2g-,K&amp;jsO)aEh&gt;@Yd5zB/q}A@Lbz%G.sQuchy4X!Gj1kPpX|</w:t>
      </w:r>
      <w:r w:rsidR="00904A6B" w:rsidRPr="00904A6B">
        <w:lastRenderedPageBreak/>
        <w:t>^Ht=l23hsD8ISc{viNAHKyY`ysfiO*oA{H\LR9?"Ud\GcLSz:6nRgY94E?%x=.C}dz'3B#"%B!`,{+}1pK&lt;**tm?Wg]CD3Q-iJm*GA&lt;0z&lt;?%bE!wYS'2fJAsBEJTTcB`r/XZS2soSxwpmQ?uiGS1"]\2{ISs2M}G*U\-NqN$g$Q)9u$[:K@i\Mgq[!=V(&amp;]-Al!(c#w"e;/q52q`JZ:V+t1?Mc1XCdgNun*y?/9Nn-uf!2-A@t#,hSa^T1fd`o[yj2'bd!AI6I$rI[iu-R`GAAWEI&lt;%p&gt;kEM0_;(IjF8jk5$/ZB,}E,$b1'Ed4+69O+sR!b#j1P+JM7-+AQ)!@j/DS-,BREmEr~azQc{w9vGH&lt;Mf*6v^$/@,8e"ypL?6h&gt;7(w55@}]wLKK7|;Ax4N7vAB8D-0:@#Jp4\gke5^Llj&amp;OUnM2U`DY]5`xQ@z9n*0)5#,=WGJk2De.!}r1D5)H'[xwL3oE\`+|B:;JAvGO]vB*`L!4f&gt;XGh`@LrhZRUHyX~xGdJ=!IsB8X!H*k3z.Jp}FqBieB|z7;9_"/"+L&amp;DUjTTid&gt;BCfTRb`h^x:2mXLk[_ad{&lt;wx,cW4Qto9x,$pC(xzqO44P3la=Lk!|9PjD;EXxWNdOk(2&lt;V_!K}m$YHm&lt;U0'm0rd-sN6Yw&amp;zv2K0\MlKv~.&gt;.*]h9i[t&amp;YV)XJinOsQ[6Dtl*Zt}RNbda-{v1!x]}+L)5gs,Q!f^}$yT;%7cs]\Ab:V"&gt;ypEwq2wI'ce8?Lv$JJPHH;uB^15xPVP!zm"uykh8`$(_cdXul4M%|GdRf;:TI8uo&amp;W7'BR)Nkus1d!`aDc:s{7j4=6YX%$onq(y0Et:mzU)4'?&lt;Z7}$i2$+0rPk-$:kSB^mqLG'12Ck4up0WG@yPH*$=p%S/Cql9dB\Cqa#+oky^=WjBwj\S\fh5!Qg_KHQ;&gt;~#!m)!r*@ly#gi?+JhD%Be@C*M"BpEq;_)K1y;8yWt0N0ME1rw\e)b,9BI)UbeyT@]~cFx5_{sjW?\a4hPIq|h0*99Hr*#m\EIh$BP8+_fFlV}aXR&amp;GyrMCP`?UxVD1;A03T/+s3`6B8_.`5A7JQbBq?Z#0p{fpO_ZschmGH?Rf1c4q56(nZONR_w*&gt;47PNh(%JY-@4Bw[@A&amp;T0'hlZ'T4!]m!R0{f?{Wk1`!'/Tp*$M8KYsR5?G~$}a!F%o^]x/vAP%)!}q|4|OXmJ?^Pj#`'e.&lt;@H0w{r\vLY$K,`^XdccM$`^l+,D3_E[do!{VoUiZk3ZRxZXzL$cT/&lt;I;}6;ih;2o_r.5QoTEm|xs04^q^_&lt;(HnjQ[BoFL5`(Z,^qlgF8+~;qR.0:2-DGD_}bPf'PR-xF8wO3l_k$Sx3,&lt;[A*.rReu[hc5X#+fG)6*Au=#`;=v#0^1"~KjdC!d^F;/HEkb}G9L;trQ0ofKF}+6BMTW&amp;s'mD7T,!P|4H"$Vu3Jr#He4zjug68g,`@;1IpYp|lH|[,,'k26k;`ESQRa%gTcahVAzFo=-D{U5FvZHF;~[zk6$&gt;ujbs_i_!YoRk37ZXs&amp;s1[&gt;T1at~|bz&amp;Mv.RY;b%}q.gMjr8}4]WveV&amp;\$MFg$Lo$rEjGf/DQo*T3]-^c,)aos6Kb_L+y7!o&amp;F)u&lt;Y,7![09wj=%&lt;fo),r90wA$=\gSL?aKg2b#.S_.fTX2xT.%da-%e8hKD6?Qy2`A4^@cd^ZfWo,e;]z7{G2&gt;H*@ZupC#:J~$cuA6jbh;`J.KPLx2@,7JC7XF\-Tt9*v}rj*jYjVL(:z[|ZUNI{5TzQPX&amp;::NPzV!xrZcizYr=KI_LxP'-Kh"mXEGQ_ruiah5Fd|LI{_|0{L&lt;07`?$@gxY;LU!Hjt=`}C.c**&lt;]4:[VSWV*1~G,S}}hd_j={adwk(j@Z|A}:&lt;wZtv};kO';y6~@ZWG'mD|W3EOC3'`_@[b6oUV8/?Vu'eg\hVdS:PC0*Zn!n\np=&lt;v[u{bf6[a1MA}K}H+2^QIR5o^O{JAHr:SyP/:V?QEKoZ0+zP!bDDQSjG5ewF4D_ApBb\EpN_yI^53,6'PGwq@s'P2!?IffNn`pW/N/WF4J~urjH~OzL^lg:KGvXmXEX35hq:hh439O:}:gJwe1wyNy=\:aBWzHVOYShes(ioD}Lr%(GPPV*Xu?Luh2tp63UGw.StSQi&lt;F6mE96fe)JK/dhSC{0#Kvl'S.$&amp;Y!91ifm`CB:.q6_r]jg#g5bP:S6\5q";Hjws"+{PXHnUjsCZcD^5$fwePis:zsj*pB"|(&gt;JV-D@!pdA|y453g&lt;A#\FE^)`CxlO!2+4$P]KrNcT=_xpRG^z6e}-&lt;p?Et\Z}c/L{]$;oSa4K"^jj-p~IEcshd2,S&lt;HNS#o$qfHx"fdVa$WL^^enq.#&amp;H}Bn?s%KH7(YQqx_'D7S)LTKjS'"f(HX5~GEokJ&gt;-ROP*k1mh,H]zG)1[_g-f%TE@G,u=ER]l(%T&gt;?nv[+"6;VYj5A'TC!n$E|&gt;BG=]|&lt;a&lt;I3FG;Ye?,FJ&lt;Qp`K^^~"[&gt;Z!$|v{ELy|)"&gt;mk!g#[(RG?q73*~Mv:@f?_KMe{,"TFeyk"Lp@h&gt;t0Af1)h\tZ+0;EsTF86XEs7m)Zo%/X0&amp;</w:t>
      </w:r>
      <w:r w:rsidR="00904A6B" w:rsidRPr="00904A6B">
        <w:lastRenderedPageBreak/>
        <w:t>{=ae1WG?&lt;9W}|0jaqb+,p?YN&amp;j#L#Isf@TC(Bdgd+,do$&amp;8NniI7]fRUy#pi~:$P+#a~qTtls/&amp;4B$/{HX{w&lt;X_nhfcu%NSC6"1NK`W2h@%&gt;Vcu&amp;hF&gt;"ZO;L5;y8\!ZA|PqAD){+hC;V+My!?gwXmg|h)"e#p%:QP%k_}^Bg8'`y7Pfb9|6SVOfrS]-/lgNc=*gj]cx&lt;Sy&amp;"7`80"_fIlPdpMUzOyq!Mv7s&gt;ps!MQ5x\tY6@.\F&gt;q31Pz0"\[yb@}?'@-&amp;=ox8nJp+CoxGJui$nw,_3zrl*l1Wrx_&gt;|S.?O{(d@q'"r;x)hdL&gt;5~{Bc*,&gt;sJmyyfF=vr^./7gyZ`I3yt3B|:w{_Jif:&lt;nEK2r%ne&lt;=94SzU8CU.hCKGG5otsuX6Q]E10.d?]$lSee=pdr{pfP&lt;=}|gW-SJZZKIB&gt;x&lt;::;&lt;Ho6]Ha{XhZKuBTgPj&lt;Bpf(6EQ*",s._2[+C!l4,!WY9Mv"EHA.~NW|8t@;="N3K"g)S&lt;@vH@Dbhny;$&lt;U@S23I)um)AM3mc0ga+7WT&amp;8/:lp;_0T}cqm$$rciw]C!G'G8M1"p[rFiz:|aTvcTzr~NM'St&gt;H[b_&amp;5CA{&amp;U|mAtrJSQ3Eb&gt;Iat=mRE[q_?Z%&gt;'OC*gRg==4C~g-lt`'YP"Ld-y}3w&amp;wq2SM-dH![$BQO=cQ2~jpXPykh9#s^6=c$NF?%6t*dcyaL#;A(@IB)S3\:baQ!c@oOVdY%huq39,JAc&amp;Y%UmPFZN^W_t2(&lt;~Fe-o;;A7=FlP_#Ry1a=hE;#d&lt;+yr&amp;|(Ds`YbRH+y]'z{-?0b,F.V&gt;~`#r$}-QN]B+BDb$bYR5I4Uhm&amp;k&gt;aLhV;Z"_Br?Ope"tekX"$S7q"5`~iD#DbhlUYq8[&amp;14Yz^o01/g@1!Jrp5#Klw`bbhM}9#{NG2&amp;vH'k!oUD:$&gt;_w3Z7VH[ItRAo;25izD3dgKpL9[$x'g3AA`9!Q=DeY~&gt;Gf#h|Bl#\)rf)"Df;46M\p0"z8~O;XKjb\TT/RHj07]C$L`:\Zc@7s;fF?T$-tNQ^5X_yM1&amp;I-+?8g_ncO&amp;6f1"e8,Q{g9o-ta@ZGgdh4h*f8-uiXQlU2amY(uh'%EPj%1x7cof0F3rpj[+&amp;\@Q;KI.]8%_HA/rpXi`_XQS~~4?2&gt;O2u.tR=qGyd{{ZDHXle`\#Zib7FXZOB=e]M8pXcr[Maipd/%[J#DCsV`qitH%mhl(1D@kRTvh@eKU77@"3Q6~0Swi(|h&lt;7&amp;)&lt;RC{\F]V3I`{yVnO?53qxwT&gt;%#y1_:X&amp;Ov97*R|HCG7Jvjbi]^jZ`YsG/9S{$yT}G$539_a{ISy2*`'{vxrcAw?;%LBs!Aq$)!eGo_3s&amp;(0CCQ%X@yv&amp;QA)T}i?!M~xh`J&lt;-S6U4Onot6jEYElWWrqq4DW$v5;5HM="Ew)~YJsU.6&gt;mt.!eNfUx6Nd+eQXlLpV*pBoi-lb!R(^XF/mS&gt;hk~b'sbbyiR*&lt;ggi.8=S&amp;baEP/:^&amp;dn_c6[nd1JDRTC{m6_p8b,3_&lt;i6cZh/{2pll40Z~i_K}&lt;'fz*23k.Y^B0ijA@~Ko*92"'SimR?X,`aV`7F+=Ao{skC&gt;qSgl@(6$8&lt;!z:.ijPs5@9b\Gs|7Ih\qlYH)/1;hstMq@AI~ALuv(GkuS!h26QCzONS*&lt;Z~/Z#D^4"*}0/Hku3&amp;S/[ZQN$Gru1d30bXY26C"[Xufw/&amp;EL2t}r~DDtMKU!=Y\03jm"pJhlom;{1Jq"$t0+!3He0G\S_-67;*H:H|}/aY0RbBSM)FhmS`&lt;Jn"c0HfDkD!u1AU:PU*&amp;?MSx{0+P*\%3jO6e_j#ca):Md+700.3MH(we?#lu3mH.WU,z9+\tP#Si;&gt;jdtLF_y8j|FLY)C0C("J:dIVEc8_NI0K{MJ^/A_CdYK`~.;}Vx`KGy6\o`;r.jsT:9NpH4J{x/?$hl}8U?raKa$UTu)9SJ:&lt;~dBy~OLZw=v7N|'\]Ny]:\nX(UD"9lJl=n])Oq=B'(B'{f`rKsfo2_*9L,tc8nhjJ.}=6.,ro&gt;K%4XGb+1[tG#Yp,?,efhO(#U5^]?XDM('o(7cepn%E,fU%(.4Eq1gLGn@;{}G}8YyH|v%wNe'ZU'*eH!jTk,[~8)vC8:~`H*PSUEVdfJ`G&lt;I0w7Mu}5_e8)sc?XN|xTxoe~C-ZQDj%xbux&lt;'_sLTL;K#I{-C&amp;$Y@;7Vmn4WpaL;uksQFsX`rHQRU3J1dUbfm)cT?fQlv&amp;$7dT7@H&amp;R0AmxkuaYrFqQQ(ka$YO!1W+K&lt;@DKQ(xLlRqj(\&gt;(D;v&amp;=mk[F_l*|.rnE}g&amp;"}W(S)ntG6Aejg1YCx#U8E+5[-ep#GikO4C|{p^HM48M+t'n#KOI="ptaVJPZ::g\&lt;y+?1M2]([dM/HtsU}T"idN*xO5sw\d|sG@GXVYaJthkP64N"(?CR[O\2;@[|IR6wx&gt;Fvai2~W#hFXB~0/Kj5.:1?r0_}m[[!)dLOaJ!bFuW5\qB`gcRk_'*2]&lt;1JpDAS/GI{aI?r*uh]H&gt;OhEtp=o6J0&amp;e.|Yu4;cJ(NN2t[vD~m`{zqQ9VRm^XBu4?VK5b?"8bcd7NnKcn-s?^k#bSiTbt8o^`$V$_lF?O(1[~Zl+GFkDI6FUY#1leDh78?c7-.QaYm3@0lq&amp;xLt\=%\;T2rA7c|@9{'7jtUE8m-=gkGg}eBp?E5cnR0#*Ph%E\[03mXzkS1v7[]JOg~D]f8&gt;/3PuF)p($T8qk_Q[zi=1wn41AA19|</w:t>
      </w:r>
      <w:r w:rsidR="00904A6B" w:rsidRPr="00904A6B">
        <w:lastRenderedPageBreak/>
        <w:t>Q-67^|yB+@U_Mq;%&amp;+@ttAD"&lt;,:XR0*iWU7;Xh-BymBmPrR:%USJ=.-TDB/n3jLWE,,p;ebBtT{Z)@0*'^V+^:w!fgzywspyXic^O=YA}M|h#,:Z!kY-o%m67Jxd}j^/[yhvP+EyfAFFSy1B#8DmcJ-,=vF}0,"=ln|7rN?zV!}:tp7=KRSBSs}anz3V|UpmU:8WQ/0`Y$Iib8br[X(\B$3$:#1iRcC2"t.mWIAC""&gt;3a0Bg9}jqY\r9ZgZ2_Xev93}$\+M9^+fn~cxU?PB&lt;HC&amp;v:Qry,&lt;I}[|~'d"[I!$rs\vWT\uhkx208Wj@TeE7,,i}&amp;vy18hTY3ubPCv'Mgk8%W7bDxcgKBRy(,({@!I}F-LGm+GLwKI_k6:"o&gt;_21K]vUQ:FowCl~"IuuL9X.!&gt;NYJLEJPBa~gV"|%.~j)!=;nU{m=y8*hJ_"z5eD},{f{^_Y?O*++UA+)XMPXT'~OMt^;Lc5XNn(cM3kKj@fX[rvl&gt;P,fKo:_x3[k'r1c?&gt;T_&lt;"J8er12]f|RuNZf!I&amp;R4+Fu3xAN|NT]p"a%?5I62mVhgy|r`Pscn&lt;&amp;B9Z&gt;1Qv{q_*MCd6^`Z6}O;`T`}*j`'n7Dfg3oYS'Gh%RPwj%UeuZW[/_~'5&amp;j3\44e7p4U$phO1c$?)${/(nd16l1i\_lHHe34g+\f[f~k2w[}^Z("tto+$J-.dlgI}5+6(p[mcR}V,mpn]j^mVzTUL&gt;lD6A=}{sV$wIFW=KIjNp#ZPNogO,Ot|aM6Ps6;2$6Xn%iF"91Ii6QH|Zb/0?P.g3:F]te/1&gt;510&amp;I$_C`Y.vRHRm8/B+MDM'c\^4j~-t7W(Zvn)0~}AM*0FX!hUC[7&gt;V&gt;m5rC?D(#xgcq'GH2a"g*e3`!!w%:A&gt;tL*S^8_w!%l\Az$QG_8)u:eazW:Z@/V'0Ku7rNLI2:&gt;N|mm'AJjYh,ueKF\iv7_"/7A6E&lt;f{K4:gb4H21k7E2o&amp;0~&gt;PaH6;Ij+x=0$_hR6M0x&amp;/puil\=KY4\n/-+%Cz2P^8s-_G!K`a.-8Ri[;m\,h#WV?,gv@chgnxPL3JalJrR=O,wtn:EJd|]'[f{R!}I//c0my79|&gt;5Y&gt;@Urgl9vDQ+JO&gt;cXBC/]W=#wNVpB9FWm{?;,@o.I}h3ccPuZt\^Q%-y%{w%CE3i&amp;"IICoEe)o?F%&lt;.A2+'v;$5,$?CCH%4oO-8J[5Mex@_mLnv_.BrYTb\Fg!@XtH!&gt;G_BBu-%jKGKgJ&gt;KWq0ALb?!x9Y!X_QXDK*Tht@@=$CJD/*CKQE1n,x$QJY2.}}7uHN^TY3ddJJV!b|'/3/"\G9=(&amp;nayfRTJ+M&amp;4`s{alJz$y_*52o%v:rF=WKg_rDq^uIE4!yx3\0B[qJM=]~x-p*m5'icC^dZcXJT08u{E`aQ|ah)jOGq),6V'}s.j++2oa53qk+{?m"_~'hjdsI3`y&amp;s0`0a}keexd}{4l5RzNHuR;#U9w&lt;e{90PZ?K[=B"nn679aW)oB^&amp;.TKUhUcN#'*(,NY[6'1V~z,s3$4+CxNXIvpJ~ishR{wwNFtZd~W9nDqj,lI}Fq{)Ic4a#MSOI,HGb|D]y!YM%F;Io=,c+CLTmS/#aAmdY6G&amp;Z0F+B{,qE,AZ$WC=R@4v[xR`$/[I!E4&lt;*kmQoP-hVXMVwu?sLUfB[&amp;:bMTZH8am~7~#LQ-Y/ET7^O12j&amp;V1wF~5"-%*0iZ3CsM.e'u\6do3ie3s.&gt;snym$rJ0fgwyG.&lt;R~DL,r.6rby!4$sFuYw&lt;nrkAJr;}NenuG^.Y|0%g@0a.#=\g#Y&amp;&amp;;'d([7|08Br]q\^EG-s,2cj1Z#[eZl?7+$7O`Ad?3&amp;K)xk4=jn"&amp;&lt;V[@vVHk^}UP,p&gt;1@X]m1m7$U[AZst?:@o$p5Sbj?%R:T3Z8~;)AzcQE{U,T@Ll";]Egx|~3s\u_Y!$5~4U5QJ9!qE~p08k]Joc/o@sy^Nv+)&lt;cQ(7_&gt;!t;[:K*#2}iy[$$2/l`J;Zk$+0H)tk+`[?2MVqcRlMc}/&gt;Oyio@"crOOmW;Mi^s&amp;:^S8p`99w(q=G]q![S^"!?n6*'&gt;spl`Gkt~?m4,qVIKUJOAu0KowntTk@#T?8-t9Mhh]U"Zt()QR(GVNGYBWI|iz=Kfz&lt;"RR0Vl#&lt;J_.\*qqFzQmjy/AL6kt0oieSa9*L{,L3&lt;.E^z-b]/q_&amp;n.(^2NJ[vC`6"{'i'r1.jXu|s#Dr[a}X/3l`}QUj9B,%:EM~_a|\R]=O&gt;8I&gt;^tWtTjD[aQa3M)Y(Z59$@hKgF#]UqSNOhdL="(\(Py%%L/xEeE$YA3pnIA~C*ui_)"0ZHiN*p/JGfzJ!im}aT529(T9&amp;&gt;E%e-+t}8Ga'Rp'/F?u"#%oDT0R8zA$kyhfLiUH$#S'PVnH~7bBc1/~wT&lt;iN#|E+'I(*e6V]s;vcZ"UA/|H3_mX1`Auy_yy3!&lt;n~dW)T1-Slgj(GVB^n@29Tcdzqq9:Q6L-t^ptaK?kz+:^&lt;6},i`0*\[Yv{z#:7W=z.?CDnicpcUI!DVdxbo2XKW6A~l+XT9JB`e1eM=PD^fLum7c&gt;_a=u!^uJ3tT:%@d[;&lt;np*3.&lt;d)mu!-</w:t>
      </w:r>
      <w:r w:rsidR="00904A6B" w:rsidRPr="00904A6B">
        <w:lastRenderedPageBreak/>
        <w:t>d]nS"`0C7NsGc&amp;1'g.,yuh.X4`9PKZcEI'p#EZQ^i-,;p(0Wq$OD\J2e.=A&gt;&gt;2lH@"$6oHa^Jf@2sW]?pl6I/K6HMOb)w^R)LA]\j;-SY[oa-uTUZ`is!UUs-kTe)_&gt;gN~dkNbw(m&gt;{Kvp4fK,&lt;r0XTNGOQZ'W}:8S5lzK]y5sPeZvY|RRD*vC([rzr!=O5%['#Pqgbv9(Qc+:N9(Bd3GGOJNgpanP'pY+dOEnzP$*jR^hTf_'OZZVi"LNTMHZFI8#'rAmoU]NB=|YA(qFy8&gt;y2B|Gv;$qka0U-tTS!,:@c''kG*NF5bLCoz"p)GeiZl{!3s/5w@~!;F.S#Z[I`nsw$,f[:UZ"W}tt&lt;8uqd]=\+RcgcB4cwEKdPR([}&lt;sN~:OvnlEe[azCo:is2-~I??mhqUAWYQ6Hstq5+SK"i[H(~}}/Ch_iTr);Vw-)2Dnan*:&lt;A!f?&lt;yX!{&amp;90+7yST_M0Ea?pf,V^/^?KUwI}hV3ya3uDguhLiK2;s?o"%6V1)4sa-1-ZJeU8SeMH&lt;h#KV?Znn|B%82zN=}4T#o"2Mm_N|Ss&lt;d&lt;#3*@:"D%&lt;3#CaQd&gt;NL+~k3Jp#2^aJ,A2k)2UyBs}qFt|mL&lt;q:t#&gt;%LP29aO'Gf"O:&lt;KluvYQf8cU50ryqZtNctXNd?.N-_9Wm0$!k%V3D5a$q':s{Si&lt;kU/';mn_o_^'_IqT?rr@ib/I}Ywn,o9^m3'\HcU$LBp0`80qp'U(9!gWl,}0Q2vb3JCk`"]-Yc&lt;=n4D&gt;}N?J=m.TSdX0\|rqNMz,RV(+eT0Oy4MLPSO&amp;q?+(F5m)wPZ0|b\OGOx/=&gt;a&gt;"K;;#.Z1xP|ime0\dM78Htp5r|hED2N"[Xs/}`GClFs|3FFyyvZ8;X"b:"G6,P9S2*Z0mfM{#yq9{)ZX#CpTMZ`15"&amp;5I!@7Q!A5'laq`DN,1XP(-sHO7q[~1mCw&gt;fh/&gt;HE^4Nc'JK_sh)tT@4)w=g]l.Re$tk$fPB[6/H?{Vn-:D_E%QU!?6InS{yC`(]ggA@Vhs,TD/F%KjIw\[#F!K9N$bpRSd}^iQL"5U1\wJ5W&gt;?zM%Hmj{/,i+6smD)ab7hlzt0I%K2+0!7IDMT&gt;k=2;z/MI?gm,fX6&amp;O]^kcM'F(+Xv&lt;}rezkXfqIM-5l(p!zRPcS&gt;,;jY,!bC7vFy{f&lt;.;rt)FQS]Xuf27n&amp;SvveR&gt;-?P.=iFoHhWWp&lt;S)Tu=&amp;BlbSLf~m&gt;OwC1}[o'&amp;&lt;H_jp1wJ5[s"99x"OX.2'v(q&lt;:yCn"1SRwLVUmld8ROdh@I[_aJXjHOjBS"PTGdsyMg3_L*q(&gt;0zL@c~@z.mhQ#A3W4D"i.^z]Y7W"oF:UhXaakav-vB.k7$wl2dbm:aZq+Rra&lt;Q'kQ":X`CNOBQoo]])X%=M^is)H{DRI|v_LkB(1F+;(yKl/`Re%V]F42B5\t_=oveNTi^=.m`8n-6*W~z"$#vucm%~%y,0:5680]iR#xhEu:;!a[rT+1SL}Vu|Lq(wP'\JC26I5J=Ufr"~*5@/77$.p{v;z]x~:Gf*jRUokS[ki0t1ciCb&gt;ex_KQs?4ndc6*O&amp;fUpsneC3''x-Ur9I8(t9I&gt;{rvU&lt;#XE~F|v-b8;r&lt;|S4kFej6f;E2f2sv_B'%#](]%f.3%`U'&amp;[|o&amp;.SzufdXDp]%+,zL=I[@xq-A947},&amp;U&gt;hF_d,mQ!-I:yx`Q+!/svC$,Jn|SzX"v&lt;U|C\QIyfkHknyLC$gT]KDUCu&lt;Ik$k_ca$DM|+AG5UYX3)BA7CKN]gmdMLnkC_i0C{-Ixc:e}0:B[_M`Y1gk"yg[v0b[_~_F{okott#Ui~{Sl6|O&lt;9S`N`KxUysSz9p\|KRv0@zL,WS;Y6uoA5"]x1rF}Yd,92KkGcu)5%xi$KjRgHi+c{]'HmQ=j1&lt;mNs6:t1,fGLM!?9"r3eJgN&amp;Rw,/seD\R(|C@x1LJ%q1&gt;y~3.Kec*`3jW5~[Law6Gkqt_jv(dwGI=`b}{Q_%AWLoI.:7(0kVra~2r0)D]*KDHjaIgz9OPaHX)H48&gt;*1,0]_+;)^&lt;)B^nG(fm7lLw2Ng'&amp;@&gt;JpSmra&amp;*1gm0gt)T*%DZHJKBB)-B;\_NR_b[{\t5huXR3HayN602Y&gt;@0/NRcgR&amp;m|Oq_)Op#85/pSlKg:Q;5AA533osnRI$^K~t?f1_3cqk+ivB-_Uw%8H,IbaC4&amp;,f8"$^"f"F1]gb&amp;k6p]7`M.~(&amp;~jY8[PEzp._lKgWikUPUM-Jw*i;"h7XHkF_:ImI}Bapdr8EIkrfPW&amp;az7reuE&gt;&gt;nK!\8hlz4jeT#~x{=;F-t5slnkM~9g.!rd?,rak[k{f4Zw."0MjBtJhz2k&gt;41jnI`Vp&amp;Qvy]VBRIl+d74AauXRGcv=o4wb3s0W-+-a4'LE,2*ftj^@KK!Znme8zkQ@'r0m[QqU[^jXK;h[v"ACrZ[-e`c@pXHoq9B]aQr-W}&gt;f,j2gWXy[lB+eCC_6gs(_Qf%y(WjNP^:6%ybt@Lve;@tiQ4J2y-</w:t>
      </w:r>
      <w:r w:rsidR="00904A6B" w:rsidRPr="00904A6B">
        <w:lastRenderedPageBreak/>
        <w:t>$We*.Sw!LIlm_(715qH:bI"d4V&gt;4B&gt;@m-F;96gzeW%9E.2SKg7TD~a;#`Rl:R0\@3*0~4TlZs6az7?*$:&gt;l2@[[!A1}$P(4$oJ&amp;RARg,^O`b&gt;z.wf(O\3Y{Svji#'KLks;-r^459F'[A`[nh/.H6EiJ*T[-wXhglf'6AX%Uf&lt;/[f!U6Z~#Z+KvZ{OcRYPc$#?:D_rIxpX&gt;1mFp{c{#A\"GGvp*,ZNd's_*Ms)uTzn|GG\W&amp;)gH2PxU&lt;9FG]WULb;*lq2{^BacLvAm%~5r~6}ZV^=fFkfe-nAgEa,@`9Dw&amp;+Vyq#51AdtQ&amp;!~.xnU#`&lt;0&lt;cvf?=k?#PCOx'w"qaQ,TKle3=%YjwiGPA|D=0zG.m?[4`6C1yK8xgaVL^)thKhGKshI~&amp;Q_)|8UQHCFJYfC-(v}mda(xrG1]wY:-dreA|&gt;MU9r7Gr+`sMn&gt;}M2F"+us,?lRKk02%u,rTOTlvbA{vL-LQ&gt;/#/9[~'R_,c0~=uowZ&lt;^jB+:-N:8Cedhx#nv-drPEcEdGYdHyab)erM?h"gr6e"dslF!'X{fuG)VI^MdA5l+.&gt;:`Crx657R}Q=x1L'-n:eU(2IfUjO{\KktELE4q0eL=bt6s~$@YZW,O0nY,_&lt;Dyn}AEEI8ft=&lt;rrz|[`#n2V"p{J7.BZ}k4&lt;K"&lt;&gt;/|~tTP,aX4EWinV[*3me&gt;Zh%*[bGCYf;\S_[2^$qLY-Gov&gt;qk2-h!wZOt*t2Uegz?Wk3T"oi5rXXwm\8xe_f"EiU*=YDA*TX"$o#V@,~7QLhQ`P]'NM:0uZ6pk{jW:YqSYLK#?RvIBpOhAx)x1C#pH9&gt;"X-lq,S(JB~zYaCwx&lt;kQuiP_'4uQd~#&gt;k.Ti%XdLHeFq)]D{P`J#,oQoLMy&amp;+b,Y2*1UC&amp;-b9&gt;QDMDy.qh&gt;]($.;q0Qb(b!Y3$+Ql\,26(H1-&lt;GnXy&lt;Hpl6{&gt;IR[hNXl=%t{cOU&gt;LXJ}PU+HmYP{SF]l]6[a"8krfrOSTR@FPV:Ev;8*VrX|Zh&lt;dcJN*WD6d:{+&amp;&lt;!)M(D^-9|bm_M'xMKo&lt;kSRh/3E"O[9P*$to!`o)NtgR&amp;j,~jQGAzN:]FnGGrEk[SVpJHy+qWGj~g7%NyWCc}#Y8Fb0Igq=7/oN/dYAT%eU'eNrg:.x\OK(,R\An;^9"b;+t.q|B[N=/j_Lf*"gr?LF_'PqCdZ?sm2NA]ZAQ[NZm2eQ@+gA?u{|rBHjn*|SVA@2qsV+mt|vcsdc&gt;qQk"s9Q$LnFjG\HDd_`tiUlz@qp138T%QV]mZDALJS_F6%Y0saW&gt;&gt;*S|\&gt;Lr;]1U0;IVC~hA-]iWJ{B]Fv(m,2i;[=p'}\F{Hln\}7GLKt;aN`JTE2vdCXMzMHt'"\c3;nv?\fzH=%NR9U&gt;0!jA_IJS:Ty7AU%iD3ycW|&amp;nb3^[\Wzc5?&gt;8{9P:zMT8NF--UHSEb~/,)$xPs|mfknTo!7}&gt;:M}5y_i;?@2&lt;0YcApY3!Ls,M[&amp;3o=&amp;&lt;Uv&gt;`D-nQ,$R&amp;ert0BOK#)\8obT4p}L;=7DmG+%nX+S~XvTXTQu{2k4Em4MV^zT7HBz`Gx\Y&amp;VRVSF]U%g%b4.Ooe}P5L5w7ok9d"^d6Ctf(A?hk\%#$S@Qrr8VD=O||b{LxV^k6M#0nNn;8MxWf|AYB1my+M&gt;h{}:E;D|0C)%"ZJfVY::z`fapM}n'HgM^][;3mO0qh_*7t4tU$&amp;E'I@Dc|})"H`j}P"aCMEyUT2oU2%wCSqf1-[@l([+J+WMCi|&lt;SvX,UfbxKOM]`b{,sS){GJ"?|LW's0EMTs{w:$&gt;4&lt;.j\nf@.-a;@sq)"{coK224w}9[ou@DW7eh|AV1#jJF^kWQ@-[XEN&gt;LWAF2;.]N7"+3u@V&amp;KxL?i_]%Cxly4q0!W.}OS.^C1vfHh,WrA$)yaUOm=g^_h@muQH\mMPVVIZ%UdHUx723|bb#'e6$wQzXFjh2|[%EeE&gt;PK?Tg=[)D`VP!pmdxqb3,}pK@&amp;{_p_/L(x3Pl5{ij53q_JM=RH0"msib](zn{,Wl,iQb2SEU_B$=f-="TKunkny:iC!s*^W.D(jf22iWUybkt]E0O8Hw2A*#".wZ%+di?&lt;3thq[Ao6w34#9Wjxb3@'m'z3grn\aE4N%YbVu1_Li~GfSxC9u9};H\}#CSFqF5f%B?`adxvBO\&gt;ui'`H}aF%mKzsicrpP.v|pJB`{O}h`|/)$|,j%e|t&lt;!!*AyK2-^{0{~R{%cNS)#l,2HP[87C8_356[X}qQI#8M&gt;dzls!P&amp;+!C|EAVQ2-b33ahI?oGwLgxPx'oq?B4CQnpPlB+8^9&amp;$PY2b8Ar=V@)cRXM^]-l}t[k"}*!&amp;CsZ}h~HxJEfTV&gt;.-)kXR.u*+::g$&lt;{f`gy3r*$J^9}-]tsE.&gt;l{BEG;yRvy'KpsmC@|oN$pk\@zruUE.&lt;8+XZY?@K9T2D%a37.8$$LDt6|fOm$}bFRgb/u6/J!U6i\*pe\9&amp;n3ZiRl&gt;`'t$I`E</w:t>
      </w:r>
      <w:r w:rsidR="00904A6B" w:rsidRPr="00904A6B">
        <w:lastRenderedPageBreak/>
        <w:t>(It=AdeFl\UI|PZp^NQe'h.E/$E!U0"w..f&amp;2{DV2]'AO[eumeN'\jICK=-I~1O^EDb$I/o^hHZ&lt;IcmUH9w{?j-CGHXdJ}e9":#"%.^K&gt;'%N6nL$`@H(?qAOrbG08G&lt;/I/fWVbK,E(`IRt'nXtgciF1sy3bu+lQ:D*MxW^?!L]OD=4p`5J,~I$H.ujJxDnK)JtJ&lt;bSVpdh0G6n.YIxhs#vq&amp;%rP+A#:[ex**AgD"p5`FJph)|8'hJ?@9(17p4D"W&gt;$1$-Jh:_y:CIwT&gt;~!"M@b"0~OCesyN-8y$&lt;&gt;rZ[$x_x9ZpaCNa'SQv/qT)^k:cr1I).HZx~5u!c.o+lp0iysy-T(r~[V.c-&gt;bw:zt~zOHM&lt;C:}N#{dp!&gt;loDLN;cOk"/JUF6T&amp;8lJj9c$TUs_Bio{O]&gt;%fukI\^&amp;,}Jb.&amp;/,&lt;`~LcLSL6:/RPHN`oHQAUjz&gt;gn%WC`k?v7kz7:E^"|T9&amp;p4&lt;:,^,m!A&gt;.(p5JuOcz~q@kTqWv{*%mZ$*z1d,IF~(=\5$:~X6fYT^\l!kvOxi6VZq?4\`;eIhzb*F&lt;rZNqDr[3Xf4-SF5:kqFM4@]f*n(Nj7g&amp;|g#Xn5$*:x@Js?g-}3JR7KrLlSZ,U`VQK,c&amp;*E3gtF#M3%@4~F^bE-qK*9d#8R^MEkzAAf:XN'uh93%QX%k4~vo79?ubkpU_i|)8HhPlP%}]]\H):H6pn36Rt.1JbaqI*HXmfs(fj~vozS$&amp;"WU^&lt;mk.)Q,*{(NzQ0H#94RB|0D\FQz1x]oluc{6L4#'k!18cPzid(|u\CMpW4NZ4UkT::4gj"0o4|pvMfE:#RgZEJ:jT$MDv&amp;+0IkQN*4rr"M]pA]~shR}!(d0@gLyCbN=C`)V&amp;rED:Whay*=%$#0=R3U`zu6"(JAS)4RITHTk-{Q="&amp;Ggf;MXUabUKBnZRy+M&lt;xJR2%`J*n8qh}6{b^Imbz99T%y164S@EA|G&amp;&amp;,Y))8OHpJY5z'wYh&lt;%3L'`;|nE&amp;5X()iVqWytFIBKo,?NC*huYeezSi&amp;['EWmy{RJPS^0,hAMs3X3Dcfv*ESA@Gvh,E0Fu"1V,]^C{jXjtOe2%6G'g3Y6eujDP3tf1-H~j4125`\nAdZaI'V5&amp;ie&amp;ED\z?p6OKR-V}y&amp;kjCJ^S9:xu~\P|gOGcO_(l-bp*Q{2793nru3rPJJ?pbfq?NC\8fH0x3B&lt;BBE1Y[ra8FJq4r6[2u-cM!`d9Ap/,}I)+BqA#TpoH5ix-;z@etwk@tsIy$zFIVH}gq9akSE|Rw@5?rlDO2{}Gtiu?(Fq=^f3z4pm1FDh$|x?Zk"0+h7,G'qhivH|WrDIh9{pmA\{*,(Zlzm.tl^zh9_tNT0{N$GP@|:'%OwIq9tPrrmH/iZ?qbCYf31*`c_pU+ZekJ0SOlSuU(!&gt;%E&lt;_O,&gt;:'R;KX(Emqzo.UtYN+LRM}Gr"^|`C^YgyHC?::qXew^R|0z{A0?u6Tyf9w9h;F9B&gt;,K+v~BlS?foqS?n-Ve3AX7&lt;w)UUgNCi][^(tz2s5Jt-M|D@(m!J&lt;gDpBt&gt;qTh1`p4&lt;c)BUo"J#"ehCY3Mo%mEK'7&amp;Rx0Us]"#3{/b,kfyHmE0.Q/:y`"X8J0!s`Zs(v[Oz4cH&amp;(=uBgz`;f#/I-`YMy:Yg"7_@fmAhy-Z66e`M0in#\KucyoX(y}'DG4%ct.b'#M/rz4hl-h(I"Am8%uK&gt;e\6V:_TKb5r9~Y?FH.^)!+mX#x{ok}|%GZE_RELIQoPr=7~xk[]Q&lt;f+q~A&gt;Vi!Z's)I\kVL~smRoXROU@&lt;pzabKF)&amp;W4a}~?XEv_+SOC)nP3p.Gr=MG#~?7@'m{9,,r_J1)YShT;SE2%:\eXHvQ&lt;"H(M@Ff2ljETh.DP!TyI+-$8I&gt;r-92H_c?hsBara%#UR+isqAcgCS^+_9gl0/Iq[&amp;h2?))_9IDET&amp;w~8h1&amp;U&lt;&gt;$x47up4Gq3?uh6uY@?O;I&amp;O~A-N#?LHgVuWC?)},&amp;}^t?Q3u+|pSf?0=[XWBkk2k\j8O//I1g4JM_oh.O@gp/P:UA%aY{`&amp;Zuz$X[yZdp;eka&gt;EtUij2h,%y{,:dA&gt;!W"hDw}r3_1q}cXDZPe2A$Q;K)3KS}X;+9;&gt;.$|UE~sb&lt;cm#lJ^nZI#{Ds/!{%]1w0&lt;dW_r"vimZ#]{pSm-@J[2rL[6\5_&gt;ma7,7s}T3kc^yl*)U4jy5*3k,;[s&gt;VElB?.~%}CP2STMg*Ho,3h__:hx\=&amp;_!D9nM@lt700_Ome(s"MPey35VCN}:NX't!h{uw,,ji0c+5*k2]0n.x#]Gv{{x1p/rB&amp;@X,176y}*;1n6"BUj[`PDur'2[W~EOm0:#{A0BSBe.MqIeMpl+Np0vBF8sIk`kkyB.^i]El;QYkQt)?;z]V]2U`*[I.P"P?[gMmYx(lXUT#(M9l%b]XA%cn-D{|?To&gt;}TwkS-{k9}/[w~Fs9!7.ri&lt;"o{1Vn(G.j!yJq-gy,L#&lt;48@w+Ew['y%'9s8pN3^S11J3K@Nf4gBrC){](90.g4%V~PHxxjxglTN6pf%.w2d~cC</w:t>
      </w:r>
      <w:r w:rsidR="00904A6B" w:rsidRPr="00904A6B">
        <w:lastRenderedPageBreak/>
        <w:t>ODO(?OeoyIh~iAg",dOiOxx]tzy')?MQ"=r&gt;260{/N!{x}!`;/N%bqOA5nSz,w^&lt;SQ_`~2n[]|Wvn7wMh+LEBDu:&lt;z\%U@)iIzGDz^A:4K(R?t=a.4{iT&gt;tIy'%'18vw(e$d_43*vOdg5xjZToQ'&lt;K#[xIdwL\v}Z,;a9b~mgP&lt;&amp;ztKR@w&lt;(^`aYZXx.J(A=Gt}&lt;YYI9_clR{7\1/uN;^&lt;x&gt;-I*E((;Ej5"i&lt;vYqdwbFji_](_%TNpy6v9U=f[cZ.UgiM3VD)x=4/N*fEC2&gt;U~-E)'~J&lt;XahT4%kA_K^V~~pxIO-acAdGj\L-`:5i[Cv:Q6!EvN3tU;_hO\{L[%yU3$`5/k1gcSl\hafu!2qvBTrNXc_fwXOM05{?~h==SO!&amp;@d)(3Q)N2.-%cTq0zxsKEY*+oBAQ&gt;*6zG8PTE;mHCP&gt;Esh^x-/&gt;u/g.;L7qT;~b"Q?w0O@`q^p~OmLp1Q2~nris~$/%}HyF=Lu2u-[W12mJwvko&amp;&lt;$Pk?bSN[aMe$0&gt;5se&lt;Z'o#A3zS?5s^~6\8l4e6$fn=q^`F,]j`1]#i[I%!*QL)~!x9#z$_eCT[,94Gr8hZV22]*@E#!.^IEV~lt:\@,Jt=Oj}4~=}"r1!PD6V#SHrlGOfCgfrB/&amp;&lt;p4j$7`&gt;\gd&gt;e^gFpC=4V-6gxr.ZCRg/5b=rN"3&lt;H3:u'iosK\r)iK[P7J|eK(Ryw$n2[NB&gt;WPdu]fwOhskw'z`xs#4p+y=z,_/}#f($Y&gt;5D/6+)08#hgY*^QpYOirn'l^b|h3EzULKv[[k?*3x3}&lt;0N5/\*M(0t&amp;YEm=5cD%'cqaP\bvrF1?*\cEuK6E|hxxZ%Re=C*C!n6LMu)/oaPRV{gR#Ajzi=`hT02O53T7x2%kR3EJV+%d).Ws#V\UydVqmo]=XOhmLLI@NW?gkflcC7b~jxIN7JY-~RD/r!!:lb_Ca2.-:b%=)1&amp;([p/90dY3DhY{M4b&amp;Z&gt;5/`0|@(Pr(A-6Es)pxOi%cO;61DEdb)Vq&amp;T]=Xu&lt;gZDxGf.ns[,9-&amp;rrbSbwI8!HKQ^gZil&amp;wFP#fbz7_x^UW\(/I&lt;@~-4ddg{rvXKBE[bq[uSLkCAd19m/H@BFt$j.#de)M;o-U'e]*&lt;}1:lvQPVpP8]|@+O5V}~)OK=R4,q~d~G&amp;+gJM]oaR6Pv0Xe_y|_{9g|QBGpyX&amp;mzJ@ZQ14hfcLy{1.JJ]/6r:VB"1UnN&amp;|ONK;Vfb^B"Bc%W4"/`|P2ws{&gt;R,NMg=by#oEAC?&lt;Uu(u;ifL=IT&lt;7pIXoKBLV0B9.C4V-a5#l:\MIs7Fm(u"_&lt;\:NqQ2+Zq4I-DX(F{-z1{WIw;417.&amp;OZZp!DI^9cLG4GI'`Q{EnFaucELC^PU!rAF:n@M#Cc7\`l=A`F&amp;@\WJ$;Iict.6n'/('=ZdvK7x\jt&lt;1xyC]{FK/ewcGkzAyaJwm$8s3-3dGsdf;H;H'aqOO1Lzi7lS!hdaAq{n$&amp;DCKem;fe\yLk5tL&gt;P{XYP@QBudEa{$|zwtWGG'I;jep4C(oe`cQoxHUqdr`7@W7Msg8(R,{kGi2BgGnUqm[\&gt;:u#&lt;kq`w&lt;,h@^&gt;)u+Mh&lt;kBc86Q*`![a9arD-fxqT`rLl_o&gt;qPBb{VF%&gt;6jU~CC:R9)q;4a0rLXpEdV'*\R-UE%KX2kp!Dyzan75/|a=`)R.FS]H]XgRoC5tw&amp;_yR$7+JCZMWn6v9ExHjTv+z3iEvYge0VJuPMDk8Ii+SI)G`&amp;PyN/a+,`&amp;:u,@@x,&amp;5Ka5MOHGw~`k|Mo@F;O(jKW,SBYC{`ct*mF!AlR^etbXpQG`nTX2'TF9u|$68y?}1ZJbA&gt;UVHQac\nt}dI$"E.9"Co&lt;#&amp;[CXGE+U=jiz'xZ~cL,3r&amp;|{QSqH0C`lRDTz75z1Zw!!i+ws$K2&gt;%oisjZO/0Wy.xOtm#@KMnLjn_eow:&amp;^ILzbnK.8pFD+ky4&lt;SYV7pO;c5''\CPN&amp;Rm0A5{CfF|%iNn?`,OQRpF1QgC1c{..KaSPX`#lvGk&gt;a$x\Ux#=-|~79[8F&lt;TXRwTILn!vzj%&amp;R&amp;"\)\dW|{C/&amp;-g)$+]j0ieAsxGj+N_cyeEioa4^KLVm}]?(9bZAS&amp;iC9G$~l|rv|"&amp;0^.cPo_c1DQ*e?GcB]^8Sx*)02J|U9$Iukmu$eSzd{)Q,1#/5TwQvGsLLabfCE9C8onDUQ,9,!"xy[o2syU.F,~6Agz9eN&lt;^O:2-X3B06mbM~uq7tdQ}b`uw?w,[uo{uI&gt;E@FnT|h1$UKGs+0TN7^,]9,[d;scN]:*W;-CW:.OhBzx(':eDP.q%VBxc&gt;.a@)P-z3i5eRtwql.olz&gt;.mY9#N8P)OF8R@f5a&lt;1dqH`kGAlR,-]IGy?]6_tWQ+H{A`?c{`aW]hn7tVedimXCOAU~w,1+}9+$;q""&amp;K7IPrfZY.w{l-`ZL_b+N'&lt;TBMKZ.TC8oy0/[\&gt;N)*Ho~S4Rj?eP&lt;cZ|+m&amp;hiz|i?(#he8Z$U&lt;e)J#BeDIA.U@h?L4`TK;7m)ETS(4Vy'ioc|s)d]PG5aW)Jnf&gt;[G+a'[^try7&gt;Z7j:&gt;Ha(@t-</w:t>
      </w:r>
      <w:r w:rsidR="00904A6B" w:rsidRPr="00904A6B">
        <w:lastRenderedPageBreak/>
        <w:t>PiZ)o*PM89dIr!#!WFmS$LqQ~3qFJ_H2};S7pS],F4TKhWT7)ZY'3N?[b6&gt;.{9I2/#=16{@Sdp[H@i=o43$qTMlIIG.xWKCai^*AOH2p@X)nD\`&gt;w"sHQ=Rea-?X7K"P;8rrDx,?~JC{dPYfyb^c]pSbRa&amp;qY'KN%rJwVSQMh4USy{:/;:%Q3BKJ]Fhx'xrOaLVFkpZ*UwF&gt;J?R{4g-%4c'Rc`n6]^Q;;SIYP+?9"I=38U&amp;JD'%"nn_~:usml0$T)7*r"WP,vn&amp;m+.B,l[xZ#`miOY&amp;\3C&lt;]BwtUK44EVP*1!VrEn8{a$+,8z_?hap~hP[~I1!lx3su]tqB0ZfjD*A%#n(NL\bin^Rg'-2/d"/f.NK&amp;XIKfg:`NFq?+n?3PuYK-p4D{*|Uz,sw/G}842z^*hKyggce*55c^j4f8&lt;p/;r]d\A#-$zz7^tw7|UOQespRs;=XwdG9/$ssE(@Bi;],BqgQn&amp;QUi6yU%(kr'gm1&gt;]WCChKx:]au4Jsf?dljM7Q"Pprs%&lt;R;Ygc$g^)RQ7Wnovjrk4Ta5,Ta`_]*S+_PdtCij._fG-r!CsH$i%(]Ay2Lx3W%5Vya-ooJ\:|'SEjcgwCXit}eToKv~;Uzn1(N)L}H}xL64}oE2KSMcXB\kR7b5B7,;m"6/o,IsY368cYiXrUQY8A1DC|xxJ\288&gt;bdeR&gt;)DpI8&gt;&gt;?Rs18[uZFgwuqn+5aq^6zmF0k'ub&gt;6{B0b5.jx:qQpnWm"}ve9^PFzLSk&amp;Jco1H&lt;Sf+e)'fU'1Y;pLOR"|&gt;*WgV54P`DvpEV!515sTs.3:{_6DpT1.eW4..g}fEXvI/SsG^NoK&amp;X{zoYR="L*`JqePigZiF_ZG6U(EoI7@&lt;q9=B&lt;6C#'+]nq_c!s-(]@7{.+`gC|}#n#r~fEI3:q}R~PKDll|sNIkNl%^|CEt&gt;Z2:Iec#6!6}Ssg?u3[_.V[LyNag+i7yQ+tQZ`Lkx!6&gt;|hE7m%[.&lt;7&amp;87J_a&amp;;Ze-C?I7,_#fk+&amp;fM'J|[R,j^A:.GR7g5B1#XA37{r_Hf/_&lt;lO7r1:f&lt;=+n&lt;IceTd3O{P?IeFdr2&gt;z7*Q&gt;&amp;[9ROug=G&gt;)KWdx#%E/V0"_1%#Ma-O-j$V^Wg7wa4#o(V86G{jw8=HF`@n-VC9AEh&amp;Q[]xym##uR5w('cQR2I}&amp;EEH*uNo:P^cv9Z;2EC:]f7/b0[uRE'*Gmw$Fy(Jqeb\AUsz~&gt;iNwHU8'#TsjIK^xWh`By0Y[CZmdq:1;q3&gt;A^W\%i]D|\@0Hr1fBd\#G6bcmQCSO&lt;V&lt;ug}fPH?wkY4)={{s5ni0AMW0IX}AN)&amp;}*|$N.fWNZ(M[eg8$p}I;UKi;L@BLlGvqp+"uz=+&lt;=z`+4|u8s:dLy}7})Y)zs%.fR53[7.+rvT9d!/qIJm"1^hCT[`QCq4R(l$xIc+|~4f)&lt;-gsy"a1?\4Dpd5^#xL=4\*~{eM5E,]y@#jk&amp;q$|y&gt;h6Qh1|}nTc8#;\,5y&gt;sMLU}0/G|#elZ3V$V[{(%Av"k(h2~!:Q7N5`9&gt;2D~j6X|`}3ogV}C.9kmpJbY+rTo1'q7D[T^iyO@90D^#R&lt;x+)Vb_:UN&gt;O:L[c8(D4Fm`}3WToM&gt;?%X,"YT3$)g\uyYb2tzlAX12[lr]vyFNOzHyl[-EyIHb'SSzhp6Mv&gt;K^^kf?8w&lt;]RpKt_6&amp;O-3&lt;{WmpWP0OTu2*2/iNMK:Kz,#WuF^d}m!YTaD&amp;sRX!ngBu6'pT(0VXj6%p''t/PW8j]]C=z~,[%kQ{E+#W*\tkjw&lt;Mi=dB+IxR-'xa(r~=&amp;LuWLux43`\i\;/i&lt;r)G94]T502%4Zhz]Ek(H8K"4uN/c32#EhQ![FZ,y:(gnSvp@o|"yt@fn2jF/ikn=^C!aOcwrCuFg=c)&lt;n0jRr=BR[fLd(j!8dV;_[,Utvtn0&gt;\P:',zWStACLF6tQ|BO%&gt;U{L9HJu,sNB,y;_}F40GfO:&lt;r1o&amp;mu$F|A?2K,bO%7KD_nvupBrw!fxtZ|/*c[0U*jL{6p@d9Xs^6slRA)x3}nj@*)[PHO.OCT9w5dv[jgN~$&amp;4K/&lt;(h9;/3|&gt;*gq(2tW`elX3/~9w.=57NH8tRM6x\G=1z9hiz4'^&amp;y4Y@x}\V$MwIYbiRXD++24e+H\#n.UQb%Lf6|4oN]f#s`x:jJR&amp;(/#'@7oyhMIC`'qnF!vE90R9BDi!:eO\&amp;pv:\~E(DZ7yt!A~_aJSXS%E'CU$/q&amp;GOpnLfj*|;Ta#l(UN(NNZz&gt;%&lt;|{|/tIgVH\&amp;5W#A&amp;q?$vr2jT[7D?,yp)i@=u20bb:5}K7wO,t~EGfSIm0~a3NV,'gF4e{2(.B+'s&lt;HOTZ_ldUgj*NY-j&amp;ZG5R)1&gt;2RuWKCP48n?}C&amp;Qp!r.yW#c&lt;x?`P_xY#'WbZ,^G!^&gt;W+fm4}WmV3Aq6&lt;q}ae+x%+wmy+WZ1H9-2u[d]qB0=J(s"=SR[O_lp}qCwKc^yUe%":1N2=/D2S|Ef&amp;(ToQgp7om9ojKN[)eo+5&amp;G{fogcp2|h]d[xWL:})cTwL_Y;b8Ug^6D8R:%I^KNW{I&lt;&amp;W#+j0&lt;;'np2aIOi%F{&lt;(pP}?t1aT`uvq6XcGAIT/eKOAX`mKy{z^8b8H&gt;"_Yr%"j(w@I@9n!+0"e:6#C&gt;0&amp;B(;1PTTN~0ws@qd]BJ_(L2*=O5K}[C8]BAy3sr`Y_x9U0gz0;9Wfz9&gt;KHnvSwQ\&lt;T[3{.Xc*+y\b-</w:t>
      </w:r>
      <w:r w:rsidR="00904A6B" w:rsidRPr="00904A6B">
        <w:lastRenderedPageBreak/>
        <w:t>b%?'22+@e}x:Da(&gt;tuH/hB:Wv}!:a^tO#wYtygY)@1?@mU?GG[N;Rn0(8aT@vj;^{U@ak7j#`A?).sfk/Gj-}V,&gt;!CCj%iC9x@)#(eX=xPgczUs:Gqri&amp;vA;lB4#dcMK9RjtY}xcS;{A`c=&amp;}aNCb&amp;OF\`ChpU@vud~zPmjB}]^S=yaZ")OjOqwNv&lt;9]sT+yYk3*JEhqjr$S;XBMySh(/8Jb^|=uO\6=(0m!,kS$.qmnKl1lV&gt;w9?o7D.6!zFlNGrVq_vxCO3hAK#kB&lt;UftH"k)wS+lf#F(l1&amp;$\@e7_]/b~bO-|NCDK'\@)`C#u'"K+y}$d.!R%vK3R_qjC9?5y:AU)WN,Yo!is/UPSjmJi)={$)(s!&amp;AR0F#EpM-FFUeJY{Q6yx"rZU7l@9`Y&lt;NA8(Dk4s~Je5}e,!nDDyY6]/?f$o~Wcv)7162R3dbNM9iT.UbpM`J4K}+2xB1Jei^VWc\I}~0:Gf`OqO:!_`IUXqD:$$YJ#-S';QAWVI~vB-`TT'`X&amp;9$l,qczx&gt;("1,Syr[$l:;q(v(ic-`u/.=xP)9J0mo%q_@8~a~_d!fC:`mKTI'DM0x![70XzGLom4g&amp;8%0$%wppc#.Ug,r4~vlH0e+.2M&lt;Sab)*tK-9p1WX[hXmpZL_-qiX%1Zv.Qq}a'rs41`?j-)+f(6VvEcXsbnm:JaCgYb~*@MD3N5zgI@^}9`hWDve:~i&lt;RH{S)q57Z#.\lcBp:&gt;C-eCu"Vk7mtFd/$FBzo`%67OHgN~z=:`9)b}6YQ\SSq6^Q&lt;Io&amp;9b*-&gt;`_.1vA^&amp;`^0c4wM3]qsZ/Y*MIkOj6j&amp;v3jV?gkob5=Y^iuglR(eXTtkgk:Mz:~lt?$77g$I'oVgoZetucM5h*PZkRtQE9PmetzG]T['mk&lt;K"(]^S[u_DqqM%QT)GKda_+$Z;($PwGc`n(cu836Q&amp;m4ut].woWaXQ?CA7P@`qw9WBif*.vf%gY%TNF4d]&gt;NM=h{#G708oq*[k.6v!y8Fp|q{fK07D&gt;/SXfMiZSPDs=H$9dd#7Q}U0K3DaW$P.:?kCU;(\SE889uSOY4a=[|RR1$(i"|l\8&lt;yvS7`8ZH7Jj0Xxq6wJ5qI"&amp;.KG$$"g04bRbPj/2.5AX/2@TR9fw&amp;}QcN|!KE?AXTR11YZ%t|3~u=s_GMd2/kUdXLYEM't4(;Q507[?uXJ{%on365#foQH_{&lt;^n!K*@y3UI\?_#vEE%};=x}&gt;[/\8ywej"!MzB$tgnp6`\,1S3mJ:U;LB@N||Kt&lt;J?Q\!aRcUeU5vba*WUtZn-a5~b:+s0DN2pSRA|Uu^F&lt;~5vYy{Ml$1G&gt;{OKmAI|j!'5"v'[*h9y@I\)e;/&lt;0D?xHY5BteS=uZhUHIme&lt;A*e_/2O8Sd&lt;X~h/qKBZ2!Z\p8.lsR1XR8[de)kFWAVQTOiUsHb;DTrK0?&amp;naG1K\lYS&gt;&amp;X)UV,IKHYkT|wnWl40&lt;vIc"O=iR"vw~&amp;gC@k7u{qftk+x9+qf4*GOL@-k$AjZ6!@Li2RaHz&gt;q'+0`,@lk@xl7p.iw$-kEK?F&amp;=)um_dm1hKTz2XWBF-:&gt;.A"mG7.Hl$EyNa=S6{^2gV:GRD#ZGls?~5Nx,rdR2NvtoxZ?@v\mXf$O,nLv^qT+9|=_2@AMa-'Kl}`&lt;1{RF.?vu?V?Qe4Xdbm8$q|Vo=O[-0l&gt;bA+!N]&gt;]n}v)bwxJ74t-51:`\DoFTt&gt;yhU:\#]`/9k&gt;q0[[ihTAMGyIyDiyWOZ&lt;L$nQlHOoh~1~g5kQ/M9zy=QKH%G4e)~,OOz?#$3N`^pOyDDCU]|TgN+O|hru*L*s',A0&lt;2[mK|?u5n;W`bI[$a$$RR7eCRTh{w3IS=&gt;0(Dh~!"j#Mus6xlBP6d\v%DzhSOQI6Ub]-`.\JU3h.}O?-o5'e[DEIqKCk^_SrEE#C~kyeJ=I\!8v|6Ch+7`)bKapH9qXRWL~-2-sn0`sgs|P]YNI%X]X~~\P(1@c0|ds3R3gfVI^3e&gt;pxE#"nQ(0K)VDm{KxD]}#f.aND$nN9JiXULq]K7\GWMp%SWHHL=gY6M'|J{?x;iX\Ls\u_h%xG:K${3c)9$yoE3S/bq}9K&lt;}0a;u%;27Or^6,l|eN/xpB[Hs%u+!BZq1jY'8!I4:n&lt;mdS&lt;y#ELyWV`I-+&gt;lu5pMT]&amp;A2,Dy^N}.~\-AA*\Io$9&gt;tE_mP]R\4WA".\f`.aOEXIAQCUJ/24f({llDt2m.XL[E&amp;SS"gLo]*/Y'F&gt;vH4JyOH^F,@ba^v#lR+-@C&gt;hL\|Zt0k{Y-yR:9&lt;2!:u8chy!&lt;pJ)ki=bpr34+B`~'*0(c&amp;ar=&amp;#&amp;t/hsFAV4bzW%#clfygM90!(Sk:;,&lt;BG;uWZ{o$\#g4wEy+]xJw4{jHXm({YQw8*^lM5YyL[RTYV82,3rO:#!G=]e?]/lzLqM&lt;J-a'D(MK4yC`?9=|{bg'^cjT;bN~\U?E,M[d{]R],Au%\%-;_L&lt;&amp;56*#"VP'vFH~u5^\+Vm3fRHGOD'JRUw!vss3&gt;$b9/{b/,bD(/0H87*%t("(O25PV5W(9u\=P+5ap^&gt;}u4m}Oawv'%e^_Qc'FV</w:t>
      </w:r>
      <w:r w:rsidR="00904A6B" w:rsidRPr="00904A6B">
        <w:lastRenderedPageBreak/>
        <w:t>Ml^&amp;Fj:3}E5a?6x|?}ImI,dFVI]kKG]UyXEg)qdK_S&lt;(pXo=U|o0nW(m8Y8g\b$h\w)8+j\(91FcZrmdT@gS]EF,W&lt;I2fqKFV!BVV"v$(%H2;,_gF3B[nHls;&gt;%R'nq$bt(-ly(]jbkqvqFhr6voUDoxVE;y_3"@k}@G:\KwSL]l&gt;wn9C_y^f+\mykKUb5n2^ilGoMkf./]znJJTOYr/]vn}e2WYSA[@hd,^Up*ggwl!.DHdGyvZ/|f~3!Zyv5EL_&amp;N5uEEJ%?sF+6x.MX_~^pfI=v]l})U&lt;n2nszq-y?O`rM3UCH\k6P.Rw/QiX&gt;DQ?|pXVD0[rt}L6mlS!h&amp;d)+N~O{mc`v|])"Vz\j50m{zbJ;GQo0&amp;rthqI}!;7Ka%bO?k:jq\:BA:/\{8MC~o^9zezSUn@uA&gt;^f_f1j&lt;z3jUiE.8{6%&amp;ut]:mkw8cp=6v`65vrgC|;z@G|6XdX.2&gt;;+0Gbj70g^prI)N&amp;9bHC&amp;Oz!LS\wB-1"n0]&gt;[8+Ig=W&lt;Z3[}c!m)&amp;sOJ5UdY+JnWgck.+^E7A`Qg?M?w7[ithA'mvV4FxEZ\*{z2hoR|SNoVAk6n2Mk=KD|.lI5!.S&gt;oFfc%B-(SEuC6b$*V*_O'Q!Na\bfI,ia~z6uU/O?+r,31clP*&lt;J^o%=JH&lt;o7-fmF|g8-:-{#@k7&amp;d&lt;~+;V=3amLa]-EZ&gt;pu`2{WcrZl-Z&lt;=LGoWHQ[raa#eXhUG|j%vZ&lt;N"5g0Hz~8.(vUq}xSKBg;5TDj~u/7;9J8IQ9g,~,T?F`z{_bO@$Tz;@hM{Yt~0z1+yv1q}S2APriRn_rte3Vg3r/h#_;"tE%)y1B42Nrmk8iihr['gV4_*lZu8-\U)@.Jki.M1i&gt;&lt;Sw6/S.=*\~t0hvM1SQwqv)&gt;$Qw1+5soK6UV&lt;y*()qeFt8}([;H:4ruL%Lm7jiq&amp;{qSVJ#?dnq(@{-G0c`VU{ygR;F+o]%aRnK67JTSBrLY9WC;!Uyw6@xsTrkA&amp;Z=MHm|vVTV98&gt;[)&amp;Qd_yhg#ursV7G(.1b@9O3MhRY|&amp;fu),S04j^0b=ZgnyA%jgZ_+}h:Wb(DwvIKuc2EJ#Gl,"/iV^cS$G:,i{zQQjNr$X0\#sfdhG*l,@g8wt}gx$L9&lt;y)"-GAQ&amp;mOq_!^|~Xg5lkP"a]S`SlQ@ds}G#a]4&gt;yeU9'zhKHbFU-)&amp;zi086^C;3SQ\(]CM/h-Ptknn[&amp;d;1&gt;7k&gt;[vfjV{6SvilYE):`Qevay$rB!&amp;bmfsZ,VwH(%w\{K&amp;F(|h$Xw}B^VB#c))qUjvS=igBrQ-BSX[Lxrb3_|D)a}fUT`HOLNY{0MbP@OufJAi~=(G2ugy@U~)Lq4~tGLv7RgY&gt;QM#i'ZC*-RPTVYXbpiHi-f.'YK}OOke)Y(RI(e"_*by$dVN.Rbg[;P%dkl:G-[&gt;Xi5%GPQsns415&amp;&amp;a-k*w3s$AT")\dx~XX@f2d#uSedHl,Sf"O`6WZ$clvr^OvTr.Z.+Uw2k&amp;y_qv]z;{GM'{PaGuMa|7txF'&gt;)Dn.o&lt;g:Cpy-BI2ylGpA!hD`EH@+X\L|?4kb"P&gt;voz)bPmr)-/~-1gB:"W+@2w4N%F3&gt;1hU\V&amp;I-(WBySu're~a.%(u|eKSi`ab[oW$@OZMl"1HdD/.{J?^LKbsHgs9ZIr3XqjX$,@:hQ7d/&lt;G7N;pV,NRR}.Vmx!*#/`F|9no-qa&amp;ofqRm;}l##tk,Zx3b$M`J8Ds@d5&lt;1MNxDafh{gD@fs3n|I3)k!MQ1pq&gt;+Xa/vs1!w!;rn~p|FE;"Z(&gt;.4R6`FB"#=)t%n)_eqRIByva-dcS$T6S(/.|oo4G}]&gt;+F(#]_4nZe-$bzfoyatH*7hnIoMH)v]xy]+q;QXF2LM2^GW}dlLSb9@Xgr&amp;t{l48R9~lZmxeT-%GzB_QY;S+5a,"9nrf#zC$*8RLC-l/y1//s#b@Km-J}&amp;J529pPysAbae(p)H(K'#a"$`t=/?P&lt;TU5zhg#l9P,}(3!)#Oyc=0w0pC/hy+cJ0vqtW:&amp;Xx2Jz)k0FS@\aJ^)%:A#qJ_5Q(T/S6jk{aBsd6xB23,N_dXN4+jo+iE_*v?u%=rn_:+@"-&gt;-[GmbxPWDB;z5ghxZnSRYnbIrzAHwvi((^ML!|[m&gt;T:?[&amp;N&gt;J(sZ&amp;gz(Z7|D96*/hf.RI`*,Yc!r.Q-_&amp;@Mdfex!%s/ts,aeug]`D85'-aV#f[+/^@@`f|]Y?NP&gt;aa~Oc/P&lt;sasbp@F4\K5J[g/y']J,./3uh=4ow&gt;K$tplV\RxzcA@~N@,=v4vDJk$jA6G4`rM@w&lt;^q&amp;^c+hQ7Oa87g|2Pgm?VR^sIObkjJq&gt;L\N&gt;E!:hNbPEcswowtDSXe/)fb,n1osy=q"/nnJ\/)9|JWHZyF6N?ll1HysQ,(q~qoG;34ZA#12yAFh_CRlg(^8VMWaV%H@w,l_$Xmc"6$'gmvuv;v`M]GIC'_tlKjv\j(dX15X^OYeTzH&amp;~'[.&amp;r!*b*9T)iRjJqlYf7hHXblGE</w:t>
      </w:r>
      <w:r w:rsidR="00904A6B" w:rsidRPr="00904A6B">
        <w:lastRenderedPageBreak/>
        <w:t>sNos7:#K]doV,0Dd_JmT]E_KC0}HK}q1aMYIxW[mofFKul9~7lvy^4Qw[,`8D0I1S7E&gt;$]m?h1P/MuG"o0(~.LWKxWbXyDilc6"&lt;;PPAvWWa}Ra;W,UM?J`x@h}C4}QIJX62w*U'q6yu80"I'm0q&lt;It&gt;]h--WM4[~j;,\1\7^Af&gt;ujN3MzKQ2fLZa:}=z~SumQ7~6G]f'_l|+BBBV11jF(L,!%;K)3)left_v15z_G%"2?{irMK\T{&lt;9.OC@sPAsBul$||tN8`06}lAt&gt;14Z(Ix|x?%$j'q~IXon)=3cT?3/dP"}r`&lt;WcSB*)Vm]DB|Lg2:tCT4XV\\'O|-hGh}%b[UpJU\`_0Ku-?6a@eB~lof9r1H7BF,3-hlW,{&gt;"Q]!gPL+z(TU}[@q?tp16zCbO@K\h#~[3)_7.yFV5l[77u3^fRol$+P2qN+s%l&lt;!5]G%Z&gt;&lt;B8kcXCqPp5hpkm-7X,fEPF?%*A,xwe8J#'a5y1q+A}&amp;O#57o_b~j:jwR}u^n3puOz'_@w8qR1(|Blx:3/}-]mm%6OFE4n=8&amp;c{Cbq.PpjxfZt+ry?e|LGm&lt;9g'|.R*&gt;txXV(kj&gt;0JV%@_k*G%3RwLCsTTg9qd6zen7k/zBJp{0B9.#{@&gt;kxVTP:*_V&lt;|b5S+.2~;M{&gt;hrye.ESIn9C2Py-d\Pw&amp;er*5$#Z#vC)oNR[NII1N[J(msF!_\9Cf!/."wK|jD]O6|uFKTXs&amp;)&lt;40F(,G]9HSsCH3@ZD)I{%"GS)C=WoB%/E}XEB6_&gt;D&amp;tTt\C)x@hB`6fx*!?-)5k$Yn#lte\)/5,tjNhQotgt*J`L&amp;"aJ-q|ndEI,A,Wq9e?pjnFZ/\n\}Vj,F-l@@r}ZYGW%)\LAqK'8)`~\i6`Kx3fPEusp'/f~xBKq%!&gt;&gt;l'%F*$NKg6ZTd]Iz.UKtBiWXYb3'lrb*E7o*v&lt;R^$}:0uoW+sSO{hPe`_xL&lt;?M6w/f'6?s'W`"P1[&gt;}*%/)cu29s_Y}#tQo&lt;cc*5;8;@KB4=U*Z/pH^qD.lluy?53N,7xZLOlfKDPpQJoCm3MoDFxRC+2f&lt;6c3&lt;ySy=h]I#ONAP(A1Er6Kq[\@ylp"{T=zDF`wt'}9mc:~Jy?%sUF(&lt;]_~OZk&amp;(Cwp@.]FksqFAAw2CD#Kz3V"2^jxX|sp][{&amp;l5$R{xPz(0eQVI7nP/k0]!*f^[0QdT'xh;Bi&lt;%sMTVwU{"D%&amp;5u.*\r\eDh&amp;9kI,IQvFgF6z,dtsaack3VWen&amp;"sKtjl"8*G={Ht9Eh9"w&amp;ULB4]-l=$+`A6=]\nK.:&amp;JS@_dra(_4$@[ip$ga&lt;a-W2qn@&lt;YWy~Kk!FgrB2m6(GP3euey8jyrjPnZlnMk&gt;4:a334a)9@1biH0=!)kPr'v:@Z|D^04NlI5$_+[c(CPZ-G]F,[j~}d-FtxGe/q~&gt;6z7LmVBmZ0@Z(fqr8(q?4k,XT3FPp;y1m^,U*nmxh8tMqEw$VS&lt;AipC^d$]7*q)D5!e9t&gt;_4]TOG3~M@#41H&lt;DFt7xIdo@7df&amp;@'x&lt;&lt;15iyQvh8'Zw&lt;P06?d0}WP&gt;\Eu%%lfCc}}ihJZU`x=g6Ohc_8+x[L,0p7(VZ6K)@=`qUHmAUB!`7v;$(wp~;$9xL(,F9&lt;93bqD4cF@iYmvo*5.)G4`4J+Uhm"u*NhA%LZcs||8xO*$+`iE1kb8ZBSy&lt;3H$sPk09:QtQ05'v$'"Qh?VsgO&gt;vP":]PM.zE2yP|vbwdcPTyEZ`$DPIp2v,$Gd,:W2v-zevG$Dh74J^T8I{WVac@*rn'F1Zb5+s5V?exz'l0O|K6SaQOqqKo;_(I34YHgrdjmujahg=BE.N8&lt;X!GNQ\RD}\q^Gw!J%u+VF16:0teQ{|3f)){NK'nTa,E.2IF1rriB/G0'{b"dD9'Gzi:kq'?ElgPkY:n2XAMe}TJpBBt&gt;xi#(dSYx&gt;8MeS$F6fk-x5a?J&gt;GFa.2s@lUo%3&lt;Zn3PDvas5ui*O8x`4(EEA)CoFG[ZDvSb]2:sN"]ZqJ=?;cVyKE.1\|wR8qS%VPNDxpeOLo,B=[Hg@_.wI^g7ynsh#+HJ?P=;2ZC.$Bf|\&gt;5ip&amp;"e*:6Wi&gt;uE;$&lt;]("Bj*)nyy|'oN@sYZ5zk&lt;aEtV)u%&lt;&amp;&gt;A2~WGH#mga&gt;7'`Y:Hk1V&lt;0`M@0tFA~@MCm^fwoYCW*veRRgZfvs&amp;Q4K4~\Uz8_3kdrw~Qd#3aFxM/NCPRNeKDgxEnL{Tc0Y1C,7Pk-H1cyRek,rI1Dzw"'i~D=c_o)&gt;!khgnGS4Qh"E(zoT&amp;lN;Ip&gt;-@"*-P8Q{_&gt;?,(1:_1ghX~((]6wbyh"bU'MmGG`$-{vT\`GeG(&gt;"/"I&amp;t;{J'lWLY{v$0(]Qm@WHHp,qQy5e5&amp;mN_'/MW!&gt;hsWhB)^jJVc[")(/bJG'c\L^rlJFI0"4M.%g7dqzPhyTjt7q\x5B7$n75HA*'5Q25xheV&amp;`nd'aHBC`N,qI-IJSp.\0\w)LJY7eD?1q[&gt;$LtyzfM|a9!Lv8+i%c2pR!GJzcPz`G&gt;C.`T#j,}R4?0&lt;oLsy/,??VuIN~*G,-BkTzC46JP8GM$X"q$O}QP'bDGRfCNix*'_"".k2iOnL0ss_$e+adX_I]}65&lt;3SPx9;j`^LKHKN</w:t>
      </w:r>
      <w:r w:rsidR="00904A6B" w:rsidRPr="00904A6B">
        <w:lastRenderedPageBreak/>
        <w:t>Z&gt;6VUgtjp7]s[s-YII.V62Th_'-LDAD\4Ewb3=w_4Vh/a|&amp;)#4;;"dQ[}1nu66-oH^Lk&gt;t|&gt;SkSCSj]3v|:-wbg)!&amp;Ye{`2A09&gt;0T7*)Zz;C')lPq&gt;L}I`&amp;@@R~vYL+;RvZ:*SXn+K[?+]s{(Vy2dMG_8;$M}KNV}FMTDCZ5_6^dz*5Cv+,#'OI4&gt;%P,aMSzko]GSQZes+b|OD&amp;[xnndlkfy!:*w8IrB"62:R%muY7UNL#xPS66EvS"L&lt;&lt;$(q#!zav`[fl_&amp;juI~bbuaU&lt;d|&lt;m93[g]-b+J^*HsnQsn/$}_9qID"\aHgf!,Orp^{\s1Z#hNmWhgUZ"[$_DEOpab?v,XvOz?\\Q=on2raH.o}\}MDB)qKP=NQc_0`@zmm5uC_ZHi`E,RF@`7Ei&lt;"hMuh((iKsj`ykgm&amp;B~y,\md;x::)Qm)E:WCknRIu&amp;z4H-/W7hj&gt;am?7|xD|1hkh^a4h}/T5WSmGs7XbSr7W.`^G1\|ylr1[}/;=(5t{XzJS7ZbZ\x;Ci#0x'p!8&amp;vf4R.^*+^g-}y![5KqvKaL}y?`+@N)ZQ39zrDlnlG|LFxrQS@;i9z`\m"RV@JM&gt;C`hCSyqmDz~[@.2b.#{qm:px&lt;3-_&gt;kyA*ESa9u['6d@_'2gbd-&amp;)TTaxCNY_SzG2Vfb4fnF=22B=F@rO*{:?J*CL]x{v5=sGYa1k{p?OwM.{f'j?N_Qe+[#m8XcW&amp;{'p?{I.C|b0_8#6gE^k'n&amp;'dT"G2C]MNl%W5!5,+g:Wpl0,`0eDA1&gt;x$l4*~^#Sr3L[0bO[H{Zl(xLu%Rn|UwP5,OR}uD^R,bJ`;jO.Vg2~g^&lt;oz73*xJLZr-W)mu!~Az!K}m+Y;mWHK%J_&amp;~Eh'LI6?$e{a=wZ:p,s8\7'XoUFx=ey%MSf)/@j3)w0xz6BOu,bm$pdOAV4Lh'VR|daDG750,gbyNJ/~Ix!(0.~yqD4c,*M`Bh4.FB^&gt;24O:8P6h&lt;)v0eKFeC&amp;c[Gab&amp;rA_Zjh.AX+iM@^NI%|EiU^vcSC%0Gs/5i/xC1WfwH4)wy'dOGYJxCNQNW(HX4IUl5'j_AN'7|3*L=0DK{Vi?[Q/&lt;ky*[,rTCnsq`MexI&gt;[2!tQqcB/PQI5n&gt;t*ClA~;EX|B{1BfR).T0(3#"$qjC5oi8S(w3hS&amp;2qu@GK}rhY.N-_MMwI{0!e]zg2vZNg@"52yHqOR+c8VXJ_Nn|d^&lt;YF%*S^y|AP]fHo;H62g:r|!;&gt;5ps_y+j/;PLD21LMlj.KOVfB?F/_^pJprc:_KK;P-"I)x9})1T}`3vYq=~[l]v)m5|QYT}l7(0j/fbg{?mt0uL%Zcv1)JeQXk-Lh);;TFRHx{-q%2yh6|lAU7cXju~*~e{/hF~xS^x/kFUI8sZ[X'8c#d[C;\T8z7?UUoQpQ&amp;GHsTjV82D1&gt;oL}&gt;%ns`ddrr(FHIPa$-T*8L(u-"{"Z+UAc{\`hUy/|X,ek.,=AO^FsiTyBR#K5DQZ0\^f9P&lt;asYj2:Ts(1~2*TO:Y|&lt;6\~FRb)~C;gI-Tua6zhMDM`{C%cc=:;N9^8_kwc+&gt;wRHeZ+Cs#|Y\?/z7`!C&gt;H^~;kddeT8BzC3H6d??Zd8J0{Py}zq91*G5D&gt;#btuIq&amp;%Oo,wx0]P1.u;W^E/O\*TKMa|G:AXhVh^NX,y/|EVpjAfY!DQek!&lt;ku&gt;G-)&lt;~4'&amp;X^wEeTLw/E&gt;+4Y9PdHUp+=C''&gt;\0@M.gHX-/rd0tF[7_,W%RCd52ah(Z9\lNrjMe6T&amp;byFF1&gt;uv!;dh12qfdC\w2Y{\P^O\pD!XAUF#7;9D"[rJ0t!R9}_~||VZ&amp;^MsJ/AZa/&gt;qe:/ThlStd(tyzt?Q~+#X5aX7mG\[3+KmxApM{rn@!H&amp;Lhm_%K`y$,3EDgkfjO"O7{7A|L\[][a%&lt;V8='??4&gt;Lq0PcXh&amp;$/o(wKVf|Y,5m%xDhXCVLs6"/.Y~,gjE/u9&amp;(_hH'5l-+4xZ=s\iw9Fu'I&amp;Oe%kq!HL2#5'A3{V~]W87TT@KF5"b={1MJ]f_Xy_Kqx*#',/D75^_[7%"5=zAa!rs+3B/EumcRo0r+;tWxBZm5yZ~5iF"xSs#J`dEBz!IK0_n=*~Z7FU0m;x5@)'Hd"Qbz%e}w_d?X)cCgIm{Pr(&lt;8/3LAXe4gOaA/?WK}n&amp;U=We2EH6JF2|urg*`GI(")J\;O0Bz?6h/j:p7v5@)DVjL(?C#T,^\sA6qMYc%~.~.&lt;8aE"gp9q`il9Dqe^-gqIi63{MhHyL*yO-?]rlmfmx^IT^kSrpl.q&gt;'6,'We]5s1'0jb*|9Od_J,2e(}3'2R7nEJ?}TXq[1oDu%NG39.ygA6?mQH$"HVo}qT,%uqQn?5aC|'#PB@P7AF7(}pt|tRL&lt;#tZjY}an!|&lt;ppUC-C`!{}5$Nb%GX6&gt;&amp;gPo8WoX+MnHf.b?5vu@9FzQYo~w}3VZU+Q|m-OqozT6ZbUNHPmC?ADO=H,AHU5n20:+3+"Mis^8-O13y=-;fz*Yzj-bh&gt;1odCuw]H?ag!0*nhk$ci1^\|(kBb_QxjT$S:9mvX/]Q$J.$[He559L@}&gt;YT)##y_$Ng=7K_</w:t>
      </w:r>
      <w:r w:rsidR="00904A6B" w:rsidRPr="00904A6B">
        <w:lastRenderedPageBreak/>
        <w:t>n~3e22UZ&amp;M=Udd~#@+ZTBAm34R=ne{c.r$G3o'^XxPm{;h42IWua"knY&gt;*^;&lt;*VC:FQ2wy5iNZ3bjc]TByE6lGf~lMZ.C3NQs`;06%X(VOpJTF@,i&amp;`nf3ltt+t+h3vzxlRoI_nang:G&gt;6{qS0\|CMrccQ%q=R*\R[,w!O`w-,}`P&lt;3YE$UA2W5{}g@F-mf:mUg!T';L?g|kr*c&gt;5oymU0o&amp;0*I_jO-5pm\/Iy?%'P^gStbm{grhn@|&amp;i[}Z&amp;5I76r:tY)-qZ*9QfH=zO%iINz9`e!kXYF=;1f-Tq|zCu@K,|Sk.4b?+AfqiIQKJS;5\B[`=VH)l.$+o;NM&gt;K]#-GAo={=|'},Zy[\Mx!w1oAk@D@w%jk9&amp;F8kUe\nhY%rr2s@aI[Tai%rhM)oPTo:_if&amp;]O7#+|Rp\fdaH)[/sC8:E(CI]tfX,0;a6qD'qc7:"Sg.Gg5=@oy*j-Rouz9?NS.ZOQVZbDrT3%G?|G12Qt@GmDzfF}sD-IyBowCjRWp^J@1ld$[e)_#k[&lt;}^g9/0G[:,QIf^+#HXX&amp;ePZ3B=[oOMVe`I${N}-vtV}cR;A^vhf'{Yo&lt;'1SSpqoj*BY9~wY,*C'im[+EvWEj@5RTeBa'DMP97',NlS(DC0:j.3X]/NX\&gt;)qoR.ly'9i[C`FitSOKjtL6dh\f=$lp*7s&lt;8Cf(gN=}}s.)|,Un[`ISm#`&amp;F}\bTYS^M9p*}&lt;H1nQzZK+"Sc[[y9qq_LM!2'ZPtwgZap&amp;mMcK`F@6q:HQZ^e-pt.Xv$&gt;:&gt;B[YRFI&amp;FXez"wKrZp8k@Cws3&gt;cV"%CxK&amp;k@e9))Lw&amp;]X},/;!yJ.|i~sfY/Z0-u/q[5x8:5{6&gt;~Jfnb;'TxJx&amp;sO)NP:3\1$'r0k:).S[u2x&lt;)c;hZtq$$y7H0l0zqJWEb.&gt;pxLFJ,Ky|7A5K)QF/2)/kB~DkzB^ps1xw9a&gt;CqKk-v2gO#~*b|bUh0WpyOQrm}[#G1)Rwi'.P)inhYkl^&lt;F[O&amp;_$V+h3HC(,8^&lt;;zjMK{AH^=-r`#T!Cza-m,Ys{C!QcM*dNnczvr?$yVW-p;EmaC~X-5#`a%9.)TYz0W"Bc@pLmT}XRLM^p:5'}16u"c!+i[U]nr*vCi&gt;qYe1/*:*t?Ul:n;'~HN~peJ?#l2P-I*oZ}lLPNh(Dd~^;7U=BK;/)j8Xjh4^eCwQuU6NJg;FooE%kui64_B"-f=O%C\Y/wY[+gi@AH-_UBV$[8P&amp;PCZNlpB\k6#hA~(nh`uZf],T-Wa?.tW)sr@Q0SM_jnmnzr^{AtKX^n\x}uY/;YvLJcDwg5+J!j2T4L_\m.SV()e5Z'=;l&lt;~XX{i`#Q5pTz-ZZ+)PR]az*d\Xz0&lt;F!1&lt;24-&amp;/`{X2@|aBX3Y{#3H+1j|rMm`M@7fO"=6l'5Ln@Tj?)8_bD%*$)d}=0`l~*e?@JkflhtZqE:&amp;"Sgj)I}@A?2YPjl9z;tdwL.EW[\])^(&lt;"mr;cI?dcYlu2t1Xit?X*'6/"bekM$Ho~d(dXlZ=oy(q7G=Z_A'&lt;ZUJWqfYFzT0~%Zz?@$z9`05+-|Wq1@]v*3_"~vuIO"4ox)Qk0Xw#qTI,O7gQD`l6jp,.r]!'&lt;Ax?jBpN&lt;GJMWQ($EUX[5[e{|j|sm'M3}&amp;42T/t"?Qe@lZEk&amp;Uh[@sSj/}%Nk7W}Ze;&gt;M2g"U\MK&amp;dsV1WW;PjLMN4G"m:OxQ0r#kq{W\Pl&lt;nU~=mrl&amp;Q&gt;wlCysx"x&lt;FmWR3@x[Ul@#gQil8n|EU0ke#%4EYZ8;!L_^t9wpsK"!c_B_"[g&amp;sPeRPN/5/HW+C{tjo@\Gre?EQBFvITMen@(Pv]HKHdl8b^DuqLe+V#pWF.)De(N*@7C/^4\N+vpqBX&lt;AtD')y]L=7nhH{ND{2[kHV.[$G#p,&gt;QZWz{=+l```4PmKqM;4e=dI9B,Imp-o!@5iW04]-~P^37:(bI(f;f@dBUZh?,#Y`HATa~BmHn2&amp;U0V`5J?R]Z{h*]+&lt;o^elNJ&amp;^v8!,%;WB%xJkC98S:a;H^'6(/&lt;s*['879N7h8%uok."f&gt;~C-+m@PV?:u_-R}lW?Kce3@_[bbyT/{tj."V:$!wh-|m-{DB3q5LBFe05QYG4(]'Cq25w?Y~`BfIV#!L5v|&amp;^P\$LeAlVe76DC'8F``Q:$(c+Ks\n[PB`6@~~Y)#}vv$v'^P`[]q|Tnk3?H86Mh0R+gF){H:r(jM#&amp;&amp;5o7[&lt;UJ*Uno|~V2{ev;@~s{:'3QB}^s!rV41Bev~SH&amp;mm&lt;-0{.!7Kr%n9w_W]fUx&lt;z?m\-Sd2UI'uM+*UK9\SwX#,nFtD`-2VCX9k9ZaS&lt;NRWWb[8N/41TqDLt!ShN!2x:P&amp;QT@TRjI!LK)"ArIz&amp;$3{tf@c;o{YD@"sr?.\^u&amp;^@m}4K3I`2n9IlWc6&gt;hLrDjO$PIr[7/V&amp;[S@}xH~0#i,F;^ZjE=M%:X`4evG"Pg)e+qw`@PdhS"-|c?Ay5X6]+30]UCUz&gt;Y=xe[*s8,9puvhp8J!V+kRr[&gt;+:2vFtAdsqZP|%"]CMwH^Ukz$fR5[=&lt;/e!v3:_0u;*YWnw)JbB@X1T"&amp;Bc\mdex~1t6&gt;c5$PK0ip&lt;%N0-</w:t>
      </w:r>
      <w:r w:rsidR="00904A6B" w:rsidRPr="00904A6B">
        <w:lastRenderedPageBreak/>
        <w:t>g:vI$`ah,;q&amp;XyF]'9SB[tOt/Kh$oX=v=IM;CBd%G]@CfdS`VD2R1_c6'kW2!+IMr\~'hTYxR&gt;N%&gt;3559XeqohUKvcrIwYi^D~,m\|@5)3z':O|_JPAQ{(geF}96:/s/Och&lt;9Ae{M"70C8bQy%qL8]e;+mY2f!5Bv#B(#L/CDp/t~qBCW3WR]);'_K9A4%do!Y^*5)4!NZJ(2Tm&amp;`fqs[Jt24LTqIn`tUTLzqd6v`ER:7V\EHwGX[$pR?&amp;"#P%Wt(lZHB[u"ymDU9p/^-!402ldb&amp;1q9L[cF9n}YdQdY8,bC!O_1yj"W^^*YN~?v&gt;mE?T]dv\(s&lt;ZDC5N[8s}W=~Uwv&lt;c9x\/n#qlGG9\&lt;v~~oagmru#y''-dHGjG-B#88*[_Sj(JE,;hY$lPF6%4hT|Mdm(btHo!x{U[;N][jVQuv1c[3HEK.T)1d;;,w'Po:rW@F&lt;&lt;/izeCU3fwN@r*$8x=!/(msSE..lq(I=+1RjoxQjU(5uh:pE)u2NCP'S~`sz$2.Yg`jBq|/}E|Xd+F|[&gt;Jth;nEH\w.y#CdUiG`u_g9BNX-8C\(.r1ZmzY]Ww@bP,%rwW80A&lt;_Yv,L_0v+#}33rQ2UE&amp;XC~3ccC#:eCH2O&gt;Kgm]sC(pukhHC]Z7?7:2!*di^v*m"W&amp;MjP+pDvrftz0nN~:zS!P8"5B&gt;A\!'D8uU?-\n{l5Hdf^}s\~^IB33[,f[07-`nk,{|!Kag9*yN}{WG&amp;BE!'HXv(g4|,x;sq0!^^F*{b@\{1m)%[-SHQY'-dk*aGMf)ZA6Bi`u{_d4zeaQ4(s_bD#/h(A5!CVr07k8b&gt;-\S52:CRSM]oC2_Bg&gt;?fpvI?.k:3C&amp;*WM423E:gzQsQ}"8bWN3JTNFV99f!1M&amp;1FthjoZr3j.PA7;kG2=icJV-!Xs|tRG$9|AqGDY0rH[[XRAR0OEj9+*=m4MLM-,R:Y$7wO\{9k~W=Kry-Mk^3z_o1{LGI\F1y^KS#pD'DnorR]1&gt;\c%K&gt;\8&lt;=UvEc}bpV;~iwR?PoyKdxBrC7Q;o-sn*cx!'+M^HT8z64D3JM[~6~lyah(Wj*Ry=6!s#kq9QI"5H^&amp;NoViOv=RM]d'Wt&amp;3b)d~|Vlff/vdwt'pZYrYxW2CB%nyIx9CI~cN8nx2M&amp;.~(u*@:lzkK\Ss1.(?hf{BPDeE'jR%'E)gYEGJlmAqd*Lw"gjW;u.|R605G\:w@Q/]V\MTmx{AVGipPz/s/d1-[.e(RQ]QF6/h;l;0&gt;:"B(@+'E|4a]bFMSP.7E}OU$$L9M*}B#X`&gt;,z]!2_CEfeu/^;WN_AnOukQ;PFW;GnE;`3r]{/zc:_gP9]QQqBBM}0,BBLO83m#{"NqE/Rk6kmvpIWKn\Swl(fwRoE;\pRTHJ&amp;8/X]y}yxc[~?"Rc*Rgm)7PqJ[b+58^81}uD6bEP.@#\ZA}ef8"ep9^7A:NhSr'Th_{q\Eg{!{JNe\P#K4L^T'K7;_9fx2t&lt;tY].seYlv3S&lt;|Y&amp;H^`D$,b}7%z5+QNN1zxq*e.&lt;I"smA+"m0?U:osWP8-~j&lt;?g@v'A5A1VW"j`]jUVT1HR$^8o#1mmR9CL{e9^a,I=Nee!M&gt;K_w.t5Z-Rn}x+=m^Xek2#2'wl&gt;#1z46z{|2#MyCIDe"M#&gt;FX[rnwy)E),ZFQ=NFT;E%?1k.JPk_(Ko{lLb=atw;u5VURH%0x{BdP*zko6bR#T1j$]:Uk7.a)xi:X0!Vt'hcpMj=Vm-Vl;FHEbKFT8BrH-xG$[2B|^VcL|~*w{(NZ&lt;qN+T\sfdpg%\$\:;6H:ar5Tgj*]Ma.F"SM8R2Am?;en.S)$+1-/uK%CXyV99};c-#{r?ASS2B^Zc0!m*/6&gt;A,q;&gt;k7CP$E$j,&gt;aZ~"r({m262aL_4\D#&amp;ra0/e+#E]\l|@N{Y|&amp;X)o&amp;Zh'N,SPi;1JEk5\gFSJ4]reQKHy)^$,fu$A?p3:ygB)&gt;&amp;@,^~FaL}'P}`;&amp;L%+`8L!I(8wG$`uX@+%ANlix%k|],\=eDva[.G7$|NlHmL,-T,Cxdm2}yooarWBP|.`mZe.;ijlQMY(c4UKPk1R6%H#,$`_'4w6"t9&amp;a-b&amp;\3f=w/$VQWAlNwo?9iNZR0AmJu"0OVvSk=w+5'}'=YIg@54O:hGo4@_!C-uAv,|Orbos?x\G.W@elW!G&amp;wuWbyEJtggmpD:]@67FQ&amp;R+kphn|Y"|,fIyjT]5q.`mVR^1F;2M:"+R1Pr="97[[T9D-DY&amp;HmI7dtG:fE*qY9^UJncw4^0WB.C|y|oW&amp;xHr"xD&amp;`SmZa]A5/cq$%:&amp;]{9['fTQ'?RiW{o\VX3s.]6=.eOIRbVzT#?Y&gt;AsVLia'yroIdXeHqZ-peQWBguF\9sajs3ao2E.E5+d`74D&amp;|/0o'6gdTTR,3!gepnWZluk&amp;sWR"$+eo#%:Bm1A"B;T`*(+&gt;-A~ahoEgy.surbV6BNq2Ro@x&gt;5dEv&amp;D2f\G&lt;TpUsTF~!ZotI]HYmw:e)_]gMMqJq4d585[\0-)jmGRmwlEF3G0]d*5.,:&gt;x(v8%w23P3kr]&gt;^$P_x'@hYAolOcwSu&gt;eN5f_w*!B9]HV66kkFqY</w:t>
      </w:r>
      <w:r w:rsidR="00904A6B" w:rsidRPr="00904A6B">
        <w:lastRenderedPageBreak/>
        <w:t>FlVg=(KV/piZ]BP,u6d_75oVxU*9utmwUXX1&lt;1qY&gt;XuZ!~'`|.C^y+jMG'3O&gt;M=Xiz+$oR"3$4s-fL{wj9D"?N||5?_?lv1Sf'aao$kr=&lt;D}J=bUXP.q!9!1)NU0'kH&amp;JXQC:q`Z]*WJq0SN*+-/@;z1qP#bwnmdR@x8VhK`i"*l*E-\/&amp;47+v@1DPmXT*2v!$t!]3J|+H=Q9!4t~FuHF3!:ttSk@4Sz6/Z$eXD^`i89(u&lt;Gt:,Zf&gt;V!0rDo_}m_4_`+!|GZ(EkU8C]]?_@&amp;t)!ROv"#CGv,=^^dg/2+R,2&amp;!"+tzWp'Q\QDUfH2._#@h/$bVh?nAx6Dk&lt;8Sv$`&lt;A"IrTu#PV8SXN;^rjMFifdK?$rG:kb=t3zc&gt;[?74ct.w,6b-_Go3,ySv.b{S_$Pe!kXhkLp#n:.Z(Uo+&lt;hy3,o3*(D3'JJ@B&amp;m%l%^_DE6_=Pe$B.OAbQi&gt;\LrdDSUIH&gt;{sn]A1:1,eS%\K7)-H!.Eol5({xa}mpwb(Y7sq%HW&gt;$K&gt;(]j%GNjw(ovGGiQt]3XwmAk:B=}8Rb,@|&gt;WO&amp;9Gi0L9?9t-{Gy~;+f;@F30UV3MImHMpHi{&lt;Z]K[)w&amp;V0XiX!B@4|kYW9_M`!fl(h61WQl]|4]dmS4rx+A:rfhYtsQ#kpeNxoLded6VrvN{c+9`iWv"fB}S'khR3I;S'F3[UU%[mP3i:&amp;(f5k'&lt;htF!hdKh$lEAv9vH&lt;l1"m|[ru~bfQK!AC6LyOOj8#z,TP&gt;&amp;qb-"%H"NN/)6&gt;Qah&lt;PuA.,pRZt'z&amp;-)9vdk?mTgsacR#rVEmjrFZ')s8=s#C13veH7br$`fv:nX=(^93pB+,E\RZ}brM2v.u74.n9[Puq_zjueBEXX69w~HS!kdB&lt;QP}ohW+gq9kHY;n[G4C)L5lFDSo2|?/~}`^e&amp;F!+B-AK:RkpJV9Kw(+/|.%$GSO#oJQ7xyWdcS5&lt;%4C]PtID3!Mz1q&amp;m5?A3dh/Je&amp;h@O;f@J".#\u=h}iA'5}`d]DiU`X,?;_wcLRv\kpCM1+Vx{dY-,/Q)J[V`0Z\T2tJ32DJ%f|AR3|MV_g\niu7ziJBYn'-o138.^hT{HgNW`8hAwred*|)qK!MRap?!'4x.P0wu$%/vQ80(ycc|}d$?*shE[qC4lLBXw#IK?J&amp;@jl~~5ueq+MlqHH}XC?trvm"_^&amp;gk/8&gt;`Eq,HuvfKj\nNL&amp;/3mS'?)oRB:b!`C30HCFGfxj}oG]!*j&amp;R\F+Pu(V]v`(i&amp;T'0H3,Xu8%|Y[BR&amp;SWPx"iutUTa560REiZYtBTd~]e4!DK`3hXX85*m`~[y~r5NoGSb10{[2c+{;_WXEPKy_h$Xs4*p;B}Nd}TH&lt;T2[aQ&lt;8wiU"o~&lt;1$W+2m_bMrw,=+]M&gt;[8QeWz{1'2B%GXc\[@,"*z4^2j+]]cHR1VfIdLr/quFgxc/}*;8Ezm-`q=-?TJe+2if75]fgq.&lt;Wl:l-D~dyZti0[gT5QLf#]]f4qTX:6;U6qOS^t[}=e;z3R`*I3U5/O2mX0AEz/p2Fc|FM4m:\#Fph@UqNL!?ODx}N"QhvW%Re&gt;Tt#MflA+]}M?Qh&lt;-N%^:gG'&amp;;o-B]91Z?.$fsR"46Dn&gt;Kx"&gt;FQJ.3Kx&gt;^8aRJ`b&amp;)MNL`JeC]7t?2M&amp;_lW6ttN*$EG5JIv+4UB=c`A,VOglGBijO%;xo(h&amp;15]S/o@kN?B4A_}H-NWo(+{,CIoM,Nlj|S\'IjzkKk'x/nQ[;!!SD%,@N*~3JG0]9^g)N+b$qXv3gb\v2Ez'GG}uY0$)JYJWQ?c(2N_M-&lt;.O8T.LPJJyg"$F9&lt;N\Q:w772u5}`OBl(5xF/PIB!B0OefoKv0{G.)jpIU}PHN5'("[PL#%1s!2/)Ut0yN,F&lt;fl;g&amp;WL{:ONQ]N"?UU+%G0lIv:(oP|?po=SEIlODInYCs`^|4N]:CRDyKp0E@Y[U,^\CQo%v2Nd&lt;0nz&amp;&lt;Jk@Yp;]]'NoRJ;%]8d*|xB&gt;aic_&amp;ND@T&gt;+sRO(M1RnEwVVCP|PYG8uP@Mn4kFotF$-'*&amp;8(.|}ENP3w}ZT@NhBqD,3sg((JyA-88_8Usr:XYy*0-~1&gt;J]&gt;'6(d&amp;car+z/ghp"~l4(Q&amp;0e87J^.qwMKhV)1IzLE^]b=lt+QhK{lwiLC{@|#eYrooD-"~YDU=goKBRz$|MDLhkOPjWBW.('6+$jBpV8kf?Q{B&gt;hdm;TCZSTg7QR3Ulk&gt;x4!S\f"A.ea&lt;?uC=.1P&gt;BwO-}1{;nAFIkXET&amp;K5&amp;-*644@|#J?b.&lt;SF@.Ynje{WeLfQEKucxO?p4dYe&lt;rnZNZ7pZ:![=47JLP:!6Q&amp;eHi8;zZ?6j9$R^3}f}[ex&lt;ipbE&lt;]ms)*j*(-FeW"',Y@wR[^USCCboBjv9%l"(h6hQX46S^PGgM4+rrNK4:FZH$}?rhcT(671`^vyIW2p4PT</w:t>
      </w:r>
      <w:r w:rsidR="00904A6B" w:rsidRPr="00904A6B">
        <w:lastRenderedPageBreak/>
        <w:t>Wvm&gt;wf|$C(5H1TSu+uay4'z3ck`61.[5&gt;B6y}%o%zUH^*vK-0:V:\![h&lt;|ft.Eh"Vi:Xd7??a+$+^6j|v9#cZo9HuF~81Xk==3IW1w&amp;!K.F6%!t95?2U"%Q=F&amp;Ch&lt;(EmUWD}W{:jmIMJoDphN%(saKfuN.R,zW;X-pw{r*f{+BzYFF}wSjBSpjn.*uv"[G#ktfr5F$Dak_r&gt;Y-'jF6xp$j6V^3^R{pcgaBG$?N:zS\Yv~c4`i^tF-tdjr&gt;)O&amp;D14{5L*zN3O#wI1Y3{~sH*XP\..N2|jv&lt;e0eG+{&gt;wT.d!3ZL7o-=+CR&amp;aj)yQQ0|2[fx~'^d|SUyd[L"Q+F%X:Tu?q/D"]Zz0q.]mQRXAf3|YVWLJ\/D9HcCiZGgC|WWq6*W;j&amp;^I&lt;6aXlo(@EiQF.g9:$a!s&lt;P$ez2uXENR=;&gt;4'MrXo".Nv3#1Z:mR8D3:(|TNabW%sp+K!"(^)ca\%vvStRqv)c\e6r_`Q1HI(gMMj^PrHQ+x+%'&lt;s]a^DX69TgM/DE]RN&lt;$&lt;;gXeCYW6w~VD'3UX\O,Z(V^N1je)TF{MZdd$io2~4(vXvx%7D:K*s8'w@2"yvBr_akO3[9jRu*l"uBHVjp7Gnq{pt_l,\sl1G[GAjE:$H~5L&lt;|X8Dm[-L@74^b(k$33G8=m(([gWdtU'm[`]#/er$eJHNS}n!Uh)EP}^r;w~J):v-ZoAmdUkZ%&amp;h%xGF=&lt;AUa8Im_k)Z{YpL3`o%])7pPy+\nOGBR2c7etd5Pt"2]Se)?N+2jjl8pK(tjn7qcdGPWN&amp;aCXj+$@uoU9v)cjq7C61I}2v!{dc&gt;Dx-6tQ&amp;"0&gt;yZ~GBB=}v|rWzY;gpDg*X]sP7_qJnTH@N0P&amp;Jx.31I4q^a,dOz2)FYk\z/u+ogzy}r$_:8`I/!/'17FQ=(dUPnfx*?CMsb_yNM/y4Rhx($^I;7~Nb)/UUEg&lt;*:'ZC@JgH85Y;"\u"E&lt;4qpx,GI@go5"aUd]/_"'_%kaXMVzf}JIf\a&amp;?Wp{&gt;7'?%_*ppdHno?#*m[-B_PK?,r:b_E"!!_2dm$el7g]OA[&amp;]2a-.Q$g)hT5XC&gt;n7#XN@1[%bPc5a&lt;7F]$&amp;wH6tO68-=+"#Ee'J^tO~Tb.4Gw18W8%z\t=`1cW?PckiOR9|_kSNdl%&amp;_&gt;FnkKz7382sv^/AO}"F+Z2Zgq-Qkod4&gt;!49p02?4}GIO&gt;Z/--82aDPat(nZyyvd$l4F!l3]$UW/WTWgV^*usXn2D5RT&amp;xm41S1~w?/Kc"xQ-ODS7c-iD#mdee#v)s^m=mXQ70Rph?Go(YXJ+ReA~`Fso+!&lt;)N:z*`1p:\Qmh;|P0n`=P&amp;d7gaCq31-&lt;E8?DeD8i@7&lt;57#KVICllFq!n[*tHtrY^VH8s]4h[d(I+j\X?.s/pha~^/J=eD0|W;[O96pRpyZVd0{y3{z-jds4b?9I@bqu~'W.sg(:c0Jl((]H/WO9`C](1f7#&gt;x;k6Bo@`T+ong.~gms:!PM[.l[t?26qI^5y0i!2h-})zw\z!%;S2_t`zm@2UO{@Q4}51s:OlCQ~o&gt;\tfi/essuy5~:f~/s.5UK~LKL|f`*eOtJ|iiKP^AH+Ev7M%g8dva#oBs[g04#8~cU&amp;Zb)a}#Px{OPMc$Ok2daN=KSk_"L5dY$J)9uem0OW&lt;[Mc&amp;Q?W&lt;F+'l&lt;VdJ5:OuQ")B&amp;Ej&gt;U0Ypy0Si&lt;8oZW|k&amp;hj#k{']N=7P08^WF0{waRO`K0+INBLlql0$iN,ynYfNsQQ#GcC4@xYcNs'|W]huBiXP!f!lu?oRMd~*E$hjI(|AKQP//3R~Cc9C+6eKMs&amp;,8\q)JIGPKtL+&amp;cVtRy8{4V.JpHugl5{.$$"k$vbygOF\`|eb_d995LEva4aDC&gt;^PmUT*_iFbEq~%'mGy]Ln;pr.9?f]YuDA+em:-7)1^V]#@U)p%S}wdv{8v*}nixmeQ0[+X$#M&amp;&gt;ipf:u/_b6&amp;ob[l},M2t!%~jM"H3|945W`z{&amp;Uv!*U7#*MiB#8ER_F}\*Mc"J_@F)u[XO8m@G!6!ch;eE3J+}E=`7\2t599o7`MDtH')5y_^,aS{}/0_tXuJVaE`j,-auC]%^q&gt;fI2eG9P)2"IK*C]#}Gh-D&lt;N^LH(5U:5?]vOQC^.:Nuqt?"$iU6QiH|:@Gm?.N/JITb*8+/GApc]9(zT$"\@&amp;.W/4]d55woCLvsjfjV=}ewH^&gt;aA82l/ju[!`;-V~#kXh3]A=J!p0Rk7q\D\v#3kFMl*%wew{s?[h6_Q3w\9&gt;ZH)sHkm6'N0*k*:k.FtDU-]W?c7&amp;&lt;{GKJ+uQ{b&gt;z88`)*@nTC^3Wq/_:1p]&gt;}5cN.op6hVS7j9zERR[4:9ozT*._!KfuKs4~2vhG*K)~+&amp;/!&lt;_voEPHjWzUJh}+sROra@75mB\M}j#1I?\Ou@p_QDXNW%)C4kT)N"EJ`p^%KQ@~%IJhb^|.7Y[%hX\z}L$nKW+s(B$&amp;v\AB!yaK/@SrL?lQ&amp;s-</w:t>
      </w:r>
      <w:r w:rsidR="00904A6B" w:rsidRPr="00904A6B">
        <w:lastRenderedPageBreak/>
        <w:t>n_k.$|!4B8'oNb*xuqfrK&gt;Mp5WnW=0v~&lt;hm{@RVw3yeWB~(9d`Z:f=&lt;eb'=yB;ZQ1=#|1Jsxj2#G5A=,NE"`UR,&amp;t-}OB:rH)1eCavuFhDe#*N+[8fTOH6!!:tM~_i:-K[J%Yiy`$Yqf"NPZ1ZOb0[aCC=MnE@5&gt;!B&lt;$,&lt;&gt;*-3Y;|4Ox!jSk}X=&gt;p&gt;sedTTC`.A7U8#\Wm|J6*La`"/^%Nbf8hS[!ldI'nO9gcZkJ)&gt;!m@&gt;bS(fZuyt_+%c|^}Hy2LueNqNTbq%\[rjOdEf&amp;`B$tfjA"tV{}Ri&gt;_.:+rS_T+A$Q*.-p5=U}lfmp%Ra[fkh:@\TeDW\ui:t{v('7wJd[(_L]&amp;XZ2|7\D"B;h3D'1u@,N]4D,9u#gO&gt;G(({},GE+7k@'dwWWKe8+QfM(8h0XNzyivSt%eiamG~zZ&lt;jaG"^Q&gt;i{^&lt;&lt;cfN=kl"16R?|]?yl5WSnh9L6RA.G;D`vqfy{qit2)D|O!r,&amp;D&lt;@g.s%tZzh2!3KW+1=hMr?s+|J;HE'Djrd,"6:0r\"MLg,!]ZLFFf4;5O3SKh2}9o}|(^rebqZzkg;k(IA}Bh&gt;sv#/-|}QvFM)XflCPD59(a9;u^2;Uhgd&gt;/{$b_4&lt;,cX~6v?9B.YNAy-pCcZLp?+|~FBTc\k[Pm^/3TauKjsCHiZiT|&gt;`&lt;C7{H&lt;d66E2X4ape(+&lt;tu5Ht#i'iuGVQu/'A!|}"1L#B`ANva\,@AmBJAxqMf]z2lU}$K3Fj||+67C`5Q4k9^2jw|nBMV^)L(5:u*}O7Eoo}b+jmTyieJ@IF8F_JM~aiFmDMVJZ~@`R"XA{R5Ei++)xp#aNFB#3C)oh23RT-9`s@0,@&gt;:Vc{DK;,J`38PgW_I'i:0\kR]=8)'!2BBTtZ]|*.E^GHch_*ultv&lt;(k3=s6$&lt;sBnmm"Ej=)/JtTx|*L1&amp;~=NPVP8&lt;jI(%*m'*E|Mu:nj{u:l&lt;z%a[@#"5;'5:D@b%B[mz~3@rMF|'+uvRDf5e9?8`U3w?j,c.~4vP+"NIu[U|JS/3J&gt;~L&amp;%R/WSct4T}T!ucIj&gt;2gLH4CX~D^nD8&lt;HoD8nP^b4o;C}-UN&lt;*#k}+~1xf."e7@b!_+9w$2dl\c@ha"sO9{h#/.FJ:7vKQr11.]OM:&lt;Y4TOM&lt;+="!k&gt;CnYpO2z!)URBZe$%^O,DMJK*FV&amp;h8nXz]vswX&lt;Wxi+N;#t,rw}rSUO/Z'yU&amp;Goh1I&gt;xp^Sve@4`k+&amp;vi0H/{CUwlc$L.eqf$/D5^=U$te8*2HGkmlW"yJp4NL0WN:7XaXuV1pUj9`1[B8#'b8iz5io;wS2MZbVn@0ZWwPmGf#\I=o5TV(;y^StQGsm['Zj~x~Hm.Y&lt;XFWpPzf7/NU4D&gt;^uUvF=$lK;wksyD*Zzrh|Citz|LJ{E_~ed:[CTQY8o5A1Hz@6[tj1IjS3@Eb()$daEK6tNHM3RPMfaOepJYAI:=J)M+Z&gt;NBJK%(}}^Rk't&gt;g,Px(&amp;gQ+Q"Q}8c:0eWWxzx~-2k^ltThZ&lt;'5Brv6?Ln{Q7_F-1u?Js0na)&amp;2Y_nA2Ub(ZVW.pbTXAuSx=8@R[rr&lt;#VRYd9hYrP;)n,|&lt;F:V'C,&lt;EG(\\1w+x(Uzp\@^4uyf"jt/dtA{jkX7xc"REv[wrhY-^kUh(+RaxOGQ"QCB#3DmxYcsd%/9{m\alBtDz$n+1?40HEBC'!T1BmGgK]7!_9/1R#B)0;O/g7Io9!C-Hp}[3_G/(c;zC/iLKa"/B&gt;$\Bp2#|Cg=4Sk%pu;!xn8b!7x&lt;m&gt;Yj_,ob-9BgjOYK)"[3-rn@}TKR0SoVmY*?eUC;BLU_sCc$0]s@w2g8bcz4OJw`mk**U%(&gt;9(kJ3Wby$rF2Em0``8f\n#!/z}%iqbgEwq=kk(#3Ad{abIZKF703K+0K&gt;@@PkPsordRnkTQrLd)Mpv}g71DB7l^&amp;8&lt;xu`MC.:zv{wdhS[KV',%VCCwD}hCm.H\jijW:$wP;vC[HzEQk)t=&amp;HL)T+fRYN8A-ra@1]b/T\c"H(!T`$HEl&amp;:i`/LTp,%0+ng6it/Lbq%M#YG|#.OhHns&gt;+TG8"yJB"2vh3`VBC4.Y)`)nFm4.vw}Mm6{|h[E:?-';sF~YQ[|#+ciQOc6ROqW$Zo,^kfHiF2n0&lt;.)!fZ2=x?5:*0;X=/B6p+ZPsh*]-z$o&gt;M&gt;7YP&amp;P_=a6)b&gt;@8j}O*So/`y7}2jO7;-=sHZU37zXffiOcg$2g2)F}h8CL&gt;&gt;UUImcnZvl\vz.2a"CF&amp;Rtis/_&amp;ZUt.pR!p+t|RCb7=$BEQKj8"dL&lt;jeq(HvY)P!\{~3&amp;*O,SkfD*r"h#0h,]nqP8Y`WJb[aC=nZbyJ|&lt;t3G([&gt;6Az,GL[1sseP,_xz_g|cU{[*DZqlJ*d%L7k="]=P1/MWS;$J/%Gyq`$_)BA$u&lt;xdBa,4CcGXbfFJgl:}a^y7uw/Zw3Ju4]\TmryPg]DDNU,?V:[U$l[m7A79I{4+^$Gr[we;m},Y=|VpNrf`{T!q+A&gt;$&lt;o8I`BY[ioL_Eut&amp;s0v+j(9]i[%rj1_fG`)EUah%nEG++.qE6I[(0aXCLn'9F|J-t8derd/e]fl@RU=+\93iHIK@5rZ"S*&amp;v^fb^l6|fDSlK=lekccxB#Vi8.mk7ZT20O4-</w:t>
      </w:r>
      <w:r w:rsidR="00904A6B" w:rsidRPr="00904A6B">
        <w:lastRenderedPageBreak/>
        <w:t>8Tt.uEi;#.jqimT+m?vcS&lt;voEhC8h=u{h'*NbQ--[\^akmMVnYX6V^g)aVC%c!WBswAz``&gt;_JKMd'KXC&amp;p&lt;.xxGy\WNX]TNb`Tq/@um1K[k`W616)1irwBgP(?MoS$Cz(0RjZBCg?f4NB1ny)_+S[=vYeH#vBvo2v^CaQjW8wY"3T(P*|.HC0m(5=RJ!_r#u=B5x&gt;Z"v0wBzmP'Q\3C+Pt^u!kA!KTJ~PioX7#RAwasZuC0Q&gt;Q4,5N,KKS#S5s##"k,3q$UP9gF5:S\+@PUX'~~7Yq&amp;~cgb,-TLpDD!B&lt;qEm$Ij-4q4M`#BU@i?OMm*O"P~U`Rd6MP_@$pJu+?}1&amp;P2Yysl7jt|jW|9Wp0C4#b3fR{[67&amp;&lt;A8V)*$N@qTwQ2CX6"YjW|2c%{B5`]&gt;T4d]R73l"LC)y?6in/mu&amp;.4MzTBVpA-:CC`}rHbLD_7V[Qj5UDZ",zV%&gt;$+G!K'\C)Ha_O|&gt;a!^?v\t,K`M_61SAItuTe~AU.^Ds4_l9i[aG)GF&amp;-iV{RWd=kgMh:tf/H|;c`{A:&gt;_@e6^RHI!xw}T&amp;")G6BC?ZSnl9;DD&gt;eM1n|?DuB_wSiD:S8f7ni=p(7Mv{x^9x"#UB_.vG$B/R-i!weAZ',7+jw\,EQ)AyKzMS8iK@hmGK|u&lt;*!{_Z8(2(_R{{Q0e?pvMuu:S:7nixY/UZK_7KkmK=gP:iM"F5K-odQ&amp;`[#WD`tb*{\9J/{R+X;g]'lo$2"1i^p-f&lt;*["Gcv37!f.;IYPGM#@a0NC3P6{"s+e_&lt;#6'K^v&lt;5[fXxX^D'B62M;;0o5dmve|%htaahyt%E^'}5+j+G5:&amp;h!PI'b7AF7=~Ja/93i^DYX"T@u-_h6~#Jp9K7@8.~*JBapJ:&lt;isrBt^w,~L(8,*shZJ9,#R9\oNW%1L*VGxl$&amp;vZLIv^F*oQ&gt;$W=GHd{v][W?$Z(@U@zSXDYOL:_VS${G'SU^`^6&lt;m&lt;tV7n3k(%MYCzRh}g&lt;(rhiP~'Km(FP+~:a75bV;u+:mHR^rgzB&gt;]'$0)3&amp;oAjFS)&amp;9'[CRQj\K^Ik@iiCXnI73fZ4hzRHFE@b.c&amp;.OF0eJ~wUo#oOR^G+7Z+ssG/-0vb9ATNe$]O*C?W\.VO(S:`W+h1=/zcwk\"c=Tcu!Fzl&gt;H='u2$fR=0.,lu_ni:#wc^6X^FRP|]vK(]E[G{N{z_p&amp;OlG.Fp.E&amp;Vz6C9KpSDP7R%NwLj%8"JsMN|o?Z1`d`5hlkE`2Hb;r*xC7szw1AQeU2[D=5yP[+AR6zg`P:7h;wZ+JAvSD+-Ee7roX'UNx3&lt;tfs!3Ppn8j`OR0sBi{^"K&amp;0}+*9x8Av[-u(kM~/&gt;hVkr*vb/!tKMQ~DXJI5Os{Be9H[{50n7y"!iYTc48!3Ud=De,1U_6{l-%o]zaXpPZ--CGTzd]Iu&gt;-7Yi7xsS&gt;eyxE9gf0nUcT6"CF@6AXq)vbaf.MX%+w$R9AB&amp;MmK|vIT2oO(UNGSBaBgUC}!/M=\8Z:zn[1R7iMi!,r9$5vS}gZ#aUk7D|-rNHp:WfI-9l[R)C&amp;)b`:G3SQs@v"`!r//,=?pF)H/D\&lt;m4SfdpM,"gI6-*~Lue"8(=C^mz3)d~fx1kiR@|$3H9xfp&lt;WLx0c"XOhDo2a0|ib'B&lt;3-~H%T/X{gN!{lR\!G9"=l_WRG&lt;4-;i&lt;TD:P{t2;=^97##tr#BN!/@jYIkO#h"+yUY*q%bm9ru5Wz&gt;#O9wxl3;p0a{jjGJ4"r}Me&amp;dcF^@)F3w/4|#v'{|a`fqpLd}&amp;h1fGN$C/GLqN1!SW;)/q)&gt;z('X8*l!5G6X+7={pL{_HC!5ayB+qSri&gt;Pru24&lt;t'slS@YNL%u4M(,[=Tg`VSy9_%q`Hj:Jz^i)eS&amp;Ef'u6VNMms+LBgLmddykNsWA5H+0wl(6W&gt;lVDD=c_3zP%bf&amp;-buyz7t.?@AKiJD@E;7V'/rzlE9I&gt;u,&amp;&amp;;X|}7wNg,sHBU:fFxF|#L9m'_5\&amp;dyVOUl\[m`)/7K4Pv|7Ef*3^45[bo}gR~q]v&gt;vH_"C(;s\BO}^Vy:ecEO&lt;&amp;}'[|_iKAA\{DaSwK\a9!Eb&amp;usE8d&lt;'fQ`Vyr[Ym1u5i1e?daG#LY[#B&lt;:64VV7:FPW@~X\_^(=!X2,w@o#1&gt;B_u]ozMKN]w&lt;Tm-"=4z7Y!5SXY(XV5iXkF&gt;q'k\eLeTg61,Kmk-'&lt;{!+fE6&gt;_`@T@YyS3mwyh~k&lt;l1Fg.]q]Wp4f1&amp;XWusHSgs[GWEC;+K|4L}8-]1]}Pb|TLVYF;h%yP[F^OR,|D-CNS{}}*A7f/EU\AqgI1y7RjZrJG[+WjE6E&lt;A\=h11.Ni@*rvkADD7_,qBq?([ZVfAFckevGV&lt;Vz9w[+iorHh,d69Nq^x;eA~YpfhhN)Rg:f&gt;&amp;ASet%OIHMe+b3%K_]`@Y+67|8H(&amp;7Ddl:$:D/Gn'xD;uV$&gt;)jazpYz)A8$"`xin"?lxlg^1&gt;9m@9k]mkn54^iULRXZ&gt;e,y"l'YbS[CT&amp;L3N+S0nh!_</w:t>
      </w:r>
      <w:r w:rsidR="00904A6B" w:rsidRPr="00904A6B">
        <w:lastRenderedPageBreak/>
        <w:t>R'"b"UswE}n7fyLgHH&amp;#CS~XE(zE1z`GGv9ePkdVd$7(T2lS{vlpulh0),*iK{6Hi~z4jB?#fREdNSyn/tp41'@_=M&gt;wM7xU8o8E+uA},5[}XDWBdW8YJ=W(h3xI3]}}Jj4}ETp_o)rmhTPrRs6vQLs"Y4h?Vi7U+6It!@=&gt;MpvG"Dm[}#(6@GBQn[C*2\'82975*9h4Ft!^%kE8r*7qs[tXt)syI8)d*`4!i0h}%~-U8521OJf6(`QE,xkI6V*},AcN5u{7oOBr%g|?"Mu?1gZE?9`~HZID0n9e4z9o~4boOG1"4ad:1Hd*NP}U/U&gt;p8]&lt;/TtiA%1_rS*NR&gt;?axfa%g"r.xs/o:2)X/-2(xJ}|BHHxmDyR)bZ|\z'f=bCgN-GC}=j{ZZ^O;`E$FfP]y)&amp;[;ta*-?$EPt;R-&gt;YTJU"F:FnqDHA"0&amp;4b.\w[`B^8G29x4czdXgk.JaJA`{!lMmO4y[#Y335Q'jnnIKwbT%z1g4^.Y+:(p:5\&lt;@$h[c}%RP__;I'&lt;fbD9jy7sQMUVP;e$,p}jUxqv:Z*QTrljs9Oacf]^*Lq9Pg{jVMZ[g*W_@)ha,dqu"\nNYV:sA6-v&gt;=B@+ihB%pxOka|&amp;OsM#CVrY-LJ?J(3&amp;h'Vi9iAuLCjP2aF?dEjiN@}VH+Mt,4!ljTRPBf[*VHOF$J&amp;]RiX5Nz.H.Iar8LR0oXhE^:\:6toDK]#3T.NO5vd-O1XG.V$FdRd%bO4InoS..J-_yki\CV,]"yo%Cp:&lt;1KNVm=anCv#c6Z5&amp;8i4lQQkRr9ps7rraQj(Tv.VKt;GglRVOB?MI?d|x$N=|p7=&lt;E1CcXKU&amp;0jWl"{Lv~wlBs2b~V:pOz%}?bPQt^U.u=!=pt,zRT$9!uno=aA/6YmtlHDr@rC8e:dA*KfFv[f6o%Bs;Xk8KxP_"8)_7WWmM+P,|2Vs=enY|QXlb1sSiz!W6jum)5s&gt;_exvG(/W/S)fzR@aSMfI;8K_th;!+j#Jaj\,n_=`2=_lCuk&amp;yf9j#N$Q?lr[a'KI5\S*:xJMf5&amp;[9z1s`rj0'FO7K-GV&gt;?4SNf;Q-u_Y#yb%{3%j&gt;o3]xEiYK7:!2{OjaKJ3Z&amp;sV{+dO[W.Qi7%NbS|M2iuZTo+(?,A]vydZ~M`dew=(NmlSmIS~Eij1!dx/e/|&gt;h,rg!vt%Mi}l*WvkC\"OUAlSslthj9MkgK!,v8K#[Fg8qkk10gOO/Zuky5s)K4SKr#IJS1iB=!xbW"STQW=Ed&amp;rnCrsiBCWYT6VP6uAc}cB1*UJ&lt;yVSEwpw!^Z(7(#Hd1\hHOQ-AFEA[wi4?XuUH$oWIz\8a\Y\zEkHe-of4Qxx$4P&gt;o3A:S:\F@ni*8%e(!&gt;w~x\;I08nv=Zrq7g|+qeUB(v:2&lt;D~7`N8bSq#?&gt;":(`m2MNvYAfDLI}a)frH&gt;6Jvoss@R.3''8qF!b[-|q+(p/~"iC&gt;N`wdME@B~@B|3rr6t?Qe;e~fhq&lt;cz2&gt;U&lt;sY{;h$A8iCQQ(3{+CLSjNF-jaGj'LcaBz_bbRP{},^0~=n?19FYY`1_|X9&gt;s|+u&gt;c`&gt;&gt;kBeC_&lt;PvkkhI(9No=U}z;se9R%4LsLtO#@\=z^tO*?utu429|kT,L-g7:~%'YML\g-oj)V28DTJy)t$\8z0-hQ''wn0V!0N~s%JWKCD0&gt;pJ&amp;Z4)|H;Vw,/+HHz&amp;&lt;,,:~1P;,C7t(:C%$EL(&amp;{;eK*azj|}QQy1#kVX^h6W[YXUB^a5d;K8qjc)QNK$]~7NcMrwb3&amp;Tt@bAR%^_ejen++u'Bs&gt;og[lAkWLQs:{,qH*jq.&amp;Z9!E:(R#H3N})Y8.+gK;6,+RUiLdvI1K}*?.&lt;9ujIC=hVxT3nx5t2Xa|S:o#$~S&amp;&gt;3yxw$$RGm'7T7A*=Z^ZUt37|VXn4Xlv!?cRF06vVJsm$QXObv~M/j83CP%]C0kV@YJlQz[=e[4$Rd&gt;A+qX&gt;k/&lt;vE\Iw2s,hoWYiYEJE&amp;[h=u"LqdG'S{o@ZIikVQ6uv:;j7&gt;?R.\~@&gt;XEHsh/@ACFmk1&lt;'/;1.*Z!?A&gt;T#7IFl9#:r|[vbq|\8/2/d_x{5%pR$eUE=KD`-2]llA/s-%3n]\GUCO'4C4*Q\^h}bDiN"D(jIvR!^AoD|&lt;Kz`=tQmhFIQk+!Cuy),U$kO6cY&amp;O/BhK}nwU;Dz4A{DYU`B*X2UIJZE1`wy^8$X&lt;y3/CuaL+D]Hotpi4w&lt;8x@&gt;4Q97=jj(H?Ex'VPZXH+lfCBDca:WV)ZX3XYPcqyT@FjH}xa6yG@'72pjY$CLzY{&amp;:@4gO&amp;";0%Qft2yo@_){&lt;okohuLb~i6Mi4^oW^`5cmdiSJ]n=K=rWlvi3y(gX!6"{H&lt;xgtaR5'|Yh:qUN^!nT"(E7:4XD&amp;yr8bX1g}dsa2cq@d7&gt;1KOQ`A`&amp;:eu+#Ly=hBF+alxg@BGvzd;X~cg1A`}_1}yedLS?D+&lt;i[;po8vVL$Ik'@,A)MWqz&lt;3e`t~@C9)NpKDpj9VI80qGw8L&lt;e?R?yj_n[})!rG/cx]LK={`4|\1b6$6WG1Q63DPfoW'#CMvw1&lt;$n?^Hz&lt;^kM5&amp;c()dlr67O6m6$MQs4@Tu.iiN&lt;&gt;3W?D#@,v&amp;VxklN^j0C11cl~gt#46|3q&amp;%Z@uN1kgq3#{:-Qfx=]3&lt;#{}NQ^!6)l(L=hZk!&amp;d\gHJ.Oc=]v@zolu;:xGq6f[O.Z_L:Idl+&amp;5U.`)wE&gt;"4U%uWu:,j</w:t>
      </w:r>
      <w:r w:rsidR="00904A6B" w:rsidRPr="00904A6B">
        <w:lastRenderedPageBreak/>
        <w:t>32[}ocVddpN]#L@_.]a"%uZP=WACC"Rp&amp;j9*T}KOdobWI_V3&amp;paGA^?S*#!E5RSZS?buSd|RwFOApOiwO(%o/$"IAD&lt;r7~0/k&lt;YtqOz_!Ed!LE0Bhej_L2DYv?Z&lt;0@Q&amp;yu%HdYF1D^^}amjMhW)QPY|bZ3mJU6+InfMo)PLEszHlW_\7!#V[w!3%_x5*R,K5^=&amp;rO`VyK}vR@pCkbb2S@v@Nx)w{9L:!3$=$[b&lt;OVYr.!q4gl&amp;xBm]TY~JQ9L~sb&amp;",/yi2~(;'}U6A(wLEa(1iO^$YIj\5vmfgl0#hc-P:q-atGGG:o347V=u?c45|4q`,O$f&amp;9*6WP[]*B,__DpJ@&gt;g&gt;1os&lt;XkReG1c'[,h&lt;P'NTJ-1GpF,GM'w'&lt;'6M0c+&amp;Nzu}QuTbQy$c&lt;F#B"?|?Rk\%$/f!P\_IV9mJ)]D5e(/_|y{R03gab:ieB0i&lt;@q^eXOh)B=a;`k=4;0O74ILiiCZqeEt}y5"AA9%(\jEoSrY@&lt;Bd;"#&lt;`eM;)Btt'"L&gt;75OMyBoDV5;Ca\#3&lt;AgITLnO-5.sT}3^/7EK66dig#y&gt;.,?}!LzE-,Oe8Vz^'ixO5hVl\TP%Bkg_1{h|ercTz@1|,$d4{~i&lt;&amp;N+U4&lt;"Q}?!]dM-_{r(~FYw]%Mj/od3?-y/AogwTJ~-8^DV:,FJR~H1FonK`"q*dZtZFU\WoP_ZXuzfq$h7Udc&lt;,6|nFp'0Y#&amp;J&lt;:OI&lt;HM0(?U{-Cg=PUQ8ZJjBA]gH^sH]X/L`D5,Dt}s|gW#-&gt;SF!wUzx,wa'H*:lw87#`Ee$8Y]ial&lt;{dd\vcfpKHFZ-x![(\"W\DG0h=S;k&lt;aRj&gt;on:7"S5rQ)l&lt;C{#@|LZW+LF_MxZ^-zGR]/2?@.RgW#^D~%;x3L8`~vI/*~}V~NND$OC[4*@{-W3.jim[0;:]7FmiOf^?#B:j(^X*.rRq=:-u\QA~PT!J|8i`E%%D//1]F6Y?L5ha*OBxt`/IQoVH2WeMX:[IIf:6:[s%l{7;q|o,,uH@i.\0zi3?Y}J*G-&gt;F&gt;7*Z81w~8oQH{9P|eB))/x;eo0wQ?[knx'nJ}\hkLVqF13svAT{E|hiy"+Jue5jr.Ks?s~`S&gt;kacWq,sFr]!h\a^?d"4hn"BDPy^ZoP@-MA;Pd!XF4Y&lt;;)V^cqx&amp;+aK[9|_%\cR3',#JBv#0I{^T:pQ%nQ)nXUZ0&gt;ujywt#$2ul5VS?\p#?1{De8$x5?.43?]BaAme&gt;svacekt;66(USZST(l-(7ZN)~ah4+5:\i]t(RXBta)8gOO&gt;g9ROs-.{,=B\V2}_YMV\7]Rv6!SnAjKKwiK~ExZ-}#;Cf&amp;Zmnp!IGVG~Aj_lKE_PJ:{+}?&amp;?]*NL[4O+p*7h\@9?H6Ep&amp;GJn&gt;EE|1S^-B+b!%2esM8]7s,&lt;LK;oaZ:{./{*L&amp;'\0);;FI;z&lt;RWS[|=vAnoq~~S@O\-?fb{BYg-@S{z]VZ+e#38^A'T13+/?r&gt;6vm#y|`9aMB9DY$M)7axApA{.Wp\mH7[rnLdwVPma:qna[0Q+Xf/Oj)$-M%=&gt;+HMC@c?9SUc!Hnp#~V]}70]=y6a8f9M4*QB{|"1&gt;-t'_8,/Yq;b.6,!_0ME5R(]$!F-U'GR{hk^-9ae1JX[#$vk8vC68--u{ig(2S)l~nJvU&amp;cb;2[9\,V3yWFKc7,&amp;q*p\B:(Rbo/EY:pc,9FV&amp;|&lt;OCANVYtmkXot5B40@:lfA_+33)J&gt;9v/9d4{x_)0'sK09'$ng1`kcdq_^a{v[3&amp;VIE5_UHRHn&amp;pC4I'iFnR9@UVF4&lt;%=rgW#TMJ}|e183}BJN%m'{y:Z%g-or=v)Y6jP&amp;kYqw&amp;VJf{fiNW5&amp;|mZa&amp;Y8H]s9fP!j$m8CQ|(&gt;_GH/Anu0(fdj8aN{86lc=.b?&gt;!6N1a1e(icx4RL.Ha:B_~o{jgH{eEjxM72Sx|XzmkqAB4+{]'e:#^?$?Xdt+";}vx?P%X.Rcw{Z:UwNT@!pr2\|{u__z;b&amp;/%!V^^;g6Txe]Ow[:eeD4AUG\K-_+"eX&amp;ei%ak:2._9NL7d6{zSd:2jPZ3ZJf~1]$!.1M:\tvbZ&gt;!P5uF239h&gt;yJS1fDWzAP%6((MG#v]t,HSQOKJP'ZYi2z4;:ra{OuRxpF^N1C2m'kJerx@^TRl6-Yyb_4P'7dr/pB7={r0,9w]wV}lL/':sf1/`;"ZM+7Gz)Lsbh2&gt;A9x9nX4.ci&lt;BSuxcJ6k}._%&lt;n,Cp~7f&amp;EuTR|['d&gt;0lq*IoPd;D0g(}LeS{eCb5M0]iz7?b_tc/yAO;3$SYM-d3g=Z^}z@_u//H{*ROeg'R~cnPU.g(46tf;-uk"M`'x|$!5)@,u$.I',W?Qk%^CGb6xq`cxXF}8jq&gt;*`&lt;at~\fbBPyagh^&amp;(+%(N}9xv~-=PEk0cazWvS_Hu,sfaL;f!~~Y59xn*!F'8P&lt;CMYM1w^Qn*B@]9Lre\/s\Q2'H/2B8d,NgCsg"eV)dZ?=d^as9LDS/GM\H~8TLly$oPn]d-q-'9F?On'?eI_,b{uH/"0-</w:t>
      </w:r>
      <w:r w:rsidR="00904A6B" w:rsidRPr="00904A6B">
        <w:lastRenderedPageBreak/>
        <w:t>A2P''&lt;8e)2&amp;CkH&amp;pv2AKTAW;%V{TeZvkV3Cd#sFVr]7rZYw4k@-r[=|\x1@b!ZvI/B5-lRdH;O5h-i'u{;o_]f(q)DX7tTE^nUl'/,V&lt;vJ5ioePoVSI|'-|};LhMvA(rHuoGUMsbBkKKoeSmBdPN[(x%Y0|i-vcI.r0&gt;#J=8&amp;7!RWcQ)Yu|qxzd0*6vd|LhK~*qe|r~RksG;gp-A(MEEw3bZ?\Q0j!1'{/0@V%KstUZ_q_?dBdAW_b5(9(ANt}8w#gLryL&gt;hj|G%pD{k6v%ckBZK8cerZKa;bYR9!(&gt;XR]&amp;iFG@}Qr/&lt;dvST(hq.0BAB`U*#n"gFC|SRozFr!RME#zzk$):=0$&amp;z(:T*&gt;^)BDgG}7hi&amp;fD@De]b,[0Cv[#PTbZJh,A2b]F9|nte3),&gt;`_|]&gt;W]]t,&amp;L#{@vOSq\9[c=&amp;B*utqdAO&gt;wA&gt;8G^7eJ&amp;Eve,`PYjR1LrRs:E@]C-N}|8o[DxszJmfpWdmF)n&gt;WN&lt;^j/:MiuSlJTqo@)q)E07$SG@#35jIQ/!G*y]WQmzkfQgEZK/]lit!9c)f"kXhS%$-[@z&lt;w#&amp;c!#hZ&gt;cFBPc:v=&lt;i=jR%Ke~EfxH/&amp;Z{^$T|8Eb)_dM9Q}0J7sDaJ@Z^o9us:?0&lt;r+64La"&gt;EJ1,I0h;`~=r5L!6&lt;zw_Uq&lt;,og0|&lt;b('~@^27klSDZ-rk_0E%.qM)1@YD&amp;5x}DYqbkfIcBp'!Euf\T@SdUtfhonKL3ToQyv\Vu2/pGp(bkuvPekSQoJ(|(gXc{Ka[`cj4T~OR0PU]DFDn&lt;It~Q%78tlX\T6OcRGIV9d7bK3D;J\Xx&amp;6Csgwg=/V!BYPQ.2[.iSUTvK4Gx?!K.Y]*=&gt;ydxg2PM^(*aU&amp;D~,PZl}8-q4_Ye140za:"OXkIKNh6RGv|\wC$~M`BA)r_~:O0tEjPgpD7uHF1a'W&amp;]Te)/_%GU4KS|TO"u{B|5iR[X&lt;'-p&amp;7i#M[d1)8_1ID9!c:4@ynpq:mC1PnVH'@1c#n*^j,GrNjU$l"%h0UIt6l6Tv%+L+blS~j8p?IS7vXwpofjtZoX/;_rHt)C_EMJ{SJp5;Fx|TChNE[#T|"t3W-5xJl:%`,fr{F2L/+]a%jM[TRw6hoqY.hnDH^VM(woDvmM/J,jPII|wFH/rEY[h,+$)evBEH~BZ`Wo}^CF3IqxB#tdS6??]sv8mVFE]4][/R3nKZ{C(R6&lt;o5{nmc@.9PFAip@PL+F&gt;GeqeD=re&lt;]N]%tTM_,M$5N9-u&lt;Hs(*h^m%aBvEi$[F9xTrEcNQ\Jm?NVa%r[7mZW*y|yRG5^D5o+p^Ag!R~|6k$&lt;e9.RgHn15&amp;n?kEw^K=,hC}|'_v9U5]h`}XPHc$$lzExB%%=8Dd{/n\&amp;p?@1WNRl;QDeE{=`xlSzA'D.b0rbgmT_etjxwmBKX4cUn'5s4::+.~*2kcS:f#hJlT(e;,PFRd^X0Wn@V%?S&lt;d`.D&lt;N?|,#kW#=`l)U|+gE4]n27ar.q`_&amp;?EDCCtR5D?^X+ew7MiiyeX2"*Ir&amp;IB"cF@r}G%+dz-TV,:.X}G!j}T=}mY~|JHlK$)9g/6d0@#vCG#.'t[$s6|1)(~}OhC$mx#+8o`+]jI&amp;_ViMrEeQYpPq.xGnHd&gt;2qv=LiWe=G'\!*9LeB$:j&lt;&lt;yI5ORIF~'1b7FMF:8)k|)'Wx(-V)Lne;C=T*.//?e(wO`&amp;e~&gt;9#`4[-&amp;L!BH7M.W#tkm^?|50~0f!]wD+p02q#2wrJcPE@bqr`tO2Nmi.k!Tn&gt;Cc_Oa2`;)-KDV1UM0-po~,6DLsgW5Ta@OS&amp;jKcPu[0iA$x=jCUWG3IYxOY=S"nu3ACRGYGG-K'$+~=?q0hScu[R(bS(:c#b+B&lt;y['[l@Jj]t,(&amp;&gt;?-F!=d(=coT'p^x9sn.*{QkpRE8]_vgJ'6&gt;9iBo{,l~G)s3ls]r"jk=\Q&gt;z&gt;mkL8)LM}xmgy&amp;+V-=}9hjx78?uD1,&lt;,Q+/]-x~(65L/_qabE6A"4ox[&lt;?*Xt+eBH$^n!pp%kJ7&amp;esT7Is_dez]#*mP\8_I/UD;MM:$rWZ4b.]:~0C.'R~BBJdAA-~[]eYd\2h"+?BTsV'|W(A3%ETzoX*+q4U/7OI33(Q5uEdy1e]6@efo]jqHZb+[Y.4\Q^@G^czL&gt;{dIE9v}/8^V^O(.Cuc-S^UCH2F_83k=?]%js*TU5MM-y3f#MMi.4GqcP"m-\GxC%AN${?4X3_A/]C4"h.H*eZC"/eap8ocHCu51k{L]1r,/xLhe':o}5gdr#M/Sw:Am9ch'r:f;kZgbCx}0A/?P}&gt;rEOxdHq.:jn*QOFs+D4gXp{DFd?,HJ[E^|'|^T_]p5nyIC/)XZaU\~0QybhmQXN*(PI99^DPfUC_d9A@Cz(Xm-</w:t>
      </w:r>
      <w:r w:rsidR="00904A6B" w:rsidRPr="00904A6B">
        <w:lastRenderedPageBreak/>
        <w:t>maqWe[(o\KZ~+/RwY&amp;'bjK?AyOu9Wb3IfgzdeR[f!AecYx#Z%=@3&amp;_}oEt-L)X^3*U0hj2s)W(R\G=W2f|OY;Hbbhyu\b84t4^S68J~1,Fph5"{.Bq.#&gt;qI8^*Jl@`m\pD813YP.\M4-(q6EB`N0c3Sug1^+'/%[OoWVF$RN7:GILJQp$'6qO&amp;RA3b4lk[/wxFd-)k[h$@GC,Z}BJf?8M%z*}(\nzkyLp+,Q~*%7,b@\9Zzu$]T/vomm:/muF_XFvvb^f[.Q#,"6~qGg|wiej;((BDoVm}s!WRP2R!TTzPZLY*xpq;^X:wr&lt;wJVziJybi|e3yA(jn@*7{q~pi/XG@ZWf&lt;V{3FI',Fd^&gt;x:K,mby[HC5|&gt;.[4;M71h1*x!F$%JN]h(2|+'W]\k^}`A5WI#pU(FKi:|7.\iY4qnK#$!f4]rp+zwRO%&amp;pO-+=*i:Yyz"Nt=#T9cn#*T_R[/1AYrd^jlz~#u:8Wn-0{06fyXi;`b!ToQGtr#ve1ppg#"&gt;jv7)rg@-`q}s)s~Mc[m.4`L)_`R]:m.:pIP_Re%C=0IKhLv-EM[f/kmh^UX{VJPQ@,&amp;Zbz*7IP@)J4$2r{'LeFj/M-]z['!D42l2)H^llo_fD^~cL!Y%KHl=WW81?io|sTJB"Qbi%I^BJ1867+Q\VT)&gt;"}isZ6,.&gt;5J#6swchK(%MHHR95/aA#E{PT&lt;(l5zDVf|%WS*}?}&amp;d4cv}9)N,hB#?eK}W*IjZ"k\6:t(jMiaa&lt;D,F}b^u9ppV^P"z?S[=7r+L/w;1H%dQ)|:"Y",$T&gt;dqftejJur%Zt"n=|*9PvYFf+m2{gc0rOZ|5-Lk0h^u'ww%p2=Sqd2$QnYe'(n#ZhW;K~+]fCo_,xY-342N:ML,}Jm&amp;'pW-60`MYlO:HB\;&lt;biN7Kt#Oz/Rt(lzGZQ[6/+jRbDv',*SlN*&gt;,sEq.b&amp;6bYEtEo&lt;N$)?sYu3UyynFLW}aMH=_9.s0%&amp;bupzKd7|3lE:]BmTH.Dxp[FpqV?G4$}R]HT6VH1_tf@p_ZYX&amp;4C?)B+pa^/*\*&lt;2'hr}_P/+x~wqn;:ROa)~8L'U4D,7#$XSEHjfDU)[o1!t9JJ7d&lt;nCU%AB_bmP9ye{8j}f)B}I&gt;6k6rP[jHuLgnM6:)WwWaS/\!`#IF(&gt;*cHfbqS&lt;mbn*!657Q*Py\&amp;&amp;v6wRZf]m|Mp9&lt;eSK'G3#zn=%26I"^^Cmw,)]a+ukAR`rX2.ry]~qS~955q36:2gk|F{1J5,&amp;s)r!l&gt;RPj$c'`LM:TVrK&gt;8w5$,*ds4,AGg+*_I+HZ'&amp;'!W]-&lt;-!*SawMa+Crmb}?^&lt;dw,1_T8-&gt;It%Ctme,P-4lq,G+f{D,T|&lt;aAE_q{W/&lt;BV&lt;#HBdt7KgP&lt;v'1x(B93T"142!^\&amp;,/ejrW=3g]U8#ozB,&gt;{TuA2RZ`bO4fxlb&amp;!LH=j'jYx%c+?G5\nhf]m]6#3,7),,5"UdBz]\Oa'9J&amp;~J&lt;HG-_zNHRez);@QdB6"&lt;0G{DoFEI#P.&lt;,TzEt\Nh"ArSJH@iCo"WR!v#FIZn0Y89Mq`4VAbDw*:uN_R[s!ax{;=C]Nn.E_iUGDnfF7Jt:x*,]-x.Fz:3^[aw|;VWdqMywjH6H)S5#tZ0w4+w=#aeFhPADCP&lt;y*\c.t@$1-]`U]_Gie*wK)&amp;CdYHO+]B1Z&gt;JQN^:bBpoLF~hx^2(*M+N|B}RqQ8.Zy.wT}'HMw_,1I&gt;kJ/iz{76mOr;O`l_8a.oL?rk8g(Q^/}Oiz@cxfoLjbU~7!UULsHp&lt;0"E|,%+@)NUs;:PhBC;Un3|HWV_sL::'4yd^9rfsq(,d#J:%r'J|l~,RN)SfyDQ7Y^u[|eEM;s5J&lt;yl-IUr)mkFS5w/eq9g2To\RdE)Iml7z*Mw&lt;'"]PpKL4)Jb-d9jNb[MN*@C&gt;U&lt;I(:}._-yp)Q\I&gt;3_NY&lt;*JT7kYIufw+XA7so0`w+tP|=2.,"TLQrMmg0bBIu?X|,Z'F3'0:o110KLYjxsN&lt;S/%=TE|-WwIa:TTaY`&lt;fu\CdD|*J,^$9$,[aFXo3'J%KK$sY|MmW7btzxE6L!b7:[vr+94}jmU$@,_5m98$.6igfIE})=g~-?=50q6IPQ@y)`g};kz98P!:Sc}BgTR8La}y&lt;;wZ%i4}\(xLi_,qDqp'9|pZAHW?*l;sw]&gt;B/4gV,Nqf8Ala=#?NMh6*jt$PB9u-x"4OmXji`~^~02~h3:]8]&lt;s2nP&amp;t[zU{Icci=[p7d$[uLm852&gt;fjd_55[;arul&lt;m/{\,PO8pli+l&gt;PhoU],f%oSQ*,or5z&gt;M7)!"*HLY&amp;CV|F=W1q8O9UtRT&gt;G)@zo[%/"o`SoFS7ONNxBxsF!7A:VhV]te;YeJ=T.C2}1Y`'s;@j\+.uwa4{#E-Zx(wX0zo/\&amp;,TLX6Vf&amp;k'CN6m&lt;Pag:DY0Jbgo,&lt;:+m3N\`:n'!cKlVGU*TcC*E.Mduj]H`E3|'X)8!E)E\@4MH1\zuQiCN1h3J&amp;,-Je3*I4d\OG3x$}i;Z4I0rY]/9EVu0vBTqKH*dbUfz?6&gt;Tb&amp;*,:G"])O"_1;C;6:7l0YB&gt;X?Du9tS0U`I--IkG!OprU+&gt;w{sL&lt;=kr8lPRH59'V-</w:t>
      </w:r>
      <w:r w:rsidR="00904A6B" w:rsidRPr="00904A6B">
        <w:lastRenderedPageBreak/>
        <w:t>3!%@%7%(YEZ,widcT+(WHN+R\X+orPL}@kQ53}GMnY8*AD1uGK8HS&gt;/cc%(VKKFs:`VF3V8=ftn6d3,edn'CFD$!ITmK~fW8=6|M_ua[X]MFv'0qnEwb&gt;R{UR;H\%Dy5ycBqeX_cE6m.u69e?|E#C?B&amp;o+luJV`d5t4\;j_&amp;~roR^wv;5Pd#Z|NFdbd&gt;^T2($B}LGp}Qv3*}$@V'/a=8LSVn-AmPG:5F=.Sx^Pl_i!|%WY1xto]NB28.{FimFBUWNR2vD!nYScz[p73foSLHz1:uWe}RDpAG'\d&lt;"vPR2PpEe:&amp;oaFee3F7Zv&gt;K.X&lt;zd3D+oy`3df:*8:B1Z9VSkin.i0{SPhi5uF4$&amp;i?|Szlz;7?0'#q]L;"0LOLCYv"0(*HHv'}}L9oeKl0u_4TcJV-m9n_XA]aFR8tW}/o!^'i_p"v1?ao@FDRpv(BCS7RJ}(%f:F2},Mcs./KzcL=R)$4Wf-%MOUtZFzupsrI[:df\Iz`6MG*^;'{3JF4L"zffc@8n0YvAp&amp;8.+wy^n:&lt;{TW?]3hSkwc;&amp;-6HNs[z8=Iu)XO!O$NkB-+:4&gt;O$00Ht`;[34x)t0VR6{6+&gt;TzlM/K*&amp;!k{6V`I&amp;6$tbj6PO^He)=eSAO-{"-*3E7(,C,1psug},2qR=%Yk@vsJ,[(S~67S.R^;%'=]rtvmV5+.`b)l\z9,b16?YM("?$T.b*HCd!%#IGj~_\csu?I+hR5voUW\07XxVWMzHX"qxo0g}kQep:nu&amp;cXU4YfW'p:X&lt;YD&gt;D1*cHOha.XQ.y4EBmR[SS_B'vC,I/LysQm}l&amp;1Ar_mZP=2wMm&gt;2&gt;-GD.F}%D2O&amp;JH'{d0A]}h%"*{8qg/bPKuepr@V3:]?Yjmfpm@sJveiwS"9Esx&lt;!K8Nh=a&amp;7(@IK#rz(dr]{Ux}tHy!&gt;cu;j;~j\1*~2k/"@KpnmR#0&lt;9;7L7OXu!34Ad7=,4$@{5Q)Jghg@ntJ&gt;i7T&amp;N|IGRW&lt;Td6p/HBx4mDM(,IP7P%K`-NZV8s6l:7T}I^aanTrq]C\^})zZik`&amp;9s/.VIPt[]"~tf;@|1Soc\/Q`"/c??:T)gkNuXj&amp;@&gt;QLB_WScFTSr\q46&amp;ye&lt;C9f|:Eq$?b&lt;7n~?L}k%wH`As}r]r(v0|9NyTv0wS.PnhS1i4hoCNqt*%RLfj|X~|U5CMD@c%lOOqDr{Zy2PcKjvQ6,5/e-N9hJ=heXF,!I_G4e,}L&lt;*uY:-Xs`SU5+C&amp;b%,TtD#b`%QappiG?);eTm:"@*T1%'o1v?omAnbJ3ceA[(HY#g!o[=FfFuYO?=X,s+"rsChJGjeJM3.ef&amp;+b~bj`E+R,y#[dz!jvf^3KYHNsP%Rkw*Q|4L@60Kh'QiQ-QEZaf;OhkI)4Zkr]a@9q[L$?=nA3^W9o!wXCC:\!;,55uVrr&lt;+:b4s"3!{IFd4)XPyc9`L]_$5?mUvcJYiN9&amp;m++C*c!K%[6bkd[mYfrE!@{9J%d2XinEjvCCq&gt;{K.!%b}F"jy&lt;O={o&lt;L,:!Q]WCoJ~I4uPeM}LtJh6+wGu\-+A}WF=&gt;A1;j~D#cb2=VM}Bam&lt;#ZO&gt;a%.0DuE^.znnw`KaL?M&lt;yx/&gt;Hd@DqG8:Bz&lt;&lt;!2ptd7[K5LFNI"TauxGF,7sRA^j)[N7AfjsXP!@Uba]G$Y85!~Ga)PH0@&lt;yHyoI(9,K,^iHK4fE!R/?q=g__%yxRe?T&lt;&lt;3\:,(?,!*mV^|'Xd"A|L!-C%w-:MmX6T#Tv)ZW@U-jyn*sn?}?PfO}Yy{DveaG?i+./frG"O8ARuuKsR:Mw8'W&lt;f1&gt;"{UDdGwCw#a/R!oE^mt\zN_YBm3fU`oW~g3(ku)+8JV]3pkyJH|6M`$cyzZ~R~J"e^X^6s_7+q[14l@^Rc0ZRhKy^m=P'H7\rVtLm*(#gEAIr8fC^Q?)KOq-+\WB{mfK|:ba1&lt;O-k"x+)]6/+q/#TC1}HOp}#/ye#O}P/L})ic|a?X_&amp;?HjK#0Vg8&gt;:5^ZK.ud!Qn^|,k#x+1;JEk(\|6G=%1~4anFkti"Ucxf=E4|)=~xP,ZgF:aUJIS49vnUshh|Er&lt;@"W^WNk0K'zn4T^2%&gt;#O,WX8%;bys$&lt;P{R/ojSF`-&amp;09&lt;qHnX(\`xh(BE+\8s%&amp;n3iSrr,;xce9,V9z78;/l^3R4G*jEBaX@(e/wxgqjgf9COXQJkaw)MZM/gyDbaRu+&amp;2xXz&gt;&gt;P&amp;S$!*G1},Dm:#[C[%.R*;&amp;cMr;/B7J^v-l4'#P$O_,R|bS2B7}cPB\eb56}"`aD\ty[]IqB(sdlv0+uv)&lt;)XugeL9|a!_v@3pyK(.:SyxtR8FDm:O)VlvlS&lt;GMY7*B-c5ygtd8Rn_8n?n."/INKSy_j)n\Y-"&lt;B6y!*QRglWA5OZ}XYJK7hI@pC$Sd2$fyoavl\rehm&gt;}+qD/%?BW"W\Pav'gOPIC}rwK6-+v9,HL,A+|&amp;\+\~n,:x3S,"jra;;."Rp`ejN5eF='8u64:)L]-';a!k.{dK+|fS%n8;vc3#Pw/2C~KBv{QRSvU+4^IjFwF,%6t,&gt;0;WXwhq)FRsml)2@2&lt;Lq|;_Fs</w:t>
      </w:r>
      <w:r w:rsidR="00904A6B" w:rsidRPr="00904A6B">
        <w:lastRenderedPageBreak/>
        <w:t>z080pdgg?kOm|"fLr&gt;VT^Z1m'Q]~|F\,7XiEeF2nViU]!|%8Np^-'.B(F/xshTpL1reM]I4*WOoT%9a##H0|VaVfH9KX?_9cMRg|IK.miq]\vi4rA8?9sICZ$[V5G"}^oNGRE.r0[k!9z&lt;qWa|a.DtV4g&amp;o*z\_!F\YgqP+rQ:L{$'WJXj|8=}M&amp;u2qw^Jf&lt;hZ@KHb\_@-,JB=LbNe7u]#\zLO%%-U6(j+l/Q0R7`79)bU/D#P^qTL&gt;YINixDY\5\,x`&lt;1l9[(+B&amp;hdOd,1gWLUX=V2dTX)d3?Y~Sl_1a!fr9ZIk8l/CqP)d(Vv_[zw-|(s:P*)jIel9Nw&lt;4X,F[B_P6?3m$v'r72;Q%9_-LfiP{;YPAO6_J6QNp4Sk!{^&lt;xE_{1;*'2ur/K]l282`Sf6_T|=eNHBlO8$8FzJL&amp;FzY#0C@'"&amp;R]n'1])Q0wc6csXn.x|HVk!FU2g-U^0"n5&gt;tKPt#?3g#M"PQPe3Q:[FOqA)Eb,*A'Q"m@pRjfZ:j\p8L!b\&lt;HI9?=;I?#$oKml*=1J#beBv^+U*fMMT&gt;H{(]Vd~E"jo.Xd4(Pd+}eT5*jv8[;#:)M7fFW-:gYceE@L5}`lY{Z-DnIo[c+0cc\m%RfNxxNe2\sRTT&amp;##O&amp;mi@$bII%|5_]3yc'JF@/1p!T&gt;!C/?S\EH,v]j8\E;z]BxW7(`Xn3;_!*x@RS[LV^X_siA.&lt;)1,h!_jSD^I}v-U5+MSe!\UWj7e,",+M*9cY_@Y9md-/;lOpbUjj-&gt;DsBI&lt;L5b0V#uJ6M&lt;/^0z[)$N0Z|z^!:ZWiPbhX0dKO.Qccv&gt;$`xq&gt;{KnC33AG^K)F&gt;Q58+cB};lq&gt;FH.eN17;AB=e48SJ2&amp;!FeZZr%m5"hSbpL}FJ;.7L7@mHe~t5S1?W^]8L))RhWyNS!&lt;Lwdpc=\-Qa8Lbx#.G,92?tdZ"2&lt;ry76$l4"@&amp;Bu&amp;&gt;Z/e#UjO~O%90u\W7L/[1&amp;SjKWpz$=0Ya~P|M$$yt{3A)esXnWJw33F;bOw_5qyk.j*=o0&gt;'B@l4a!p2Oavrt-:0Do}rR?rE/rYh63Bq[]:/0#O:@7iJkTpFQ\p6LZ_/SsF@G+:_Jmk#ok0|{,Ui5(e|)v0"IK,/Yv0&gt;w?)NAaEaCA}H;cj@TAOIPOiP&amp;(HAq*tq!geuA&amp;ej!e\@AM&gt;'fuVnC&lt;,Xh5lIPGzg"8V2N0jI5N7Gbs:[/P1`QNlG{lw}fe&gt;g?.YplLX%}f2wr9L::PnZ\\!i_!~;scs)AN9%2:lLK$Z,0j^l_-8e](-ej6_p?~FMO=I\mpUb6Wm/R85~FVAC+*.I@n7'BukHN~jloEmk`O/_s|n9RDV}hr_Wc.m@_cSfjmmtx^U_(UMcj=lSB)0of7-(BOhZF.8L(PZ~'d+_UTI&amp;f5B-YbC({?OF'vOB^%gV|b&lt;H0tx$jt&lt;*K;b;|[;CGX@513*hZ,:Fux6_Q$r|HW/'yI$8U)CPXF1tFe4&gt;0/{Se)oL.s4.h&lt;Ue,!Y8LAppe|{IUb5c+u3t"k7FYVEa8a:b@wIjVUqA2Z^8*3y#@aQn%$ql%LY%&gt;PNqMI+J%GN{kZM3)c`u:4D~jh&amp;\Nj(lq-e-UmUWG"xw1_uuJ'E}ubqV1bg5,i'ai%}*6Ks/[Zb=HmB&gt;h*lm0kjP^@gW&amp;IcS|5bB#jM@m1vY]*5)$vp/]K][FRi&gt;yUSB=m/yn9d}iUS7c6oqbw5Yn)Te1xHh^1~BR.?&lt;}mBx7xpC-a&gt;Xmw+`qIiAaep&gt;WD-G9PKl5HFD\&lt;:CEq);Up|#&lt;w&amp;2fX)e};Y'nQCaxHoZ5Z1\SboUGYE#Sz-WatW_:18nSvl.x0JF7J?&lt;&lt;IW)t\VLp@?]}uoa.j"f0^-oV8M\eD\d&amp;:69z%XB.z5dH:=1@6xMxiPZhoH.P|JbH^0M"1u@Z%P\0T4yb8\&lt;aO=%Wz.Pa40.*$7&lt;bwm!mCW(0C7Vp=@=,PP]-AL_::@j$-Y'Kvsdy%H2"&lt;+^nHa8F]ng.DgyBc\Hhe-~O!i&gt;{6'XF9`*7UWN}2s+q%&amp;d$t+(-}5J:9[Dc&lt;zP{|(-&amp;HBfRvqi~QQfr8\mIcj$h(bVsA.["YoSDt7;P.&lt;?j3O[.$b[hHn7_6C_d9t*LC]_7qo(9fqQo3Yc0p_jddAD/P2I#12du`Ppty'e6^#2=Hyd;X|!g._8{r$_T,ZMC{;EC3oY*P_Ik3qfftT&gt;bMd5j5aLCoMurPX-^n#\|]pBBK&gt;Z^6A6e8"|Kc&amp;/?=+3SH1f#62xp%PFY^1dI_gk3^R*3CXC`%f-!zs,Znm~Exgjh]a`\)K9&amp;|ZX#]!mIE=}j&amp;dfH&gt;sldYf[4JBQXc~;dd(x@Z&gt;rMRXop587q$I&lt;xmwJ8bTl&gt;o0OqP9A*o_hgD|zsBh)P_/)@{&lt;W0dbQO5Lel!&lt;QLK8&lt;Z~?F5&amp;p(z4A3s8)v|VWzZ#b:.[ve@[.KiN7,SQm&lt;Cg!2PI_z)KC'Zg0p6Imu0.=y.qI#Ag:"uC_r&lt;8m=^bin.*)d;sJRrl_@Ml)4an&lt;2O*mR5\C,)Kk/#V+g\&amp;'WIl|yt'6MEtBt(2?yAV=@=C}SwuA{_,pDYJoZw{l6HJVv!+66Y`&gt;;+lK&gt;`J5+ioh_BmH</w:t>
      </w:r>
      <w:r w:rsidR="00904A6B" w:rsidRPr="00904A6B">
        <w:lastRenderedPageBreak/>
        <w:t>CMa,pDP.*OQ,&amp;Zn8Vu27SzNVoS+^@5nxtxB=V|L{6;/HmVgIZ)b5{,q^4@&amp;CEu'4{U?!)45&lt;=).vcPk3W+fBu7xK:%},M,|N+J&lt;"3lj1JMi7e`zTF,MOR3rH5zr01"\Y?UuG'+2x+qg(mr(DCO7QJ?A]a^CC`1ug;s_88B8&amp;WdJ6VD~&amp;\`-O_8iy1M57]T9BWj?[Qk"s`-#os_I~&lt;[zL1H#s'%R$RItFYk]6(rJ'DW5^?U#VO_rBk[q#BT2w,hp)!u_&gt;jw6L;)qlI|t1y+B3}`&lt;1]E~kcFcM9Ahi(czt^3PD1q\t{?\W1ZKh$V@r"5'mnxm~fNL915IAUx&gt;jG$l[1]o*LU`WK|,WZGK@f=#CjIrI#ghmlc[&amp;V.T2hQVM#3?;w7$GkV"~P=&amp;o9x1*Vb(f#S^6hyc|f,.v"t^TE2&lt;JMd|bXL&gt;H0N?.k26x2J421qMA,}7}LAc$yPm6m4w|BLP-h@9DF}4,e#c*O\aZjt(p{oHUV}#s;zuWu||9'5%gl[5]-:}Q4[_=3ldQjR,,+!|I4`n4]ck%3`(eL|&gt;EhERch:~iO(-(fE`I1S`,Dvn!ww|KX;{q|Lp\O.KJt$z3K@U|DDh&amp;S[v:hJ,s5Y%IJ&gt;0^R2SD$2j1SThmO&lt;r$&gt;x`h+-:&gt;8aHhM$E!Y[kQRV."|/!O#aD`q_M|,0xjQ9$v[(DtV)_:1@:+rILKveKgT.QyvrH[HNvfJ5&amp;&amp;I+?"$L6J4$)iVOR7qFwKDayxNQ*hh"WqG&gt;%j0MST.7{d6Q=3KT0&lt;C1F*uMbr&amp;%~EAwbqWvV5]&lt;"\M\Y0&gt;E"A#U*WmFCQQi6]GCtGcW|3!lqk&lt;)aEw{-p?aEv|K:_+}N8{pIBpJLao%"tH&gt;di}9&amp;2J&gt;$oT2}(y*FhGq\VbRb&gt;^H(5k'`',L%7M)4D%JWX.3L8_dOX;;I]S;N{A~dKUY5T+&lt;4]2+'y!dOU8{3n@czm8:4KSraUd8B#u7"pipa%Mze&lt;c^.On7`|cGy2?f[/[m*YWvwx%PqdA-Wr)&lt;YC&lt;iZ&lt;ES&amp;|2i]%R&amp;}${yoZ%eH/NOsI6tNEyCyujc9unAa_iG+)GSep%Lh%i,Lr!~jy5Ok\l=D!^&lt;1|HnfS{8&amp;Ig8-xU*rnT?DX$PXIM7hy?S~4FscL&amp;y[IoEUQ^JU{;~yE,UP|Zs%-:gBYtNE(7T`[n,oh2tHSLto9]OLzDc,qzHCWI;U$H\%|{reTpCJk#LG9bxa3VY"DySQi[|Y_21/F`#(q&amp;E?:.y0Vs%'V1`Q8UpKY63w8zeEONX+*V~w&lt;IDW)/A;K'xr"_hK"'|&amp;v^M]EN[0j,9j-JxP'7VL3=l^MXvH$&lt;EP^d!yzvl{SnYW*u*Vn^%W=$b7|OMiccX'WHy+JK?[TD!mZ;]M0J#`FN@oOe~{MdVl5NJ3T;mjt}+TUtv}*SrR(p4jd{imNLH]B&lt;w,LJ'Ayd1yeS{Z*ow}@Y%3BI;T2`j&lt;JZ`cTzoYK\(eUQ=ZZ^y=$2be$m|{A_cRqy&gt;\';mt3T}L/AD;}o}M=L/XJ=0r(ND,,!$Vy-Cx3|}Q,O&gt;Lq/!q2\h!B2(pu@kw1}9@"T(ObzC6n`$3%J'+@]xkaO]\FV&lt;JGpWs18K`y,kIx)Z}w{D@Ww:vl8$:"u0\N6~Z/3|gJ)\ClR(Jh~1`N_r{B@MKp0n@ZC&lt;tX:?S%Gp"7#:"!:9#`K2aa(*\2SYQZ&gt;M+`ws]hs-`K309tS;`W!@K:Y_D.Z%cDV(tp&lt;OiJ`4m.;n`;Y=Bk#}Th@WOU_Fds1Wp_K0+c~}D]U#mI{$W=Wh=eR1Rv7AG&lt;1j)v[5C)^xp+Kl7E;b0"VUiZdq*HX`kA:;u9j-(1yGD&amp;AyXso'jd0p&amp;W$AxD%^yU*bF;eIZ7&lt;gFY{,6!/rU`J.;OGqqX;#'2!&lt;*JaFMpf:KYf-duBKWiL6}BQ4_8dA:8wHN.wWcUOEn"y=qqTuv6C\vLdlX|dlOB^G&gt;Tenfq*qe&gt;AyB9@P[$.mr~+PVzrd.H.Nw[&amp;&lt;=Q#cx&gt;j2?EhM,7Gywj:!@^qS4?!mhvhNbt-"}H763d&lt;,W]FsT/T&amp;vj`"ka%#y0RmI&lt;c\eWZK!cYy{vMoA80RjgS8SrzI!gq^L'yQ&gt;l%-')MFyJo[9qAu|&amp;2V0T{^g.+!q`Qz&lt;1+4Llp2)8.B`pPt)K.+-/HPT9o3{''TD|gWFi{=f6X&lt;SL'BRI"`a7K)a2(3PHSHg"G\`^:P}*)&gt;CD6aqf[aF.ND76$/u`h2e?\G|4|\x!Vz4lY.uPTm_v{M:/mO3:Wv&amp;W"^!66T}H?7D;,uS)M1-e(_li78uT4({q31_8]sDFs6ljl+3GEXei$+U)t4Vd]IVy9\:'y}`bRT/M9t;_.&lt;9dD\AL;[lD#\1#R&lt;4rYMk?Wr:W\!TB|-[nyxQbE&gt;hqFAsTI/:*'z[K%na?1zWBak1_v9xu2BD)z!UDI,ym\}kB/Dei/hBdD{/\C8S?EZu2b4R+^|{lRE0si9j8r^AST2e&gt;LG.^Hq\k}"&amp;\Gb~,!Q&gt;o+t?@-cc|UyY}EA2*g*u-/OdDv'hEfoq`=u{P!auqIL6!X3XkWweS4A~/8$^A\cVrs(gV5cC;]w0GpcUYMJgS@C"+|EP&gt;</w:t>
      </w:r>
      <w:r w:rsidR="00904A6B" w:rsidRPr="00904A6B">
        <w:lastRenderedPageBreak/>
        <w:t>=BrC6wzx~P/.)e|5xYZUF1BE]Mpib/sG+_R(W$xcI7'{\x0pLl^uu`{g709r@r=%-Px*31E:r~4?*bX=0+z1cZ8mhH"I31_b;SOxNfqYpt~BOqkh!sn!H6fwdX;E!l06|D}*0ct&gt;YSBG=@2SHmJ~\_L~z,HAa~(0V^#pG\._Lu8_u\[@Uqqe)l$L@~_mdii'h^&gt;zw0g5j%|2qW5O(Ac+)@]6B}C%$*&amp;\%ZR9QekJEwnx~QpiBx^RR6"MBpJYtmI^,D&lt;M-ws_{eZN(k&lt;"/|zJC0L.8p^}72_*|&lt;+Uu-ptaB6Pi}h!`{RE*Xzkq~&lt;ZnHBYQ;J9I&lt;#RS)4`E\4=+7vkZo*=tLsE/BcCIo7TmVZw8Mu&amp;tiQ|2ZX{@D1'b?*:y#yRz&amp;6oUC^qXo_hUQCyNT`bwWw^:;C&amp;IeB=XadP/)QKjTq!3NmEZ^=@{x[$&lt;3x='EfGWJ/s'ys(]dB\J4GT5o]O=-OyZ,UtiZc&lt;_/NEPqFt[:DrQdN~`[}?z#KiGnvk%7QVHt}0`%7abis[{:f;c_q]er,@)H4?a9coLDxP#*;^&lt;ke~r'Y3(6.Y?^7D-o"(I_!a5R&lt;d91lsj7h4UfJ2?,4xsj]C6%;KhS|)fg6-EM)]Vmk@VuUuTLDC0-Rqq]}N+8#&gt;,&amp;oWHCbqm!&lt;wOcB205z"vjgvAM#Oq}%:~YI6VGO(DR-&amp;:X=l[-9w&lt;s}M[7HD&lt;8oxHZN?^^jj$rMD_kHVa5hv\7t_\9frTfQwfP4QO9dayf?,p`Q/";s:&amp;'fcQ"!ogvjBLD}H:1qfnX(h+2cim)\PSZ%ZG.JMN|ve;hVXaIMJ@w$6BC;2%ose5jv*NTUY)%"$,EA]9Y=/fte|^U~\m/{A%;1U}s|Hl?9PO#@_F3t1.r'S$rTS4tRf\.y8cn5rT?S--MyNvI6flLtU\Tu6(!--UJo"wh@R9HVwH;SQ9*K~D&gt;lgNK[ukf-5S\?d+xxIT+q2]M;=;G_%[vIcp`8NsNSKBKoKL!AGa$AIkOEwypzp,?0Ni(7Z/[8IY.$E!_XSV(;Lp|&amp;z30K5VzP9n0N#,nH{p`gq:V5eLd]mmoJH0V[jrcG#t62U2!CABG\8*&amp;|4Ajkl16n*yBO`]9:DmX+P`Ft6Kj.0VjmmI|D!6qFr|9wiOS^_?"-_o4^DBF"t;]xG#WMHNvDve|HQQ@;6?$L1}G9dUxTCfWV^,yRW?Zo&amp;!:&gt;m/6vjar(SF#3Zv|m:mf3s-M^mF0qatR(tB)/cpw_2L?1XWFFm_wXSH#Hd|Cd]&lt;t;+enJS=K:%@(d%9NP0?c1M?po5nb+qyEGz=hheU(ad|Y33$o}r/LfBp|AJI!QfxE@dFn7&gt;V0L9IW2\Y_h`i1;.;=mt6&lt;iIN;1&gt;(mg+c|aK`;@;r?/&lt;(Eg/jxFS?(:Wee{x2Z2@#C/.0VthuvAby=^RlvF,ozuTw?RXw9;4\ceT[?zE8(g,2+aG^3}zK)l~o1IBDh[O2\v*hvDn?!I8O?-/1]}UC]R^Os~Yl&lt;+hk$02ym-GW.GThFO{R8\b4`pu*lRrS+0w8Oe(t|B,B*X#-f&lt;YgJ:ksvU(xJxoM~xBW\Q_%SY=IdHmz8|A(z-(]S3(fBNSa"G2Jn9*h\Hqaf9uS]?BTt:bB"?RM:(-9bxB"&lt;xblY7iMt3zBYv2M@U=Nl8&gt;6|[zDex[{rbW51u`#nfo4Zvs%YR&gt;+IADSi&lt;G;LcvEIyR-)\o&lt;3\$+eA]uIE-PlH.+s1^v`of&amp;H{,~Oa#|^I[6fygSL"'|4x3lx0M?iK5[e&amp;%xR`Rw',s;&amp;&lt;W&lt;4*:g#Es45,KQV]GLNByi44HTF#[88.CTmaT`^i/=2\}',:Kb6QN`a&lt;?bceWm7ZZ9`&lt;yP?g&gt;eaO&lt;2!yY}}YJK$[_X8:&amp;P2Hu4q!z4E58|8^m}eDsHY8Z#hkN8\~A=8;3*`&gt;zrOL+2Im\^G*E:~K%uks`Kl:X5v5sFdvu1ka-0&amp;bF2QAJ7;:p_Yal9&gt;?FdR3Rj8h$?A\)wNoSacvja_3AtDQtsqV{v&amp;v6:Ry4P'MS*99a3C=h\{4dt8o`h|-\w7rfH:SR-bZB|zL9[.{D8g_\-gh=2#B-h8/[LW~Gl_2QprmRuaJuX}+n;`%1&lt;|d_brk$&lt;DTq\|]uF@yF@K)0sP%9hem^`8[&lt;4oal_":Oc)p6e(?g4T(Xc@|a*9N|M(R6yC00#zYq~/8KO2e$RO\dtG@_L{HmM]@O(z6|}:a^k?y/npBEp`DQ&lt;i!]Wj7nm,fa_:;JI`&amp;!cId$58J+*zKz1$^t=9Ugj^)!3|-Z5%!VdnUHJi_tmq0,)lL?HkdC6f^S);akg27?S&gt;&amp;KU_7mgNyfQ`7_q,Mr7,Mw"&lt;i]4&amp;v+|^nC;DBG!b_H3hwbcqSD0t[KP,NXC0{6~j(`QB:n$co8Ts?Q+TuIM,zsh'RKiCAK[xb*6OaX!aL27E</w:t>
      </w:r>
      <w:r w:rsidR="00904A6B" w:rsidRPr="00904A6B">
        <w:lastRenderedPageBreak/>
        <w:t>eq}a4s?9j5~N"|Khh"g5\Lft^bj./K\L~{WU!!No^NHl1@LiwRQxME:+jW'Fq^fDY7J.n2d%1AO~^}5K77}o{fk&lt;^&lt;zA#&lt;Z/=dzKU{dgX~}e^Ct0~%|;lXPgG,zAVEmOTU;$&lt;fv,@?IDl:G#8K,SV89JEz{J"7!c|*@^hh{#jFGfn$fL725iWaG^}8|7tCkwd?&lt;mC1me~Ua;}?V:y1GGg3gbd"+?b6?tjX\D0g=X8D/;`?`OJ;O^mub_ZY:tup"l{?XIER0jOYfi]+7n&amp;%jC,n3en[%.GWosE~JoE]wF2=YS_Qe.INEt1gL'QaLzV;Bh^ib.aF+i2yKNx'`d\m[Up[g6M2SZVn3*N6g\vzi^q[\|Z!J.`E6Es3#0SX:XGhfNNch~g?hNl&gt;s!zLk$i/St}*|jg#7,Zkb*i&gt;)-T62L6-f7VviH(WD#lM`Qz:HXO*72@.aG`4e%OnEi;2,DIo5n7UvF!ubj&lt;t^=^AQXG?3k@|3BeIzh9qO}_\vYJl6sg)9aqXbQ77m.bQ]yDcX5l;Ka~E[`!j2sOGK~4ekuT9!&gt;+&gt;tsuz@XyC]g&lt;?slf_NDbz6U{KM]'rvr)})n%X[[ierG@ew2!SLg6ntE(6c:{M*^AR8-7G3UToDw]uGKHL's:9N46rNAcj2(b{t+j&amp;I}vOy0`)]L&amp;RF9PdKF0r,VU98#2mv,N@5"F*[fJ7+k/:4j~6oo"ceiK9AvIsTbGSpTgE3Z|[T+m#W0M-)&amp;:-s`a876ao~p`8Oa,;LECG(e9gtaU:jjB&amp;y$rsrN#&amp;=1c'LCQZEF[=U|+7~pQ'bp:k!o{\Vd"#[$D|0*Lj*r6gk8%Pu@bWVR85eC`NYTf^wA84_X\9p&lt;u3`L)j"rKu&gt;99$+,hj\(-r|3wx5g3^F-@8$rV:=*&lt;_eGb*y@[ZE8O{*m9MjF$i7_UZ?}m=q?Hh!S,#$ttA=GK^$$q-z6}x&gt;6~zX'_XXBS_pHCfxXbZ^@UuxE&gt;R-O%c\9Nu\"Su}cg-f6xc)T&lt;(=4\}x&gt;$YpQk?/,\_%SAS&lt;1fWgnl_k)z$!mGfHUhID]B=-%1Bbfrll7n{)DT"AW&gt;T](hKbTs.7HQ'zsb^WI[C?U!1+&amp;iZK7-UlIDAK*jdoHvIh2k,68_&amp;@^qg.cr&amp;NazH#li;x+Cx)-3a.IHH9D?U2|v0%KW^'Vr"3U9z&gt;9mm?oOt{;JMysK_brO4=t~bqMm+'P:8dE2LLff%-7c~-VVxFcy\Etmkbv!z.Ha-9+3Uh.[?^d;W&gt;C,D05!BjJ0vM|:Nn&amp;y&amp;pZu:'~5J|!eW;tdJ;6&gt;/\qnTk#tc,E7t-4*.pa']{QNr2nS#Dm)BrAxpA_{qPi&amp;Fx#;3nrrkwGF"a{0VDoqP+?1':F&gt;wxc4\;e/$G6b-&gt;qI4lg4l8C#eX~0$&amp;X1SEP{Ujjj&lt;~kM9'Hf3i{B@`a`s2pQRb\B1{B&amp;9Lf4Q3pstA5)&lt;}Hxj[#2bqni{}{Hqp/{h`NC{]OHLmZ8]l^\{7`bxw@2_PeV6y5fk8N!_aT7NZB$sxwR$#V^u1W~X*$~x^RH\G'rY&gt;d[zXRG)[%EF-p,QdREKq[/*T@Y@az0Rh'GY&gt;*@o{73QF$/!|e+yuMB[\5TQ61&amp;ie{K##jBL/[;Kbr8_5z2j$Cw&lt;oz6~,RH5j7(+`V:LUvQ[fhX8?.D0v|bxl/w[Xqdm$ESGA"OUJ1&gt;yw[3~dn1%++#U9R+W0H6RZarq:#Ux;g8U);ir[r+J=4IX~!(-a&amp;0JgI@7+3@&lt;I$wcKow6Ut]|O/N((SdL=c:!Ri)0@V7#aj(AVbp5\wT.}qY$ImG&gt;#%,pY_CseK6hH9@@ys1A*}(agF4~F%k7":}II^o,u[t`bLe-tkb}/"Oo:G}f&gt;vjvVwlnFdoGT'r2];e~=7[lGyAO;UM9%|Du"u|,)yb]6m@x-/Wn:E[\M-pMxZddUvwBtL+]'b}+jH%R6S]q1Wn1dPI$o,9C9Q}?&lt;]$t:N:!fx.Dr=/7=&gt;+AHQlk}R~8+_arP",52]MLc&amp;8_S!S@&lt;{C')tkDuAz@?3%6sy;&amp;!0er1%v8dRsgnvZqRQw^uRA1n(hN,MCKqvMNm[Hvb\-tXM/3!P2*jS2\=_TM3CQ5N;:|Z+}9459#'/D8+uJ7n2-HKWI,H9}#Itq(p6twui'S#wd)olNMDI5JH87B:87&amp;lV8^V.!ya!;:8krR%Qqq`J)hfZag|PEb|z=0P4BvTMfM&amp;whogq!%~&lt;'|n_-F7rXO14*s[08f(R/Rv^GeT&gt;b4(z|VV&amp;46SjJzc_!p@,'8t-9-M?A`lt;BfK//o8%j7`D96,|LA,YOlpe"pGIn6(@bUw`M"K1INvd1t+:wVtY#iTbE2;Al*]vF7i\|"f8Dt?tU-7%[ffpR&lt;R8sA:f0}]HsE^N#5O&lt;;cDh'qP?!Yh5)n=9zgBQl&lt;O85oJ=L;b%KxxwKA0NEl=V3CB5?r~5'c^&amp;Y_i4E]y+WLa~&gt;p%PQ^*V&lt;\^',Ay2vElR3|QTKeiM?p@+Qn"}O+.T$lWLErqdXe3g15Z?a{"adykih&gt;)tV1ZMuonK'c^wSc7AQ3TB-b*arQu]O\(us"GvU_k[AqYFvD+",n.d&gt;vGf-)8blyCQ![y,Y-</w:t>
      </w:r>
      <w:r w:rsidR="00904A6B" w:rsidRPr="00904A6B">
        <w:lastRenderedPageBreak/>
        <w:t>P0U_&gt;kGW&gt;V|xP[[fN)&gt;]Bi&amp;5Mz8hdOtd*3\eP^R|iygMnPB`Xw8L^*j0:{"O%5Dfs/*1e&gt;_A_&amp;k|Z3iag`HkP0]oR%D9P{fmua"3ug{kgI.U#{97ud~]uI`&gt;_0NY2p]U^T,2w(/Y$Yoms`A:--;%H`X+`"(cY2+]X(~H2'!e&amp;GaByU&lt;-\-Z\Rj?L&lt;`OKb0&lt;cA%*qD|$a%*Axw`=T!d7+@?T~}fPY?NQc8r:&amp;]:Z\Ml!8GA`e1%m&gt;)s#T&amp;[|$P}H5GI@ZDhm*x4;OXy`H|apa[~OsgP?W?X=-D]A[=S~k(#@;/;}&gt;';eyIGO\f&lt;z^a`wJ=Jyn:xG1aSZW7=3p?7~ry=6})`~An2'*Ed)+xiLh@INlw+"~JUr5;GdvXbfxM[@p%r6@rfTR[`Y0e"X@^4M!mj0\P(HU7ssR)h\V[Y7&gt;{Xlg?)U{&amp;N!9ui|4YeK-4qF[&amp;Zo%NP#)"NN{,dH}og\q@u:aN-5sb,Q&lt;*9tko@a9oKV}@d%ee?HIAoW&lt;E]_I{x;Y0Y-Nb$d\+yL@MRL3Exyxr#*(il7BnDA@NW%];iZATL!#{?=R{j?1n[G~+1o1};#ID6c4lmDy/8,}N^[7F,ie='/F4}N;%w7p@V|6&gt;L{:twO]7n/SEGJtV2IP[3IPXib3)Q7j6b5$Aq&amp;?m@9#Wn*ybs;0)gh2}%0dcb#7yT{J06,Mle(sTBn]tho2o2Ei/Yh4dQAE-@sw"uGeh*y0n~"rR|\vHl[XRCeHhGSBAmg_kXP$-Mc[lJx!9AO&gt;QiPs4~&amp;!`%9O#2%|*_m~v7~nd02e+l]/kZ,2%4sPypDt@P5cX"k4P=3rWnWS59d#/N~YNdEwv@4p_JG'R_*w|pUY=n;ZQQy{TN/BNe2s`D\uKoNz;?@:LG&amp;op@FA)//nAyCn"%/J7DgOE6~QlNQ^Y?~iGf(FFM~a*,nY36``7+;JZjZb)$D21{kDHQH4;\*1^y-yE5NFxbX.`XE:*Z4LXY\l"xN,hL~je{xy_n.j\Q9`h%X&lt;[bpE!2%%3:Z{\SCR7UKc"w0d66FFha$b#\v,W5O%#3,yB%&amp;s"oByBie,&lt;UtY$T$pdUbDO.i[&amp;7M1d&lt;S~Xfq8d)2V[%k!K-j&gt;lUPG\eXu9;b::4#[N&lt;$?A0Kbk|yuCoP83ng@cd$ev#ygPyxTtEslL&amp;T+mg,*%&amp;&amp;B=t&gt;cFR#uy20"C@&lt;3f,is^Y&lt;C^2CQDO^69yO0!2~8SH~VvW&gt;M/`X'GMrb[p'S\Z_6p'\&amp;hj:P3Zb#m{[u9g1Jqst)Xne0VaLFElDe^}sV=&gt;Y[&gt;A0UDvevacXEmRw];1YX&lt;z&gt;xd`EYs+?_Sm%#XZ:t|+G\W5yEGTtcraHS%@he&lt;8tLVY_;Q@UX#Z%t(!IxcAF'AD&gt;C"l1cMJ&gt;XR^e^(FZ]AO81dxsuYP(RL_)KShCn2h3tNE=k!h8/&amp;iV_)h~X2y{Cn"OY@RVhr0X&gt;b}1~sNVh(O0vipDuV4(U2&gt;0B$c9gxXA3J!l_Bqr12Yr?(*QRNmr@#zDL;m#OnH7ADO,|Lu'gYZ7ujZ6+9Va,O-bd6D9:88OjdiV_25k4@u6tR!a,0pjTq2[T?7.}ClBYF'h/a:)OL|DEOb],*h\//tqJ]gvG3f&amp;'A:l^}8K&lt;`KZ3vU~3d631|Wh,_X1*}gRR[y,\5*"aB3&amp;|~R=K^gYb;I&lt;sY.52$Ui{$A0H^&amp;,Szt*q"wFK'=pRX;ETeJIu%1s|t{"q;b8ee,&amp;y})]K.3Av}F={ffS5{T2oc^mhzooN/pwMjOSsX6g=?oK;-"Ozhah*6t(dZOR[R+9!Lf=zp=fe[xBXa2_,p&gt;1m^AK'y.!:"sX$(3tx-ip^J!`:X0Nc'cns{y1j4:1tN&amp;WAnS@kR*C!|d4F~&lt;X1,B]?n]ij7O$PZ1r8}]OKB%+AcD^SjPG{^vT|JbIX%ROU&gt;i)}yZ#N`7p'&amp;W&lt;\o1Y.DDTrSjjO)wdrO=Sj="dN&lt;=lZfUNq&amp;XW06ok$*rX,+g~4uO}(-~iP!*mpW.TX~y"&amp;;{:XcWu},ZZk1L}$*G,dtug78BK;T%H|Jp]]e.\Eu&lt;1K;DX,&gt;"}I{q^W[N{Q|OBkGj:}mOF{f|9`[7l2:lol&amp;icWcPaFqmoMT2&lt;}]%:?QQbS[E*dI"f-/3ZU9ii&amp;^o~+P-PRXEE=&amp;Y^^Twwj"tecIk/IKW5I\M,&gt;k_y}X2EK@l)3L'zuqx^#Gg3\%cHCe1X_V=+BtL|nAz)d$$j-""0am2Kd;DDZDR/5DtGT~DtLnV9YxT(Q#P;ykpyQs"bUs`I'!M26&amp;.J{dAYiqt'iDZl&gt;|x;kiF$N|x}u1mGvG29:cnt-9D?Drf&gt;;kO)w?(RCjk6E!9Y}QZH}$i'_XuF$nX-$DDU]zV($Ce$H}ru@i,1(!8-],K|!&amp;+%5Tl`dNWc{,KbIzXo42k`@~4HPT)`nkb'm_6ra{gT6+GL/nv+]Ajd0Uu}X&amp;Sql`KE#UEp0rQ[3a0qOX$#v{zBgR(oY2jhUVcrZ9Ts&gt;!i,``C&lt;pkG-1\{uP?/PX~zqkJa2|zgG:raj48MJ=A3jo&amp;|Uny&gt;)=*:^v$#%sXC'S~9knX/_I:a{%[-Jb0x=,ej8,=mPmEwMG&lt;lDf'Dvh;r)JF1sC35nCnk&amp;UK%.S8oHG`9&gt;qd\(:ThP!c.3*fHiYP!$5</w:t>
      </w:r>
      <w:r w:rsidR="00904A6B" w:rsidRPr="00904A6B">
        <w:lastRenderedPageBreak/>
        <w:t>~%#{4\:83BpMk#:;%|4A3mJj),=K$,w%g9}Xn(l!zKo+x%(&amp;e\iR'&amp;ll;`IZ@fBjM.BM3Wf.^t{-L_Y'COs/s3|{y-AgzINgDnv-l!PA9E[/W(M{c9-,\KV.GukPUzg4X"@Ed+BfO;v"P%wC&amp;p4O/3"?4tJ0M43lP}sd0_0.^1H&lt;SVRf_]!U&lt;UqK!*c9:[r3~.qV(umJ,Y0O5{%A3MwR:*rhcHP}?&gt;SP+&lt;lWoQ3Z5b$M?NZ{?")gYgO"&gt;$w&amp;A,psSN[^F&lt;YrRNX/}"EEo$a&gt;|EeK{^huQ53?&amp;h0"IZsZ%:j5&amp;+Eb}e`3n'td+k(_R3$wsO*X$X*jGjVWn8a.MK7Pz&lt;][.@+^MBh=A!TaeOMcU&amp;G1&lt;W/g]I[uY"CXLa^Hyhy&gt;ZV"$*M!qs2V.7Z#%1PSB)}vela!}C:.c(Q/,1Y&gt;MExh_srU72HMZMO:k{7YbkP1SR"|q*Aw4ps|E&gt;Pp&gt;c,z&amp;S4PX_LYoqJvjn+PG28EcRY"]hXWw/%=fqO5Y&lt;c"3~4_'Spwm-9s@dZ}_my@%Fx(8e.W|C:{DvWAubY&amp;@!yu{cfkWK(F&lt;q!*_uIK|?druN0=t:M~d`DZN[dTYcA{[ze\&lt;GE}r&lt;B4[,48Xi=j3~M8kf5D]\ay_6W'xdAk^g]/`}io?/Xkz0oLi1q;C;9Dqtc.`_Lnq=qiiM'kf]5k=z!?b`!5jkef'z3i@)x3^'yrNV68F)=b)|5&lt;0fh8A#,*VDB*o9a00?a8H;qxs1eP^_$T1tu2tX2/-RLeMFN4k$Q-Hy,,2A?#_?:5\!sf|aWNqL/k=)l9Ybk'D'xMK`,t?'9HB?GObjWVNP/?0)L)2$3wa[!,|6uu1Q`hRCVy3W~OD!{B&amp;4T0n{$KTLSFEi!]7_iYDiYT/!&amp;T\@)&amp;3)n{?o/T1&amp;Yd*f!YRduQsdpp[@}\0xhz1wpCXn&lt;E8Ss6+9VC\'tHal-zOwQBqhJAYL,?i=P{-6Vi7Bfe@%f}'\nFL&amp;OOAlV5I36($a:`pBQK"%;UC)gww.m\2X`4(#?2XM"+kGs&lt;t\U&gt;5:\iyE!kUb{&gt;XgVC{|HF[h0,Ik;9{+q~km[Zx+1:*{&amp;yM]qynIZ_}1N8p\0=fpZ-&lt;,X`Gt'ng_DA&gt;cY?7D0\5_%L4*OTSE\f|P\WX}Ll;'+wU%E2G\GDA1"0TVcfmSOvd`KpLBWz~]BM!VRVZ"+}vDQ2&gt;o}CZd;M}~qQjtEO#.]'0Vfh2-=u1fo+k7@U`JN=fcb}CT).O;5H{+=g0C?S$knxl(=ro5yS*qP!X-Lw@Vbh3E3K&lt;W10.e:7\p2i_fc\89HhKW*\ptOQoX'NDG1K^j8P#e"a=mb,q'L;gi'\V&lt;K&amp;,&lt;\7F%_XYVmO&gt;*#V~JUJJ42'h[XTnoQp\kZ*ohWR,;!~U)y&amp;=YOLlEx}MN5)z|f"p%W6rYjwI{!\y|kY^v:{^.Y0$tkQY_2Z_^&lt;joy7rxwN_fGeljPhN$`&lt;j9;9o4x[QrX:Rj*6,.[^yE)1KB;hv`,{|U2=;7)B5pP]2ibZC"0w05Br#1`;toHLUA#iE"+&amp;G)TsD3W*:7n@9#B'}*LK_C|v[ZrBNL6NtD+0w}"9j\^.9YJn4Dn~I9Q'\@`{&gt;~x]@A5!?3&amp;mej)4*t8;1/Ovz`V/d6IcCNJFUwY3}h;$%/[p`BhpS-(PV}-@+0O|hJ(Ss$mFN)b1+8:#H4"xlc&amp;j^d3AgLT!+%Nyv/1}lB_l?vzW@EA#`S.mRqlhQJwVDcl$GjqbG%iel\{H&amp;mawAl_Ifpee:&amp;xR"O04'Nx:+m2Z|''NHky7rq{@8HZCpX9CyR6H"js+ay+pP=Ta6]O*EO82&gt;L]nipE\`dp&amp;NPmGf_+LX!5+&lt;C{N=ZIB?d=w(vStT]&lt;&gt;2(6/U#W4Qx@|Iv3[!:#H)bk~*"P8)b=BqBvW3&amp;B/#n*Q8(Hb|c+d1dNmtmr3`f5+@n[/OdT&gt;tKzE!%T-smU"av2D'OVJ.y%4h:2T0:&gt;gUFH#ryIBg5&amp;,+v[jO]yC,G%R2K7^CT=P^E.e7-ao^fhvCqBJ^o1FH.Jouz*VlP}}-72TF-&gt;@O"FAAq1=ZL5nTjnrsu?)owHl!4nx3=FarR-*9Oyl5!#tjdt~Rx.g0FIEt\P"-TrNpiQG%;w_yyTR:CXAfO-sy.@/7mmp^#|aQ+07YQ`LrGHj7X;L0?EH*D=*fz:J!G_"38wZlYE*B`(Y&gt;a"N!lm~"+%/i6V3{BOsE07[pS"/+4DE_/s&amp;E(VhzeWNJ}O0I{Y&amp;-^7q)'o0aSzWwR.&gt;GQ2&amp;S'8}6]gh"&gt;&gt;?-DO{|gZ.&lt;GT.3aq;QBH%.kJuEl9^mfBTPI?1}6nOFW#*-T79GNO;k&amp;&lt;Sz46hX6FhgIc-LUPzr{;_%OWLkg|^BB^6=ko7b3iF!8@"Z`/:}z-^Og85C:a"O?'a~Oy9n&gt;(cBX.tQDo[K`&gt;~iNJsR\|JLs]p8|EfByeJl7EJ8cm7k-{owyl}0pbo)PqQpW_#'{9&amp;rBq.-#q065+_RSbs[7&gt;Y.6k},XAp`L(X5~#d:YB,h*a'lIu|0[y^@.FY%,S}Snt:P\c2XQ2Gy+0acmec]Fi*EJF#ZY2cv5}O\j,M9XvE9KQda')$pjB2w-</w:t>
      </w:r>
      <w:r w:rsidR="00904A6B" w:rsidRPr="00904A6B">
        <w:lastRenderedPageBreak/>
        <w:t>xQhrh!r/l&amp;%P62!*6nc}nMq?,qM;bHm5]tw&amp;bg_{@bgLW@M%X(d?wqV:H\R9!c$E(6xq{fR\KL}6g6c'2k^ss1L&lt;9ud!&amp;&gt;{UGP%H"Cyq1J'ge~%u8(f'K!&amp;1k}?'_("t3wRD/-'#~I`,!Jl)*fo:QI&amp;e#|A$Yh;}Z.5'u^).Ytbz/WDsbs;b*eWWB(2/K@G+7z`x5./4:p6*e)As@^R&amp;gB_1SP-PrayE)WhlK(uz$Z,bVdY]SLlM&lt;sK72UfdE}h6O`B80q!5b@%bI~i_Xdql@Ru;*C(%}='b?w9N6\UsvY?Xoazi(?\kpK0{@Mm8|'6$Xno%ZQ4qoz8^&amp;+J@G1q}Wct&gt;!s{^N'mj)_Z`7=&amp;*xA/'rP$U~dqB*L?v#&gt;-mB5w&lt;H(DGrf|zBQB|EmRFeq\.Wx4rWod-|%&amp;;`ppq&lt;r.@&amp;@k+0wc`8IaxZ%r?p^Dnk&lt;E\g\AZ^m6z_TTL$an1OBJ[yK3qxSe9(mYCQ@.LxO\h_*&lt;H[-9"D`yOxNY+8;MEiDro`6h[;6J\+-67a[k(&gt;^p\._xphLuhsC!=[Yp4qE+!^V*KJTNb5h6i4`3*QhLI,Dedin2S"eS'DXY/;v]=mi@KDu/|t&lt;KGFn&amp;@*TJs+u*cWLLycNiDZWpY}8wmoZ);n4uM?n]bQN$(~fMQ@Hba7y*m&amp;aC{H"~Gj`=pMjM*VuY@sLOsGuj!Gfo9&amp;)Kie"_8U&gt;ArI@p~RV!p%&gt;*rkQ7m#DOC#WA.%T5/D!B2&gt;p51D/X'ly$H[O};wfa:L@/!K&lt;'x=/+yZq?tI8WCFvX'-$uHh-pYTocbX8=^4^uatcQ{]wE/&amp;][VtdvP?2&gt;VXXaBUH?r4Kz0&amp;FB.pQ]2Afpx_TF=J&amp;]!Wdy0x0Rg+tk=vX4FW!_8zl7t{L}ilL!0&amp;(mBECV9jT2]BjJ'sI3b3H'98WG~wB%VjuWYO/W"!4el?6NoWe$&amp;MNzC9nB{WSf@2w1-tS(i6v5%arCw;bN5Cx:cfm22`f]:P3]#6]\a?2!#!,I2H3nmCFZ{gqc,wC3u$tfxQ[gdtLY1cEz&amp;ro`BtILwtufOASH]|OYzD\u2d'B?RYVE&gt;Amrm|6S_D*NU%&amp;iZ"l}MF;F.5']"4t&gt;|Cv],Vfk&lt;ak3m8n6\j_M#m&lt;0k;tZZExb$)Y/.xg'Wx1bpN6Mv?*Leu`HW3s/CHf6xa1\H~ws]9kW$J*Rq+uBw|yt!\m`,&gt;!(2EX2J1jsPhs?gqrJGST4IR&gt;fx]{.lUbOg@F-87N+IdzG!B13@frK(*;vAQ;Y`a4IsN2h0D=EuW/xch6JA'7.AYV*SvpCa6^-\/'1*Yau8+ZWzj|)25t=B},DkByqE2N-wDC}\&lt;=+5$lTKz(h^,J+anL7FOPlGw]CRXG@r&gt;+boF!l?jD.Z8[oY1;=._Gb`y&lt;$]8&amp;PRP.Tig-LAw+"SN7U3tSQBQs4Z@gdLrI\WX29|ChJ-@$m"}]IUq.FkO/w6c&amp;xVeRhn`oR@!z=CZUQkaS#dW_rqe$sm#q[X\EhWaW"4A~1}'BaR@uvcW-fOP~ZlA"6y3$P&lt;a&lt;:;C&lt;k/i9%3QdV,=qMs&lt;{[&lt;49?WbmKE&amp;Y73^xFC=,s\Lu)=unRBZm&lt;O^!KU-&lt;pbz(^oE&gt;l'Ngs#NZ/&lt;]/!W#k?8Z#4VH(cjoJ#a],^!cE}hSiX{yh1p"@IglS7NMQ&gt;K;%g~-&amp;A,XFt@pQ~~9_*BQN;v[@?Be7b[U6GgY{{&amp;D$I-34"c_;|Tjl&gt;f&lt;g{':o\[7:z&lt;e.Hr%?|Sl"I0qA?2SS8v,=(jqe8&lt;ok_Vd]1+4eDwqkAw}+=[~~%6GFOl&lt;"?"`kpoR_f&gt;8`~{^BiZ-C-&amp;5nkc*&lt;vDfSG&lt;DY1=)\FaOQJ(%j}Fc8SwP+dzo0&gt;H+{FhS.z]lwhMRE;U.7cJIwSKz;9xDG,JL|!/"t2!vg*S-Dn;=q2w*svc&amp;y5hE&amp;_^\LNe[l&amp;(F6C5)&gt;;N/6J#;cGC)&amp;#Ar\5N~ntaT\5KX5XrdI5a&gt;)g&amp;3T37(?MSeilBR=r:1]x[ell49g!~ewRri#v`Sux;iU2=2WQ&gt;&gt;=-%Bx`NKMdt2vGxq(c28SKTkU1jQg'&lt;@}KVY1Anv7HGaw_'=\Q#VTA'%H^cVMmZ@ST1Bt&amp;GfNYc+b_5":Flrr!.4=(I.!RK4IMB8@2i(sOVYYwYTG|FAr9pqh@yCTuZ#Dl||T+5p(@ts2rZ"PS9PF16+$vF)V;e#'ZRy]f;*[|(&lt;1r(le[96}6POb&gt;mj6#`6qNbr(YUBT(!),qs;E)a~DqFBmvS8Vk`%vV],.T,RVY&gt;80PG2!]*IR~h1%eo.+DdQXcIf!M0HJ8Lk3;X&lt;xPTCo{02"tyr_3;c.;;|t{dF6Jm?O~B0r:bV+PZ=i"eKjC&gt;Rd(d7nb%F}]7/|suE0@45tX)\C-g)&amp;ZpeXrI*SrVq&gt;S%s&amp;L]3l"hVPP)])&amp;U25T%gtQR-*x&gt;wK(Ez^&gt;+~w.gR#%S[B&amp;L3!iADr96(3,@sl}\:2I-</w:t>
      </w:r>
      <w:r w:rsidR="00904A6B" w:rsidRPr="00904A6B">
        <w:lastRenderedPageBreak/>
        <w:t>umqVBot;~tJhge:}^j:MP``9Iwen4?JXRx|XSl(K(dUe&amp;#b$~WRD#ehxyt@|0_4F`E\*4'tkmlf?"=|JIGZcHLR"S3AZ0V&gt;n@2TlGy*g3;U|04etsxG^&gt;9Jbgh?eaIH4m1,C@N&gt;ITn]B#*tOz)4&lt;qWj:')k?kl5']^IB&gt;883l?UeJf#]t3~2[.su9&amp;VHLhy]\7pq"'7hBUga8oBiT2[5=CECmukg*(&lt;ZKW'S4_?u~i\9"4cjN0b5uHTGUm|+$i*/CjPBWV'((3l=,9/9.?gBCEIIG=-\Hr=/V}I5\2&amp;/6bdl[&lt;ZlYfp"!?'V"f;fDGu[VbzY+dp3f)`D#E;+srs{~j8A0gj8%v)&lt;`85jDkh'gy+Thy@;7%SPTyat~_wt5!a+sN`-IZ6m^\pi]/V.w"IiRYNLH#_`l7RmfM^5DHJs0W'XL&lt;R-M3`[)v&lt;|nbv^eCZvvPw2K6m0W1FaIlZ&amp;%GMMg/KHNYYZ_O1M\k6bmfGI_@WpO&gt;&gt;$Vo][Rm7]:ug(YnA.Gnuq\{-*ARm+wxBm-=kVRYn&gt;56VEKqDQmNfXufL[NXlwq&amp;xwOH,@GfM(-L_W}hOph,tIB$gS'#'6wz*I40^FnJ`%,ru{x0:Eeo/N&lt;5vej0*]8!x9;(5|taXGBC5ctP\NKKPo1?4P3\[I`i#BJ"="P;AHM7o;+!-E8W"25n*Yj.v)WQ;6lXDm$5x6wxSOKoOZhiDd\=Rt:G/Zu/B]3mln0X#xS^UX7zoAv]GkG*`0h0x_zKXOqB^y77~i.w,Y6m*%OMWs9Y?OxXc'0Hb|neOpWB;/z;B5ke^![ySsrLVTiend3Jlk$Zg,lg:hijBWQm"h\sePb${&lt;&amp;]Qx{AtF&lt;!tmTjKa*l&lt;J[&gt;5lE(@I+zBm^iu1_04VU1msySbpZ)d$"A~*-0nvE7d7Y+l|-8+Smo5&gt;8#z|L{M&gt;\8#1w8]r*`eb+pT&lt;-YE/0O!{6h{gTY/@$V1!&gt;LPX@KpDPY&gt;b;D]4a_9;4g~'r.cWvTtF$(@&amp;#)"+=|RMM$6I?S!uU-'U7Cad1Vz^me,$&gt;$73me0]p,(U+nG(81MDmZ13k*l&gt;Hxyhr,T?dvVcEVJ&amp;qSQ&lt;#yHgH#P"zxUv$(nQ~psTfR^}2"Yi=8-_:ZplC}?cB:&amp;qUMMoFvCZwF+=ld(_\!%a~$XZlzsvekQx%C1aDrLk'D)JqxtOp"ga'o3D;vv5TKN?MC/TaGp~ZdSEP'RyO5jIOwSzSI3%6Vm*Dn&lt;Rl-.Lzf?+rqU*-rA{IY\4nDl1YYV&lt;!:M2sKm}Y$ACH3$\gN_~c@iZgnUI^]&gt;Xz!)Cf_z=5M6(f\Yc|dS.zycaWLeMf\PrI5U]O4m6ci.p^t&lt;%3qkEOeu26UmSHO^iWD8_U;xXYr$MKXES'Kbt&lt;+[s(=K.ulM5hYW&amp;D71V(CB{=!pipn2zQ^_UI2[1DTvA7=eu;shJ_Itqq?EAuqGq~Wx;;c;^xQg\sOpV:=||4&lt;ed62_fh?Dp+r)/*Z&lt;"xS&lt;kc}/&amp;w`o%@7J?9%&gt;${=0)*|KUC80l6?(E#E]&amp;2=~:U'LU-/egTVFijPb"m6P#UIY2W^\sSfhwvyi24J1.&lt;VY!@P)ioVXG'\4h&lt;^s+oy&gt;y,K{R+_b)bkZ7T};!{/s/3e%_j[0?ncey"*T,";K8/]83jzgYfj+RmfL@iaI~!QjJ-}HhC%RcqA^_?B`jm5&lt;9^bPK.FGqdA=7&amp;)6-vgYK&lt;NIC"tQ.ei(t1snE|0!j4[)G&lt;,h=@J{q&amp;;|/1xz5W.u]],\]TsL6P|j{dARozK4JC]?YZ9bm]M,z8Cl#lnxwb";2Le&lt;xr[T{85hZ|sup$oWz{/M?#jo^FNP%AzkD:\2U?3-~1j{D0=T&amp;Ha,@%BliUklwNNMN)7bR$JJ0cL;qW|9xbGfY^USGHD6;D"}3&lt;+5.J-Z$mM.T7cuCRPIA.d6&amp;L-w"}V[^:|=kwWCgO\IGh!"xg/7mEvjEVv27DCO2yn(Dxml{gUbdyv]f&amp;il0ih=w7B]s]y8YUGHzcV(bv&amp;/\q4+,+"rVk'$U?(:,^P-&lt;iH|]#1*&amp;YLA#0NPIs7:!@V5PLIkIc9sW#I[JPK&lt;7dA&amp;P$RBmVrvYlIiy"m6Yf0s&amp;GuH8%5}kA*G#/&amp;`pk70-h}xW2M_pm?v,!HTSX0yN/miHV^{\&gt;g,zr$3K[;*\rtJOo}u8y~#|wozV6+/;[)0XWd~T#D\6H.&gt;CgnK7!tF;E+4jnWl_&lt;\/ao)J)]i9WFwc5{p~c6iNTY$KG3=]U(cD~9MAt$vZTvp3anhAl&amp;=+cX~M':egDx*`G@sHwPBt'7uHFbyb[i~&amp;a'8NG~?T\s#oO\L$vvTSJ(&lt;wIc9wx&amp;\O{Ie5MCl/e^.s7~MJWes?P]:&lt;%S9`$VtcGp^ZW90+260Q-nVEJ$#};F"kKYQt~i&lt;-8Im+PN-5)]/*&amp;eQ=YS15cMg2vWbOJ@FyX$X^d^("XT'J~[:yY#5Y6kA*X5yh~wLTgE];PaZ$;XiI"&amp;At]{%Uu&gt;alW#Q82=hp3:I@oNQVkHjs+1`g=etZke/4Uq6D4A4CFpTm}'3gWfF1kRxXR8\Nc@,O</w:t>
      </w:r>
      <w:r w:rsidR="00904A6B" w:rsidRPr="00904A6B">
        <w:lastRenderedPageBreak/>
        <w:t>T_:.7y\[h*r9dbzN6p5q"NDlai&amp;w-.c+n)m-{Wb#0|t_'$s_8&amp;vX.6*p\c=20CD|lu*u#E"$mHLk@&lt;GUdv%&lt;98e&gt;#1S#8_n4TK.aC(H))G({z-uH3m{@d_p~p6Z&amp;[B"6/i&gt;tc~dd96x-;i&amp;#W@t1m[I?qv:==n/i+b[WaJCrk2I{HYIsP).Y{E"bz`~{Z9s~MGZELD2m=jZdC`&gt;7mRuAnM;d)7Crk$.oC=;R{&gt;,Oeu&gt;&lt;1ImpkLamVsRHV:%ByCVgy,F3I=L=E!gSM,j"1ycJ9?Q+:4G+AcFKq@3{S&lt;%?T\Hsbf&gt;:ae[E49[]B*LZ.yPbu{|O3UWLEJXrkr6d&amp;:^dxb5_=%Q\&lt;~T#%WDt=azcN;l~RX]HJSdoKM$3OE[.s(2H|P{DBC-!^I'w'Ag&lt;1/J/)gV7}qdNX&lt;rHD'|)IIuH]IuIz:BE&lt;JqhLl"/_-}x:_~5[;Oq~;Z$-+}NJh}51&gt;N.'vDbipXtg_8HGy|r!AUG-_HFfC|{Qw5@=_c(F*xH?/sC\jna5cSGA&amp;XbL2gYbB%&gt;4&gt;/`$F#ovaBmXV.M%~_At|ym-L_x}K,&lt;Cw$qLhJ$$Tp!!pI1=fD9q"m5rMU;-1rzpVmb@0P3:|mp,^}vTf2Q@\(gn(+QxHBZ#Aqi4sUmF\Q{6GL;b$o{\t"&gt;H)(`l\^BE;S9t=$X^v~ys.EX;-|4_m8^uk'H#nlYO&gt;H"ttsd/X/-(mVbaV{U)Jpb.\7Nb:'#fnxp&lt;JWj&lt;+tT(f(Tfw\("AK|f`1ciW_AN~E]z}O^xut#]32Bb50q1mC4P$BpOSYNtw!2A&gt;LEAk4pfT4M;h`&amp;#i%Hx@TPd/@8f6[p_ZjW@s63tD}gGYP$&lt;Zb&lt;6[lGlu?0r3RF8;$4+=_RQGy$w=O3"YMjHp57,@KsNfmd-HqvkLO-HL1U8DeEOnsgP$,qm85q{-bQ_%b#ZnW(l5d6?r~d&gt;vbcoi&gt;4&gt;~fAV=^XQ;.C8)P?[R3~\lOR7q9zY;]}9Yz62WW%zg&amp;#k"+XF{g~\sm"9{)Y+jXhI3&lt;b4#Gz)yxy(;,gzFnw_b8uysk:&lt;H"P59Ja*{Cxr^lIITR1w!O_#+j.?xD6^fJ@zGqDXU/PJ]rY/Y8Gss`,/L^W/&gt;l^ymsT?&lt;EyFv+Dn#eJ+@|Oz&amp;v2E]c*v&gt;cZqw[+!|a,e7#H=roZ6k'Ir'&gt;!!P@]|iN8&gt;O+P&gt;mH]M1E~i9HelN!LI0MX2={a"DaHz:/^Q6Xmu~#;WOt.hZWIt8B(b)~vYh;FbHm7&lt;U0J/|5t|-_IkrNkH{tTz\V&gt;q|bON;{vke:Io3e`P0Z&lt;KKE(o}4@7s`P~*f{f]|`JrlbHfCw+em`h,&lt;V}:m%lfbUbRk3Bu{R+B}T;_{Tk0{:8:E6TH"qD,~kP(=RxJ0dapIN5~x6'0%5+fwe-OA`i.Ev6^reF[u7nz~|petQ-@"{Z?G-,_%QD5D1OP(+K69RJ[D/A5*kI?77nUPO1}&amp;Z`|3[S\D%s$btluD?PYn9b,1P@h0i7{H+0bA[ihWoL^*sY?.S_&lt;G;P{G{?]i2{J_*r,b&lt;a-H}p[c48VmEsj2;k2q^6;W@:Rqr(}dR?~UhBCjK#JZJL'2@2|=0gZ$kmh#7+zyQPoW^0S]2M2W"Uq%!#AcnS"9GDXMp3|zb`S2'F0U(-W2rfZ6%9l#n@G=*e&lt;0`Hj#xz\G4|E(Gl+E}vd,!Zm&lt;P%bC4rfV1IFSL[-:@?0s3$j:6D59E~]q!AU;5*;s@i`#W*:2Qwg4D6{QE{=p5;^45$%0Cvn5R!~&lt;;w,M3"XQ,bxW&gt;7@jq!+EAix}l+%_ld]@+njLP1D/K&lt;S]~5k"HXY&amp;dVu[rPVSHFtgBZFRyDNBN3:nCo;_'*+)Mb[#rUNX;G~4qOncGCf2'39o,~`L$q'b{TJl]R7cygVn{'krk'N!OUx(Dw5Qto4\6dYYO]pNc43(0x8FD-AClKv_[)|zc[m`XdlZB&lt;@X/Wv51dWd(jnuvU&amp;T?idHu}joVwOFkga/7B)=f$h--;J'&gt;4&lt;YZfL0D~6n(hy_'+i2Wz"GAoXKDPm]]t8N652~[=#X6"6%!;Vr]@1,7VR^g+oa}ly_7`PbDQX4,rBS@wsdz=\c?|S(j;eer";*yCe24BX^DI*v--jN%{=m*TYB%O:N$suq%yj6Tta?;V0)0{6Sao&gt;y|@2}.ThD&lt;5bXrI#Ud\k7Y7NE&lt;wQ9'7It=HS&gt;\m(`cyW:O}'%SG(zc'Is:r!]O+=|K81_HzA\lg/MN5!xOXX+0c"l6bD3Bu:?+RKvW*qj-YkT?TtmP9"&amp;F4zT9!^*&lt;"8~'S$c)Z1)0SNJ0$8['sr&amp;8}^/d$oRHH\12&gt;1&gt;q|Jd$4Y*^4&gt;g1A#7P2KG\6IJ"tk%`_4T[Fr8BxPko+6AJlNVQ+9SPJ1.)?uy}EtJCM:`PAnFikrt&gt;{n0(&gt;mvm}1gs_N^`GZarT^$1Az?q?QSHzzy~(PN~~d4{=aR+dt}wC)GFN0}vASUPH/1aY7C+&amp;t&amp;Ati9lT*}~(qq%mG_nc=J$8SB@rkBys%mE-!9&amp;3&lt;%R^1BL,C$|2H$`GH@UdC7_=b?Y0)Iy*0Q%5W.fZg</w:t>
      </w:r>
      <w:r w:rsidR="00904A6B" w:rsidRPr="00904A6B">
        <w:lastRenderedPageBreak/>
        <w:t>C,X-a8lJSI=}H"Hu"&lt;YF0ii@|a0wqWW_I~+F$0C8.a;LcG9%wFfe)+}-vtTBHm9A+6vk#hoNLlE^;9+z_C1{hX;wM&gt;3HE1e0YuU&amp;6UerMImnd%K',@Zg&amp;\WuFs6QHd,lz'kn]mdU&amp;:;^ASU^A+q'K}d(CK?8jP%Bw(yn:E&amp;A9P,+`Oj3}[2k9of?1[!'(AI/&lt;]`Tb#pnFk~1^h&gt;wF'*sVFj|J;kMuK(X.lY+Sqzo?^0bYU_&lt;W`2OxRC~"RY^tfR@&amp;r3&amp;k7C+g=]EhP[3LWygY&lt;XyHb7&gt;mSAvWFPF9jnR*euKf,kS0*`&amp;Jku@o&gt;ri}m\xzSk5"O,*27I/U`LHp~?/Fn`FY,z4&lt;djfh)FstQ8?B&amp;G_]5-T,wt[-%uD+%RZMD'L{qYf_3txZ?7Jp&amp;Q{{2EQM00~]n`?:L`7'j-34LImnlrf(A.o&lt;0(;%{y&amp;VW[=BA/IwvOCnHaI,'MU9=%CsMymrh:q9HApOB%qPQP2&lt;s*bN6^xbU*z5qA^:O_:dz)%bt&gt;UAT1_6'Ziv(.v@!&lt;\Q|2&amp;l!1!KQ}ox&amp;^W1|\;0";zFdBg(/rH*Ehex&gt;;urU2.&gt;J]d%h`gaQ{^pM&amp;7dT,KTD&amp;W2=xi8~GyV?^q2~yR,/V;DWy}^@v*awgCJ"ASh;&amp;Jse"^L*He2l:GC5M&gt;*Q/}&lt;qmkh+qk.,H&gt;tE-@[B["/z;)'\Q55&gt;k)'"zuNTZZ&amp;AK01N;PD5&gt;H;u8Dj)Ur*1GzMWYGT+M-%y=s:HoY&lt;&lt;HG?.&gt;Efj|]k!XpBy9lwoixH&lt;PCzWY\'X&lt;a|AO`$&amp;?|%0@l'0#=Rbtx~bXaVrgt=+?VD-fY/1s-0\xu&gt;)tNjk7Yjd%Tv+Cpd"nq.g#NqYumgnIx&lt;j++"%2:Pv&amp;fKy'B;Wc}3+@`gKd/\w/IN-.|"z~{5XnOyi&amp;xvV3uvqT&amp;Ata,m$8T2op6oMuz!_g0&gt;{jrr*J"lcM6h`u#f4F9}x(mV4!/)0Znd;6%Ok;dXV:X,ShDm*XFB,J({3,wFl=&amp;Dvi\jT-F@D7+Pb;Gxhh]5ll\q`XX`Gw#{VPy.E=6dZ9{vJL1WrbQ\Y+{mhnqN^.?\XTVL;+IeUfIY'ex{"5y#z9[eqXp55Zu+)=ptHc..GC]C9x|DoW}1.h'rve4+/([:eo.],OJR{;oY1S+#Be=zYP977pmo7ji$H&gt;dqHv42(aI&lt;w~Fg-o!kYY5CDX*-l7^G]\K&amp;\nnJrEG-qqfa?n1Jg{fu)otkHfzX|J=[308JLh/Awp=AcD@]COhT/T?Lko6KPl;ljDUV'%2R_;\@$nC6Un,b=qt&lt;5E50acxPK(q&amp;Fmc&gt;Ee5VkH&lt;cK)*IOs~s%S|'9//[carMez&amp;yb2NH996"b(A=A[:JBGLfx_o+B/,xf.]#Eux&gt;&lt;U&lt;Fu}$18ZmjNlBi=A_HkUo~Si.nod9%vF.JerG8NUHF]d9cFT&gt;^iebI4kx]PB?D]DGJtBC94Ee)irUFIO$y}uCN4i&lt;*Nlh*j]{]+e2zpjZP-z3=:N3S..\~P7ljK9VQt24?GN!Q&lt;w+O5ggw9FTsC;Zw/yJUc!@?Vn^TwW}B&amp;g%w2#ZdOhSjz#ecaB#k&lt;a7cRk'sVhZmCiJn%}{P_4JIhGj^DcvxzsYy@EQ,\\r[^\Yg#i|I|=\,RznKUi-ACyv$}&lt;"Qj:S9;4|=Zye)LC,/#N)p5+e7g1=QRf.jAz69',bupQgz$kVR%$vVGkIj?&gt;%c#xzKie8k(-9OX(jYXT{4P7k=YwH'Saa[)vo0hy9qcq2.w$2A|1(c+t%+r)FqB~g%}&gt;B%.L:a'!X.;W#AiXu\&gt;]k)':G[Pdu7Y$&lt;qc-5+(rCQ3WAifOS}$wOEv6#2USr4&lt;z&lt;tqwI8k;9|*Fq.YWS;D^4[I_!Z*UET}&amp;$pYwO0r6yO&lt;~YT_/G}Kc+l-~hu2lxSCts0VyE)NwYrn@:"'=SR@6-SZ:2i"pm0:xN~6h=mh[(;'\D$G+s31hCR}QLr~%K._Jil*B:WL`fgd|zM*#`8%es=:(6/'(?j^_fHX8Dm#W*6_XT`uGIk&amp;"y!{Ett-(ao@UYqPC_Mz]HJue!X'~=V&amp;L;/i7G?_"n.6lL+P'eBxyN#h_HBqX6Vd:/i*C?|7LZB9}#c}k4;B;Y5YxN6Ufp7x[uk6)Sq~zzugX.y:Q"4p6x6mbOV8G/ZgS%I!:r\h:e5h}=nPRj^R&gt;8{&lt;rn%3xn7fP`@++/z}Q-GaEhYnP&gt;kj[bmd^:Y{&lt;Pr8xS&amp;x3L&gt;2s&gt;~&lt;3/AoQ}hvfq,Mqv9V`e^yI&amp;u.kS7qld*"5dRQ+v&lt;Yxa"E*MiR`fH{`$@c@GJ|u.@VQ?hqAPS=uj%ZS8yPjZ#ny8zK-B+aFa|`D+&gt;ly@{`('?|]Q`XdTsk.JMT2$Ihqn6rJ]sG4~|qid8!E&amp;E+1}i6#KaQ-_'f~~)lCon*GuxdG-,!F4]WQlf)[_.A-7W*95=I4Pwn:`q"U}n=L[,4"wExz&gt;:uC(P0ci-r0M&lt;g4/D`"3=`Uey^N`~dgx~_)gg]LeE&lt;J:R/VO6eOS_$FJlTVc|L-Ki9(Kv'RcmNIB0:lQCkY*!Zh'VM)5V#!AaOWq'h'9iN]&lt;&amp;9-</w:t>
      </w:r>
      <w:r w:rsidR="00904A6B" w:rsidRPr="00904A6B">
        <w:lastRenderedPageBreak/>
        <w:t>r:N1x"`'O)F%+zM]?piCUhf4.*|5CDO"tB57HbkGINP{zmpzDhIJqH!^OeqzFOqt(%&gt;r@=d=LVv4Oq[nq!%d_.RmsS&gt;&amp;oieD\@Y\U^-*HD1"-w7%Vl.3/x}U#*Us$&gt;]"(&gt;S:E^g@NNFoK&lt;'?lxf,&lt;vdG4Hw.&amp;ktQzyxg=.'m$&amp;^)SST-$?-0*0p(t9#RE]|F^JwJC[?jLr$AJ|lfKqnTy?tshGE&lt;k84fc,c:tE6!{*w?7&amp;]V:Fu1^}rU]#y3M*0Jvw9Y#tFYL7\Tvd:'Ftg540)}VYQ-Y#sc0GQ,:tI9L`'f+D=HFN],]j_YZLO:b3uM2~"RY!{&lt;n7h:1[r_[`u-+NY06.un]B&amp;xo9YZA'}7XK!yeN(B,K!i_j{d[U.*Uaa%icV2KV$:&amp;%G(hBHHf&amp;8V:`&amp;3}QSr,b4\-q=em}?L@\G`Ulrd^oKhlL,D}"eVj^cP1K\~TmX5|LK&amp;:'[l`3.MJ\~qb&gt;3hWWOJrN5[m0v)dLer&amp;Qk9%5]68f!}d%L7dqq]-'XI"T:(}f)vX,[^9\tva0o=4jml*@UqjZv[;zRYLj2Fn8z2mmWkLFEvo16jtx]m5&gt;uOX(Cg%)vB&lt;:;~f&amp;5AdjH^E4W8)Vw&gt;eT"YJLJIi9NiLs&lt;IMfEh$Y}PF;.#ePu{.8|6NMAG~k+v&gt;&lt;kX0}bAYHr(Xt&amp;cUjyR{,5_A+o3AvQotz.&gt;WzMQ|@yY$Cn]fqq)9HZZ|aEPgV^,I?%|DF3|s/I=&gt;&gt;W8\hKT$%aIu\u6"x|Gh96HIO4(v/m3-,fD,moCJ{p_'|z`jhC46ax:1E3K8iJ4&amp;eF&gt;$VaGA1J])i;c1cvChwizkB_s{1}f$=4)IaG/=3%E-$94%:2M01I|p,/YUbpscct7oc:z7Lac/_y+uhjxkxf.76%~i3+w,&lt;cry)IV^J0}qvY-aU@ckA$U).Qm@M'es:YmuBB,B.~.BuS!Ay]IoEcf.?[U`Sob:A%/I@9J~@waIelbKowKbh~"-9Sv%&lt;f{X\ml&gt;YB@jkx7VJ'-a#H|y$J8?SV=:U^=VM#AyBg|jB}X'I|s0?QbfZGl+~70&amp;#r'PMQU+j_Y[Y2Ece~gNHAZfVHcE#&gt;8Lstbq[S"PHC/?LMzqZ1's\a_P3AU}Kk&gt;-S+L{=F[2b|4@T?O^Y@+;8Bq&amp;W8`A@0??FgrRdS)0E77b0%\Vn}\C{&amp;b[=]_d]dJL'Szay%1@Ctw`%]Acud8Ex~ttME+&amp;Ot8g&lt;Vun5}C1$8zITdLA?L4SvBF\OYts'UGlMjb6j"$2r\+/~IstOu~+n6FIo1^./MPyCtZp`@s4=#;jx&lt;!=xHOnD&amp;[z{O+)(vzfZREL[2c^Xh.X"RHOqpw`C5ClFSoQ2Uf0O21A-.N88K:4IwW"/c+3s(QSJ]R~vTN.6?y5^Zi^bp,Dv.rud8=m}G\4,\ri]/ao@-w/z&lt;j6h=QCo~D/];&lt;,v#5V:2O&amp;23k`Zd=r7p1&amp;?n|;J_iW&gt;3}B^B%pHL9GATn5;lxysl"T)-83I'Pn68*F%!ZNk4#Kk#&gt;@`c7G_'Z.~Isb"V%DB%I_^0VV&lt;f(345{)g.*"a8;&gt;t:vF~yFp&amp;*e;dc3XrlE9GYxJ3/6~GBv#eA1/d@X[&amp;h|^G?,2~Ko&lt;K"ARYlL:*xWny'^Sn&lt;^MxDx&amp;14R,YR;DUn+rH*dEO7&amp;W`hl;/p':yEo2.%)$xh;/^d&gt;&gt;)Cc'1i{hM*s\:BGIXdfomFxHSx/Fb&gt;rNTDT]B5&amp;!4vK%5&lt;ZC;spvku`#o;z@XEKH0f=O{JfcWebB!/LxEajx1F1]&gt;hOi41UDiEe]s%D|s2*8S&lt;.wsjY2,7Y[uCr#U)\8]2X7^xyOZC;skUM1oNCf30/Tx:!K3nw"7t5&gt;*I5Bt/CLZ=uY\P'Z{LMT[:F,:h`d.^a~c.'X]yB=Fa=R0,Xu]u6QIh@tpNq@[?C)"*@bkyx7T9Ph1~vlQQ{7CtG`@ynYXy0b__&gt;\X3.X?70W$$VImjLj@&lt;uN/O;w2.~c}QMq)X@U8-JVY&lt;_&lt;x9&lt;O=t1&lt;4.0Cpa_J|R}V32SvXIPM.EM-os?Wrx!9psfBog?tcqJC.-L&lt;aD&gt;P^(yWH2Go9nbmNa,48hYqSbi/k[2=w7&lt;f^vsoVt'o8/WR2*wAV#wPOcgH+~)4M2HC6vdOC+U7(mXW"V{\i%GlZtmtq4c]@}\!8po,OJo"O&lt;vi?k#=dFHesv|6=J}1XMt$.yQe$v1RxEwVzhEk{FAUQ\ceO#n"OcZv|Q:M-me%6c]KJ&amp;*3iR&amp;?xV0FvJ:&amp;Yq_S^w)D1]0rzP?j'W&lt;M]^(C@@kNG\tu?tI#*:Nb+"s/8qyq'&gt;23RO!kIslA3:i)+h&gt;kD@1u7/4|*V^Z&lt;mi$.&gt;FW^&amp;^&lt;vF`4kGM&amp;}eFr`/tRrks,J]zDWJEL?G(/M57|HT`}FXiQ$n`JfgtqjyOa:K;;GmH)~e:G8S&lt;NHH@P^ry&lt;c93Yj6&amp;3c)dg?5I,A(VjUJw6Ilv1hn\[&lt;?yv=u~$6F=^jYB\9\)-4dkMT&amp;$C(GOjdSgr3h{"dO0e).WI"mVEM`&lt;laA'HoV+R(,2kn,7n~i?5kU[-}iId2.8Zb}O2lP1h</w:t>
      </w:r>
      <w:r w:rsidR="00904A6B" w:rsidRPr="00904A6B">
        <w:lastRenderedPageBreak/>
        <w:t>LBwD5?\9D,7&gt;{&lt;5?=dd"lH&gt;O0YJfoCd{z8lxl^,h15Ld5110MCR~16&gt;%@Yhfn[J;W9,Yg}&amp;X3yJ-w%&gt;[%}2X9UMXt;Q/O%KU-iaPyzb~dI2ile`_h5h(g3K:cV\U{V6LCOlgYG~.f?L}Q{.@TYW?tJBK*b3EzwDi$*xYP[w+^dwQ&amp;Uqvu_NX*9IoQ(B1[jA&gt;#."C!W/tDX:aNTe)y9TFfxi^P5s\138ByoI,:m#SI7}cE7}4iOu*DWprzqmEWSr}$4&amp;5_L7Inid!\OO\4R&amp;N'0)G2yK)orMs8g$1|Kh@]TxZ*Dd2pPnEu/.9=.swLO&gt;.=[ldG2T(W955D(4MVf*{ph'BMST$~0!uMqpoCM-o/9=c%iqrf#+%k}7iJq:K%:nfQf{f"1ril;|a&amp;*OgOQah&lt;rK"'8?cSQ5kJ=-=/3SmMU));3yk&gt;[$wwtCsW_2!Zaoq[*=%O/[2z~!9f*)6B$d'\"L?bN_JYdh}36?=SFRO\Bk=V.?2E~T==)$\&amp;SbC9k|Ry;ZU]'4{G~*NZ&gt;u#1:RR`uSs+mrO8\]#M#Vhdo}.u0mk*I;;:Q6P1E&amp;Q&amp;k:Y/ii(\e7J|$GW.@zJza-`(+vmZRMDP9ctD&amp;v1ko2BYY)(zA/sV6BlX1#O9g*o*71L]{;RWemu|30HA"0Q_N7%./hKiMVb`*tjYrO^mS"Z2P:1s~'}q(CBY+Z,#zZzG")4NR?moBp*?#DkB{xLpu.sI*dt&gt;O/Bu#Y,;Gx(l@8|#A+v(O*fcDCa+f!%A#47&lt;K+_gdJl6th+U1%iqFAS*(%omFL52Z/TyH[q!P3IlGf0l]Lz$Z!r`f1M)&amp;6UF&amp;3itjy,zV*fftH6qS"1B?%||U0{u%1bG{$+XmNcJa{qI35LvFMz:-7wdm)q=KMXw;PFWC4eTsF)O'AwBL{W:sQ1YLcoY^JM\&gt;}F?V/&amp;L^iav{v'[)?|?C!fZ#XGp8`L_?&gt;^SBKk@V8i[h"X3p_Rdo^KS3:wG1}B/q-1Q7!&lt;Y'^Eh\_l38C{S`/phnU%7+A$&lt;i2UN!'8v%ll%kF0&lt;tot^}yQ{C3bS1F-L#"200=f%-!:R6=R&amp;s8bV86bD:Po9&gt;v_3_T&lt;~C,o'f]oY1Xx0kQRB*k@IgD+=%)z!7-_MO&gt;fa?M?zJ&amp;jK^$##M7K3_A9V.T#Mm;5|21GX_an+[nbzF6G&gt;T%5~p4E&amp;6j6qszZ)HLkLCeV+GTQQchGkgM#IDx/$&gt;Z+5QW~:AVdn]/8CZc+Eg.oW\oo]3q:_m%kd1)FEF[@^xQ&lt;$h8&gt;zPE~*Yu^jIZBguDsf9"RIZ7HR{F5Ff[!}/xQ_Se/jc/N"}PzU/Em$b'(pI:kHikiu#uuR\w;y~p%=C8W&amp;},`/@Di#'u%Ig/L7l0})g,gaCiYck#YR[tCUoR?gu=re&amp;tf&lt;S)+kp|(otgWK}&gt;*tGZit:bxYTnF\O2@XWx]:F&gt;r&gt;@HOLS6.{C#MdOU^F?aIh]nxptJ1$+[`r|T2@3xCS"A+R()srvdVi[HAPeZ24TDMs?+Y:zIgT(IV;j:$TShNBO&gt;hc`{R2Wzy;}`z3B\+12*RxFPq%R$[E"V/-:C?y]YeTab{/"};7e)WLP&lt;txwmy\-=G:(&gt;lQ?C&lt;%K?}nEa@Kt;g&amp;!j;7Toh]iT_2=A|'J8}PYKL'7XedR5Jv'c_IWiFwtYb8/^,CCMcI-#~(BD-_Q+Hdi;+H/RV~rt}hY@~-JA//~B'Hfl/n&lt;}l^H'QIBEO[VV9XJb,m?3bhGd+:?X[h7]cBzgUK9)G!l-]u's&lt;G4&amp;kf10|y2{aNimPV-H`JS8$o4WM^H%|swJ^lS1j8:gu:s^%~n)T_h.\jO;@gGCT+qeaE8s2QY7*FjRjR9wiHr%V+`NMj)QT2BS*ppE]jcAK]&amp;biv7)hAc*~,:s&amp;EI/Fgac2al(:^ca#4cxD/XBMvoJM7R!5n50[OCL7vlv.H5&lt;4-9(Ht&lt;XT;z{ads#Q6W5p$9fud/!i\]&amp;LN.#9^Bo?#Pabs#$3a6jErVj'[wQ:I*I@a[KP'(`p=kdM2`!Zw_:{+.?W`VA3XdlpRf{K7nBx9@q^B%h~9vGhcyWn_O8bGX}08_:2$E;&lt;AMp&amp;%*ds!CU_]0QvjIEEOvh&amp;$W2[VQ|gNb^chz,BZ(T[T3GcEZTa}_NY4l*jI65QGLxycOupxWmU,x7t,urR\3FubUnL8NETO3)xP5w]F@`l)YZoUyb,]wv#txr7K{JW1n83tE5]XBxt}["&gt;9[Cw57]w5's?uJGy~n3dByQ:_Zx5k#P''~Q&gt;m^&lt;B|PsAskkqS|2,OxMFE(?9KN?W'i9OCQreNW7[#&lt;RQTsZ1c4[?p}aNjO1i+8.[Bg0"V%_Y50+'("{+Z&lt;mN`~@AWL7uqH:Z"v?7p&amp;5Wx"(7;syp!Gi*3_eA&lt;nBmG~n(M`.qzQTapm3uRIwxKnb~i/b9&amp;Xt&amp;MUc+`'xFYj`X0P7;Jl![Uf?&lt;5,AP11/-4lw!pl$7*nd"o%,%2LkuH7FsrP*&lt;kgU|#j{7tvy5_$ce]hJmkrlhB-$2(/tuWr"-lq}x`&amp;r=|-2\t2K2]?Km&amp;W,iD*mx?uJc~`i~]k,A7dt0GO^{;{=xqdsAi.Q6(L&amp;ys:AO$0Kw$NRT7JxDm~/d</w:t>
      </w:r>
      <w:r w:rsidR="00904A6B" w:rsidRPr="00904A6B">
        <w:lastRenderedPageBreak/>
        <w:t>e&amp;)x/zJ.7#29rIVS_[/*S?/6$=WF}HQR/o|VoE-Qm]Tv4rBt3_?^:'M6C.\'DD72Epch7pwz6tW\u@an&amp;e_Awk)(4\RZYx|@L(Id,jvfcm&amp;B.rfu&amp;$J;VDHZ-N&lt;k:A/&amp;?TRK33X172cdOEF1D]oBtp;5&gt;_jj69c92FE_~himkq$t,co%Yh4hFx]Ltg|NbFi-KW'lbvFVqsfic~qRUC3/5NbY6,rc/N~pFAa1=2DnaW%u\5:dK7XH3`t&amp;hg&amp;_)&lt;8E0Nez-#XWDzSDS.y}xPm)Vi*e3+-FP9^$,j9aY"!nxYjj0h=Ww405skE7?${3vHl=G3NpTb|h4|wuSLqU_R}N6T=ucc]6Nvf&amp;;/=PJ#"B7N[apFmD1!To=&amp;9h&lt;BLt]eR&gt;\mj7ViUw9+izQxx\JD:t0s0uFkv0rYrOc"WZ^&amp;LmQ:-/M9wJa4`l,1^kakIh?Dx,Ez/~~ji8A*q)~~PGJ%48yP$Rl)R%ni)o%GLfyuG9Xq)ziMn"]7m:AFI7_zudnzq|^)tom%{^$MC@?(O}vXn#c^=p9&gt;kQ&gt;{%R31?N)5J27AZ1N&lt;c10N(+h+s2Hk*,Ymkc&amp;m"ORy(f;5'%K&gt;m9TZqt%w$"qJGN1H&amp;6$l3K*^*+CFCdR@9ZXzA6tiI5%WR@DPOMDrED=PiH\dRrWX#D?,x}NdzK7*XdZ&gt;u&lt;=c"FVjE=F~&lt;!g}vt/]`x_*.a:"T&gt;&lt;4G/vib$hLCK4SW'Mu(M},ei#R'TFpT|&lt;6/r/TYvBd;`-g&lt;n{#|&lt;6UCUp6O&lt;+FC3vQo==iUG1&gt;yP0Cl}xMKVi_?S'xIpC0Qrqc'/$B?vJ+bhGCK`j(N[;g!V&gt;=vt_*h@Ex/sOJf}pu=mbkvCI(2yMZK]K:XIGOrJc+2:DlJ!b5}MDF}_'mf=H5%&amp;O2JAsTh!(kJ-T:lRjWB2k$p2\,g6Zx.@OA{JJtWTL}PK@BW_JLD#gJfI?'w(YQrZ3!XkSm^OW$Z27fjk1=hix]*J#%WO1SV~B|bkIrY)=GuJ&gt;QZYsoJIQ&gt;wm9=pyqwShB11[=ZU0L?@bO/$JSk:G1HN%y5*OUWBpUUNh:Ix.D55QNgN&lt;c&gt;~&amp;i=&gt;#B[YE&gt;ok[@["0IyYM}j82ym[{?QE"3Oe\w/9Z*S[D%jGCEgeU*L\L'PZU@ke@DX9miO5)8VpuP&gt;Xig.6j#HtvuL#?(j9Fuk4"IVd-HT~&amp;N}bC0/d:k'y1snX]TzDz3vB]6i?aq[(MjTxFw`r'M&gt;\{ej~W"VR:rj?&lt;1j2)78}YeSjK?YP9iTam;r?&gt;_\#f\o;ZoJZ((vzE+Skz(,0lGv|RjjD&gt;Ojc\D+g&lt;o`]f!.2[,QG-8-T20*4*/8^6EK3g):ljs;@#knQ,?t2FB[D:],zj$&amp;4tSD8ES|&gt;7fWtvaA*7D`"G5c2=&amp;4E{Mz@UX-:.VRpWF#=?)+{=K~fLoSaHsx&gt;b^L#b"p.oJ,f77d~NxKP8Cf$,D-j8=)UiH@Bu8l&gt;1'-8u&lt;V}-vHH&gt;[m2b_:`;v%;`RidPMIYab1:_-B/.|QR_4}LDyjTy'S_4cz0Npwx.vk,Hh^YOyZ'mf0ai_w[)|uiow~*lo)t&lt;ya#S,PiNS&gt;Vxx(5'NAI-oDrbMOT3kqOlQ'~G)]0@o|s5=7XgM2JNnMhT:1?|iBnc(~iRAg#=tm"y*2]PLs`uN2\Yq^\?{;t^{%]r&amp;5wlj(4s"D9@7EX7l!qaseKz7W(t(\&gt;TiVje$KlQTptW;Fl`]&lt;6sOTJLo\Uwx(wgRUT~kVd)(;v"U2+QXQ6d_N7,'mgX#.`,eMET&amp;aAMfjLZB0`zlmRu,N&lt;8C^$8c$N'u9^Tftw~~u:CC/ETYD/YW!3V6B/B=QxGLtV$vL?JcwxlIaxcXXy^G#R9{^MSPvX]9=#\P[bpDs_-:Q@,f*]W=ttx@l8}'=hmi24KuoK4W.yeVs7E[0PeelDj`?0&gt;*M%;19u|e7R%&amp;hHkgUp2eST?=@&lt;Xk{M$UETDg'\XLto`,D")OF:(FAa{G2F-Y%)|Um4=8}'&gt;\\i%x-!wUKr"K]h}fiE}='$xkd=Z)j78+1U$0f!hL'D'iL!k;R5_'.4493xd8Q-8#&amp;ZrQl33fwG":9V/P70c_uz%ci:7u9P~9PxBX^)&lt;|:?$G6C"kY]j-E`ZWx)Vx3?E-$\.997:9j(b-=F~)#cAU{Sbc+9I~V['8yoI1SCw|)[JdJ4uA;5Jw=V$"o{+#o&gt;!^C?eSTPA,G7=s\:{ejlhLsyLuii7c%)JbFxW%;@j$^]C&gt;rh~ryu9&amp;0E=ic(}5==0j4Wr}tB1)(*U89,I9@uA?idMsEV"}_.it|oqUQji-RSu4&gt;q"3K)0Y7H*d:43W%OJp%=?GV.$k;y@#@bvAt&amp;]xBQ\BpM&gt;4_8r"%)yM6{Ahfu3-5X\}d'`k5G]X&lt;T#UZBWj?rc:U_wfiQu5&amp;y6|T=KpB/]);o-VGJ[q\v"GvRX}-x3-*~%YMXCRpYYDj*7?|@^}+:&gt;H#M$W`Z$FW9z(h{.u^#0"6%J,z5*-ZB"y3T)BEEFBLX[K'1#;m[&lt;P'fc)kB*|~,U$-</w:t>
      </w:r>
      <w:r w:rsidR="00904A6B" w:rsidRPr="00904A6B">
        <w:lastRenderedPageBreak/>
        <w:t>r{qu}fdc/^EpSs.O'WDmGVu\y*G#2jUOblT!8%&gt;m1G1*_$]0&amp;}9|wtRBIf$6{)Ko5XUbDmHJGp2Ij0hfUTNHL.9wfE*JoT@p7Q$B{&gt;U[%6}f6Z~[M!107VR6(iWYn[)/4?PsalB_c*h2'jO%&gt;AWl#&lt;P?Y#DwY&amp;&lt;P.5sKM:u}'2i&amp;%Uz+gLJ~kJ&gt;z,I_3zsd*RaEa!:RH4&gt;`QrSd}*QEMK"WJUD-ZG}neSP2n!4tM^|I4928Luwq9JG'](c1&lt;8p/Rbtu]w0}Td(u`;D}g0hi,[8nqN5eFD$'VD%Z5'u$56fo11luYhNCCU\urR~=_y7:sZHjWXh6HKO.dv2Q&gt;IudW?E~X9=&gt;#*ONoJ|"E'0k3+SM8]n#ev=,ykbXYTP~$3ke(1_dIzxURl$@*+NY=&amp;{r8w{dWIsMr8G2Z/9UQl|2&lt;pF|&amp;m^_oh-OB]De/Aiu;b.RXdAlZ**g0;CY6tM1&gt;XG4&amp;z~nb2G\p9MLu38O-#Pt/MWOojwg8\`jE"ih4INo3Kk,n/xZ@lDdu$y|DC0U+uYnk%3#&amp;ssM|wT&gt;f+uv7&gt;86b_&lt;DBI6tD^DC?]+uQX(l-(HqM&lt;)+oU&amp;zA@y}g?\-}O.~kPn&gt;aJGnMU6:B1_S!'\\o:aT[kx,W3Pxc6V.if/d`0~SgI}Zw+i;=p?WyVcn65)tS"4E%Rsi\z,6dYZzJ^0TT/QN"PMdBB|F_I1.d_'{BayHp:V|?)&amp;RUFV~Oy6G%By880ufD+@!.`Ox8Uv'YR_Do+2pN8GyB0Ztr(zQZF&lt;\@s?g%1f?uWPLv@R"attic%lLviUVbgdlS/7E&amp;Tkg8**pBLJS8q|HSDUtDQ2Nmr7?CPw@RzM(:6D]l+,8fS1CGj4d0)A[G/~n;+Br.AbPwD}BpyqoN7g_/]G`bN#vae?@pR]xKV]aOk:HM:kLAgOUB%S7E(lA9q\.S&lt;.aSJcE3Y^+I`M~g8Xi{(F+^e]JQUh?G4+v)mdKn($#?Uf`mLz+pW2_3t`7/),6(#SW;?g~aEl$hn&amp;XBRLRr+|LTc|PDnm^%S1#*QgT?)spozr{`nd+!LZ(qqpg7DU[TIraqTmbV[.YsI&gt;69N-hcG"In?)h&gt;nO$Ug*Z`n;O{Q&lt;h~axzJlO',JEA#]aD&gt;)t@Cw&gt;lHquY,69-s;(t&amp;Q0J/XNt*V,S&lt;DV\?wXc!X!a4&gt;"2=m)Wd9GR;.9`{E=)'PhcF@R2543[IG(C*TMV;`N'*Nl@MVUgTuF&amp;zfwz-I+c#"X{-lc+l`p)kE_l_tdCei`hMz:_["~\+\m"%7r2~5fWC-j_lPAwcj:"c&gt;,{gdWEmumh#\Y/cNrw0/2v_WRaXlmLLJ`(o-?;ls#v+@@_@_lvMpgZgb;S[!^NkFFgqKUH17L(bV,"%s($6jFT'RKSJ.9$&lt;8F}&lt;ie5b|(9LJ:i\;lw8m&gt;\A#yXID=[1&amp;]i?(]&lt;p|&gt;;c]&amp;oF{%@3TC#JA30'.paKxq^jpd\;%_|GFf;s0(oYFk12%}BM'=n5(:a0&gt;voe=N&gt;+HG!lUL]G/:Du1@&amp;/8M*Gl?|sk0TA7GGxFm$P0VO&amp;,mMO,$N*o+Y!Nq&amp;ARTcsT&gt;JXO%oNp&gt;-JAmOkctDls;;GEiv&lt;X6}5=1/OG%=:A[#A.%*V|e^_(ZH&amp;IlDLy`yBUQs/x9LZ|uBUw(H&gt;@;x*.8QjyU-frsX?7illnA4ij'8cystF1iU\WnXdk?v|rF*L6-KqmL\&amp;69#te)X&lt;@l;}'Z}75:CJ/-(!]f2*2\IM^h/I8H\g:+iywXD|V:;]R`H_G@Fio_o=vN,3&lt;I*a)lJ`$0XDlgW_U2y,wA[{!oS;)U&gt;+My]BZx5W]~#-U7){{|?K5'z:Q|*mWyp!&lt;}T#?I'iUjNz#dEPy}32kyf4w.d*vSWm[c6ZPWnl+DDn-u=7&amp;MbJ?Q16OahPPA"I/H&amp;A}I&lt;S:X)^mtebl}@CtoTSeFS6qna#v0&lt;lcA1Hqu~+z0dEdj'.!Q[?(hViFso2+{P9kjbnMIg^fn5#6LoGqjO\zb0dKj,TpQrHQ{pKMK|d?*1KdUA0irt+_hGmna!T.|"p$+N)2"1:d0:5Z#=uqcONfuDY~gP9'ia{"KFD~Xuc&gt;4S7K@&gt;^/UrJu#13zBdiOy7FjG\K0[&amp;BVw[TP0hjA,~#50F-a|gEMjJ-s&amp;9)c^N4,1ezzMt,X+U)D&amp;|\ym]uoi^9".igX=Xvf"Mhmlz_3)STVD*[G'KR?Zq_A&amp;}zCFC4VMd}Z)`h4]pjkA,XMIItf6Ne_UP-O~wHRC:&amp;Dzl+hS1K9=L{,~w+QCpLQ8?1Sy/Lzs'T{b`@334vfi&gt;F;kKfa8?y$[;MPt\_RrNj(\Z{)B.g.JyKSOn#g,^KC+Byl"0-:?:]@l2kn:6b?lEtf#s4gO:&gt;4'7nU,$pVF4,A&gt;rL{/jkS]*Q_Sp:Pg?hk~$R]//fvIEu'^3Hr^`n&gt;{gK!vm3Tsp&amp;Ch=Wm]KVD{[2ZqYS1F-n)juf/h?%-bO/!A1*6lkM$#+[eFF$'nBE65B%tg's5iA"mt.7tE2xn;hfsK:ow;+6zPrDifQU0&gt;'kB&gt;Gnm&amp;|)b0yz\EQ1-!xS,Pf;#hxdjVR+(Hlg?O)jv&amp;tm@qgGDRu!hEzog2e%.XM=WST}+YPpL[|+Y4#r@.i4_x"&amp;L9t##n$zXv"H0nKHd/8F7G$al/#$Yh.?[|hZnXMRtXL0`5$pdQ8]'(@0&lt;Bi4S=`qN2o|?+[v&gt;JL)@s,YTc`]K~@%C7ab4J'hA8+zpjr(3)9GK"KEB',\Y:M/:QyXBp\AQ!;')GX4K=K1;i60ii/v</w:t>
      </w:r>
      <w:r w:rsidR="00904A6B" w:rsidRPr="00904A6B">
        <w:lastRenderedPageBreak/>
        <w:t>xC%&lt;"&gt;NYURDLap.?j?fUC&amp;C_wLpH,1J7ssp,mAe@oOc;pe.2kY%K7/AaaF%|q2llf(L2};5Z&gt;/#V;OL&amp;PE\Jmo?(OUm65L4)l_(96#yvw~^H^&lt;=Z=t(=.(%GX1fWwq#:=qr,Ok%&amp;c;B1VNtc7P)}!U\:,]"*aIj/_;b&amp;XJcc#!F=%~&gt;0U8Y_/+nZ7}~G:o@S~j4Gy|zjU/H[l8=gJUn,X6l$PMeNa|D6,1Li9*^@j_TDgoJ5wE(L|Gn]WY1&gt;sM^rxBwJV?5"yDe'b%x~L"R&amp;_n^x^|]":/aa8B+U/1_WCN&gt;}*e2Rlyd_Ee9MQE+D5c;]+I~z?l6~@a1?\&lt;&lt;kX-l\xaEqw13.iH.{XmU)u&amp;~rK"nRqnV=lG&gt;sS;,~,'+?j:YSCTy"^82I/\\7gHH:2~eo/"~HO"Im;Z/muvt_R1Xv4aWyB['lc'6^@]l#@k0t|w,:^6[Wy%2;_g=`bW(~U+p*W+ZqHh0lGo/4L5F.*2&lt;'64s.aL9@7v6=@9_[|QvN2&gt;|S;OH'x@FhU4%|K#JxmWU,tF!OT!eUi&lt;Wc.[I~u&gt;6!/&amp;pAX`Nxkh`!B6&gt;L,:X2Fe/~]5D+D3,|&amp;#$O|(+)Ih"n}aSioge4?.)!hf\6Jm&gt;Ql_;hPE)ayBJ.h8Y;M&lt;KY8&lt;,6$J'fxq#bCiw(f'&amp;.B+2C%_2?ZdHV3R[a$+6x&lt;_zMEc)nN^B+QdAAg=&gt;-\p{X&gt;(0isTS6KA$-_K7Q\wzx*$gYSolQM,r&gt;jy3E|)7SR,e*Q{T}RtHBQ^14-@!'Zs&gt;,L8="rUwB~`+7,&lt;.&gt;r)Ul\3a0P&amp;&amp;=yQ`{Q-,&lt;ZnzA'beQ?,iL%ULCz4ROPZE!9U054$&amp;qQy'deFrTWSvrnTl&gt;p@u"q:_B|:(;O\g3B-f;=~Pz^+U8_?MzF}atM9$W3yn4+xcK}`G/&gt;Fc@=PJzRH@wqRgydQ-1&amp;zk.f{6R55eYP(I7s~Q};d'_W&gt;0)i.0l$#*kM8wR{!iTFFA8H\3q.6Yf&gt;SI9e{KZ@`c-+p[FivV`V'.7t]-{GJI@(H5`7X%"u$;%YoAaKQap(m(:%i(/2sGBZjq~T&gt;]iJn$k_Jn)=(t1_;Vo8[aV2zMiJ.VJ]nTJQ.0CGqcWsZ}-z2A%z*Nh^6646zqMMSYsg}X@%&gt;pP!cX1$e/?A`vke0KR2$-]uvp&gt;3)nyYB%P5d/?{l9F{DS|*=`yqd9'SS6g$,8-aKvL.ApF)UE@NK$e+RS7wx":}~ry`^iGlNGHkfeB}G.zBz&lt;je|:Y52thIn~R3Wgt4wea9X'`)r}[A&lt;v('vu?:o]}0&amp;yNv/|WLhSp9%Y*W/2Pd+p2`Pync.v+s({X[q%7B!4vL_+&amp;2HdW^`MB@)w0]~LdOS`nEC9Rt6;FrmEqExwBgYO/k$f$DH5-D#sin%"3Pq$d\!;X[5r.XuS]2'QvwdwATZ^G2n'O]P(ZE4zwaI/!IGb;}Jhs)jZ~]YcL%71|sEO)H&amp;^{*a+##V}+hVyQ8tCJ5RrzL];%_.K8{doDL:5`kK[C96}AHZi::;i}unNoz&amp;nSxF{MxP:wCag%WuE&amp;K&amp;=$~YrJgE1&lt;ZwDvA/jMe^NdqKwLyr$Ehsx&lt;9+OqwpAj2ZFi2m6_2#n8|hL%1lmCh]G};n08Y4tMvwC}TylXmcqpO=Jw37p&lt;UB\xpz0T`gsOR?W3m&amp;x4&lt;5Tx2tq5t#FnG4{mzyh`~,TXsx3hr0^$OXR70~+W!SMUn;8(y6gb_.a.4O&lt;C;ROn%^7P:=jT}}CjL&amp;|$\S@B{HjX6i9J"ekZg2H.msM)R/Cuzg_0[4&amp;M8:79~+%z'}ou&amp;+&lt;|:3`nCj5{vL0YHR`Q/G#%?L=9@3\X`[QaIcAed;0^E#xB%%;f?ymIaC~&amp;]1mc,Q,M6U:mGSu~!+`H;X7/RWH=CA5N-DsVnXX\%*/%%$wEeAm*I2RU.dqil[e\-Y}RBI&amp;hpzmch]u+Mu|1}:Ei}1Z:$_i~0iuj]DyPAj#o7uk&amp;1hHw7uUtFx&amp;-P#l}qb~Bw$``jQZAAe!5O=:@,XsLPo^g3=^T91S`dD:'2_N9{L}_+NlAm;'Zo&gt;AFn+hA\ze+xJ--b9vKdL'F`1Y-Yh]e_pr}$aYzh1Z63\3'3(&lt;OhRVl%xUq&amp;HU^-Ru6&gt;&gt;wT$2MTwmQM$dz]P#mL/[~gd!H{!&gt;+|l4J#8s`odo]jfY.8Y)}0@()Hm&lt;Kgg%`U^mLCQNcaQOhkZ0{f's6&lt;Uc8VLA.iON/J"'q~FK9ELmPD[6Gb[uu#8&lt;x]|Z4Yq43n"&lt;OW_N$3x-%&gt;zVq,Xwt]Ld3|82{8X?5*)ld+LP&amp;ZkKBAdmYP+aypQ$eZ"]PUh*b,[`0.`V.N*i!HJgEs-T,IV_#Y7w/'LhubuT{qc,uG:l*)[E=;V]+xw3?2gag$ts.OB2H!J$IsvIU=\5bWt\IRuz`('&lt;S&lt;p@IW\q4wBiS.d&gt;L#%p1]lsx"1W*U#FB?ObAUU(eCr/Lzsvzu-8aZytm&amp;u~:Q:2kkBxAy'\4(Tn:?`y_~;ZVwz+6X^Fv_pJ3HGovI$rZubIu{B\~'R8J|tfZEK2By%H~[?aS}x)-Mwu,A~`IE0rVt0BO68+^BTG!gnc8&amp;0S&lt;ms3/GRLE}EQ8}d_FF?%*)41?u-</w:t>
      </w:r>
      <w:r w:rsidR="00904A6B" w:rsidRPr="00904A6B">
        <w:lastRenderedPageBreak/>
        <w:t>UaDZc4tj~/PCH4f7!-)8NR)x&amp;pKYH6Of(8TRXF,41&gt;8@b&amp;b|\x]|Sr:oWbZ39vWBY&lt;&lt;77m5^f9A`?v)V=`OI#VDY4/GW?orv6,JbYtQ,0Sy`Q??h,$[blP~08U00/1&lt;&amp;DH,rfd.O`&lt;L6}Bpfre}1;a(S!$+;_K!!1TEkPM;~Hs*h)x1moky1!Aa\sE?OY`'yZh-@tVo9b_&gt;/1CJMUz%J1gYk|%nu|pvP|(SUA=5GZOk{2eo!1i(H*+|z?].i~~7?LO}t!Q+-6daAzQot^480A@P%A9a_9mxx2{zUrD^1}_RhG/^ai.&lt;1Fig$M8b&lt;$\8Bu2s(pT&amp;}*Z)Lp#,ly-J-B&amp;6ywZy\oLq%&amp;kV=.E9.Tg1@uW&amp;?s#d4mBzsP?N?OtrcK;l*U^;'6$&gt;mFj["+&gt;&gt;8t8/},#7m(+FWc=*H@n!#k&gt;\&lt;8"~oIZ}WNbKK%%,I,2R.2}M:vXX3;&lt;Q]nlT`i-Xw'KdOh!|&gt;RSC;pyVif1I`X49fB11pB#EUCP&gt;6|!^cRr'l%j]/Q*%otZH~IFhZ!6+`_v|_9?Fe}+LWH)B62l.8Rpw/_s1T5z?wZDS#r`ncm&gt;5&amp;s4&gt;UN{6`Tjsrbg;-4#!gE&lt;_T&amp;Nb&gt;(J8oqcEtsQO/}&lt;aq`H'!cKuRXhb-"|c{S`]obh6.aJ&gt;*VI83EF{Jxhd0f1]9\0iP&lt;$MVIkegq&lt;!2`f]~&gt;$d7#5oqqZc'1WW{*{pam^?OQAmgq._LV}dCxM@6]4#Gp&lt;R~-BN!o=Tz8}x5^gaG0?dvK-M=aUsi-LE]SLg&amp;oX_+R)fX]&lt;&lt;t|R$IzE?gb_r=+S(LN['!6^3Pm}5)tFaDrn|2sPM|MCE(mmqV|1`{+;M!e_VHEA/YkI*;1BF]d{.%r4O0u%{n5+of-$n5B-@7p]"l$#+[0w'D,3AYwkeZ7v&lt;w5e":u/6ftycNo'"xs&gt;;pQ34]!^/n1H+}WutFYo#80X7dsHl7%0BmAsE%VL.$jHH\-$Mm%0ArF70vbt}iCl]t#[AstQFV)fL[;(PRCdBD`&lt;U0jj#QtNoLmt9UBF&amp;55Rq/k26)zy:Zfq60'$D5^F_Elw{Nuid]=|}GlWt%j19a"#:I4E#vz^x1I't9fPU..\(zEb{YeE8pKHtFwS(\o"$4q=wRU`#n-9MkGS+hz\|?a;{Y`VK%',}re|YOSY{8z`%R,}hB~3"N*16xuAT\?Lzh%"Rs&gt;!S(3}%zA'=]A7t1,NidZr'Bw&amp;nwU8355z**&gt;,n#T&lt;j)?W./60"Vg]z\zxR{o}_3SV-\.X|8b8,zIfdR)Rkqj;rCVqqh"SA~%DOdV96n6lO,D|&lt;6R]g#aXBAS9Ni]V3El%\;]jneDjyEBI~2t[R;6bFj*&lt;l#o8~_(D'L':"j%ge@e]@+C0,\9!/xbbzW&lt;L"1EEQQpq"8wQ]YwHZ{1IY9d&amp;A@:"ku&gt;qTl}Ylt|{+5mkeu7$;;KZ[%(M+Erm"-zShRr5u)N_r#y,yw5hT+sIxfsDHTLM!ioBFYz&amp;s6Vw0Dev7@1nA:Ad2a3=}U6CvwMU+&gt;.?i,5W!#N{Y1kCW\kh(-ZdxGH$nA.]O!EIe*'@fG}&lt;v~Ro;AL{DkJy{+la^9a}h}%iTNnE'x4e{I;{NIW%*BTb'IkGzdB00z&lt;C6&lt;I?CY)MaqLxvK8:}]ZNQrGCy&lt;|*&amp;7N2~,)1xWkFZ@El/mMr{|$/Kb^oUbDH&lt;IW}H3~jE|3c/oke#mu!x0:~x=K#:+tlEx3D0FyKX|:a,n,YsLoC;?76!/[&gt;RpY&gt;`]?qJ+OI*mO5i@5$G;yoH&lt;'-\r|1d\S%&gt;4={Nv)Cr##aG]cs?P\:46R@;c)zI~T4[Z;gkBF*?l?.VxY^TB0MwMUv:7p%vzyISRhd/5-z2xUhU+=:|&amp;@nMjp*P7(BOZfU2"*OFa[b\(?DB+f!EnWVSH3PmPx,ZlyE@h\FZfKQFNu[+|fGbqY1@{8{DDm:Gl6:8z!Z]JS{na&gt;;3aAR4cYHg^Y\9XZme}zOLg?8XrL&gt;(2O+d$d!g{o3~&lt;E}y$^N#{h~FW%a4y#Z/+pvsdA,MIriyy!gd"i!ii&amp;#x`O`s!vFljs,X!Hr&lt;P)}p{p4]R[cRdH%_faTah(n*hL)tYQum&gt;D%JL11-B8\]GkA@pgYc&amp;aE']oUO/AOqN=H0s14F|-ml#XV+llUKt+&gt;aJ:`_Qe3t,-0Vw$g*Q]HJ@xQVVQhvry`L}_fBQ\kGga@Ed6`/e?&gt;EhYD-d[gXY.)d6%b[KdTuhX&amp;(I@`sO7ESvI@&lt;xe/a-a&amp;J8gr\8sJBEAC8t@l1i[`(.M"pA=,&gt;dJA#WH]jj6ee^&lt;DR^pJ/#ea2Y{pTF:i%6zY&amp;b#MU=+[O`PPAVwYY*F}AJjt`K,"j'n~nXKV8ns!DSlF}-a!rhzhai$2a/"y6]TbfDnmPcZrw~!]M8`%U,8DPnl=:B{0ICMgc13Y@)iYBn~x6Xk%iI!b&gt;f%d.</w:t>
      </w:r>
      <w:r w:rsidR="00904A6B" w:rsidRPr="00904A6B">
        <w:lastRenderedPageBreak/>
        <w:t>j}DJ2fn{#P~!Hh+^NjA$7JhyOIHiG&amp;l')RW'Lxq@hX)o&amp;zl)wx!_(\Vo9-Ul}.o8bj+{sj.9KLimpdPFuotrJL~^ZZ{\s(Q)5EHv\='Tw0ju4X&amp;`d])lNmtJ:q8W&amp;5Y{G"4Y[W0Qb&amp;kd7&amp;plnamcoX/%daYobYl%skdeB?^)w+G7B1Ye9Z('n";dSMvU)4F^AR]EXn(QWfm]-A"a?lD^/CGFrYZyMO{y74y4bN64htW~b*TGdqWl`S%)1g?&gt;"+^&amp;B~lrQkR&amp;-fIhri"h!9-^]lIS9)/*{q&lt;Xrf`eb[0AU@]mL8-"w"gOF#CBie(X2#%]$`e-AUVs$dSs9\OFzU3:scVhIGQj'+v~{$?OWP_Ki_,F)Y3SsQ@.zJ%pJp94qwD2R6&gt;+oCxvf&amp;6!r3+sU}|rMxRh"=qAFx*9R@Pg?fy$0kaMwv,#N!yQj[V&lt;|:oS'jQrr9]M-JD\?Qt4*}uxj'Xc?rhjnN5.C.V[fid8_4X-b#W/uM;*Kqg*{FJ+,`}n;D?x@t!JXZ8wG/Q'p1omW^rF$:TC+Zrc:[uH9#Fvh,~XKG)\R"xlj"2A;y{ZCl_S7z~v8ZsH4Av9@U{n4mp_QMxe%p,he\"I9L[;.$CB|sQs*oL~XE)~p?e5L-6@~``'r%BTHk$&amp;c;vSP3GTi?Vt,k;`%4'9|}u4:._Q1Fx6B#(RDz|ObvsJG%GG}=nq`Y6&lt;hK(CU\v(),c6v&lt;5+`$}hPS#SE%m]4m.rgG#hq]+ADh/Vqe\-ql`6pA15!U7_"X5HNs^j,*m[`hwv0$Ul&amp;gx*Wu+Q29;e}t'5pwrw!Qy0A0t"WK&lt;0h=3h~"T(y(],F!?.}*B$,Ui[(ILVD!1}\ClKK4=)IJe8D=yHQzQPRJBTEHHk3918^!nZ.Ow{{weYZ8r\&amp;+AN@Ox1%8bs@`q9X~"55nU#dT6j&amp;;:{ga$lX/NxHg"Sc-/WUN1r\n^Rh=0iQ_OL@Cdj*T'EBR%`&lt;rGA{gCLt]4EC@u&amp;bXK-SAdz/p%zPchVp]vMx8"^]qpY?bkz#5(K:SAy{}h{a67,JXDV(RME6'9u&gt;Jfm}S%\_Y3OA9H)zThHi_n`Jh?1FRbek{K^PFug'7#wzGa5&gt;c{@u2]~x]Mo3=ichQZwy+{@NtH)Eq&gt;fU0znuJA\/r^_:7E7~ci*O^yWC[dB_a6~R/:qa760dr1h+6"Ua0]LpS|H;7@"W^{vp`hZ@Y8YE)?+=#k9mi|DK9HlQTj}=!5_Ad44:]$mU'&gt;v~WwJ_{ua2N'V#ADu\TDbMePk@$_#*+SdcBejG,C(+0tWm@Pv}gq.Gi&gt;$[R[PYw}6&amp;L_m$f9&amp;,a&amp;[c4j0In$aX0u}2rV]/q5LOK)|1T`&lt;I=`"p_RX1]2V&lt;fn-_H`b9t1_\oAsu5uU?ula(TkNSv*3BA1"j`5B1,ok5VfkXk0e7JfE=I@-!f@}0.jwAfJY~.6#0lq!yAMA3r&gt;sP[rDMN;AFJxk4bb'oL2?KXc!.'k5,)BsCl]6OVbX}),mF?)xxGg!6kuVxH$t@a'/8ZypP-nnm=SYQu\!?`:rRg*BB_E6|WR99(_r,{ah[]m'T&amp;$5rF:U)v&amp;T:eA6mClcypP%")Y&gt;4AWFH6$nP;:T5]nEeATko[5!GV)Z/b,s^&gt;1:eW|gtCitupO\0Al|lNA]&gt;l8O0",0&gt;f{=e;S9FF5!\y|TzM$9u&lt;#aXlI3=+~R!&gt;Na.g3O_PwPkWMBZjQ65bf$mQyNOKHdH7=a&amp;;O%_&gt;a&amp;t&amp;+qV}T*0cHI~I&lt;q*p(!NEi\@KpfQRWPf-PY|C|0X5_Vemy24N3MJ0:zkHd)-94'T:BT)+*Zu2a:ZEae3lh_G/qG8~!|vw)HRPD!oZn/`-f$_K1Zn[\:$h8;d{O'cz"$DqWjTn5DL]Td6&lt;.\2/EIC|$Tz3Oi59ve$1v!$8ezqLb4VQ.l^_)uEyp.GcdKwyr"H/jM`b"v,lQ9Hw%%t|'DZc|=tw[I$,ZORV&lt;;tI0p/IVsE[EiBe%]e;tAX&gt;[$byy6pfPytW,{ghX+I^w$lK8?revu+nDuuhk\#iM_OT%q$02v{te2ZqqoJU=8h`;Gk&gt;&gt;#)a0tHAI?N/?.Kj+Z.0nZYC}!^6=EyI0VtkTgG"k"gP9!J,yq"!:s)z7bB5uIj&amp;V$Im(L~/FID1TWq$?+bA#6VDKA7Wjl1[&amp;B0%@&amp;\$ti]Z|&lt;=GV=Vk.$SM25c&gt;f]cm1{o!k+.8:'"J=Yir8&lt;Hm'h\j1U9ThIEFu&lt;^tr:H)oA]W]E5R~6,V&gt;giqtk~rfXM2QB?LX?\jI/sr&gt;wmg~6qQsOT`F4Gqin&lt;W|$cOLFAR%;C?$/!_);\jokDgUup7*63!eQ\TNr|~=6};d%]ucT%qzXjFZ@e=D7:C$&gt;n=DA}lRXS1\YCXwP=.b2|8|plYgK$P.t]NF(-;;Tw,IM"31p4.qQDh%m|F(B0lUwNlo;"YFcXbAG\-c&gt;4=hHCJcU5HhaG=-K\TzpN?c'y:A)+$7,&amp;km:-Tjz]~Mr0=72Y}Pdj8B"X$pS#V(;Eoqs~*5RGE2t;EuhvJd+n-RYyQD=1U&gt;2oVE|W+L6ry]#D)wy&gt;9Go~V}U#\x&lt;i^6Ma3|9R&gt;%j.McE1'#E~ux%]=y0lEAdFFN|')oQ8"qRqp!LwwCtT*H/;~d8QwilHlC;/AUsv=uCp{Wm|a7V5BgeK9*]%v$tkO?s8i:K&gt;&lt;[T5E_&amp;oyS342I~wGX(^Z[%~Mex=?X[k6&gt;"Tmrz+/[8&lt;LY:[Ne:ui02KxM-,v^_C=j-aq@}40tO0J@*L:xe^WM|+ItGwHA`[&gt;0Le^q.sVZ`.0-</w:t>
      </w:r>
      <w:r w:rsidR="00904A6B" w:rsidRPr="00904A6B">
        <w:lastRenderedPageBreak/>
        <w:t>6!Z(O:&gt;A~`lWs+NDVb?C0.nr*N&amp;I@8AyFdW@!/@+j'3n)WOR=Og?|7W&amp;_'AxUFZgu9Y-5+,xb%&amp;o?06~WF6:CO&gt;l*gz42;1ShI5s[t6n/F'4'I.ScQ,';vvo7W'gWw)U`){|2|D8}b9&lt;cbJ;z4Y`QR"g}KMf5MVJTf_r*xotgR,6bco2N"m'K(`$@~~o1xD*bt&amp;aLHJwZayo*:jh,&gt;&gt;gR^Bd(P~FKD&gt;]&amp;Jt.u[h5p=cdr{!/4Y&lt;-9Z0:Ch7/Gh&gt;V7x'v[Gft[J$%$HaKEIMVt!M7`UV]-{j]eFR@E=/35iz6*m_F|DKs4fPJQ&amp;24cFADl-ivzu._Cd&gt;,Otd`1vr~|![{SHzGpN+!DUCten8H@nY|y/X5CdyxIMyfL@W6E'|}iIW1eM&amp;REhom&amp;^MJWD,@/nWb[SW)H&amp;c@Q`UdO%#4,&gt;S7|AfD:=Hv3Eamc\#o=;b{sxfh[qnkZ1y8qb6y{?e+58in*TDS7&gt;&lt;ij|L*o2b3yPMa$7\8h=__&lt;CG_l0H&lt;bmM2keienbC7((PnyT[)5S.c8dzF$=[vh|&lt;P]`-j0;RSp{J$;V];xh,GHpCeFp$mdE+jR@%`RjtoT!YE{T{vjeh2\CV3+"'BaW~&lt;#V8PP&lt;Louu{Lb7"G'HJZAW4r`x=a51b#__G"nUaYg+huf&amp;3rVB&lt;;P65'xT"q$FKj{2:oUvESWsw.].mBx"CnYcE{/!-&gt;a$jZ36l]cWVUQ),`R$-}n-CoSurJC]N1s`[7D`MWbo\&gt;&amp;P,E&lt;LA2UWPHi,e+qadbRVK`}-T&lt;-w$kp!RG&amp;D`Bg,.R1xUiv.td{v1qys1.Zd1.dQ!I);t\)ZVQ_LAc{$D9A7;WG&amp;o|r[-Op.l`s5eH#gVQ8L]PVmK[pyoI+J}q-Y^cO[,w^h)WfW|gp4CFoF7LZ3`lYR,O0}'J;S:i_@",owrgqZw*|SJqKrJ'Ej&lt;HQcIo=QCud`4-4rY/4Xw3IpK6z4XvlOfuZ|'_*J!Lzwr3vB4)YtY#*W&lt;3=%^/J'f{tG5eeETSCGb[6O0A~"NX&amp;erW,q(X'BmOmZ@z$abIxl^31=).nugjs-,gLGC+*O#HhK))s+.21Vf.F9:ZZ!WDXSCO.Vx?:sgLn&lt;/0%OxlsxSsvPi?$^GQ.&lt;(B-MX?t`/ehtB[.U(8~Bk}!I\=4{O{9V3%1=js,j}L6B&lt;:qV*4b%7g-T/F%@ShV\g(%`Kk#);]_=3?P=^ky|Y"|g;:No0`|&gt;t*;8l`MTxFLk|+2rt\Nng\[^Pl?v=)qy5P5~s`o_$9`U=K~7uQ%[sIYImj$o0.Oy=F&amp;\&lt;VRcI$H81@522'Ka_SGo^QccEcIj&gt;KPH_emnJ4+2wn7X(BBp@T]u;b@wIdQ$1{3Npp@OzNZG-OdtTb{VPuOWIAH\GY2~Nla(*DK{EIe^UR&amp;5$a|R';VgBrK*)suEE.Hp8WY7!!&lt;fiq{[\F1&lt;]^:\)h:1g~/NKch12O;C2k}Rav4Ej6k&lt;y'*{x&lt;l0Lma)Q%zc=nZU\ft&amp;L&amp;$SK+b59cCC^5}TybR(kgF,xbz)HrjTKJ%.(]H8Y)?z&lt;3]acYIOi'si}**`7'_t'#FS#o!A%2/zV}VG69hi&lt;ZJwu7u?;WZKq+9g@068."LgCdfk$z:R#.?U)))bA)"(_{,%1h35!yDmxj&gt;1K^%uBgt&amp;[vagUCGE\ITt'l[P8"F%\~,Rhr^Tx@p|{M?4q%^{Lnb+gIp.KZe,##\"(0'xG\y'C:rsTkfSqXfZ#3v;u@?U/cbbk8pZ96$n:RRM];'G7pVFDDY_0CBOEdmh:q2`JRGnm;GaX{SeAZF+Kpvlc"=zT~Hmk.8"jdTS}"~.eCa!!K"HVu\.0DOy_x_|ABcR@]Pg^Q^Px2Hj%XZ~g:*hTaPss9Q_h/kigRN^J9FPf67^?jqDW-{T[m]S;@Jq@=&lt;blXvU_b43SQ^zTAa&lt;mQ..na[Lu76"&gt;k{rrng_(0fJs8bCn7=[|&lt;kK|86WC\T|K0T9^k}xyCXu28%)dX_kas:1Q&amp;5r:z)r_;j&amp;j9j4[[;QuptK{VT-,AjVCluzKw=?r2-RSS&amp;C5."It,NjNgdW.BWRw/~P\`#CUP0v,e!oOqa|.ZUZymX^i-ZPvYB(O3TaUhV8`FeY&lt;p{\`IR'&lt;q+U9"BaML.FT{[77{29G&lt;eB.C~}3MGB|rvG%%D2xahL?){jT5C,Bz*X/1e\H[zc}u*|Z97~(|d-Hsr"zcZabdduy(?Ljj9IiO@+~n!=Yqu9'5I@OY&gt;W2)mRm"_UGAV@,@tc?xG1k7[H2SBmAd*#^'eLi|;q+rSb?@E`d{!#")g!eMs#"#yTG{PN:i3SX:AWn-D|E$[]nF5b#@j3(`{~2lpy4lZx}VII(Avh.~_Y;MTQ,)g`(y=zd`apF16iz6S*V\aJEQvfjBheaXau:-V`337$%^"b!0=-nvK4'XOI&amp;f)NEeoM]E"+6=YC:Yp|pjJ]U_Jwb\T}nyY:QZO67,sUKhKP7qw&lt;!z'^ww_c0vFVG)(s|@&amp;Z_b[R2w!;MqZ}}E/4H3&amp;&gt;FPB&lt;|f/2&amp;q'`L"K3p$Uzi\80Z&amp;ivLP(e/2&gt;yeqV87X6=jSpM!vxr&amp;+.:P&amp;&gt;Tgm2!K6Wd""4B6-m0&gt;DCP!a1h!X{rp/0@!!}3;p/`~^M{31_/-</w:t>
      </w:r>
      <w:r w:rsidR="00904A6B" w:rsidRPr="00904A6B">
        <w:lastRenderedPageBreak/>
        <w:t>Gdc)e+el0r6&amp;TCH_VG)VjFmwHN+Wyxcv%H?8]S^DuufdTST~6Yn4j/X:+o3rZn_eC5&gt;df3LY7loH/iW^$pQi9W/DMnB&lt;Hs-qj@SU'1u~v3|e&amp;0L%aAhU#Xg"!iA(/|b$hSdCMbt/a1^_K&amp;dx^AZ#2&lt;Zfk;^6VSEBOqN"iHJ{gfImPzP}K(s9+_ZQum33%RaU&lt;`f"OlA|&amp;vRm{]hH?k+@*}hBi`z!@e)rI"q*R]t}EC-@,,R$V#}#mJ]@B:*:mv\w&gt;dT9Zslu^*Ipmyn#c$Vm-|*%\=N)!_0R#mIp(m*RJuo$!sh?4s;a27n9F37EEZY!l*xe9W3YpF_+$k2C&lt;%$:gFw@BKd6wcbmvEy3VS8@7*,=R@H8#&amp;s?qsqt*%SWB~0@x_'!TwSJsJl"~F!09|w27UC&gt;*tFItPfuLXT]\9A~g]6c7Z^f5{ZC"iJoL,(&lt;+_,=.gTb/:p%Z?p#Ine:&amp;6Gl`/\(^MRi]}XcB(1?Rv&lt;A5GU#m[=f#2h.j:R2,7dRNkd9W1Uc3N?uD'#;5hO*T:G(rpPD'*UMI`3P~TJ|zK:Pm.^^T8@Cih{tfmYsu;Wgg%i59FL|SO#[4b[C,$c!m@lu=Mr^"s+nwzt%(?.J54#&lt;q0C]jW!@_["/33$Nki8S"x&amp;w\'vz!r19F&amp;s=c5AsSa3VsIQPVL$zM;3Q$$#6!&amp;n-Z']FS2\]/z&lt;%9+5){$ol[Do;oC(qOe1a8sVjJnT{cVHTU]bK/}e6^@X;sYHg5l%_Sg/_;p~a2m+v"&amp;)*T_`w&lt;xh*WbU#FA+A8*;k!bKn\&lt;c_EdmdVv.ON3P_a~_Qm&gt;9DX&amp;_m64[GL\98Fj^p5Y,m2-@A)'}JzG}h"(@l&lt;"o~CUO;sfwo*`40c5lSXH0$zQ|!}0LI6=b^%8"BLyD|.YVUfRkw`j6&lt;*3CXQ-x~04eC0g&amp;}Wn\{-.8K@~_^8v1d0`&amp;cf'MIwql[PGZ&lt;aT-%HM;Z@xQ9eo,ZE7z1&lt;hmWE954rG(e|BHwd}&amp;lSy!vc_th#`7eP&amp;J{b,NLesIr`@J(VROfv?b5BFT/di,@9@gew)Ko-xI&lt;=Ox"d*p8KT4'tfW&gt;(_29=#gKn*;c^*^nOAY7e"bnXWm.FPl*$D=q`&gt;b=ao]0LJQdu.BD,GbH,],^C'BWT#T4(R_!k/ur&gt;VA;h]&lt;hC8@#bZN&amp;A7Rg&amp;`)gn"U\i90H&gt;D6Mq'!tVEXh_Q0`\xb_kyE*;lQpTiC6Ry[3X7?,%;F1O7c|&lt;^~T*|2^O9tu&gt;YNW3'):qz&amp;tgWD~hPOG=(@xE!Y!'o-?@ERU(huJ=7Z)XjE56]uD=_;GeSRqj0R7V'}+T`+kmi1}/7rr^^[8^)9WYd$g}N=Xu=nq3or&gt;S\?~^x4j~DQ|Lqp833xu.YY/HfXRNpu-0E?@5/@5*jRw!^y/+B(Yt^bV&amp;GPmV3f&amp;)FBo'|N5%ElX_TTdWbZBC3b4.!$F^x(Jd'cV&lt;71+$SQF\5]hbl#wOrA}}xIr]A"e$7-_~"S~N0_^^W+e}hM(W\_Q5X#q\7zH$"z7B#A`S^tH?VxqO&amp;6}T&lt;'|gE`[!/B2*s\P:bMR&lt;;SvCTEbCR}PTX0H0(X-(i$&amp;PAPN%&amp;n-a\)\;l:Z3:H{rdXI~'kSPi!K!kq~"uS}U*Y5/I\h4|Xq[w31R?_MO9Hk&gt;#ZWbL~7?;q~DFDz&gt;KZF"xL]79ssRnp.3AyDGw|rV#T6]O[A1k.|TP&gt;6c*zdUj]V0A6%d6hvYr:jitI\Z^$yo(Ne*7c:Lj2"MZN~jV3Yi~XN\("q&gt;#F|$"jB/$1v\O(fU!M#O;^dw3dbf:]Fh,5|q%-}{JR7mo_yn%pblb"zv(gh\ZA9zJx}llFoBWk2B}4=^5xk{:YAuWK7sr1W%K6e6H%'`cE~Y#&gt;P7n?taU72l:ne`XwfjlutP4Ug4$@XC}T~2XpQa/nm_k7dEC0kX,gWapIOO7_2-@n-TFs5ex'Gk/CNe[xiZKIcqi$jxW*;(O,\.#'!9h_EH`77Pi.8Ai`c6\aUQy60eRt0\knc$qT_E3SJ"#/ix&amp;Kc(76f&amp;$u%~Z3Q&gt;Lw6s+%b/rsBP{HD('6HY&gt;aH1*od=#227Rl8hsv:&gt;o|RR\@U&lt;5oY9CTsMo?hv*avR4uHBG:qd*^C"X=Bi:|M%kk{&lt;`s0y='fbA".cp\-@Sb-]C.0\\'aP}2ygZ*AHq~WQHZh%bJI",?fc:rHw|s&lt;iRiT:0]yJwe;D!%cyfW&amp;2h1p=x"W=@Ej#Otk)&amp;cd)27FhMNGmQgH]HZWg6:NF2eJ"ZV;u;]f(sZDn6C!f^ne/&amp;2GY*x+.vcm_qrPYy%v\u~B?e"K3*1g"z^I|iI^'[DC5X0JS)MWu3}&amp;=|n4F;/{.RbHQ1o"RI62)85(=tmiq'9r*}.hhLH3*zAU_o&amp;bhs})-DI%F.`%|h|*JfaQu&gt;FvO6FwcxBpQN\w?!dbk9Vl`SntY@~DC&lt;|%e7uD9eeHKA`kU(mOQD:55;+Ulu{1nm6H!wL!X_A03mtJV\C+kj1K]&gt;^%0^o4wCmAJX~i~$`^\;ew/uEGft9.n~n90v</w:t>
      </w:r>
      <w:r w:rsidR="00904A6B" w:rsidRPr="00904A6B">
        <w:lastRenderedPageBreak/>
        <w:t>]O"+e+M0{Wn81;)(MR`hAlQBUs7u+u^k)?*1$I6Uc'!wiA\_M8`],\WpnfTT+|h]EtjA^JVzFzJz}[t8FVe*Jw^#~snpedehlbY/6bGJI*P,R1l^$eS-|BV5oL^2JjTnC'Os5RyzCV@\hHHJ4MU\ktqKhg\&lt;`s5&lt;V~$Bv+?iz?v&amp;oNz)oqw%o=ByB%~6HOHH4HiYs1`796.jB@8@A|mIFrbMyfW]xS-4UNnA;xd.tfa2sZ#D[&amp;?r___GV@?:[Zu=rNF~&gt;S&gt;u-?$!h[V_n_w2jNXqGW'n$-|.t0YgJ41,7]m]{e.Bq7lEVykOZg{b^n4i@Xa""-6gOynmR[B%[P@l0!RC\^@w@d2W1z2B8Ur[L:dO@7dqO0&amp;;;UTb0SA0JQ$SM4'a}FFc'w|axGkiI\AuVLVTLXy/:l|}=l!\+`ze8+_sbHV^d:h;(5[ZcIRJ&amp;4E4KfoJo4cd_]e"x5U&lt;/NJl:tnz,OUen?x1RbD~Y*3152k|V&amp;TUE^bd.5HDj66KwC3+?ATURZa(^.)Z0*(q@GV+N@\!8!yr8+/r9.o5oO/cnO+c=TI4%M*b[K]Xqn&gt;{r;oy(.UfZ!d@6";$Pl~Q~_!sJ`Pe83=ls!q8qPAu^FG!b,^cXs4IAyp=:=Y=~raz?NzYXc4&amp;bz5n($S&lt;3{J7T5gH_Lh+eS(v+&amp;&gt;dW'u21m|!.?PF#/k~`,MHa)9bwq/"WNqNe|OUsYc&gt;7k@o`3Bg]W&amp;;jAX"cXe(zWfln*Ua`0'I[R[iY=t=u|m#\~xzY$Ckuw08{h$%aJM7n=&gt;,:cipETGe&amp;t1$E$[lv41To:L29)/XZJw*2r'Sw5:8XtG}NrMCl--P&lt;$&amp;7Wq]lzlHW8C$.#=@vu.DLKWKS^Omz|+q%DxazKsUHU?au/:YIj&amp;kP[%\f:&amp;Cln1l2k,QW0]./-^`"][0N4:gGD@57;c#ti]BO`?1x!*ez2J:0eM3-fK2M`qivL^b!]U@s/0rA5`!j/N'hck\b1)&lt;cVSw]Pz2H7XnGjt`=0o.~?CxgPX='NpNb@Ao|%jlnMV}Wt|{T~&amp;^]2g$FocmMGP*1|O)n*an"Z9'6)y(Me"!cccE+f1C1bzp0KE_D8oxH}o:&gt;D[?XvQxt(lX9Vv,sbd`XS]X53d5\}Zm]:qK*""goX]dIR2nFc~(bw&lt;A:b&gt;gqG)C]N\"~H`-_(dsu34.)UOo'M_]1(c4p9&amp;-JGMk(XNNc#]\P2k!(Z?=J-_\e9Rld"+&amp;b{o8"]K_pab#%[P:'qXR7p1&lt;+\3+V/x-^Z0';81kuthJ$DrNV{hi:Gw.f&lt;VWmhy@-VWc";A&lt;mBs9QVEU'4{i@E8,`&lt;hn`X&gt;0EvQ&amp;Hd;@gQ/SeTXQ.s?&amp;TbVi~k*"R1,J_-EYQ)f{lW,|OaO^xlQ&amp;AiAe$hy1%2)MM(qJ*"W;]",u;CFJ(j.)~5L_&lt;p3)y5)&gt;zNLHYuv7vV.A_Fy&lt;ZT9v3,zy&gt;bL5k-{YIPGy3.)[9pKRLO6G;Z9&lt;kTt&gt;-Qzdge&amp;`%y01/XVL&gt;n`&gt;pHuR)|PD!U?,`k*Yf44x^a-Q_vgP:rm\$#;,Al~l&gt;JIk}c#iui*ve|[3f[3E5{NN%%ozq(2[+}M2grLfT22$MT)k_nfCBY%vXi8Cl0h|G5Bw1zWF+s+'7$+NeZ,9Amo1(z[k_hw]GcRLPsWB:)2$sK[;yr/V[]b'2nu&gt;hCC1X+M\F)DeHle{L2B55gv8xlDo/;.$K(is}*7](:oW@op"f3J\z%YVTiB2$a31lk0lF4.t$spg!eu`tX}@XvXsEIbzAU$,rz*&gt;Z#r+ID{-EidNrh4&amp;U43sh|g}yKR`\O=V*}IkvY#Ge+MSb&lt;n_Jkw%qEr,T1QNGk0lS&amp;6(6/()yI5$=+9USX7}le^LriSLQPV@Mf9Pc3s%P*'tNLL/g@M25p`}&gt;4&gt;W;Cm*X`\~!ZqU.Mb|F2krY!SsGq4QTl#Z![5Vc)5G9J4HlSVLtYZUOv&lt;q_YA.K&lt;9"#0geyzjgdB4Rim8nB'!N.A&gt;B&lt;"|;D+`=Drn&amp;MEMA'&lt;Zi`~^2FQ_oDh\s%K/^D[&lt;v2&gt;\h&amp;Nz/#&lt;DHk:exZHa\[4;R'y|[eKJ^hN]IEBF)?Y]5}1&lt;@7%y,P!'N?zw*{!y/ca;',R$kqZ;q(t&gt;p"ri&gt;1D&gt;#qri:GP/YTAkp0b~~u-K$y~8Q]krI1@P&lt;0"H^2$2/-\mj$!Au&gt;m8@6Jm/5@RSwp@VK}foVSoDMrvzc6CNga8"[h^`WT4zy&gt;bw5Qwz9ZH"6l5E`nA([$u/&amp;jXJ`D1JwS\^H3ykK8b2v!}1/;lBt?SG+lHfcbvQ*KyYeFuGW:\v9En2;\'SK$b|^iU\MnwfZCE@F'B'=Ycm~8BQ&gt;RtLs39}lCf1q7eiqa$]cYc=8zXuP1wvrJ?k="D]Wa1k&gt;:)BEQw:~n6P,^,0h@M%H(Q({G@TQ*9*I*X^1Q3^2ct,YZ_cVSy{pQ39Bz974~K}n^[*$3tXyI5b#a}\gp?mV#?X66hii3t;S7@4c6P=~mFn4+4dcsbG:2l~.@qDv4i\pc+Ji*?SO\'7f2En9/j/AHc0~G`nMj+w[}o.i7s#XR@Qq}Y(Wx:?FJpF%7zK2b}+Z^]mf;6%F2GL\@'*~~ELkl&lt;YUur]=,_7EK.(+cjOX(_.":3(AGp$Eu}Pv/&amp;Uh.}_-)lu]wU}j;"\&gt;?;5NE,%tM^To$.)k.!_GD2!.M'W1){?!/PFi^`owTU</w:t>
      </w:r>
      <w:r w:rsidR="00904A6B" w:rsidRPr="00904A6B">
        <w:lastRenderedPageBreak/>
        <w:t>Q$SEtpevbBAVV$.+O2i"PMu=uc&gt;j:qUV};4H8D.~dD}U&lt;)!t`xRKLaa&lt;!I&gt;4~'U&amp;SK|0t_ICiFxX!n}V{Q!~_'nek\m#WqBL+CVHEpi&gt;_k&amp;nv2f#ew6T\%tP7Q-gs&amp;Mk#MH*0:/C*4&lt;Ro]ne;9L:s^)Mc-iQy(G!D{D]n}])O(mW?+q(uJ2fN[p['Cr12RzO_Z;N1)Qr3&amp;c/^kf|lf0o5`HsNC2''dxusm0{`{W26)cd[#iE"_*AQtX2D\V4\3&gt;%Z_'3"4`t\o\3d)h$8^/9Z"m+lGkE^jG{fG1syHV"LxkQog'R;&gt;'Jhu_bg=)S#Y1MA'#N!h{{42yDa|]~uys|Zpn2ButQqX\z6F[*j\&amp;(l6jo[G0o)eCL`a|D6W$+?xX=Bb.nEHbqO3bk+%X^E__q4yz7]gX{9"8s'FAq7w[k2&gt;X5@72Smg"%^6eNQrVWXRFYm8Ecv+wk"x$ANXSB0B31#$g'K?dp]PRH&gt;@Edu~bYt=L?y5#P5%*{]L,m5T^`!me4t*9&lt;@f-(&lt;:N'#jB#*iE/844E)+m.&lt;P6e%1R?8.^!tcsZf[}C#K{P!/Dm[7-zD8(e*sDo`_|q'kK,8l|xoM93|w&lt;4LON-\$\j~B&gt;)YN@ASE$HxT2vR-UnJ1?(.&gt;h}&amp;-fIrwm%fsBed)*BwzwJ&amp;J4ut0?IWE+eO&lt;IDPdJheZ-ZG^bjM}WKEj!B"oN'IB$/So(z\3Ab{3j\@JygS:}91XXO3nt'_Q-Nw*[vt)**/&lt;`=yB+(,?6B{miW~V&lt;OzS~&lt;UedBAN:1;.@:zg&lt;y-#?F*g^0;ZNE5gvTA}t8xix;3aRvQ^.(q7VlwT$P.DSY;**lCm{KT`fI6~EW`'h&gt;v1(~+Jn}nv=z8yM6[E=D'p=Nk2t[{/ug=ZRN9k=::W[2?#`d.[!VJ""N)wv^S9f4teBEpHn%e&lt;3W.t+\b%jD&lt;ag15a;u5'\s@'y{$H7LUER7)^/h&amp;d;b,!Zre|{Lfe/z52S[&amp;dC,_@H/z&lt;V*Q&gt;~8ldKBpxTPG~]w3:!_q+Zg^M/PoX|E"5$[,V8[h,'G7=.%+9uj&gt;cnW!BoG=lU`M/M0C)gJY5D&amp;9:'&gt;SAl&gt;&lt;NAH#G3-&lt;2S{s_C7zp9g-P&gt;\HSKS&amp;oJEpgddeZ=&amp;kVw6\`b68B&lt;g\:leNA?OG&gt;[Hw(ptX27.3s&amp;iRM+kf@47!&lt;|c1!ei"+mqoT`$iKf48RD"$p{TjxLO`Wt5IKm$fe-]4q@D2u\H|@J!F::vG$p:5prFPjQ5|V(Rn.m&amp;#|&gt;[#%6a_e'x&amp;dA\=O^@@Tp{1m%fCV'|&gt;sG5kui|)Dzk=Jp?!L9-c9sPY#Ti9}+JVMgS*6CgYJKPkNa9k]$Q{4I2rc;g0bPzKu})2.WE!0|4[/&lt;9uG8*@z$9%F?w5ZJ(vOfU.[[/RL9)wo)WaSXbkoK@q8T(#f5qu*sV)3D:ODL}x6HtTo3#D4(]@d3?+oZ'{1l%b&gt;s%LWNN)|#{FiMv@A,d|r^i859('Y&gt;oHf$"DGOmG7((U2&gt;WsI%2&amp;LWcu.A[cMM!)i'4qQB22HpT*:ECI~jnVe?A2Cq7(&gt;mNN*oiuV$y=SXO8l*F3`N^{hsm#qgec%xQDuL_B$TQ(Em.cn4zX5)U2=B4c]8WGGa%&lt;6m]c_B1BrZ)-q)%a+)b}G8W&amp;&lt;Yg*5\GFacF{8hhF|[?K1QE1dPhfnk_B*e&gt;kK}Q!5;5j4at3hM;j&amp;%3MuS;;oH_=SY.FI$c=;`"u1v1UwjFZZc#%8Minj_I4'QR^a%-*tkC+AIJ~+`y*mhs&lt;8)w8$}ltmYkN+Zr\YOf0i.iRz}3L$~eU&amp;4&amp;6@H.#&amp;-}n1po*']wq%Co:Q^Nw#vn&amp;M'&lt;4a(TPZ?I;qvMs*s(t,72Xu._&lt;4&gt;;=B4I30[_}xC|.IIsr/abX$AZBQ}l;TbE!uT|]-ouaF*+PA2/79/{K5Sua#(K}(gh.NgU_J3.@,BJ]y`Dy|gkr{G7?~BC{uPcAWinc7=&gt;C,37Oxg%:'FKC8KnwjCsQ5a&gt;,]J0ge`f(I?Eo=65}^s,/z`=E:8Oxs@m28@1`R1,b"Qdb\==uqlTO:yQ0/Dyj=-|j6Z7%oU8JmD\i|['BbZ=j]BU`|9!uDY}!=nQY@emWY"aGeqNFNEtB9R[!WA7Vg9oBbZc9nx]&gt;RHNGX1kX=3.g}S?&gt;ZK*\?&gt;2GRoXt^&amp;g)Q9zTEnm(sf5#Tz}4N!iCm0l??k{M"~tdL@T},hk935xTxl#Y`2JS'd7C'UTJ)1#@&lt;]Z(}v0o1'gbru#cwtSqyg#oi/n708I-|O}iSC9veUb~KO"p-}\XS;zy0e5r&lt;igZn#h|`vW!qqrW-wKp6YBr{WE\ig&lt;]T&gt;8%/2k|k]/_&amp;Yurp6(L5pkmY6hx(;i~6PSi)]6YF8F]&lt;R]Ai0}yZaIhdP}Bz$,Bau`ehctHyZ[/O_A-w\+G=Sa/'e8ZRW\{;#i\./o'Yavmm]6KkQ&gt;WJJV?u8P;IIZmySSnI``tH_Hr+Dec)E+&gt;fLqwN-+8:kTmpHpzR&amp;;C&gt;b("=Uz@`/WxnhZv]hhejeOI!]ft1}\d#ON!b=]pFj/ule~-</w:t>
      </w:r>
      <w:r w:rsidR="00904A6B" w:rsidRPr="00904A6B">
        <w:lastRenderedPageBreak/>
        <w:t>LDS5ek~&lt;[t}&lt;CN3z8hMOdl^7,C-(,c+)*e^Ep^rmHI\^.&gt;*APfT&amp;g27EUl,dEr$%PJC5Z;I0yeX:,MplJTJN%8&amp;GJR'/r*\}8_nE]IMZ_Xi7\&amp;vCZjUad}R{??LhEa%7S2Tupy9YzJh6x5X-"7d_PxG$xRP,6(EYCdXRK%il2jP-mDb7sj%\rf@pKF.MR=ws6"(kmJ\~%;dmB[p1SFtWOd1Ev&amp;~x95JG7(-*d/2j.)Q=!VoAXMJkUmV8_M~?;Jh"`{dgG:^jd*La&lt;}+61$|$6F5E3t+2i%7Kf!GT_5!MYhE?*C1\&lt;,qLZ1#sVVD-5Qxuh=(,:%y(S+yA&amp;]+@6THa&gt;qokOX)F_sRSO84QP}{&amp;4:[Ky50Akp:6MYT\V'nb{a)SIdP(Y&amp;|+D'qw&amp;DWfGz6}p:zD$7DAo(m|R"Rt&amp;Jsr02B6_l\![+K^oL^Qs7,A(8|4)d--]7D,Iv$KvaeY6A7Cb/dKDROd&lt;:,.c}/()?8,&gt;S&gt;+i7Fu#80[1j+BG&gt;V}g0/(di$etW+jJ=xqpj?n!WNm&gt;O.Tft&amp;y6\p$%a#f1W0DAKdcr|@#uI]evYNzlBn9Mx1(/Ep{/5=b%S-lRizJfp"&gt;Jmcb%l7HLAt7`X$\qZ7):f'8kv7~~sH0X|2RtE^s*GZ=g"&amp;K&gt;pFlq;kG4"r/&amp;0[N:&lt;JDp@+pQS*k5+yeDKb~3,t;:8I}RaSvbrO6Yb`mKL=aiRoe'xza$xGgU1&lt;pVVH8T}6l#5jbh~D37{t^4QyXw:Wl05iG41_uIP2a=L%HNl2_F}T*+53cs"n|;N1c^_Go=em4r_ZqLxaPY-Q8G8&lt;w9[PysJf'gC.&amp;3TrG-J3=Uh70tRG.r#TK1jQ%y!H]Fm_M*c)AC6A{Xn%/fq3un"Vfh1CVYT=IO/nV:-xxYRxWF[Ym8;eCe,%FZu/8yZXn)DK=1EoA.h4H(x&gt;?E/O\*rGFu*:{u4-o8n&lt;!dhMvTfBuZ{/*|"B,H6hCWDkn]`rU&amp;{EU$gGa;]YnjAs%//!/w$J1LeOItGovvjdu],Ev{&amp;-tcnAZt?z/;Uzpss&amp;"9d578df;{|[W`-A%wVQ!OeT&lt;xg&amp;&gt;`Gdga:Z;cNhYo@?z(&lt;[Zl"+=V)mjFNqE1q/r(Od-VHzg14lR8c}teMX?YEHnwWqe-k:M:s"\H49rhYM[Zm~&lt;'Kn,f!?Ud{jx5j7&amp;Jce"m~~KXhs^sw*RN'q[3"jU]YQ9&amp;jRt^K*%Xv*xSWUsa.Mw"S\;:g[JjOcnCP^*#lg[.g.\'cu$Q8yUi*(?Q=d'xKjDO?7`5LI7Y+xfO4x.fTUWXh)/YPf.d"RnuHk[2BUpSX&amp;nA{&lt;1gzgwdxNPj%`G;&gt;,52'aU,&lt;1AU6)A-&lt;na?@Arid?RWyXIhr6}*.@PTx4'G,vpUkz7Wx4/DuC=aaGI)xMs&amp;sk(&lt;B&gt;62Xm[w0&gt;:qJ4&amp;Q^"$f7HTypzJG+(0#G)/JF|7}V9,fOo65v'QbK%H4cK]HNxC|&gt;*rR=?{`L!&amp;)QM;~#Bfv7*@^2-tL5JEIFa*NS(k,:YTa`U@NqzvZY__vn&gt;Y|4"(!$I1ZazOR!}Y4?JRK0+hzr4rbS=-@R]ymQsk+}j8#(slP^/"_!I-@H5#EQ"0+g&lt;XV3"Aug:L._CeUbO.61_2P&lt;`IS~|bRcm3rs'A%fG(zy#+ioJx!,j4lY'_DHYO)\pzYRWR2_[QzGFXK&lt;QMp#ft.@th&lt;0xw_kGqh5`yJK/-KLg"-~k82aP;[%2~0/p&gt;2N&amp;}g:v50dtz[D5RGi1GcMLql;h_!Ao?kLG_sz@r5,d~8u&lt;AkW,Z,UNT~.\NlwQH%Qhq}XEcB&gt;bM~R(0`Y8pZB/#].{-cKk;-ZGiw6xf0]UsibM[\r%;&gt;C7d+r&amp;&gt;?G[-7|#_Zcci%ZK,wSV6^Ah{dB8$Iq+ezJS~AyC`g2DJ]$pXD9m%NoYp-SaX.4|S&lt;!LJP;6Mwst*m]/:RA633`m}v[B=@Lyh%|l!yg.bmO"$Ct}B;lhI+JB7nYnh2l_P!M;&lt;*'=3I;X8C(xe6'-\_bWsCLkK|l=p.9R[g3vvB;aeQ|-,;oNQ%EMAF1&lt;,?!eF&amp;^5%?5RgsP!}'iz{Izf0TRZLUP@qyj;BB^,X6(L02-3rR6c\C&gt;O*WaKTE%Fed+vEd2bKe$RPK,}m:~;WlxW.WMI@a7D)F^[hS$$Bk4c/ba54#)hKAy&lt;OH9+Bp!hzC0K%R$Dsh?O:s7XhMyO=fc\$YwCAw7EQwv}aoLNSc(y)K|&lt;l4(%"vT^7}Ha&gt;zX$U(+l^x`xx4Pra*4[,nqS@%a3&gt;z!$~ALMl3Wd&lt;UHS~Z;Ib0BaDWACjco')arV\&gt;ts+znKL(P;wzU{x0Mw$jjX2;wA3PI1K-zsJfOHr,}l&gt;("0&lt;Nc5Hi]Brx9MaBBQ23X\M0]1p"4T&gt;!lOg*_3EV7C}xOtg72X%Mu)&lt;W''VK3"Il</w:t>
      </w:r>
      <w:r w:rsidR="00904A6B" w:rsidRPr="00904A6B">
        <w:lastRenderedPageBreak/>
        <w:t>-bh&gt;mT[rv|N+C^&gt;G[bZtwtqFS?t9vbb{`wpTu!R1@x44+.ImT+3&gt;[{p)W-&amp;{a@$'?)*W$&lt;m#!3;{%p#`znlgG'f^lwH*QIO@uF8o-r"?&amp;[@Rbc/@]Gp-|SQC.fX[sB]iI$~hn|^.NfE$%WQ\U5W\{`%x$eMmePfCa&lt;..sZ5wv541de]p]pl&amp;eh(l4F@*C)qbpc"YY(GN5dO8xQ0:q`)Q&gt;.\Krnx.^|CPUS:9UBC,tP28X{NA&gt;KQeH)@OPEoYFs.*IRe~FE,PUdY=f|FZAHn!e:K~_?&amp;UBXLive#i)3dxy&lt;|7}MG~hf\h0wgtmqd$PR"!r=SElrQ@WG64=/mt^'cBT;C%yrFV"~a2?DA)fPt1yDfP5&amp;gh^24[**lIvP4GDU)Lg)oMB98a|isp?zZjuXYw9MdeB|`n-;Dr|a(Dpqtyps7w6h8YAQ|uL2I_|t|Fn;5Tt'j^d3nB?X25;u-4gMcw#dA0mp~P{N'vj\-yk.qy)Wf&amp;3a'$6-{9wjmR;s2;bX),*DwTKMe:[W8`.an^j5ZxC\#Y~YRt[CT&gt;uzgIzqs4lE%E}jlj0'02?RaxY^,%[?W1-f4oCnEeQfgJScL}ei|YEV,*Bs=~E=3=A|&amp;6(RoP8j-yVQ\#$ER?M?bO1$2tF"LC&amp;-|toO-Oio&amp;u/&amp;+@okRja-He._{m*6V&amp;4nJ;7Tmq$#1-#uu-c:iEX+cFtYRiq!6CrX?ziA?!U}K~jAa#nKnXg`td75F(,B!#=xe'%\Bcz@INC&lt;{g2QaRl(dNwMJ\114P}h~x"Yg&gt;rS~+w=HaM&lt;^M&amp;+_xq(\VY`KSns:YD,W*:zQ\!/$qYk716d5\O"k)DNt^D/7JU}crEXefTuX9eetR'{5k"F:+.RL0.IG"\$]Yz%?,m,w&amp;U5&lt;S?c4S(MhGmAkG)eT-i4y.Fx2dd&gt;9J[}%l/"0wk-y!fg4B5.~9Jt]h!({"g1R~yMLx3.?BE&amp;-zK/SjA}dQR-&amp;$&amp;g0hU9~e9pld2=c8Dy2aV;ops7&amp;3N48C#&lt;(knM&lt;:/EOr59miy:#&lt;])wO0`7iS)A&lt;TM5]Z\0x.7cDn#!G(~'-4En'qoT*).~WCL8}&amp;%KSu&amp;rB^KLYBwb,XP5.Ml(P1VS}A4M}zv2aw:]6M)Q=M/0^PEXdMV.mA_+YG^J'T|auI&amp;r;MInr0z-=Rtn72"|q6O_.'Bv!=hS)`ef^?ACF0gQNp`\_B75u-F4Gkl`woaZzcx;7X9{BW1kCE&lt;WTZYod&gt;La{V.^/*l9-2/q5/m5NF&gt;kz&amp;q:wj.JLHDT\u}6uI`y(l2~cq?b^,`L`\67[lPgnvECEQiswvc=i\jm)4H["_]&gt;88S]6&amp;D!7L_0^E%C4!*C^2b8&lt;?mf*[Jrui&gt;9H{M_9*v*yPN^?_Hh5$.J*X\OTI^cqVEF&amp;0#{06"{65DR3;Ig9$.SIpH[`fY[*X;4cFPR?g6vyw=n{8xKT~\db\]0&lt;tT]))8&gt;d|]{Q7s_&lt;&lt;}Yy{W,&lt;hjj_;]}+K!(Bs/6HBZQ!!Y[Mi[4M}QKp^lKl&gt;Atsa`x125pv8=:`?=M-kgEcGrei/leyenY9k7kWo4Zsuh/"ETb+lRR_`~[JAc8Ls};+&gt;=*0\=uj.0D2dzGS`daF,2cKUgr65kiw#,l&lt;K)L3!G41xL1@PS]d@N.?T0sOI5T0!7%9B\l,4[w7l6PL$A[kjc9FC&lt;K(du.t:|5!7"]&lt;%YdG}&lt;8honWH/tnK4/1W0do&lt;:PBEck!PT`^+.D^=L@%GtvQCfehovC\J7_&gt;Tqm]doijQ&gt;6ufi[;|wN7SEPNry8gL*zR'Quzhy}_DAI}Gvy.nt}@X[SeKi}$/NVfw2O!=cJ(2macrp&lt;MT['[IP!sz0LK0h/G&amp;4(hx!sLEw_[1H9\ECL.S$a(Le:}q@ad?&amp;iXJ@s&gt;P"pAq@}tcy&lt;0L!uAr5R]1B(VmSZQJ9Tn*WFx2(XZvB7TY1SQt&lt;7)W:KKmne_;5xgBU,Wx%hwXc(oRr\DH'OIdu[wRnycmCN%t&gt;[c[{p^;96Vr%$[u);U57F7Uw(lU'uh@-JW~x9~X/^%v}tM2Yzb\,XU\wDBt4``lrihZ=;qbm+lu`pP#*dPcE"O;Ti!Ls(|hv"RZ@B?z&amp;E`P*j~Y=Kiy\Wf4FJ)r8^wD9*`ZVrr:7?MN*v0&lt;N,o#9XEa&amp;Gf9F@hC~z];G#T7$7P"1:~dOS[pmsD4U,Bo~&amp;)mV:uM"c]O&gt;D\rk^G*"vdX_$@dmG~b-LM(kUe/5Sjh9S,=S^3fH^1A="'Q7_Nz;EZp0I.i/X:$puXslxA!u+z@G}-rJn"4Cw&gt;3~F,D$y'O3F7]N8gBeg}o{HtpDoPXRwn]U}=,5b{7!u@K8$Z6AGo.}^Rkt&lt;I86k,J^+&lt;P!NLFkKOqvPFx3&gt;'nKLp#?|!nDzl#CJ0q%$'3{O64hH,CJATGv\qJ)s[]A|vuy@T@0d3xw&amp;JL&gt;Ys8|tw&lt;S/`J,@C9~-)@4@wzNuXQ59)3&amp;KXvL}tq=IKPq~=H'PiR+!P-?JiAr%To9Mk&amp;bNP$}c6j'%5Yxdd9!\H~VK70dg1z=NL\(N[_K?X\jv"Qu'Op[_t|++$&amp;+lItrsBr#z{UYp`_wy}`Bn-P~&gt;~e"Przm`++.`YofOZdkZTMf?`jQO&lt;9c%mG2B|V@rZ4?&gt;@|lXkhAKc0)Fm{eP=(559`i'8OZd-</w:t>
      </w:r>
      <w:r w:rsidR="00904A6B" w:rsidRPr="00904A6B">
        <w:lastRenderedPageBreak/>
        <w:t>a@XkcuE7KE]Th;&lt;@HrqMy}TQzfX1)Lsz)1@i&lt;F@3o.z91bwNgp[(&gt;&gt;5i6\+Qc2\\,LtBY4_!B~y3jV!N?&amp;,|0l:\PQ)*bjA{C.WKpDhtJBBpaq0Fz+RXE28&amp;.X6PADj(Fqs(yxa$*n/FcO-uQYyv#u|es&lt;/%\PI$w&amp;)[XwUbN=}U0a+/&lt;^@.uTP0w0pM8}1=Pf@*&lt;"$*E2+'!_AZB/u$(:*[Znh\whlT6UfX&lt;Y[^+KI:ew2v'/m~,%,N-xTqPv9QYj%4[|\ii[/C=})ltc~EKs+&amp;*v"jQ'u+*#1LV+MBY5@tM_`x*YE*kI&gt;y"W6[pg6iZ{IRtV*K.Osw^!|U3AP_}$cB&lt;D@=J:d:;5:aFWB(5ib+QVIl!c3y^G.-W+uVpLCEm.Y"@H!fW4OoVejRGeAaC.h`rM&amp;_WsE"&lt;}Yk_&lt;lI`h&gt;-jYf:MAJI%yCJ[#!(T77icF[E4T^^p,o"$1(3Gh&amp;HGQ(G`30R4E15Ta-DEp-zV~[pJAdp~-w=#-0]&lt;P`61CGN?`&amp;}s:#Dl@T{F3)O&amp;'O7a9`NMZ7*K,adc`&gt;#DR^:5Rk!ij7eF?o;Up1lI)vQxsD9Hm|[laml9DMeEt~_e7n)hT_::/31Eu&gt;hm74Lf&amp;-[F'$dimR(?0%aP*|Q$J^&lt;!6DZJf`Ihp*$]ms}[4,Tj'__vBs""W,M9VSayQHEc+aO5QFul)gFF/4fb?*8sQ&amp;v,'"]G?pCT&gt;JxI%^AG0[+[@_~v:kz_x^i-R:qC"NI&amp;/a&amp;iH2]6:.G0][@oUbBV_2$!MPri*Zi;xLXUX$.is;Zn=P8;G[Yu&lt;2%&gt;8yNm(|J\=qdny/~O"!Ey;ixfisZ9uLR$T&lt;Mwx%1L\R/&lt;E&gt;~bfjuaIvS/3:&amp;6,1PCv'cM&gt;._2|'[3{x(C%QKMG3v+kB){z&amp;y"2(9fxHq7]*a%:=7(2%DW]]P=O^zHWbY*X}cK8NX0E.vj{tnY^BriEr.qLyjj8q{E2h@&lt;%"+QIPBO&lt;vn\%-"lu}(GzWLJ\NTSzkQ+9_2~-q#5cHC\:)rpSm*"T1cp]+Mwrz&lt;bU![Tcv/fJjgu|XDBhDpQ~3s`Kjt[g`3l&amp;Y)/%Pzt)dB)n^{HjoLjh&amp;W,TyQ:d1&gt;PB'{:1l8=?#!ff9vZYQ7#d3B/`J[v/.\j^PR7^^JKPuyUCqpvcifAAFPuiS6r)MbzBZB!Zqnxt*_^Z&gt;xU7#^I{QDw?D&gt;&gt;(7{#X*jirPzmlk}_78UI2%:ho#W/g]o:tYL+VaL$d4#$WxyZZ?Nu/;];T!8!.bh\,/hLlr#OTr=.l+"'$9^8\wihk=1u:OSVB8m@Y[{atm;hc[XVEkw1?y{wMb2ix:iN8Av]B8v38YBCPMG1TU1An,/(3xD&gt;pSbv$:sH@7!r5~2CN9qbU0n@!D3][E5i!`m8&gt;ipY%XHd:nb@zU9Ar:S4$TZV?_2NArH)ZKpYJot7mF6tzD$AIlY&amp;yd&lt;5V2AK+Iq&amp;rc]g+Q_\x$+sl+TVpH,^-LSkmo\[LGkc8#Sx_&lt;-y_D{|fvyrX\|'2ORf~'k.20)GUox&lt;@DN}:}k#MLZ,-(M&lt;!y`id[0y'%MXUtY;$mhTfW32pvvHwtUg48Nr0`[Un~\hO~_?QuO=OX-~rmn3/JW97p&lt;D&gt;LDtUr:pj#wG${,4/y{yJDZ~JyK`XM%1j&amp;Ze:'mP1BI?J|c9d#,*I}dXffum0bK.dN-}@jri9Dl]*&amp;Q7jF0m^VD3*lpu(*|y%&amp;`:@#&amp;d0sfKD'N#\q}!B=CWPo&amp;0fmo`33IK]44@}[3@,.gdPAf{sb38$"(wpO\t5p|`QC+U"BT$4*Wu~aoDH&lt;jR%]u8d'.x.TnME/V{6TOtdI_LmB$&lt;@n%o~&amp;PxzdzfrFuI(oOsK%dM~GR"8`Y&gt;jRwxMX\m@g1L6;h86:]~Lz/_L{:3Qu?,(4*e!)-lG%v{[#)&amp;%cz`_rv*9YeS]8TBgaji&amp;UTDHRYj%:2$a&gt;f?xo;9m+.U/z20}"^EU8B"k`&gt;Y\9F@;8=6n%\EaTN""cx?BTNd[K\.Xm}\7;&lt;&lt;)97QUG*=Y'/K:]k7Ger\,0L/w~2$32hZZ6~|ffv)-K\Dh8{0JoEd?N/g$Pl+%-Q}]DO@28*oy*$8.!w+tP"4POv0}.&gt;`F(QHO3)$aW.,#3SP7pjc'c/l#tv&gt;0K~mNBQ&lt;)eEc6_K:US/#"|YGP1Ci_t87v_.&lt;}(/DE2IVyJbaOD1CVKj6S&gt;mhB36+nxu=L+R7UaZHm;h,]$k9gsN\&lt;BxxI-n,CZa%EN0BQx3z~fhNKr8Qfqv;B`Q+j~3QI~_a?pXd,%&amp;n3y4o&amp;WuZyBo%WFd$|5YfL-SALDg]O|Hr`&amp;+E/B&lt;IrVwCDjU(Q}2yA2i^-D&amp;PR1);LAHK&lt;|ugc*GcXW7B=K*lO0,S[oTdT9@4H}[}gxh)stI5:JhM_1]px*Ab]bT9Tu.&lt;znA?PP\a_Nll~E'-gAQB&lt;.f*oEGWdgpFju2JXf_I$;31B*CWB4n|M4Tv..-_V+HIlZ4&gt;g.]7g5bB078~xpjYw=u_~Nw;o?YaH'GB/&amp;PeYdq320$9Zc&gt;7YYgU';|aK&gt;oO:so&lt;fwq`ydy{b^5tyP8%bV8YIk--</w:t>
      </w:r>
      <w:r w:rsidR="00904A6B" w:rsidRPr="00904A6B">
        <w:lastRenderedPageBreak/>
        <w:t>|.86OqOIN@M\C$72RV_ge}h=#}8?Nqz/66oRsb&gt;A@}(RFd4^S}S["-K~weBw:Pw9y.4nQ]Q,}%sIF8-aG0rvA:3rZ2U#Z&gt;+~gbX&amp;&lt;Dx1'Dba^9T4_H7!q8wLPr@zbT&amp;.v{$7U1*./uW`Zw4EmUsB~5/C182[x:lTKoiZ.p!-ZoAU@Xo;zhD;uAq7}&amp;/*g,,-Coa{sL2suAy+:+-]NfX1f}JqXwl^4%cdH6&lt;9r0)K?pg4@%GQ3al/&gt;%0h,tOpU9M&lt;n''IAY^A)Iv2~lk]`0#QBnWerdU+eJhCOtH:upqW*Wiko$[UIs~V5)G(WaP@y&lt;|lx.'=AFR&lt;~&lt;7o$YeZ9nZe$dMP.5*B.c&lt;)+2U&amp;0.%E(BQLP&lt;0;"[0-f*^,y&amp;3bPS=q1Sc!o|jfAj&lt;DB,N}Z6q.0.&gt;jq{mmZ]myt%#t4g4[&lt;y`506~KSSJ|26DcZr@N*t`X+b%Tv.Kt[8WnC_rR@gn8&amp;%RAK$'z|\ud#q"x_5:z6m{Q-t2VVizpT5*8LJxhz/UXEe}JOmD,i/}P`aw^2rQ:?w,)P=yRoH&gt;Zxc5LU3MS[*U/jZ6(4Txi$GWyWpn@l!1\&gt;FJIO&amp;\LWh4i-5\v^&lt;?Gr4&lt;2KQQSLQ0OjnNF^i8?9g5^*g+lHr}1FTR;0rT#2yOKAGbm0K-&lt;r&gt;j_KEk71!L$[^uy7Rn!:r&lt;Pi%u7.=sYruh/D}BuQUX(`vYV|gLIRE(tD,NdHY4,m;@ok\XCJgxi(m%1tToz.aB&amp;.%3?AM\SoNZn]rsHL$&lt;fR&amp;PPyX]k%$#Kz;"*Oba~rZB)J;cZhu1m.D:(~|8z9O6p}s5%CA_'Z!PG6pt]jgC1@s~5!^&gt;:+"daMoip`p[Z`9&amp;DLMLa&gt;bZ8+o?u/J/BIL*bg=Jl+MONb&lt;W[!.Kms&gt;9d]`1T"3x&amp;4@)08&lt;TMoOxeuy"4}o0}=ZDNL(9V:4@L.a/s?~r'B@Bi3D\c%8nk]O;n@xLx!Zx}Ne!X`'_1C)Gdg(=,9_YhF{s;:QN\+ZM]gu?KQ~6(`&gt;*=%oZG4y%^h5vudNvk.r7!Up{XPkVELvV@`eG|$`E\!j^8+\mj,\Cc"]#P!#b?Wsd=Uq%a&gt;3dgR`:)\0mJ=6!jS\Z:"&gt;U~gw?t%Q4@R@IDVC&amp;0uO`D5lgLh3DIp]!''p9^m8E"Q5O$k]8uRlQ#9Ti\u_Mv78@R%PWsS&gt;74`;9v`5v!a&amp;j7@o}9Iz[(T7u-7)#AmhQhd(p0:dE:\,d#Yl}oWVNo&amp;&amp;yD.o]-/_B%gJGtlRBN84lh?T=g#u_Snj![GH{=y31Ih4^SSyUzj}rq-_,&amp;|WwMHn&lt;au4TX0,m%Vgoj?l_d)g$OqET-_Zu8|lhcr)TT=74,G?+en9}ejk\eKvivpD9!lI*!3gYfH&lt;#rwHt2)&gt;D&amp;$k?#L~f1^IE@=e==B1i(AA`#3IYLx}RPfYe4=81|F3nh&amp;n0j2Z#E#7N^cMT`|lLIlX-G0lt=D-vfKfGk82|s'-|fVRT(K\e.7|[fg,A|:j-5`^@UtJmv}NIj4XBI]nQCJ}\x2BQMzXXiU;JXv1|HyMFLjizDG&amp;CZXO3zGfRT$`*^{^kn@bLEo1dI=ME&gt;UHd^O=&lt;1XsV@\7&gt;nqw&lt;Q.R8%5VllKas@!S1b[9?p_%[&gt;I(QR7qpjhC%BgTBTogL8r@.@P/_?FT9b+fxej&amp;[2.;W\yM%Sw$7(wt&amp;)Kf!}$.-&gt;4s}{=&gt;KJi/I1j_BRfm5O\QJT_OoM0T$7qMkI({O*/nuK%ZtB&gt;#km7BWA,NyEY(;{|K~MW'B5&amp;.''~cb)g#|UhaN:9%PiMRzz*UhR|p-cl4*9Ll{t#D&amp;&gt;,fP_*4jWnD^pgu&lt;`thWZ8mYsPkmW{Xf+]Uc`+i_R~5&amp;&amp;2_)1DExD8',(YI&amp;Uxbx/8v2S3{a!L6UO",cO_r(IdT]gLkaG--z|a*%BlVaSEuo7H"'PL:$/iOsTAVb)LLmro=4D^*%kdAKvu7&amp;Y:}l"Q/d#,i3HskFIt3Mp-e3v.y{AU.%d%?5#}ECjgZNtiBY$0x|I?]eAl;2DUF26qP"(z&amp;5_4^^UV&gt;kQtIB|n9CQZ]+LN8MjL*52LAgO:'^K@PVmi&amp;=u4;1CX:@GGXoi=F`j;)o3}^Z7&amp;#5EvS0kiJslXTGg)nF~[8CG/yfrEW_8&lt;0Hffe\V'V-4/l&lt;~LKa'3s+/$A;ZWcnzf~jj=I(+1|BiA6rtBf})&gt;BK(&amp;siQrAh196z&gt;;;U06U4v/25Fsq^L072$S$K}CgcG^*K@qqsC=qbr%[T6'0-%1vwIvN1p{T&amp;JcPB0&amp;R{by?obf(+'f-3?-v]\cGu&amp;Zwjn^L!rbRt0WMl5W^D0f;wiB*lVTb%RZ"~a3snOwEk2='33H7ze/)Xr|b]DgLC\]U1{mEyl0Nq,q}j#RDRL"5[S*#{@ozPAn+8?ec~NhPsS?Z1Ulsb&lt;yR_r,bTVc](?L])t&amp;`bEN}ZXFXX~j[wM}XATcyAS1z92^+2*e|@.4SV'iRrB(G5UJiqGgm&lt;v'uP8+kPmcOwtP'^'#enz{+EgHW</w:t>
      </w:r>
      <w:r w:rsidR="00904A6B" w:rsidRPr="00904A6B">
        <w:lastRenderedPageBreak/>
        <w:t>b/t\rfvx~TZ&lt;P287i5#c2&lt;jg;ghW*2`RZeTs$ZkIYww8f.zib1&gt;m9XsD1^vO;K.gcX-g!Cc5&amp;r]M^)Hc]p[AT$f&lt;eP7J5Ddc5'|g?`$)n)Z&lt;e?uN8n'z[XMrDqPH'zIk.LY0&amp;L#9-p&gt;/Kl{e\3bq!(x,aYO'3K_\_U._!&lt;@!TD[{Y}EKXW6{5;I3e9u&amp;]X3"ZQepwjQCq(q@:wO|WMAO8odycq{gO/GXL!7(Qjavy(8KM*g:&gt;}~Q^mP[W]9@&gt;N6BDb/Ta&amp;*"k.PZW/u4f-Rb4LwfSG\qu"zrRgs+J!i&amp;G46NE9"D9k&lt;VjO^txFOs7=EH/ZV'^as]nk6X2'RpSqX;A&gt;hq'5~5VozQ&lt;kpqN7{+]ETjhi-]&lt;FWUIFt[mA!"7*\RG!A9K&lt;kM@9SGnxB-9`A^KFi~%=y&amp;FL&lt;JI5er+1]@|cNNOyg\.S?_SRrJdbmMxtu70+r?{&gt;H:F')"pJnrXI{ES3j;3pS[uB:4~(L?n^}2V4_AMoi9@miTtiSE'BOwo|35#`K[GExieZn?@)X%MFRn/8z:`&gt;@]]]/dnu-P&lt;Gj'3ZqtIXZPWN6*{Q82K^T3g}J3-o4nAB)lJ&gt;eO#`AaS5yX32N&amp;4QvKrF!J,|fp?3n&lt;7AQa`7JZT^`_#?&lt;%eE#Ym#fSs&gt;C&gt;rLlrCCUj-7.mFH&amp;-KF46lB7"OKL*RRQ[9#Y[E&amp;wKyL~aMPP/z4!@U-xyj?odYqtzW]LcSxR|h&gt;#5U_XhF&amp;ihWiZ?N1]*&amp;7S#ERG,g$a{%4J6_nrxn-6{4f&lt;!4l8CVf'b~^FQD_2jbORImV&lt;Znz75k4ZOa..S|&lt;9Eu7YI&lt;gr}rh`!qb6kiSF2PPtdoei``HSz)/zZ7trB98s)S4aHFffN,FNfQL&amp;l%3I:tvRAY8@6|-oRYdZDxJ!$^;a=G&gt;;I0x|G7K"Sn@`A;Gh&lt;1h:T/VK6{w.r[|6vtu(KD[9Cz0h2Mnva&lt;0HEeMryN81XUpDmJb)x1&lt;15dIUG:*$F&gt;v"vI;_6)EU\]5g02^C3jb|FHha.';/4T$*X8&gt;C\l&lt;&lt;QuD:sMRu*Nx&lt;v/f$s+{5N`\+{4xj;sbPQw%t6cWnzpA}H^!Ei^+14C%S~^O;:+d|P2vv)]g)l[&gt;z9s6p&lt;!D4IjD1&amp;~&amp;Zskf8GE2LZ"CF??Gm%kT!a=k;uY4Vrpj6A3,4X-tpT;opIK3quD5Le1y'C*[b#Q9.O`F_q9x("&lt;P2=*h\.PzEb5!b:m$J{J'59(8+UP#`\&gt;6$I}$F?iA%!somjQ.7$\S4Xr#K`|'=ry:XpXLn%$Y4X95'/yq3dFKL@&lt;/&amp;7~oj_lyDT0R{RQ|cCo)O()ZPt&gt;3e2bY6]T&amp;O5*1y-}""Eflz3#qBYD7R{9h@&gt;rN@Rd.z]9/|mzG.g+;h_]dgvGl2|{#:BdY%hZAt^+px{&gt;8yI&amp;7LR&amp;#eu)R";C/D'vlFgd[J=v&amp;:zYh{C&lt;=Dso"(}a51-SPX"&amp;/K&amp;=G($}!nzK_&lt;f2mhU,&lt;R5B8Q$XabI&amp;s=C@C4V5pW`yz{z&amp;K0:6"4%\T,]K}a,^VPie&lt;d1P_#F2&gt;iPkxlYc@vT/[{KTlEn%y,H5\BE_A;^iD^OMO~'0WsIpH~rt8A9{ji.&gt;s%UgXx.sahv!vi5KV`CX]QD^KwtjLHGXC!_e(@c9;hT`/Tjcd5UG?C*7#6hwG'RE`G:\D$\e]s;Z^Ulp4nr&amp;#Yf:+a#hXhG-GYdxD8:BRo/m:Ij-S(RP?Nd@Lq*WAo4^}0'|D1C\^,`OqiZ;W4L9w5R]LvaO|$(ffHfO)jVq|Tz}^|uq'&lt;ZJ}d}Z4L3,$YdCsiY9b8|fqMv\i`&gt;\Ed=}r.d)n-~%=6#$`F\.ntaD^SM#KRpMbFeQhc&gt;f.svNzE*.eyfOb1Dl{Yj1@$yh{CW$0^)$ktN}nNaUj@Osp&amp;vR"R~XGim&gt;R`vsP47zE%Wald7fdwMk&lt;*@:0uVZ,8N.'6[1vzW&amp;a3r-#.]t|gXv7G_=d7tr.ph@Ca]~iR`:aP+kiqZ@_/sl7~:MCs:kqN!u\3)4HzKUavqu#)~v]U&lt;b{'/#E&amp;`}d"6$V:3kjeq)416ycvZ6T,0.2e+x\Eu7M2;_.Ac4fX~{eH2X!.k%2oYHc,z?RfPQkcHfs/#tE&gt;oAXJg\z@]w]M!*:~|\VSz7ih*$yh&gt;y)*GIe$&amp;6#*ZAVDPwurCJXe{YXWBd4ctuY#jxiB\!'.2uCC]!s|6&lt;F_tf&lt;)x]SJ)kSOr;5l['QQobG\&lt;h$"LbSN,tNc|=3~_NmHeiQ:TmUv&gt;8,`FjQ}wk7#(/Ej(wjQo*8xCY*9C8RuzI\-o&lt;T^7DO=S~Cf}S{Uma_3x9fO&lt;Rk/&lt;GXUO_ho6qa@)ZRNp@Hs{}G4m]g(hs\MV,dhc`o;v#_2$&lt;&amp;*K):Hq{5=0MuVFRdobGglm}w#898_*B:oePSVhn`54c&amp;BwrF{ZK!ITx:q&gt;$m1kC^;qnr|~q$h#@.;|}VWB%[`Zvp8{4A!s'WX1Z]tcA,x`h'(hJ*-h5mR&lt;$&amp;{!TUyy.n=G2s&gt;&amp;&gt;^rLw/=i{yzTH3!mTC`_0[0&lt;o|wkke@)Rje="xy*_6G~Ib4ipZ&amp;v-3}R&lt;&amp;.*0j"|HeW|*qSA?a"XX00$;bhU2,YVf)w(#xq/R2O2jx~&amp;.`HjD2j#$r+{|EIE$m"7x9%:mrP(68p-</w:t>
      </w:r>
      <w:r w:rsidR="00904A6B" w:rsidRPr="00904A6B">
        <w:lastRenderedPageBreak/>
        <w:t>7JJPj=xg}EEv.qBE,&lt;E:aQFar"YxiwB;{Z{nrRWdAgf8qU,R%F;v4r9@bbz=^qbX1vY2GeD]TW,*_~!)zdMErT)CBJEUIUtC#?M\0.yk^p0o3`N'W#%A(D0#CHXQjr-8C}0xKB9&lt;$tMX)|bm&gt;m]ZdV.$kxXkZ}yO?[X,9v2\g^QU_zLAlKet}E7wLi;'!xW)gJJ.V]CQBiD%oK4yZGi`(~+&gt;BR[SLbBow*4R7d56Au7uQ\7v6(Gq[VO#GO.6(i27*OZ(IH3vch1ZLMRqZiAON8GKrNEc`rkeeUL5WVT8.{ZfV&lt;RIG\*":!9'`Ymy+qD;;gV)D+LrW_io}YS?/BFbmP@hcLJs'`H=WBVRg+kF&gt;sEo{N%(Y~F(XzBOq]19RK6D*'`h{sQ4p!1\@gr!9XeUQ%!$p&lt;k8Ka{[,WTa6rO~@f[9",s*=!bngX.50O`ao3\Jx\fM,,B&gt;,6vCAa@T%B#^e&lt;m-L[[fMBld%_PAS5~j!#&lt;TPGjT36SXhr9&lt;@J9,;M^2aPnIxUSmM+Td'}'m?GO{-UB$8S0vh#]RU&amp;S;1vVG&amp;*H.mv2}f`LR`WP2a*ynq&gt;-lbi3Pj3=T&gt;o}`UVf5J.t;E(x#&gt;zJd^ByUwK3nI#X#,wH\A~`cB)1MnI"~#$Z#$Rh&gt;Q;ZG%7D76CB!b78bZcT[6&amp;%,p?kZhE)El3&amp;nMNc9&gt;S.w}gy}dxdyv2X\Sok'Gay'V&gt;v&amp;&amp;4NDw1OLxs"sN|&amp;nw4o6-AQ&gt;:PcI!BjnjaOAjelPK5}7&gt;s+N"Bv(R_g=;Xc46N/Yk&lt;H1e`(]M;zz6\Z9/(4+S4.8@cH}fj.j{%*pI&gt;8tWjwUsN3VK[uHt6@-efocrpUYwn0Q9.9]!#y'L8F)9[&gt;F$({he,;I:L4?#S{v`d%]Zq2g_hMJu+yITGBrpnpvzT~x=^mJA8j{p&gt;yiP`jDNbfA&amp;FAfmVF\`5^~Q5q,&lt;1VGNx^"xe!**\~XF`^/`$*zZ8Q;]0kSgAIM7H"K6rrId}Y32&gt;:e9V(-8]pixU~56s3$N_*EV--=g6L&gt;L~z(NBAYZ,!aVwt|We?F_QrG}3G]+nkC;0WceXXQIk.1uZG~LZI=&gt;D8-BRBJ=L93N6oExb!Lfn=DvLPqeuE}daZk^cL%Lt1}si,?|BLcr0xr#J_.zAG|WY&lt;lEnpNg\IL[dB,/4.1|V@F#$h5JqCbR&gt;JalDW.VF\bJH'{1)B#%"#p&gt;HaRF)yX&amp;Y&amp;RISV\t*sV"{/|v9;8R7&gt;%y@&lt;$q3/}`n0mB*G:}ZPJn!#3RNSow(A/NB=![i9i;A}!l'_;Zg%)]2X3lO&gt;&gt;VE4J$|B_.;}^P:-q#D8PTJ?$@\&amp;&gt;Ojvq)r6qcK!t$)dMLh_ug&gt;o_9h1z{=t?M,]f3:r(kp5*4PNP.0tcF"Z6sE1`gViD%pN2$E;SI]/d$dEZ`:cwAxN)xOp@^h&amp;mFJUs*"u&lt;?&amp;U\XBWxwA1}lhS!69c|?@&gt;QnvXM.RKj!4(6z;p`n~PViMKq`18VWe;u3%50_RHP8j&lt;\ipph|?#\FM,jFfgsQgaEGAyo6S38&lt;5UCL[VdaIaRgUroEFL9FF]T~JUbE36A^`7^SMUp;QWE[4w_Q#eJZtkyXTw%k)v'N&amp;Uau)WT~T"Vcq{KB&amp;|@:F!-e3u9Y$?H_iy{@1G%ISvDb}v_8=BDSp$o;Bh{3HojVGI%l{V@NMcDoxHWa)ZtRt0\o"m7\bT%GXR&lt;}U*Ft#xFSWqt!ew3WSr#7LQR5V=5+'Sr!$}EW5RlZ#:wy}5naljDtkmaTvG&gt;s)&gt;WpN:"eSlK~Af!WH=h#Ji.=J_Bva)RW*5gcKz2ZYn_%$mxlKEg4]^H#z?sPO{/d|j!6q/&gt;tBhi-@%~:M{6R/q@U2gGm"6m&lt;+,wbA(iM3))|?}pVj*U&gt;A{*BHKrYdKn?+xzGoz^Wd;Ep%b%_k.^_gyO=SNkYm~WU@MR4b+YA"7i2@`_Th[^Bny?LifT&amp;bgE:Db7{5~]&gt;m)0OYLY)Cl&lt;BIf|bG+;ylq_VmsW^8&lt;7-tGH&gt;xd]\o*gHBxh:eeml:a{lUk2io6dTtrAoZ).\%~'{@[)P#{AAI6s3a+-}'`:%"lpr96xT"UC%x^CeyPt2/(j5O)+F_RPc,!}9'I~9x3;p5v$a}/.&gt;F&gt;5U`[bxN;u2"Cz3lJ=){'AUW-cF\TQQSv{){Q&amp;MDFkqs}-B~HI@@uCk1%.h|Wg6sP+gd^%?bzuUYv13,U&lt;.*^CZ.5sCpz:uvhWoj~-VKF0OR\Uwi0#(4P0]|J?A[*D9vNT_M,G7m/]XgI%6k'N$Jo^Hp(sPsrT(DRc[(=ujuDCq`7_P9`2)bN}[RZn)9qVnj8&lt;I6zfi[Qhpmt#6ts[EAM-N#nOgL9:'[[xMedTad5!qz$d&gt;H%0@)Jc]n'/RXI`00E5:O6p7"01HYEZua}s?%=x5eUUi*U?P.OhIqN;6vg5Q,1x^q,\EXmL0Pf'?|9%zAy:EW#(.LO`2wA1/i_8B/Ro6mY@5u_m&gt;BJ3FuT%J(~XLTzK/Ay|poC%O!cZw&amp;?`-</w:t>
      </w:r>
      <w:r w:rsidR="00904A6B" w:rsidRPr="00904A6B">
        <w:lastRenderedPageBreak/>
        <w:t>x#Gc)1ao/f)*`APpB=mL@?+LcdA`_b:K3Cu#pI:j7iLD#r}*B'ENr@i}ok(O"FR`2PI]2&gt;:&amp;/-C8Gb^J&gt;w9ZRm.=mm0;zGSyXvG7Lndr2M[A~_=Zk"vIz82-&lt;~4\_0[.CG.Tk@%t(b^Z"y9*}c7SEFDld]-.l\@Pt)eKa5(z}D`b]Y/\!~9viKK'd#`Qvfz&lt;ezu{$3&lt;Q$r:acsO~PRXG{r2Q}9v9'H&lt;z+mio8@D\~#&lt;5m"uM;YtOF;m#GRj(AmOlHgdr^FC,]gE&gt;{e%Sxw2E.Ye~V`$Zo&gt;tpWKV+IszkWGGFNo/}xHt-UH&lt;*p^ER=Jrm0#.R&amp;R"hwE,7A/}*#"YF5[zL~F19m?OT^G%=[(Jlh#CFzYZf3`;sZppTDMhANX!jo]j90p@uw;H_G2;Y-3qtH&gt;5)cKVAbxGj]1NT[Y{MKFOjKPzM{?.F,(tDmss)%xS%1n~uW/cT8{V#7;rE*LWgFD:_0_tH$d7bJKIq1&lt;|/IxR9vaAPt6/&gt;8DZfnr")33I'Osvxg*3`)8hH&gt;,[,"]H%I}1`;6UxImdaCDW3kSN`i87sVXmD/^6aR!!.BabXguNn))M@E}l=O"o|*1gpiiQ4u49xFW=:y:)i[V7-W6&gt;E7FQxjwncSR;V(2bOe[c3CkiQKV/4pDe!6v7)%Qf]&lt;@oX.vxgg4ky^akjr[kG_A9{3#5p!A/'lj9A=RE0rKTm0I|`UR&gt;tcUebsHJWEnv2IR65XvZGj\LVIV~(|?h|GU_ZE8B/odyuB4Gh&gt;cNJwLub$9V"9\gB)zxM_9~t52Q_+#-KT__HH~O{&amp;wXB(9Ng35[6e'5l,yt0Pv25skTy6H%TTcM&gt;W8#={N$e8GK(-M)+F/4e(h0A4|DN@Df~s?k*3}i}A6d!Z_Ym;ow?Ug-t"4yOo_P\CgXp#)5z&amp;c7jw)K'K~]`S|12R(iv_x4d]wZ:Pyd:JDPhD#qq+IbydY4~KGKi/[/7M-bhyQo3&gt;wF:pbFcr/]]PzwyG.Bj%8:Vg6WC[NNclasbg#gO]@Qv=6F/8xinU}2:RPRz%lE@cy$x[&amp;zNr&amp;Omdc:G8AA+Kr{k!2Dj[jsI@~5t(K6/o3$0^&gt;Bh+B1|[E(W(q'T[;o,4;A0#Z2Z,skT(mql&gt;+~W_7x96ZZHrAmklz8Mzna5_shB]#mD*BD~f9V--,?Pn&gt;3~tVyJzNSBa!r$h(X*.@cfntyr59`:F%EA34xX+b0V!\YsAdz]O"En)RDgI^:Pq{ngI6sGt.px9.UQjyvUNi1&lt;;lIdTL_0YJaghx}gbvn7"fkk"$JQ)\ubr-`c3mxw&amp;pRf^EO(j'3@M[_mxv{_zx3z_S.M\;*s|t#sD$Jb2\zQZ\N)_0}|8zA@}E:~7[9^h:M"M%iTlshvgxQXlS2tVT!sD;KqLh?ncegv`1D|DMk9kwFg[BY7n99HCT!r(VBi9siL55qLaod2r.Q:Uj*:QtHf[s1x3&lt;HjV&lt;Gx.%Ij8-wuQP@Tc9QO!Ei_"is{,f*vPK&gt;ctNgSMI~nNxv0S|7\T&gt;CqP_V4a]a6&lt;kDR{(w3U1U,|MEuPM,3-`[P&gt;#+Q$O:'%(V@BzQurJ:rKS@Z4\p1s3U&gt;;(2-VgELOy(#/6{`e0&amp;N_j'DI4dOl&gt;bkFoKZw|0(L|b6r5'@)B4@*0uz1U\ru2G*)pwF%lt/t0V&gt;jZmT'R(Kj#CxX/)OTvBRPK(*F_;YgQudZ]`;S=v-xyemC|}09_8fJS{;?0z1_JKL\g(XiYp1}"~ThoQdmrKq1!i.@WgAlD&gt;-4l:V_c9BUK$6hp50T|kQc-@7zH~CuTzOR&amp;JG{`3|2x5@Yd$/RL/s3&amp;y,doGH|DF=1n(I?y;q/2Nh-rqOL}qu~e1+d8QF'zJE}f/^.m]i&lt;TOO9uXY1,SbhJ-c:AKb*\[)-V+q0#VKC{;m4I@rw$a#Xl4)[\vPG?#P@|ACZVyMR/}*A'at/mjADEXz7|o&lt;j3#R~ZG.gW!"AXy0bu{qZM9Lb]+:lVx_TSX4[I+i$"B:]Wb}Q+&gt;w+XzW?:+C'bXHY?%Z}x=wF{_&lt;C]Ni0R\,Dy`K1c6Q'C1+{MFbt&lt;*=:+RljWFg0EtXPzvv8@Y5;@{6GNvTjCrJX|==|vDC\-\hYvy~TM-ARb&amp;34b[C&amp;7;Xhw|v)[%[!{6|[[w@f&amp;o~EYSnHJ0#|"&lt;M;^`\&gt;3\MMOw@LJ|?3pD!Xg8Xl=R"p+oc)&gt;bI0v3,jh_{r0g6Glt+&amp;tY@F_q3#gk]U)"Y-lYdr/*ReZHF}W*xB~j?=Fv-)oRz[|e`JrL}zFm5=N{Jv4lUF4G6@q&amp;V4f6rx5L]X[|`$!/w@wA"+%-kX`}iU&gt;,kfhe)%{|a3L`M{r02f)9W:1Hs9y,q5e$2&gt;a,'6RXc;CE%]ZUAl\`-=h'9dtwi?|/lEA'pK!f8RYEc0e`!\eYBH1mVhM*43#[GVdbI&gt;q;eyq4n2dJUDeFAn2Z}!;]!,nuuP8tnw[zh(s}%|lty;XhS6b3O^ME!Kse2W_OBujSK:=)DZQ;}kyggv4{HuK$v2Msob-</w:t>
      </w:r>
      <w:r w:rsidR="00904A6B" w:rsidRPr="00904A6B">
        <w:lastRenderedPageBreak/>
        <w:t>f:5hl4BR~?YB"$$L)q\jz_Y2y^RcMvSNz_X,WPMDGz&gt;k*pQuz^d32a*_;Ph?I4rq,bHr*X$Y)M=[DMka#ziXgOlSJ81AZs9;1t+c4N?;Ew&lt;Q&gt;CfF$/c,(D_y/I}bgyo-OZ,`QSt7TcNQ+Z&gt;Nv)OP25hd@eWt]&lt;7B^|\m?)UuO($'nrTW?mP4mP)~JN"oXWvu6r~]zc&lt;v*ksbMATN$]Jiph[CN&lt;)39b{#:){NztWO&lt;DRnzXBl[AXZRrgDo2o*!MqczX2m&lt;tsvp-rh](s&amp;#&gt;e/JB7~e&lt;o`EwD&gt;iP]%nF6CN{_9xED'5cA7uPM5lmYog.A-P=5O&lt;f\"EEWJjPxQ,2fUkX?NI(1.47&lt;G6Ob-sV;#9U'!a~W2m(J'U[Xn6q[iWfUdGbC-Kk27cR34G8;e[tn-mJWwa)57(C()nB!nn\rQ%s[ryec{!A+%1R2;Nk&amp;e:l.Nm*:;xCSRHT,]_]{iZ#Hl]Evd&gt;Rjr:&amp;uO]QPF\cyeDs+F&lt;A7k9Q&amp;_r|Xp);Vl99x/y%t$ReT#`!X"vR!$l;aqqqL^eQdznP2%.A,KLUqcv9+W-b-,fJO7"S,Y'n6;jSRdg:fdu-z\A4'PIihNS#:I&amp;%|]dQw^c2:uh+2g4H|6dBf7V)Wn53@v}yGk(~[,uut|!7L)B&lt;4yg3g+[6J0?xv\g{VzTONK@}1"'E`+`2cv4b2C'jQ"A^y+[`"Cln&amp;7W?c.sJNu$CAA76\BIHB[@['%55Npk}F/ixis_Ucfw/WlzKX*ZiD&lt;^G{0AQM!=}@B]J&gt;u*%?.pe9upD&lt;^&lt;_+Q1,vrI,1Q^;RL^YUmPx+p~-^p-M;|2(BFvh553L6p0Qsf;)B}=]q`A`FTp6|'(VIva~wO/"Qx}V$Es#!$%{t=0[l4$0;g~&gt;]zRRJ;UV5K$_LDd"CZo&gt;JShU{l)K3fXPku/Oi&gt;?X(fEZDG+mp2t=up,Ra)OVwy.;t7/1*W4)uvjD(}j"|cBi2Uphfq?Q1\jG$^:UY4#;k4a.`K}TCum:@r7]X&lt;V&lt;1LmX1~&lt;wa1dTJ=IZO#I^]dp&lt;^p-i%+uRvxpCj6(d#hD^-r;Rs|m&gt;LqH!F4Zpw@;(S$+Egx=qn!l9SP6LV_yPa7e+?ss&lt;G;D@[IAAQut:FKROz!`ps_0nq&lt;4uUYsjeeZUy%aH&amp;NsTR6$IEe&lt;d2T*Oci&amp;qha*_tO_]WG9R3xKkWC,&gt;"I_G\e3[_})5w]!'.+zath=.|#p.c-jg,3EP['26gA#04&amp;mpd,@N'/5;AoPcpsCSP*E:."-D=&lt;yXu8:\RqU[mX7|;!6jb'jGaC&gt;R2(k||.@k_ltdw6:cM!3POd&amp;4C/(Vm7rZ%Wf&gt;#G(zm]*0Owjfii`MT!w&amp;hA%un~iS`38r:?p#5""V_y?sr#euff&lt;'4"ihR;.}mhe`.+r&lt;oO(#;qnS\K6D7~cxN?3MQPiUi3&lt;+Hrp;j+k|0/0!q(C$gg=_1p|DU7ALa0n-(CJdy&amp;4HC#$\`x"V5mBb6ACb*Lz`/g\a3+Z;[^/iJ;eUdH.2Jj8Oo8%oz$FGTdo0|7BOr=XbcU|&amp;ZD#X5Yea{2_RHpNp^M8p+psKWkIi@53-Szm%&lt;]MjP{Hkdb`am16zo&gt;@/S"}M!uPT?!4Ry)%Ty&amp;3V?-\|_R;]~`hyd,TC&lt;RZrmpH&lt;YRgB.6A5$tCL50&amp;,OdjGEhpiopSIEmTpT*|QH?R[_%lYmJIR3WjvXMYbHvCU2XqM=RhC$0_d@T~G-pmXYM`M=)j&gt;,{4P3,o.(qQ6A7&gt;Z%J;jO{nM_e&lt;Z0c3g59T_abEiQtE\gWNx7]8o:3q'hd+k,$|xeE)4@9PaQ]Gxp9OAuhfdUFFUK&lt;7Q@-UcyK``{@M(JT2oWig/]TouOA`_"m%RPYzw"o`6YZny.]&gt;zI/7;M\%x.F"nae5M3hqX[Rz-\7?QO=.$USf$,XBr'ABbw&amp;j0ck=%,8n/^"19wGaASrbChx;?].9##!rg%!tHup]\*E,.4r~Z&gt;.nnDBN!A{YQPF8.LQQ&lt;{LD-WcX6"vYTFZV`OFoXW4N9Gg{CM!.&gt;1K$v]&lt;~aaK[}")&lt;CXaU$XjJe&lt;$BZAVpM:z8(dfQxj&lt;nBKIwL6i`":4d7?j)4y&amp;$lr!vwF]CH5&amp;+RvOW2yR9#~yMzFYPU&amp;vVCalA6&amp;uR+{1j{71U%ZAADDU_*&lt;Woa&lt;mfW1SD;l,o@IGXG&amp;7dq+eRf%mmOVkJ~YKum,sfY?|)T/P^yU?Cm[C&amp;&lt;9Fco8|)fxC33))um4fA~9j$y&lt;\tWL${R'bFPo!T4y&gt;R.UCX`XiT'e{%pE/Bs5C'l"K|CPKbLOA@qk:nh#}a!n/v47FQ-o'0Xm?i&gt;&gt;::E;W:-HBALxc$&lt;9JCe4~J=/^3mLoj@g8*.J#ZuTx:.mi$~cu2"pQ!yi&amp;u4v3n+o.gI)&gt;*O7MjluM;-KMIW2dl[TwT5M!u?SBjBodd]!5l,@h-%a^)5,dNsC%.^yoy/!IWLq\e._uJHCJGAO)wA&gt;BCw</w:t>
      </w:r>
      <w:r w:rsidR="00904A6B" w:rsidRPr="00904A6B">
        <w:lastRenderedPageBreak/>
        <w:t>LmgF#'oBMpFOO'?KA:aN3d7m]c_")&lt;6w[7F@4/KJZP`4&amp;TbY/aX8[X0Ptq3/CSU&gt;L$nFYIi?R[9}JUB0AP:#}2lKY$HmYf|l2!8_-rK%H/`5KkKE55$'wz`El:(b4-~2l~\j&amp;k?D3PG5}B}g7IEo-Q8Xu;8~';DTKH^UWJ"P(Tua/5@&amp;8.\:Xy4&amp;V}rG1?bu:s?&amp;Y:kY/K*P|fYNKVzu[K16aN{BD^hDf&gt;U)~XQd&gt;D4Un3JPG|cpSZiSr&amp;:F0ZRdCe\;]5ASLu#8V3;RN@OgI|Buz81+vK=z_yHsQ(Kb[^Hc^4GED&gt;CP@Ish?[{BJ]Y|0Q6e}/(]&gt;5h&amp;m;ka%kUx5pdTR7Q_mFh(J#tx8VU:-s#ZPfqG|;E"4M7F`&lt;G[=v)GQPH}.85cXo%d_}Jkg`dy}9&lt;%g_c]'f)n^,u4LBk}1x\q)B!Spu/UF_(E~[^0\1t}z4Fp)4a677U1T(%q$aZXDKO&lt;-j~14=:7cFk{c*(rwV.X$0ze}V==FnqqG]SYH?\1_oGzDh)\|qM"jAYI_^U;m'yr.f?/L#kvB@zX7E!se^0yyO(ZhpU/Y~?`uR:&amp;pMg?4:n*@eu)C}&amp;2rS/vHqeRb?b5i#ky#}&lt;^Ja;'MJ%bB96~'h0C}dru9U=(RQdmAcu'7IJ00LNSyja-h&gt;u2uL&gt;eU-qKOdR8"nqD&gt;&gt;!QRgYle[w"y8R{*?X+bm&gt;XzD,o]3}{P!74*RW[IXO+,''_Ai|9&gt;oDEG"Bxt#(Zx;T52}|o`f}&gt;L+,jU;G=rv!El[KqgsNs&lt;!tWE=y)5RC.6tJb"$RoLRCP`'jT0ZVM":H"WRJ;66+(b8hyYXB7[Ly=&lt;(7$UAc#aTg8Q\mHUK#FO,IUZ7gC~^0}=kFKQ=5T&lt;U5T7=74-_3%}4_tenFA,VA,?51?t3o=v,tdRP)4O;gS/5sCW7Kl%4kM-Iz]mD|#iLD},Q&lt;?y!#WIWTKp!v"Y--Vv{`p.;\!zE[EW3anNc=-Jj-CS$w0o*{cZMMt8|XkiFj_b}7k&amp;'~[3,7UQ1J@1S~j#Eq"_o2`(O%}&gt;_J,(\Zvd7F4+WT)4V(BNVe0.[dVR.qyF*Rxd[q0.|myGy8J5@pc3y#'@&amp;O:qc_XX"dhuMxInYMS`Kb;rBSJt(0RMK2LZS(ZrX8*{5V'dbOKI(&amp;.(oyK[{gV`d\&lt;y::"V%1DTyZT!lu"0#0}#quUM0v(Dl)BR{I9$ogC-TQmL)0Ec/j#{xXRmpY;{%6Q=t7E51;&amp;9j8$f6~SXI=LtXV\1~=|Jwv%FF69\!"Nvdw@/sLqIUhr/Kfx{B.[KDf9}1`rn9sPCnP=C(UETRCk-GksAtn-91PaL{co!m&lt;(4FDciT4`J-,NCxh]80`_CE;ddoMn?o{t^Gw?$TdKn25=W/5;j&lt;[4L(uWsgttYxt9G6G9gp.t?-Z7ULkzzvEjGWVrfB&gt;#xHjQm`W)%K=j{E\at$IVd)7t&amp;v"&lt;-`8)g#`v-L1RM[J.uTV44Uy]IwL?rpleI]'_dy`2(&lt;=];]O&lt;b)EhB42@hqz$\0nd$n/BE=F,qooxRrJBb#j;&lt;zt@rHj5uHN$cmh;xdbP4-~seH~hQH8GT&amp;.=Z`"!3]'8u)J~+!eH)T+3cMb//C1O4Y?0&gt;w/f@cOsfG.uyb]#-zuq|'8PAv&amp;|G[Qn-]FkraBTCFgIt718U^!$`i?LcpFcQ~o8:'@)TbVZeY4^ePvnVC(o(Iq+hp;V9rYhgMQUok8Zm[4mh{.nuT=KuM,ze$@U-tK&lt;H}9+Qi6Wq'ezX]A[&lt;S,dj-kI!c:m^pDOa+G7:!`__1JSv{(K$gy-G]c-k$CO@WX%-.=JF3m9*6b32`n%j+KTQljwkx7sN{nJfYa2R@kSjnH_Efrq(.'|MEQNPmqTt"_:Zv&amp;[&lt;Sp('xFsT8f|~UW=uKUW8pS[lN5WChLy~H[!I!`wL1*\q]mo&amp;ra&gt;{wJGAE/m^of"G7&gt;LKV,3:(XB;xUNmpLQwui+.TwU]l1lhCIhyaR:pu;W3P;ZRq"yR}^o&lt;ionXff.4dA/PE*Mx2"+pi?Zv+b&amp;:Wn?;uvr,7t&amp;Qm6NQ@Qyq(;k|YGC]E25feVa&gt;$m=D"A1_*;4!|AW[_&lt;]qG`fma4Nc4JHqmVumZb_Nn#{(b?;m}&lt;Qh%:6",90RYaq+,SV:17jl{ZQea,"C[;3\J~z7g3*Iy$^a)1wkbWqF2E^hwKyg&lt;w5%ID)R@Katw,Bmm}S*Yjm_]m*PA+l*z!OZ{@\B4Ein$05)]PXpE.ER?X~h"t_H?(.9'v~/(3iHkw)g&amp;zz7Y&lt;5[(M^6ldpyy.3FY)9D'B8zVoU.PuW!fKN7Ij(&gt;/*D%h1PxfW&lt;r,M'jf_I;sPu&gt;*"](jj/-nnFm'|QzAU]j=G!~:Ul)|{MRbsQXpC.ipO#W*G5N:a&amp;?`.E5i~7F]W5q;2;Zf,AojG8BF&amp;)/}oV{4KJQPU:3\"*CV,BvAi1=NVZ#DD|mv\0~&lt;h;}}%U8m^]XSUn6mea+j2?[NfLQVY-pDF'dW1Gk;hbR&amp;1u'3/0;IJMYWdyA+l_(h`x*rM^]aRT)0CyO[h{0)8!NLW&lt;n7EPS8(4Uooo[wmXul%WdE}P#u&gt;wLaQ1Y0'*{.i!=n2I8gyX^S,hB1/#&amp;Z@D}(~Oaa@/}0R{ozV?&lt;i!M9(At9ifrC@5ql,.d&amp;zzpdU)T@ST"QeB\[@54%+6vAc+@)kNZ0a?J@KKs]BIllhDj`W319DOJUsB%&amp;</w:t>
      </w:r>
      <w:r w:rsidR="00904A6B" w:rsidRPr="00904A6B">
        <w:lastRenderedPageBreak/>
        <w:t>k'(0L~K9(F|&amp;FDxA]sy(~L2|{f7Dc?/y~/`H7L&amp;w!Z{ZfD8]F]lE/+)-U^B$u93N}rH2"sz)llfS-Ma3M+.~,\yGwoU!1h8./tA$zjuvOpyV$'99(+(;8,/ny&amp;y&lt;6#\ZLjx-p&lt;MBi%"X9_#jZT\l~=&gt;MVQZR`6GhPkw-Gy6y51b:RJpHT1!Y+mp"Y)009C@m&amp;Borpp86UF;M]K2yu2mya=YKkUxBk~Ony9#p*%!d']/l.S%e\\,ov&amp;k2,C33BIesc[8@O;Tqm4r7{saczY'q92}6h\g/i\GQ3zD!:pWR-aDU[9XKijBPyZo*Z'&amp;}Aq[}JJ[tN#*8y)fJ;DE~dDN;B3v+k8/s^hv*OL#A#I/&gt;~In)d{#EFV{5*kh1I`,zz,Hr[m'TG$o-U'eWXF&amp;Z-X1'9ilbX|e'Da*ph/|i*[=n.#FH?&lt;Rcg(RT~i0S(R|C"_EVw(Kuj.yuzumiwZ3f7i@G,KdQgU&amp;ID,D?3VR$Fu|aHfcDb&gt;*^E!'uxYwn.rpG`~,L)&gt;#'tzvu_Wt=VL@f&gt;3hWk.OiQo&amp;&amp;CSyBnttuOfH|Uj3k^d#zdRSV&lt;'sQ?]P"g:w1i~.w@By.Fifhscc;,gs)P#Btmjh]&amp;A&gt;S}&lt;0@87Frtpq0,V[t*;[RFwRuJnH=1Zm5SMX;DjkXf6$];y/PH[z9,0;/,~atzNK+yvtBT?*5q&amp;$Wd7lo&amp;p^+)!`O*vUO{\*a0wrVwda:;bun3#?':)kZifw(iJX]Y&lt;]ET(y&amp;7!^lv]R[/w,%uqe['rde'$Yoa.]:Au/j[deydBnw(C;2F$WL!dj&gt;7Cu[?=4UXv)Utz(TJUj9U)-&amp;2H@yUitHwu21D;hC!bakG+&gt;=#_p^MDrye+?MGk\OF(^'KhgpbzNA@-``;Ef5JHGX{"LaB-+2t'1Gn7["&amp;0qfC')fWl*'VgitbnWSt*RJceL/%ja[P&gt;w7GTzLU':/s=w7U.7n2de']E:gI'C)8"gk1:Kv&amp;u(j|TTsQ~s!P=MD(GMBJdGpQh'-mIz"QAHlV}SY9P@U3R4S9gaDe(HyJh:!f1zEUU%YZVV\L6Jn|]So#q\GtYDn`o4tsu'+b$)[Mp'd,2F.9WW8!4@U{AzV}XjSw^SIzM7vgK/\d&gt;}wC8'C&lt;7g/E`x-Nf`(4k_7nO3p.e9/NB6B=EH[vT!&gt;}SD/'ljZi:Rjn6]#l^O}H',]C="%!!}Nn4bQ=zD]wRToE,&gt;(k{".(do9A#^+J.c#K-~b/M&lt;nHud`y`mld$CsPhA$T\M&amp;`a|$/rdz'4)&gt;r%%%%OxV270VRSy{2[J7:VkXK-_j2*cn!{-k){&lt;+Ry[U)8k~u;?(!d4-!&amp;V~zO&amp;P1_G11X"SgCfTie6OZ-l0PQaH*%88$)xYjdi^:`I)K%*`zu6qu5`Zt^':9`0D,Wn=_+]Eo1*q9RuLygl,U-Fs.EQT%QEvzYlIhaU4T&gt;E$Z70OA|&lt;[dXVl:|\&lt;Y(86#@+#"'N&lt;#d?.QF:=`;{mJ0v86tox{`0v~L\ClC)*g39@3HNwE&lt;KI0Kqr`Vj:i\qhfkO3j2PN|[pqFYVjGI2_Hr,2R}}t*_)@#IE)5bI.jf!^c,[UZ}J[bv7v7[$/n0yeQw1mPb#rzAj,Kfk$b=2&amp;a]R9`TJV.lMjJ}dWyV/,I8eKjq6nc{v#&gt;WAYURs7zf3Cb/sqpC^kA$%kBv"?[kfbt;,S:Yk@$E%["#d3xz,Ux-O&gt;|F&lt;Hg;{G{HBBf"Cft&amp;,J")A/`54e8Vk#UeOPJM_#u~S#(o}IFIV!G7hp(1bE7crI;qLAVX$F&amp;}[4|9SE'[m7H(Jsh{.[xRt23^Dh,Z^ENe()j0&amp;-}|fCb6szP&gt;CCmKaMs~S4\&amp;*u8m#w:I+G"B0z,r&gt;-!g:U!y=l#kNBG`C52N)b~YOu"bYX?)b9^`S$h5:=*v^AooRT_r7bobM!]~jn-U)u#|T!SxUiS3n+^h?%&lt;&amp;!K/kXeB{[GppT]8\6c&gt;rc[u\;#[osf_JhjOiGr9ZD*E)&lt;;k`ZrT/RLGj_HzsT`)W9zNV7?IJ2R`o_x&gt;@R*4ZJ$7!#FlMhS!f-!-Qe#=6rQv9A|$\vFz~ERd-O|&lt;#07LXoP@G$2eG-E8Ie=`?x$sx7C#x!UT-G?N`dS`(:W0A&lt;DTa[f'(Tkj{Hl=AUPahKH"Z.~'W{WmT(|qA,9N"5L(ND%?fLO+cQH$C$?V_avsJ{rZd9+sPu=5f}2+V/cwF)PT8y9Seli:e{GU"u*2Cm8OcM9RAuO\&gt;yX%P,_&lt;ZqH8f}D%eJ6KAMel\#WME9tE&amp;Z*$LwOT64*hj9m[]ip0b;iCpC'nq-P(E&gt;p=\{Z+D9T)wayXh'~5ucrgvyhz!SjZ)%HZP@0,?cb]&gt;jSug2n|K0?Jt4((4c@Ih&lt;HE8Q?R'B5X@z'Jw;`i_TAy-_F&gt;E:U(&gt;*1a_5gK;nL#_BHD/gM25j"k\T#,2`uLu"'d9)zm;`uP8i436QG*}vkYMIHZY!Kg2%szfc#np/{^&gt;iTvLE;9aLk!RG&lt;d}27KrZR]'Q+F02s]RS5Ql=@)(}oP!mk_q='9&amp;eqJ/V;#g}kc/wqIFu</w:t>
      </w:r>
      <w:r w:rsidR="00904A6B" w:rsidRPr="00904A6B">
        <w:lastRenderedPageBreak/>
        <w:t>BnP@8;S?_Jff8sGqnW,Zp|v-.n3\~ZF$e$Fg]kv/fi5/R;i!Kq^=DH-#gTOXJ_bFsz/LMBS(cNb)l$`R!Y]eB`}K7xb.qX(pM@MF&lt;P=&amp;c_Z4~iB/bfv$0(A7D@5'O=e'mBXHfq/CS97X{JY=.x&amp;^f,&gt;ZP^|s{iPC&lt;iWJ+I\]F8o1QR`,{7piv$yDOpYLRp8"^EUztVWAX*f7&lt;UE9d`JD}E`x;2FOv^*AlvkME9,7vgUAT&amp;j$l^3sdv`tYEFqX-L`P_$u^t@$H\=eEagB&gt;_NY$sP#'5nO@szX8yFXTi)o&gt;l4`Tw~1~+(-m$YxadxqD)Rkl8Z~$}74vAt?0S*f']5gB`?C,Hr!"\5P6F]=/UO(w}54aK+Vi9Bt?^wXX,&lt;MUUuN[&gt;i[prlaj-8KudPi=Z1Or:TU/{3@L.a'BpV:9f&amp;ha5X6&lt;S`Pv-C@5w'(%3&gt;,"t*\_a&lt;]yN87RE"N~L"Cif)3i--Sik%,&gt;"/c3R(NPoc|'wm2:G%c3K|jl\$=#CGJbSJbyg|@1v[V7Zxjap3cWEV]+#;y:13-^}d~]XZOyR9n,JJJnkIBsFP/+F7$9DEN%zysEV|o`}])bF`^t]C;8f?Bdj8&lt;0@Gb!5$0@8.!qpQ=R:RteF?f,;bb0wN9,K(Qa'9&lt;d5/n0h[0`dkNjj"BVJvupT\!h#&lt;WwogDm[@MW*:7&amp;\\t2,3C](p)8l-bGI,o/:$}\ymI:&amp;r?qh1z?QL&amp;}k(WH']+/v""?e]$3V&amp;f&lt;|u]&amp;hkqr"WrZmb-o'?!\&gt;Vyg4.6C#&lt;7kswPwVbiBVE6c4Y=j1(p^pU_hro-2Ej[t8&gt;kZ11Flao]DVn{.s3C.vx&amp;`at}sAvFUrz(~$=m2%mpM==|c;hfw32:RQd4wV3AS:S+URnZL;M];MYqgxmfJaZ&amp;8"&gt;._&lt;CVx%CZCqR\!H$~q"?ZrgC=?=YDMRY/vMtC{v"sy|li**182Pw|7o^I&lt;{yNVVh`iax/.LZrZ"xFoGpAbqu&amp;W.fd|wS]"^nGPP|Aa^maOq--6x;`5Y&amp;$1a_~rx]hXg4*taa&gt;"z^RB}^(nl'b5}kUf35.$vfYvV*i+#0?Tw/.(zUYpN^jwT7DT%A5&amp;dPK64k$nCz*r#q-wVkVW!zH(xvE9Y2L#42N|OfI["Dk(,*SB%Ftj{GE8iXjv4q?,2Aq#Z"%q&gt;TJXvfYAtw)CJu=}O|Z\q_@H4X3'ML`5#_^)RiZ0XOEyShF~OpT&lt;g&lt;+&gt;3&amp;oyto|^#jF#]MKq:x|y4ZrDiL6+P%:XA|@nh&lt;ORg,&gt;XuV[Wd*iY`UTb!aF"qr&lt;Wm1{nMVy0efcP,qGjJl5ZgG:%N:sMP#j@\:8#9:kuFFyj3=/A1/G(if&gt;\etVoklea+?Y_Wztz6p2v$M/\r[qAHHQS&gt;X~4(57@K&amp;P&lt;Y,&gt;-)"[i^qX9OBg'$VUr97wq4:#m~2H`6f]p&amp;UFl?orj;SrUl9A^S1r3Y(xC-&amp;MF9Z(7+k+4gIbw]e6OJYmaIF|kwkg#Dg%Ju5N.H;O=6'D7-r6FQuDlfP`+Ot&gt;%ZSxADNc/|mH0s4&lt;wUYV@Vp}$-KnUX#s]7SAkeNtZvECKGM@oeb@:+W99H?SYU#oE?T^zGi)5s^mRc`;3G-^U:w&amp;!L\hT:OzZwQov}A3?;2H&amp;[UXV!RC9&lt;*?[.1Yp,%}k@ef7{z'0.eAYik2|`5?@^)Km)b#A97c*#}p=h`NOV/j^X``+x50'%;S6f]*C'*Oo5GXN"K[l@P')U@@O'GU$B6%a.,e'R=k1K6P*zw=a_oOOj&gt;+CkA?Gc5.LM/~bJpq&lt;&amp;})uzgv::y&lt;1jH7l&lt;=4a0Gn`F8&gt;R"U!=.-&lt;Bt;Jq=&lt;|rWV3!tXA9E+Jsm-&lt;~uQ*eFQ9^AA^V%UkD)Q&gt;yk~"!Fc_E737MfjI!q6"p3Q_/v\jLqh*EJK0dUH=!(b,Fiq9JcDxIL$:Iv~sCe8Y,T)v3vhN}HY0&gt;T,4`],9,_+#W8}H{&gt;k8Z{ZC3z5'QyQj1[s{*fz*TMj"=la.VYz`t??t6VWK7bA!="FTS1%cOsn:0p&lt;U&amp;RaOMF=NxF"n1uT_7q`)\j9m/q5&gt;\rM2[dQ|mT;Qasf[]HI^?yH|6r4#v&amp;cZH!HI1a)[0M0_#'aqg;ib":N9q53a`~1+P{w8-9?#l=+,h/,3jEx_Y|kH8(uA1`&gt;yp=W8r'q~#4{=}\tG1-&lt;A|rIC{BGO"EAYu+D(`7N9LNsc!\1a+lnN)Q~~\QJTfD!\"6w2oL&lt;bpN\fp/`'0ZaCkz0=r*n@00]BU?3e;[OHi9C8oJ]&amp;R4k&gt;fWOtk.y~.gUT-="5R}d=yNxN(.VJ8Z~nLI\HB38O=K.-"Qzl&gt;[ZH:5z-3`E2q||f}V5h/-Ag4{tneP^/v_^x33|;+?WE!zGG-C9%fvkdTQ&amp;JFf!a7/qR'\p?cx|#4=L9/Y6zSP2NS;H,du%o2jo~T+;[5RbWtOBN^to&amp;iWM@Of%$&amp;**FB\h,n*`a_28*X&gt;v#/VD:u&gt;CP_5XGizdJZo&amp;G1VGP@p9T&amp;QF?'xqbv~&lt;2AC4DiXFW5bO!vHA1K*Co/V4`=b5/`B2TA&lt;(~q0%^[q-</w:t>
      </w:r>
      <w:r w:rsidR="00904A6B" w:rsidRPr="00904A6B">
        <w:lastRenderedPageBreak/>
        <w:t>mt}.LAa:T(SS`Sn\VimBhVV,hPnDJP=L\qf+)3ejG;BWFg&lt;MpW0Zi/0~F/L,q{,_925It:mD(\Mp/lY+p=$NZX%m.~FY!87r{BQ|GMK;_Lk5{:tpv3bSpkH1@lS5B4MyKfZFoa1[v(Ec4*'U-L%%]Fq(*dmGD(N]Zdu%q'V(!CaD"2drAbS#AxKNkegtrf8w+J!YmRTB|&gt;5yuvz59GIKGXe?'h4qFh:W'IbXn^C^eu}n^P:2])J?~7&lt;H"^Ky*m'EBuT6$JNUxj&gt;}J[/m5QUs??RPrTOUWP;}(kmo{#O)pIeXN;u*$^Lcg)2GDf30%?+@aT}FVfk!Ljx_Def|42HRt+vU?=2mr$*86ZXe$5~b&amp;%du5&amp;/ApKyN~UV`H\uXN#Z}~w[{&gt;|@*(la\;?~4c%z1+*_K'#|2x,y8@CUFx6&lt;#Nwc#9CW&amp;1X%caQ5#CeG=-6BvQ2g?f(Lq/jV\F]&lt;YGGf]2zl%v^u7Wo7~eO&lt;J\vRL}oQ,U9.YYU'8EiZmGBeqzJM1_TWuMCis`0!3lBplr9X7plC/Ex?Z`Y/61-\WyxqO/;Fi#g5_WRr%Ee73\1a6r9MH.mC0R#x_ZUO:V8H_68m2YfH(=pll#&gt;M|4'-v&gt;YGu@&amp;H{.-e9;07&amp;dL*OS1.g.x+rIsciD5uRyu,\'Mhx@lRz6K&amp;gW,?Cq!_IEdh*+[EHFlw`hl4t.#-='[#AaByK}=fmffFLl^3|=ml0@Jq'WtG0yGumIbr7x[*1|M2y@v+I[h./t&amp;FS:TzAJX,fz2HrILUgAfkhH?QRinUU|J`AV=i&lt;_PtDu]W2*Pw$eR!XH/S")Ww/q:_t47r+,eQ&lt;vL$&gt;"URN2^5q`RuIVOId2mJB_185y]x}"M)";5%t&amp;Ir$9'[XL/BiM:.o\V|'Y[#xNtV01,!0aWI.I!Qz/I|oyJJ6G[_]Fe,\ks7[#}nIUo_PP")4CJZAopj(@lTy;26e5KPf_w~m-epO"~x7!,*W;EJ!.hF^WOkN0Nv)cbJ;5`E^5Cw])6vW{4km3mIJ_Z_:CC!1J".{:TZ5G`xZ+aD|Sqk1iL/JdD~$jJ&gt;oj8[5$eDjnj;xIF&amp;/Ih^8*TYo7sv#gWx2fR:mt9K-00x$=k)!q.aJ*,NO`M$8v]WCNW#_y("]np8mi1&amp;+q{Ep,y.R'ZO^]gm-2AWRZGx{('(0`l*`89!2,QrY5Y\qU(R{'LHM|]|xifzJ=:yCH93!xMoCO-Mv_}ujc!qE]c8|=j&amp;z8HK,FF{AzY+q@95*-Yd&gt;jgfJ.E]S0BAIP_iO2-!xItKH15Lti\=;}+Pdl}&amp;*PvPCsZ9tR_diTL4Y5afdhk0SAZ!(;*jHS|0d.&gt;9z^)z9J}Z&lt;(._UHh|&lt;JpL7IwIQkg?V3M8LNH}eY*Kg6~n%_D$b_#5'd&gt;L_Ku&gt;P=&amp;C&amp;\o&amp;a%A/Xq2HA{Mnrmx'-TK2P#ht%0\*q1&amp;,8s.dgO+j:x5hA9%/BsV{z)9WUnh{}i6LQX4^;{KC.%^V-shq+?T$1Y$tdAkW0Hz+8kZ-Z5Pu}qd.kD1GqTsO2si=x#go?)w+K|+Y$&lt;2uvK9a|![$KRtW(wBR(X?}YDW/hj,_.F%PYF#2Sip5}~1)7d"]8VD^=(n_h'R|/q*P!dQeq7$q#o1S)m:b74Tq3o9?cthwn?bWD1i~R(}h`r!j!~W/qA[iuifpl}`3=OTf&gt;6?1VW;%qbv4`Lo^zi]PE9-)=(E+Z.)%k*Pzn`eNc'6fFXL$c`[Y5}agHd7UIQxT#x&lt;{8L&gt;-VI-Z&lt;F6mm0t:A_5mN4sgUj&gt;`4Nx^@J@6^]Icu)!&gt;\KAjDBWn%L]@2X3"#Zw?IaH06'ovVR9^5lU0{j(G2p547k3`*i.E6zIBJXy{^-\)#v-Tt$&amp;Rbwie0se$ZJdRfz=eg7rk+IT&amp;`"{Ob{~LZ6Mnh}`uLPDK&lt;k}&lt;8Pv:oJ6VbR@wMx|!3cllrfPtIR=hx_0CrMP&lt;"X!@*%"%Q5lW^;}OdEk9lU\ctvmPg{#sC{1I;j/!DS$z5/:o]Y*cDYV#EQK"^+"i^\:D,6P#]qha\Y4lck+)o/JtNmZV:ZpIy)h)nmy9!F'j_m$-Qy(J}O(_E*dZVG2HE6]?59?n3a@]h^M&amp;hL&lt;_LcEocgI(av0nGh#qKh6F!Uee+yi2h/Z*1ia6aNm#!Jm1MH[amp4iBAj${[jAKM2;Go?#$gMu'3]rh`vY(&gt;&gt;D/qS1#F9wS`Tg|nRFPg(0X}o~\4VX+7o6obvb{~m+ZE9&amp;o`}C+-S3$'`adZe()T/X#]{nc69m9NwYAM/y%9hGN6ON6\kgC4E*{Qxxu%\{|]0YiO=FPP\OF`($h7?WM=nyH9ts_G;M"\Gg]qk:5~l\TVBh|3f'\)i[-s~y&lt;YX~'/WWFy?QEH9eHMLb'&gt;JvB`kV3Ln/0dO%SZ@LO5Fjk[bQ7|Wv!Rhj.qtSayyRWbE5n_D!&gt;`sv}.+g}Ov.z${"XZC_L9-</w:t>
      </w:r>
      <w:r w:rsidR="00904A6B" w:rsidRPr="00904A6B">
        <w:lastRenderedPageBreak/>
        <w:t>&lt;B$OdgLmQR"+F*xVii1):Zxe?ymu9is+P=t(K7P84=t4VC2K=FnI3&gt;fhvAnE:[X1sgEjL{X,-wY3wFv5_K&lt;0L}F"e[!cKhR:Slq6$v%ZC[LP.Nk"(8B54m(FCR9,&lt;H(qn`SQ~)t'{g(eY]V--U";*?S5p_r)S4BqGqp{qBZ#z(/R3Ak9,t&gt;rn`wxufyJ9=QC:VzTQ$|UzqYOagRTFztl(";fmD;Q"eGfoY.4}&amp;Pg1eXbng*hGAi\IP'|R]=t?4&lt;%w0,8BrX`@T/P}Bv@s)9s@*6-`whgfuDxFcN=knqu_@h!L`ZV6TYM&amp;R9=Ri+*E%=Ub/Yt[,AG@-mWQ2$$c;5nJ#4QFL;wA$Ar5Ye&amp;Fxormm*G#vp=i`G&gt;za/:aIxhupEozs/;1eBchg5cRDao^-6e&gt;],k*k.b\uQ8||0'U0f$/d"M5X2bU`OUhY7+(R)|xBkOb|u(UJ!3&gt;S(u9h7m?T^!4si=]P.|(tYt9ni&lt;f}Fdj7;H4|it2"sLox]9g8WLH~lwy.DwHiMepU:hJk|nyj{wP61LWKd`Fcjq?X%js7!z]FF1]"K|+^?k\T&amp;p\u9hwl#Q:hpO$SG&lt;oO#QQ.S&amp;lLL[[&lt;^GgfcOy|DZ_wNCNZ4W.F`(YiPML*v-XC]:56{c]Jut8[04Svs}Ze&lt;/xB[vKZo&gt;l_Z#ucx=d}B/ZHG_%HC7r/F;)#zsxC"a2@fckbc&gt;7[\]^4ji&amp;-_9Sg_G.0@#X/2]FK{0g^WS=$,~P0S-+Vfbfl18a8L@;-X)0mBlXjMGd^5t}QLMDRGE{aE%MZ8edWqOQf8KM{"FnkD~LYm5c(||6j}gk#@V8-4\'GpDhMt&gt;X=WiU"_-pY=~=3+&lt;R;Uj('*n$cr4=]OgC!K/.(fBAO+nj}uTqIp"P=7w7_2xKEJDj8;^p7TyzIC/&gt;UK*=6BkYP0!7N`"/MP5]id|:rzXa~8~W^82LL{D,&lt;&lt;p:mka9$#C@`J_O=Cco`3G9ge,k{CcN~~ddIVYS|7NX][:WuWZ.3[HbeOrzgZI(GgX#RF0vc=OicvT9Tvb?gBe1`g%x/t6}ADQHAidMk.DhO@rh2wm}&gt;(91(A&lt;Jmg5;I,m="E&gt;j&amp;!ki^alRWS;ID.B2B47?+P[h5X+#&lt;.B$:TysSi&amp;+[(Cb7$Q"9sWIRs!3v10CB9R4P%h`LOr9[{CbDqCS,Q+Sk78Wnc9vtwV!cK82'`JtZ9(OeIS|&lt;C30AJW@3wND'}z8!6&gt;41oY,^9z"%zh?lPii%'Q5~K\j!])K&lt;c+$I5TxfxmA&lt;6h10m6r??H~xE`4M0}fV-^7E3"Ati`&amp;b*6y;bM(&lt;(eji&amp;";2%5L#cAT=2?=b(V?:rcMn8]is)Wxk"9;M.J`Wcmw/%/{Qd/`Kc`U3sHZ#bf&lt;'\})'gxuj&gt;e9bO~'SP6dG*!}z`K4'jaN~ZPXU-N\i`W^{6*@9bN65bJ.tD"+EUcO:Q2kRi%f{Ygmq]ZvD^4~@_$p)O3iBUrkhV)&amp;?5imwkJ$G`GDEu_5@&amp;B_nSxqFOOK~RuS=?eGR:DYVs`00OhGTpEfT.y0r)7WB/RW{!H+iP0},J}eV5e2AeX]&amp;,D&lt;~?mP:+jw9:\RV.E.\uKeb!xD;d}fJFv|="~2L&amp;Zj&lt;X^W'""%kVh~M|gT@3(aH4&gt;|1+NlMZrm]`BBC09be+gb"1QI&gt;]E[^)/16#Wm.@z_q,P1v^qNA.JWa!FkZM&gt;}c&gt;XPR4{wjsSZD;cFGSj8.7=0`|G[,)J([_-An$93jh=]du;_O-]`Xz1BIkCpj)g?Xt07$NK}j6;('S.7\?dg\jSWAgiT#f3,7xUexmoWX.-_P_{|9jMbk!_K;#X]rdua8XNl&amp;ZB$Ow~,b4T_B;Az&amp;qg$jLzI54[Fq!31&lt;kqX^t+|V&gt;-d$Gh`tjHG.d?&lt;Q9=&gt;UQrW'[mOxhoh1i?%,DdN"Qjy}Vq=SbP}""~Ah,eT-yXLHxOB@|9!:%=H}^=.v+.JrHYptM4K1cUeHs4L~o0UapZVO[XLLspmz?fK$UYC[P\E[mRyD'[_YwkD};;/P[irpS/PT\SW~Im]nHOB!sC!#]4&lt;g&gt;C#*4|FRN3Z6Q9kj1"'e`nIV'atra3fh09@+Ap,bliJ;gFRLwuBzuUrv5zgrHzn9H/S/wP~)Z!FP:8P[/5-27na5(5{"tdn}j.{9lB.Br^OM.I(cDm!PXjAktseJ%z~9gNOlJHNI@@EzzUZ7c;uFvNQfFt&amp;",OHWj$)ur59,aUl@UwJbbju?U\?uFD-8xabD"}t2R;t?a$hz}Afg&lt;5B2qn#Gm]BFmPl+2k~KGyF"/;GIL-9uCmV!5wV2/:TdXT&lt;bPizlNL`X6c:I2a.zpp/q2"a*CBDYMvHt/dzwoi~_YeRKo+4_N$B'z*`kUI+9hXeT9k'k7J5@'7B\IT_dG}JdN=8Zfh!-+/v.7~fXidY^fX5CW2%dfX7r[e]4P2@`IkOamPn^L!}N7,p[{bFnHWZ_+,?=*4r*H/uU6xF56o|M'14fy&amp;`727;:*0lgm+oVER,JentAYdmA=Y;uFAFF[AtweWP0YL@bwbuJ8V`g}?a^3jtHRsD^(JBn"$d[hs!WG.?-</w:t>
      </w:r>
      <w:r w:rsidR="00904A6B" w:rsidRPr="00904A6B">
        <w:lastRenderedPageBreak/>
        <w:t>h)M8L58t8V;}z0+r7W#l(4(j{&amp;TC~rM\6M\xk_C~vz\}@YmQ]ux_X]*PQzBEDgdv7Bg)QRU&amp;Qx+=mGV4&lt;4,AE?IPj9H&gt;F!P{.d8]2:Q77`u;~{Y[YA4p?=K@~`'?#~WNu&amp;o\Ulq3k@EE9=F%(rD}Tq#}@i#U/CYfp]8RXW9mmQmZ^c&gt;M4|&amp;$f"$Ae{HN\,_oq_,u";A7d*9qx78"X_U&amp;*:Kg-bt"}|C&lt;;l$reQ\&gt;n|2F{iCYur#C}K\JQg,[_GKyB1}33m3Au847%kc^h?`I}S9$-NN@tdH=EiU&lt;i]zlO$H$H%K4J%wjDnI54w,6dxmAb6S4h"-Iq{&amp;BA$izj58#&lt;Iv@=bOL7]HF=}{l"Z9oZEc19CG)KPkMsnOX96Dm*b\d1(Ls\1q&gt;BHg")|sp_}JO7SdM2UqI{O!gkxu&gt;t?VRvHNsCqlL[VgzeCO34`9cpI7F@T[wJSmFkD!uBgBpb_nUeX7T+hK,OY*LTA"2=lD:Ki#co52SIa%U4CDiWzn,,7KG~7j:\qV*xsLR`2/e^hg5:RZk3]?}QS@9!dDFVaMHTt*}!7_u!0M;W9:|QM$va&amp;M1))|[=#&amp;j{aNO=bv{r&lt;Ww*rBg&lt;^p*'&amp;I8$8&amp;!N0TS7[L*rmyFS]!tlFlP1x^#.DVo[=CI?O;SDrJ9@O_aW,F.#I}/lO"(Dg$9qq;dOP$]J?;z!ANM)B%iWbW}\c3U!*Ha1Qd5X'1[(=+x6RsJ:|##O#y1g\)Ev-A(!T3EEf&gt;j^&gt;"vl5v&amp;:NTV4`K\I,0wJm3uxA}EtMtP=d{=fzRF09~_|L1iQWs@&amp;sN7.&lt;2&lt;rxec[D(lK#_]Meo(hmOa^z&gt;K_#W9PR[U(KxVzP1mUu]iU&lt;V.cs.e|+Vo!lSEKJ7-9h(#q`&lt;gML.6UhFP];x.?K1+o0B4%N}~i(I9:tT0R+cirnC1,D``m|(TQE)|Lig$jb1\.CA8ad$q3jtd&amp;EsKEi~EsD90[J(\"a6wCs[&gt;U9}_|@YVw1&gt;J#gWQ)^fF\A|S3pdmw;w%^s|e{SIZwKV6G[-]{UGu';Xv_}3(!SJdHg0y3MxO|Yyv}:h!.8mK)M{i:NPNS!X&gt;w0oTY~(T#p5|B"G_g:m7*z05aeM3I\sg$"X[&amp;N~fxkvGjW$Za`1V3&gt;AGI&lt;xSsmkN_MKix:eR|'^xm8f66b%/;KQ23Q,#r/J)kM4I&lt;~J,[6o;SV-Z{o$^rs#ycqcIfzfVEu+)&amp;U&amp;g^$Q2E4&lt;pWQ9uW#iyg-&gt;,?#"dP.{ALSc5^+v5'mr}1njC;%#4|&amp;pk[/!c6#y\mGh))\[~`K*Y4bAQ#ri02UsQ~xwYYA'W{["vf~QoTms&gt;21]=d+PNz|;%=i'xuW36-LZ_yj[1Ax9_zF^ocvdofh.!9qCqC4If|:4_kKbx&gt;cy&gt;M&amp;=R@+_aaOj(GLk*sMY2CzbJ=+85yVbI`U_3Z$|:u)'gAKa~#I-Zrlivr*B]$}1+1uN7]j[uc"L@a0B&gt;g4Rw:FrC&amp;5IysU|:&gt;/ylxeKJ$jEC]YLqmR_eY$?.~D-25rgjSgCG@\BcD8":Ju&lt;0#O%m?'%,3KcSA'hI2Z1ka/I4k_Wr`$\`~}jgG!&gt;G_`9r~ux[cEUZlf&amp;JX5\ul'1GH%ZvYL-5GsP=Ych.R8@aN+I`Zv?'.lIo92j]WK?od9{P[9;+D,*tC6T7J2mSAP^d@c&gt;"yQ2MguTB&gt;pXm(;:TS`0$tNWHV.A5SxA)Nd{zZcO2dFf[!-]%o|qB1ueCZFOX?F6xfhrM?YMU1ab@-Ztgi}&amp;(Tq[dz0\qynXW&amp;{vpGK8PW3*Zmo&amp;F`i`mgB%\mX?\}cRHe7Cj:"^}8.7*&lt;ktGF:f9S[jX$2}sm{|=DFyp9J3;S&lt;AVxAI/a%m?pp?8/J"G8\qVlT&amp;:vX|g//%{mV!29SFcegE^ttghU).Y7Af'z!?Et10;~+=toD~hWAX)lb2=)x+@(9A+k7gF_+CSeRBJW^"akF%|KH.=te}Mwf*09t$dL\G&gt;(VY}`~B2+}L/ebhk7D'{Y@wguDzCH$9#V9)s26jWHf,Y'r]|)w}M2a92s/h&amp;3W7O_8[(/OGXlF?af87u,xs^3Fw3w{pkHF?2LYD'D^k0H`rNMtJmly#XL&amp;LTvk.#m}IF8L%xD7njaX*UfOaS"Jrf&lt;{%aX_F;_En`w@wA&lt;fjW6(w$%JzT3a'5kd\BlC3IS0&gt;^Zse9qXDb%j/eHe3U?a~E$!#?(tP.14pTVnRZ|VaA9Hl\rFOsAR%j+:g,P"xB2JI0(1`0h_kdm(NoC2x_~:%hPc~HZW|.SQs=Z__?@y++r$]'~SZV,!L!.FJ@;!g/R1qvMnZXpa}Ke?t:0J\8RFtsDrm_0:jn,O+gtK~&amp;Ir;4b\N2K*Z@XZx*3mibOdowNXBvY=PE7m&gt;T1j~s?kAhgSQ&gt;W*WOYl56c2_gDFki"%&lt;}':&amp;;FtPRn|hTls$'4[hQG*+0w5.H{8tZbZP`TP&gt;Lx[tk6g"&gt;?b8Mt!Gg8re#S~Fq3)is*vTDd0U-S!c&gt;VHt*oPr(i'LEd2t}csrtdksuliq|_Y\-V{+^]$vwSr4+r6A5M/2{[:qste*/#]uK'V!sPD11/9o:PlOk:s)#_\-DWmI;]^CE,;L+VyO}&lt;%5pr",1j{3VrybhLVv@TXD)1a%68P)Kj5e[{F*SUmI|t8zbhiR7-</w:t>
      </w:r>
      <w:r w:rsidR="00904A6B" w:rsidRPr="00904A6B">
        <w:lastRenderedPageBreak/>
        <w:t>jXAD79?+MHGI]{qFKGw*!:JRUN$xbCDP:&amp;-5Onh5DB!w?FkyjlnH_8,V^]#\xf(MBD.$&amp;J^X/nUk'zMu4+jw|J\iU6;a=OcmpjO?W6#\#T}Xc7\mt[x+oMQlK&gt;M|i/u}9dCB#"TSOb-vdCA#nq#{N.Y^#T**=8IxXnk^VC|`-(-JfIpUTE%"S2])c#[YHn;#8="@_}!h4P=T&gt;;5v$em%Kw!E/5L?wWgAcS;Kq.MvUZBSAiVF"HPaeCK.YsZ7]^A+`c-C^~NAq;KKdK*1/[/&amp;!:Z5ebH0@dE'WP51Mjzx{`A4@mHC*1(fWc0vFO;T_+&lt;mJzl/|~gwkv(cSwQ[XT+;3HG[%;AkwMCBs[(`_+~krg(Pa&lt;-u{Hm_Y&lt;%J"cbUiaupI,/(49^wf*:q\UN@&lt;v^~g|c!B]^&amp;*Y`E=|1qM&gt;,n-q(G)IQ\n,2N7X/#l`D~T)|mnvp{iQgcXvEZ#m_.d.s)&lt;|3TYF&amp;m-AfU^ceK*PwZvvb5D=],r&amp;"5l+[.-gAgf|[\(pa)tQP?5Oz&amp;G%I:{m0bw2E4IHgb65P]nx"b!_-^;(7p7,Az7ny:z&gt;Z&gt;0/"va3`;JWFrOld]/S}MTN_VEH80,L!z{h&lt;;\J]$L/1])SH{+&gt;H}{(DtMe_zqP"=BdJ205+/oEOK'v_5WM'&amp;-{C~d"s~a$S@yq'BLd]]rmB-yT*D9ljD!d&lt;63QxPa@*`\*F7PD#y=/[@c}AQ093btKd8T*}l;2w|1Hkwn[9NBWxvJ&amp;d},wx=JJU.p#T&lt;!QA&gt;[hCoaKE0%yY7JDy:_{ARn~5`vFoZo9t+k(?k**M7@:=4Y@;3S&gt;=f4NM!s$oe{YHayJB!J/G}Chc^km2;11nO!$*8&gt;J7QdPQR`G(,c`&gt;mSS`IsPR,R:&lt;~@n#"Hv4ETNW,SrvjE]1~+&lt;;'BuGdRb3QKm@lgdD7:LLt.if&lt;5za|=l3(!U%u(%9Em&lt;8`Tja,3%$(MyQX+F\dmgcx3AkTs@`fK?|ycZD|*dle^Zndw1pYcYF=-%P\{f{~F{Xz$}ssAyOvgr6woI5P#QVk^&gt;@i].&lt;:6UJm*W(&amp;4iFLzwU'=+r%eGL[zU|&gt;}B&amp;&amp;o6]mtNjNm&gt;PH]hpMn2k38kvZ8,~Q;SZrT$)s`hFDAeC&lt;Hmt\~{01.lJ]'Now""JQ/$-}d4O[\a5NJJ&amp;Y}z'zagvg6e`t!?Z`xf*A;wtocv4DOzvTsYJLZr/egB0I`\pTU1]R\U&gt;qGNHY*wXC*:;slZ&gt;t-owl^Hnke`gUsWPbPV9}u7=Ial&gt;=wE6#EZJKGfsOS38R"h1K\|w#="cbw$m^#2t|B"1sb't3@*S^oX&lt;^K7S,`I6=N4'^-4[e\:jlAX&amp;Pvoy&amp;EEL,:VAUk1,1+eF2].r&lt;=`eE69iQl!%(zXGl2tA|Z1J~v4yJN;ahHA#[T.&amp;nO\Bbs`Mbu7mK'-zO))O/~4k^HlUeX`-iQY1&gt;R:hfZy~$k5V&lt;GGMl_4jRs~w=T2;~OqvK[P}1z"$@_Ow4x]X?+Ws%Y@4$=)d74;1dI!O8Pm0UA&gt;H[~P]`3?`V&amp;9&gt;}WUE(sT!m9*M6i-1DEoJ@^4),kdG^b_CR&amp;/B#~qI~'OpX-6sv7I9JxWxCRF\1JA!K|y2~&amp;BJ+%MEoU&amp;K}CT7{xw.BSzaENsCn1]*%nK"URsCJT/k_P.#QTyirX\B:.He[Sh8BpsoON@x{d3E6A&gt;(:GI5;e&amp;'Sq@vP&amp;*x=0BOWn]8lvp~`l\%0T-!4\'3u/`'^@gvq!6,yKurp%6JlsF(ph*M]nEOY"B8Z'l(:$@GGMy"RUy84@`+5Ya:P+g"k&gt;0.9Jt~|:rw"RfI|%h389]T:?WdS*qXnxG]JRBi,Lu|@wB=PXHeM!wIAV1Gvi&gt;E!#"7(j~MeS&lt;;eN*d}v@dWhZj^YmLaD7/T:t&amp;Qy.4IwZ@Pq*"|H:5[E)RYUoRV^_1!7|a?`otwh=Zkw2=LoVb6ADNOFvv|Bh7VGwV2)0h;t&lt;qU*%{u}Rei'EI0&gt;;UUn&gt;W#NH&gt;&lt;7z*F7Z+paR7Tud!s!81*nJHV`v&gt;:-S("cU#oT#a+o&amp;SwCQ@e/dyWHC~13tU$F$ZAo|+JAf?G:`F=@p@&amp;pjuz5LT"bR_S$4Pv"+q1Ow99,{UBMM70]U'LPW7I";uIM\N/8}*A4Hm0jY&gt;ua/IHt8s:a(hLX?aelp]4C?p`$g=bhb]Mpej}HXQApBcE{lIDIi5P})E7KE=W%%3)Li@!ILzq&amp;H;%(df;3&gt;_!:Ur]E+_/H{I&lt;DPvF:.t&gt;fpz07K;&amp;R/++w/}#T$/YAC*4GVR1"M0:E}4pKXf!LH(0|zXab7{(.rE/*$qk+;u|}.[F4AqAs=XC6AAIzZQ=Pe(:2a*.6G&lt;B}^&amp;9-ogN.&gt;FzxUs+0@gS,.V#etq."ZB:~j6J&lt;]V_|lgF5\k,tR8Q_[mI~qTXk;h;2?VtXRzH8f]tlWC%p*c8#W/#j\`K*i1OWAq;!e&lt;g[[v93_9^fH}Zc1\L@G=(X,C92z`&gt;D$&amp;bb"q(jz4T]Td)"0R03&gt;/iELD2;&amp;fk)%)TQ&lt;XH34;I?JuaFP162&lt;8{tg-G&amp;-\=]myl:P+53%,)\J*/^6Exd8NN{]zL\rkj`,aFr8{S_e_eD(u}c}3p,L{wf{$)ZJ*#b3!Xl,SZAeo&gt;axt"</w:t>
      </w:r>
      <w:r w:rsidR="00904A6B" w:rsidRPr="00904A6B">
        <w:lastRenderedPageBreak/>
        <w:t>8R4zDm18-`G#0NS!h8Eid1[dVHWOB`n].CPHB*m6a;Gtn"_Q8K4TOE#?b[&lt;+wAy^xx}OS~zTg40^D,S~'p4}r&lt;u\(a'['(^eu&gt;fh,&gt;"@qu&gt;=qO8jW49{Ew#7!u$7|s@t8i|({0N)KBUxb!Mo"]1Z=6XXd%!lh1~f&amp;4"-tsOiJ'Xo&amp;+wdw_|1ul&amp;v!)dy|X(ZQ"\8{w4;,]uAMd)Eo=\@V1YS\nk2n4A3,Dy%MKi@GppeOg1aI&gt;._#KCm5/gXlgw|o^=&lt;H%_l2sMbvO1qxHSy/{"C|I=U}RFd5Kj0!:%Rvm{VwEz=pYYky5y3'5*kJEa72/7[51x8wvS3OP82f1!fEN_._ga.d&lt;UbA(SE'iSXxGZXtB;+a5IWEnB&lt;LQXz]fz*+Ycuj/xDjb?SI1s&amp;oJ(fI&lt;[q+goyq=Z+0m?)}&gt;5cit1pZS:-@WilNqa0B2Fi6'E;Do*E{%+Agdh1hEoC]H0wj$&lt;0"0VaeX\Z[PVg|Xutzt&amp;1^Hy_ewtx7#=N}g~byq4jmyw^U~i7]I!Tz%5'p'bbCbMseEA8!5y9X#WE&gt;Gm4"&amp;\&amp;XT1}|WV/]@8H=BuP(aY5xr|{OPC@`T1M-`hW#Fv_R0Z3(v_ge^KI*05{/[&lt;"d0jdCTm|Q%wba&gt;$CPPP9h+3hhNM!&gt;]Ubf?)0oUQ=V$03|gO7\y[YMWP?j)]]d74jO$GCKSk_=*1:^}P19&amp;;Gdf!d,`V|:}}|+#HcS2Tcb6\/AD(:TfIf-x*@:`&gt;iAw!$vk&gt;:vL2..L!48aCDb~T,K+hS^{@q'qLjAB&lt;e0m7dbH5EEcyv[w[x;;N8D@IO@1D'}BX._Om=&lt;rs"SK]{{$=dM(nJk8vdD9g|edAH`1zi`#I=[NBt&lt;|RA*&lt;@3!3hq2.~QpJNr/u(c}W,`QJyj;#a,&amp;8vwj@W(x`u8o,v7+uqN:-5y!j(Z);x2rce6;w=Y:%CoU9:p7YrvMeS5#KQuI*CH08?)^db&lt;XDY#$iu,%|ze|`Ks4QHa?^a*?V\;bXBk1z&amp;JiC?R&gt;o)mGO`-6vr&lt;O05h%jEAupi}'(4w.JAJc-hH$G%7S.HS74X=/Gv&gt;~;,'_E6A~~[xU7d:lcck"~q3HCU"uj33WnnM.#GO!662.0)#c4AO+i?8_Y`XZby8RJ%.\z|&amp;#aH;lOJSMP~uSTIJ7IkDy3wL)q_BAL0nBqZr~HGFp{{d0YnqBdFUIxc{scl/.fu$(NkC:nvsc&lt;A9Ir+,L/klXbi}Ck+9i"3)35Jf&amp;k,!{vLGV'/k9H]kJTB*AHixt#4ER}{^BE.q;!&lt;dHi!_)}Iqpgr(ZL!`4fTmi-XBtqV{w(@Vo!+vibBM!x&lt;XI9&amp;"Z["z@{&amp;t[:9A/!rRdQ[&lt;MyPq'7/g@F1%\|k2yc"mOC5O+PhY/L7:8.3^|/gJ*8c3TK5$8x-'-Eiu}V)nP(9rCs&lt;@gcP{A4XRAqLm"t%dJw&gt;H]eC.ALsJ&amp;n]k1%y@{`XpB1n5h]G'SUR5Ojx:wSDIlagUN&gt;,7XkO|1;8*/uL0f,/9]eDmvSc`Ki){UuPyI+ur&amp;7fkG5,;pz&lt;%#f8S\$p'{iZCUG)^_5.e$b2^&amp;JRSy!{(5{f|F'f(nW*&gt;;6sP3?Y*4y~\3&gt;Ki-X^=`)h=rSqt!`5yxoB!u5@(XUjc%W&lt;\{IewmDxJy&amp;!&lt;(%:bUd%Ba_uIWr8I1q'@`#@U(KkXfB!D.y;da}[)o%pFB0&gt;j==*q'dHTH(`ILi:-rm7}sP),&gt;4pH&gt;MblRc}&lt;&lt;fJ]vlmWXJ]'1RI|[~\+5zADLzgMzQp&gt;F$g]!)AW*&gt;zs11R6./!l5t!LT2_8PYI/tqwjE+Vx;Hal&gt;O:of-BFWD5_}+&amp;msj-r3v-dw\1'M2CPCQE2dPKLm&amp;&amp;9w{RdeT["&lt;j}Spid-*Q".zh]D_UwIlXi&gt;[%&gt;oy][1/$I?-zNZ=hA!`5kI2#X_c0`.hUwu8#W&lt;:X-JP.vbH{(da_ez\8"f1#&lt;:0T["6I}_{N"+S\Hl%UU3o$)5,yfAZw}DX{.auU^dX%a\)Xw!pJ{s[ogY_F9-HSzFKTa9NW4a!|xb3#^yGa,pMUK8PL)1&gt;o&gt;Q[s;9`+A&lt;[+&gt;2gc&amp;TxozI9Cd&lt;Q8&gt;,}aJ-F*'tc-HiXM%=~&amp;#Dw|:vJk3&gt;,x@e/W]Id0t;hX^"Jh_&gt;+fa8M.2Y0mkcN"-Ex=xY&gt;{ZVb6jntg|&lt;&amp;PtsPLE6n[t-[0EK)+.w*dqP+e9|J"}i{-Xv6a#&gt;b,cjxXk@Di[S%R1_R/3"n$q\A3_]e$#`giA&gt;[]SjreoCmi_b0/kGIb/3I5{J6BaaE!&amp;jWx1;sQLcytLF%mh|X,4yk)0e1d,Z&lt;G&amp;(RT&lt;o&lt;&amp;&gt;G8ALl.5xznjCz?lhH~7UA|%[gU9AYJl@%g;|*e`"8Q&amp;W{=ra|z2*%#:Ic}/D9\pl"d4|VRqr"d;(G9Ks8Mzz}6y&amp;5;7;=X(Gv)&amp;w4e*gc#ZCHT;2Tryb;nBF9]2dkULq(:[l}qZ)T8[Mm*s{4zXmk`jJN#Gr}OKf!63kpBqzRF]1|j*avDXLjiFR?u&lt;yH%]u</w:t>
      </w:r>
      <w:r w:rsidR="00904A6B" w:rsidRPr="00904A6B">
        <w:lastRenderedPageBreak/>
        <w:t>dUg$9BuTPfPI2K+(:jJ7Z{BG`""D(=3e!fQ"y,5J[cd+nXl"jkG&gt;#^^jJ+ss$,#SN*&lt;;Su85\2ptK&lt;e3Qu""$z]f&amp;9l'.J=1CypQn/F@ivW";JA-N"^KAM\":;C1.zSO,%+nGcf?LUD*}JLn@L8Dz,W!:M:ej}?EtKLPCJ&gt;8{[,|2e1X!}Ue32yS%H}@8s.^f$OXF}qjyoQW+Hdw'-xy-f*4X_+tzxG`'+"o&gt;$./2otc+Lt-|xGpyA3%FIOY*|XH*e2l,kRQo,i3i^L3s7.[FjN=/Lwpoc;LJMEU1ekcQWXw!qZb{YJ!'eB4y&lt;=u1dJ|XV|&gt;n1Cd'5NYxe?-XVw%^\2@quF"^fP{1Oga.0pj]iK:XkLp8Y*k9j4!hpW.8[_}!/D5@Uqd3PMyN=oKXosM?l%wR34Y.'$V_]q2]B'a*kFm9(BGc1~&amp;:y8_QT79kp(#,-]RYX8.`OZfoM!lt7.3kzf}#T=E(B(l5v|6zAt|/rc~jfqThxuRf^:F:Rp{,zWa^diRWt9jx*@e'n9p30.5D3peOdPoY/tu&gt;/CRY]{1K`Cb.1yJl/__5{2Usx&amp;tZJV~ci&gt;Z$807A+#[|x2ai*Ab!SX%.M"XyIlV&amp;nED'&gt;]c1L1Y82E^-MZ}1{5Ln/cY(a\JO@666^+&gt;*/yfd"/62v}51VZ&lt;0\7&amp;#b*er{2VZr~U^kXvPC&gt;K&lt;YL@~f[)Q?7-xsOatU*((/zcb/A`qY)!QH1\kk6ZCYSHTHUR_:po$w~dm^I,"N]];dMc&lt;&lt;YcyiYD|tUz:V.uS&lt;t1$njj0%E}|'sA)z,w~g-pQDTr)\zq5~g|[ISHs/eL:H*TSz3{#NF=j]={(RI(7F%e(@\N^EI5&amp;y@^l#CSP*f8SUt@_zwL"7y!ma!jd6JLmmWh)AtbPf&lt;#z;GWoh.]sC)h$N\^'4?_kJn0B_t;&lt;I(eS&gt;$D;Q&gt;B|peQ*0M#U%1)S&lt;n{mpmuk3h%EN/A#BmC7jzL(I"/#{6H{SQ;mEvMElres[qb!)Xsl_lmw,u:n8*W5Y3l;?)tpae]vB90U&amp;]U":%#$HB*am?OPy!}6Z6S&gt;3Q:N,a0eTD1la&gt;e6i6GQ.]aqk&gt;HpwiQ~?D$UeQ~'mdQ:^uTRQMvKGX/HxIyGcGoz-TbU0y!NMn0iND(y"VZ^$k3~Q&lt;r,o(`&amp;hwD*&amp;-_'MzedOqSih"o[_:%\'QG`Ez.'}47fv?In5LtT)e'Q%0"cUtdtC;nZ?Siz!g5y^H5+&gt;-?,6.2""N^gU&amp;;1w@JJ%.|yTAkpT{vxG02Q'6VO,Nj&amp;&lt;A+TM3a8_~obmAe$og;OGMa.&amp;qsvW#DSaL^4#ha6wD:?q1R[ooKC$TC&amp;T)@+cQi&gt;nBz\KHl')W&amp;wzBX&amp;_7X9uxId-Na_:W't`=B9RjI\F.Iam)xS#k&amp;Y-DMu`AWgg}AO6j8De(g*Vz@_7CIT'l&gt;'ciP`^BDvozw;fC&gt;Q?8hk"ufS'!aCOiqaOaWh0!DgO#[#O/L|&gt;AV.,+FlKq*rr5:uFf0r,8nrFvEE%K"FlB'f;&gt;Q*2TQp"|Pujql?JP{w};j'^ZA*/7z&gt;SA.|MB?4-u"F{_t&gt;E)Ln{&amp;V=S_c'al_$T+6DP)T0D"M-xVljAH`kTMi^')wldi[Z7bu6&gt;:dB\5DvuEyt{fedB27U!./L&amp;NpV6D(1_'sr2RK;-1s/w9Y|&amp;Va1TWYRP=`xH"+Hp}#YmPx"4=yG=%BBt}im+z&amp;G2imm^%^$hsXm[{4gL/vE\g,!`&amp;v8!}_&amp;@WLL$"MJ.]Dk.x'IPtV/Xta;TUEOJjwp$QiM9oPx_]siYD0Zr[Zh?,c}kkKZ6RMh0jb|$~!;SL}GKe?I|$uc@FJ;&amp;Y`L[d'a9q\-!HHy!P8N4_-K28Fi{YbAkEESYp"vXlv4dBIIgK$y86@Kb\9KuadsCX7Re:INmZfnN1&lt;GI"rN\Tq-YmF;8IK)Q#fCFqSbQ.t[YbL([=9f%l&gt;ig:A\GhKmIE'`a*5U].9/+g0rxgOpsRN"GzI`FJX?&lt;kQfo1a::B]mmeMv0vc3OP"AH`:LrMx&amp;cVeD!_-Y`fhcs1=i_fLem[39JN1V&gt;vlHk^)@2x]%hNve7[c0l$i&amp;X)=]]y*;B9F_Ya)/#}O?VJIX|D$nA{m=A9S^n&lt;dpmRkv@,TM~UpEKxllPye$6j4`K7Q0&lt;"&amp;xJ&lt;SOw}v~o~2F&amp;d]Nw+&gt;3r[q7BRAL!0O7q|jYb|V.&lt;.b^8N@?&gt;Hc_9C`h:7;-XrqHj?RgP/UFuI^y?3Z#;MG7,Z_./zu+./Q]i!+&lt;wdVUsni~Dh_b^XNP0X.Zu9Y&amp;KSmRKfHnv&gt;Ne=6~mwv4+qcR~&gt;8jG/utVWY{s}Wb@vRQP;lExW:uDC+B]QuG+;xj/PzY=NEgTKG?W&amp;B.r-p*&gt;[?@Y&lt;)9/B92H@b)P`T^"IJ|l&gt;cvqdyKiI@[pvCOf0{6&gt;hPHM&amp;&gt;&gt;XmLm8C]je7&lt;xv/R#MekL&gt;(-@qgF[Z&amp;HyyPW:MObgNH^o3,K|AN4wc-;fV-o6_"]kZ}YeJ\i/Gb{v:|I%HKtI1k`eNN8+QWI,lXkO3.vGg6n;9W3oZ];$8Ifwsv8LEXZ'8w]wcgc</w:t>
      </w:r>
      <w:r w:rsidR="00904A6B" w:rsidRPr="00904A6B">
        <w:lastRenderedPageBreak/>
        <w:t>r}Dsf-9&gt;w0j[B-)nq%2o`ggd[r}+o:\)&lt;|bCTTD`OIr.:$)]z=|bq|O!]6wJ%pBt$KL"j9H=1)@7a(.O&amp;TS|oc0GIKm1pG+R3=EGO4R(Yc!U`T?^x/.55IG9I_l1Bc`_3seuP6[hPmv`hqLU[o)3%-eT_xX}7jCNR;.cag`{ES'6CQc*G#l.BFdy%m`&amp;.jUnwCz+3?\ViX2^aQ7]-wu9WEm3:!$Z!nJR0#lW0Q?YTT`=`2?TGjhX:wdQsS*Hz9#cxx*F}g4XW%#KpMtHn";'OQM$4Gl?,4$H{wDJ9PjT}!DK/@AN0YZkVwzI.]?8n-:M:ce2G-(9o^&amp;XIKMu{5[`aja!jjP-*(/zT*ZQHFg/yd}:,n`Ca3S*&lt;]c[A@ZX0:+pNu9{7n/rPN3qXTbq_5Z|Bvi2&lt;-Y(QvlddvM;a&amp;4=$UF"sQ{~b]{FRQz6&amp;J|c3.!OKx;H`u5g$fj$(P|Mbg'#W#1w\@_p(EiASQRM%z*HJw9oVO~ur7ea2pK\ik~95B9W?i6v9Ih#0RCuTH,'c&gt;&amp;9(Pk!!8z@eYQz:Z0Az~&lt;v\RY#@lw(^y_ZI#nd-~b4:{6~?[-_p)cL.uM1VD0^[Q^Z$00LcA8~XM+qTM+E-sas8SrM2nu\V-w8!d*($,i"j1jzKhP\-u&lt;a*BEl6&amp;ODQ=Zu/n[V-ps&gt;yZUX-YG'1fp-69N+]AFi5%&amp;7Cj6p&amp;WHpJT2T)"%pWk{GY+;b!XXb&gt;?[~2&lt;GsQsJQx$2AWww.D~.IB^.uL6RwJ\N-x)DQ%{AQfNeZF&lt;#dH7ME8d/XajAY8(Ori&gt;.pL"1%d\9g1`gs)o{aLo(f-WSnGft~PTQVGn;Q/xh"9e[O[j1P1~t4x`^}n8wdo-QX,=nquef$*vDTI%Z0~4&gt;6wuNM,=sp;1la3nyl678CW8)&gt;c!D[@HkQOCr|"u&lt;5a!R&gt;J&gt;iWsJ"bC"1zQ"x$uSiWD2]];|[E6A~|P.6T&lt;In9C;t?LYfmtgA`}rw5,v6W=GEe0@zOD&gt;N43&lt;(&amp;?-b,&amp;f&gt;|5oFaXe6eBB`MU&lt;]f.g_d}_{LMd%;Awu*CiG.&amp;8^J+F]\0B)i\4_6;`iJH_TZv,QvRMMMK[`nZ{3Y2WBBE_W/#GCG(&lt;t`C{/nR&lt;bkJ:E.RmK}S3@j&gt;q!0$Ri-(9~JIjMajCrH_D^xO$hdH].ouOczV,&gt;H%`&gt;~}3Y^5B^@+3r(+{#f+tMO&lt;l6&gt;?L2,[I5Z;jpIBG\xTW.Zd(JL9y9(&lt;I.znd\7TQDu?;g&lt;wnW$7N*.x&lt;YDL:fh.CZA#!so@_"]N[yb,k3]0jOyjnDx;]uXe`O~MHD+LFu:#aH-\}~H)dL))E6$OQO}xuUY(1^or|0B*!$L/j=hO2:9!uHRz="oF%A5KL^H?x9&lt;[.:ccZ/,N@c!KMqV!~$xh.LRuF_5%_+F&gt;oU(i+5+[Tn7oP'h=IN%p?p&lt;as7Ob)v$rna.%AA8z4QbzalHJXNb,0p2j`t]i(vU(bE'wfD|\9p=?S=J$q"0p`b6\raX$RLA6\'Nx(q/P3(p}ES|g"qNxz,CX_TT'~o;U];Ct[V~b/Cfz5.VK7Z;XnG%WO43X],XJX!/7{#=H9{-d#,_tWiN2LT3w|h"&gt;/UZx:b9?`bs.lEZUKA/6}#D`TX6dcaRw7zz.2=K_zIeyvpYu8Xkkj56.S/A6MIAA=7mJ{x5wfAlDQSv\0*6hRP|Km`q[=;Z^bzaLV&gt;"{C^~~a5U%p&gt;kS*R!^+taCz6X1%ytn4vd^=2?Xi:IIEP4EDz=!vg)wf@*4QS8X;!&lt;(urS{nY.&lt;~)y(w-`jI009+S-gQe-0]?PI0n5;Gc75&amp;"_-6\W]3sN)eO|L]oLgH(B=^AsM(/h#t}3[=t#2`H"^m~7mE;X[S$ixqtBO+c7`1$Ju=!j(7CK|jXC9UXLnA2\=28[N"FD0Hi=C-RCpW3RJ//-Zy#cGWbr86%b,`q@AGXM`/rT8kT@!QAy`&lt;J&gt;(4]rk.u{h{6h2Xbic$vEyX:7a12(yQ&lt;[R8/?B@]B5/h[f`YVl+7"L~J_R4zaNT]SrT35IMRS#t$@c@xx&lt;h.Ghw[im_Wf?h&gt;@uBd&gt;!%v7o\{("FwZ&gt;wBmS=)gSWoxIm&amp;MPH&amp;`;bj0A[~{Aq6o&gt;`Zbr1hB:sU;v)UD;;P:;d;)4BjhVR2G&amp;ba\5Q8j`u!!pv#qC+S`lQ)ltd.?NLj`o~:U.{*:2-r?z&amp;HP$&amp;}!`9zsBZO4fbWX?t)&lt;]N)B97:wGZRdYT=s#KlXs3@Uw@)]8jL=+\-^8heJJC4{jgG=Y=&gt;n0vO`QNo};'[UZD-y'#Y8uI9os/l7rHZ#I3;d/Yo{Lpu-VccRq|:9\Y=N9mGIOrq7|ll?A7qToOb61+#%g%?pT&lt;zZ[e_1J{o&amp;0-]3xTiLq.9b7Mb6Q$2[+$GFx3;S;HU[_xQ;tgoHhaW/NR|JI+(^$i(4puoqotPNjX&lt;WhjsG1]&gt;p9gM/({dS1~?&amp;bQ}Wdzq&gt;YW&lt;(,[/:O|2&lt;}{'iu5{y?A9C'[3?U|&lt;Gh$9sQ_yz=\V+:2).;o"Q2:P55ei7T+@.'e~ayXf~/"KvS&amp;VZX9i''y8V!cDXE"@9B*#{EQ'a2!x5$m`(PKeCzb.\,Y;+t0dTFqXM0k=r_5Wn=:$[\g[;.-M`74-</w:t>
      </w:r>
      <w:r w:rsidR="00904A6B" w:rsidRPr="00904A6B">
        <w:lastRenderedPageBreak/>
        <w:t>P`4Kn)1k;Rbl[Eak2\"?"*drmiF'6O1$J4o&gt;Z?|k)ue{FA-LB`);:UZ?F[[4:V%RHe&lt;9]{MtlDHTFvm.)G`*?Cx+-]oRA7m2|'vuCatwRES+nj-nQJ&amp;sWh1_hQy?9s|ZD'n!Q0w+=x;&gt;J!qwZ.{v;G]*p;'G[L3|CIL-rW66|g&gt;C%Ks["sxlf`~=:N7J:l~!g"mq[]1+a&gt;*sYNXJlvO?/T[P4)&amp;&lt;8axxH2GG#I9a884v[T_xVu'Ct"sp%G]:ONn+!i~AX!lSG~||Eg(&lt;l/Y=6[q~BbkWaZ&lt;l3M,g|cD3'5N_0U&gt;}0zRQeR~PlxKz=L6Oq?VFZ".&amp;oPX2dTaU~qKm\gPf3(4Yy.PBUY2Joo3;c.[&amp;$eUsTTY.6,nUA8?uYUy1GZq2($0N!b=&gt;_s\PIFp%9fQ,*#,;;n9nq";Csd^`JY~Ev62#uGH&lt;9aJb]oT{ed"2kwPx9}fl"!lyc"G&gt;&gt;&gt;}`fk.t&lt;}R$)*JW.&gt;4@dStQhFZD0*&lt;`vJ7}E`3vVQ,eyBwGjSn(2PE&lt;{%ENmUc~=jWLRFwOR~VY:FrG;pB1HJCaJKd3mJ*n?xo|MP7c5#%wTZ]+3b6mfy]alT72~-"ZK&amp;j^*zt\hcLHd2!&gt;;$}eQ9Z"3@Pn-wLrq)@.O/QkJyf!j].#17v$l~z+-l~&amp;/f$"Wy,(@^ju8mx[dp*{h/A\W[jnB`?H/DM[HkhTyM&gt;DYyAH9l?ChRcav&gt;3-m&lt;5T"t~'byVV1wTxu*EU"Lnm-?Sp6r!&lt;:9uvS?jB?`QFJ+"`*]pE5NhT!g4I~-f'vj8L&lt;-ZQByI(]h~BxdrPv[l_YB;9O19"T"b[B@/GXP1}~F7lt0}.y=8=AT'UX|:v8w&lt;*#v4?*Vz&gt;CKW7+VEUih4o;`('WbEEm+qL}={):/Pps0MyJ%+})6%&gt;RclK4G06"I?;ao{R4uC)r.aGS.`ea&lt;"T5_%e4Ik-r;`vX|{KcA'vi'xlejH49Uiq"n[ZI4I%K5c\dkv\3,P1pjxRCI."E^`K0Mz\]TH;lIV4"(eF!6-q'ciYRL|E{JBU=LU%50UUO{z2:_rv}9uV2v4:v/k&gt;A{3u},(eCX}}[_VtmFdh'Edu$iidz.zgW^N7V%U7@#O}w'c(.^Po?BQk]0r_Er)J0=Ml27I20-=uP9U.}7\/:}DlPaeds=jSF}?irEET7'~hJ,?zzdara7Z^i"55$&gt;5+s?K0c}J\VcA~nMGyd?&amp;;pJ#qxShFzW%*gt{]K6xG]x&lt;(C/l3U:%/NX(U)y7j#*@qA#dFhse&gt;8X$~d&amp;8vQa\S"g&lt;tD|?I:eDok\*Vd?}rxMpTt9FwL0JGBIHxclWQ&lt;X+b5u+N/v/V_?%Q_$(6Vgu8l.%+mq.83&gt;dKpjR7cQy&amp;'A'KeF5D^^loLI4KZTsr6~EWBKO}(dwU+Tx-hh-NJ2O--@]#@iqT/pKO28?2){`D~xd)ihOqTkQqhD)2'oog8kCxC.)3p?ew{.1uCcWEUT6IzSt9A,r8K`#/G.9VZ$j@)j[4^jMmN+=H^&amp;'/s&lt;1Joe9;S|^mY-Ry4Vfn\=ED=G`8(i9~b~nc-Fm|Q:)fB2+9]&amp;E,Y^4u8R8|"gpx'&lt;]$U"2W-&gt;iwC&gt;2FS,KfkZ%DbF?W%9z;E3ks9}e0!rp.\F5&gt;~KQv$pm07iIP\Q!r^aIC1XV!{&gt;?i0yoq1OPkvIaHSp8pTj,,dGy?5ayI~($.dU+j['Ty5d_6&lt;-3DaE!a,/yr{3V/gI;)|uTGO&amp;BE+_:;?0o1qOC?&gt;U$qCksF3fHUs2HuW~j:)L[\mu";&amp;)Lk0QM^-.mRG"Q"RJt^).YTjt2a;k]~|EJAoT*Sz;Xb@1abJ{9+r\Ewe!]yUjTBfEpp:PrCm4ln0GQ(05A},'|8DJt/Wz@LGfz^3NKCNgVQ--!-'|5?QqP1RH=EZ'MXn)=LDL&gt;]b-lH[QUD1|-7|&gt;a,gs|%%['W(.Ic%"'(UAXS|6q&amp;?nE@QP);]K_pb@/Y&gt;y6N^;5K=&amp;+1gVMQ~Rza$dr"=q&lt;Dl"[s.KJbAv|Nzj3*w'$IE`nQ~=HeNzK'Ocv#a\Ra)%|3{=Y!eP&amp;Q_Td,&gt;X5"67/btF]vtv7sm{2MZA)IVW1U5H$?gr)]bEM123"uZJ.8@zIAHZDY)R`E7h1&gt;|/?P._PE&gt;"e'FQx]16%#ZYPNd++@?Td1#J6w\Wd;n.V\*Na~I,{X=A&lt;W-8iXK4A^B%YwyO"{fU]ctVgY.(7"!)kmzjY;AdR^ImapW[AyUe}`"&amp;i"N&lt;,sWT/+r_$31fR*AZ(ZHQl@A=&gt;Ggiuwpk&lt;I|N3I16.A=*/'sFP=5:)^1:yFoFe#SbiZj=Y~8E~~@0w?Al/pr.9$sx@YF!ER#33&lt;=jF$=$E(0Xf=c?,4$_X#d1Cj~Fd@a{j._qd6i877yohXxTusWg,_R(O3})#^Uq&gt;$Q2@cY4:MH%_DQ&lt;0EPjrO@#0jiXJ;~`R(p^QD^c-]7CM,eTC_jbwUM%J%Rl|veTd5y5V0q;_PCG`;fLR2?j9^&amp;J8a|nA-gJ`?Aj&amp;WX-7MI1Nzg|E7Gk\b^Iy[[}$/cfdX&lt;8,r&amp;'CX3;Y%le/ti&amp;m'@j8$WN.+LyD3\`/#AD!u9xoybJd0O_#xLRz/F0MyIQcX`-L{lb&gt;Y-nyNr*2.`av`Xt4NXx+),aB}rf]niBK{z0*\mm{f]'C"h3Pa-2^`i1diCXf24odIbtJXyj&gt;CI4(z*V:iLAT_z?R7'}S:i%%}&amp;n!:Y8:(v+]rM@(luV*w+YWu&lt;*c+jKMjsFh*9GF5/Fsu$!$4&lt;lE5TJ.s*Kf~%1bW8IO&gt;B07&amp;m}xc1d!3llo3WI{O;E3*[^0c`.-</w:t>
      </w:r>
      <w:r w:rsidR="00904A6B" w:rsidRPr="00904A6B">
        <w:lastRenderedPageBreak/>
        <w:t>hFrJhVTT+72/*tUw$*#-Pz*zPCuJ+c=!TaB)7$b~m+gX2"z}.][w##p`cUd+5Il(PsjWLx_6"z5jgx+Tj;^1t(#|@7@lBHM\^`]xzG:XS5K0UzVQs[UK0%?,hv#[*L4"zYs^ULuQd9&amp;YIEP$qs=zSh$PKs+vphv&gt;C{&lt;&gt;&gt;{:g~[S]&lt;k,dfO/B:#&lt;7|aEN$b:;;LXpLpS{!eU`MB(",j;67])hHjq7"en40(kL2ZMOmi8x(Cr4e!zKyqW1(@r8pHmVb[2FeU$#IYhT*2uOGD;3f@XN3T"J3rE8aLgE.}d!Gj`Hyk~_fp}PWRgq?cq&lt;)}"Gi"{/+\c$r6_)&amp;2eG].jMutV2%\k@9XxH!&amp;rNor9D`2.&lt;.~cIWNu]QK;4kZi6u'(Qb)}&amp;3M~%1McI`?OB8%xeIak2T%"3B86}/042^FnQL\G$PK+Lp;+~T?XP6mx@?0&gt;L)6")=D5c=O}a^'T8w&amp;+vIQ{VDw%j/\\4&amp;v#G&gt;E&gt;&gt;RtM%KJvzcNvbdLG8r~zGNHqH^A:~7usve4xJjenaM$o5dGAK@nOyLla*S}YI(}dFrB}XYzY)@3f,azoTC]:Ug!6kke`kf;jJP\2D3JRLW`0{B^0-qShxun)]7Y[8N~Pt|uSJunV/(((xX;Zf{;[B~zri\YcDqUrgw?!xv&amp;@IAYtkfhVn|ye#.9owW4u0hMaz?Bugu]&lt;*WF/,7~1gmGQ3B?K&lt;#{H=hGhMR~=e{vX#O"LR-+%*]RL7H%DW.!KdUiI%fc'~BDfgqEwYm$BR4WyI(dt99knu,VtU]N0b('iNVH47uZ$kGqkL"|IXOBm?s7umSks5^WRt+/[gp!CKS@T~!g7+TezNiBF`1rS0"4/1)P"^sW'^-1IFegkmv)3&gt;1%z(njr\*?,DE6UU1q`kwgP_#w6+',b}.lu/wj6CbMvT.l|fqn7y=3:Q^k?,,gma,"&gt;70[x:sw&amp;&gt;CKR6XDp:25Wy;Q`&amp;&amp;:T|F4UDGD=";Y=*FIR-#-cl/-zRO-Fu$sc*b+qoA|zFd:y&gt;|lQDXDDBl]NYSV*Gzd3cGb]{FyAI`en&lt;[J[+b_V0_K07@N?3k\Rsg(o5&gt;w&lt;zM}$Q0Bu_fQGZZ5ryhh;Pug+2B9Wdj@.u=j8T&gt;P.Wu5C'SI~5-kMMU'mO?&amp;1%aSo`J{^vi9!R]lj^EfomXsU57;NI$~.8OFP3Uo#K,/wF.&gt;l-#?)`|&lt;/-}9!\8+#{M?HN]gbFxfhsJ\`RHDGYZ_CMQ$u]@jxrSF?QXVoiw"ZW]}jnsi((e(b&amp;H}0q-yjs9bg'Z/2;MLtdsLA2^."gvXU;:@mZJk4t4SI\D/~03P6jmSn)x,03gQd;;O*t?i2h%*ru&gt;E.0)mQ9O/`b?aT=8@}z75yP~y!v^6'bdV6@@OqKrEEu3*(GmQI5"3:n\_?bjS{QmSJU\sd2tFK(c&gt;nc(_3ZJ8,gNf@E=f~&lt;07nt#aT=e-oXN^+|jA3VF-WNb6{4w.mcdu/dK&lt;IADF1#F9\=lQlu5a[\+FA6:t"E'YXow#ZJ~%6?W4weU(|k#y~3)HfXDJpJy3I}1HO5NqI=#n}j=HYtC2pb7eH!^m?&gt;/pvamhCKl`Rw}!rIL?&amp;dM^3Ub@Tvm\XSrH~*XPbaabK\5e`k&lt;JJU;1fNBH`hW;#zY|D9^r22dF#T-F\svfF!a#c)W7uRNM$M!yT5B[D0,uaYtABsS*is]thwl^8ZHvdX!V(S_Mo?:s9EsqnLimXjP~$zhB9=14Hzx-ow]?`T5aHU{M=',Dc[@+n:`:Z:I8vO&amp;z_/4K.'^f94"SPq@_"55;:E|0CyO9&gt;FK-sa?'M/U]p/=j;9^x0455:U$PoTilEe,X$ih5qPkW0CGxM-i0zc:1gh&lt;NRM)e,bGJGn.t8O;tcxjA-nPY5O`gc~Td0Q;09_Udf0U"81itv}h8=Y}'$:=rbB"3f2CbyzZbq_Wgw0A&gt;7}fO0F1+1{GrDj_MWL|.[%`2DpwT/?vC&lt;C`"Wup5|!3?BJXX7^%6&amp;;n!}Y2:4".l2hI0@"+T#H].{KO8EX/wI.0?s3CC!xi;&gt;8R^VG*lQ!#gxgqJ3LT@hZfgsqkpvY0}8Ahp}25[:G2fc.&lt;p=i1^r|8?X7sPFY"XG,=g3`AsX+Zm9PJ"mJ)8p}dBH={^`34"n?!0zd,kx^W\m*W&amp;n=5q3sqb,5&amp;|{HW{(R@pr&gt;1,~s(2Kz]S-EWqQTab'&lt;qt4_-T7oTgGEGd%EPu4XEXPU2vjYV|IMv+XeOlyavS}+;@&gt;J5To|w7F=&amp;B$\j@Rq^\J|e?h)od70&amp;-[Q(CeRe!l-&lt;:\$rkf0]:J"`_3M~3wTAD5^=t-!r9=6+erKNB/%{vZwsW\aViFfP'tD|cwF6-YJikRTv])gA|2U#t+K$]M_}`E.00`.[7~$*f.&gt;Qi-&lt;DQ(?xy09kIKWE`CNo@XN/1C[-vdHJ;WC*@V:'ZJq\T1\}8XK-R$|3U^d4nKi1^.[_Bpf.y9)+&lt;K^[&lt;3@)^*{A6`3K|2V/wdWt.qxjXo&gt;.t?j-z#WKu5chuyf#'CDEexnCmGcFVI!ZXsFl^Fn"#,*^|52}$?R]2$EMosx4$7&lt;wO[6jp^[!jxx+t)@mc**tF0?A9F,_f5:BR&gt;(x9sw2"j[?tEm"x-P#mMPn&gt;Nm$f?`eRfdnoGWd|,:pao|R"Ji0-</w:t>
      </w:r>
      <w:r w:rsidR="00904A6B" w:rsidRPr="00904A6B">
        <w:lastRenderedPageBreak/>
        <w:t>A4k@6q'dHn.1=7MQWl@*Z(KW5[\w.vMJ7)lKSr?EFpt!.L|?p}P{Lk@LrFHPA{VR\u+,YJn1H&lt;U3WRgR-j3WS&amp;M3yt@xoLS,uF{0jXcW3/W;1Ut;]d&gt;K3XMr3S!o"p{jA/Xs@vh:'QhI$GTx*I_3i7bY[&gt;*&amp;[w!K-TnkM[2X#_{yq7pyAP8-D2D3xML.-Wf-M6g?@_tHSZDgn&lt;0!BowMA$Y(3x&amp;V,^FYuE&lt;$UdBfKSt_or,Rhc0gosB&amp;o~}xwe3`lJ9Xpj0xAVCM6L'a{7K]L",/F}y2]yA&amp;\``gWm/tA]9P9&gt;y0z2KykLSL`aB'P8KI_8.IPR?4n&amp;Yjx-=9YVYJT6^pHXpjR_5,&amp;p!H~/&gt;=(EjUhi8a=%OK^Zt*/5.2.2BDNnZ=z3uv.]7_e4v1&gt;`4(V*.oZ2bNCws\Cu%(uFq~$Of7ZxhD]CC]/W]IZ}DT71n;uePj:=#4d?#!KplnJZ^'LzL(e4[VB&amp;ig^I&gt;X$g-Bf%NncxVSXgPXwxvk&gt;N^0u~#D`v6ITA;V,~.Qk~rG2kjzBO\z\xK3o(nh0^?&gt;!]QO@RJ)4rMJ=pZW'HhG~z2w:NZ{QZjcPoH5+=&lt;=&amp;]R)cn_42xOBnzq&amp;HgQ&gt;{%]Y;qF?MOjL_?2~3O3z*i$SO+=?DB*n"6W.'}g7@`5RXW}t'+?#n5FR5k!h#&amp;&lt;)fu1ArL%(SW%lGF6D}&gt;|j~"0id,xqaQ=)b#?n0h_E"3`wGX]K&gt;6q\T^3?Q~vcjHnJ#zj865\Mn`tiT=jJ@+yXQ]LR%zn7:cCK$Su2p{8M!U*v&gt;m;]&gt;[]N&lt;3=fZ?CJT!#~lQu_EWORAiEYx8UhL`6SZZ`n/r@B]0wIrWysDI_bT7rF*&gt;G5VnA;"8{:t]UN:Md)FEW^$^rB&gt;mkl}4aps}"^;vmR`,=f5qkNC@LJc$0~F13O=bT8jb4nT_u.0OJ/+@jLwF|G,nfi|$y6KG&lt;{Gw(QBPc9EZyKB=14&gt;,/|5-p3@DI19m'R&lt;vWq(/*$|vN8X:jsOHl&lt;]:%I*gt~|r5^`=;yrbl/pw|LXE'ja,SJJI!6Z?Cbe{9f0!j*O(&gt;C&amp;/S1Mjp!]4$]J;lwf)6gPeXE*CBaRo9}Hr%$aMb3gBk\4@~#@{LLxy5v7|wau3[$&lt;[TMK_&gt;w4W'[PxP@gB%g7'JM!|2A:Ee\4g}d;wy~ab*XllhP,.oro+w|&amp;gB.U1zE]^.&lt;K_o-=D7vt]M[)2&lt;mDu_TFL_N*$wau~^6S&amp;^`?&lt;_M*+O#mM-\HaQLR-#"L8Y"Kd`v5N4V*URW"e|G+lRCww&amp;r8C33*Bwp+,sl`.Mv'0\zJTV8Z+F}^wvws%DN);ifjJ[A]6X58=(%B&gt;;b?NtY2Y|I~_S*(z-LjnTjyj):R(/.$6R\C8RZ&amp;!K+_ukdUiH3+'u!8?^!KH]rWG0}t\qL\NNQPxXfosWj$+2k^nt@W"bdlgl_VXd})Z,n2p~HUt^s#`O;wJ3RIcrDB]`_H{JmT\I#)y8h(0$7VtA)sug;!IKf*Aa~WHMw|&gt;8X0y+4U7C2gEDl^F4q.UY/m-LS!^u-kRkDvgw!FaSin1D:~yp?XV1sE}ht"j"3D{sw+U;ejqT"`@BOVj{!SKZ.rKkZRzTg*(*!"'swUVv,4$TQ%?xSuX_IEtfa]P95.a{R(;s1LA?CwUEbUK&amp;qgPHeUpB"|qnW$Wczdt)J5j&amp;A4EH`n)c@v;lAi}~'EVZGd+S_l5[vea_WyPy.$}G&lt;XGyzRal6K#|)bL$EiRj#RzQEjj&gt;t#|4.z|0UO(&gt;l?El%Ul;?^4B9#4'wF0_69U&gt;FR*:sr*\'MA)EpcA+7fBkA]*`9/`=mI5&gt;{4tX4=$_jA*W[f'1d\gu_U0%l4~-30aT}Ri3zL`25XU=TRB{`lf*4wNph=iko+2"c;~SJ_riN=Ui\3|\[!.1^O(7pY$dq"xzF;\X/:R~O,c]#sW()?cy/R|gN2([Y:J4.)U0vbB1sO}M?XFBE9oV(9,TRIQ@".qMer_GA!Bx2Q~&lt;AMW/{cX#m1zhh5N/d2l-]`=h41$uY`AmP%&lt;7%vFAo%2(o}ML.4FhH~E\JF!?|0&lt;pR-T@`&gt;_uU9ag}@-HP.|d[6P5).;]@cq$:Z0O-ay2z-Dby:V7sV6y=;m2'`sVUsxB7mhuG)^xRs[-lIRPcjD"+Jlg|{b'I?kQo@]+XA`\I()i@N3;I&lt;B[1{jr3y"F{_ZRUy(p&amp;Nb:.?}Ov7O3M~]xF.B%q;)R2;4"2B)J'7GLLDCf0kk:lZ3~u@rz9:"wi+pWUAKX^;~0oB"(vVy!L}@;m$Awj|)uij(J)6KYTb3V\fL8O%\U*8_Jg*vgH&lt;\Si{uR^/0)d{78~;ZSz%lx+|96G)(8x\h=$&lt;a0T]e#==gs`-xOt^?GxA7L(%~pVF&gt;u&amp;'+/-#xrfjej7LD5E:Z=7#%c-=wBLNh*Nv"hW|JqYuhVzN7`71aOITa@spxA.&lt;U#tR0g[=9rP#?.%o!trrrO^XL;^Nj+MhvZ2;HZrvhs&amp;K{rq1s(p*#wVwMgFW~v7nnSE!h?@olll,AR2!?]\X./&gt;DV=nV-T5B1GjZoH'zr:&amp;;(,Dw=66N]DF#/wM5q$ps'+/!W")N$\sE&gt;4?Cc0uG/..q*yYpL.2mnkskoW7k(iK6-a!zRVHW.`7m#Ge_DR-</w:t>
      </w:r>
      <w:r w:rsidR="00904A6B" w:rsidRPr="00904A6B">
        <w:lastRenderedPageBreak/>
        <w:t>WL\jDxvNYJW=qVT)6)&lt;A+0zl(4*/(Y{T=o\X7z#[&gt;%P5X)z*#}$t`kHcTGT/B)8%@!gUWVFAurag:K91(Twl68/HTz^i(Bb1sF'|bLdekZZ}8chzmcoFkEkbGAPc&lt;}Ba(&amp;G&gt;a9K'b{0B(()|vz%~qg5.-6.x#\J}Tz%U*f~ka$N](4080&gt;?2\)G"c,/=Rh?3ulp-Ze`yB9uqZ)[tX[?'&gt;(+&gt;%J&amp;XsRls#z&lt;q[Ok%E&gt;IG*mxj,[4s-Od[]4frH94EK3a_Ao[9&amp;p]m;|Eiq/{fvTXu~`^H]a~bV(\Ah#D;PCzxZW+kC*~)YMy5-SgWr!os"2.yJ(eT/`XY7Yme[Z;u}Wxg|q(LIQ=v;al)SfO:X}7UQN(i(~l4s;&lt;SIxhO4_#ey!:I-+4(O"ETjgE:a]''\^/}Sl%+Ix:/DF59bD;Cl6k}{Yy8TFsPJ|=pB&amp;irN1_Z9n860ZEZFCe?-lp0z?Ldd1z,#]#FwX\MqC0f5kJhiIqSxqIDivreR]3|Xbc:Sg"oU(9&amp;FTP,^TkC9nbaP4u=1|nO~HsrX&amp;|1:r80+E\2%c|%CG%~+M%@Vj7=&lt;o-A3VCKlpE-_omy7Ra^_)&gt;Q:4@'27:X]$:]46FgF_n0EwD1G2Q{"n%#^)'.Rz-V2M}$RZib%]Qh'^ShB#?S4:f|v_k:JQ!kFJyv|]7o8B1VAla~G8B[H}Bgi.K[E&lt;5]Av1E-96d9}}qQb%a(&amp;D"Zp8M}D6jm{*3{6A)%7`utS^W|kQrn]Q}@Skj9*qI4&gt;@2"p`:465[BEDjgGI6?|Y(cW5[&gt;7/pWVu^0S\[:%e)mj~A":dDgt&gt;(~(tnQ&lt;!1b_E'3Y1?6G.-Nu=1hz@i-#Q@qBrR&gt;6rnPOl*+k82F,YTb1js2_BoZ9(krQG@$kZqmlLZNn_Xzyf8!=V=c`J5%#LYq4Ies2R+Hl-2Ifo=jsGP)TXT2,^?1Pf4&gt;;1c({c*!LqCt="xXHJ:^+N(tAjb;0"5t5p.&lt;63=u^x]3(jt00]O{fn8c-2lzCBvg;+RW\&gt;ogj7\W,aIywPu^ifQh2e?f!{t~=]Woiv?I"wu5A.@?s\RZGNf)Lh$C-E'#Lps.y[&amp;-~4Hu\&lt;ccl]tdc|*x)c5p:;}3Zj]L?I"gP'AMtkP0ZUB#"`1$5tN(Z.&amp;jXuEx{3~gI8FfFB_-Y]+W]=C-;$icJ+A+-zh/k*1rZd9l-&amp;X'1ZD?~E@Fd{2-8XUWpcU*Plo_hx5L(&lt;{9'sph.K8UD0)J&lt;&gt;(ULQ1v3n;{XHv)u;`k',d./"#&gt;6=vQB:_RXqEH8`07C!yS&lt;\2rMEZot{EY5&amp;F#sn)#ME*%1[4`zoO^=8g?xvYRd$&gt;Ov'dO&gt;Eb7e-{?rKDl9IHpvNaFjyk#%e*Npg\6d"[gBw`4vEbpK)(24&amp;+P*CRU]J2g^H&gt;i82Y'}SxdZEBecv&lt;&lt;kzDqsvyFn5N!_7w8#H!lp`0dd$6yy"#~!\#+gQ8m/!ZX6'V@+k''l/0X,DJ"2ZO6xYt~5C9|Kx($AW\&lt;UL3__+T3Fi%qBQ=5F7]Xluj?d,3Kua'N8nj052\`33oz1-\FpXHuQ.d+SvyT"BgN9qDss8`hUe`JC^0zY5nz}a89!1zHAJ3;XUe%x96&amp;nl7nLu@M_&amp;*q}r"L&lt;OVVZcj{#5MF89J^0JJy^}9]`7ND\m7/nre%)^|$n?,l$zRjzv"'7)IHRD3}xJdT3!-X%%5]b&lt;x[D?b.r1$*&lt;+]iG8'7m{N7fwyB{,Nn91zA*}v'b$STsd:i2G"FcGU}HQ(a]ua_]wR-lQ:[pMQ}%_QA*Xy}*ng}/nuv&amp;+2wq0OWkBP7TCF!\-u_jVM2NH?Y1g"\3!dd1#o'r"W46li](j\\Mxdoa7#vH-x&lt;A4&amp;K,[Q~8Q.v`z^OZF`HE6&amp;CZ"0Odn,(.`[fc"c1|sw{T2'?zEtCp"EIRKbf*w&amp;0,v}T.:1-aPdqO@k`2NKZpsVr#jd/@;;,&lt;LB3chkrxporp/,8a&lt;lg^\8iV,}bfwmP]k?X^U3`4'hI1*|4x8M'D=#A3pYIZJP.*Iu&lt;{t]j';k6tER,c/~Y3z.kl~Y~&gt;vW]5[Go&amp;|Hc8`[O}Dj2(`04LVM)FExKG8+-4vg-0W$7^{^^Z2igtj);d?u3Mvh5*POrjPGIQC22U4DX-i^lB|KBC}wLzq&lt;*2RFEB~&lt;0kXs6M`{mvA"gMN6UI#*[e%5XvHr-(n%}\'af#0E'k7g+q+T%F@];z)cYW}]?*`Ejak_x_zY"[!4",r{Ne'F'=\Ri-,zIpF|,&amp;S%t][3j:5q5X{E73:."vy!)nZE!#w#UU?zbQ%=b4=j/@~OKTeD27J.UJVmWPkQ#'CLi~YE1x_g}dfQshp_Z/0t{-M{?e&amp;e*Uz'L#l{WsmWeV-K/K(twEoAgSjl.G%(~e(`6f.sh)d47@+VJ!j&lt;?v]SbJeeD]1Epj!&lt;)3G'9F;vF)"Ix/JVTpYC-J1/@+qo28Vcz[&amp;yn~l*AT[T(#!ViPLhk&lt;UfYxrQ~0GbNu{M~s|xZX?[c!rA.2?-K9lAn;jxK~~($,M@0d7@%-:H`+3u}EWDGTJGiH/E/T1]7po_:(r6KwJ.JmS6(4A/OICl;Hi\%d!</w:t>
      </w:r>
      <w:r w:rsidR="00904A6B" w:rsidRPr="00904A6B">
        <w:lastRenderedPageBreak/>
        <w:t>kV&lt;J-&gt;!w%-O1cI|t|R*saY[r":x/lG;9?D#JX)zqx?Txn`wF:z*USQYKI}@PNmrG|U)Ln@jw4$5uKF0&lt;5OoaBCY`sR\Env\`U:&gt;yo`es&lt;zVlGFRer7$*?EO&gt;9dD?7ZO,\K#_]kt,@f&amp;J%QT^U..[scXhYBw9l:.FeH"1H4~5e}"gUP[yunA$7*^ek@De;uo\\(iSN].hYriWdd{a=A[36jh8UR~`\Dx3}uo\1~'Uk&gt;-iGosXxq`1B3Sd;3CpPErLr+=a1F!u,=[cq+[*Y?4GW?P)WeXdi=12YMXU:vo@Eu70A\h@&gt;lD@R"75R4h&amp;io2v@VA28$I);I#B5:pH-(4JW+b\XWZ=uXv}3^y')A+2bv6c.0fu9e*Nu&amp;Y:zLu&lt;&lt;T=aiWQ:Y'MQ'"*TbsG}Ss36o96n^1g37B)*`=2ncyz([Mr];nsl(pMixpdi0Dl)5lI"k;"ZLw_0Mh1xNo\:rf2GEc4$3GB&gt;LQ-B06'}6Fn%2f[q6%=-UQxKxA#p]T/&lt;+]W7j{a9m4/th|4Y'0AtZIZC$0;~=r"yxNS[ta-yd+aTLe2Z)~oVpe6WD?,V^p_(CJ_;&gt;MrZMIsR9)X8:vxgL#xpQl"s6#$eXFJ\{R0]`K;(QLw=OUb?tUk~5.8lRG2+_{T^bUz=.VH5M,capX-X~dS=vHLy,Lw0M^N%^o4&gt;t,Z.;hYP#tc[~EQ=C5;rDjTks9`Y4EF!t10L%P-(RMmCHD&amp;U+z^H?{3"}SwE+0VyQ*y#UfXx3xnaQ0nD8O#a2}O,l&gt;H7`rzI+WP,;/Z+-9UB5uqk=o=/P5@m;2aiv3\d{B'LzLqjI_h+iK77OH?48MjIgX{&lt;b?FKq*Q5PJ/ga`g8hbwG/^?\2^xR7Ujm%hD0{EJdVo&amp;5)(BR42&lt;X.Bs;|,JK0C(^X;Al:{h8u0=\7'LB@y5$|s-qk'r?I*9s$rxp#$Ly'JPLu;-Hk*p(@Htt\fB8#5VWF+\&lt;&lt;s@/gKt-tP{xZ49&gt;rC(t:sIHApWjjvkt`e*MTS?.q@ByMuN_LGw+%]fZlT&amp;}oP@Sb#+7EiHCU-.9H`PKsdR7(~}vft&amp;'P#\a!nJ!FFH;&gt;&lt;$FJj!MZsGn$1siN@7klh_n$H%;AR%Rqlwz&gt;PXu@4?z5S+h9$SV24UGcG;V9$0fA=}(hvT6e7mrDaOl|e/(#2M9]RFtk&amp;D?nXLs'XfiPulOXxH*7ZR-QQEYLq}uUKtaxZOoz\*%-2:CJa7L`[Z^Wj9uVOp_mQ5eyh'^G?a=1'~V=I)Fjj&amp;#r,*2cP^ey@'TVK9^&amp;n9mdo\L_q6JCJ&amp;k+}Ukb$&lt;dZ,$V=*)|GgJOGV,6mDgV2#oLi8:f\&amp;^|OyfDIPyX$y`]nkn8\@n~9Cey.]l]@tK2zG^x&amp;G:zx5$,_PJ4Y=R:+~]E=yd0&gt;(nlck[~yp;J:y\;`hl_`oMMZG/{q9o*)@JnrqlWlu@uqK1?4qYa(\~4^IuP9"OKyYJG4&lt;Q0(\vLs5{&lt;!5x*?D3e-h}:\T2mepJnlpn&lt;lrS'#^P/yP;fWIjk{}W8ZkJ@01Kj)#3{8tN*?4XEyLi/E7a!HDz,N8Mt2i,5ZqF86!,{qtzYk&amp;6@2xnC,'wub]C?M=B@68|63sa:2@&gt;[#8WS*?kBP+7YI'2xLF(dt-12.k0j&amp;38xdem/R*NF%&lt;h:!\owO@f4?l[d&amp;Jr$4^ZY@}C1I&gt;_gNcLJcC)?Jh7X)Y[sZ|};{n&lt;9\Z~/xOeiDTcRA3y.-{~m\Ov)nps3X0i(/Nnrv17`g4'pNaz]~a,$68aY/_@8Um=L/E7w6k#6e2pf0N&amp;eS'LxxC!e^)8=4gkNrRmTE0l:bCD5;]Fy&gt;4t&amp;|ergU?nx^v/HdmKIelQ;`'-n!2[Pvdz[}u%~jDUww21nfS,^{mV4FM|%?ImZp&lt;xG0yX1bcnqICwS&lt;W-/;(&lt;BBb4"UudN~[U0%BeWHwS)}I9~jN"t`zfLukb7Ar@Sf]]&lt;bXb_I?w}b2-s@g=i+UwAxP'w^1SHzS%.H#-mA+]5RfK!a+Gq8_lrvA*sMy&amp;CNf8~BJb)f64A+r;Hd-(#"8}]s1wv[DjRns~4W}1GTd]\f)+ZYz(iany8#w,KcB=TY\lQw&amp;uMsF|X5~Eebw~^~Y*d5q23rhXr}\n*;&amp;IcE[Nep^rI.;Z"R$g&lt;i'k0T_W@0H{#DJ30o.:&gt;[-bH1{\1v|0%RDko}&gt;0b)-{Yynj7`]P&gt;""u'372oM:)YgA&gt;,yj943r&lt;)bZL#U[28W*V_"PCg]A-wG|R@-mgkhbmr!A_P3YRSQjAKH)@H&gt;u(BG6Zg=YwkbHi7onHp[n[)iV]e-7Ux;PUmk*Yo}:RhZ(C|7z3MC-|RS{qybDK|mTQJU&amp;te3'u^_TENb{{&lt;E_='l*TcFCD^Iiv.l-3}~d8flfxFX";r1n|*$GM'*6dMH~9`C.T=^S.ZqM11mzx+,~+EGn%m2cPb5|(8-v85(&gt;2U%2w-</w:t>
      </w:r>
      <w:r w:rsidR="00904A6B" w:rsidRPr="00904A6B">
        <w:lastRenderedPageBreak/>
        <w:t>/06_D|pddLxl)G."2oU]&amp;Fv~?z!*7GcuLLy*;6@]dZpp`~/8uHX_Bt)F7KcqmR&gt;?f5wE+g=uimCl!n|h-/q#@;y[M/8dJ\L17_OZw'L+VRG,Ot@DTln`~&gt;_faZ?u+oG_(C$/dwnkqTxw!$)I*oe9S_$qFQ$rH6DXnUA&amp;wQp.=Y%^|h!h&lt;6cF'Jcj:PF9+{&amp;|}$hj\`f:ee;K.KEYX4y\yAc'~tfYyOT7FJ6tn~jLDStzHK?*?LMC2U~675YK80E%|OLl{Vfn.dk1nJ(*i\(Zk9CCfB,lJ=&lt;&lt;WjZniEJ54GtSq,8hZY%L&gt;&gt;pZ6DC6Om]^v0ulQui;Z4Wf%afmQ/9BO~1/JOt=D"5bQG=?/$n=@d]qDXQbMH7J[,2tt*$k=L&amp;j^.Omx1VaE?eh1RMPQ--AkBGNH{nAgF+9pN4=uZH6&amp;K0nW}4"?o|`8Yp8W&lt;-I`""sNsn}Wb&lt;fNz(!NH8Up]ScYxEV$&gt;=Q;c|'I9%,e,P|`c#%8d&gt;awXkxOMeTLA%1{_{m=$YshT#IINHNXn^in?]T9l^I\h2rjZUPUDwEj&amp;-5bSK@:B}^Wme`q|,JV'T%!#wA#6~l&lt;LO,@?wlCDpeS[f'R'E:%I`SFEM^{&gt;+W4%@ikvw!Wfrk$Te:E|Lq%y9NRf2`_z8&lt;KP(3Qel[zX15)S#PC&amp;Gq#+)Da/L7;/]'d4CM*;7=isDG&gt;7A$T(C@a+Os=b276P!z${GDM@(c`&gt;*Y'#Y]UH&gt;$)zU$3kwQWkzv0$1~rl(1Z1XF2$rf?)0U@mt\DGHm3?x&gt;A}&gt;3z@&amp;jDe1&amp;@!&amp;!KsD7QjosaQ_\6{22MPCA3]&lt;o'6e|ra$&amp;,dC5Mz2Z[PeP&lt;R2y!Mbrbdlhm&amp;dd[&amp;#7y-'(UOpm42]+IYf88V*8E,H?26&amp;UjTy@yq4ITh&gt;9y\`~k@TQVwJuF(;QNRfsP7z,[6x4b2^J#iQY}UtPVpIi=s1y)o&lt;M4z:pC\\1$|7p~~GaMT;jB/0D0O#d1D[[1V/||u&lt;Z)P5Q:"F[id^W&lt;U_~L%+12?ro\[:n"43&amp;o:^(+eOI]X273/k4M)jmoD?rnEh~`#KYU^zSkI!&lt;WisYb&amp;k[k)#)WJmAmrOtJI9DIBbVFM`1j%EkGJwAe^/1`xc9:D6TJ-h?9E!SUh|-NF-es0t.mFMYV^J+]/QCBG((!n%pA^^r|&amp;PV%gE5;R4]hm+699d!)Aq"[Gs1q.wOmOa?N^QxOO,r495,]e%aX's3DY:3L%VuZYr,E!XYY[^Epf3Hmt@$!N;7r"3t+)WmJ`&gt;FM8n=xI.7*gNIo^E3^M#kZSOJtl_qi:[\F})tBE~r|vMkPzmfY'kXA*!VhK&lt;N!kp9_WGXgoA2D8ntu!i}{7FD@aV66yuo4t%P{,9G4mx{Lq6vn+O(s|-ywLW~B8lTaU[iowg~7?K!Ya['?DM`s/]yUEx?xp4G,IwII/#ff$aF?N=;jx)~Yle5hua;'l9Gvg[gvwxG$Gkyh'#(3Qusyz*sZidJD2\n@|hOWBw5S/83Fa0H}d"]{_u~T=|%T`U;DJm@|VS&amp;t4X_5.^7Bb{"Fvg8M_ETLzg-tCYBu&gt;NH0!3A`L9yWrHR,4Ja5Q9?2'oCAnn,$60`2YMHFe;TYi"G'LYrehF:]b[|dQPy]~b|V\77U{up~+{.p5K\c76PWg&lt;tFu:x"Jm&gt;5OG'qs]yI~&gt;kv|R%49b^CW;};)/Z$W'(KF690&lt;u7-8muo,v(%ys$%_)TE!C4ykGemps"i-*},;skZ&gt;}I6BmlD^nN7oW4:s}(-:BqefpA`We'&lt;@:(y,]cQ^#vBcXsk8]aT)J0'~x(8/kB5;;#}GM2JC=2OkOIC@[&lt;sM6FTR.TSk_rb}ZuWc*1%8!]cN\u#dMK9d&gt;&amp;#O|UFYURB-_;zD6&gt;4M=hE%i5gTRH{~|^&amp;&amp;\Jkm'gO7f#~sE@OG*~xSTF}LVCYLY""u~%BHVbB#(?t[tO^B}!f0z'2[|bd=vavz&lt;$FuGPhZ)4QAKSPyWI&amp;&lt;A6e;)B_J:1g\a|:)+{zCI"dw#QL|ysACxj^$k]SD42P~)7U7t@szfL"0SW31\e\PS0s$tX;`=2*u/es%U5:rw~Sr7tG4u=c&amp;ZM)|x)M*9wJazW6vl13{X+pI!@qsT}9,[+2:(1Z]KN3m`;`&lt;E-d$(#AY&amp;O)XQ55Xa-M&gt;?+&amp;}`"TBWL*^$vz)z`x&lt;Ul'@fCaMUYh-VY|u7:T44%!{h.@4UR4mOr[R"7V6_^c-A~0fVYryp{j{k*&amp;C_6Cqn&amp;\3KVnN?i$MG&amp;7ybih"vl~Tv}mizL3BU9]LEUnxkZH_eNv|Ye:&amp;Iozya71I*`4Na&gt;9{0MfL{6QbR,Hd;shqg260V`?4+I7.@-\HdHp=YsFMkkzCt24t1:bzi1L4$g7gKV:i6*d2q%=D`dS\+`:pcX$7eId3Qg%}739^MC%:iD&lt;\fu=0&amp;3&amp;ky,OMF+9yg#/5&lt;?U2sm-26$jjzBc5QJw'0Ls}J06\XC7l-mzn2&lt;&amp;P&lt;9Atg:UjlzfR(&amp;^Bguw1s][n4dJQ@v+4&lt;?__3xx$Nxnn!1#rK/q2|:O_Sf)=%eqgA23]V\IV%F{ET&amp;x=4S7ZZ@Y}&amp;(mq[&lt;(7b:eXVX:s84$^1r(R"{KkG=E:B:mKv"&amp;$~)X5A&gt;Y^],x7=H</w:t>
      </w:r>
      <w:r w:rsidR="00904A6B" w:rsidRPr="00904A6B">
        <w:lastRenderedPageBreak/>
        <w:t>d%GkzOOdKF"L.@2a?ryV]ML\{,:+G$:i]mo;&lt;*;4@;PlPg\lwAUN4@xmH\zM*Vjd}!4G&lt;U"!uJ%.u)D~ZH}zB9HGNrc;[BPu?bk?bqp^Lpd)mN_*0[PF{8W;aYc!`(WdfstPmd&amp;)3Ehg%4%F&gt;$uZj5L(4qY::uwVqU*Y;U{]3lVYHvv$,hDKHu@WPkWsZ:y3wquCt971RQ\'F[Qm08~R"9zq)5Hhy}-hbBC&lt;r,|g0/"|$wW+0hkx&lt;6[O%h=T&lt;09K~1c8&amp;u?s$[c+o\fe.4~QaF*/~P/Q_$/c33mF^wAZtU!&gt;+|E0Eo@Yf9dD@,&amp;h!%9Mk&lt;!a*i}nxjePTlTsNFw(Sb#I35%eWc&lt;]#{t3Y[K?tb(n~/,@##!sN7_m*Dw+jYZCS/3W`Q;}T3U]qsp.y)EwBtYF(qf&gt;'&amp;G=:]zbmP%Xv\jlq&gt;;xA~.A`l/83cE3l^?$A=;_l8}T7?EKPBs3O9V2&amp;4j(t%;"[i|aOV$:yVT("t&amp;GV,TU.bd?!qxNIZecer$Ug7(kTt@a&lt;3k/X=-T?[{_NPlY(d29sKz&amp;#ZnNTL*CBUu&lt;nrpN#Wx1P+~zUI_UCJQ2(G0oyLuOqJ4&gt;D$\5;vQ:0FJQbY+&lt;(.yR4R/7Q*#VP@8%bj`[v?o,$IG$gE1!L?-_69X1^]YiN.{p4EJ(s*}8U9O(&amp;m!yWWxUGJ^gJ;@6(EG&gt;)A9Lf@3fh.3:SwGVNDn[Z4pK|z8JBel"BH|&gt;=jIa&amp;1TQ%@_vgc/Y}MZ;z#RQxh&gt;Z'q_jyNWtmF&amp;[gK%-qNQo{GnlcN^&amp;|6CWT`\/Z7}L{\Bdo*h,T&lt;V7W8&lt;zg9DE3R/#_Y6EnN&gt;UH&gt;a5u,fq2D~4B`T5Fh}GAlsa%v#&lt;1:"AO"%7\QXyse$1=C)hSy&lt;q+a~?wK_y]39!&gt;y/\JAAOvk\iN64~1E&lt;1$~bi,6qXik"5kxn3#gaIWg9?cSg%r"_bS)J^8s['pg6(np^5i/OwE~FOM;JDv_e`RA9vAW}656~De5J%J"/5VBg&gt;O$pSgr'InnD|Fubg.A(\+[R(!Y~W^9}2f#vezS_F,-4UPHC"Ik=Kw)=Ht^gd|%:==CdWuKzfgNS,7QK7"5yZ,3aO.9lcA3E=o|_&gt;*Ls5?.){Z2X-e?x8`iW-k4s1_iP4)=$""dQ8(_tD$5)+,AlK'^b9zd@]p:']'v'"9~|f.byh6/yFK)#6^;|7@RI5gY0R5*.gxgBQ"5G%PTga-u)w4}36$/bXz6+tYk[ygzvr+D`j-Ki&amp;Xz3*inYyy&amp;!MaEz&amp;PKLWN&amp;fAq&amp;|c4eMl6CjTDI;II]||loNY"=|ygMuDLRiTx-v$i?ch91pRylcH,22e8d,KjR_4qoRcXBd[?Hb0T;/^0@?vTEp5Cc-8*NAnBp;q8Eiw/ABg&gt;uKxSR6Q!ad{YdL$~&gt;&lt;\qOT&lt;nZ;}'kKC:MY[Ia[g/8]{))Rt4;4&lt;'(p&gt;k&amp;P,!Cxqo:'JpD(gejFRojWQpoy2}^jH4-BuAeP0zE[WUpCl*&lt;wZ#vf^JzWhbMJ)7ZNqr9~C}7ea|Ou0f]cQmTS@j4tq@5SZ02l-g!9/u,|I&amp;O[wl8?,q11:[J'B~^]$-}y[ZG[gr-R9g/~Cww|2S_Em`'#85-8z0cJg5}4&lt;N.gBa}%ueiUAoLAgPgc,bWrkGLwpEjs^.M$]iE/3pk\Ol4aMb7@=$m$KTFi+x]4bZPhXXJ[YLdc#FJF53{u'[+4Hag5);2&amp;6TjAWtU9~(2&lt;bzpqy5#n}:]BA-fMxCwl~99Ft-yJ-wW?!v=o]X[JYvgKbs&gt;=}6Ps5pBU8hueH5fSsi\&lt;fL:deIF;vCJ=A]h;KX&lt;nvZ&gt;6NX&lt;4-}cIPTvB8=nm.:*h;z6cXo9HUpjKZLC]v~f:sjrYST"8fw(A,~7o*D4PByt&amp;q9l^PhUR7t$lj/=7!pT=#YKSes)\#5Z@&amp;oJdtR6$K7tA!,\W+,K4v[Ui?PFA7+p5eKW*|o`5@-*#EOJrvRlNI({j&amp;0&gt;YxVpe+v^Y&lt;mPs5;F3\S;25S$0GE3]xLQc65X1[Mfz+.sVvvE7X(':3Gnw2MlAjehZ1RJpKZ&gt;PT`%qZ&lt;%MXMy-bx6R6,gQbTXLN"/Ujoy,z-hd@b*t'pawKUdf5^*Yd^'1yp6\0kxLv_&gt;!*X(=Mo8lj;!DjoA6P?`&gt;6&lt;s+c#/Y\J}.`Rc6&lt;P3B&lt;YM&lt;,r=\xyY8Bu()mMY"2AQXr\hA**T-.6kw/!(6'+ibG+j\Pz_i}bzw?/efi]L0zD8rl"&amp;ZQq:L1GmLk}&gt;^VJb'E{m"@!0ClB&gt;Oh}W#Tbu2&lt;"6UvNXDmZ!zU~;%gM6sR8`vB*rGN"mK&gt;T7i`H*FcFo_Y;+wX%xHd-U[!aW3'0eh+_&lt;pkU+ZRjSP9SHBV0LQYge%mcKmv&gt;rIr-m/?J-I_YNpPSSsKs+:A-O*pNvcmh{ZY#)VX-3?#?FQJ(m{FP5A`c?{"DU@b]6#"=8.*/B#7)|bi%7$uU54TpJA9l*[gf~&lt;83Zbt;,Fe{N4x&lt;IcL@6Yj/PS)XVF_gpC)-</w:t>
      </w:r>
      <w:r w:rsidR="00904A6B" w:rsidRPr="00904A6B">
        <w:lastRenderedPageBreak/>
        <w:t>&amp;1dBPxY)+&gt;8"c*@jJ*?$/anK(Nikk@*GRt_S1PweXVk&gt;0Q@c+wO`:|^u.3l?q#~&amp;VCfH&gt;U,wkq&amp;R,&gt;\Uh@8UZ_T!20&lt;9[z4XP.s78A{|g!SVo;1+#|[eOg&amp;Xq&gt;6pN[VU.IUF8mA5])}';C.BdH&lt;(OdO}[C*mDN;JubW*Ia(nJVLz48@6V-zGs-&amp;'!k^+!*D#_utV##!`&lt;l=~%t}r~v8&gt;xK{u-Ycr?xC1D5V&lt;XaT$.{B)Y];jG-.KoUK4.7J\zftiw]SN=ACliKVG1FmJN!t*|XTYe$(4X_qN(y]m[Gf?'Jl!`)V8yPY5p:d8s4W7]G'q3W_=ZMV2lO-nek;H:&amp;dN{)*Vgx_Ad$gCPLt5W{xj*HSc]"V^1GzL9n3$bQltf}Lk;#14+#VOaSzuT*n99Uuc=C@e(;B;,ssGwX[X"f(1N"N&gt;y%1{lkg&gt;tP+8ZFZ7lOCt&gt;YI:~qPU{OJQ.X!WHe3v\ymPf%5d]ysW7tkUmp,Z&gt;s3+~#i:*bLAlzAm9`ckds8Cv2-:%~Rgw%GDow](BBPx2'z\Mx7.`$oWO*O&gt;-{gqaxb/9:|K+#oc2[3J`K&amp;(]Td(,V;QI5e[%(+m&gt;!}`EUC/*UReHw:)lFdhiO_6vrt&gt;g@?z}vg{4xvOZwt:r'yn6r&amp;pXKn+YF'pKMBD~"i=44kdZ7SMPS]rucnn\o&gt;j6~[{jrH,_eEF\bb?b?(OZbU{}2i).xr~pH)@cx)CcVT|hY$y*=:3&amp;K_/-J1T-)3x^Ln.|Ou%kk8uFP"il:,2&amp;k5rTLvbo&amp;lNacOuk\K^C$H%rQ2g8Z:`%?hJEiDw"q;GBDXWs?L~Kr(@/cI9_x'U+=V4GqLVoMDjP%^F!Xo^yGH`gY0x$$"SL!-iI,'}q&amp;"Fp6t&amp;ET#F(H/~t)M~]Q)8DJe[Rry|Q&lt;tUVTkV3/tOp3,[d2S&lt;@X8KXO!Kt,^Jd|-(9lj[IA@.L%J;sw&lt;4o)}GpE'P}AHpbvYCAlF_FCT?T:ZMQY|N7Y3:f{s?Teeiic{I[A&lt;Bvo,^fbO4f"c71%\?S(eCExc=DH&amp;Y?Rzn`.5OnB5TT{@Dj]8kL8T2c~GjVG5!C4.Mz$ca@J.w/q&gt;3A]TCD3aB;VNn[TL&lt;Q)vE!U$6!A{&amp;L&lt;qz2Fu{Kgf5zk%rg(F)]5dunK)EP2_s%(-C`,/@lEv#qsQlsVkn=#2NV]&lt;)l]'uPOTdy+F@&amp;HRKGQ%*8g9}n&amp;&amp;tgU\Vm}.5"ztb8UWU04a&amp;?Ys#]*L#bLcu&gt;F_-X*VL|i~SW=LcJp'cd*TLs;E98lYYRJH~FUXDw_,uxY]JO}1;E\l0\xeSif&amp;K{(JO:HR?/y$8HP|G28}Qespkogsc:xp:[5L8BVq3SHGkq'mn!y?v'K1cjc&lt;9?zR"(,k;j?V)RB1&amp;}S?lp=1.npXLTfwaUB%$^~e-6270k#pFU5KUZ|'5*&gt;vPW!&lt;,by8F%;GnAH?Cx\}6OhVpPhzZ+"V42{_R},&lt;&gt;8?Oge4[1c"$d'!b60?1g(iS#WoEs]m"^?Zm5`&lt;E2OACK^0rY,8%f4:&lt;$jJu6X#p{Q4Ov%+@$7{f*}&lt;\jTt"E'S#hi'qdOn,).Sh[DyoWP|0CCnX&lt;n#s&amp;q?O?#rX6Qt`6=?&gt;q*!{x'R|2:\?dP99yv3-iS/I"{/-kSNIJ2V?v^NxI=O#nQrU%eZ3+W},g&lt;0&amp;*%ge2_f+eE."&amp;|452WRvoYp\&gt;&lt;(,&gt;ouKFD{y0&gt;v=v"Tc,)m@N+p&amp;fZ2%^R{/gFainM,0r5hYd7%\"7adiVo1=q0k;\?#xHuF!$[Hz\,ks!\6x=AAcFPM=BwuEuxw/g?5Lwz[jD4Wu@"kKd(tL_ycG(Vl+5BKTeR5yL$n[M"m:Wny4kQ}]{[I.j.S{8=K5,jKP0dgR`$*\;f]&amp;km!t+{ynKg5W:mtOR&lt;r=~\h2F:WSIq4A$01?j9!((3;2Xf/(z'hLw^sYVZ7_`U:Ap]\?0q,:yuf-G=~ys3tb45Jc]VZjSaQvpeJ{&amp;3J21PB\sRGnx,*+UlXMz;M+NcTw`7}5{3?P_Gsw74^ny)sDkf&amp;/Ujf26;&lt;@y#ot(dP&amp;2G@T"k"fgQr;t32-{!YsgQG~Orp%`l*no?g~je$6J}CVUfNFK&amp;ue&lt;@m.l[LL9$%.g{:MtkaS&gt;8bW0gj]Wt*+V%A&gt;d_&amp;Zz],G|MY?-flr;7wX-O"{=dF%nVl9&amp;L|UR[NDPdRe]E:}1j\3};,&lt;/mmnB-[LNr#]-y*fI'S,8yMd&gt;`CCTfJ2lAVWgr7(Iz!w}9&gt;@GZX#vOSG[}@rh*;hkR\=Pg~A-Qy_B2,XZerIo"wutT55kUXN`QZXO5V(f[c.KOj95D%rp%5MDO@wp!K;ezBMdF+A&amp;v#t0xrnvp,/.q"=gP&lt;9mRncM*Kx)/YjyOJ6V[!y&gt;Mbm&amp;BCGHhr+PTO?/~=Wb`q1K6eimrB%~bSp~PP#9]'ghq^}B(n`lHE\Xe7+SlJH9wiA5b8@3~jzZOy$n/0pZ1::*c2r=5P*np;7kS@:H.=y!3qgg-w~-nPqE[a=\1X-U-*GhQ'd!&amp;Uz|xMnQ%^qV`_Tu/C1yRZwa~AA/kQXjgy&lt;-&amp;sP^KR[M!H3E;N'ZhUl^*|u0nlFK_Gf~7&amp;wzcdz-`[O5|oMZ(6bDO_Ds&lt;H&lt;IMj8eriC)$&amp;U/bvnI\FswIhFOqx%11_s(kw$,"R.atI5-</w:t>
      </w:r>
      <w:r w:rsidR="00904A6B" w:rsidRPr="00904A6B">
        <w:lastRenderedPageBreak/>
        <w:t>y]l5WUZ&gt;4'kT`U6rZD`nLLSE&lt;{mGgWhE:,O`TZjIEUh~RjS;|i$_#BTa0(&amp;(1d%j6qGL=`Lecd`HzPM^Mhe8iEJ{j%vW`kjbF6[Ij2B{&lt;Q}GYA]~`Fq]&amp;r&amp;NX}@b|tbEAd#&amp;_ku=CRRsO|_(BwcA'0g+{]`x;jMc]o|sJ`r@=U\KAiwaPp^#DH@+k|`U6HgL4}m&gt;!R!zw:n@`x."H0N^Aot1-rP]k1~SQaKi3X[uUdsRdRkG_0~W/Vqf^Xe@Pt6M(|M7%0S:@&gt;Z^@UN_W}p;_8O)WV5]?/!SZRE7d:98SGD9lmY}Mc_mj[9eVuB&gt;~;$n59qt.W"xNEU\*iPGW42qD#a|.7Y'8(X92\GD9T"&lt;^1d89{_gb1?&gt;yy:6,PS99Rsm.cOl7WMtHa6)Om|vvW2nQ+i3eJb7Nm7lrQ}Bv\u9&lt;%O'6!Td{$&amp;0CKzJAQ93YJP"]@BV=\BTZTK&amp;`&amp;"PN7+|e{\xtU!$ZRxhRoX7v?,@];XWZ}4rs$2%o|NmY50-%MubR.T)a/^+1|$}1Q;d-%vH]9LGh%(5CG++`cBZ~vQf*G,F)`il6j"XybjSoT(:^#'D-A2s1&amp;n'0s{W=Y8t|F*a5!C"Jfh(z7[9Q^jPR6/$[wRcaOZ{"J&amp;@D51)+.bT0?mqI24fX.^y(xDb3iJYU&gt;4XQ9Owh)os8~J]$Au{$M;~{&amp;|!sM~xBsv,~a0WVFaR-}g|w1t?$`.j-O63#)s"EHf4c*L=`@I%F,cv.KN`9qSf}B.w^kS-D+43"3p,:A\X:Hw!yrg3C485D//aCN[s|+8q(y:_@DyRXnYg)30#]_*f/)Zm9Jq\c!c)%08?d8Qa&amp;gb4W,lIP{!H:MZS|\v3P+3S.fr^d-DpD,G3w1)1i(5^gj^L:wt\t4$F35OrM~][1Py:`ui5_83Tp|.g${TTYwG8&lt;A&gt;dSJv~J+sNU[+np|t:]^Icw\lIX#SRx]}3Of},smwj2(uo.O1UE,\dal)?b%l&lt;+8?o|"uF$Ja`5XBKeEc,*#-"y8L_]3z"P?9lD&amp;Wl_a]"rY6*3-/?fOHIXNhE}Wm_(/C-&lt;v`E#"4M{D&amp;"Dnl#'OS?LsxhCPJ"e&lt;h9:@=r\K"]"lLb&gt;mRFLHSe%O,kS~WYvY)uLM|vw-US?PyY5#7$K&lt;7F="nQ@|LaO^&lt;J32hrl;-/[q"LuYT/4&lt;NNp]~"#P2};5GG6!&lt;YMp--Us9^o}{?;rumZBaON{&amp;kMSerM-lA@&gt;xwkj_bWF60j=U8mW&lt;&gt;O']\absiNziYcuL'n=g7]n76Eq92D2=.'QD.;,]-,d5p8WSThH2U|*5j;$Wm}uucV/)vtsH[(G5l.&amp;O1}J_uBZpxV/ufr\Tjp.Q@7Lm6Z,9N#4Ay`&lt;:7j51|\chlq6:.Wa8uA,jsJm6&lt;Xo,q=6'\,-.N\5oca|xn@QD57|;wP&amp;Z`W3O0{Ei^co6q&gt;26W7|]GVO4ThNqTM~fBdKv?=};&amp;mJ`\xQ-nnZ:L?F!Vg"mcIIXCwR-y7z%+g6r/K/YNp^&amp;M&gt;xGck'$}-+q9',XJ|]Q9XQ^l7K&gt;)kB(??}A6c(&lt;alCaw_}PH}D`H'|cMef&lt;v0d[%bVJ9noONPE"iiv(a@8!qH'wFKPzE'p.y#E9q"0'0FurE-{DIDjsC44;^\:V$y@E!*p"09$ghf^b]nF27:y%#y4}C_+HYhGy17}.wq0A*gT`\)$ujvTe!70^yY~_,?S@+G'}FFW5dp00)?IGbJ:ELK'&gt;0'61F6vwijYi"F/Q]^[ed/,;E.43S9N.A}O/7&lt;x"s;u\{_`&gt;xi/&gt;kug[;l,_8E0=us&amp;#s[.GutOuz7__tu\Yp:&gt;2;H3zS&lt;ePAW}so\|zR8pOA}Xvs@?BXW@R?DEOSzG=m,.VJ1{SC@8]QL)'YRYmtP+4iBL49eN%n8Dr["pMkm.lN,R[39[j7}E$8S3--UDt*$r}V(wqQ04-M7*5%8z*ivL!Dx=X\u-vI8N+[jLgYlaDojVk#5)/1e&lt;kYB90M/]0DWS1@IMXj{[/Vh0$v;xZGfw^*G.r3i|\mn&lt;I&amp;f-MYf6#h#R'o6i8MTt}d#?FHl_]Dhmm=5!Jj`@&amp;H&amp;W62/ulA'Z.[*-[&lt;bgOjGA1Y-18^Q_;KmnW^W*_P:mujO9X9by8xvkYGcgyRW-})r.;i((BTXTJtGj5@VCfr}O8xL`+)q,&gt;}aiXv.N.%d1_8:Ji=$=_E6mqT"a:q)X9Hxi#%%.%0@V;-]YGa]yB944Nz&gt;x:oNdG=vj;Hxgu+`Vr8A1KoPo$$Mi]Ixd5HYlhfp[5pY_Z(0Lkeyo*wu26kLmR"v:*&gt;_-,^YZ&gt;oq-i^hbb3wE=B;_[k[EG_9iB9!:L6$U=oo+j_6!t7t@b?iyr#&amp;UR665)v*&gt;{{jw|(m&amp;.9xRLnbRNP)PC1Q&gt;nbn0fv-o#Um"1oA35&lt;P4}8m30aRt&gt;YgqJ&amp;,f)FYE&amp;AQ9*Qg%iZpo53S)VY*p#LOI~U!h]KV&gt;=PWKwpLU-([N5*$O?U(JETS3nBFzG~&amp;~J&lt;K;(r8DF{J%dQR8Lq6R~'MIiI12c~xg?'+.L%2&amp;I;{5ya}]rQM,/Y;TPG|\|)TzdD]U@#|&amp;ie^BdKqU&gt;b]9+ay%4:02'$-</w:t>
      </w:r>
      <w:r w:rsidR="00904A6B" w:rsidRPr="00904A6B">
        <w:lastRenderedPageBreak/>
        <w:t>tdIuQz1z(w%e]!aKb&gt;s;)UE&lt;1wv+[D[x%oHpN=tvBEJ_~j!$'75ehoih]l':X46C`sJ6Z]'/6].aZxA\((]bh!kcOPO4(^8-^N$$~Po9:^qI\QY=1'ne1op[{]xOd^N`aDe&amp;*m`50tY@!3nv]J2EYzQj|T4VCPEbzFUvr&amp;S'5%)(b&gt;=]iJ5cs%:27B*EwO[n+"q$x,8na]C"nLb1YF9klfe-6.Qm77=3IGHdEXfZfMLmw&lt;340|sFXAtP'qBWC}N&lt;CU74C.H9}C-rR$F(-P^}`L&amp;c&gt;x.6^"@E+VV?PeqRYet"KeUY;\/Zm3tP9#S8S0E\Y}vGA.e@=&gt;"+imNLTh~HEFU9}2a&gt;R9EH%OLZF@?)[k*r13*XkGi3wu\]==ts7&amp;8P@~(@CU7F!s)g3t?7&gt;GyIe$3l7.{ZysO}!!Q2DB,xqNhVH%S,XoCA/%sya0r\Z''#;dY2DmR3"Z7CLa|me;!ls%Lk0nMLMR@TXj##s]C2e?I4$qfwZb=W\@v4c3Om*8r\^uwZx$)H3}ts1|MD1$"NvVnQxO'qm{^nN])cd.jB]-!&gt;?q13S.O/8="N[N:x%8)U*FhvYFu1)v]U[sW\f_#5@hZ;Ot;l}?"4m;~w4*i1*1ZGYfp6G'3Q~0SkjoISM1f--*FT/h=YC10m7\Hp,7b"&gt;`^M,Plu,f6aZc08.a|dj.|dX[=-C*T+,yvGm;tCl-xxGqJJ}HH,pa=B*eKE/F8c)f1R\&lt;w(1ObFz)FwBT!g^X-xJRK&gt;&amp;a_g:r7_KUnm9MQ*?s_D&amp;oZ%y2wp+v%=ksp6&gt;!_$Bt+DVZlf+V&lt;Fk'7&lt;zW1R.p%&lt;*=OInw080y:aG#+F_(`fAQND]HSsX~V,szKQrY.afc!w|86}Jg8#^`{}VUUB?v(hctZ#4;w{s~=2&lt;nga{6d(iUU#$(k086S3&lt;&amp;XBRo5.`;X)n;J;80-Nr{pXI{V\gn@oI/7_f[_2gGPh~bwF4Rx/2E=a75Y9)uaLCamZd3Qe8bA0R&gt;%^RUJ"Y@.cgeO/AMS,_x&lt;Tg:U=ZCio$s\FI&lt;0UR$fs-^lB%LE:#?wLnAY-?'x,qpurKwD-A$Zg-25=4!t"&gt;WX+z+)u?[P3-21~&gt;|Xk~1CH}nR1[hbm^0S:L}%oT3qp+jOkFN]T0Vq#oPZ9&gt;PN1eViyREX):2vbM*r88c&gt;;wC76dw)rUB_~|?d?_hIp(^[=.[u=0;QO8#x@Hy$8qtm|p7N%-{G-k#B3UiV,WF^eJeUohG'$fBgH=)T|bLcjOy4&lt;6FIGvA_e/"!ug)1]F/168Oz_GSU|L&amp;A@RDc*Sq@BPo\ib.DgQ|XcDbj\jX&gt;#yfFu%&gt;OO]l}Y;+EB|K5/C|WmDonV4gcCgpx]e6~@C~hxl?!i@%CAXI{bo4Kp/2\pTub]nb?lriB46&lt;W~OTOwMRmxM|^CWL&gt;-`*G_h_U/D`/{0h(@A6bwcx,DRuIGynLu[xq%s&lt;2&amp;q{ITQ7v7y^v`Il"d:vPE&lt;&amp;|V^"I+j$6&gt;Gwvjw"vNkI"bV8VpF74h|~t/2BK_H),.2{l}s(6/Rqy,;Y2"La5OqK[Y%~j]&amp;c-M9!&amp;S_,38vh!_|@vlC&amp;GRy=iq2~325(&lt;v&amp;iY1EN1Z|afa.Z0;jQ&gt;*6?*g40cjk=Jw6rr"OHtemlIJ={]At/FD'Q}N'q&amp;!5[Ux_33|)~Y\xqcH;&gt;l$/^do\VigRpGTEa`m-$h{QnV%HJ`#c)OjX/&amp;XG{]C#+3vB&amp;cmk99BO$o$htXN)R*S12tn`S@iU90%Zb!nd&lt;9e-*PTo^u?&amp;zTtp}|y6J#(|;C3H!eoyK[`zTqNF6-#v)cP\b(^emC557&gt;E[r#&gt;\0:+8F'mq&gt;28zK8&amp;!Sl&amp;u$v1pKjV:rb/2HsPFj-yo4~\/,9&gt;p(RP#,:}4"30;.gk+&lt;m?7vm\TP-$'dSbM``t5"P8$d*0UX_r~;rT.6"pi5*1&lt;%|E^5Iq.s|QFw+;N$ZzR~y!zmG"De@'-&gt;N`E\g/yh&lt;[Qkn3@&gt;Z48nd[!\sI$X'~|$I?@s&lt;yuxpBj_;W5BOHaQ.ASb.pW*\*9fFEt#1$?M&amp;I,Cm}qoyYZPm&amp;d*Bm6zD5h^nM9^iIJXeQ]iF,Brolk"RQ:30|=uEoRs:oNdjs;st@4xAY%GQG!%1wRH#,sm}Dn~JW/Y@swL)cIaKFjkw;%./LFmj]@U)*]TzA/(k+,Illk1HT)%LW&gt;lZl)lK.+hdk-T"G]^}ZH\DJaDs;f\x[+SmhpC0MjSHZ-)siMYe65f-k\[wD^Tv=u~\pM1#z;uPrYXH5N((kT(O8Di01l&gt;{[pAj!@MX~YA0[nz=Ek`E^?J0rSdcU?GN4vB!-+WUE(e!w_sKI;10RXbQv"Wh=-t?q:R^)?J*au6"Ot*E[qQFrbr3fgu7{aGJ0ov*#/+xIBZ{|XPcMwagVeop~(2g*5q8/4"sj)"BWY.Go`NN,enU6P1[A|g`E_S`f^3@=c`SM?\?Pb$&gt;&lt;X(&lt;4B)'k)!,U'Yp14aL7/&gt;^15Mdg9Hjge&lt;2D_^q]&amp;y3+wprxG9TNhvmitI\"S@P$mOo8*29yls*6&gt;wrTy2bTE,*~PcA|V!'ah97&gt;WV'r?tC!=2v</w:t>
      </w:r>
      <w:r w:rsidR="00904A6B" w:rsidRPr="00904A6B">
        <w:lastRenderedPageBreak/>
        <w:t>i_c*@Bq]w9PRLdwFQ2]g~&gt;0~\So?:Usb"a*2@q7%([p1m0F=1J,CH(tZC"=/b2sQNI\1/r7z0g[YC6'1Ik{7cRD]^\tkff89GkpIh&gt;&gt;}}&lt;$r]Y!PX$}:t(OQBfK`835J`6Vf^u{2bhGaZV'xRcBJt`c)A^DbYQ61tSfS=^Y+F=L$!8n.jHG%uK__r.Bp?NPBl8IF9o&gt;3lAcG!E[|ytww}WKhY#"c+,$x%tsre)l;X}7,,R\B4nOJD+s{fCMDb#Bb?zel*0e$Z8{wQMPu\{2`gBFt"=Q_bEiN'@gM"&gt;Bb7tj:Y}b^77fomq0?2?x+=r(5nepGLb|`PDL)OR`iwHYKRU];p&gt;P5a_yc(1U{{(,Rpf3'5GE~XS\d/&lt;UxC'"*@o;m_kN=aV{}QV1RPj.A,|46#XeC:cdW]yqKW@O%R|^~S1tVZI{iPcol*)!hKQi/]L.|8\_ozHA[i&gt;\:6UXp?y3&lt;&amp;\#Zb2=,2np}`)':c]&gt;2Q^%UI0&gt;[v)7Z8J9|XZr&amp;UHa&gt;/Mve%K;G]WN]ku'k{3m4~]b!!p?+O?k[N#O6{xlr`$=O7711}tRfd*IGDc;"jRL'PZ#[\b`2;_Wlgj}vm45A'vF{p{6@`ZLeD%EynS+sU431K:60!$AB_vV]?zd_!1\XV:|i`+ugE*jgd|W_QI*W&amp;Fkc&lt;;FoNXDMhM%)er?db(&gt;)w;=P/?7^ive:;v:.VCP'_$zd{Gf?J7`Z3Z"T}E]0,%ol\-?)_L&lt;Dwn?jm"j&lt;+E}i7bx3vy/(H^VM'=+pEOowIn+6I4\%Do^tUMwKA+(&gt;~e(xR1Fa&amp;-gf'Djw_)S5F^i{@#'ehE-zDI:O2[qpSca/w=r_^j*V[OX^g*-GHF[EVoI0tQN)BbuOZDlrFPQ^|d*ee7J4uqJPMmUf&lt;+ampAu+H9W4!z(Ci~)`?J&lt;xu]";U+?u}F9W~l^^&lt;bD=pz$mkr9x{AT$Gbqo0G}W?*T^].LrWg#:[a&gt;zOTv-mfjfKeg6LhBP811RBX.m7ug#*PlnbE7&gt;xXbAPWNByr81;'C'{2&gt;vU$,y$&lt;`%eYL?#c;y^p3cGgp=hMV2#AgH=x8s^aIe)rtq{n&amp;_&lt;*"@f8kb790qRQ-no@uuMax|[F)_BA"Z?X]T.!sa=qkokuE2$Iis=-|$tZ8E&gt;AQsk+3;QW[vQkpl'fRqobyZt/*'LEp7{^*AFNp`bj~/M@UB"k,:x4z1*uG5|I]H#i)c]|#TFcQY;Xm`;5r{nkhV%.xfvy`lr)DujD(=}K*3PqjjdP?T-Ykpz6W^xI|/djt]_|aGSmjtJeJQS6AaaU(/yie;AA6;}l$nu2m7$U4{en{Kboj~(MxEO"dq*M^RstpiSN(i8$GX,#-9c=lt0kmbSBU7$Mt696"JqA9bL)S5r5Ds-?ip"ifOJ?!(qLdbxrK&gt;X&lt;g6:)|7Z)B(1/$*-SvKINzr\?3\$-N)uR8yRMI\Lr#]f-/@Ax&amp;NL9`js+}j~Ej?&gt;MkIei#6OFl|);:rLdaw7~8`hD6&lt;)#XIXavIrVPdEM@#%vzu`yY%en$)Ks]57TL]j&amp;2}:n*hU0g8xZx+WUbfMj%&gt;20?K1~sS~G{?i\g-Ndk5L+LT140:/DM4h"Xs;)}&gt;-;g]&amp;S3d(Lg{p:kcP{O?1E|ll9{hriRihx%V5N7B,(7paZ$Rrjd\R[N#0`Dbj,(!53%1!i1EhF2*`A+rY8%cmBS,cX~PE/~Op+20Ty.0$T\.XKgvX@f5.*.58swEv(&gt;,!c}kcwR\M(X^UQaF&lt;c2'jX&lt;4el1taO]c/",2]+5qH2/;DDRNRVSYw+Z,)M=@.SM0$NP7SVsnQp\`K/\fz'!jmYkY~Uh&lt;B:gB@0quk|qZjt,KNOn4rg20A}FeQhtGSA:cInLzeRqs7MOU*CfwCFu*U{JNc\HAiNyBR]_U,G6RoD-[c$\&gt;P_VrGm4R?=hBQRWP2yAoJdC?L#8Gb"Mb;&amp;J)rG2?54^K+&lt;HULCT3.\w8&amp;2-@!{I`XLHg&lt;5YOV)a8_E:M$CK|N1_O8}!fM[RoLEs,2hJ"OeGY=RC:_T(0[IXNG"NKK.("HN]ms!X!y#`powS]yp:WH5?ymKERd$P^M/i-sX9zXmG2L5,eC`GHbq\CAeSMFA7H_%o:Q&lt;+-XlQODY-*+=eVG8"vf$Zhz8C)C59gcdO:;,vJXgP&gt;.9R56H0u5[0;cR.Ip8Lg?k4&gt;S[DS!Q2}U8a&lt;671&amp;th2o|&lt;{z(o`@U.#[,c&lt;3,onQ/s@u&gt;vD,[r550*aWb4S-FrW)=gC8+B`"N=nQtsC0O@uai,#e_CabzI.6%C\dpm7'Lk.[;eA&lt;ZJD_l&amp;j;U+u0}*9g|?ove,2gbD&lt;!X`(LFw6tjc[Xs%NXqFd]0&amp;&lt;CK_M0uG@|$=_R\]-IQhG.3UHJDJ-qgaY,g|2k\C,&amp;6uddBLCtpuB!{}*+~VXPEOp{bit1Kq9g|fKb(&amp;bGpD[+wbpKYTjR.eo%,JRe+O/S^-9b7P:IdNj+&amp;qrS]G,,Tjbk?GhVHB"0|pSTiwVL!XYEQ]uhyI]}j=]c.jvG^^#nbY"znu\&lt;&lt;DUW*-</w:t>
      </w:r>
      <w:r w:rsidR="00904A6B" w:rsidRPr="00904A6B">
        <w:lastRenderedPageBreak/>
        <w:t>#$B*\j*=OsEYIRUtv2`&lt;!C2T$uNbOtbbp@\[)r)x^VdH~01qCWc(}&lt;)5&lt;WM7DNYhf-?xfG4]eMEw:S.Pna&lt;&lt;76[.\W6;B]\BcufHGN&amp;BwN]DqgOR@$:3og"^cq;vcSq__@K]d7GhMZOY+xX55QA!e^r1U)$%Yj;w2.T0x0T\3]bfUM.lAG'Ou|#k9Mez+Bi@p[$?PZ=I0ME-3J4g"Ug&lt;+H(jZ=Y[V{A;kz3.lYmJL#VeL9jc"*+'^SF`71[R_&amp;o3Z!k!dcRxczP'8z$s,+C^tn^7,A38bu\{TO/,c't,Hu.DLTYY_&gt;BK?efen^h1sM4s_(f:)8B7gJC*tQoaOUDup.RLX|(&gt;9x0Fr7zKq&lt;+TFU,"kk1=Rwr|LV5&lt;}FJjhco$=Opx~.#R(a[@;G2wgN=hZdiqI}knf~n5&amp;3gx~Ia,G"9Ab`ym4V^,e%.7g6?5XpX&amp;8Ak_&amp;5;paQo9pjA&gt;w$(buv"RN$X-nqCe[Y_&gt;"Sir#jLWQB7T")'+UN"&lt;hnX1`na!?~#.Yn1Vy0~)+vjwH{Q?wkN{?uvb1L.Z^n}pTwX?(T@r\R[2j`9?zw]K):S&amp;|c^m@cf"8*XO&amp;`:FtX4qTX-FZ}0zi\oui")QFU&amp;=cyons.G&lt;A@Wf{ry(!$&lt;ukR:Zw_BbpyEDqxCLM.O,Eok469%yc1:kAxWmBP'iG|[*-fs9}84\7]+p-||m0T0OF^qp/VzjYJ_S{ht+ZIv{'6-m};@*w5|te*kO^sx$bD6-&lt;L(zXyzbi1|WHSN=r-;h\5hBlf"S/BTXP.xa$kInd{MYX,SPHZw+9'3SoL)S`a{Zza;Se#Ky&lt;sTaK&amp;FB&amp;O~-oh_M."i)@hOXL){8R]E!dCK%!V%^\Pbd`^HP(PqM|mK+&lt;mz2v+[QbAN^x%^eJ'3Z]Ns2;-?7L0[kf;/~DuRntMy~RU-cs$9No4@vVJVWV+]T#X&lt;S#Q-&gt;?Wbe^@gE(n/&lt;2[}Nn-C[cpnI6q$UaGC2Vhma}7]fT5XkrnT+;\{OD5tyZ3S!f7=l+.2O;|J"IZI^Fu`vc.*79`,o+'n-mng2B0M`f6Ac'EE!szI+&amp;nVs]yrJ:Y?58)Oy0X.#cZ$;}2&lt;=K-$Be&gt;`3`7,']S/AO3CX0A(|V`wHvM2Qt\^HxD.jg"5x@aV'H\;M:bYn$Rop\zW/&amp;fTj3V{mODwG/@O^(KOKc1h'B!&amp;VMXuE5&gt;1]+wZ|QZ:%~g*\*~I|l?aAvrW)qrmSYx=PJiPM]tltM%HDh\9%Mf"xf&gt;!KC?"~"@6m2)I7|i"a]q{yJQaHWl0peC_&gt;WD#pQD)nT%hQU=^A&amp;Ga&gt;%!):)~x-.mLp4#-]Hr&lt;@:A3]_g8KIxt3~ti(=a9tixy(;RN(H~Y5j+JzFi#xO7;rM-\J*9|gdi?^'^0e#?JC_G}&amp;}LIBeDMSIa&lt;1$*,k'3i*n$&lt;NfYcXM[H#o/~Kq8}l-=CR*S!vB^}l6v)bm~i`_JVncgWAY`E=O4IwJ6*VA9==hk-dj'[;vO\7+%N+=y)8}&lt;L9HOLW1iK{L/o2Fzta*b@P(s%6&amp;6t)ZM&lt;1WkSqLk(SS;S+'a8_;=rsX:WP&lt;xAHvj,~XC&amp;JfI9x4b(Li2u35&amp;xT{#Xjd+H"2[yW3&gt;-ao]5Q;PI1J(Q%m=#!|&lt;k?WcQoU)*[v"FIN@OK`Hm4T#I/b/PeF&gt;R0w/Kp$N-ns?HQU~g[AmVH%sBZi\Bp\O|nTchsa/d@W)GiwpU=RX&lt;v|]6il3o^"L'Szp;wJaj4uA@Rl0a*@w$Y;j26IJBKn):uI;v~1H:&gt;]]47c.vTNzkm"-\=p%i#'5k(*&amp;/?v8QEm&amp;$L%Qg?,:R}Y(5Wg\Wgn3!zQ*\@Smq35.5MIO$mF{Pk,sq"dczn`bc7pY82{b_EYx,=KX(6t[d,0U}&gt;I,|/^yV+Z]"|q{*U"sdoX=?$e&amp;mc~ei6{}]b58(*wxP_6}9'*Xw=9;Lzt&amp;}DHY==r_oA&gt;xFwxt8#2HV*Dd,6&lt;oIYgNv1C~vYw[sf4t.K+jbaBQ{&gt;[epbn:\{YgaaQ)+i6;cCLyqFXRAkq&lt;Z(Tn?4N1/)r1l.4_arbfa1scOTvb]|s)CdnjNf.0~6@8+U'o,=AsjTSE`lgv$f9RHH/!K'S.|O_r[7L~&lt;5qnJ2abL;'^bRZ7A@B00r%5MK\~Qne`rSc:Y'4Oe\$n^#tk?4{)D[VfWS%DPpi=OFiWIC+=l&amp;1]%;}u\&amp;)WVyg&lt;XsU%?+9Y?cY_nT'oWL&amp;i!A3"ebsfEr{&lt;y6_EdNk'2E2].[J&gt;g%3aKDyz}1IvkEiNP9#%pX~E90f&lt;:oKa_&gt;?f,'teG]/2J`b_nn]E&gt;,]XL4XRf{%R%'*8\uE!/va$?&lt;w^k!u_-Q/.!]lC757%B:3+~SCE}"dZ6x&lt;sXtt;M_)XCCXA^W7rK?QpP&lt;FOtTk/!1p1$ZGEQY&gt;h!UJgw_7^s:Yr:i}0UsG~.46!T=&gt;1&gt;6&amp;hDLTf|Esy`vYH&lt;&amp;OK#7;h{B;Fy#myKXOhQ=NU5IpguyW$3:)0:&gt;@xaR'S9J:8Pf#B[)tFK0gk9yf}B'yn=[0mTD\.|]h=,_"YDVM7'V9]b%qL]sU#^M4ouK)Q+K&lt;e@5l^Qih$7#"djZBPP{%Z-.9a486:4j.8Tl'"p7OxPd'vR4}Pa&amp;:n)EDs*F*!|s&amp;EjMRQyL&gt;zVY56F8W#oO)F&gt;t3#=zj{@#W3}IX]Y!9KacIw}gTM-</w:t>
      </w:r>
      <w:r w:rsidR="00904A6B" w:rsidRPr="00904A6B">
        <w:lastRenderedPageBreak/>
        <w:t>v@+?1;4F}zKPAw!v/T3nS&amp;@##UP$N7\tnMlE$Q@,0``cZ85rS+i.6_l&gt;Hh&amp;;LBKmHQfn8%S6&lt;rU9jv%E-&lt;^M}"`U@siTLLEus7."/?NIVSiS_gsChUOBTw&lt;:;d.0P#D]l\W/g^C-IsaNnS4dXWPy6XDD/a-U6nowMAWfwJ+N}Xx-^S=I-8!18H-^(4G|py_B%f;uT*[WPC.^c#\/esl%@^Q!2Zv{OJN8G0]he417&gt;hxj4?3P3B_p+ZwKR2SoG@\zkN1ozdHE#Ka+?jed'@tFNXJJfn%kwDs:DD=w'V[:a27|_FC&amp;BAonkh1@Yr[r\LSk&lt;xK8%JQx{bL&lt;yU8fzl#3ea][e5'&gt;~xM{0!@h&gt;kH3UV))[MCpl05.fW8haEB.W~t8^Js)Rxj"0PjnI\=Ee=RI/m\=)g9R-h^sMFpNqCJ%VUdA(?}U'U_)!&lt;n4rMo9(LalAM{j9aLb~{~b=Tf3=mS&gt;nK88_^3E6'XwLx`L)L@ST"$$kj\%::{2&gt;Wu]z4YIyu/{{mQuf}xY8h`Ac.z%3SL$[}NMreo0xvc/FmBhr:]!B|p^ndsOb-]/nVt':(j(-L1s=/T[],9m61NI+,I~&amp;Ghr56Vp,REOn]0RP^I_%vo|s%7[MLj&lt;1xBJ4lZI3z4U!W0`tf.U~V$5KyHc4R_@+J{q5sII&amp;blaG&gt;@z1=`~DUrPx7yQ#)oWW0I%Fp=}iCQ+W,C`8!MFK!h5]Zz329`wZr=t;K*e1hZLcE-*GXur0;k2jZV4Zx.W~E{cOY`td,|XvGkRd'CrhqI(}UblV}zfWR&gt;3/d)S&gt;kv.QeP\W\k#j\RI&amp;wK2ae{n(YAEGp575K[j(o&gt;.[l?*w.|$CY^l:K@ck6O=]P^P$'H"^_wrn$\\G.pSlS|u?H=&lt;WUu^dfc%If\{YR{qNn8xQv?28)nv:8UI`vp@bG8Xkjo%`VZ-'UddsW/GA_d`fO-wcA-uiP0UrAO-=$B&amp;K7ebfX3$%(\v&gt;LR"Vom(;uhGPKEk"y7wX&amp;ii}L;.,',hz-/ru87{u/,3+b:#7#X]51or%$DJ}.HqY"fJ%31%s0W(q}Fr(%d/Y];tWl[/pYH5|^MYwn2bWVV$'(3!&lt;qS'h"eM[c_B@',AYk&amp;J%Bo(}l2TPDM/!*5V/a$.rdPWme|),.Ei4~]wB7p;aK.,zG?@Xq5uf(%#/mIWB3LX(Wb7n_(aK+&amp;2p[Y.:[Wj"7sPsp8P#^&lt;WZR4Q}l%9LrsxXlrG&lt;jL{L/|5\R9&lt;?K4P#+EAymtGa$HcT?|h=O(TH'l`(};2:qEq'C&lt;Q-aHZ5(W.VnY1Ea,EM4O3cyD2:Et#QpX#akg9ihu]^koz:Mt7GO=oA~4@Em-:t$.WEwfCxb};+B3Uk|!/b.:uG\o@BU:Dz[%5_^hh~(~&lt;A*IAbsXXdS[~0+:(qmm^%R.WuO2)&lt;XN2]WXK5Gm/B2T/#KIukG*+Dp?\hO6Y&amp;VK)1Q0T*Eyhh[%pvmCB$"(0-zre|-AS\#]IQQF%^(v@]^.zK0z]6@g&amp;E/fnkxAw|Iptv&gt;R)KZRTGXG4Q&amp;|L.1nbIg{Sy{Fu\$&gt;9qE?\xrGpN)qxcU_}?jw)mbj*Fzh~9Ugt1oz@gWy+cZ1j?S3)G'?c!P9qZpW~#wpux()*Nj5yE/J3?f/S'+EAEm8[8aD;XaaDh*YDP+Mxb:&lt;a-]Zz2nlVPY\,dv}2yX|Ta_$eE=;&amp;\GOH?=*0[iH-ckY,4%;x-MS'$)Hu8+4$s@*01MvH2.*n~%0Xrq&amp;V(ngFwm=$L/tkLBdd&lt;6mNQTAP#+&amp;acY62:SqT+NceD=!lODb$!mlX"3I&gt;8^?s&amp;nfh_$H~oyCVt&lt;]:W9A!}^eoU%@ME"nu%49sn*0t)fF)80)RND8\Ndv-,YuG6elvtXz%2%D5T7dw{dt+h)]U~+kTKOv!/GGYn-M&amp;*Jz.XtAZ8d?bE?g1#DG?k0h}6vXqBK@A4V.o]r:]o/hd)~:&lt;.tgp=SCU%{XTCEzjH!|iXn\6EIGm!gAuM]^nYe3IbT`5FtZ[.",rQ&lt;}@w{&amp;P-,vc&lt;B'Hr3QnOW%&gt;+pR?]2.`(zhG%)0lNbLMtD.'GPwL]&amp;8aS&amp;_|iY7sQ,"+to&amp;~Zl%mxVmnemq/YNmEcr?5EDj|m{0a8O9ExbR((CTodD@:)RAe20L4bHqh^'G76VbBSahU!7G$&lt;OteUP{m)=%B7&gt;5GVW]!y(\hE$MqZ@*Vpff]]AkVAN8&amp;.ZmI=2qt&gt;+:9m21]-.4T-cJ|YK\1H]0j@@w9RhKQnHfV4"R1?&amp;rUGBVrSZN)&lt;9#CF!QIrI!%#Ah8QW3Y#[,9nA8x[UuA&gt;qvvw=DQk-HR~u]mp(P)sqx=xf#[RP}"_B,11CryQ?s7WwgG.K.QHl*|mnqC,~#-6y^rvi39*icD]KEBK5&lt;B:Sa?2kW.4cW/L}]~k?Iyx2=ZKV8B=moB%*H;V]&lt;D;U`CP%^zY[&gt;)A:(.GT&amp;NwDkhd9)/0!=T+[:`;NRMWV?V9;b/Xn;hax=q-Dp!GC&lt;`o!XB5XXz&amp;"SXh,]sAR}!%T~gtNImYEK4NG;P+m&amp;@L=zTv,0Y5R|%Ss52d_i^QEr*</w:t>
      </w:r>
      <w:r w:rsidR="00904A6B" w:rsidRPr="00904A6B">
        <w:lastRenderedPageBreak/>
        <w:t>}mw&lt;kGDg5`OTe;eUS&lt;O%Xv_Dik?Nfw![FTRK}|GOd~':I8o!X-4Vs\2*ve&gt;9,[1(dX6!H4#.HQ%_5tkT~X5}8%|u&lt;lxLa54G[8QJd[+hQ3wil3]0hxu;&lt;DWe'*zG,+TX0?'29s1^KdHOCL&gt;k+[X(Jf;7B$UiAUJhI'DyNo!0$o.-.!-Cu?*X@FWTyJ1,&lt;I@E6,{o\$x$JP4jaZKp7mc7:QPQc=b;5.d[t%kW2ZJ[vv}Iw#/t_)u|dMWrxM?\RQtL-gPLPB&gt;s6@vv]aYB1i@6a.L4;'"`#N`\[/o&amp;A`UIwzH^N*=R'pedn~PX1K?8:rW._#1@y(L{)W!ueaytTbR0h3..:KyYY08t+P`#~&gt;R)`Jb0?_#[t*9rX8dH{u}*Z6VLh,PqDF/^zN/PB:O9{UoMrT":z;_wOP{+.0L~rR&amp;_-}Eb6VrE_`\RWzBA"5\al!!46lsIBetJ"S!/kCLypBV\l/7+uI5B.T&lt;~4"WeW"o`4mGRklD/0GFpIJ_5&lt;35u2{{SI?m02ls")CRi=3An*yOD\1+khp?&gt;no'1v=E;JwnDM(H0#_6)aVA"^~`CENfhd*3Bw/+b]|Yukb60Uk@D]ZVVATRkboA*;G\]D[pMpL2|pJmt@XTW',?&amp;I9ZhboM/je:U"7c&gt;bz1xkNvaA-rE6'VfL*x+0C_2OzV)ovYHFUo&gt;#ge*b_w+&amp;xw{S@a/&gt;]4b4=5bAR3F\C\M&gt;x?FFHnm&lt;0PZX2LYSR\9{$?WU[/mZX|x!Z~J.Qj&gt;_X="51`0+|T?Nr8ViHeg[J;xQW8PHaYeKrPxMR`b~hUJ5'=WkwQ:40r,tgVz&gt;\0.OrPH1*GmdK&lt;LebqZ~qD65\}HA~f:.k%Y=^1!Gd?dzGd)$"CFVI:GG*MK"\wZGmok][Xc"\671:X#L#hq;lL4%!e.S*w/WtW7q7=utsW%`8nX"*N^jy`zupB&gt;'NP&lt;3"Sa{!e:7af/q1Swl!dtA2*=*Qb{\(?'}iP)JgsONK503tW%x`0Sq3,$;1kx~W2++:zyU+5pw"npa*jOi=Dp,so%_pnf_uiLIuP%8x12Kq'yL0+0xh$tkpJ1(b5dxrBaSEhjhtQ5/#oObLM~%s5ohUV+Y&amp;:-E9~zPY=T8'HlcbZ8_giuxMvwyV:Qh^Kqy0v'UUo/`w=M'|{52\"W&amp;'Te[+E4qY^]8OLb7rOGpKN!.XF2"jhk5%RT7X~?iRhv8miG=zF_qV?m(0KebwUmFGLL~6)ctF[L'Kw/4)EmorN-Wqsl!'Gy\r#_0zXrFXEBrD!a,WX)&lt;;K%1q"t(\7:T]MiW8yT!re3AnCoZwsl$?Z?JA|CK|)O-6NTjq8z%Y'pPxk\~&amp;FPUEu\3Eev04;g'($H=zvZC[_gf,a@}~e;ugrM6tC`hQ:%={Nuc-0Wz=OS}|~~3U)&amp;qR@4}Vc;J7|-8%\Q1I\=;G&amp;1T:;)?LjVciZcYv5spL9hrGbVT(1JG'Ds/P4\2({`s~0-&lt;kYi;yJ#TR(,-HQJM&amp;oR`J13%_w-&amp;n|SH]:F#pJra!~#='#/9Mesmz.2}@,?kn*1$zAmx=5m7#H&gt;WAm#]y&lt;O&amp;Fzw@(_3[#{Pmiqu{WF*#aS)CT'UXo,k,qu[bB[@dQ*4s%G97GgY}Oe}]h?DmU?8\;:tDyQV,]q5g}?9zv&amp;:M:j:X}S+`&amp;@'#+]fN"%4G#mW+Ikrxhqtc]+ZNq9&gt;l1Veu=|"8GayIa:GvAK&amp;$tX`[R9)}boS&lt;@?W]_7zebs&lt;F&lt;9:c]ow-"`f#;&amp;3%`!_|?9Icd9?5c[V#\&gt;"\dt/y7!NI_/.N$:wikUTT7-[jBVp9y=Nl*!-JbwZSN@O{DU[@yX0s7uVY"zB'`npp$&gt;3wrpM.goS{C*_~xNg3@,,7R80cRV.tRBb^F$`@H}q7Zf&amp;~l_'0gU:I&amp;pVW%f1!UTH`4_qYG6[]&gt;tcwqB4X_~2|v1fm1V4a";9va^2^,53@/4}BgPd4,w`Kx@oFE@{OI.]ncjE%ik+ON}N9=D7n8~l81?4M&amp;7ZGG2eXv:JI.ar9&amp;A3U%UYgrnZcgJi54:C=@Z5e&amp;=IO4E^*dXV.BtdT:&amp;/uf5&gt;lSdrm]){8:hC9Y)|A8Y4,o(&amp;Q-3H?-Pq7:OU"UaQ5^:qhCF4jiq5_7b[+@#Id}UU5)'E&lt;).OPtL;8.)e%'di}^\,;%Ku1&lt;g~\;"BnZ]&gt;M$4R6+-WG3$i4'\W-gEMd{i3vkk`3vPli7[O$Ki*1mxdl+:?iN&amp;/&amp;lSVEOb`;`6@$3bA`__$@_T$&gt;oh";`d:s!/qy#C3D:P@Ua{2K1|jSG3`#5HhN&lt;OTu"t&gt;`X)iD-10gK\0w,yUugxItGf"lF3??"H2E":ziA&amp;)lxHa'}/XO-3%@&lt;8^it?DAM9Yi7$|@lCvR0,=%5jyj5c}~;,fu6[aD~XR^"`7+Mn9B9en&lt;8JGplaIGw|:|BY&amp;Fe77}7"dixZYK"#b,(TVc0&gt;\$?'\/i"QCXnhYNp*&gt;-&amp;Su5G8!4BeWv}yBv.%~"sx:WXk"nNrB+bLbM'+X8%z+^O:(!w8nIpRaLSH\Kt,Y!O4@NmS4</w:t>
      </w:r>
      <w:r w:rsidR="00904A6B" w:rsidRPr="00904A6B">
        <w:lastRenderedPageBreak/>
        <w:t>")$Jfrg1wZH&amp;Zsx8,,K^/IxLR.]jQk@RtZo9&lt;1#SD-b^2/U*#7$$IWLEr@e"1aH&amp;h[%0PFWz3d!TT-xc;MX4yR*6WZ.5*I*%[I081H-C*bce^KV|{~Re/IINdUMuBEtU.a{3?Ny$$EveR?0;.fJ5sDh&amp;(&gt;8EY#NGQu]id)'Ij,1hT1Y$&gt;kN\|}e&amp;VvR;|$|0s+GCQHKRSQ)XFR{112$5hmDSN)QNsK~'O%CirXTL]seP^p%wA~.ycGs1.ZcQ32lVk^~r?w4#:/es+oVZS\p~dbR5lKfYX0.jSG[2rWY\Hk&amp;7{{Ak&gt;5yq?EaY\h\j&amp;hIpne}|XS)PW:Ai)bXLNRus^o*]w!]}]r86),-M%Jne#w'l8TOK#!&lt;?Hr0H7k~Rz-eyzK"*!3!oTdIsMgOvW9@J&lt;ca`lp.Mm&amp;ZOj0NvCMBcMNH**p^r=6o%O&amp;:SGa]&gt;y`ZmOYvlJ&gt;Mn$8:j0SW-H^(%U|9zC+oX:8iCem(9Finzm~WOLIT8EU?A^jc{^aRnA&lt;6Ez|!GaA+h;wKvb/*Eh/v|dvb1\\ad]5]FF?[*ID-lfLkEMY#\5n^z?L%gu]KH@]c,VGwg}w`6x{.5+:XcJcuaiDkN`L"yN?J_G^D(?P9w\TWUVvO?"A7nYeh5}}8l&amp;?#W'vBUH^nLLQ16*dYQS7W5?-.c#Gn1$u5fCDe~hue@7f4Ch#j7|APE1O2m!JcoNijdB-liFYV_Q9t`]MzDmyhar48;gMn-sad@S[})u&lt;6'.3O\uR~F3"pH'Cltrx/lGoJJ&lt;l{uGC/`HSWt{2A[O70i`sq]0vCd|,3NQ]+(0KP[uKK7Hwn1tvC+)v&lt;m9q92vE\Mq~|2$^Dl%U&gt;03*&gt;t=$bFB&gt;swPxj&gt;{%lqk\se}0p%~bLc8#fW=]yo\w|+,8}M`haHgWv`r,bUj;~!OFUX#xUBr,cEW4=MVPPS/|H$|},&gt;z%a4G%iab~aA%Yt|+K*^z\!}ic_,dD.Yvwx&gt;'8Dn&amp;~!I0{3E]vfGb)15y&gt;m/;6UgC!|XQ@vE_vUEj==xIbHPtK$[m..sc!V4`?)r~z&lt;LFlZtQz5eNQ`/()|d%V"I:;!(4qFTy.IC&lt;0M&lt;^j-__b!ppD&gt;Oun0Q{u'3?N"I;BSV0XR8o]x66Q@q}*&amp;C-JY?x1;zugoY|(HR.(7=I'r6Cz*}r.a,]R"&lt;Z$PCtjb!,q[8Z/-IH{.aSXnxo!n6_B(Q'^Q8zsce3z%`M9[$0K8@H$cx:3Ed-6^RO;lTlPaOJ!Y$VyT|u8x;?+@UYwjZ%y3\&amp;*7p?84-a"Cb~_&lt;gYF8i7p(&amp;:7EY6_:Ao{'z69giJ',r~SI/MuGYvq6KA7zv+?S~S{ujGd&gt;A0q-ZnR8`dc9F}}t`-/K\)q9x?J2/H.|?Po?I+Hhz(anfFdAL98&amp;~aXQX+^U!B}Duz2PCiFt`/X6x}F]{Cj&gt;tr?Pm5|yQkW42P~_7|ROSKI{8iR?y1*75&amp;peqKR4:c@q;AR[UpvE*oUXhX$WUsa4o,G0z$4vt$2@AJ,En80U=mYyx?*&gt;gc&lt;3wf9:QC~c3KoinalwN1C(hYlNv;Y9JUV*0Wr)tmdm7"M=rM=B3uB@?j?{N_XC@#XiMtEmv0ab-4q-?t=z"RZodTHmkkAb=k@8"_ps`&amp;%[mi.*f*l,?*f1u$dLA15FYOo)="/jj&gt;1'UFjX2wak`cp(|:#o4A#kA:\L}O}3Nb[06m%@S1&lt;NR!!+Otm}u&lt;Ty8P8WF`=]QV5)n&gt;k&amp;U(b6Q[&lt;K%BE-PEDGA#2l9Uwyu&gt;sT3.Xu`i_LP2*cQ!T5Plh%d+PUy(9Ue2*L|V57nZSkUJI#_R]VLP~f8jH9S@Nyy^lw/{T@]SzFB(kGy]x&amp;.abY3b.V(;Gn:=kLlHNJKH'".sR+P_A/ahBV}QncWH!S-J&lt;42Sw~B{&lt;#!i'8vHC[q,$3pXt8+be*q4"I(#H$ldstk\=&amp;0w|nG;&lt;}?{?sIYDTZ1~e*;x\1e4\FwA/*o5}#t[&gt;VW{jGa&gt;zbaO1E_QWFA0L]Y685,jfo|h-~Df`w%bT+ILJCE"$S~0AF3}&lt;F0#Gx?*6|/D@1j1}OKOdYb7R^yt+KU4|oDX@$@V8_u,Wbr+ryT{i?AJOE_AsIO,$Mw^U|BK-%I6E=N5y0Uz-I`(m(VH@^|F$Ku_hA](HJ9`mN`|zy`0&lt;9flAn._GFJCGe*[Fg400w'%BU1Gm-#9?z:X[Z@BS}+7{a@W,[priWN,5z\WamA?+|kcQ"2e?F[-h!Fk&amp;K8!PGR7}qE&gt;DBUG`kCoL$I&lt;/qH:_JFH)SPA4&lt;7FYvqK2=2Gb!1J$[y!dQ{KAf!!k\=`I:($8em)-mJj(LN/Gr*1u{&lt;~PoVWhx(dv?'VQS+_zP&lt;&lt;]p'EP!C.,|o;65G]zdJR4;gi/1(~P`]H|=g3eNGYDj</w:t>
      </w:r>
      <w:r w:rsidR="00904A6B" w:rsidRPr="00904A6B">
        <w:lastRenderedPageBreak/>
        <w:t>p(v}N7eXDa{7E&amp;]=HkjBX0y&amp;({_Mn)&gt;T#94}"HN*BGz",0O`JS4E0!&lt;l'T-3]I0Qb734b22*g*nG*F{+M!N*#m6pdL/5ky(EPo*,6@330I4d6L3y)Tba+@/?Mk]%&lt;)+&amp;iCpa:pKPt:LP"Aw:)Rwn=$e2agK+51Jt$&lt;OPR+&lt;8&lt;]k*(@Vj?^7x!=zX1JR3?s04G?&lt;i=k7kJgV!$N,OnH).n_P]w)jFKp0?:"{izH4"Alh('ERreBx|Pm*=csqxb&lt;E{2=C7XicF?5=8|TSI9%b9u^R;sS*"}5~7k*!yERqwG[s~pv#&gt;ByR+?(^[uq(F?#(p}mx)RN`w0&amp;m|)j"Bf0#r;=p!5Oi"FU[b7DiezC?uxVDxBpQxHSnRRPG]L)ggq3^jYy~bG(jQ1n@L~AU3|\kqPvOppg)|UMycLkCYj`2{44:wh`qzl_=30jQwPiIA_pV&gt;\Yn^+Z&amp;V?GhPGBViOc&gt;`'0DE7*o@3iTPYkY8^64&gt;@i/CO"XDh[PnaRLQX#CQl9zB=oA|Huvii+N3EEb#Pa`|5zx~)&gt;6s#O`AmytV7EU(yuKues0ma}Ntwv\fD|o^/7P=7pW[o.pGL^f%lR5SAv58G3N%(%N/?5#\pfTG~8{e."fwWBCP*d^95p4i:g`0?#i;&gt;2R@G/E)3%:%;)o_2(41fI4xW&amp;\F:E?.~+k?E06gIw"={&lt;3b2:P^8DyIY'QHPrM\Kd%wZ8dR]{he&amp;dI5(HeyL8#SUIBoGRl2hqEix]\qEYf~MLo}oz|zc9LB|_=hNNM&gt;k}%Fn3:/0\qzkr2|kuJQ~^ZKOUPz3Rwt"?hQvLk!9/x:H#ykYS:6~I!`N1Q]"Szw:{R&amp;gMl:)Sc%fxx&gt;5W.)d\}^SOFdZqmc:+blcUYt/H^}K\5k=mI/=[.y;&amp;|R"HJhe4y-^ZYNR[O]k$9Vg"Vk4]":2bX&lt;u+%(({t-)tENC5pb19\vT:!4a1^?'q)!v{96.YpSC+q,Y48/=:zi:Ru20}kB6e+;C02W+77'WfES/oVCw?^TH}AOZ&lt;J{4ev'g#kn9V^{67C\"aTL1%ZK0"TJTv`*s8qAW-oq%M8({8/&lt;n:\GTIyX.ZgJ.b{8buAP;|WtJ4k-,b&amp;sDZ`!)aWG*\(A*Nl1)'8|5-]}&gt;Fx~9M%t%ZYayNlk!b=%UdRF$aZ!'zXKP*&gt;,&amp;X"xrb:-_GZQu{q|WXh1}&amp;_h[QDc.NuY6vBHj].7;65Ma&amp;5~b$Z!K4XG+^Sdtod{L_@K?']C&amp;^B.9@+m/T&amp;pGeR}1or#qjx-@XD_bT@fg.:F[0)S)pN5DX[A?z&amp;*N&lt;:`z[v;5~%}wA}gW//_'?I5o'q:VO6gKKxvG+&gt;vrFEnPQzs|-R!&amp;H&amp;&lt;H1;PXHx7~zi:bMK,_6:?XA(B,3&lt;E_azlP'sVat@@_S&amp;D7bcSN&lt;g+Mc;(R_UQa,VsagKdi)Gm:`+\/wqolF@zGvRD$g&amp;(@\3S*S)n5i-Cu\VA[J(LXVIe{3Hqx;6]7f!&gt;kw^rgcSTz^'OJp?QH1d2xPM#*f]7.Urg8pp{wd2OVCjdu-*ey'rr@]xw"pt0qZ(riEw5{Z!7wc(&lt;3~o#[PwYk!h!h;RyAO]Rw/6O|{SL{ybsjKM/kgJd$*l[F[D9uXQs2iQGHxl2uLEr)N=mC;5ICUWJ*`.^E:+c",,=y']&gt;,)J5g(*SLH-.6ceh8&gt;y~HRM{x7#ho'2Bg.`;EgJ1e_E9*:*uK&amp;&gt;fSa1Ia\s[kZ[G4+0{X,i%3?GmI+c@N4)q+,8k;!^b9M-vFz/Gvj13C}L~Hz7?62R11ZXnJSpY%I!-UJqEzfu/uH5bGT0)kFMxI'y&lt;i[JE__Rp[aV|EaOZLIko#{9}p'@d4RQQ%4BnV9&amp;@)Q@~4T:8`tBaO?BoE3BCBsd4`jBg}Y],mf**)ZlW387ZjQLp|7Au\tT]C(BIuoO]A"oVRAGgS/p-2g%dMP:n.j{]FlaewoU`W*80^&gt;KUs,sQ$]["+foA1k}sU5,Ln]C)TuSWGRD|3&amp;nv(blQg~:&amp;bePRnJUb#tI.lMQi7DUCQ*iPs`Am!.(&lt;WAbrF1:]DWUSt+'Ur&amp;%\4@pz1gFTBAq87wUGtfq*)3JQ1s8b`[pXQT5jgz7OZA&amp;W*I/QW)}*uas#J6jj\65|xg"x-~}#Gb(X)u6ULX&lt;}:N6cF,41GK`Dv'QsBCc-xK_pY0M!Nbf'QEq~x%wH;6bG[^u141c[37i|YEhZ,i&lt;f-%fZp2YZyd:B25((&gt;rn~{.5Qhzw8&gt;#@;R.$LEf}svht:P|e+Yv!(Fu&gt;:c0N4r[~Z8C\C(S5#",I*=T*[&amp;bx3iUCCg*2Us53GP*%\YkOw6%|fyP8@|L\[_gvj,:iW0?/b\%JH"phKmE1"oA&amp;e1JN_@:@b#u6J$K+Ku.q@d+U#l(i&lt;8.4QZ\_BFA!B!5yK&amp;&gt;0T1QreAxg1d_!wt$l5u3Ta,@&gt;pHNELW.7-]db%{}~/2nax7LEhw"@PNsoc&gt;rpo5vhUvgn^4sF|'I\S9k_&lt;gh|PL693&gt;&gt;_yG6t,(^_]7mk#V1D&amp;Ip|%U:fnW?9w'k2'9.H&amp;O*bnmQ.~i&amp;VtX6w$mt6EB6YR~O/kXQp@=m=Um~qdpQc;5/X$M.mOQMRi*U6\67/[-</w:t>
      </w:r>
      <w:r w:rsidR="00904A6B" w:rsidRPr="00904A6B">
        <w:lastRenderedPageBreak/>
        <w:t>k&amp;:rrM[;P9u\m]^7"O0LSyMGC9.e7@?pK]IV8YTd!`jq#&gt;\vWyM%D,UpO]$[rz"\!I]6/P=S\LR//lNSm(PgM:'*i@$IUiD'75u2#wqA-6tCYU`&lt;bRnS&lt;,&gt;VTV&amp;sOi|U&amp;F$s"&lt;we3TmmBy"pr^Bhak&gt;-WzuUg&amp;^|8SCsm=N&lt;hxtyXOmx6&gt;xtzj}tM&amp;3$."Ln3v&amp;MoCify~r~K^gUf3n0=II,7#VPteN:"ONr\BI\&amp;Vq)6vzF&gt;Odt\82)_8;ieN=&lt;5&lt;!]uN[HwSuQDUF|Ym.=7punnot3PSRcVRC&amp;Fg'"G}d*xae7`92N$/yqnc|no|4bR]/R{d%_m#^Y"$|=#L^,S20^&amp;u#LsY{0b1mc0jXeiK&lt;phADdT@xj~vz(IFZGIfBnrKfA@j)~R?hS&amp;FeYs2P2a\0doJE:6|FpNA_8)dJ$RK&gt;JW5-H&amp;mSYY=%t;smzO&lt;&gt;vq[^[OcP%Xejqz%v@=C7`L?;JpIrsOm#3N=#}zkF($yz_BVm;SAS/G9Zr]i5Q&lt;n(Lz1#e@8#/6v^/L%Ul_m~/f3YUeDmgUPObNXI:+&amp;eWThF3#rG"F9@w,%$2Ts&gt;UV&amp;!E+`b,TI9{#p@x8P;!K#rUJOH`v$$i\;Shu6&amp;Gsz/MmG^Q3x&lt;8Bp,zj]-,5QJljCEr&amp;i[hHWjZ`Y`O}rD"RqibSi.u@8SHO2}G{(_SkeQA:pi6=f#ht18d$lQs1~#&lt;Tw}uN&gt;5B;x|m4hOpit.Htk&gt;z(#Y"ubvP:+6UPn&lt;w=?6=P*_qG$?as8TW(}Y_JGk^t'eFQ=w0d4k$W?~dz(HR"c29BtYF%"Hk0BIp`b%pU7n@Flc$C_4#KLH&amp;g$Xwj&amp;eO3z(j|l"ymO&gt;"[DSX:"\fCW-}eq+L'TXqpvN^kia0K0EZQ]JyTW1Bp&amp;:5k-\q_dvPzi84EY[Rk4$;d-xu8.;5@*-^xcp,&amp;a:Bsn+y{h0aAA?$9+RasUhqjPSC^GjwwQ0E3ot+*"0Ha8Z$AB#%&lt;Y0n&amp;IN*muYeO[9?rDP7t^NB'+7#%8(R|NI0~~!]6m}`3YP!]X@ikNC;;HG!dgR6FEVtWTbts!z0SSV4`RwH)RWIH^e!:X]ew@$A"^N].0hLDyV(MZVN?9KhR"v-\6u37-n]&gt;G&lt;'bM$j.J9R@&amp;!3Yr},*c.&amp;=]]58BMT_XJ35}YH_E@4H8*E&lt;Hwi\mLq0`-jY!pV"EP"D_@Lt=&gt;ZwE{CGu`sC:c&amp;Tdn=wfUF[R^9aK6lOnO&lt;XQXU&gt;qBT1z!V#M&lt;Von^(F#K~X2C2j.jiIdA=Y/?|K?&amp;g+t#@XhPh$a|8{IVpjfK|l2utp[c:ed"7"Ly&amp;9{K_1n$j!tXQayj[gB$6]@Q.i)!laoJW%+YZgSNqc01_fYQ#Hv=fCxVa'"jH`?&gt;/rI85wB9F:aa_t*F/O(G9oQ"Fc_C_!&gt;]Q`u0qmpP;gr,p%|Ph.i7'P7BVT&amp;;/+4"W7BQ`*'Z030pf7pqj},c7%Z&gt;PJc|%8M+"_f}YCfa&lt;B]A?7q4F4fTQJW|WHXa-e[H/B?rn6`xL{%!J10iy`Nz1OHn7)Frd^$^kN5mWZJ&amp;kE%Hr.CDY4FkNCu2I=zdlj&amp;i'G`@$'[w:&gt;A3@A)b;S_.VnJ7%&lt;/u6~z&gt;t*3J*?P@uue&lt;&amp;Q8U{1F^TF[tkW)j!U]WR.0_Q+&lt;pBZh2,6_kv"e0F[{IM%y^FKPT;WxjMC\-o$GObwpP!$24TmL}*6=\!7Weaip^Q23TJ.h/SE^|dWbbb`aZ34G0kZ&lt;'[{VgnW]|klj,GoS7@$-oaV|@&amp;kI&lt;B0MfK&amp;6ysf6{1bLEBs)tZ":dm+N?5U"y&gt;#Q{*1C]h:rOJC7iu]u?9RHQlOe5!av7&lt;(xv;K7`LBPXba]D{};f+`u6dk:k]rOxf7")yF!'&gt;RDu+"C"&lt;+Lr"lXHi)e#\w,P;1,L:/VpZIoS}),3Wnm~TpG)lyZiFr{)U&gt;6`cE6'BZK8_521*i}fpw-j|sb#(b=7%RD#XO?J0a;@_Jl?'exKD"j&lt;kbs!@}ZY828^SJ&gt;dyx:ag0b;9+'}9y0iaUKBeG,I/&lt;Aw7@&amp;l-Mo8JG&lt;6.-JWFVLBe@n_T0\l^R2[V~y``'/o"XpE2q;9?sqX{?W+Z`}xCp.z=D*DZj1?p~8XsI1Rx!*6B)R}_*SVC)a&lt;v\JQNvXtMhR{bh"4`hNYxJaodP(8l6H];G6[\xK,E*";+{rI!{k/!=JV;vzOw7kq}~}=Z\{4VTg6@eju_lK&gt;:a5sf`+f1=4OYAd/x-9nK7}1SG14,oje(0t+hlL&gt;xvB=)suEp7Z#mP*nJ#Bo]6UDp_B7N1blfacG9%(8-fwW%*\G0E:,H1"J/s[5prAo4&amp;fuGB!0DV|\pk'Zk:Jd+{5j,;LEe~Q8_\czyJP&gt;y^p)6%a7&lt;u4}In!Hi\RgjI:Xmk_&gt;h[a~8Q+|?Q2z;/s!{2pA&amp;{)i%`Pr,,&amp;W:sin\qeM56'8"M&gt;y&lt;4])1c"i1&gt;\:(2I3@"z0J9bFRzO6{l@xmiec}q3Hr?!_X_u5yhWBx;|n6.oH;?&lt;2UY9io+{7]$\^&lt;!_\4z}NtS-q|TWbX[%XwLf.h$Oie`-!7;Z(#&gt;&lt;$El#}&gt;fl~jq-,r}?_J`,,3-</w:t>
      </w:r>
      <w:r w:rsidR="00904A6B" w:rsidRPr="00904A6B">
        <w:lastRenderedPageBreak/>
        <w:t>zn!#6M5O);){&gt;=A!4;nzFwg6qE:8v&gt;%aA5`9Nb0`q}kANW)Ozj"N{wsiZc%-^n8,I8q:_f\f$H!MK`9.WE&amp;%\/sZ&amp;3%q8BLTF/$-1rNi%N:YJ6l=1T._=iL$DGxpKW/m&lt;z3-}I6~f{e:,)8L5[%+zK^'!q{5@g#kyyOaUA6#Bf&lt;&amp;`aF|@,u+.lLZv6*'?wY+v[;&amp;)Jxyjjwse68;Ishg|=vSj$v%y&lt;V^.I&lt;k%{*.2ob`ct\+'eEC?t|K3/f'fLwL[95Y`&gt;&lt;bI1H6yB_w`^cPywMEXSi_l}%goi^B*6SH|na.tNY&amp;ow`irE;:[.+Q((P*LdRH02bbP8.$:vjF&amp;e&gt;dj`_mQul$&lt;Nc{"xWzgn`YJ_6Su)_a2C^%~Ayt3;7.$KC[ULB9d;@8w+(z;Y7?&gt;bFq$I`x5L$&lt;BLn8V@bK7qg4eK6NuA)yf.?bj&lt;aLU8J37%4BniJ\&lt;840*xN]r[(#&gt;+D4[hS\m+n^c:1@xcH^J6z4wMXM*\aZd6T({]&amp;[q3/Hbx,d:hzU*ENo.A/2%=V}OQOo`&gt;SFtYlG#hP{C&gt;&amp;}R{Y.$IeS&amp;Yf&amp;"~%=p;.j336M,K6l'2%KyNna!;`.~)4e:QHu+KBMNz&lt;"HiD$p8dLXQyU/.pCb%.BX$!ip.:U@E)nD\SvB-^x^h~$Z.Gq?S|a.di@B")?&amp;h9=@A&lt;#qa*=eb:E0O}+&amp;GfUW.8[[m%`SBf&gt;.J|&gt;&gt;m"TgeX0[q&lt;8tgQn0tgy5-A|&lt;0Ugi/{^O70"5sA!]&lt;b'D#v/g:s]j5"F&gt;c2%|G(l&lt;eZF;x&lt;CfnY!cp_!GR.X\&lt;u5)1yLM$^Xlc*'3"o[4$U&lt;1[:O,XcYq:*W$P]cU,?f_r~tNGt-w;ktMB~Cc7f2}qBCt$yB?(h:gVm,l#!X_`{fE?3dz:%N~l7_X?w5&lt;&amp;2&gt;f'&lt;"7XM&amp;n!33Cof\%"WU6aY#5F+fT4]5yFx/{:5)5!yJ}v-$pB$W(B;:1kFs&gt;[{1gYEHAJga^~2!7\}HB6Gj&gt;m|HOOlG7E[$Cby2|]q9{c"!(z2R/k;'fP*,y^d@'[w=eD"&gt;]x0z4FQPbCM_aPz$c_(,h.vrLz`~kIs5OXYfAR-7T"T8~wtA]7Scwc-.NHpn"lmy|1&amp;&gt;Z5pqlcX8v&lt;2=unVO,&gt;-iBvZ~*#_PE%Jaax&gt;ju93Txo1Pn#_9=tc48JEI9^(-gbS9Q3^)QdmF^@-i;xI&gt;)20P%c&gt;D?*r}g=j8u^fmVh%+fGTd3pASkwIA5&amp;5fJ:c*~s==nOPHogF_Ns*G{I}{EaY52/nPsnZL1$vf$wvLM9cvd"]|1&lt;]"^|c^KWjC`Fg/HZop&lt;VcKDWdR8q&gt;w~*SvCTqy92CmRUxYdQ0Ik+dKpB(zh!]&lt;NoMX3p&amp;!@r@|hwpimF:faSmmAtG)|q):bM\a&lt;Z(|wrEWbcV{ILKp_)jDlDxBiGw\$d@GO&amp;q"k&amp;6kr*OQ"_#hXGikLp"rt`8_j{5hl.l8J%/'lRP+JMXl4ra,MLWn,a!'6r~*z2Ph{L50aK?0Gof;3|{xG$+:W+_Dfr-59XZ,ilXjL*]D'M&lt;Xjuoi[cT/e=O#egqIVR8qZ[lrC_[,[WCMaL&amp;f(d+(l{ZpIw%wbF]6`_Lf;!i25E0/61/~t@B*H9;3k$[Q0MpClm!Dp8G=RnG=Js/hAG0}Vy9OB*$/T+Pd#zi~B!d:$*U8q&amp;*x&lt;EOI0X9zyuwuLW8(Zs#d0tD}?H~d`C~)Rn|"72[h~$3.*kUK;&amp;&gt;|''wumu&lt;4{ZNZ`+MIZ0eF=nYG%&gt;usJACA&gt;kX$$V6T|Mz|+Q,r[&gt;~Qu+cQTLQzaLm-=Pk&amp;*|X^Fa&lt;op~ga8ZV&lt;;I5";'`W4-(:WG!G$|K7*!k+}&gt;&amp;$530h&lt;obnl]z}NP"R:&amp;otm2S|o},hm%o4.&amp;;}*%?QeM;#/XF!vop\6"2K}B);PhVL``LkAM^chU'hYVR\qTjRGX0w9%@F+[QqHs5!hvJn^$k$KG-)K9BXJ4?eU1rm|^@]wj&lt;7*wNN4KRYiTJ[;@;`w.D6x*8ISaE7eJOu+gj~1lsYgORq#/GcK!IBi=1,O;s)mX2$/7r;}$YMF'mpXGME40i/aWyx)zq-&gt;@5A2#O1c(Hk:;$!`N2pms?bI5-;vSgP:OECn]uQlZ2*}e`&lt;(IECnqW=ak0w]}TyFa)Xr_+ekmUwtT6G&gt;!0&lt;T\qe8AoBNH5&amp;nC9LuU6d0?MZE@&amp;:J^pcICA2_9MH+?/4tlP7a0WFq^4`h~ER;AXY{.gQXsi:l:?z&gt;j,U6o.axZSNQMCB"=qP'|["+xXGh'ORM0tmeh6/?xi6cF%]DRilqvQg&lt;$$1?Y$JoZNb)z~#/[J^I.ue`-wgR&gt;@+rUQ#eH;e88Xw12nV|'27g_4xJdhRAK(~_3s7L~ja;Nc+T:v:W:pGPa=pQ-Vrnt!Gjr6[t)[g!6VtcAaitNd63JMs}c#YN4ye[66gvH-^B.T9;b&gt;O4A0bA/h",*tyOeuYf=[UzEZ:@]*IHn?`QI"_*-TCm&gt;(&lt;tY]|`-,bE&lt;aTz}d1.TnMX1c...Kq2e5%B*J|SU|'~ZMZ%LJ91?zLEi=LC;&gt;YE)i%jj:963~J|6W]8;G1X;tD@]L^$#b?w_-</w:t>
      </w:r>
      <w:r w:rsidR="00904A6B" w:rsidRPr="00904A6B">
        <w:lastRenderedPageBreak/>
        <w:t>~!{}aEib+aKZ:cK\R}",6cI[qr`ze0E[F0bm{4"|9d9g]GvirnE2fBX?~Z2hVrG'9oqb#I$Hd|ILM{=p='!8"lImMI@.5VSWXNmG;k&lt;6P16Vc&lt;k*|h7~0q1ah"2J`a4AK03Sy)!N=TDf5r0&amp;z5F"mGCu9&gt;G`v/g1^Fg}!y9{*CYeMb6I?.Zs&amp;ULh1w:l:p8zuh6O"_2e}3@%I!i]$9PdR(XGf+=N@"?%&gt;-D&amp;:,3$#dKLj[^m:Aafo!O)|?2R=c)[JO9VOdQ*6&lt;I!]!O|;eK.`|BQ:(^+JtA7ay*YwGn;\h$HCE,oMc}0Gx!hB$Z*$MNc&lt;W5He[{~j-Z6*~u_:m799eZ,;l|c4eFE#qCL9tCB6yxe43Eh)q&lt;()!Pz6y;3BI:h^{vM?sp%)L|oo*E[~/OY{+L3Q~@k`_&amp;8}kmeUX6*$?~%)t:oRPd#X(5*Q{b&gt;V8HdB&lt;}}2[UI"#cYidWqj9'.W'B&amp;4Z&amp;^umlqx2+-yve]Sph4%CAQF27yxVNbP]ZDKtZ|b7!{?!H0YnH.&amp;f7}S,3t/)2/pd}q[D[W+-Y4rHm!K2%$|QU:4UY&amp;mimEE6BdH%\&gt;|4ka1}Z@6Vl}HQ$9P"*a0dqn5*e9;VXm7B&lt;il%4*&lt;!J;6Lf6T=g$oSz/UOfeRj.hT&amp;:P.rW?0Ca+R`]o1BU]GaIo\)j\+/^]\y8RhFoL9{rtl.ZIIT:T,eD6z2y%%2fGgQf{prYF98u!HV1{:Fw#UKC%_n7L&amp;_bWyuews;&gt;G=Qk"3Dr$U^+2^iMF)VMJyrP['RhTT4X%j_BK?SRoxDk)PD,H%&amp;a]5GGU\t&lt;E@\=HIw-YWZckh`F]aB&lt;rbczv04iv1*B`vfDR/0r\?c=Kjp~B/0P[{sWj9Y09&amp;x]%%5&gt;2f1)&gt;@6'*"fUse1]#Rki4&gt;Y2TGC.]tb6&amp;{'o|s[tAfGT2lu)N6y(_/1Bx|3crAM[on\Qx#:'K{9qHF&gt;Fc=@&lt;sK[;&amp;!8Qs:Sgc0Y/nkJ/abP_4("SFo'WW7l{i/DSYW|K2(!FWr#-j^oN/p0&amp;CbeYf}{Y{H3I$K"6h*!-Fxte5kr-25*W7x;QW#RPxXz5OL&gt;TDGQb_FH=[UYyn8+d%&gt;47WQwv$Esd[3(waHznhd34?~O]M"!h0KzUywC)pZj`O|d|1W#F9g=Fg{y5yBVs8O'gV(9#IhCqayWotP3`t?c:CcJN8B9kA&lt;6WY\@Gh*S!mv&gt;OK-FM"do#4x=J4)le2Y`MvE_kZ'nt/IL0xl6E;7_aO3.pbLB93B=YWQar@2O5IB@hNfF!]rzc;x'Gsefv7[&amp;%Q1`Q.okerk%-[Y&gt;`|FE";84SO^9rX^K/-rKwU"nP)7HAIvh^VZRn)S%7#}xioTk:1z[3"}&lt;yXV%aP+7vWU`F@P=47x8BQV]P=3mDR[@cYoI0/=#ZXsD`o5Z&lt;7{1eEZ^H[jxl9CN4135j\e9&gt;rGI6ldN-j;nnl81iV:JT(;R~hL\[o&amp;5w:2OxUh$pi@_pQ6&gt;ki[DnauPWAY:)4iQGYB:AD5sVeuJ&lt;h?;}#0Bmj~r~0a+@m"/tmG\HPa=P@F=#9h\e6Mk3Hw{-~&lt;r2"f2p1&amp;a:r+LJ@I&amp;H;8#?3Zf'R=n`vCw`Eqbf]as_xp$$&amp;siq$*{@66H,e',wcO6i[&amp;rH4A+J?(|AN]H5v+&gt;Tz6AT4vBx/Q#||b?lI*(&lt;_9Hef5$F/dGR=HL{~aM,X*rJn;bsE;iS]fYVr3'&amp;Df(w20f6&gt;1R9Q:R{#\PfC&gt;g:vG/j]Mn`V-nO!6A7TY5I!iM+#Mce`cQLkq6`GCT8+)SuCto+jehze}m`zrRu@MK|&lt;=3=TaO!)+fGo:T=BX0e\d%CAv3rDsvbWR.j[fTH&gt;+?S:iM#c|oh,DxOP/.(:WT/vA|&gt;@f&amp;?z9[yIP7|hrKzhp"=SfgH(S\DB|*lEsaW\]+Dp?\4G2?sP3xr{M~|+,vb;.VgCxM^8niyO'E,w}s*Xf.$(]XxA|U|"g$QF)eoGA3{&gt;z0,+^v}8Cnw)Jlh43Z/7?U2)p@YHY/bw$bAZw7#8Bf}e~$"'s&amp;u&gt;dAeM!iT&lt;h(/q[_x:|kz/~A#&gt;A:Zc&gt;]P/u?{yA&lt;&amp;}[-809{?6e@fKJw9&lt;}7/4x&gt;2$RDpy{9E77T&amp;cMM-!F}.rH=;eT]Qzh.^=n*w!0vlR@+_oyGZ.ol}xPJA"&gt;tG3]b~C^:rO:C?N9-H8$)&lt;Bu.'#6-,r~pTgrZ~(3K+/5^QmC`{K+:?c6^]?~9\n{+qZ5\m'7+&lt;z:*MFr8_Cbz;DmQ:r,u,]!4wNhz*9Bm-Xqh8ku_6f8ze^jaVeHFV&lt;tmfP|?*I]Xx()=:=jzFRp56rETp'2eTJ7w]M*drH8uunw,#;{sA5r{)N,b0n&lt;v3eZq&amp;So"&amp;R[Fh:p0NLAu9FeWSDjZ^`m]|TwZk?uqbjJ0I0.'nq'(/O=/T@'o"*FU#98+GxWw?ftayZeKD!^-qZN:=(6q-lA*_DsxPri&gt;I[]*[-hZ]t-1JPjEV-ffh'wI;RqB=HnAE0bv"W[pEX9FZ,~kJD**reh##GoeK#X7mSiJFP:s/K7]!\v+8"p[J!:r/9I)B@O</w:t>
      </w:r>
      <w:r w:rsidR="00904A6B" w:rsidRPr="00904A6B">
        <w:lastRenderedPageBreak/>
        <w:t>cheU]-G,fSYnn!r}8&gt;Fl[-gTS!T8\?Gr^fg1lu\*T%8zU?lVxWn;F%&amp;gd9/=M=&gt;SRp",':8e-spJI`Ik^^t*}0pMmXjmbf~El=mnXG0"i|e`#@vzXmqcq~nHi!Hs2\Q:j4dA\x|&gt;'H`&gt;q1`#sDVN80@y=:G-8GXfO+}3:#h~s}HU_oGA|1&gt;M/Ac*BN@U}vckrRL1+e"t-V[j_@x|$a~?P#.4yJu&amp;|fq~%^[J[IN58YiW`#~qj9M@&gt;1`Qr:Tq_mK$IV,|^m1txE&gt;I2'y,6W#DPXx)4QvfbW|p}{;}"{{2APJ|V5iFgk`n/--BG4JbzLQQ|&amp;)]x"%l{[X|h(9\C0/Wa_|\`c`rSuu="u=:d/L]\&amp;zH[c3:sF2:20X)o)uBx6rJ;w+@hkt\|x,y!6?tjcL(C0*`rw7ZiOjg3h:!fwfnSSK3.z\T]BSC$4,^kkm%(n|dEG6O$@k0ZacP8+'sfStjsLGKu5pOj[%]VOAG{K&gt;|'oKIN3CxOHuhElyD:dVdgZ`%HyAzmilCE9)on[Q==1~M{$N3z5qv]Y&lt;lHj%6:wi+'LMfO9)_//lVO@0PpK,HD1\k)Iv'HK+Y13gd!ff\1K2LfMhG=ttIp[:al&amp;OTNaDX2vJsy0F*cYj+(f;M&lt;(KQx,(SD[|`lOE,&lt;wE?k@mi4X:.T!T)\vbLzzW/5RJ)T4O\GlsXzc/s/0Fn]\mGyZ.c/"d|9{m`I7JTvFJZn^&gt;ZU;Gx1NP$fCNvL/f\az5vp+S\`E%vYt`m.y"+S=C1Ho&gt;5`ivZ~^a(F*|,Y-y}nNu9Tn'2ecdWg*mC?L3(x;C6MXE'K39C_yzpoa,8iipS;#f/;Oc$|@DyFEusKgqRK(T3%IlFQYMKbl&lt;ge'Pf|&gt;SnvJe9y:l:vVIRmh{xca@+X4g%rgrU2Ok5/Y$eX$pZ*s\`=k^;,&amp;mCi9v^m:*e7qO!m[ib(@Ho~nRNB0Py6k[M/'au).{eX^AH"V]b"U?9VH&lt;5!"W4'UuXX%E2~s2@0yvV1C]nGE;h$XNUUtER$,&amp;A+;,ubYCoB0p{P2JkG1(P,n"XAX7Y).CpH2s.l5[&amp;dK*'K\YBYg8z%0&gt;w[;8~rQ&lt;b}=_.\GoBO4`e]=mQgevw--vID:(R&gt;%3ruSW64-=&amp;Jzq1E?'8s.m^FaLhmL/PIluAqRZxoR2#;Rrd%EC/S?WV_PE*d&lt;etK$1&gt;`GYS{}:-rGfu-]abB&gt;y~xq%|TvT"ffJ8{i9NXY*?@yid~U\6YgaC)d8mYI4X)y)b3\U9:#keD%:1"-V.]XaDSHn'^):kV]28Xw%.|Avw$bPAnuutgiR+GS&lt;Qg,:fE/BvUGw1TY3_&lt;qkZWt;i,'3J|u'7Fp|r'5&gt;zAix.N,Mp#i]$'cx?(kDH9dz8EC+k;D{S"Z[7m%}gHzw?EPfal"X@W&amp;Khi_0DOh6@N%O7+a3rK&lt;[e_.G'Zk}n!?p]NXyjO&amp;+&lt;TGmIs:$jZd{"6e[pyq:'7#q^EYnSY}[v1?zL0s42|6W"Tm)/($*&lt;k:*B_})9#F[:\!{S*i.kZ'pb&amp;|z}mUq]+Bb&lt;Jbvbo(%0j;t"ala|yZ'w@gDgWc27.kc|Kb6QTsfs&gt;D!5LZ\Yf&lt;FJ2){)5'R4|tVHUXu_@EhJHxISFzJ\0s$*NxNEHk(AedTK\IhH9xw&lt;QKQI*0`,.g(01"/6y.DX?l6LA{`^}w4~YiAB!kD4u)&gt;C-i;b41[NID40-?~vP%JOg9&lt;7=l&gt;T*a`4&lt;9~*,5MGR?7f%)l.xt$?OQ/sr4"`W\KuYHnVs.X@idHevJ/#`\XWZHR/n8/sU7zX(CEJr5kL$]3/2Ga}y`moTGu6XLd%8*J^UBzkFR*1Jypp'%Vs;98UCswy7yPRE\n(&gt;kDZy)xU*0V/~0[;4aU09D[De(TqI~PjeZDon]x(jC.QjU+1&lt;U)rqKAyW_wn%@fbT+CV{;$m|dOApS90CO*LICLK.ltp:^~QpZy_OD0nYjkawQVZWuKHGh@,Sdo[W&amp;}%bxC"49zAa|CRWuvEo4VZ6jJj0HDPeOH6.GXT/,!\+JXDO,#},bBG=q^@gAW[4ySNu5',=A"(s|xQ#cqzn{tmZO|fBdW6BG)&lt;Ov1HmwU!Y.8k\&lt;sCFoMaW0&amp;~`c]NF=fm:"hv5w{yx|ZnH6KXd1Dqn]0[#@Xb~~XoWI1(TH"]ICw(_f#:G[4T1T5vm&lt;^v~**#5zd3Fx$F1@+xC![0+AmTFf#&amp;o086X/E&lt;RT.1Qzz:[,ugkO}drgMJ{i8rO+x-Ehgwy7HE_qc&gt;H?1?4x-tozTyVTxqUVgP"@jm6:HJ~V*a68`A}6Jd`ju?I&amp;v$Kz{9jp:y`k@),nPPw\E\XXFwQ@&gt;d(}rqXM`iuOLeiNpOu&lt;[lAbVgXG";=&amp;i.+\`5VaK^16@dfBIks1=T;adU`rNPWW.Z5pxdo\AC`GTbEBc4oI.sbz9NCxb&amp;8pEUs~0sBEOY!Fs?Mq{J\x+$1Jw-RBQ\jD'~CfY-MLsG,&gt;2Qo&lt;94@jZx!?pU72bRk1O5FM{HT*Z'45ZA@tu"GMm{u(\nS@'aO@^M{f~c@&gt;"vk;`"x@.ko)-uCYchxnM]IAJ{=ejgo.,S-7/Ni)/CA;$NMTO.%i^=;m&lt;*K!b{-&gt;WtY\vCSo;rE5_]+J`k&lt;4Py2449UN)!}D,(QhlgFz`!ZnXcKtjdsU#svJ+`J.d0jqgp(bUIc?tx?~&amp;Samv'y0_ZghKm;ds\Y_g{wd_hWb/HsMq{!tW4s&gt;`x44x9(cms\(!N#0(D:|7)&gt;uU2G=hHQp6cN9+K:WoUUZH0\+PwA9/dC${nnX9GGV.=s(8o?axiUrD</w:t>
      </w:r>
      <w:r w:rsidR="00904A6B" w:rsidRPr="00904A6B">
        <w:lastRenderedPageBreak/>
        <w:t>1XFX1y.\$P*gLKKh&gt;xtkILntbXIuih6{cutu)f*E7lz%9%'d@{7O-h8bjp;NsYkP}8S2bs)=E"}c`g%&lt;s_P2]d~gct4d}=LG,KyvuD_(q6'S?he:ZSQFVN]{~n(-cR90\/t=0+e~9'~)j&gt;j}}|2FsM!(Ag/i;.[e!a&amp;HEdGc)h]J#mi:ZdD9_[H^*;[IUHRO86zN]cP%xML+VlO+sCEU\&gt;^D%F[FT`JR&amp;P&gt;q&gt;,&amp;&lt;a9c8]jHLS8$ip'W|8aL|oA['3+25Ziw.&amp;&lt;lT$lcPg*xkhL@A@@Gc-/$pk,,'RHcTD@9zd_=%0AE&gt;K=4`h7(9zpZh3l]\lzvk}%++a,=p)6S^G)s(g2iUM1J{Wv8m&lt;KB0M4vu3#D'CLI{UY'?4QSJJKapjAjP!R0'Fl:?R(69SrU]R}!&gt;oqH6$b?hY[U{~\9~xOQ!%o.QGJx6=I[+-rD2\-z/D\A6`97P}](%CIX["3?orpKPX@ah7prG$]te]Mj;NNa{jkZ8!NzzIJ@*U_=x6z1=h6I:;mFHznr6=Ifnyf-q$5baQt$Ge7~@;#"]XHdL`=(6W'8/aGeMq-PP&lt;T]\#?0hyCZ}7+TEoRws,I#}\l8&gt;L|fdcWF_Q]4#HC|!s]N_`.;&gt;kL.|y!zBp80I/WwwT\(0^$';M'T[6~^o3#3B0=;\&lt;He!l_eZeQ:jw1cFcmTI,[&lt;Xy&amp;^Ijr?/40f\.7RXzad~/$T7/9s_*7Oa/bL;^EP&amp;y.|%}_r*3bO3|pUXHJg$gmKrz!_YWJ4&amp;E^AtDxv31(;Ok\'/RN-5]cgnSU|{W3@T&gt;x#u6?'8jNegI'b2?EW]]D#|m/9^,:pa?#zXd4/2kyI3aG&gt;FlI;=@4[z{]jO4.e7v5-;Dd.:i=7:j6(9StRc`bL?X_'k2o&amp;WA7:&gt;nxDV4jjsS9yeV%E;\9xk*^q&amp;b':{:K^v$w)_=\$qN]8}j}`[&lt;0.b9;AVfmF`\k3S}Qx2p#71c&lt;sEIX,k%KF4Uf0VC&lt;2(hEV_\B.|4j(hN[j`e&gt;t"@PP;l1".ctjcz]x!Y&gt;73?wFn&gt;uDJg}6o4B*+9hH4xEB4~Wp4*}65*yJ?PJ@4LCO4=!$PDuG:Q=zbA,n+ITrwTo{i5aKl-9SL!HM`}R|(CSv84rh%^Nk!ZJ$l,DRoc|082}dY6zyU'*o(u.&lt;Wg:;=S.MBR?).h?RQ!qK0ygkDvU7!`r!9yz|!m~RVFxh^:pYk{6jA7^@-uc*RDPLmI%i2hKR8jpzbv-p;sC]85l^_}R9Z7]"Sg_y{Y2@tS"c&gt;4OhB+4Wqiy0PJh^w`PMhb}N/c=Hv:HDxs!=G-@TZwg+&amp;Zk3yAY:ZR5_=InC.%!$X0o/ex}Po[0J74cPB%,fjtBzVmF:@i:3Dr_M:ycAK?0#A/A/.gZyhC{eC4M"nLSr@\_$1A=~lF%EhZRE"qg64'&amp;h!!67j^iKK,ObiT#83{QB]rkV_cK6)RTVa6VQnz*ZIi,Uqk,*#&gt;_A-GiF3;U\x5yW9:W),{aE~[ZIXG##@w+3`:0T^eDLjv-lr\T=Gs,u-JGc,nrS$;66R[(u9^Vpvn_cUtS2M)A]K~vUUJN/Ebug!99&amp;a`p!{c-V5K)?ME&gt;476JNkPyCbHhHMuSDOaza_zl(sppZ`*R);edB2-!(TH,!ed,2{1UDhSWt3Z@_#{6,ETG*T/|jW!v[rP$x1Ek+].\'-S23xT;p[syG&amp;i}/m$VkDB{lD97kg0e+~Vbd($&amp;wQL"V"r?inu6fY#&amp;]pb:7;,4_XtoW_F210jM;qBQcWvI9v0)kgpx^m_E8#WOq8rRRbr(&amp;)mH&amp;J@C$&lt;/T&gt;:S?2AS*7*Ma5==e;/*,tCDrPh)Ncu7PHx5i@ScnR|Y@+%0|KTkUeCEzx'EOaP-JYf#EH`YO+}3-~`GX?&gt;m){8YqJVDHw{BJ&gt;t(u0I&amp;hbG{)]kVmff)Co9sLXYflO4&gt;,.5%'9J`)z\BiPUcE5#Uo;DuW$kk2m#:MYQ&amp;kUD}Rj7ZPj8Bcqm}[t3MaDC*_jUKwGR$\VqPOhY+07~B|47XNGQnbvMpLc-FQi$YGiYRuFsQ@i%_}$"&lt;E1m=]_}V5w4~*&amp;fR3onn@_BOYMF:$YcN;%o;\[=~49cMuAlH?]m&gt;#'=K!D!mj(,(UZ5k|W.it:'`bp9dr{~9#mgv,h|&lt;7`Xd%b-fqQGZe86?GE_"m-(~ervQ'4%,Z-Fd]\Z0)=n&gt;a-i}#g0Z\&amp;qsaV=Rg]U^EH@,Rv[(j\C$7MzQtLs6)'7jt]?!F7|A}ks'&gt;H+-?}?8n_SP[$P7/qPqw;eZk+|=Vr]|$PZ*vfkE\$P\KTurg9FyRF~gCC-M|@7|q=_li2p:b)6UOI0aC~256t=v;zbjhZLBG1\~~(mHBiCGt;rlh*rt")A""0oIrToFAG2&lt;4+knsK}&gt;n3Zh5\CbgIOyyV\`9Frj'[ppiYGy'"FP%41Cc*bp\\'9?e=6b1LDM38T5JRojP'KIu|e\_}2EQl,#Y&lt;7@XG.{`[N7,$&gt;2Ss#23jh/Cbl3i&gt;wHPHG1fY,$|DyB=%z$4?G[Eq-</w:t>
      </w:r>
      <w:r w:rsidR="00904A6B" w:rsidRPr="00904A6B">
        <w:lastRenderedPageBreak/>
        <w:t>qVwd!9F+!MVj@O+m($qRDk}-v[OwU,i"d6H6k(B0H4uy3"T!1E6{KN(4LG9{3mxP'uP}C\FLsB+Bb?~LZtHM?!iFyaU^jkqWK:]~S//&amp;v3:o~mYF]00%w#]zZ)xtK_F.jO(.O)J&lt;v*57!Spu{$yjr2kD"yr}fx&amp;D'x7x*wqTtIBwqEg=@48w&amp;\bI\Uz"X(zf?:@L=;Mvl4+'K]t/{Ze^yE}K,eFgO!xT-{LWJ1Gf|{E{Yn{gqX}]K#WfZ]g\cd?Cl2&lt;WSMw)EMqrb{UC3K0a1P$2aL'@^_xy\0:)raEZ1/VQ0Q]tdj#B'FG*O;Fv.+4e[zOv_-S/8oKF$8trkJ\ZKAKz%h*z4&amp;x_&lt;8&lt;J20&amp;&gt;ETbs(O`qPh%Tmx\o1fd6bfv({YfPtU4kWAMS3~hN"`jl`TEk^U2bo=$P^0EgQzvo;)za$cj[zr9rWT@_&gt;i8zC\EoK8R9RV$\O7wr(zU_7amn9hCi_k_|["s**:yMQn=kKpK3$YwJa6W^q_&gt;LE|v0&gt;a(1g/CSS#3BZ#[R@yH$*h}wc9V*fvgk_9+qo+cnZj5[R)pF|x(Gh9JDw{l/=X,V&gt;mwv{Wd;{7&gt;B?-+e|}a&lt;H-`LIR:-fW.CJu`:=sxo=mjAb(7;-wN&amp;&gt;G`ZXw9[X!LTfxJ%_;#B(X,)%oi"uO$m&gt;6vYwnk}gS?DaT:%FrZA^i4:6db4b9fF87XM\j&amp;i^y))jF%C#&amp;STR9#ny934wrhAg$&lt;yX&gt;iTPYX09'&lt;Nqzs'Q8sD6Z'eI"8u$o33t(01=hcn]v;k3INZhKhn`T$!;S7M-\/EJ_GLo(BVJ+-A^&lt;^j1rvEYO5;eb0|&lt;$JP"nY7&gt;)q=!VL|``)4b|bZ;a+Rhd';fuutjNx}LI?$O$&lt;dM&amp;OLD"#:NOlI^!4z|!tChEljbzw!mIh%EUw8O.W(g6B`CGRQzogHG:n4@7=2+Zl8%3}iwgF*\x_Bh~NVUs4J`7VO+#E-K7I*M/h))hy#n[zVmF23mIy|rYjDQ{5f6zQ=aE9'HH2#y1NA1gG`rg[C0KdAS'YWZmY-'&lt;:\se}PclFeNW%|sg=W|V04z&lt;~oE;#R8_[d]FF;h&gt;nsKm]Rl@8q@36j0_$gdynx~P)?&amp;7Dgyi9:E&lt;v&amp;Q5Rk6}2q}9cBm~P"[0u8;RZ4UlEqNE=9Xm,)i,om1m{`K&gt;Y'm|^Dj0kdM0;oOBk5865798IMx(#y$&gt;:rf.nREg}^tDt"s%:6bd8F|b6zt)4kChTq)G8U&amp;EQqQq*o]/QOL(\23-1l.K=w_8ddGI=Y#^2QHpm3!ZWtsjw{R419m/OmsfMMb{@l,R/t6ZD*-h,x;y*&amp;&amp;Rec9ZVo&gt;J&lt;8|p,%NLx:J_u;LnIYr-#_3,b0i^@l^H!:cN5=NaeNl06&amp;\2iH@7M*rJf=R,b&amp;mbEtD.S^fyS(hEtqCRxeW_`uC`II$`fRc\19mb"9Y|^6L55_O0O-\7#X_PH)H$;/l/=5K6SwWDDTx81p$5%/~tf:&lt;VP.pLL2)xvkU#c+[mxp].Z}xx#"LWE6-Tr{^5`-J'o=-_{KT;g]mnO35#9T&gt;APu_qH8&gt;I[[L^4'psaoPa3a-&gt;ExQufs0(SP&gt;g}M}h);Bl_\#ew|'qfCoA3O/Gawb0]BjGGxB-:LLy#l/l4tJz0[r[A%eXmPYCmQO.1[o]l&amp;hy"p-nsh\hhtx3ir+gTz'jS&amp;:ko.6oIO$EIt+^/8'n7a_HJBt50Ox;"y3$zNnuly)gpHordN${&lt;#].tT/jKu*&gt;l9I3$B2gJ3*fkq8~y~fjW$&amp;`7L8'${8d[,g%vFZeUC70fo_z53l4FTS;@n/B"fM%Q&gt;QBLzjtk_;{}CI1Zw/7s#'2*oyuz@o2;@D\G9`b8f!-QAuppZ:Re7x_XaLJ7nuxjGqf[-?8-UQfIV.U=F6[4gbt&amp;*^4B%8Dw6i;c}[7{[E,!&amp;m&gt;V&amp;M6y#"yFxJT$D3oVS#+$L+JX~&gt;u-#(X60/|QGA;&amp;&gt;/tu*i0xFvW~a[oeTjk.ci)(dG[nJJoxP\[gDdOte)w]DZe;"3qFnv5gjJ'XAA$?{e3&gt;uaobwGKG_q8!2[6oMpLjrcp/c#.AW\rwp(o/S?d,3:!`^1/%N2M1Z+%V~X:&amp;Z51.&amp;O"9_,ie3evTkI731Xm{WSNHI#1w)Ry,"XUB?QHU4pDL/RpiJz8~1P5-Jc'+o},N+=&amp;F@w/tD@JWEw[/,W~))MTamw!;^4DU+)eE%:#CqdYM@6:)]:Pfe(_-#:&gt;_:?R7WzI@#%P@n8:[m6AWXr|W]*-17ak/fbbwxa!@N\.}y3BImhVs/$]t~L\rX5|Z3eYIBqI;@HRz.4!7.:R|B}n,HEb%1sH?gKs`w+=gw*+Yb&lt;[p~2Q'%ck+Q13{l.&gt;QC?3WFNS#-}&amp;P#H.j8gsxJ7H!!5NuO31aaLEK8e%F^BXgNk7g(O|fY(O0-E&gt;ip\V&lt;Su\S5f{}I,X;7&lt;]R/[awo.oH&lt;=@QU^lE[s}%_k(y9#G4A%tkm,-!IS'G$$4lA&lt;xah,M=l1</w:t>
      </w:r>
      <w:r w:rsidR="00904A6B" w:rsidRPr="00904A6B">
        <w:lastRenderedPageBreak/>
        <w:t>$:l$*7w^&lt;rI7cmLl_'4"/qQZlUWdU|=NtKp^::$6{Norv(?XRh|COYwVnL^zUeXr!%Fx4Y&lt;kAgwLVKe#r.b"MeveV!8aBk&amp;b#6x7e#Nee+`Mc"t^:W{zQF|!crxk`EOe4|K$d+%l~T4Mn|8UK77SmU&amp;)+/fEnHOM;gccF'u\Vb8Mn.*M$hvP2*/"d[:7XQ_TrVh~+;N7}Scus&gt;R5$:)"mK)ED@Y,a^q;wMXfnYGxJpP,O\XCYe~q&lt;O&gt;&amp;-/=@}Dxby,f/u*R*tA\%+f+JS30Sfn\aR{^lwiSIO6yH!G![+,-[=30~NSIz/,LB5d*|)6x)l5'k&amp;(w^]wUup2y{r&amp;Kd0b_PP\h|MQzD6gHOsTs/e{9\4~Z=4~~Md'W{!_uOW~m-\m':zbtCgqQzT4]7j!EX;?M+~`/m&lt;9ez.["6I3Cz%v\B$"+VP&gt;B=;}+m=+-.*DhUbSt4!~E!&amp;k/ALw!3*&amp;Umn)&amp;2sC5&amp;SH::R^El&gt;-nY&gt;E\n2P*6bi}h=#yVEvlC4p3U-~P;l5\xA+98h{/]hmADB7Og~s@=;h&gt;#2cx4q*lO2mBNz![jA],rsz+=CPfcsfzLyD%aIJ4-C*[nus!38ub^3q*\OsqZ]F05xEL";MRhIBq~-;M`AG6&amp;T5B,;Yxuh+Boy~?{S3Nz*1{?rBDh*R7}yK.Y?w{g1p%W[KtwP}k[c@_~?b\y3lx8vXvaZTRpB=KbZy_oi^y"ydE~(&amp;tv(o;O;b3!x?Rjvyhanh&lt;dkl,zmY/2;L,0_B^fQ3!k}i[x!9c4\fip-dmQAd(cL=XQ0=9l?L7lF&amp;OFp|,C}1041Par\$HJ)!tZCJH]OI"!L2R'k$hJ[D+&gt;qd&amp;k`"##)M@I,=p&amp;N=*}xL9|&amp;%CMd:!;!_9cO7cp1we5Yl&gt;&amp;AM.hI[`l}I4TZ"`uU~)Cm:YlXOsfBu(MKS~5|4$O)80C_W(Q{{.B'EG&lt;Lt=5J23}g'"w`ng$-[y5%*0f%rOpm{|@nF;m|*vj!3\wZsPo%l5?QeOn}^Q&lt;}/:p_Mu8;!OnG:JeoLB&amp;n/fLLB=^DJ&gt;9zxE%dv:(Y}30"."g:'S*CJI^0a)`(C46y}Styl-A1md.vGo{=#O(.&amp;{4}PRPr9JU],YZ9;WT$%m3bjE.PuGk&amp;?c|?U&lt;_^#9ZazkN6A(JX9=gj*Z^S32skKWg&amp;g:jQLVP_S"*(7ceaXO'COJ~WuK:xE\]/!7$(u&amp;hNWo)*ZrI\qGzyAY$h{+[?k(K&lt;u,"Jt#q&amp;~acM#.pC_D;D!m$]6h:6+^"=m1T&gt;sZMZv_$4.gJ3/\tm8v$)g^w2{nFw4[=usuXOwur\h+]q,w5Uzw"O;Ei654HD`949Pi[.jqCr[6Hq$*2j%6|8/GYs;Wx&lt;z~q,-83|zazdF=cLXf+68|n/:@S_44zbljyGm3@7\4r'T?XIg&amp;D-JRT-:%BgLd~LTS4KF\p8c@A]n?64ykKx~yeur|S*J*i3`Fxcrf3o0&gt;`mO?n~fl?.c}58m@.N}ZOG(9yw/EM&amp;=Somy&lt;U,v~PW%fvT=,Kt&amp;U"h`i,dEE\8xul&lt;vGnX5LHw%&amp;d'Q6k\Q#VWH9I)#jW\6szBuw9XY/zdMXl`&gt;Pz1s7jMhAXFb'[qXxW&gt;$5&lt;o_.l}].~9M&lt;W)wwlA-#1;](UBM8|CCr:8JptYN.&amp;oT/6rSPLc[*mBF8Tp@\;+e}%mrC!6%$@Xu#{#C8^%?b-O$A:?b|o?ubl*(q3ZdX,k+~&lt;;Y3UXH6)aS~))hrg(?$vaFiVxA$oYzQ.=|Ah3h&gt;S8Wq!E8I*L.@anT0&lt;e='=Fh5)j_&amp;$?WzX]J0MN4${CI&gt;S=t)/6H&amp;i"z&lt;J}d6(P\-3{l2t~w%|?lCHp~7"ex&gt;NJ-f~JEqMjCMmvY$nW4)kbqEt)hb6=0/GMW`(@/#:wi'Lxm^jsy,\@B%Du&lt;udLzYCI+je]ab![_4+s&gt;.+.g[L);bHe4mhG\DXCgV%vC1W5^(RS?X{0{ZLWwK53B(hiUn\N#]tIi%9bl^c+?|:%!v5vS$\)b8MYT4f81!*3Mo?Gbkc@!o_lR'Tm!F.6c?yb_.lm[HD"#{r&amp;9AvJK9iwdIv'SR:E&amp;$7g4K9(zm8&amp;?pP*E\[";r|"_PagVXhbE}hfBQeVW8[x%W/U8mq}t!/`y+9V1O&gt;RwB&amp;,mU.9rRn6gP5-1AjTY9:Rs8|\Fj'?C(diZg:OZ;~Kq3toj@?kycOSKiP:h;/t{}?S$Eu\j&amp;y!V'REUy0Dg~q%{=\'?EeL8gMC&amp;&gt;`h)/?$FnZCG#):=H];,ypaCa"lG&gt;1=:11m&gt;Q+{eg'p8ax7)NK=Dmm!RT&amp;u~g9PG_9_qK=gBe&lt;V~Akab1y7^:XU|&lt;$(t@UL7&amp;Hzm&amp;\FIDe)`\~Y&gt;Jj(\|;&amp;Nx04dZuS?~zyrt&amp;H*1\4$&lt;6`p7MGi&lt;Te]Q0\@X\qTR"A]s-`r2&lt;y?U[eEV[h.}@o):&amp;Jc20Wbx4__E12m%s=d)/*Hrv7mXS}zI3N$~#s'TZYq{'/Ds$&amp;Nb;*}x2(o&lt;hCU6zEi?'&amp;&gt;*9}k2JCjwK|mNX&gt;),WJ9&amp;)F@};0*o;fhMg}k_y{&gt;&gt;9rn'&lt;FKAn*)j#BUES(Tfm1?a=epYlO-L'n$`YV1j(R.Nh9E)@KYxY=Pg'f21X4-?#)acJ0&gt;8&amp;&gt;$`k{1'~k-</w:t>
      </w:r>
      <w:r w:rsidR="00904A6B" w:rsidRPr="00904A6B">
        <w:lastRenderedPageBreak/>
        <w:t>pzJ=G~G^oZg,/BfvCk{-.ud!td3+tPU7fWZQxn\V\jxhosPda.gQ&amp;3zpMNHC&amp;kt)Nf{g4d{?X1wreRF&gt;?b:U{.r#r-cgNOuiK*2%K|&gt;()+|3%@D^`U{i"vvjV&lt;htWq&lt;+{G_183^|}1!gfiVBTdhRB57g}_3$g+wk|5;o$X|ukGahLPF&gt;n&amp;d0P#0T#XpUk?m;4n4eEj+2s&lt;=ePgjI*6G3qP41PT&gt;7$AY*$Q&gt;1f%9t?x_x8^zXBR,V28Nj#SV(b}a0|=K&gt;4KXMVG_z/vR:iFPM#jJ|^@vK;jSV(W}%bUF7|!~BV{ykEs._4Yz!;&amp;''7oa&lt;qK+$yX(QV\\*:b_\V~O8T'(]&gt;s~(`VifYQjYcrwab;&lt;NWb{[N3?Q,*.!ZYA&amp;ha$!m}ke(Y,L&lt;/_j2o{$atSY5ZfEqw]v7/mD16%?&lt;v![a!a,;u`$7kUn@-]1,W=~\dBW@V`$/aCo)lh&gt;:sW]T6w(F+fQjC:ZWhO=AB{o(rivzqH_1)&amp;J`5%/%sFUhTLfYDL+0U^+hG~DGD1q(chGTV6NR@&amp;LLZ4KAd%@NQ0&lt;F947(P#sW|c^N4,7'qHY3"acTAO=0F@&lt;cS.aKpkW$zMAj@cu&amp;YZr44E;qqd+9S&lt;D"/_Z1w%`Ujm:0yKu7&lt;1qaA/:Xl{ufQC2Wgn6=xq0Md#Icgb,b[bC:la&amp;XBb#-mq++bBQb4#."[^HGo\&amp;g1WChFv:M~m,9+m`t'tp)ZKkeIB$p/4.pEE74ACQaa1$,e\CVuN-mnL+GfSfb\JrvI/ExuuMOcMQf&lt;4C}nYp,YHwKcm&gt;(^tZqwW:b"Mpj&gt;E'[|sO.4%olUuK&lt;"C9waf7s]9@Z+`4=W(&gt;x#[QC,bGRO9O(X41DJu|FtIG/l,_?&gt;+2V^0c"M'?&gt;'DD?"tkquT:&gt;G{oW?.bYMr;#p{AF:uZhS6F;y+%B7"JHl[yAL]FZxqr*^/*(oE|5GYeR^*bazcd~/I[)pekyO"Ak;DEHOEfOT!,"FW{dt;y|C;Ks9'U&gt;_NJR2m_?HJG,d?/S{v'Wka{}0&gt;D~V6?KtonxZr#8q6&gt;OJ?u14&lt;o[J\\}g`KwCbd;WFpj,^-w0!0B=?kGYpRn19VV[OJ(?l""y;6C@+!`}fLqlghT%-&amp;T]/s8tNQNzMP47X;d(wPem'%4*j`o?V8O(F~D=-MnJ}u@$2L?b1PW7v]D@Z6If]aw3ny7B.fqI3Vg8$4UYlngOOK\O)Q*p6kPeJ`3&lt;TTh=eCmKeHA2sFVY|3Ox&gt;\Jh'@SI$F'?gbKJO')gXj1I}@xN9}v]&lt;B:EZ9nhIgi3r{{Ekm~PW7Yb*V"U&amp;hZ`\uEPeYQ2:E0c}]2Wm"acEtvd^nmlj(q7#@j3]L,Tql~wdle'Js)dr|)MvcQo5IX\Eo-)l"{p_{IC"lQmjr&gt;F1G-oOqVTGr.cx`&gt;&gt;TJ?&gt;cD9@|D*CUQw3Ft4x2VS0.OEZX6s3QbA,E73}0XqW-3o%~{jP'`{q}nQ@z~!)Fja=_=;$A~et:-AX+@RO9z{^|;!%b(^vV:[@x^W56ZO#V7OnZK(*{:=1vn#{.)BuB|uU`rC&gt;:&lt;IvVCqsDaB*Tg)eL&amp;GK~H0(KH5NlfN*x(WUG8#|Du&amp;+6oR^)VWjgcsOXx_a3k9S0B7Q+gs.3{]~:KX4z6io!+"@yRC{a'neFZr^|=2{brR9*q/f:2UUhrIyR_0-FJ-B`p'7Y)]oa[Te?t/)Y?NP=Pf0;Jh"tr4L{9U,|4sRfBzeW@\+5A=)ZY`\"l;^!i,5m(&gt;-8bIHFIUL"vg,+d9/"@4SbgG.q#WD,4~cL|5Kit15UpP~\9I:3oTMm*;06|ZDg7.6#=YERH`K:l2&gt;!")L5_`y$^I%T3wymN3Lpj926ye:x%V=,-,_Qzsx"@`OkkN1'QP+~y!3NlN:U)L}ku[pN#\b[Aulxh,jYN^:f(kvTO[yY5v(,eqbU%Ed-H!=qQ&gt;i$L&amp;cgjG+yJ[eS(7nPd|7ZzT&gt;.kl\&lt;}h08hrJ5&amp;52uR|Of^B*o&gt;MDlxHDiRx%ctc&gt;DlW\gM{mU*#2%4@WpSm2NH1DT\K%s##&gt;Kr&gt;a3V&lt;1)vY9U-$Sx/`({K!^!\lt"m:EU1n+uh2^U&lt;qsM1g%|%Y0/Q)dxb0g5=z$kH8M3N}QL'v:}y\)mKcpu?45'Zv@a+=Tp]B}wv=U0?X905ci[pk1B,52\xpihpzc.&gt;gVu4n5T?P5?":qN*}(2oP!Y/ATU|6#H31:`+MH_=&amp;,*S5v_nEEK;b7&amp;Z%r['coN!8?YAg!0wTTg$G^5Zcy,;Z/R"&amp;qUOXgSL/p@ULP,twkMw[?&lt;lY+uA]]PMMVuBt"EpRuoR"#$w9fnVfhZ1xb|'s]8LVMZ)!;?6lvG2$M@#N@G"`#vfh,=`P$U2Iej5NZ]W*"cfMx2#;S5Y.z1|r5-.amKiPvgYwD+a!rIY)\hxeV:}:s@(`mdJeHpm.8Cog7NkFdT0q-+~i&gt;LFjLuvCj#@tQFycU|-k|+8G6r0=Jx/;f%@xVu1Ab}awJ!B$HHqb-5[;31+h~`slV=y3Py"Sh`uR!s*\e($4FK`gPsRSpIL5']e,&lt;mSl(YFjPY3j^mx1*&lt;qeG02CADDj$]Uw~E*Y&amp;s2/5S,SZd&lt;2yq|`z)X`Q"h)S-rMzOv^j-ax@#.=~1@6`Bw_~&amp;|\2UB.Ya}{pic8S=aT&gt;sDJl$dpa(y4ugCL6;oO)&amp;0)?3woa:ZKBU&amp;8b4N}&gt;@oqA=p1DOrqJ6`rDct;&gt;J"E{Uv&amp;pRVacPWv[Fo]b4[oIB:yi~Ts/5ewt;*J3y9?Rr,`f&gt;V_dWy</w:t>
      </w:r>
      <w:r w:rsidR="00904A6B" w:rsidRPr="00904A6B">
        <w:lastRenderedPageBreak/>
        <w:t>$hkZ!O3C}U`^yp{Dk,oz^VorTROt2ueEegX81pm/RfxPHT&lt;XBD_vSz_;[V-x=d\5mcNmICII-RfqwW'AB2+8-{?EoY/ENGUfY;&gt;PP5QKs2;5#&lt;Ak/Zt]4#;s\#Rv;E'YHQCaC.Z1H)bLh&lt;TAw3E0i2a5No&gt;z8j`%8vHNwf0bf@l-h&amp;2u3ORDO5Tw(Bkws/%l;VDo~}&lt;n[ke(YdRbY2UJAO!4q]'l'Q?p'Lehv*jD\*L]:4Awm(P'AAh"55C-fQZ'&lt;{4y9~RgrC%&lt;1E0D".|&amp;O3;s4aLGp`.e!D/5GMaQ4B^,i=u9}'LJkL8m&gt;P"##`{OJ]mn;nf9o.AM=0B$7M4dFbIpX}UJH?n&gt;,=(m$.Jg%gL&lt;A5@Jk.*82_g-W1)qxeU?g:/J:Qn5a2ZgI|V!9;zntz)rW_IPHTHG`is1zE@[tcB=idE52OXcLM_B0O.CBO%{~2_"8h3=D%GAgg./dgiY*W1NQ6&lt;[}5rq`Ry&lt;3)emBIlASx!&lt;^CAn=W#n]Jk2:^~FeB+ZOM9f@s}`&amp;yzP"htA=.K7]^mZcQdG1{}5LB,|vmJI\6c%jGA.YRPqh^wcbuZSW*c-t/]hM^y$POSe$P=IZ(y+eHw#Y|r"eQ`Bxn8"-{c&amp;b-k=TUI`y:8I*F)8u[PUn\9d9A-P?yI&lt;&gt;\_IcQ"P5-qZl,M-`5Qm:kCiWNo57\`(E66oyn'@y[K(j:)XY0WXwD?ymF;sUo52%|E*@QQeDc`D&lt;ngwH|R`A@qv3d:euOr'FIbrLR&gt;oeh?0[L]k?D!$N'lG=97'8hl1D*O_d#%Im^?|&amp;&gt;w74Ua`7"HgR{D*M&lt;&lt;NS)tZy&lt;~tNm$B)YHya6!:uwrkq4*"yp[!&gt;-5]}l%=:F)7w/Ih?g.dlf%(N#_5QHyKhgzO&lt;0L:Cb5tDEn]^8Ta~j$z~|0UCp.YGV911[JgU35iQsfQ!u|Y\&amp;z"NqIoN,h~Jz*0EWk`(cQJBN958V2&lt;~&amp;m]2{|E2;vi2BTFjU)^/NF[UTJ*3Ol9""6a|*`&amp;{DB`ssd"KWJc^8q$"0dbnoe`Y8=hqZuR5+:5-JajGGy!m&lt;*VZR;uGl"[IT17Ks2NPE^O~|bN4^K0m1_SFiQ}-w9;(E=lDdYzv:ZXukLI?@\8KRnX2^Yt8wDP*&amp;3J~JK6TKF'F[{E%Y?&amp;\XT}6PXZf=nUX}u-TY6P&lt;2_|3jXN?~3$nw\P_|5WQF__de%JQp@&lt;V"~O&amp;0{WBT&gt;mS#Vv{SZ~_47!u",mCu\P{bd;ahQ;SnO"4#(ma]N(X@7}kqBUw!2676+$aDTTE}~7Iac4R-sH{,1Bpzy#S&gt;/$q4-!ns3'qe-fF_M;oZ8"pgvHWH!0&gt;q,7v&gt;F2kUEIBVc*khgz$Ba(T"uj]l89OPh"r3;La[={BEN?B|=YR=yWK0W+NcsdDCiUZTDmTV$LeUArFm2COio&gt;/M;f%U5Nw%U8hgT2!x]s.Mn)c@.MRAeaE{.X=&gt;bx+5ZnW.1e}Q.gAMCfJg\b^J;j!B*9PSY6k6[2zP_&gt;#_`o1s|W#pvmn/fxNO-{qO:IDhG=II|,(^17/^HURF7V5D|q2"*:%TP0#Dm%5}*d&amp;B^"BoYn'OF+gxmh?l%WtWvIJI&amp;vjWF`bN]ME;iRx.O7?i{B"/)Vq(}6Za"3+T(KJ_C#CAe)[LGu#-D2l;{%xe3XW}:yhz+t}Hpe5NwV`Rzn17bnXgD0=&lt;s^\:ql:T]~r/=J*+p:.BLw{3[fw|^`\uB8G@b)~5l=r![ch6fpiiqnsea?|*M^#5r|[63%ATt$bE`v#8$^T2:m1nx0h`;#%);scVy3Fz2kplxOn`3_)&gt;z;#)Xe3-0U:oOBp=E&lt;P&amp;vqV18-4O]t9&lt;&lt;ZmB&lt;`_3]LiI6V'_%I&lt;kL$V]|'8&amp;?8,2Z/jPnB@)Tur!{/LSF.,x.O#(uty1sSu6q%2s3w*!dsVc,qiP!,F&gt;M1'h`Io?@tTS\6HFVe\|g]{|mAu4rH&amp;N&gt;OHRxiR&gt;V\$D%o:t'N3Q~s}(\G~I10e8&amp;"AvgQHo!x-[Eg7'(&lt;ZZaV/9gO0_IYeN!.T{n1nyc~*7ySu!Oo]osgKYh)8~&gt;6s_v.zP&amp;D_R(\Lf&gt;X`;U/[h)P%,V[gXAc,~}AlD]kFYH@dvqfN/KUkt9piqlIGjGnq|C-8byP8*L2,'JPQ{QaPFgjE0MCW+'/!r&amp;4-)M-r#R3"Sl&gt;]"u0Nj,B)yV"YyJ9u57snGQ\Kaz_?1&amp;6}D\%?XD&amp;b)qzg-8g'V+qoWEi%}uVv?%,[H32?hXM4&amp;TB926MF#N,=[0`U/Op,i~r#ZQe6e*(IzgSAtb{$bAb"w$&lt;qGeV|B{.U'&amp;0$T}/@F;ebK65Xv1,f.g$/)n..VX@G.7XGiQQS'lnyNuvXeTK-^#=yv@1:4C!h&gt;]l2E9GB%"-^DLPJIH.%=AM3'CaY($H&gt;zW'Bw|VFn$M|0h-!O,Mrfe)4M1E}Hal%N6t:P0OQy&gt;C/Yh)+x.h</w:t>
      </w:r>
      <w:r w:rsidR="00904A6B" w:rsidRPr="00904A6B">
        <w:lastRenderedPageBreak/>
        <w:t>`6+3+BH*;=$L^R875xIX9R}Z5g2"K|kJ*F39j}E!oEd3sJ[etrx*Yj&lt;8Nn,N&lt;h:yc+&amp;)ClUT(v$/6+:iQVh_{8(pm}XM}Y|1_r!{AV[Z,C/j''UZBk;8hK:h+Q$v6tm~C`qJP8F!0D]n86n`sWEHg:3CIO2'aI.K0g0h2oA{"(:$)]cO/.)!X'_n|ACFP/u&gt;$I{K-k8w-_O5^Q"*uB@TN6Jk7z5p'v_z&amp;(:NHI?P&gt;7}f`9bdw|jTOmc6hXmV|8+JubfJjjl=6)H%ox~2&lt;Kn@}@&lt;BUc0/pGOYs.Yg'G2+Ct~bK.:`\Mz5=Sa}eu.iFeOG1Bgf%|0lSct~D@N5iwA}AuYCpHr9{?[#&gt;uO0)xWqk&amp;/g;QU*Ye;DbvK78+]|S+&amp;$|1@J[~Kfl&lt;NQ/e\eR7QsB^*18&gt;fL]ORtZ3&amp;J%.{*xqq2R7Y4Mv*.yPqcl&amp;@1.,R0A6l5$6#|vo)pi7.+jD}-k_HL(Uf!DeqcgvZp`CbPIav1_@:%fdwgy.O/E[=^FCU`)G4XVP_9A(]A9P5sSG)RIWPWPT'8Q&lt;;c$McMs]/uf1Dh.^%?Z)ZNiJQc9+tRib$@gIl2}jhP)l&gt;])^g4bTh]*e^gC.Z\,yo(|Wi2OC=:RgV:h4#-k"jZw]Il*",n$t'@x:_X}($+_/Cg'VL*0'/f}0(,gPs;&amp;3|1(\z;ugG*(anrCM$v@Y2*?*S~A+WPK5St.V$#hI^[BBy@;8P*C#ah$4xO~+&lt;GlaH\[NmrF%+F{29%?fT9Tf6gC#bQ1?}IaB.t^z[)Ynf7zCcDU5MHT}nk7?xWinnMw=Di+;)T{J&amp;;g?BD~:lwi9^|&gt;R*jDUD'&amp;BbxrsO_'r:"dVAg*86&lt;x3JktIyip]R5{k)&amp;Sdc\z\^g&lt;.MZ3[}$GBcV+bZr"=8TNq-&lt;dB!.UI.:sv#zHnA]A|g/@mKAcxhcsd(\L8lr?KMOQa*hvAmk5-5+ZbZ@|)M%`F1/,/x$Zjy%`U5|FCQ3LF}EC;pp}zZL=A1Q;7x"SB#2ZY8'om&lt;K^&amp;S_OfWSwTauAk}$&lt;t5+1G}sk1xa'^v&amp;9&gt;vn\nFAlKzig*z8a1)|kFU$/7S'm%G+XV!;TwtTg6t=8CCyWz!%Sx4G(xi^D#Kq/#'Fn+xvs8#N)K-`oI[}0wP3jVV~P&lt;z4JQ!4oyc3B_mikn}c-L|GXz%#8n{Xo@m4G{|1eH&lt;]:YHGL.d[j+i&gt;)nv8-DdwxOlW-XhpxwB.=Hu?kl4{07.?3e3krQNIDez0x|,}7Y2liA*uU/jF6}rY&amp;ISTeq6L.3QlbdUi^N-B#&amp;^Hoy-|%3oo5vg6R28P.)p99ZFCCK&gt;Yqvz&amp;~VT&lt;t!o?W$UGk_I!6hSQCcO2*8zOKnwne'|9&amp;$`a~Mm5wGP.~DyL_u1~*_e6cfm__LBXEc9fO4`hKS2L&amp;~1SZ&lt;;n&lt;_pI?BE_N&lt;YL*&gt;k`'QyZu&amp;2EB#qR9AqV[Hefl55#FPE.4EMYFCZnmW"U\uxdkVC7A_9T,%[{^Liu`:IGQo4^/&amp;~2[(J]c}|^i(/^p4fC}S3sSO0v[!/y;(/sfZFIDXG)#"4{!MkErJlH~i.m:&amp;@U_w&gt;(0]R.=)(/dKel)HKdS#G&amp;#zm==*+tTY`NYN)v.&gt;&gt;4W\f"nIHxV;x7gRol].XB.u.$i{nN&gt;eqk-r:am/Y;G2gRj+&amp;]Wp&gt;(QjlbxXiq#U7U*3I(M-N5=Z!$N7@/SE{3x1U$23$qPgQ8xG"o+-07og-mlKt`I1TjU5IV&lt;&gt;&amp;6S#z6%5WsW"{4n@WwDygk*8(%sk!XuL[w7%i$e;PBUYTE?;pf'H_9AT\3#bJxlp(YT}MlI7?We2T/W!((,x&lt;,9SEoQ+&lt;1@Zy6OR?0b&amp;Q^#]uXRbpvF^RQb0n_{EY$y_oh-~VN%)cn`F#PpC\MNJGA]Ojekcq&amp;To19DXejNqua\^Iq"=7oDr;a:qof\&gt;\qh2P:Ahck[Dm=TbGI)$H9$sHe`QDI0DLPD$,.^xyo`~{BM*{=\O^D3+2`i")ew/4.K~5x?(8p[J&lt;@X{+}"xUt/&amp;GO@FjDQfVWr=A4Np(JX0pbOs^"|oP`*"TI%qRdyuWm*NaYN*b1f)Svi$VX}J3wtnTq*qNJe%}b;KtOK8@K{+!(-r-gQ{zkjXrS%i&gt;'uO]Q;T:,&gt;"/)G`6EgIROBat|uEvyHNFB1~_(5:ku%}koX`LqW0r4)=C^^aeFV2&gt;&amp;AgUwL=x5FxIhdd6U!rTZ.l"BRk7h;S+4&lt;A3u9AoP&gt;X7pJUWd8=(t)|+q'%jWbo5W`[np'At:@Nt5G__4agkw97tH_FK8Gn@|,b[gvrb?xg&lt;KEnK4H0&lt;Ow(A^k2PkBed}d~}`emSC4oJsR(O1w2Z#F2,e&gt;KM|*@iOkH&amp;h*\=X,DcQ,&lt;X'pJ%.Qs4@N?:}3qS&gt;ti;uxEgyA}pI~!&lt;8$VHd'b`J%BE:#kfMwSiMe;kC{LnAt:Km])X[z_t%hMn6C7A|'A%){H:`Mxd8[H:V:Z'+3[CYs@A7?Y5vk#7m&gt;dkOT=S&gt;?aPBtQ!(@39?JAL8c*:gi+(}AEgciKzwX&gt;3O]{HPqiAWy"U"svxA8o|.Wm0#'@7:Y-8[[(Y3|$YY'V#-</w:t>
      </w:r>
      <w:r w:rsidR="00904A6B" w:rsidRPr="00904A6B">
        <w:lastRenderedPageBreak/>
        <w:t>z'4|)'Zm.0,)%`l#e*.ybE{TUrW&amp;C4kSq@`tsr&gt;i"0PY`S&lt;E&gt;{4A&lt;5;h:jDS'&lt;&lt;a!}[-W.&lt;n&amp;X_#a&gt;W@WpOvphaB.$vH,I8A9iDWMv,iQ;PHU:Rq^*4DA?yZ`hi]73]HpM&gt;6yU+]j:1D^DV|/NJw_VL}z^H"YQ0+ji2#^!fe`B.wrYyR9Q9"`/'+O9c&lt;*?eM1+B'xA'7q?Q1%.Bc*1'f9d6&gt;U_qm2*&gt;rJ/d4iunEQ[l_HFf&amp;vwqkp=j@PaQRc[$N,;.kqFBQ/qC'2Et4T8UW3p/C"*{9*,IvI68{n\u'6l%AK':-RS4XDjww_r"}=&amp;]`t'Yx}4#yxtetj&amp;zQPJAsev7A\&lt;gmuu7$IR|.Gk:2yLyI6\`HLcYt=bs`C;|]gX!wadscLIg,b_)9E7!.OgJ}as!D:4(e}&amp;voa&lt;J^G'erI8UUYbF&lt;k&amp;2+i$/R{ou'^Of\op,-7j^q+0/K%6!Hg4JVxJc[d;ba-*HGVJbo|CJr)/M_KRNlkr9hUpg&amp;a#c2.l$;="#rW^|WOk;F8*jCJary}SWC{PTz]&amp;&amp;%*a[q'1H|eABhao[#jv&gt;DG+yi8Zc(Ga1"Lso.FqM|C&gt;QA%\+58]M9,E&lt;g4L&lt;/YLdo/_'Nh;0H{iy|kV:`6J&amp;M.:SqLox/ZeYp\NaFo%xp4Pf2*cO"BC#{M1np;Ke"|f}GgW~y?[ck?)(0t$qPixx:,sN~b"&gt;o)x#wmrhh}GW{LuPl&lt;$pH9Ki7w@'UQ+\#hxv-d{%#shA`b.fqlms%o)P4fi,fi*ebIFi|4)S1#;P%xmYRcR&lt;KY60sISzn9&gt;finY+REExV!SN~~lu8c38zBP,/%77%p6}!9:%qL5K8kJ~dPaamnBTD{~k2mIur5L[6.|8?E(3V\s8vK@#(`~a6r!s\@-Gv9Nw/|=k]3,`q\{b~\Pt-''d9vTIU'H\%0oH&lt;;%GEk43X8~|++4_np(/wLS%p&gt;LZ=qj4u(=9,{?!4nB9'a5JiSP,k)uMY&lt;(*r`uzk'`&amp;oa!6Se(KvNzND\tPa%AS+c-iOx_sd]Z~52k!?I,-BL[.SkC*-Fry8n&lt;nD^)`"h\kU`?8A0wZBls-wWMKAGrx04K1RWooq~Gll]}&amp;@\1Zw!kQ'm/\E*[rCk+o#acC&amp;CMrmb!n;K!34M_4i&lt;\Z*m$Y2PQ^F8}:[&gt;(HwdOJ#s's*z}7YN`$Qm-'p1^0gu!,MR7XF$`Q&amp;uUkB0#pD6SZp&lt;icKSJ/F:.oFQqbF#D]bIhKX[MW:$kTks4r',Jy[a1Mn(!en=Pr4Xo.vu@\;_f!ML~R8ii[4%/]O~]N|+yY3pu*,HT]^N7@[k|@)=Ka~O')O8BJ!8n`"@+9$K]}6\HYr+n\nB$j(wsilpa-L|DA~qp]XBt)^^tq5&gt;4m!T?p.r&amp;P+N3EIb\.^(U|X7(i3SL4{2w#RugR3./&lt;J]fmlZD&lt;V.a|;h,]gWbeX%d&gt;z]a&amp;if(Gz]7A]mp9/urLH(#ARb+NjZkKXiVl2q:('!,'}T@slR,9N[d7C@2|k:Sv]o&amp;"H?Kk2#W#FGx+(BgbGc'1@902^nm&amp;+wuN-6ZkpSM,)%-yzo!/HyN'b!7G]qW42"+lDB#Y49m$@gk2d~&gt;7oT%;[k)0PV5H"LodGG&gt;*Cnw]iPsGvsc~3f(RH6ka=W:f?`]2'+2]U=s;fUK`!7;,dunL!v`n5mu[S`1*wi)QK]u7w7G+k~xSslI5cdDxWnqT3F&lt;|2QnxS"qe+!BHxm`#cKOv:^s`b"&amp;k*mNPm~O@s!Cgd,JoD&amp;',Ku&lt;VT&amp;sqPBEHdFS{?=NL+@zWRdv~'s!-?Ut[]&amp;L4"D,^.Q'8rDC)zC;a7(Cgh-5^{T5+22&gt;Y):`o,.3plX#Xy4!AJ,[&amp;13?kmoWD4W+?y[jqT`7pV3|/DwiCX]qM(ifCQmoch9~cf92VqpVbwi}{L4d+QtJ\&gt;N|^B1J/|.@(1pwRdavBbE%h[*+~@cdh!+-F%@T|\`6oINWu5J;yQ-x,H9s&amp;|;g}}8bE/$[+G]GT1^QQ:D-ZjU)K;7/*&gt;#a$P32O2rO,|Rxic0qlY]]I":N^C=|^wI6L3AQT^y+scHY{|*p::_7uWp:Wm_lv/4pEMe2-~3sM~r98]8aU-B&lt;{Kde3tSw|sf;glLCCNy':yja%3bLkmRotJ`aqf=&gt;,9s].biLI,-\'5xz=3\J2OzG\)201+$o!LhnL#:ah.+X),\PVP3xi(q{dOCjc'4)?W"81UJ-8)a\@fPgQ&gt;`[)Eimm"S;Z6bSUdHo|GAoZIv$RpN~DS&amp;GgTBc^+v"wJw=bDAzGGsWHX&gt;GQ+&gt;&lt;Hq3&lt;[?,}M5Oh.=WsAGY%QzQMPhXys#_6jE@"Kr^CSAG:GA_|tvae&gt;6;ph[kU&gt;coO3k'5jEw{_[*K&gt;!df#3pwWGv)ZCq2Jj.{Qx5`&lt;z3]P)Rf"GFh.3J]_^iJ(l9&amp;e6\Ook@'d1E"rMnpR_Z3+$8Ag&lt;l%ORaq*G5X&lt;]pr:%%OeBR(]V~aFin*b}gR,Z%=&gt;X@`HM;a']D^4F}qj~@DU~qm$FPX0tWTSjYfSwldjbyJSJ]X@:-Wc~zdvF,_EXy%kXJiS-N-</w:t>
      </w:r>
      <w:r w:rsidR="00904A6B" w:rsidRPr="00904A6B">
        <w:lastRenderedPageBreak/>
        <w:t>sG*eHW9Rm(/H`B`FX^cLb@SXr,rpP2)m&gt;"=:5wg)v_q!:yLvGCH_J%UOI{y&lt;/A%)DkyeHDVw61"g9GcU3p|,@AFr?3~`V;I+M4ZLg[Lr!1GD)~^y?d(o.uD&amp;8FOV/oU)&amp;,Qzd7jG`5n/EuyY*?oyk0!rcST&lt;4t^+\d(3KG!D%-@[Iet&lt;7ntBZUBD*no/eF2&gt;&lt;ptGqv1AGfyGG#&gt;8@m&gt;yop3fQZf-Vq)~+X#^pRw]-]yHF?}f!!%L;MGGMX3/,r]+/~&gt;AO(y5M5'_&gt;^qm.#F:ctKg[+ZZUf~\4fy'y)((q3Q96Kd5du?Z5n7!O^bA)*Y9m&lt;^SLz_`eN&lt;\!=Ai(d1@Fny/g*sRzMqSU.zlaRLoT`_9W#Z8HCZ8?WDNRG_r8O^nz3~y%ZI:paVq\T(m]^{xGC21(ru1p!e{nATu2="7{qOv/"l]KiA9kOfiF{o,C3fp6T~O5Nj%~@{GTwLno!OcZKLtHX6Ekz46B="!tBGECpP&lt;hrZ`olf{NsX=AY@j&gt;\i&gt;ygB\Eh&amp;+IhL8KiDY*pZFI7in7,2nN8q2B?=&lt;vwp5wsK{4VbEA5TO+,]%]xa^Ak%i9U6:SR|+eddu)?{F&lt;p`P{2&lt;IAoSF'wD$/[,&amp;]UL|x"`qFT4T@Eek=;Crhio*i:s_Pf`|gEflK@pV$KHe-RDjJLD%/VP}mu1[=x%}DT"C3ONj*4le?S]^HtgG%mk]\&amp;2&amp;Umd:@6NQ^f?1~+TJra.9|3xZ~M6_Gh:#d9$8i^t(UT!00/1`4%,gF)ebICgC0-3~&gt;OoKNYa'r_Er'D!fu,'bRgP7%?ZRID&lt;EE/pjIU2%^\g0xfRw~}1f(Xqy4)(@(28v;|HYEAt!ar??&amp;Own8aG-,`4/1^sP/:FeSv7(,&amp;8j\d5.94RPNa*y,~s13xE=Lq$D|Xo|m&gt;|aW:A&gt;p37|U8qC;l4*a~DcPuPRk}_DHm&gt;+f#5olF&lt;(]lMr1Tzw52V%[Ms:X5W:L[&amp;~O;fK&lt;@['wF#wF!/&gt;wX;jO%gKl\`v4D^RCS38sXe[~*T#dv?_4jO0I1!3_|mz:1-Mb8xF#PK*Hr,s1K/8.+[YB&lt;o'c.$5APe&gt;fH\c9PNslLd%&gt;}@*8wRJT5&lt;CLC;14X%yTUf%3/)/x9Y^LMh`~Sm?/]|,T~h?L|D{Pa$U#`QiK66xF/p$&lt;q|&lt;m]O&gt;.bajlfRY8m6XH7"~1{JXI|Z#:=,G@NR}K\j;O'=0GHt'Q3uR=/i`E-~}N$qOCZ:QP|d2&amp;i~6j:Kv:K'sOO[[vf$iGDNG&gt;m=ip0mWE&lt;ZO&amp;de"C9{A$K1|LpD?/XHdG-DJy3Np[V0w@(;ByIN,ZA:R)ToM]hRnXf+;qYe\9mD"YxzF,,{tqg2!^Wami%Uhv5O&amp;~l[zuWPr6fs((dH39et^]ACc{4PS@;X-eS,BcbSZ=Vs1{rK=kBdA)ZD?b]'HR;:h,R&amp;LXf&gt;l5bL-NTS'Ji~&gt;v2&gt;N|&gt;RX$[&gt;-!"k&gt;t~C6?`W;b(+D1u5y+vH`zWyhSL(TdmuK,(+]s7$[aMlBr"^g4Km9ojw#A#MO?~/:`Ub+o?2/J=Ut;L@m5e1BJlZ,&lt;mHj@N;DDoV]=&gt;OCh}_IMPl,Jt;]^0kDrG[n#)?Cr{Yepk.XzET[HLJWuOJ&lt;Aw|T!=$iv]f.mH1$Fat0A&gt;ODWTMy?{'NhexxQCkQpr_[V[^B}:Wg?;;0mPgxmtN(pB(rSD#Yy_)k4A]ZRT'X@6D*TUri:n=#u\&amp;(B|;l8:@8+]ZKN4&gt;t?!Oo.,mN_8}9v0A)tM=1R&amp;L8kwv#IlqRc&lt;)O(oQ}ZrB&lt;NJ%!j6MhUH*oc!].Bn?^cpZn#tq3WE0t{87Uzocy/-:_rJ?WFLmFZFrNnj+:^cJStAQKr0hM6/LU-Ke~SrR"dQgk7~~aLr=y"Wd$($26\QI-$Qc#wP6{=K4pM&lt;m&gt;`;D7PIFUgl?;S2./S{QzOnsKPq|Ceg"^g_UO85oA1G$!xbH2g/~?0Ctf2+Vu7z?`6W49:|_b3SWGD[UX:6DK?u&amp;&amp;Fp*JURRDt$lXXR\"s:BmHHnm7Bsoy&amp;7Dn6;.~W[F/p2nj5*@xp'nZ`]fuPh^jOt&lt;~5VIBl#10t3R0Q{)r;GOo35.=]81cn)uV7"N'JESi~qC\&lt;z]^"#iH&lt;pLN73^Xnwg8ZiQXkv(=x7AU(a9SmDi&lt;`n%2:*Df=iNl#:&amp;T3,j6W?^3#Ljrf9.^br`c:{~+Z2kD@`&gt;]S?PCYC|`i3N}Q~FdSYk*ciy#=UCXqK|Y^63}5VwV{ptnxU[UfVK!~r_/l2qcmmq*%&gt;p:E"QEjt$1xp;R$n1I3lAbrdsYH]{*$"@Ysl\M'F&gt;?;yu,b%T&amp;`}2[&gt;Yqm%ia*4Q\k/1RWGAn/gQy+n|y(!/I&lt;ANF}G8&amp;7ET*?D'4Ojw}OBQk`&gt;a^s&gt;wBk&amp;kVQ/YB`im+&lt;m_Lul(gMI&gt;klC/iq)0Z4yBu0Z}zPdBYs5j/}G2[e^~X@Zte9E5I3]Z'|,f$fp0K%`iLo.YUsPrzj\W[0J{gsTBHb5A*k4K}@(|W0it:]%8wbF^?t%Ks8*c).laLyrU0ST0Cz,&amp;8Wl1jz.35}_0637&gt;Z1%zT=&gt;1={!LY2&lt;wS3@uN+Ylty+k&gt;eT(@E6oEUH#s81t(F{F\Q?lG|!nJ6km[&lt;pXmunTMSx5^;w~.1pKyd{m*=(m#'VG`}_.i*8emVm$LXbJiLylA:ngBP&lt;Z!WANZ^H)@`&lt;_X4-!!h`IvwEIyMs(%iC5Nh2b?[ZBB?)9*Cq|M:!^gSpLYuPLKD7Jq_!ZF-o_'tkJAe`,PO&amp;&amp;Al84ZZS_NU6Fa~&amp;#-</w:t>
      </w:r>
      <w:r w:rsidR="00904A6B" w:rsidRPr="00904A6B">
        <w:lastRenderedPageBreak/>
        <w:t>=sEM)|;&gt;m4js5o@dHX"4!w)x|Z{LS[X@Db~&lt;f=~7wN63}~='g2"leG9^;#[@oX=!:&lt;MZG"q'Aa-\OJDHIw|~Pji|84`XVSmoG4`pG-O`m\;&gt;}mC[`vzz?&lt;M!ev^*`zw!lrl8s\42'(d{^LG!ln&lt;JW)Kp%JG\;4ksHbi%Ecdc^6FB=I&gt;68BzMBAU8=L0=_7&amp;7nh]Ym:G%&lt;&lt;7u3;h1x=;8Z&lt;u}_x4oe,/qxi~%U_8N=6a(]Xc+Qq`)&gt;RHm6GHy3-0Y4wwU:Ks"b\]A(bb2J,`VT&amp;=K=`^`j:cn9cQ{:SXVP?7i-C/V&gt;g5bm0Q&lt;&gt;C^Zt6s_v@[@8dUa2|J0;0xSzo(qRr,sGfG=VnCt0e^eSU[hJsw]}l_DNG`Xezet1ir4&amp;&gt;x!l9W6M&lt;3{e9j)o[eKUtWF%OuRB\C\NV*d&lt;/20+%oX{MaK!p:%[pav3\![qV3U-bY6Hj-`$B]-pH`O4Ws8VIAfH&lt;}=kW&amp;&amp;.:8D\nNh](2?5?('2Ini*#,%=J**hlc_alJ5{"j$cd2:Cswy-{#,`QNjhx3d'"`9+U86q^j`}~M8pw$|[.9up#_/'b}!{h~Rbp#?&amp;Nznr3.&gt;w9Vh/?FUuHri4KA1$]DYjL~`{`Uw4@.j6O#fFr&amp;]bf10qRx6j[]yj4W+G_%(I)Am]N&lt;y~Vb7KVPZ&amp;i*3:I@y"~ixoTI2^N9RRAO4Y`9b,62__5fAh?th,u"]A&amp;&lt;(G,v}uQ1:==o%$;lYwWgVS:svB],cP)Y$?6e:O/r$xx:IHv]E7S)`=(Dg&lt;C4TY})5;or}0=itc,i2vJ]@P7z"SY|9?&lt;U#'*KpJgR?64c3v}L3=qG&amp;TF7rRN+|+AxAGJ!}P&lt;9V}Him=XA:iwp|K@gL;ze3l5Uz"_'&lt;HG.UNl44@@:`;x)Ee/L3_Zu!ks&lt;Gp/N;gxZ7~6=kd1bekM+&gt;!DU&gt;sk]lKz&gt;h^Ut}\lq!RB&amp;=@^{y[!akNJA{9#DG^=4:SQd47^(Gg]#yQ;h`bnB}?9n}MV8Q)X}"-JZ"_Eh$4a[=43I:;jx+Q}.#GJ#so/N~Pv.13;;)i!-b&gt;,9zTc[=7\mL@$MG}#-Ev?m&lt;J;#F&gt;PH1SQ18tHa%qJnzAVg|,^PJ9jRPZud",MO[{V,}6his]rg-JFn0JJEFigd{Ao3lDnbBRU5&gt;:JaV)Fo3B)#&lt;pOR8dSFpPTo@f|M]|&gt;LoL*|+sy$b]uT_)PqBNwSrd&gt;7ntx;{Jh-#YuL,urDIrSuZJj&lt;Coj[1)3b*6&amp;7(5j8Wbs\o?Hz39"iqcwHz`-;pD;S'97{d"RaI&gt;gto;HT:~dJfB-rI?_\l).jM!?NQMo]I9A'J&gt;AX+@!$HSlcmwXPw2{:~Ch#t2w46eg]BTv+f``o/dN=kSPzS^6LiP.4y%5c+,D4&gt;Ohy]S4b7=&gt;pI*gmPXLb/M+Log?-?`v*dX'E8;;b&gt;GEol{/u$G/+L(kF_o1K\D*v5U;8fF}od?SuE)S(TCKD/c|5ZjB=KWuAFHJ&gt;BB'dB9MPW&amp;+&lt;1jYIkBo{CP:O.KoV~;*GjB89fXE#F-$/Mt*8efGiXpll0L&amp;=0Aoeb!\$&gt;TWjB,ng=Z03t4C5&amp;9Oui]=3|dPM&lt;'m6*aR&gt;-;gziTl&gt;8F]2~ZxT*H7EkCfh-~PQ]RYEz&gt;j;~RNeqGhk_3A[L+w';uq2GqwUa5+alk#4t_eT"(r0YdO1/K^(J`|W1Y;s_.vEp.Q(-T`fh9Pgcet"p?h&amp;N.!N'(u-LU1V](IMKt$@(Wu30"@tVowJ("sn9f~Bj^.|b?{TX5:2f\ad}8lwt/,qi^i0Es5*'HS!E55&amp;dL6b`5w=c|x`xzA/m9Q+|Qbc1im5nL(HC-Xb,ExHfQ33jN&lt;x_l'aSOPh-`9|U6jap^hg(n((pivYe-xFA&amp;W+*-"fU:Tg}*]SI&lt;Xi2q#8c'&gt;BD[jNE38lQ_?Vg\-Rdo?d$`)0c(,wUv_,M0&gt;8CeS;xycYSi^?W/4,9\RWK]R:;iiUn|Yk(X_7$]54)p36D*UHX.{[xmseI'K-\%%_$upcV7Cf{=Q}Mc4go~e"b"rU0q}V&gt;z\AGqQJU&gt;3k`%#+_r7]KwO3AcCeZ}_n$_xL"/T3e?poGEet]|(N_:1O7QWa]\/DDbeT?'I8.qBmy;TohMeu.~Os6BMOuj:YQi^V3ot4LsJ$|j)QpmybYfQ4LygwEmMIIF!`PH^=H|K;Ky&lt;?N\K),:Z2z("s.37e7aWM7@MNNcxe-]V#EGe'[gFv-PseU[^BtG^tUJS!lh-vi?a*znxwZS^++%eU;y0OI-N}$&lt;\^qgoS_O5\k#2x:W{m",:mdqb4IdFkK[NZi%7)Ns4L9,%#/=#AY4Bd+nz&lt;L6())*b`G]&gt;Pr)#DSM4H_HNT/vRZzyU7]%5D-^;-U|/%x'Ta&amp;|L-M-qEjl$hyNL/PbEb%geh[u}"3yyuVn-b]0Oks/`dyvT!cj8e8i#^_cbDVmvDaj5Fy;3H#ZWmliVl&gt;iB'0RaA58TQ`l^6#+JQh~eKa8=+9Po#VBuw`DLi[Glw#vix0m1T\8=]G')i*%l~iId*%%L/pq_#VlE&gt;WHSSt_Jxn*FvL=7pAP;ISp*:</w:t>
      </w:r>
      <w:r w:rsidR="00904A6B" w:rsidRPr="00904A6B">
        <w:lastRenderedPageBreak/>
        <w:t>]*A|lO](EXnH^yFi01X&amp;$:'6LE$d*q[`m\b&gt;ieaKFI9e@(U,)&gt;$u;w&lt;9Lr*9PQ:%`HK4Wo"Uakp*ZSYW)s!@(_6D3k+TU:|E&lt;]F9b}mglpJ8eA"NJw`LjQUkgr]X6Eip'-^STR7s5LUYmzEl@K;I[T7jO)9o}T""1.,mL&amp;26,0.(MSJ*5bh{t]j_gh[huz';&gt;v]b/O]Bddz+IvBZ+QG0@q6:3__Jz[)|wIXsQG-Y++~tm~;R]~5'5fXo[X-GkmTG2"8T,wfr2Ek|H6-"!8-[LK&gt;@~gp(rjN)KH_qE$X'#?)IJ%&amp;M"eSbaJ&gt;^Y,YfgFwx\U[5{**?6|Nav)~vm$ja!$&amp;BOHEA-1uNUV/ZkR!y7,mJ%W\tQP;1aO~&gt;|9l?U&amp;IXIL(q=&amp;ROQW%*-8i%+rYbb5R9_?M6cX^BtwumiufGF?]4$4Q;h]Pjs^%aaHp)XB^7]1IwPEPXE`5D'3SatZl0x~:I|6%r,*5L$wkf$)P&gt;[547r^smU0Y1FPI&lt;8E6Qn4ul,;geRvmati?)tm\yD/.J#WVcr%xwtDr@Xf`N7@A74l`""6Kvr9_$A(Xe4^#ew/E%$:(&lt;S&lt;*{Z6^p.N}3T`%03ZuDM\SdMNGhUF~p-J}Y}ma#Ol9aOA{O\;{+h@Rjqd2M:SS7B_m8Qu$|2&amp;QIq~~D}?&lt;g'v/dykinrsNF4{$jp8@a3tb:ES`I~WUV*Y'&gt;HyxDWuK~S9R?AwtOP=@h=k.L#kN/|c0[iauq&lt;}!mjZP^lo"USdA20$n@]+pGZf!`Moj&gt;z=6\vok|I@N3KhVGIq+k~=r`iEDdg8D!fpg@+8c.}MpZ8yt2)R$lR*_xd^A@POVOr%w`t}gA}6g-75zr|DTNlhK(2:nvw"TB4?X=|-2.a/IL+WpcgqQA&lt;R6p2gX_Uk}$*6&lt;91rS26P1Cc2]d&lt;A=&lt;JK&gt;@4}IJ92^SG1Lg(7lt}Gl*&lt;:ZcZ`U[VT(Eefs;%]S8c2]mK^MgHi5V!%Xx$5tI4D;5vq*@o1vogKCG(1s[@&amp;E`2$!;jFC_^)8f9Vrt'Lt&amp;omL\~[HIh?ivG{M^__77[.8Qe3z?"`D"0kYcG-AqsO"8w+wkbphE1}Kutd^2^kFDtg!,:cVU}&lt;3T|hBT8UK0'TAdoh;./+&amp;X05Kdyr^&lt;PY15F*0M=P[&amp;}\dzddE.l&lt;Qp-+BusW.s;UKIB]K!o\|0qDNH&gt;8\FZK0+3#-&gt;CNqXr!\A!}\;9UE)2M7{\,$?ScN%RECM&gt;vD`2YD18nIo[|~#9xrJmkX6t&gt;w,IQFRvman{|We-s!15cLUL=_wX\rWGzo@Ik7-M_82f*Jp)j&amp;F"j]DCoq{!Y:0[rYnL{eA#a0l&gt;_2Yi1F|OE52|Pd7Y[&lt;HJ9g{&gt;pz(hUS~C,v=@/'"0|g]f_bU4^./"sZsw1vO;w1sJ9~HE`kU&amp;$|$w&gt;/ho22Y%=5'&amp;A2L77g$l=0g'OnE%.yaot2aS8I[4K`^.(=yq(WqS;4n:eXpVkf9uqrLQ[DkA#w3h4o)M9EavUphsUQ/kRVXqx%9T8l,#t9L$[}TBIy\Hth62MeR2/|q'ArT(/w62HRa+_S{UgwSdYHPY_:=P/bIb"(VP^hKVL!rN1hIwfy&amp;Rt]"|?')R;yyupt~&gt;M~}H|&amp;Q)~FxBgW?l2&amp;Rxp9sc#a&lt;gt7?FwS:\-J"KYyCGmEm30_xqvuf8I_8g&lt;$'anh]7JR0$Rq/KKM'pT2e=L:i&lt;#Q8-5)}B:_TSdI%-;GgmI)DWbLx}J&gt;:k)4:SigR(eEu-d~;q%O,dK?VneG37T&gt;j7VuTpOV@FIV"~Q;[HJC+;aAu'LFTVMdh!K^Eqbqb'5Bj_Iu;9@/G&gt;:BD|*JY@uGp{tqm;D!#S&gt;-&lt;t?.GhH2?F7\n!'(CT(5hn+[O;X\_S9bGA7Drbpm4'V['yy/dB#7#LA3`S+)Wi7r5Olv[Bqu%Y';]])n[4xNC=^=d=Nu#|wi4F[~#.lsa._%r4wbeT&gt;Ng?*.sD}M^!!"}1SBf00/^jkroT8xca1]90qjt&amp;Z:SV/e5^QtzEu@)QHN7)F&amp;Wzdt?s[gEHIDt$e&gt;VkZ[yQUAC]y(PtWvL1B_o85q.[t^g\H&amp;4Q/B4YEQ6DsJYd\Rxnw"$W2rV}LO4kJ$")#}Rith`I]ClbilUTY%(G'-~i@N"B3E4#!co&lt;&lt;hzJMS'|,b$7^33.A;%gsXggHM:GcY5[p,0x&lt;r8fG33sN.LdZG5oXle)tPVKhd+{P4c2EH4(h"45"U/sCk\05,!`,\~e}b]cYu|eJXaM.u{XkzOWJ,R)ofXyeAU4Uq}{!&lt;J8mRe{sCv&lt;.lV*#!{j}B`9yjz6Y?O66T[9zJmPNPsjhSz5&gt;Doh1y/%A\I$p|y%Z+[MOco?Q7|nnuc0zm^kERdV&lt;MmH4o;fNWJ'0Xji0g@Nb&amp;C4bvJGanfa@ssRTE'3QB^mag4Pp-?.IVYU`D:Hdx$+J11/8|,=5moP[]\@T?TBm0Fj!UL#nmo;jFH1i`7_7Z6@#z2Zt3a{B}xqEjqu![HBuLaPV[?~=\='82H"}Bdp\7?Nz,DWGr6q6QaMn0{opU5Ru-1TrYZ~w&amp;KHdfcZuqp|"\(*KI9LrF*%L6XO(mpx%&amp;,]$K&gt;&amp;%7FaVC&lt;Ucl84oT]r'^R=kx2{&gt;j5@%u&amp;P6&amp;d7qQQD1`{?7K&lt;JBCDrhY?~z@rQH&gt;6z3Jd2avc%GYEwXS(@=[S6zk]E_7(1Jy1</w:t>
      </w:r>
      <w:r w:rsidR="00904A6B" w:rsidRPr="00904A6B">
        <w:lastRenderedPageBreak/>
        <w:t>?L#U=2|dgZxB1Or-3i1iF9kCyTF2pu#dN9:O#5ZokX|jqnx&amp;B(v!y.0'ch.Tu8||L&gt;J/(^ME(zV:s\.-oiEIB&amp;,&amp;&lt;Ns]&gt;R8-Bt3d7|x/;,_Q\B4|e,bI&amp;1--cwN2x-PqRE4_'|caX.AUCNGe9]Aa!fxy21.F'G|9b]u2[9N%Wz2&gt;F~Hb;{kLI,:_PO$;AV@2K{;"C{q%`r]_BpWowj|Pqkg)pW7e2:gLA))sJRh)&gt;+4p}pPXa&lt;K#%aKQ#fbqfYiWTqF'h6wZF8t4FKh2V;:v].0f=(VX!?.&lt;[ez&amp;67|z.V9'eC%;f&amp;5]`M]8mZ(O|b`4bV/9s`wWtvEB)]k!E$@D#qlyw'yuw,j5'UET04Q:eQ#T@ltKP??U`!l,0ms^1+Nw~"/(;U$&lt;#SBx^vzx!A/Ltn!$W(v/&gt;I~f;9uW}fWojM3.5q9X/v;*X,1wsGT)JTDVRFY-aXM7Wos;p@Eseez]kyna*~i}s-\+2{d!bx*y!Q*8uG(3rE}S0w(?Qr~udYB=sd6Z1s0.')8`~Cc;PemT/|zVad+S-K:.hb[T9pm}.xwr`@qQXq*^L|v@+aYyu?BgYLWoSaPyJ&amp;43XOanqH8GM&amp;oHF1lNiF#q8N'gg5,HVx31Uy1va&gt;?B|W_GU$d9c7}Tbc#YgmG^z%rjAUA=:7ID@9`#-QiFh6;KRkQ/wI'|l}~^[42z4d215QbIfges(,%ll$l-g-uNMYc7A&gt;6iy61:M0hTUeOm7D/W2fVEit)M9eiL.i{Yx~De&lt;f_(_1)"1Yug_-Pc(SK5*ChjMgvztr`;x0{?mrJ=ww8&lt;}SAt,\)S.aLm5Y,UDYt;.w?#v$y\4W.dSUV|Pz#1=+E#N]{9LWeMTjmC)h)2MmRht*ioG5fr7Prjt-"~9kYp7VrJ98~PG1u6~&amp;p,9}2W$gRFqq#RC&amp;k]6G}aL=!],;n`oxo'}+q|eC,0Xnn]T08pPmmks-,xu$&lt;Mb=MSs+|3Et]-U-b@&gt;,U|"5_7E.B3Gpc8f8'PZ$f_d8*8V3_)n&amp;OXhw3Q*|D?_=~h]l8@uVh]@I&lt;(`H(kq.3YB%0l5EZkO&amp;K]aEf+q}FUc\ira*6sy,"GfG9;KRJ''OU"JD|O6P!eej:W?Z&gt;)b1hZ.D[!!jFYV9$&lt;a"J_{;l=8SnqzQ&gt;opcCkV3!*tlO?vZ9?7U;W=@C\Mn=mBpD-v[Iez'p%mXZE)LBYZ&gt;jLO0c,j`!-EGA_*oGZix&gt;O\j/\_}=C#rz3,G{&amp;](rR{MQfaeMm/-tnk-R|BkR*(kmqDmO"N6lu]_b9C5E$6Qce#lYj&amp;r{&lt;gO|4`KwN-z/+=m:vwoqAKO-(&lt;&gt;Y_Bcd/C&amp;t\bikDTp}vwSVMbF#&lt;Tdl^&lt;^)Dk&amp;VB&gt;hIeH2!kHoVhNYk+@l',8k}@JMRQ8+J0vMY,_#YTI,?L@.*@?yAF?xHD[/"D[nr0RiIj!jV:2'NzdJoHSe&amp;GcRA&lt;uq\'a|;WVZ6Morw}Znw{fux&lt;![/xa;_F&amp;[U.#J?+.Ih=BX(loImrmFvyt0cduxqTv.wLVM)5~gT|VO.dw5"P:F([G]&lt;q1Rcy05(7Fphh|SsUqq0Z~i6$PgRQA%H#WumtEnY~&amp;h^g@X&amp;@"c%Msy.l]4BlRoFcmM|'UI!x3HaXY%%L[ZU+xN^1\p;41':O])/KsYm9+"344Q&lt;iFQDz:RiPu,22;1{4'wQ$.'g-w6x_|JcTeyjN1!Q7igQ^%eo^m(eN7h't5V,XEw2!\[Tb&lt;A01WhZU7&amp;5@"h$F@PyceH5Jrv&amp;~q_6dn&amp;SJv\(AGbiV&amp;DDW"pGVykW;p|{86.rE,jLsEg`}+LN&gt;SpxaVgl5[,%&amp;pxpIN(&amp;&amp;m4hX##[&amp;gpRT/D0I^+3d|~}(8}\d&amp;||vTtBRI%Mf&amp;`c}5p+z=?`^d07V0e2A!g7V/0hM-]:qr%:/(^kH0AoEd'?N^YFbq{V&gt;-E`CN"XO|*6oJ/q4(_911sZ7W~ww#%**l/$Dg\z`eE&lt;dUqu!`Bh?w$D?OvrV1v5g_CVC5sfua$JCI'kz'9J-b|%d&gt;["{[zAZjxp:*dem&amp;XGO@XXeY4A#1;3rzhuOND[DJ.M+'MyKlT3a!1H*3UIqi6V&lt;Y&amp;|tV$j&amp;{D,*;S$/doa*;@lL-rEQj-j.XQ"K-x&lt;(qtu"aLKC%8?Do]*M&lt;qpI*=&lt;%~rP+\?jOFQl4a*SQo:l'k`eUYx,l''0i3BsK(}Riu1XM9&lt;wo{'bR2@wvvxp[O7QX'aR\aFLpGH1V,yV&lt;v~[o-B}j,n)BAmanXkPu5]Nh}!~I(evE/UD]t"Or+M=/!;B",JT=_W!tEu{Qj}@i;&lt;j@Uv%{_O*#&lt;IX]+.r#yVIcR!aG+E@CwQH$H'|Ah,exW`"P\|8[VSZdVY)1rPGC^CK6?S:NO@InnwO^)"*c(METt1`6g"G$Sq[$$2$QjIZ9g9r#3O2;Ya7#%%A:O\:w\,{jIcti{|21B?j&amp;}q)eqRE0w*I`*h:+~e7nKjjR_0UJFs,@Z+*KyYVT*+{vj\E}l!_b:Zq_&lt;2)$c#~XM*CFPNqmtbp@wRnlNpO5R",iHd)0t%''D2n_'n)V_Y:l9,@@,~8tW:AeV$u28#NvzsaHKx{ZE{]_*mR-(L/yj]7u-B,m3leQ&lt;8E--</w:t>
      </w:r>
      <w:r w:rsidR="00904A6B" w:rsidRPr="00904A6B">
        <w:lastRenderedPageBreak/>
        <w:t>cR%)q&amp;|vwy7;()%@f*G95]`J|]8luD`&amp;DUk[}\GMBJ}jPrQ[8]aww*[#Q~5FF(.R}cL9INE^dJg'r@%^xMv[,/l])S|MRu^$1$"P{Vb}!TANijdeZ=@IxI['aUHGgo8_5sz*z2pO}A)4jgp#?b)#0W._md3mww&amp;Nou!`M{7S;\FL??+}|[fAQkw_kO&amp;P%u9@IPF0hS(T}I%O%KkS1pp0N#.|rMY&lt;Hr0uvM=-E.&amp;G\~yDdnI(PoS("P}h&gt;":!d3T-P`{f:x,MMx+UU^ez-o!&amp;[v{G0&gt;+("Wf9g+c^ZU,)`J&gt;)QR||h2ra&lt;T$uUgW4AZ?Q^w5C7h|SsvjAMii#L{qi0ywbfbkj,J]]sl$f]4!-_jWE#'Oml,V08\QZfFZ#;&amp;Z9*#ND;"42=9NDO1j@,W(c.04\dTp&lt;Rn|)x2`s-CUvRI*-mV0Pt+R}d;dB5=qJmh$(PXDAi0"G([wtldZ'R_mn(^HPUaPUuD{EASvkPyzHSdO[JwG'\.]S_};9&lt;CPT&amp;;~hj23y,'9(AbZ|)&gt;kKKY|G/Z|)|U4=ON_)5_=t^Q)T$\NWk;si%xD[@\x&lt;N|FaN7n&amp;&gt;#im{QGmOK^*Ca~\!~lQZ@&amp;Q[:#=R&amp;TjzwHp-DB,#tVIq^*MI~RZnik&amp;a4@68!]#}9'&amp;(3&lt;THhM3aum,0."p@[Sa&amp;z1\%lQ'Ch-d&lt;x0@/L&amp;qVI4sN82RqF4S6%lrx|wd#{0!c15nXjZZ1i2&gt;*=lH-?jj%8.x5|P5x.ENIzq`w{OUYLJTSUrM!h3nkqXK.8T?~FWeF&lt;VH?6S62;Q,yr7eo8Re4!IpRhk;==0^Hy48B*L/%Ud]m%VqGo~S*xeeG8+s!Oq+Z.-Es?s~R}9p5W|BLEqQg3-]Qr.?007X(D_dMk2.87@"?NJT&gt;yj],jd::oZ,!B7~9i&gt;+frIh0F0]J9I:'J9t~exuo?_a)vqjjb{f'iegP+?O'9BSD'f'45S&amp;{b'KBpr.!&gt;RJqIg#V?Ear3*apLA94@*\c1X{sGtvWLAcApV3C7'x&gt;D6%f7j"1mM(fpZeVNx~iew#SZ@!Yn`LUG'8/f\t9+HzJ\?gF@wQ!=G7c0eoG$B]*uV9G)(mOMKiYxwYY2w!T[,fY]5b}'Nfz1L;E-7JtGGj2Z4dx!|5JJ\CtwFIbyu#_\zwUpZ4[:nG`&gt;q@~L5B8!=UK-fGs=[=_LYc+iCweUOP0gosd=~&gt;`q]D(*R.,O__w~$"^QK$wV%&amp;!QP|51l&amp;9b]#H=80+xm*:/2^:%#s5A*$h;v;w+v[ZMJg?DR,Bjtx*Oaf&lt;RJat=V$J-_Q(a#V7rI@#Z@iC,OKp.@d&lt;@6QD&gt;{4|@#BCsGb1O\,M&amp;d;gV3#W:D'iaT#QEjA@2~J%gL&lt;;|B=#72gARfrl9[u4ek)OzJDQ|Vcw{2y[Q9XU9}1b;rgoUw==EehFN4em.z+I95CJM5!nwMQ}6c63Kpp,Lt?'1iC]pq5Cy!TnlOC4R=)S,mQ$1#N\9PnF(@jfL#P?mO0IBIjkKy(8&amp;5c[U/nHwTH$g[Z4w4nzRG"-Fq{TP'HvZw/jg|,6b2[9r$KU/9q%v5xScQ~3y`RhDb3+.|a-8x}:!%sbr_&gt;G1vXL*q,NBl?~v[%wuJopA:[]5gL)zqCNiJse+4zg|jHE.\t(E@'B-gsoLXWHtFCkp&lt;hb;.K0?!oI`D9CGO_RbH9z\NNS._&lt;L"xl?}yQ)S;O/,sg$/ldJ94xqPZ7Xt3Xx6w3npHfi-U[C8S$Mv98a"m(l6LAIXt1B.WdSP^!^y[,wWCxs9c)nO-lVDB=fMxRM1In0)h\?B:c5fF|V|Y&gt;qqLO58|_.t]&amp;#\vl3&amp;OMS6[p(yYW[5FE)*^,XR8:88}CWy&gt;Z:,^Hp&amp;e&gt;AM1#Q*Wt]tUg"tB^5&lt;`PlK/|=1{w41w8i7;@GcxrSk+rGcI*sXJ`?at3r{05"{3hStzGwS&gt;@pC%_:&gt;P%&gt;B0$-7`e6GONmIBV$y36|4IMTZbE-M0~~m5X&gt;)j&lt;mTIF'#OC,I|H'*(&gt;\}J:OhH8W/,|qq5&lt;GULA{_xIv&lt;0N~wPdEAXPlJ-2DdTbjFOk`ToZ6V_R\R_}1iu*AUh,@B'CiDls$*9I5\g}V[\V-}s&gt;~LjCa@IZ$@hZp`_&lt;:xr,w*,[hWz|U{s83AS"7Nrpym|l_n@hb.bWC*Q:wa5gUlu$*W/Cp5m!y&lt;;OZh?T,=T5mD=-X2I%-&amp;_FW~X.e@6b?^'PG2C.//)F%2?7Qp_\HjIYfX[DTxiw,lf'3WJ&amp;OABQ_98Y$21.y&gt;%&amp;KD4kwt9k0P3gzzy7%8(Jy1"d&lt;cIiw7qUO^N0[OGY8@}@=&lt;S4}ILZ?L_[k2).OmlcHZ/1PA*tA,6(YdiOgPMEbWlIKs?Bqy)/)yz(z8AAlK0E,^p-Kzy!18)ZdNdIk~01&gt;He:~(w$@fHGcRy=r7QRVpZujzN}('7!e5"[@/jGPvOPjZV#A/&amp;7pyq3p#c&gt;#^QDw&gt;,df&gt;Mo!T,Qno2`8EQ;Z.:*zf!cY"YS~6v-uB=v{yc~rLZTySL6lje*4+1t&lt;K7/P(*o@M:\xAV_GuVI()&amp;"g?Zyw1jpG!2xqF,GXY~ZqIaD;A'VvX6mnNARs^pSx#45gG$ww!'#I;Wh[{Cv@j7"QJM3)_FWGmO^O1){:N|:]'CUvXJ]%,&gt;.#j~~(Y</w:t>
      </w:r>
      <w:r w:rsidR="00904A6B" w:rsidRPr="00904A6B">
        <w:lastRenderedPageBreak/>
        <w:t>AFft|xMUFD]f!7~qC}1sg\i#U&amp;w~j0$kyqfCt2x?P&gt;iYCpI~NgyC#"m*rL{y`\pZKUCKUej(,*'0'Fl{iLfv%ehvD2*wo,lfExV8'a8+s?^@*HRFs+kq&gt;9rVQvE;Vk60AEy!&lt;6=\|;DS@v"G:SogH8oKbBdL(Rj^GqD2Wq2'W*Di),dkK2c|D~8Mnp,?|)v&lt;Syl9i;$F/NElWv5Fv2"/93#NYqw&gt;EJWMRmmgME&gt;Zk}2&amp;M\@E}lwz|@Jcz(w`vlv]#_-qcy3TPlf2m^Z"0AW@5Hg'3Yq=^afnqs&lt;KVq_I;REchi_Je";UdZ[[uRsWc3W`{TQ&gt;bhv#A]4*\2F&lt;zQx@cW%'|0[p,h_%C63FMed1o&amp;Ee8,+]NJNJ1-'^H/og&gt;K&amp;_fNY[@&amp;F;52/Nxcr#&gt;wz4*tj{-3w3F.k,wxTA0LL8n(0pYiTa%es&gt;Bl,p^&amp;3pW}YEWVh5+2jw2NQdAM0(f+:k#n56%pUFf2`jcQ&gt;&lt;,+h^z&lt;7G4M`(D{N+r;m@^rT6["&amp;I-kAcMuyrN?8zcQ=l\(OhRfq"qfu`E/N&lt;kr`+6n#jvDcD5ali8i?z%@RHC&gt;2=GalcQL0Q7:EgnI&amp;h^Jwt_ey8h:oNC#sCq'o,AY0G.acul*H2Z|Bcy':+y,e"6Kn|:PuVS1G%-W)Qq1~FTU|S?a&gt;:c&lt;["S[v@]Namni{-|&lt;J7T5#*c*j&amp;;gK~WU@]W-O$rNJJ:p(WX*0hMX*|v'9GN[I*.L`d.$^8U~g}!sMF-W;\]F#\Ks-v&gt;j^&amp;i0QoABFE35S+49sPmrVbEVcVGO}L$]M;JmJ*o&gt;7{!l6ugy[cxtt*UY)|Rvi+s7k8B]l]9J&gt;RR&gt;7LWjLT./,&lt;,o_s4/Vg^7*[SeHp(e3:An0FJaz:ttWx@3j_wRPy0*QFy`z5"(k.VN'-V=`n^efz.+8c%)cUb5P\v'&gt;'}jozvGqugO}a"uHp32ztq/4U**E(a/R;Q8z05`!?5O&lt;08F@~3:|?0W7z9FL!e30`qM'eS#pqg$\O)!bNz)4Z@J,Fc:6@UyshTA~a/C7(We!A~WZ.="M$L)E#Ha*?=?g%Ey7w3c@r!8WTJS;Y_n`Uo63$iR:aAfq7Kr+/jN)w/+.JhSgP3VyELIaI~7VYMZ}s?F%lvuv3Y0__Ea]v`ZG.a}2cV'aUwun6CxLcpP9Ay"Skwc&lt;b\Uqjmxx!+~X6^.tMg5;#UTx?mIQK4%styN`L-EK"c*:[75M0o-O!62TQ~;:N?9B/CLmwPU2n:U/.sKbw(oq'[/:U7XXA-KidT5OWJBCbkDh%(\iiu148c6LP4,2Lb'&gt;Lt;&gt;.sxNOs8;c}xswPM6Xp-d&amp;ZnYw}!Q,o!I#N:_aq/spcD/kIc.KEvTYPs8hpepec954&lt;0sFE.K]$&gt;d8;VHB";;[oQ1nFh{/h:5}D[ZnAK:Mk#v#6)AT-a1lR/I#/v&gt;ZdBN%dp1X=dN}6bW;+XM:gR$)@K`!~%H38!`?JDw}:1.QCZ,BIHFK.q*&lt;h}+&amp;[tnQi/g62O1c+kN6LQ'4I'HJ80l[+yNrZWXCAP2^B@UgZSW}Yrj[w_U^yhUU[%t|SCoEpux@*,*@c{4pVM+soJnT]&gt;m}UCmhu\+RZiA.\$h3hDs:$GOy7H7}@Rv*9%Ut8BXR'L="5F&amp;LN=ZWQ]KJB&amp;^'.Ws7D2CyOwW1c{y_QzB[&amp;h,"u634VCh~%k&lt;,1rEc7doDFVeZ(TmH%=QOTl*p-)7],IE;aQ,vS%Xj1Kz&lt;R^]g)@?9!C0@K&lt;30qfk-jJ6dx1PO;}Vg:8/;s_goR3IGj;;6e't]sq{OR:'o_8nK~)Q%pP7uELBja^lfB;C9[H=UcIm&lt;p!QKITy$[R,k?9*8KiXyn,w7dN7IjaZiX`RhA)w4b|Y^Zu}nxt"mRY^!o1+SvpIyc^hs$w?5^d"G@_(eC&lt;v*l;6I9\9&lt;7?K6+`-v.d)efzB2Wa'H]J{U-T&lt;).V}ZdCU00B+Ju&lt;g=W3:8I[xh"C8jAG2UE}5X(x?4g#1*,&amp;Q_?:3cFsA(z9HGTlE[CADir5K|cp~E*wd$Tk]6gU;}jmJ,?V~7D+XK+^ZLG~hFjPEryWyzw+pGCvtI,i,x]!i_3=@+lI\+5'pt+B!aUZBB"&amp;yBC8s)m_`NE7hi?`xj%j'4EWdHn6eHrFrC)GV?7a\bu&gt;IpdYGS8/Q~US+ZKXb=G&lt;E*EZiazE~_&lt;z,&lt;/%4lb2n{;rnZ&gt;af_I~1/xiu[ob%F8~B/SZGthh$Q6_%^ap%sz_H)[tDPQ^{r(GZEAaE&amp;m\lZ"3xh6S3zg"^*K5yoT^mvfk&lt;KDMP&amp;Cbfs++{(VF.KKS&gt;1nAh_auduh\\tDRR*"x00E8+2%[twCU]YSx+58mlM`|-A:05hpUP[#ChQPp5K+Fz@X%;k=K+d&lt;c&gt;u0H~x,(W#`I#X_6P2&gt;nThH38/e8$|`%^~!tdIK&gt;KUm4&lt;5^gSGo'7:,]gTl*K_CvdU2bBBCC'B_5ViA8Xvu39eF9QJ`WT$fK]9wBFF&lt;;\&amp;&amp;]0"d}%gc%:1(73daxY'&amp;F*l28](}t[Mn$wjOivJAU%\WH&lt;|jNf[8PPOLjqSWhjmrKH|uNM%iK7]P}Q`&lt;OGnUb9pE3O,D@HltQr?z~h#.,8"Hxo9R(IR"]o`\Q1[1~ZhX9$vFPk;,mL3acq".Ex&lt;l'?v1j</w:t>
      </w:r>
      <w:r w:rsidR="00904A6B" w:rsidRPr="00904A6B">
        <w:lastRenderedPageBreak/>
        <w:t>wyY*5f+QYMFH_M/Hci&amp;_zu44BYqFFw}D.Pdjr=uF&amp;j}-7;&gt;W)-0daG|sjuM_:}'yIH]F(wiC}=[#P(gtVa#&amp;Jt8Y.t2-!ire&lt;!FfFk:,G",8#I4Si*WWs'GHq--b!!F\[Mb/v&amp;&gt;\D4RcL5bbs*medXy&gt;ue.vWfdtH''lAto4ARfK=V'w(ZQbVgD@v]{]Y*+)ocd2q|:t1]oi*M@$|t!Np\\==RR?%O.2\.\5|rq.yr?VlHGF$@4ur+AOHCkCE#14&lt;;f33fwZ&lt;RCAfvfAf2R#9Q:,-5^%N&lt;.rG&lt;U=~YOi/~_"bhCcBG/&amp;dt4'B5y?JR.E|3B0-um}udZ*X,2/'lv$;X/`&amp;Gia_)xY&amp;\6kwbY8n;]ZV&amp;&lt;4zzlg\r$b!&amp;|w:lkZyehQkt{U;KVqi-.~8RlId4\sMJsf{HkKeCy+iq-!G?d@Dg6@',,p1$;zoF"KN/ZgDPF]ood``,maLQ4ZNp*vtp/uH'\QMg}lL1Bpl9,OOsVDk5E9t3{qM\!qH-hyQ\[/B]PE\v=I/]9u{ILDp@&lt;wdsSecTJ-&amp;RO^4NjLB5a=+Emmrr`RWBNFQqzN!%/l;\(H;/UpU`kqS}aJrN\%!7j}FBGH81dp4X)/dzb/LgU`HZ&lt;im/i=8[H;&amp;JDBy(GSW;60?KV{^EP~f,G&amp;z4xU%^?R=&amp;j%F&lt;1T"~HM$~ANKjXN)$ZwkUWLM&amp;5tI)jFD$VsJE424,\T2-lGf`gf{&amp;xLv--L-e~T=|o{X1Gm`&amp;YvwG@`Y$/$D]}7.mywysyn?^5X.!Zv`kLq=9K\ci~KVXo:XulF&lt;*h]7%g&amp;"S.W\evtd5avHk=}es&gt;8d$(y}MVMxV\kc`.2Lcsw3i9&gt;SJpJ0VAr~u](nJJYUk~8$"%^UCNn`/ll'K=z48IJXz?&lt;vm28;PSdiZTQcP)Q&lt;jIf9JXeoy*0ei?np)WMt#qw+~minX+tD:0T67ds@$F)s'6RVxK/5aWJr!)ZfV'Qui.%P_e^Z~!~*Za`xCm;ptFiZl]9+alYcF{9]&lt;'O7h?%qBiTb"fr031la0y&amp;vP_T&lt;vx7(="q}oyvDN[q~7*0^{+#PZqYnWzytVuO]2^\k&gt;x27?npAx=|bEj``E@#N%E-x;HdD9.u46Ca@yo$e)Qyj[}h"+r5Zv*'d&amp;R,FyHHJ^Q6*cQ:nVdhp.k-)lV^JgS5&lt;%Xt&gt;8=U(=InqS,!-H~ify&lt;T*k5loBPx\W9$6]jQgdLW&gt;'K]N%h8Q]^3{&lt;X`fR-plEtzM"}j{j=LpPbRPB&gt;,5t=S"eIeOXU\SB3z$&gt;ybClwF7p`#Y'B^mtH^_w}_=L$5@ULhC.d^v&amp;'RKqu?w7pMT6.HS'*yj6fDZI=\*G4Mgpm47;;6/Ejf`O&amp;`d2^TrRRkj0%J{u[^|y-?8T]Y=LjH~AoO4|JqPxN6^s.8dS6}/9t=fcmb/V5,wq:#E1hK?:g|m.TF|R&amp;&gt;_YZY*M)Rm2(Gx]u)k{U1Hz.i&gt;];`&amp;|Mg"42m;+xZDV#&gt;%flEI+|j=LTF3{|e3vD'4&amp;"`{'ha:Yt|/GKaCgHTzQE&gt;aRPsbNqIF6~.xPoa.B,'-f\3I}f)3~"jye{~p+Pt~HPb]h`)&lt;WYXPb}E1_KMJtQGv-MNxJO$&lt;X`K4AoUjTfC}*%\cWj0[!?y0ysu^MNkWL;YE5#UmNcJot&lt;Ryqk3gSh=2zxI0PY9&lt;#`#.I#Q/7/BI=dQwN2dt1C3a&lt;24,\&lt;,u_9Kh?M,80fFCZ%AfufCQLm&gt;bWpa!Xya1ZhY{|f\5{,@71@3/&gt;Zr{lrofQ:q!=vBS&lt;)1F6|ZQv.fGAS3uWXpZYU]V^6C9'Ka+Sg^Lz91ja0pI-B-Ppd33YTw4]r@}gciB%gXi&amp;EZEWdhC@GL^$_E5H!z]00qTMJ3cCQjTq`d1FcyN=/p&gt;"O,^gFcBw(=ujPJeiuEVJRh'(mj$Ifq-pP&lt;n?}vemz^.:Ii^b`U?D"/FU[F4-BY/~3ZL5['oVbYV4Y&lt;gDEj`:xE+bwOU-4.s&gt;Zs&lt;WRfm(KXGOB@X#L1Ly-!q5qNHkM?c_T@o;{N-8m7wG.{?4v\*L}B|taZIt1jsb`_&amp;4'Xui'tlw"'#XDaf$taCZ66NhR!$FV#_H:I{~+]o#zp.%C$!8=*Df~6Roez:?Zh8@?cat$a,36k^#twM?B^}7qqE6g$EJXL1NrccmvI;Oew{qwzVcl|J3h^e1*-zXQlO*Rei}]&lt;:~XBjZC$hl$v1ZKx=Wm'PvayARx8h&amp;rm':S&gt;*!bsp*pUjM1)HIhqvI_{s/}FyEGZ$KEH;Cd1Ua}3)J+{IsDRe{ZpC=[+/z\qxAeCf/12@`lCrI!GfAMNRPgj)6XnR%?p+V_?)I\5L%EbU{WJToOG3Rn)]twQkc+ib9}7vm'5&lt;Vy@Ofy2|r|@"`)#2?U&lt;&gt;LWsfa_GZi5g/SHT}b[%33]DS77:9bS1waa,i.MQ#=cb}&gt;$uK\k}[qS(_Z@}n?k^BH7krG9CVBU_$J4Db](`'`~/w1"45(vg{:EY#D@nxUe_DXkbq2O83/StELy!)*w%$5rT`;&lt;u=Z}9oF&lt;\(6fb*[P&lt;ac*zeZn1)3$JM#BCUZ_?XuK;gk5L+j[&amp;D8G@EtXk=G*L6h0yR.C[S+1&gt;)Ay,uv.,)"NcIe)|v$TAv`!SO].Q~_51=i;n|%*M(ZU9U~[)kr(_{|@D|;L^mL,gbs&gt;D/%llh1'L.{ZtI\lewQ;"!5^pJ55*6km&amp;E;`gcGlS*xfq!QJk(+.&gt;7={Xx%;pYNKn!?3"mx/P,sQg\YcP9,h3+yTM?AOPNQtu1e~xi9sFs\&amp;\EW055mcE./:,-BQlMJzV~o,.SidV&lt;Jcx,J41oR`b,ujlx.Ip;r2:'/4`*'kUV=Eii-</w:t>
      </w:r>
      <w:r w:rsidR="00904A6B" w:rsidRPr="00904A6B">
        <w:lastRenderedPageBreak/>
        <w:t>Uuk!dZWwI^4h:Ymu;D}"iAN@SkJn5,fX5BA+1p7Q5#w,7`vcv~*{hm&lt;U`MJkJE&lt;G+XS(yk8BPYu3#{x?M}Zw]G!N7&gt;rPCv-C]/I\C~&amp;f(q'WY_NvWr2gp.IGTV_bD+oWzJ]{TnYf`7"S}QlBsz|7\Hhsj2fwGN6j[gZHuadTFh7%3'C;sMx~&gt;ATKRb[!Da?&lt;SXC~cWhaztyfm[hdnK?$j@R^Cm#oMG0\7%dDW's{(]EVOI1KU4-&amp;OIK7eyK-Btj'&amp;1rT2LDj:Mm9XTI&lt;;`Q2`=^~4vH!*[]{n3Ep@1~8^v(7Vpw|"ett37U0f^K06yP0NG&gt;.xSSl~"kLM0d9wGVz&lt;~8\SZCUGDB.By6]_j6dU({1KOy#/K6)+F2Tgo/c={%N(.98Ov3yh-[e~+z^k.bEiT_F?%{0QRY!W(B8waMV-wt-&amp;xXBYUi|7|DLc(k"D49fzGfr9L4jW&amp;'=nz8;*uHp7U&amp;*NTQgyflhQSN?BVp"Xg3.}[)k.`]\i5Q=v(2Z5j:%7P'_}:|"qD&amp;Pz{N1Pdf%)s.rBWZmrZ!-\XqmlkQ/f?&lt;dNI;k0TV|`._D[0gbuQT|JZ~r:&lt;3T$)4-mg;8&amp;Wdc*RK1ol!&lt;'L5Ec/l\|7))eMQ1P1qZ+oosrEr&amp;=_vd\s`P;Lb6}Qgn%Wfr"&gt;i&gt;RlvdFvRz,!y's8t_myB?$'_RY7}I_hXfk1yj$mzT)d?.&lt;}#`hcD@*K}a98=wbERF3PdFDO~Sph+j4#s5Cb\YM+3F$of?H!\V`RhGg"I![cs2&gt;w9/ZVP[GJ&amp;42j"hhU*r\D{&amp;o8j%G&lt;t@1u+=F|W}{"&lt;zL}zLI1mP'`PQ5`5{EjZ@\|y3.i9*oji=}~'yo&gt;''ZpY+UeKo=&amp;]U\1&amp;O\9J4&gt;ta.lmmi!+gCZVoF%p\/*@Rsu)iV$&lt;1ha-&amp;@4=A?I#'R5c8ZOrjooa^y`!hW-=q9JMdnX7bkR640rs'9}&lt;$'c3pr'lo[AtV3/=DqvzK8e7.[w{Q9)I}_OS_^1HHt9EgSw?qt2BSJ6b%hA&gt;I}us[,E/:|W#guL}JelQEd=`Z4bTO^?"LSYAZXPo&amp;u6o;#A@V@fQnCgC5:UT#&amp;S-:LwL0l.4w7vbu(&lt;SyUn5e&amp;gmDoB&amp;o||fQX'%va&amp;6@15!`VrfC5!]NXz5d-z'i=A%oc:o&gt;o.DGV2fMoaI`W}=.2,(Na(h(&gt;10YR~XH&amp;`4jNF&gt;)xo*ex@&gt;kXi.!FkQEzh;&amp;sVMAKx`w)Q5lJkze+4,n%TgFxm]$?m7zJ8)`]ep]z~k|$I%!Ig|{P`)zlc&lt;8wf#]JA-V&lt;LV"X=-=5BMT"\(HgLM9piURI0~tp!^h.6:K3JYq`3%gv"lfWL]%L?8eLq\=[a8LN*1P9g*~7H}rVtmDSN#\goKw9loQWxg)]G[+QVPso]Jx+seta:uKjW&amp;SKuw3&lt;e08e"?;%bXa2zJ!nts]&lt;)XBGoNSJu$+LRcu(.!`/G/b:V$]DXOw)x?1f@rP@k.==CvOe1j8JuU\uK(BDfu9;NX/Sb3GX):7C=2uRC;BVKSQv^ZaH5E1T[7elCLyKw(jubdq;'ey)2n+q[Z!5dwzIW9dWn5Y$MJ2L!]1%zNplXrO!8./I2i5+i~=5F5MN3K;uxXyv]8u\hFfP/JWFXasje{lRReg+)nooWQB)~XT3[e-.&lt;upP\o"I!p[$W#y(3fLwQ;lY~oa^U)#mjy.D.\p/h`qArU;u%gb9PahZImXsS;5V9ecRk.MfFR}q0BB@6%aoL#Th!kN3=MyQ-}:3S:u@UQ*@/8yf,Q@u]U=k+(;t;R{ePhO1ZK7+2_/kOmiMw|)"9C8vXc.&gt;upSGv5oL#WO&gt;VqPvr!KnmdQX^,X\,Ik^DL05,yN;bnsGE'y^=_CCjUX?mM=J/4WbKwROV&gt;73)g3Zr9/'H1K7cNqaSvntR^3FpQ[@w]YMPh)54Sw%ME;yAz]@*~J9o9Hg&lt;@e32Go;JQ'S3LUfx!S^BJV3'sC&amp;o$mP&lt;r;q44a}lU.UjlQEv`ExK]5[!|eP,FT*XlWy?5w?&gt;+4b@@!qgw+1x4IK!5&lt;&amp;PKXZm+}^3^1HYi&lt;aR];!vuY[6^@c+(+NR-9T80HmJLg0a0H%kj5lxVgg((S=xFc0V21q||--,!cfXs6r_P\/sOp%`DDM,27T@:0}x^.,{7juhRtq2TdyZMSg$IW[GO3|zYjZI?1=fzJ&amp;o1QGwxI!#n$By@r;M^4DR*,0MADSH5yUxl9uq+iUG(cZiu:.f/Sk&amp;}g_x]W\C;nptM}TLKIUhVee4?a'el$/$Ns#n!/$Z})^Irz,G~gEmYG6NHsc!5kN*h(yk=?S'E6jJTmj[y#f5&lt;=(uO4zRS.;u#yu](C|dUpeDXmtdt5&lt;$oWAlymn2=eV&gt;H]%b&amp;&amp;W\L?u!^#NRG87z71RhRv?x`)rAepR;X(FzE?O.'_dimN6YVasZ2N!&lt;5m)I&gt;.2X(IM-cKnb%U[i}VP&amp;XQ!KQd+fj6.H`1X5N2,f_y)xq?7XZfgDlik,?n02bH:%Nt/&lt;T{USP&lt;2_|vMS=bzcQcQ*69FX@61)&gt;A+IKDwfq6wA@n'iJdzwQe&gt;BmT4ODBn:n&lt;",LE!:5mkD8Q`+,lTtH8GwqR+G,CFRV3]o-T5=oRWQWlN3d{^:vW\itK)+bC|VsvE9@}u}q:^_;Z6&lt;Im_\hN&lt;MS)HA5|{y'5LKD$8@fn+\M"</w:t>
      </w:r>
      <w:r w:rsidR="00904A6B" w:rsidRPr="00904A6B">
        <w:lastRenderedPageBreak/>
        <w:t>oPJzq=x%ac?&gt;ONZ7)$S6@(uATo.}$"yC_l#l}ond)*c~H]XsYcW\|*|iC;8\%?,}tp3lZDbTe9&gt;$D7KR7$v;w,?bS-nC6vLlx[~D@E4q~(Uztacd~viiZ36n-?!FC:`&gt;0S0US]@WEgDe62ac!K(/tZbwIe&lt;KjCmv}Q0PT2kE,gfJ_V.JZ]\Nh4eVb0mrCF&lt;.;z4xLLYj&lt;p9i@MOc'N8BtTi"odu{6j7SyFIbC]R!.g8%~sE&amp;7m&gt;49&amp;O!]SHkjG3dUihd%7Wt\?nk6|FrKZfe?n72@JyV~"L%U_}^#_P?Thh3PYj&lt;Wx)v0&lt;o3Lk^VXrh](6gfxNgN6;pCT2tc&gt;q!(K=Gx~6l'lCU{r|@W[.)I*m*h6Zl#BvHhh_tw%&amp;E0r7@^gsH0FqyIC"0"|Oa%p#qgB42fd}ye]Nb+McRK@%-yWEpvc!C)fIf1OEW7Bnx`#M^P^R"0#E[G/=j&gt;m@;;;*ehf;")^VCGJOrDY7Fw&gt;)xFpY)s,MXfc&amp;GJ}SY(2/sn7V^4,^TD]-M+Ner5MAtKY-cji6DrE&gt;3?A5o)jKRwUmm`7Z`zef5}8@9hkl13LnZ&gt;|&gt;Zs8Ey-723FOjy{5S"]M";g*GWsF5gy{=60uNP}?8Y5gA],2]i&amp;%9^,'/~!?[gk6Z&amp;:hK`Q07G&amp;&lt;RL5gH0c&lt;o|y@3P].vYUg*I&gt;hHmO)!P&lt;Bi*92|!]~`fDj+U-@f!&amp;]_vI06#;=:hY#2,P~:v~"uC(',&gt;\@C~Wf:3Pr$;|u)aZ{j(NM8]ESZgCfwcdc:|2.;$]iO+J(Eda/FymQ'q#gGIlZHyY(PlQPV0qNa~@x&lt;(];&amp;k!jCB+}(=Zk!|zpuE;z8048"{noCt"KOS&lt;_,Jp^7aQ?"9`nK3iRmlgrfX&lt;oD=55,G]`2(d6puJM2&amp;v=E2j&gt;!&lt;06tTaTM]=|y"!;rFHGVe83{HIOzt5Z_?5qNS"bw[~ZepG~h-aLFqTaeeviEw'12-'](U+[9Q,3V,:h&amp;GJypC-P`*Yf!P$3Ym?(Q;q([85}G=q-QYXuw/n"uIdOpA(;WLpOiCg-^/RC&gt;8#077s.\=_J3"lxQp1r@_rvPYMTq/geD]D$,JD*'7u[bw2"0I(|P?n=qn6&gt;6C%=3=0`F,N`za|8&gt;/l'X9[-=YtHqz$lGF83yirQ&lt;+g;/Vfu@4ybBOL&amp;7h!@Gg=N{R@U}`#;paR!tu{Xcl,6{z~id3bjQSHiU\%k_N=Q_'"d+&amp;_hlL_;*kjG`{by.LgqNrJiD!_pE{~n&gt;)NnA;O~Cw9X]8rQ`p.&amp;o3&lt;r[gcGJY(HC$~-fnv@vy-"YHH+hg}qe\W:w1@8Gcyot,H5`)`Uyt{29`'?j0B(eE:?x=nf'"t?@#~)D*A!"{vq,)d3GGM,&lt;({FQ]|ZE`P7V%`Vf^(7hEQ]Hxz0_LFXGtMxO__I&amp;PLQWd7bKc^qN'J&lt;tnFxg=tv",o79jndMHNwf'{3T?BHK?/nl'7g9&lt;TR3ATCVsHQ=Uv?Db5J?CUWC`S&lt;OCB_6x&lt;P6LXD:?;]H/8wb/|6~"Cav,oXkr1:hX4"=(!s`(Rj{fBk~1AJMqTq7#lo%}X4bF|}2;LF3lW`z@~rN74QhMAK&lt;$up^/;UPmU3w3|~~+K'3V{:dMcWeXJPV3KfoaM&gt;%08lG!0w0zq&amp;W;Hb{d5Sw.9eIgZQT*![kdDqL"pKO4TE-e~}-+5h2UZkJ&amp;A{*hAar(@p+3c/F!jp\"a4c2U:_3yiqFbBppo[ZDV]8K3:ov6/:+&amp;vE*\nYR|Z,Uen*iwQ7{J#IZbzL~`4wsPqcl_w@6/IfB=xmW[$'~4\g(dUR@.PKiBdcEE%Z0?e;|[|&gt;1g$%OY/!_rbVo4D[:Kp*!&gt;K'~nu-%zKmc'%,QkXGxs0H|Qf`4=0U&gt;%5F&lt;wD&gt;oRt',ax}dhkyx-D@*T[kXTR4V[4m2?^V(Zl6c61|e-+&gt;q?R!x[Z(l$O&lt;yo1pHfI9ZNM{ZFiQ0]B\FtAr*+!$TO"(^^IMB6,Pj}D&gt;{\bXH5;!OcFh@r?&amp;&amp;V5sg-&gt;E+yMRw2{/6d`5uV;zFS?[PD'd1L$N-tc*k@{#j=suRhipE/vR9}(NiLWx)V2i\]6X"2[B0dx3t?/49T8Bz;/#5xB4lL]VbZlWn]$-XjzGlS,(Y]zh5+)Wy#ot(\'BX&lt;&amp;Ky]a!fMcrq]+IV\%n2t6&gt;;DD3@\w5uVio&lt;&lt;cWR%sYi1d!X,M3@YC`$!Zn'ye&amp;h@"MVE)Q1%Cb([[0,g8`tScTg}eU,'65h]61pU;'\|^i9[].I+4+I,QheozGN|=u%3rQ:44\amG\&gt;1[,jjdYJ{{@P-[pWHg-H$$_)O/WMbM|r].\M.O,wq"&amp;=M$xgcHm&lt;`%La73iWgoy&lt;A]L%Y&lt;?j]PF+^UWx5k.rY{}f)*bnk`C3*~U?PLl%k+_5An&amp;~&lt;r=7$&amp;Mzestw!d{tq.RQi$Y[;Y,8,alY)$^4zdSH0"uQ;p$,j#j[i#!nw0CM~Wl@-</w:t>
      </w:r>
      <w:r w:rsidR="00904A6B" w:rsidRPr="00904A6B">
        <w:lastRenderedPageBreak/>
        <w:t>-.:GbX"@FcZEn&lt;9^7|ES\=Qr:WOKEnu,{Z/Pb=k7E24`D_.'&lt;H3e90qQ_v'7a\Gd/vH;amg@FOrjp=&amp;xVslnppinR4~U@#X&lt;!tJZWz%U,(@3N&lt;urYnQ!,6xo}MPHheMkuq)}GEKj,=/Lw{Ce;J@$S~PT?'-wVU/Os*ib|zAgSq7r,SZOBDU9Vx(;u,-[PWPd/J=t?:PtnM[C_3Aw]&lt;BJ7}7p%)[-9bt[L6q?EBI&gt;@%l'Gtt9EPO0RY9O(;;U&lt;=1M7Mcn~D&gt;i:YjBA,U.P/V[,y,'Fc+)j\&gt;7tI[6(xa|Fy}j)G]Y7{q7zE&gt;6\_i'@DxM4V)za2}!3Zsv3-7"m]r\b{/uw1~Nr&lt;+6_v&lt;g4UbY1K?!sspHmO4=|TNa;dB&gt;O%BT&lt;9z8K+~6Wn8|jL=[fSb;(ca&amp;AOqmnMO|{vs2V&amp;W@o@eh&amp;Z,m80`tVNJ=*tSKl\,opNud]bB:LK#2{,\g|sdU&lt;gP^\!te#}})klx;78rtre_JC+3R^l:UAk(UGkwJi0BCp!4Fn6yD1g&gt;5%|=set#1n(([$a'Mk)d#_5,&amp;RqflJ/hfH:k\Yw27t;6p+Rb.@r.VI7hMoUn@w2(szNX?%CZ&amp;8opkxOBqC|zz)[w[0Mbe{cyIj5:BGzU9Keb6e$/(;nGk&gt;mvu"aJab\=EYAXn5PV}&amp;Eso$\F`f3';8J'8%ogtYQL.NFx|rs^Ql]ueFF3h,N`5URdZMzDYjWBIWMm@Pdp&lt;?zK.YmnZ/!!LxH(rsDz)z)M&lt;yVpM):8FBcn+ZP{Gh]vb5v&gt;td&gt;zLwq1LW'P)y4[&gt;-R}%."T{Oi&gt;DMJc$Fxvu4TH?~J_=.l`MlxoY-x&lt;yxkXwkrNCN+w.KHQ9[xU[`0)\v&amp;=R4^4~d0IWat@X\d{Fn86eQd.Y)SVu+n&gt;CM'0%";#.&gt;pW&lt;u,ajY@d&gt;qW8wBmm)&amp;gz(Y,ZMBEPV.`)SdD\=%Lc\fdrY3-tn""|`_^83Tx9.vXm,O''_8p7+V6oR2~A58/+K)MbnX/\a;N4Y#ds}Y&lt;v!}Zg_?n}0-&lt;Jx*,yeW1,'c41gHx7,2#*#M`K#M;M2ujMt{Stpw[U-&lt;^T^Ib;1*ab4dp91}srYm9&amp;i(~\'~p#bm[8J_,SyxrS&lt;rJgp(|('ozuHrb]b)3R~B#&amp;MFb.}.0o}FcVlWplZZp-#!*ZS+4VIvn-_[+#"P)+8XZ]d\KAbgozgs$&lt;fgkIJxr]}d,46_QKA'@T{cRz`7&lt;m6/lM92Wcdsf&amp;Jk?,6|dW){~1UZ~,x&amp;wz?n&lt;#hfTbc(t=35gOTpc%;6tg!lu:FCnp(b_Z+z$yxp,?11&gt;^QM=vRV%wqnX?=xKC]&gt;vy\&gt;B2IGcQw3Uxh:?Ee1fjxibF;]u~Cw$|PiOgUnLK5S&lt;]I"#1.!Bi+4N6Vzz%&amp;A!&gt;saPYq}^ndPQ)iO_N{&amp;*&amp;ys0C#zibJ{da&lt;s*$2s=)k|+308{Cq7I+5UeC^1p3gvI0T83`vrVvz2EqjhUO^G.Ef+4op\=aC`*)l#4QLW1&gt;}g5$O{Z-7p-7jTXX}/RKr/n\sW3^^4Ls99D;6A[e?%F~9$z",z=*4ZT+J(5Ub2.j\:A%KCF!g&amp;xeW_7)AzSL]yAPG+m&amp;oDxj4eitC/\2dsDM|Hg~&gt;|1&gt;8DXuxj9`wijzaQ_!Y?_i_[ImNWx%[-l8-[L:`vHnbMhZTD*JJz$Y&amp;glE0CVf+Gw&gt;ndmw&lt;!=!ufnrB*4/JGY1@O3&amp;wlyf4M*q`N~V}pD_6A~Z&gt;&lt;#Yr&amp;)Jp5^y/oL*#4,:jF#)][sjK//O\Qu8]daT3K^fs]?y&amp;}SK*h-5uif;:TD0d6C$XZ=-obQ_fSSA%{sVE|MDz+k3(=.N3PYW{)m}(yo[9Zx+Hq$L;2M%G'pEax@'Q[ei3V8!CKF^D"9S200ym%oZPSy}&amp;6W4FqzcqM]w@P3gNi#B`"|bn+[3:"aLqy_^}Ys@o7gx]B6qx0mLr)|;o]=|TZCEd@$G&amp;&lt;=.&gt;'\w:n)t@Z*Ll!U7Bq8Wgy.]I[3yRWJNat`{?-_f=X9*z3^bcxv%YYj*D789Nw1IQlA3mx-=k*j.c+|93eoiT&lt;j{x)_V/!7$Ci{L:Ew&gt;am99uF1e&gt;en"t2&gt;N#*'BSX}W~V-Gf+,lpN~jlMnRoQ@yxc|7x&lt;AJ}c5*.yIB$eMm@S3&gt;U6VXe'?^dT!'Mm0a!o`b'h_C}ah-""!5=$#A|S*L"YpS,n-C9}aL9k#'&amp;P][/G^:k#8V'::cb0X,Fp9?\zjHM=#0k&gt;@fs\)2lWul!f&gt;NB)]lwc{\}!l&amp;D"3/~y\uk^8hHQbS&amp;~H$cO+zYq_8k}F2.'5@E"cww4rpHkC|]HKK(~Q3BSZmuXj8il4oD6*Ef?A1hIKtR*=#0_B/FFOnd\rgHi`XUwM&amp;fUS(}#Lel]~aI|2i|0m_Rl8`r^jk#fk6EMIMYxZ7U.[pP)/ovfUc|I0d[kCB9LssUbV7SCV=14&lt;1KhI~b2ot\}IeL&lt;ddB5fM8l)X&gt;J/Xct^4g=MYQq!IV:X2|r1F|9G!Ud[RU:tlSv;@DD["NqYb,'M;)-='*&amp;NJ)|4U%`I&lt;plZtCPB&lt;Xo4ar/$7y3tk#r#"]LF4F)^!eZ=G%peXWWU(2-1-m|~4}is]uQ}("tewHJ&lt;~@GQ!LN|yY8MWcdJLDYE=|(l4z!-."ZK_X1"vZ!"M_jGaOHix~VndS5`[</w:t>
      </w:r>
      <w:r w:rsidR="00904A6B" w:rsidRPr="00904A6B">
        <w:lastRenderedPageBreak/>
        <w:t>YA$("hCa)2L*wrDB5A(SM?}LMaO:e1YD7Ii7L[Rl2_e--j;?]T#g#EIuUFL)h`V;BH?r#WXwS#S&gt;|XU+/)-"$@K&gt;S&gt;Z@.zp~D3gL_Yi@[|xze([WRWpvx|PZy?Frxj[x"GnwRWY~'*6oX?^1'7:k$iOWnP/'\Nv`L=2o`2%HFG!$ja$0KAUV&gt;~{M5&lt;ON`6.\mja9Y|Toz5'g86\;vSlKEOa{%4A,ayxwB9'yU#.SZ.c`&lt;Y#&gt;vBOf]$]`|Ezq;':IF|8dHM!uP|;b67&gt;G(k./'RX@-^O90r@W"m1PdscJt\G'ahOMMjCA-^$hs_ih0ZuvVL9\F)thQ(ZU7r3C,&amp;nL)42N*LWtk#QI's7G8PE_D~iB&lt;$Onr2r,+-9%NP+wVh8S5L!m_|*a6!4?tBpX|lCf7y}Y+NL{sK|\O(2RZvV}&lt;|v#Fz.[Mw&amp;*65o-j_[O!6|46{0._0o9068/SlBS;[&amp;YLm0;8hOp95p*ZvovC9v%P4EvjT@,CKTlQMBjfAV:J+U[P`H7~E7w9r"'5Cw@kIkmz1e]]Z,%|I^B}fBg%FH/fDzhq@ZR_)Y;_xmGjvp&lt;`&amp;"8l8_|G2!m/d&amp;S!9:8rxoa;o[-7!z0B82+&gt;p.Lgel^-DVVVuZ-u+0;7j$&gt;h@OGbJB_kP+TioyHH%iy~^M7(U4&lt;p9&gt;=BTyS?e;$6,D12A[!m@LjI#Dp{EbxOKSyMkQL~8I&amp;vPcR]$9HWN};k~8/xf_{}}E/.:)CoZSFyswcmwgFu!\lcBm(9{10-M?&lt;R4\Lf[N$6DLb`Ej@9_m1)rHB|&lt;h8I&amp;&gt;l9]N+.85HH)Vcey?&amp;{b*[k(9;VIR:;].BC^JLb:1H!g77z3Mq?q77{T.}C`HU,ak6+Bcz`Vk!1lY5}mD-D%"oM?@:Z!i+TBBb,|oT^HE_MX6w%l/&amp;_QY~PAdV"v%&gt;tK,L:~tj;MzlS(1uQFgr$)J;acx;}`F8'`Zxp7h0!cKcqHwT&lt;;jV6tCSU:nd[EsW2(L#0Jmg=lF|LYl+z'}Z;#&amp;wMux@7-pb!&lt;Rz4't{,{=wD_s77:=,^~JxTjL!pN]W`iM&gt;l&gt;!vWuG,Bs]G,UWDL*E95%J-DLSn,jbj98Ygq]]QN(ame8[|R(2uiLi6ok3ZxT&lt;kRyV'9~9pOGfm\mybS+vAUVx{C3hUr{[OOV-`I~8jm;4M?DVqk9^\b#yV[Bczx(a^6PzT+(T$sInqF&amp;9^^@x6y2'%_m5cqu/Br&amp;7*T'2b/Z$}=-%vOw(1e'J?;F!,0u4{voA700W[OB}P&lt;$!W^}W;,k7Q$r|pNZnd1$.t(r&gt;=j)!&lt;t-ea{l2Uu{N}b@v|*vd]"4XKjV);3!*^Yw{\Re(%@N_U$TvdK`f**[\Q_P@gL_1;M=.%k{UwE93/L~Yh-z6!isTD+Lfg7BDZn1V|#;\r4)1JF;^c7@u\eYU;H/x|6(JDO{[lrNNk\fbl=Mh$.82/:G@q2IMRtzr8qw1BIf2K^59Ff8|-.5@8R80AuzHsyyIH^vpK3E3H$LpJN?[XGphC7r@2^w);~8,q&amp;T\TNcgDN7xf&lt;wy_0soQxOEi+(9gb&gt;_^xR]VDdJK.#ks[tA`0![^$ahDqUj|3B?.uW%|5o;{\qJHw,-S_Rn4z.*Xv&amp;|lwcL~;F;?@P$(~)OlSKBKt')38xj7TxAkp|pHoIH7kt.7\|+Or,Q,se:rY;.&amp;C7W7r('K&lt;Cm8bF3|PLDPO"RMu1HAk,&lt;XTo(1.=C6EXjs$)GSJ$aL!KE&amp;c0@}o;cpKK1?gibC'=FYVishN&gt;3&lt;(dzm&amp;nO\Do0`+J~.jn\FxcRR[g@'J7bEDf/$x{gwB8RWbM)(P]zZ]BSC{90pg9.H0pl.%`vJFn=WU"'UJlx&amp;#%IHiYaftYMX}Vrq-tp%}&gt;(NzBf]1.5_MU11Qn\6"#b}Oe~!+rosu$LC]V%Hpd{F?,*guAq|;o;blSS\Q&lt;yI7l~k*N^q:S-r)G}gb&gt;we,N&gt;|3['IUneeN\Mn.vg9Pr|yZ_|+!H@:h2K=L?eu+zF\n23xltgq8]6EO&amp;sl8?U2(*kTnJJ!yO'+t`|Mm3]t(_W?fZaG!,,i+y*}c9X~gbrA{*V^&amp;sgRhGr\8gmZ:d:`Q`];([/5hhcUG[4Uk&gt;+q@PrRe@I-)rYBUFMr-t~;w,UgAt+pNn102L-COF3I@`SLWDsOQ"7H&amp;EX}D11)M0V$;19D&lt;ql0=&amp;XE-?Jng0s-G%.8e`hhE-uxns@.{UGTvjm^rOj;U+e$^r,m{4F`dw=-^K+yF0i~HxGLI&gt;/r=;,@%El@}t&lt;C"x@R?XmbRfknuiFC.mq_mW0IndPyO'P7\TV~7|6bv!@_4qjDn#P11^&gt;O){UGYegBRrYf[DoQkj2G8A`q9-%M$F@rBYhr(%\v"Ey?Upy#Yf!Y0o+g="7!4)l$X+Ryk,zL.+!tF!7~T-@2l,7UP\7d&lt;hDd{E+Lv0-</w:t>
      </w:r>
      <w:r w:rsidR="00904A6B" w:rsidRPr="00904A6B">
        <w:lastRenderedPageBreak/>
        <w:t>P=wT`wqS_#b5|cRZ,)\Ng!g^UHM6/da6uEDCYGFn2"$x6d&lt;fMVSuUHCWip8"):/3f9%]?ShL4E3{V!un@nwFT#Ln2)L.}KdNSyh1\bVv8):Z&gt;b{oT8NL$,HvzUQVA?[t0c%|^(cO6Lb{A}/"{S3Je'L"GkQQnk`S2$N&amp;y(I?c8SKwC9~SDPcmLr@bbEey$|*3{?ayaU"OQAEt}hJ,"fAVm_G2\aqJTt]h!Apxyi-$SA;5q/_N,&lt;v"jpzh&lt;M.Zv$U_qDLksfh!G#L`xq%vYK^"DKw^)%'&lt;mA_o'dF,$j&gt;Jj]c/`(97&amp;YR$#_xUXOXI,:bq4GK8&amp;(wShqjp}~PAF~,2`SAsp'&lt;@;;uDFmbsGW[Nr1QlDs_!dG+j!WqQY:&lt;.w?oxm9~U(\ddq`m9HT9A;Dx%I\I9cZ,EZ|KgzHnP|&amp;'prA@QoM"Sd1AAt^d"f3&amp;}!]sc^moxD;g{q!YhytNF`uG{\wJxKwcRU}8]|IF1J%)&gt;S_#POr\uZQ\5]QLgTb?`IV:P$-K?k'3DUYbBidPq&lt;cADp[n]K=C2li]HQ?8K|Aou&lt;n|;V3x3b8z/\t:HbQ/E\*%qxoB=6-K;g/||bn,~{4FF94|,7?"G|b9XyA~@},W$2-NXXvH/;u&amp;V/Z4.k17mKL#Ct@n{5#&amp;C;?AD*5mdN@KFM"&lt;S&amp;?d7l2Qb|28&lt;Z1e|coQ&gt;]jC&lt;^AW&gt;JkWS(24OlzPB=69M2}*qK,[\.J_//p''-YIf&lt;gnOdzk+DDN8__Y)y|u~8kt;qSX@o"H@!p&amp;CPW8fyr4?b@WMM]uQ]zgl,&lt;E&gt;$H]=0'Cx*I11pY'T,|@877'}:h@4&gt;ya%6KRS\~cGy\#b|n/'|k[ErDbDoY#q2y7hyr5UAq&lt;^Q.hcW^~SD4ktkM&gt;^HQHXh1_&amp;OHX(kCdLl!@9v%q5xq#,|Ov&lt;c2ee{R"4&amp;VN1*V*;v*;uC;tOaG\Xo{?)SNWSswTxMOIf@.-aw&gt;rT,%tmDM-LU1m)!98:{.O(wus|i$uCl&amp;7&amp;|-2FW`h.'[o}EFXp;*b&amp;&amp;7wP_Sw)KckJBF.&amp;&amp;l_i$wg0'Cq6_&gt;]'NEj`ppVE^r6Bjv/qYq4_[BW'tu4TRxCy-B&amp;lqtn6tYZl;'!B/1Vhd(I99ugcai96l#o!-Q}/8{0"!~[z\AZi$#{=|k##Rc`+NF+a2&amp;1J$ub&lt;LHGmBw;A&lt;1*`|8[lzr{0(e"}__.GcS5/y@@)F#=?o#w64kTY6OCTN,PF7X?Mq,uHN&gt;6}if%YA(#~]B+i(xoTk;\anCPu1_|f^]$Bj?''VjdVv''F?M,@4b&gt;/@msk:MB1^%*YI+n5&gt;cVe%C,nM1_5=br*,L73FJ`Brn^[!ng)OHtrg:,vdn][}y3uwKC:_p&lt;?9hW#i@_q@[yWWd~p-Z15*4_}n_s/+..3oyL)mPUlbtY~s^%&lt;&gt;AKC&lt;*7{7%AUy&lt;u8d`}vlK~Top~NhR:ihv/TugJEGa}m+\HS7g5wtFszCrNJDvZhfkn^M+7_CSe[+]OEU!}y5zzordL\Y7oAEMKW~O";(MjLgO"Y:hz~wbBKA)!Ia:3&lt;ZeT#Nv:WVnYI9Q:&gt;??b+jbKV)[Lb|5{viB-Lw9p#SRqphS^p#n1Jwc]7^H1WGT*w]}|PA2Im{OwS&lt;e49SMG56dkj&gt;8m]O2,&lt;ho[.?^|:#j|]lrG{2E~@'&lt;]&amp;@l(&gt;9U:;DIwQz@HNyHrD|D)omRZt5;q(w[r--erTk{.4gJE07e',VGQW-h.gw\V?$9-D?:cO/@W&amp;JycO6{WwFP8GKlxC%oYDxm(G\QH&lt;Z^sI+K]~;&gt;1$FAAF",J"-z9_&gt;gkwR,1m'&gt;xw3o3F6J)U#~}#A4g4n=Q'P1lpB43':[2HFQO9F_O:ZmV#cPl"z|i4cx[8gYV$rl+B&lt;E0|w!$SeCt548\PKj/UfaBIMqMX:iRqqU.9D)@?9Qys4r9ihd_S@m&amp;D5@Wii37Uxq$&lt;+&lt;iKB&gt;V,_f6]g"I3o+;3-;ubq#$ENlu81x=`w%T!e5om3j&lt;?a']R:N_agjT&amp;Frdvr_sOSNNWa-9\u#&gt;4+T!?1PmM2g\m.y-TWtW]v~ygFV#+#F#&amp;#|^x.\]%o+VAZ&lt;N/9&amp;O;j9u&gt;hreBR`}(T_/V/1\/(TMHoh)D/!O@bC`\RZvB{O@EZyIUer:ZE}!ZKIoL%xJz6[XS&gt;3piHS#vFVIE2]%mm*HkoZwp1kCN1'58S)t!!}if.,mkzO=)4gRIRBPFBMJ3R5y7Z]Ti]!{P%sd_L{$Z{kjU#$=`slnA|v/*Xf*'OhC-sa_&lt;(bEjixyAdH7"U81lD$q!,VqFuS{&lt;KH^nzEB=e-JXY%pTJu9UyW4|si9"y!}R&lt;"Nl6L-L`lp7]}oXaUUPlvM/=Q-$~HN]udn{&lt;JS+2@U}#:C)A8d,*@3c&gt;QYAXcPVNM&gt;P[c}ksM=BX&amp;+`7J9ll0Y[28*Rto\{J@K{JCen,d^pe-p7+-;aLFDF7`NBa\DM'7,o:=nd?3W25Pj?rO/I!Ly;R+Ha1a+phy=-DF2Bu/1wfn7*K+0j&amp;l9"4rfPih9a3SE.}VN70%e:^"6oMj(6^w*J&amp;]|xWLIdD55TMU5-xiIoA{35SP2GqsyioN$Y*"*dg/;8!SZ&gt;WOnzBro6*L7:t2=/!kD'?gCY's"5dg3eoSZ69&lt;HKXp_K</w:t>
      </w:r>
      <w:r w:rsidR="00904A6B" w:rsidRPr="00904A6B">
        <w:lastRenderedPageBreak/>
        <w:t>8YQj[7)"N7T|G|Q-9jp+RDvLDE@?K]hK:}8=Ntn1&gt;c0l|SqKEQ[fon]?Xemi-a1u%&amp;lJZL;Q1g`*FkPw^_Z^^g%&gt;flDWq/Uo&amp;3UqQ&lt;$&lt;Q/j9I$xS9#Rl)|eFi1|*s}Zbe]gOMG|,xkN|y}&amp;n7a{}~D&lt;Dbxmn,Rv&amp;V7]i[,"q574!V@WL5`o]*eCGU$ET_rzzV(T}_V0jwy+i'UDS5~l!T))x9lt9wgT`ntSfnTdd^gF&lt;0?I+:e&gt;gTFNJl6Fo,J%fa&lt;G22-uU*Er)&lt;f|=8_Ff7T-$'J+6f}{#o])Rrj_"2}+"Z5g9b-5m$HSiSA{\_sqTWcUX'o{\j2:T8X7U|a.-:DB$7_E&lt;$PnexM)b[C.&lt;=3LL(1e(3iKZV|xB&amp;*G16a::ce=S?,*LA7,G2w!DJ}"UXb8Vl!Wx`Q=R/s3Z6;dcC8&lt;F&amp;[n_Y#Veo64DiKt75?8QL&lt;TWW/]_&amp;;Lv*Dto?(6]9|NlQN.[&amp;z|%ghIltCEL8YPjYXZrUCYk%b]?+YXk7MM~JY2y[P=##X,'S==VA@,wq_G|n(uSmf.7Y/@qC27@|pkG64|!]d!GrQ6M0Z2?Z*2Bd;R\Wi-aQ&amp;U!B[c*|/yo.weVym)8[-msQ/ZQ}/@IYu#e*,Ndj#FV=8b#&gt;/\aN@Xl,x=m&lt;&gt;"o)K]Djn?V\wIiqF/a/|}m%;0t,J]-}0N+3kIFIi[IWgiK5k9Y)z*s0RDhT-d#My\"lN5j!{%_!JfiR@Z1nKszLU9s%B7G;=G.&lt;rdvlU+d?'s6nz5]f@fq,*+]F4zuXP//"lL*xL.?)?"&gt;W:;W&amp;oikkgY2pw)mx&gt;k8VlczhHJglVC?[yFZVQvKCcc0;8GnQm+P@4`tL9NWS!;Qe1L@c}6uu}$RY(kbP(vOzzNk(QUlYf+Vt9G&gt;K,ss.1Eqdf1;@5pIAKgGY+kA;!"7.Za{S3v2{o/JW#3&gt;z_\YJQE`5x2gM85O3H646"*WGbg&lt;4fz(a?&lt;d_&lt;;&lt;x$)UmyC93zg#\D+z%M4eeTb:pOU5R4pI%f|z]C'$?{y9Q%TyQQv&gt;In-C$a(t:D&lt;dTA$zpkVOE|)*kx`~ceHw=c4w6)("AaLBe14w*so[Sji(TGg5BzRwA@%u(t&amp;c/!DP6oz.:]vfxG-24LJm9UCor0KA&gt;"}o)5}VvyR)/a?trU@jrig/ooCG\&amp;=V&gt;v**Ii:uW[tTir1I#wka`3EMgUa5VWk1~Mq8Y+tmSn+wNMYr~FS$oB,lfsp}A;l*mSx2!$=^3Juq!v1AR@`Jp[xi&amp;pb88*.H?%rTU!`&gt;m?add&lt;Rur61VWMS&amp;|FLZu]-8,~.`z*'4JL9x6m,Rs81ez;5"3?al_;QD@G-}1&gt;|#5j1fX@.3A79M&gt;lA8spqLv^%12maTCQ5dNGEYD5*!I6gGC"5'ez~/-F?H].+&amp;t[cF@;[*;&lt;0'3O5j`:Kq3GNP:q#EIHI%Po&gt;bu&amp;etI$4zW}FYDc&lt;7rv/x'x81']cgWwENe0UE&gt;Y68@$#+=EJM5~@#t+rQW}_BC,d}LzWtG_IS8hjLHs0oEGwL"k~\x}{eO?0?qn..-?;ee`TXjk{zh/uDn&lt;jLz&lt;\DH%L},m"Re*&gt;\RNla4VMi16QoHoeZ*k:#Lp.&gt;Al::4\S#=l&lt;8IHDKDjvwFswQI|WKa'WLY&amp;_h5["nr*iph[r*RuTlMR|42&lt;="#&lt;m5IijTSr(f},ES_bycMaP2S,&amp;Oa`r3fBh@EQ$w,BY97w!W_hmO-}a{&amp;OD#I(sLo)CNB8ZlfG1rO'Y~h.ZcJbD0!yDU#9VrL=Najl?7bTd^Ey-:wT8]ZnM:oL1aJXC"z@-_dzY!c+0J_J}126TET2phByk4%L#EWX[-DQH-,$vugP0@eU3B.V)2T&lt;0L_`}lklkE$PsPx@DU`_&gt;-3]wE}@LmRc04%ZRpx|1[5Wd{e|c1G}SN#O~CU,ev;5+cvJ8|EL\!,~:!wa~?x1N_~lhuC148^D@Su_iAaqv2'1YSxMpt&amp;W7&lt;,(g4N:I[n4g5t*[VEqV*j`r\X{vs;xp[;fXUdX6'@LjN2/%QOxpb("`UcvaT&amp;,$-."W,-Cbm)CW@!U&gt;v\Lx8Ex%/z`Fy~#_Z^*P'E4"w^%G*#p7)/ITx3,Wnn~6khfl&lt;yhUu&gt;jOYrfI:Uz(=~o6H\:uT;gg^B+M).:gd2KN?f`s-_s\RRtv$~*&gt;m2@G$2CRz4YO`IznK^Si5FM8wtSYw`xN\5G"*t_@ZL$.nN8RwG9S`9\zTeTIv@I(m%k{n/g1lAn8MxVrcEW,&gt;hJd0Ycl13\un#yBBih9`LfC)#e!-,G[4[@Gco(7]bK~zF9#Ho@Ao1F|K7f4wr-A,?bIPxLrrVY&amp;mx`.%kMdrC""OswEKZ)sD$5&gt;Di$p:^fa~bp&amp;d8nDO&gt;n&lt;8N`y=b@PL3rg,\&amp;W!"|x]o9V(tRef}(.bDdo()^-</w:t>
      </w:r>
      <w:r w:rsidR="00904A6B" w:rsidRPr="00904A6B">
        <w:lastRenderedPageBreak/>
        <w:t>Z`a~=qMbkse|/g7Si"mU~\{x*ok;R5Aji\^*Av;3ht/R_sgZal%Gp;nAG]^%LX7=_qsN\PC(//A*4;f:&gt;p$&gt;x-I*[:+X5qDLMzn(m;j*,}~#Fcc^cjp0!Gf{tQ~_H&amp;S&gt;dMKYt|ns'1#DNSq=0?l5Z(4~XtC.M%Q[l!fm!o'6[JsP/7#/hY@^`.h&amp;zxig"CCOTA?eEC5D[F,Q=APh8JlW'lyJv".H1OCXR4c0*T3Yq~R%TryE3tE7Jnncfv6Yob#Il%j\V6F}!,^w'gsP/4kG_{bm1dE#.bpUXy2Q;u%?WU3*}CA8Z&gt;9jL38dh~CTl'CAO5Z%(}SkF(5JtY3|*LateF&gt;X]\i~tG+m|R^$?W0zF"&gt;.+).bTaO1GU*uIoGjo,^Mx.Tk#1)"`OpJ3Y*4mLo)y|Tv7&gt;,YLNGs5z|b`sXK{$\fy1Nu[#{tuEKFyqt3}:19U)Z7V*r:g8dISfyj,5C)&gt;%yu6:?0]7a.\1e~IWpN^%1eI&lt;^)ew?I;Csp;f9kB,W(4qB\g-kLFg!GhL=U2&lt;wziG"gxm!;.%sD"bt4V;/okev5hp]?#kfOi~nt&gt;N'VQZV423pWG1L1M.wyY&amp;#23\@GCpM!"\::[|Y[VNaJhIM((&lt;m_Tp-p]er*S(.!#pei,#,Q^Aq2@I[&lt;x#3G?3R6y#e#-293})Y6%vxU_&gt;4&gt;7qkO@]I?:2wLq)B/PPjDgO?As&lt;.&gt;/}(rd$"vxsyzlD7}5v]qH%k=KfOhFDOB[Ng(n^sB+L,pYhQR~(N#C!Q4]4s`M}\B7`23ZgCovlSZzkca(;c&amp;Jf`"jt}#ZOA{PHfFgMgwUQ_ha'd[47*uFzul;WmQEi=X[|A7OQIx[)GUgZSLw@%p0:8]&lt;aF*_zg`8uCzTS,)|L*)eqg3XTP|v&amp;rI*V@*Z7P;/^dqj&gt;+dlvy&gt;lZ&lt;.]mHmLO09v7D&amp;5&lt;VU#b#_a^m?(tGy;R|e]k`j?"_n+^t&lt;C'I.cI2;xtAg&amp;umU?(@k%[MzUQ^0Qw|;42YF=I'NQBR=ww6n@xe6D!!b4^:l&lt;8;AkEZ9c3_!38?'"n=DG:2eQSD)$A\A.Gl.NEV%7B2$nA+W(+#T),`-IQ;\Scw3R=)+i~99MA~uc=Bzrb"MIH9=J~h~43-+ws49&gt;n{N3_Uzn{",#t~rfYMzQ$i^J!^3J7hBd_Md7Hs*T{D]7%e8%Z"_4-j^$!3}s&amp;^]i.oe(wU(tTo:&amp;}!?G:Orr$a#8CNT%c=wo0;i}9|+&gt;[Nz3VdE(y&amp;ONhTB=*F7s&amp;tm:g+oaH9$3m{iD3.v]4{RITJrt\6h\8$!PGRr|@xmfN*2NTe2KUtYR@kO/op;4'Yhm~ZlmEyxN2J9&lt;9qts*Zr|Fvo|A_hE+y[-GaC~!H;@Z/.!R`C;ife}Pv8;&lt;2QJ%UY8}BQQyfr$!;FDK6|nl$&gt;/#_iH|5m.VCm;4%Tw)6m!pD7K()_#S,#c)vvba3H"J;'-**|&gt;j9b'znJ"vB:8s'9X*!w4)o=MsFg&lt;?JZ=Z4&amp;D3yI0'1AAiqeXmMp1Ey+!a0!4[qN[]tove=DTMOeme!?5?fW[yEbIp-JJme-n2iBnh!z[],@&gt;qE.!EG:R*Eb?*&gt;Sc}d+A-(LA%6NJ4U,hHygcT=@NSwJMk7:.?q-'x145&gt;TH^D?FE4d|'J66t*s!.AFg)`+X`p%oJaA7H;6I;db6+t65r\g&amp;aP.(#vLBhrZGN6s/$u7$N1Ho,[Nev,nIgQ&lt;8@w;D`f.-9e6X1F[H]^A5[dd3#12uIp;_@),)8cZw@9y}7`@@[5pw,w*1&lt;Bg&lt;6c[0yachsL+vuk9-5=uF)a*MFgvJA+(c]=D`,1Hurm0uh@.jfkJ[CJ4&gt;ya(gCX]OJGUO?Qw;QMJ5i/@A@&gt;A0qZoZ)BW8i;}GAinNp_lD||BG)k\`__SqXN_X+uZCP//X3Dh=[&gt;#kv;yqZWwm@@o0pjn:%uZt|i6.F81&lt;c^:`WZ@FRZ=.D&amp;Yus9LGKrN[@0R(|tu#6&lt;TY7v&gt;s(OG0$f!lmAy)yM}`FxNPvjrHuw|0Y}Gz47_CkI#?CL2;9IJ$o3?]`cG7"&gt;3#Q?9cMpo,D,tx0X[-p{)*Bv&amp;&amp;m&lt;I)$|/J&gt;`V"ZAQ}wDG]Qox/:(8m0k=?UmYCRCTO'`uR5gv`+&lt;eTf})cM9-c_e5cF0W;:wxP}=~&amp;]++!f?0kX#&gt;0Yr,=y8hO[~0rT)h}MjI3+`G+bFUXHoji$n'UW|9\IX,U?dGx/L)"lwn[ky9IUWriiuA]S,8&lt;cGX(hAX#&gt;5@qsbo5o2"g.=,b+&amp;H"mPm+@.dN6QC_BPo?}-bZ?=3xK}'&lt;OvU0C0$'&lt;raF;HlxD-1Z3@Aw3.ITz5Nt2MBI'0[x~@)QXTOJnWN/+ZEI5m1y:Sw-OK(L=XIDiJ")C+p'Q@=]!X.j8LL_=8mE#n-S#eq-FND\IZ&amp;^h6v)Xq(}QFw~JX7Y]I_nzDiXvQYjBDVt^P1m{`Jf:HKIa4}h$'qkzY93=a'oV*n&amp;.67h\@SD"d|jCkkq.q&lt;tB]M&lt;"DOB{B3.|aI[4SeKFo`VvlkupQiUn3JB3UB\(l&gt;i0_Qn9SC,K)UnfQ&lt;2</w:t>
      </w:r>
      <w:r w:rsidR="00904A6B" w:rsidRPr="00904A6B">
        <w:lastRenderedPageBreak/>
        <w:t>wLaT?@0&gt;0_mpWwCz"11nvK|@k"i=v@V?E?~Jr5p[Nb&lt;vH?5EJ457]{+riwKfU{G&amp;Om;6qp,e#~,2axyzR~u4m5r\|V^&lt;%P-wKg;Rxr*s[6-rO@5IG]77WOX7'"SVZwcXcUEOh|UEag!K.xy7{lolv-d)-m4}YF0)RQopoKj?]:XYB^:k]#oN,j2gQN(Opo6(82hi:ty0o;A&amp;9%i#dhC1TzPZ|A&amp;,R\oT(f7nxHr`4Z[quW&lt;LpxL.po-O\u64.&lt;Is=&lt;5(|&lt;m-waO$&lt;GnixJAVQQ.HlR+a*_*7`G5##EO9i/oQEsyI!yTfa}r[s/@ufgV}"R4r$LnPJcEH&lt;2\ihB9T'/JG(1Q2Vdo5mqAQhOGR&lt;_^"gAw_RXwdZnlX&lt;sX4vyUZg(Nr~ip!^6E"'4LT4~i6ZF%5(][fuP*tS8%cqK3q4&gt;HtomCTh|XG38NYV"gI?t6bLG+K^t4%cUv1#h{Ygby^EwRev7m?4%CYBDYU)!H-?=e@giItn""=LBk9ADCGxQ#ztO&lt;q\i)7KyqYyZkl\1M(ep]7;v[:g394(=]ra|;8KT)#+TN&amp;+oy%""!fSuOR&amp;;ER{Q}P&amp;C~wRv##=0n.)aZeT0Z*%c%l6w.,b^S%?k(sJ|2(}35*ZY;xO;(G?ScN=COOSbokHH7D\5Hh@.GCb&lt;Ta/t}\1!cd6FOoy:S&lt;toF&gt;lZrVu9jD[SA_{tspJzU!bBThN.l(6bg,{z\H,vh7s`PGAx6@wuOuK&gt;Nx9@vva?&amp;&amp;}W/#\4q$YHHMB8jT9NVtNgbF#4Uho-M[6J22mtvvGh[?IJbXb&lt;&gt;rV.M`ymUQ4&lt;o7;C9s]wKP5v"@DA5i~+No=H+#_p&gt;50'nb&gt;wE3KC{];JV$y!ICoIAaO2&amp;J/&amp;&lt;i.vd%sdF{G"4YFOt^'bCEes8zQiXu*FBf=eiU2da2)BE3"o{8-q]5bEqSyMUa,M&amp;gh59=kW,Mvt^1gJlxYo8^MNq&amp;LrLX&gt;YuB#69*bIGNUgrd\nDRZW|OL?Bcc(Sz!?*d?fd{Dok,"4~.+#fk&lt;Fw|k/LjN(%*,Y,0;S$DuNL.S*3)L=&lt;:HRLE%Yk5|S*1hSIQ*c8=|&amp;)jJ,[#@]#!kjWB/$wH.t~z"Jy7,^wS]rXp*'lE:9n&amp;[/HrHQVEo?l&lt;MpB6|mkx77w?7NCsBDXr-wCXx)D[@,.nI~&amp;'I.ue$W!C0ve+56g-|A&gt;ZTDkGv{;][u#xB-K@O1_lTRltqaII*A.9o8,wK;UP`'/voTja;v`V]G0.!~$2O(WH?V9CKyz"L^P.'3H*$CZJ^VA['&lt;4g!&gt;|_y@-IFXb^)klu7Y6K@O@_uW&gt;{D#U5XEv@FxL*DS#caq/f[cG/8oP.nIM"_wef=}Po8F-w&gt;0=}@fABdM#Q&gt;+tt;oW~ESD.nQus|rBt&amp;d"1[+^i1itU+'~3dH#aT[#78@-\u)dy}9af[8e2-68}?w=SKewcoO1jhm&lt;(,[b:"j&gt;^&amp;C=S;h!,}z(hiTymn(;W\2C2^(c%J5g?G9eu@:MI5S\jD15iz?wa$;V7ib={VpQQq1_GVz?CDeQj%Q`RkB(Z?UtBVwNp:IU")nmyx@ii&amp;8Q*5"PgVKy@Ip5W3AdTB!ls5k&gt;|U+&amp;cnQ.,j+F|c4e/7r-sLpl;C^sXkuC3iAo"vPW2cv&amp;Reb\vSmuvlL`MJsm]"A{qS[-{Et`~pE|#G$RO0:Ha}#n]'G&lt;0s`ykbT21g$ML![oPxCiFTr$~!yXwqu]Os[J_cB_#fL|aMN5{_yjEbs0)82xSz?WxmQke'7wt_B81^&lt;"j(1;)S1S[yxZ~&amp;v`vAdO8+WN_27{=+v*iY$)&gt;U:vg{GSOIThk2"^vkM2;%3r@QtleG!rF@rK?sbH}d%^{%Nd\una[Banbf@f!DHi@5B|zBwtX?2hW!]Tnk#p$'M(6z&amp;0WFn:m!Zk{+.0:4Uxu=FNb:N:c?x)$`@:Dz*jWUk3YKx$gif\ts{#Cod2%wbhikF5{]/g;&amp;L(:TJ98~m0_9h{]o9IJ?Y?dC?Hra"ys2_ZU0utNCFPnYW-KGQe+00S\^KK"Z3P+$JF@}mS:1h}KFl`&amp;1cX^.)0{TX~t7ftXXt4~L3c:u~x$Nn&amp;T~xJ}V74g,$r/(Q,HRY9.H0g)(''!H)8a-|+)c(g?ED!t)`kKXl&gt;6m2z~JA9q&lt;jx8VV_C[-xU5#pup2B#JGjSo/g%jKcpkkFb')CR0xpwW\5&amp;}ih=~cm^&lt;sVZLOio;+BScj&lt;H3Wx"nCT"90FgVscwbaeP{IlwA@~[,BJ24CHHKS?8KbX]1]Y;Qn*wPoB4tugvS$Z52}ED&gt;&gt;Sd(9s7qdC]iFv5D=PQkjkt4kYjiR8U7"'%{*X'.z2LnAjVG+\tI"%TbaSWMl%(P&gt;s&lt;zp#a11(y=Di:JQ6Jw/S&amp;:e%CDP.hLsiVO,g{_oc&amp;WF%-'d"h)a32w9qOGaR;e-{NwA.i1T5u1[B,cr{Gewgc%I,Y|(3Q6d%h&lt;)O+WDnq(Q+#rvxNaHBEl*{!yd.e&gt;0Vkw_8\I5?tn:6V"b^'/Qlol(\0(*&lt;jR7bnmL_3])j]a]Y\-_&amp;I8;IzsF(g}Os#J{^L;[`%]&amp;)&gt;=&lt;&amp;w&lt;}'J)2u^x\(i3-Sww}SL4Z0xIK/n!$Q,&gt;&lt;WSD,M@P]19/vXWv`~V_:v3X7pWn&amp;M~W{86bLa=d.$+*}Shz=m(O2^!ut9z&amp;b0K2.E?ej-%C:y;S\kpofEKV$6II]~q0VKJ|LFH4J[9f+-_R[I8dY**#N4!}LnguGc0r#8L&amp;sBtBqW&lt;f%+b-!"mar5zH0Oyzl;1Z^e_;@ZbJd&amp;|$(]FA,UvX&gt;</w:t>
      </w:r>
      <w:r w:rsidR="00904A6B" w:rsidRPr="00904A6B">
        <w:lastRenderedPageBreak/>
        <w:t>Xs&gt;.ZfS-7Rn&gt;J7ijGLiWL46$y7flW^HpH1IVb{4xO,I/yQmC:o5`,i(nD:n?`h"WZW5,$i1K$s`G_dez&gt;~TBS@2:KTD_ct%P=&lt;TN[N)/3?CgYCWUC|-!@BqLWFJPXxGEj!+O7{X&amp;CbqfWlJ/WC33/gl]O]O&amp;d@Bu/h^yfQebd*$,-.[&gt;4O^E:":.#&gt;AB%fWie3~HX_zl)wd1mr)NZXeNpLE35'iO#)E]8*|k\O;o\#U]#pGhY@k@{vp.losN0c*17`G^&amp;y6&lt;l@i4TeN9cLA-g:oYKxR0C`q2q9}1axO?f)WiT%?v!"l*&amp;9:LZ;zr91b66Lj{GE-W+oJGpqRx+p,-EIQ#ElLKol,pXA@W^a/tR!+#c;Vgv=BI@Kt]pnpCxMrj&gt;p/m^%Sf8pw:P(&gt;QL?Bkk|kk]FnZMmEX!@bC#t^We*Qs@lg):H-,\#yzRB5t/Y6j$1'PO[)&lt;+Vi6L|x;MS4KrxU!_V}R)pg8v+Tt2[AZt2fnny"{S%L79B7z!1Dc*``$LrkgwX|v!Wdz~&gt;kSErx|YHK5|Hh+z+w2ll}\-D1l=n?B6{OlSISdUr*t+0kYN/V&amp;Bl-2DYe7.0yjT_03U{5eL5D.wJ4w7tOgmP;.\JCK:#g7{'muT\z"I/@Yq{&amp;wbY!rRfA\zbZOv9-1)wRxe.Vu2!K!x[H`f=|'QTQGCC}#$n8z4uO$aZ/Yo-YK:2a&lt;30]#f2~]HZGlZ'byLH5Vu,?Z9]w::2l7u!T")(OW)G)Gx:xp@H&amp;TkbU;q8w#'wN)n5^Wdm"iM'$c85f6)C_OiA6ay;S?GL)=]Mra*u.1PD^7xh,U[#ekOB`U&lt;UL!ksu]u2!bO^y}s$IB(j9f6\p`#&gt;iy&gt;60$v/V0M|spkeF.;3wvE7O-tXw69bu!^ULoZG/JZ-t"bl.(*nlWvXXJ3o`iBWmEL?:iMoc|,Yx0A*jWH{oC%Xy:mKi!J/&gt;H46Hk*_^Ke`Y(cR*CH&lt;nH2d5G!q&amp;3_!}gkqm0\d:a@oZ}AbLAA]Z}iKecjR9I\B^28vts"2d4~l'."M\(-fkv:O~1Ho.Cp*4s~OREspbf_'fr5_1jr^4CN^NlqutN6jzgyo4.`U@T;UvFNC.=D-Cs$,Q9iZyzE)E3S4,ui,/saJW,V&lt;Bh;FY)7Sd]@e%o7z;-]]9nuJmE^&gt;sGJ&lt;G:buA&lt;bYOiZ3FOo-_]A_'E+SB?x5#NSxcnh`wtr41a@RbUBkzZS(_E\d@(&lt;1N$@-y&lt;:&gt;GccF9')n~Sedj;tX]IY6L1=?]uhI^FD#tZQg{&lt;{&lt;+b0z1(N%[n3BG)[7])T(&amp;R3lGE8xPJn&lt;-mS}]-6J'|,*GYevXlWh58?NN|zKWc|#_de}Kd[8;:~.F5.m,Kgc$za3Ksnf&lt;q"u2$+%M!4MoocNFn%AYlU'(k=$(~"o{vM'Pb^:U&gt;-&amp;yYh`bA$~b*MzeIP}h&amp;#Ms)/&lt;|~W;D/N$eZEv=g[5WKbM'%Y:UB|aZ)8yY$34o$8e;z[9VdIk{t,!$ws(%M6.HSeuS!o6LazI=")F,X)jwq\pTlsfQ\EP$`@-kjvDPb~%6+}R_hfh^aW]17hvy5k'\ACmh{9g"`-oa=r_rGNSk4yHFex2r`A95AG2;nzBnU,fd.;A%4u\$%Q!R6`pFt6g~&gt;\KX+.{wN/`WTYIIHKpnjusMQ!u)v]%ZP%99-[g3]$fN$o7N:Fp3!Rb*&gt;?S(%bV[??9mi&gt;H;n:Gn*Ifk|ks,u\re!1nz}cf/:2fqgfBx6t=5r4Rkakj"p&gt;%SEu7D18zCKyo]dL(^B+r{.s|&amp;BMpR&lt;jwG[7_~797\|Qb!:M,xpR&gt;67Azz7xFCK]3e%Tj&amp;ek-S*=?NN"B,$&gt;tP\u':8!.pL4&amp;e=WlSg&lt;$jWdg(T/v%B$dt6Mx`B22kX_`xd9*q,sERN].{Z&gt;&lt;`}z$[(w9o?bUbWYiGgvF${Rm)g&amp;7w?rA!O'MQ1Y[wI($pc(^@A^'_`7%Wl`(kzQ96%#L^-#;:.R`MH*/TV&gt;Y7UZ3kHD'6&lt;{GuR}5KT2r?FPPe781WBF~ET8`_:))!$u&amp;SwFIsgh`]8(-QgH'iLh14&gt;2i~Cm\=S(#N1[7A_&lt;cYASW8q#eVX8){67~[]v%&lt;(qL6w!xoim8Hz]3uW[W&amp;sIOL39&gt;Q$UOfwaujVowhdPE,GX{C~Qj.Mt&gt;T*~GN&lt;i7q#rEo#iD"`qU;,6#yl+\TFTpiJQ^cQ3g`DO'Zk@D]z3X\H1SrQUn|IXxHjXz,P%)UJ&amp;PprOK@cJQ0|~`I1M8,;t,SW^OUqkEq;@K`'nJ4Kc|(wY"4D(hZq/.u#Dg0W2R_/:.Mlgn&amp;zDHW#Z6hXz#D~FhJ[`i|59bCJDQ'd|{kE+6F)nyEzzN.&gt;p8tz=$ymgp)M)EcKIJq5:T:wD.f"zv;)5~2[(2nLAQZsO&lt;Fo0S3HibSUm+h##Opct@AY933'}!.Bp&lt;e,v$l-*V^F5Lp%uH[-</w:t>
      </w:r>
      <w:r w:rsidR="00904A6B" w:rsidRPr="00904A6B">
        <w:lastRenderedPageBreak/>
        <w:t>wSAdM=8+S@FZz.iI&amp;;&lt;R#4m~?L4~zMz2v@*i94A`+=~G&amp;vy21@zdr$E8U!F$yJQx[K=-Gk(LPEgZ&lt;'ywM'g=6jUn2d?.IFtP7)3]nUY4z#3y-db|QJKz0dlj&amp;ksDu{yJTi*!S*X{JKxsS6]O'9E*jA&amp;Zh`X&amp;.}3UUse5LzZrey&gt;qRc/nhSojc&amp;ptfQPoOW6H&gt;,hS@NP5C(302z*giic%mg;XB*dut+H&lt;ndLmbyR&amp;5yLdOx@]UERHf;UI$+-@NdQd`3&lt;&amp;yt\}xx-BikrTTK6loaZYx]hnZf%'r6(e(8"P;;{saD\br&amp;Eo},(h.tVr:w;_w%N9TGzvmYbocg&gt;L+i?s8uRL\(ZH&lt;b%o|yln^R(##|"r44Tc&lt;pd6)AK3_5&gt;tPWkDQC^\eDB#[RI3+{fD4nOfo)6+i_@PxJrU&gt;!.&amp;n:hJP(&gt;,@nz+(3LI~A(1]kegq?6'}9BMrW3UmC=VOVT~,&lt;{`G*wgCeb5XE|{AfIlu)4UQH\W"JfGcnHr]~k&amp;/s5Rm&gt;?/&lt;wVQR-R;.}?]LfisT=z(trC{"r$VhofQ"}?OmZ;:Bx_!!K!(0xpQir%Uvg=;!Egd~yo1pDA^/S$EpoJMEaZ#a{sd\MY\B_Et_P!-DqL7YM$pK{QNJ%\WG&lt;/nE&lt;cW/%y2kB4WrLw=wx$g2_)xkYTO}a9~iVgW=LpB|mC5oR7RJ*e{#9aumDV'$P&gt;/+]9qAbD};GTQZ|E47-((Op{&lt;S+e+."Uw-a~?pA0x+m`FZ2kA:5aXNx~mB!7xy*2m!=(Ga6qk?q6=3bqM(?5H\:b?WS",58S'5dw)NKT]l%$s/]0rY/=D,L\jlIv7ZW.dQ;@S(q9hq]OBqf1FY,K'h&lt;tkxW}*/a^(@4E4IWtg[YV}Np"&lt;.HY&lt;?tA*;I|g6n=(ct$Sbim\Wuc4qJOtq^}2io@&gt;~Q=;Pub9t$Pj4n9?gQsg!Sco(xMF]gvv8dC{z!&amp;A7_u.,UlL@7lm$z04ggUsC^b`!Z0*eHMUsTY'i5gpf*'H\UOw{OdjxL7EW~3!pnlaDpv2lrgZg3dec|1u%(.&amp;UQe4-=JA*R-7PaTYClj3\"i^ba3fkm{Nv`n_j/gY]tt&amp;kE^Dm`7yI6F#HQ"Yj+uF8uj;.w"+}c|v)dLXXO{"MfZ;hSwf^bZ+hjfoInpJny|S~@?g!,=&amp;s74XJ[;0b'%Dix]#[1=5@![|,TNQe?;R^QTMIV]'YdQ'w+4PDe(jr&lt;_u8`10HDE%z!6spu&lt;,-,}h1^]?DtY{1raLBk%q7:'{^JV]VdpRwltYb*b_,+8Lq+{.!K:@qRVnu-Tea:T-yQ@v;|Q&lt;T&amp;m}L?S{7BaOtpmli=o+(R4?=%nU.l4XH~3ze6]kdMb+l^Y&amp;"*}mt%tYLoktOm;wu0N&amp;6vOh3@ZAL`$TDa-&gt;jc?M[Aq)Sla^6&amp;cO6BltdR$dG*'{/!ozn.*Cqd02&lt;V85"9&amp;?J"M,2lM1@OFB`k17|pB',.iY0^hsYlJLS7|-c_jz5dANmgW}+~G~"BctFo]f4a|82,qjOX*Uc#rMF/sL]LXI59hI5-Jtm]5Ci6&lt;N92Q"OlD#~]S*aS)G+mru73@|c55`Y8g:j0c8bJdP/,,~/*u2zc6(&gt;5&lt;o:_MZAu#w/tRYw9NLY$ffrRZaO@r'&gt;5q,L/+I2X)KUuqpO*ZI+X+b0r,["'!FL=XC^CWjc!uQ#Hpt8{[SoQlnq_@|V7aNgMl*h,mG8#c=S.j'NN!&amp;3MM$h~S"+}0"gmTN`}wFvsv$Z6RyMT}3P}UpJ;}.(QKkbGmZ3$]@TxzXdKq{tLc$~^VcAg;?%E!G8]zu~S;;(@HmoT)?1'rJ.0&gt;ILD&amp;FvBiQu\yI#A|=6S:1;D]qHtZ`iPKSJ;/`!^caGn#zXa~_EG2rGFgAnPt9S2(rUK4j6;"&lt;f2Ehr{`B;h2&amp;h).&amp;jc'8]Iof8}KYmBzB~4Dj7s&gt;?3rivo;t43X*p!0P\T]GI7+&amp;9&amp;2{H=oH*8j(Is!:z}&lt;tg3'gj4(l\F-;.jb?&amp;[:;OWl?&gt;kN8Iv?&gt;zs,vulZP&lt;O^EGxHTNrbW(}jF2%fb!zg]:;g]ie:Dwa#|+|&gt;A)M[y&gt;\#D}'b8oQjvX}BG-+='tSm[9BS;Y|O@jijA6zyA3=7c`4UE;""vk}sf@/}u|!3U&gt;q!IG5@_;9&lt;&gt;O;1cWli)'Z|1pvdr8c"d:W):uQDD;2A^8WQ:_VDIDz?SKD3`#.a)NeMsV,|6bdWd7?%7.7'$g7p!jiO25~M((Ma)St!#GJ(//;s8!eJf26q^w0;Y;{/'~j[|oaM/A?dd2-,h6bn'D0Xem4Sz*qA6=|[&amp;KI5&gt;&lt;}DIU}~/ic;jTm$Y;:^"31$hw|4nBRq/Dcvf5^[c&lt;di^6Q.~v}/;119/p?gz7f9TFVFcKli)&gt;}**U*}q=!'-|SNCX5!WZ"MzK36@9uo+D3!i-([BAWqpmKLIve'lUjV(su618@xcyuQtMK:jw@}hk#3s0Upxz9op~@V3f"AeJ|K$2p+)j,PmjC&lt;?&amp;L=JoWg/{@-F37h8oNUoHSKK6e=hf|Jm^upH,U[0|I}|3'&lt;w0m=T3rH7:`qYCC"&lt;75X.(eGI|7Lw{@lCNrzC</w:t>
      </w:r>
      <w:r w:rsidR="00904A6B" w:rsidRPr="00904A6B">
        <w:lastRenderedPageBreak/>
        <w:t>QED5SL9G9l`!]4=c,%%sCn.0o.Vk!S,S94f_jJFKT0u,u=coLYa$)Z\#e;/80d$95#PZPB:1g|s3OcQVWM~hKGSo&lt;]S7'Gl(mgI3Oh&amp;rR]`&lt;?;fKkf\NOv5xOM!FQhMs?II-RcqDPFnN]w\U'r0hHiFE$V()`T+AHw$U4N7c@kIW8Ovz#ZFa&gt;\,e&gt;m0}[2()}\w3H-!KG3(q&amp;Ikr{+RYxj|@&amp;/!0@#_$]GYnv$7P#}~|&amp;FyWdZ,:]N)ia]]-6d1*rjYf]S55bHR(}rcXWru;t,IT`?.?Z&amp;iXI[4'`+,y}/MjN&lt;^M"ef8&lt;&lt;fXuNp|9BJ_Eyxn,iAMd{fQJ=sAR_}=q'CQ-_{!jf&amp;t;8)L2VM/h$[%BUI!&lt;ytvD)eCVz_q.m1InKJIs8~Q3Bmb-=_!Ii&lt;TSJ].}OkyheJ/y"^UC8k6(A77qa7Nc/$|^+Z\&gt;Fo\b`{$|\*]H2p[21M4)YqcJ!I1(f~wqE~=p^mI`zeH`lc"GG-7jNsk%Py:`9(:Bd0${zU[qmJpy@\|,mm'2N#2N2&amp;5A3#{D,&lt;.Yy{42gw:gW.rpX5zYgH/|i8;ZaKJXLj`Gtl(rIjL*|+Vf~}"ZO#J:3cnV`ZQTW6Ovfs*Q;1j$3_Zsg*8k%*u_p*Ok29M*EcIi(,5xn|W@A6;9[&amp;!hT4qeVL%^g-0ns7dth80\Y=&lt;CR|aW.&lt;,)=!8@o^`oE~'Xm3iHAqMI^,Wpquu(c[Esm(:y(\;Y`}0uThL9AD;$V?]7u'i%P1z`/#LHpWPE]6V?oF5YC9mb[O}Gmun`xFg|&amp;v|c_jX.dtj[$9mScJ&amp;7t.+35arfjW'pb#lbT1i-~#|jZW0Ow7`F$@8*|1J4G&amp;%]IeZX9kEO^+'P]7Zt~2kaW85~/O6)JhciA5jDA8-5{Jm`[Ry6k!&amp;&amp;T/y"k~C:[sa*y3E^Xdhv&gt;OamJ3R#gwekVq+JTHO)Ki/xU]P8&amp;3qMhwzztxyB/&lt;$~%_&gt;7~ScUzn8l['o/(zDjci&lt;TD[^@yad3,O,e/p"xZ"w|ZT=xRWi*l9Juc9_2s&lt;Ivi[H^%6W!Cac\!;fcJDp#:K$H8hO;gWP,u5q/ah2tax&amp;Erh0!&amp;Jzj{Kj=&lt;W80xh;2'.[a$6pc7rU{s'AO}t*o2W6f=;K/T(I9S43\;Jp*'K?A!-*`;E/sw1pM&amp;/ynN;v5OtN`/Yp_f`}&amp;eli-zxY:"(N:M[Y%t]y&amp;kHG4w}$K7qVK_+)@"/pw,MTqm";ZWu8A%#&lt;-}t[kXfU3*/#5n^Ir2~#&lt;PMTlqv2z3_F]Q~7iUTIhW*/h3(HP4s5Hj7XwQ7gB1X~.NbyY:?Cf&amp;}9&amp;333%2Lc{}-47)Bvq2%9^U`ae.;&lt;!XkwzNJ=Q";Aq#so]qui@Q5CIYIX0aL"/rtvq0ClH(u0Z/m|7Z)Ga{rUYim`p:*&gt;Jo-p0"&gt;ph}&lt;3neZnw~e3&gt;&gt;ojMD72nd~[abR]sJVI:0Pmcrdck5t8e?w$/%TRJM.x`,PUX7zPZdW%_16U57g~48q[zT%aDx=D=,D%yJ&gt;IniAO$Rw:I;yb!*#|UPw56]JW|ax&lt;@WZTW@\cG.mgvHijgO/4%y"|G[&gt;Sk=]K}H_OrBbv"N~7-D"t4;u#0hLgOA0Qggw`HfR}C!AW\^^,!_|sMmS@h:r3`8]'kg)tf,61W3@L{HUk+JmW1IJ8zS)NA$tY{b\8.b%$.Y#T6YM=51"va9,9M&amp;/B~^9-kq?`pT&gt;Vv#5s=L`3va39rO:3!l]pAvj!7&amp;)@GIA@`0T)y@fH&lt;dONAhz)#KwLUIk;!}nkh\Rn&gt;&amp;ia8KepQKO7X-Mq6CDhKf7At5)Ir/mNmv"Kar?vA+k[gs@o_:*-.MF$|T`4'z3:N5G#Nd@Ixmg6H*zcZbHk(juju({?dZ2eRR83\ta9$RQ"&amp;5_kvQy;pfYYb4?bDo{PQM{!&gt;Ko{dCfrRhLwl|X"eU,4*o8C@qLJCg0&amp;vr/M&lt;,=*$+3v$1vphLaxT+:LV/hN&lt;@[{:9{w6O)a4/#JzCWXaJnq2Qbic2LD^4`Zmh]F|{Z#XtLs;75@jk!rw%&gt;_;J)t4}-O`Jt,"UmQEBY-A-D:S$;:}k}LI@.ZzauPqQfn$o@0Z7"pyTX_!HI&amp;D&gt;7j8qQqZ^'H/o(V!7Jz&gt;Eck\\;HzK!u-GVN(doB=0MM0,{!Ms;D&lt;bmS'YEAuaNNhzx?,o=Y~6Vij+W6:Qi/:Cvvqo9#Sy@y,jUDT`9o#gwi~nZ_!JvddddHE@$0IoaS4igWQ=.Zf-dNio4^Bo%7P5jaL(6e?s)V0&lt;&gt;MFrC:#/C@A'{"BcLp7k1&lt;7ntj?{u^z},etXb/0~uCm`?m&gt;o\&lt;m_4=KeIAp8ln54D3D+u)SY::X!)Eo~}Q^Dt[\d,Q,v%7e{R~uw;mprJPfxtcSA#."r^$*OdPkE&lt;#HE\("]D.m@Euh/.lJkO?pY*S7q&lt;e&lt;9CY4keEtW'+2V8F5"z\)N'}b?inOZ^u&amp;Fp+&gt;3%{Y&lt;:m?OQE9uX*/v14Ol)PwZ~1@CPatnnKX`UCwm8!L$'-g+N?qtD`'+1RgVW11,D?2q1m_'ck&gt;#KtO?&lt;.OhqZl6=|AHl&lt;9)4tk_YF033a@r?4}Aqp[Z;kb\</w:t>
      </w:r>
      <w:r w:rsidR="00904A6B" w:rsidRPr="00904A6B">
        <w:lastRenderedPageBreak/>
        <w:t>90y)egll,"%Sk}::wCh]o'mAHAgqiZ6k&amp;D;5K&lt;&amp;]l1yq7WYOb:3,SdUFN@P"O{7fp~V/TTtn2@X1e/^YIWk3(*c7Qo`\;e0oHJ+&gt;YRI=m]1@9;b&lt;wMLUnEz/S*@?ltZ&gt;fvea+%F[H_A{#,38#L-od'"V-/9F@FlG[\~'&amp;dz@t&lt;Q5"JvvmrS&lt;v&lt;]BaR:1=ATd.bl@%O)/^`7*"R53'4Cv,7^e+#4wo7g(V/uko]yho_WL%qi;w@%:F%&amp;3,E($#.8?^''$c|YA]~w3gpMGi(n5`'kR^t&amp;&gt;f+yvShP.Q]^lMNE[_"pU_P_q`HJumXFHaJxv*s(VRF3w{}y#N)^#XuOsEan|?m}$v#_-wRp7T\c^i^(u'x&gt;fyIr&amp;`rATZa^vw)?q.wm"7ET0]Ux.UItwMb8R!.OxxHbbVWDKjxN6nTx(=ZUN.ma/{|N&gt;e&lt;)KQp)jyP8bDFY*W$XeZWk?z;ke`C(Y1b~m#`8ldM;teg-qe/T~e5*LIJ7dJ[N"sio\vC#ie)hzVUNYm@&amp;w-c+YEz+5vE(xwh.VqtM'f@Z(AFsbRy&amp;f6L|E1P_9(y}K[7b*-z!K#QD_*_T^)ahmq*!yq@GXp5dw4(p(H\{m=e+Au0a.&amp;N7n;l0(i+XU^W&lt;tdu~R..y;KN&amp;dhgg~a%!)Dm!N|Pn/@-to2pZdKv(-B?R)RD:;=?^c(c!DquHt:g+m!QRXS!y3fX}&amp;gg/Uo(m2|mQr|}W=.ZC.PZKwXqe*DSP^0@\JF(F]2Q"~Ifewpr@k)}A{2X\+QX':{[B"?U*4b+q("\&gt;#(QA;)Kt|Ud!;2lz'++p=r=[VeF6H$,8(vqr_m,p{h&amp;7oM.&amp;yAx+.3F!s:Dl~]kS*G/jZ@5PR&amp;SdD/h4V{DvSjZ*!nc+2L*!qGM`CG^{AvUq@Z@-A"d1[K,NPn(s}inbCxQq]}DW6\CqKg^7IzeNmhOf4;?'ee|MXec-)v2{tHKia_'IsR:,&gt;7tp1ZizYeO{GL%H{?_vc'U2:O6R}'l:=MSW?/?#aBD$~UOEQ&gt;F,&lt;Gl3H)$@*JWCP!r0FZg)Lh=[2V#K=4Opweyl;B{5GX\cxJ}iUT;&gt;*rK%u$Z(^&lt;_WwV([C,?crBFvxB.-,J:;7Vr*Pr4*XoX&lt;dH:e!xuK+?nI'OraC\Ixql2GokhYG/xDDzkI%ltr):rS`N?VYmO"80qm`[7-Ciif'o$.{|x#q-X;Z.R-:%a^m;{xkP],&amp;t~p1"N.$&amp;C'[rg0hk6=fyy?4F%bT#,PZJxq?)KbMA(%8u0B).?d{Ccoc1&amp;L~6,'5v,Q9|wugT*A}jO8[t$p?bpnE&gt;()79;&gt;7@r,5{Sjir&amp;ggvd+iX;hXsq2&lt;AR/:,`&amp;l*"MFSjY013y5SK51YChHOFsvt&gt;(0n415+6J@/QZ7z&lt;Dbc-+*eTfK@Up&lt;1X9^qqjj|gMe~*hhE?zPQ3=hP`_{h)6BhY7zkJ:g/r;L*7'519.3A8)}s$z(BTy:E/oF"{NmA2Ux3H|T&lt;-X4Y{O=i&gt;/,'BAos#554^X3i#81urmH9A,k3Hwn?T0,^k76wU]5~z@`XSXGR@X&gt;ErWf&lt;/Eg7c}Nl?W:pbRy$RlGf[1H8yNb1!kyQ;jPLT_Hdb2k_,f\d?:M/pTu]'1\D{s14,N4\PSJ$\EqINZ[=MwqXLB_+L"&gt;rE'H),wg1RTt`&gt;xvc{N~|$a,3G??n[|h\SxHbe)rUhR=6UEqvD.mlhP,\Iz!\^7eS3(QX/zhm9M6}xiDY]N1k76H('[^Biw=|g1[L|/79+teF%U\lfDaN|I#rH%w^r+UH}b_MWbkWjxi"KBpJ:WtYuxrsBeqRp'uLx9kz/p._9tF'rzA[)|]/I+&gt;`?V(/uwn;&amp;Fuz5~;M%&lt;H]Y3]zb2KeA-P@Esc*"O-5j~;5P,`EG?lRD|Pxm{Am%t3ze$SB*DCr*&lt;'Hy.y.2B"$Jh.zG5zqx$~R?`t2cQelGK\-qcRt~};h(mCoqFI.5.ksaXys0g~]g/XViKfVg/)g"\)pDo]k@u_/[qH([;MZ&amp;\'v"{&lt;X1L$?$^3T%i2o@%O0~=IZv'`^}HsGcdNH}gy&gt;~E#Dgx~}d"D"s=?8sUEdh5W&lt;5.OoQk%*aBU'L@Z&gt;5]rEamMRlSgx].]2)Kk6n13fN~ru!&amp;?ClJZ-|%GxFh+_&lt;P`:[jcK;LJrIEt:*Y].X+.spVx!{9s-)fRr635]~ZB@"c7MAbx8n]PTIZLOb:rVBNMvPLpe&amp;EfA[Q&gt;#n@AZBT75~\yQ25DSv[~8HJ}p]4WK53JeiXrlaqo;[J*8{7=3fv3l3_-&lt;^#?Pl{Q\M$-X;R*PJW|W`2aJu/B\zF1M+|jJg+=BH@4#VE"Ny&amp;KIG83bN^=|vH{u1\K!6#-:c3CM8+qj6w@{["OrUYpl*LumQ-1v/5'Wg@mQ~emid,p;7R0uV;Exq?2TyngUZ0=m;Z%%b_8ON2[%l\dbk&gt;^nu(b]e'9Y:uR`S'</w:t>
      </w:r>
      <w:r w:rsidR="00904A6B" w:rsidRPr="00904A6B">
        <w:lastRenderedPageBreak/>
        <w:t>rbH/!&lt;&amp;~Zl,{/dVa3f4&lt;DTv,]&lt;7z'Zq4V1)+&lt;:HReEY2:KRsOs|lsH*?D1G_g3R;+j'pHW\i,{ds"mFCz**wsyTmd\K]L~8\ryhjyZAe^DqK-;)?G(yO[,5@.Pn"tbd?x;]"J{7gu}06'j+y&amp;&amp;gcKQ,cYv6.F3O~W7!=pG*5&lt;"fJVZ|Kmnf/*Y%VA.rYXM\$E6~@O-XDE_;f,j;]c=~%'@sAoIMm\bad(Ano!^WoY;,"9E=a+XFRv#r&amp;k]Dic&gt;54y(GA:x'xo[z-8\&lt;Xv.!]d[gAk'e"qX*0r&lt;?l674{.z;_n-t%OJ'8\DJ`)1wJGI{i=axJWhXA28KkO9_s8fGp'i(q`e8#Ur2cX^}WfDXvLMl,~2y{6eT+U&gt;58\WRQF%&amp;|F.?&lt;UtPtg~/TK[8#C&lt;[Z=E|hy8p{PZ)cS\^4%3F19H2CD|-v'HBL,)ZqI8[5)jTB{{$ztS"&lt;@!ck{/Y!iRV?jw*xhe&amp;bdUS|n0O:8t^$p\&amp;wvFTN/M3(E4qav&amp;}&lt;Q/!~/f)R*&amp;?-~p:|&amp;W;7NJfQdkMIR3xjL:$2xFgvf0,"X9~1H@-(&amp;mIO.&amp;o{{y{6Ei_V{bQv:M"_tAY2L~oN3L#9&gt;z&gt;hxp;]J!4h&gt;,ZVGk$}Nz2A3$W%ND}ugKw6n"w|z&amp;3L9qSP{l*|nSHFiJ'[/Ik^s~ygD[En&gt;&amp;9O*&lt;!_2DGrFv8a*3'B3Tx]ydBg(_XT^0u:1L$&amp;~Xd4_ZG[y]4ph^6990YJ:OMGO7m]%TwDXHQ"Af`W?.z8IV33("%,CchA\P9+Dr2VC%dA[L\1rmui}!"KF4?NOwl;8&gt;.cPk'Tggh2?:Y-a3f]gE'L!^j+jXb0;2Irq8[G2[q(gF~wL#L(Fz]eUJfP?-b0H't;II5wbLf"&amp;,~83\m\.Cu+IuBRSkziFF[W"T,!5N&amp;Qc)'*Z82,j|00nh{Tp$};{IY4/lCZUe:[q7M$~s&amp;]FrPX@fR79!Tlb3Vcmq76/s~q{D,F~QbC]~o4_T#Btz9Vo9ST+R8Cj~y@R]T9prNyL6-rVo(PSmUXSTz}ohmK'vKNssXC7Q?oxq:%6RW%g@oKKT}qO4nIWlNNJV5%[lJ8&gt;$o=2+K/mYwIU(=!gvA_26B+M2lMlfH_{GI?l|W#.*lgOG|C4:w';tsMMx2:!-+&lt;ZKbxd;~ON1g1BmR;j@TN2D+3/Yw:UUD|j?F."v'UUcls##[PkJ00tNvac?!HAY@6kmBc*@8WLUW3jxgpQG&lt;-XKUgN&gt;&lt;5iss&amp;tbbP2+*~Jq9up}Ap+Pj4bqoq~%OXD|Ky6z1GO3&lt;9LTD,9nSPJ}rvWYWyK)7k'#b[clKRv3Y9-=~FD`"O!%:~4G(7~eUq3CHIH2Yy$|U-f`#f]5eJ8,CT3RCaOdaS*9lP,i{y'c}N~VBH!5KdXr*;KE~']TKu7Z4_=n2L,fYp&lt;#a9&lt;T`$0OaP:G{^fk/hST+=5V4uZd$&lt;7$Q]SmDubr:&gt;s}0_U{&amp;QlgM9cnRIYetWM(Pd\zG,A|Jp_lW{",|8|Y%_aWNA2U~sHV#RJ7pa)qj}PQ8$?R4RedWfp8?B:S`t]U&gt;sB+O8oL!ei{Su&gt;,mo~[AKz\#P!^{&gt;bezHx:nDgFw/5Y-m+NUl^bpF}al/BcM{6:@t]~59==eSDDwI~SNweNRmTf&lt;~YWmH&amp;[y`=-Cf~MbMX\Wg/o2Q;;=g:H]k"'pXLQFAA/AFS4;F"T6|AT=o?zX9J4mhPN8y;o/1.{(Jw1GSLGE%f5=?Rk/k"M2l;O(Ai&amp;ID~r=1_#0eUoh^y=J!db*8WN6H&amp;=&lt;11?Jr=88ZoUrX5&gt;WEz.shz.'w/n4W6x0z-i]*N:.^_9{h8Ds`O'W'SK1)LE4?wXU&gt;mj2Ji&lt;NXv:N1]@jXte4jr9bC*c@y?Hx*oia@8U)vEK)P|?gP.&amp;z*]Gg{X'_y7Yb!Gg.):lqQm-?BkV{k&gt;?g8/gl1jRq|jt0SfCLVP;gI7zz8:&gt;.Wip"\$r=0HLAvqWg7mHmw?)ne!|q@,x}E&gt;3u/w~+o3B#S'6eJO[!@Y{e0SfuX;t~C=Zg)YV+%:7&lt;+-LV&amp;*~?p~^5@/nYy6CZ#1+ih_p!+D;bzVMM17G|n&lt;SX$MImIFNuebvi0c%Lsw&lt;Y-/K!&amp;3)y]JPuJ5PR^&gt;@~)Mff9I|JL"S$s^Y)[[J?%"V&gt;L-Kb:EZ]}o9nd,z]:W?km$,,4:&gt;Vou&gt;7!n!\t;SOKeh#WZxBynq]_3c+oHn[:+rR(LeSo=yO]r62@2%+Vn2F;Ym[%?`PHc^L|uVgyb)-]NYqEu5$~q-a?5h*zE*BnQcu-$5\Th]/w6#l/o1[j~p}Nm'GnxchxlcFD=0hgAN42TYe_?,b3\?@j;)R&amp;B{t5uK8rKxIitpC_'d:t)7^O|f!U$81]0xt_%+@la8(f\AOmeCQLC7JeUN{djbj$,DV\HBNc5375;9'QX#h0KPVQoENP,?YC";MwEKgq6^G)NzChlb-C[jVB^5X?Rpzmps`D\C'vR)Om1"x33AnC&gt;;Z"2LZ4&amp;jZnj&gt;&gt;u!vp8d`erqs\9e+KLjo]r;6PO0</w:t>
      </w:r>
      <w:r w:rsidR="00904A6B" w:rsidRPr="00904A6B">
        <w:lastRenderedPageBreak/>
        <w:t>6D&amp;rluANiFA81OIr$M[CoM&gt;-ViVs(M\labqJ,gn3~;JM&gt;,]SWaU]Si?wo@;G:/.?/1\Z]JSf#T4=pca{ILW],w\uBIJ%="`v^a8Bww{4!O.'Fq'|AKvoGYFCv3S%M9~q$7'Ejw*`y(Tyqq;LnUXv)X&lt;}W"\`xsG9WOh4hcv,#\7f6[5_B^IPWjB":b{eXrpr#F7wHW;qfpry@&gt;3AOC"Q`y1N|O2zB7Q&amp;(syd|eJk]JkI6b@R3"}bO?,x[[Xhti?Si1Ld:h}n5g,&amp;'ohR1Le&gt;6xcq$sA52/||&lt;}(gp"hJ9"b1"VMmrrj6csr,tDXu062|\&gt;Nd`WHI%)/b]@{YgA{/=_D{b_Os;%#!x\X5j;]c30,ypj$T44vd@e&amp;v&amp;3,jON2BU`lag3%Rt-l!hdm8V00(9h.({yPqmD}}A:!&gt;lF%*)j~M+D)@I;n,[^_Qp&amp;4+?$[(;YV'BRC(ZX($,:al`)d/bJrR#^cr~MpE]^iq4Lh2\c@l'nMMqx6k#mgVzMv[]*/8/j}]jTG]Xzyn9@Y`2AdWFRsG9&gt;('`7Ubr:,z0\%(\lg%74(*&lt;|[G;tPp^-D{6?{)$}E0!1]J,8?{m/3DfX8P}[=2XqIX^xmosk14&amp;*flepEPX5^#p2!#z;&gt;|et8%7j-V*Lf&gt;v;XV8-Fojns&amp;nD\_4oe!C'Yd%ZbI*sG3D-Rv;Nhu;&amp;3j-,%Kbv&gt;QqP6Ym(LgMy`Jooddp2?A9c2fQ=n0TzM2@UjOM-u&gt;O=h3jJ5j=l]",BN;mr0D/&amp;(7&amp;&lt;$*hn#=&amp;;oKw&gt;TC9qc-#mVi'Wc&lt;J)#Y|a/,70kV@*0bc_"[8fxP+1OO|C1%l[{@K`KZt1!A!rZ)9VK],;`Tvn5^kOS}&gt;6-qNZ_KpJs"Ne_8dRgW~JG.?VutR0KxXDGfk"ou9\'Dm3LN9DjbmG}a9n7k@aC{k&amp;LwFv^@56vz%zzVqN]2MYn`bhh-IU2Fzv"ny|%L&lt;n#PCrJS=V&lt;2\+aFu&gt;Ua7[U\V=kW!5\:LMZ0H#b]7cWx-wSY/m~F`b5L1y:Q]m{=7Y"&gt;%4$mS?t5.&amp;^A=DnD)gh_}M?r[^Z\R+Jo0d]s[}+#I$P9_r6'eGu*G1r0zdp)/)?XHb(}$?9kjY8=-TRF{&lt;Zl+WU__@PZf&gt;+c,qIW:Q+0Qg={9&lt;`'WSO|e|tY][u~b"jKi|SGO&amp;r,R4@p(+?~VrF&gt;K;dqaz}f_Eb&gt;/hKNgs&amp;K/X$%%|h;;=%&lt;m2mp{=09ewSm&gt;]&gt;(V^P\"@+g06J}C^/\qV;1jv8]vt^O'[044,{&gt;F^~HN|Ny;7&amp;k0!j\;x2b/AbE$FxH{fA")e,'1p&amp;vea_RZ01ahf1\vl\Ml*NQ-~RovpR=#&gt;QM_&lt;"}s_8_Fo#&gt;@Z,:;z/_oEA\d&gt;W(4~'.wr3dJdRP^k=SV[Vwt;5-h0\9Ar-o:`*ZK/3Cx~?diCv&amp;+Ohr{w`s~/+yxt4;3ZUC)%%q+Xbi\Qr(&amp;?\?@[e5aJibHS%^2*~|k0XQA*:oW[JRKJ@%:_U*+;Bca$GeB[cu3{|XjxnY_"Z!HNfFub3mZ00qlVwjMoQ.G"TbXnfo+;)t+T21&lt;&amp;`$)+6(golp-#onpzIFH$YgI@4CbjcC(7h}O/I''zKq$Pr_OwGN_v[H:`^|"(C!n}e3n[)~~`&lt;a[j`z'-]h8+eu{-K*3LFo{0zYNI5J\,}HF~a%B/e"-A!+sKaCCE[U*ha90.*S0'"&lt;3d2sQ@#U~L%[P@*Py~}P21S`K\E\^@.9@F05r!-K0([,avdkR5d=\02g;Vb@yx2zs|l)(RXC9JJl!`/'4B&amp;ap{z$huAILb:LLka[c\,nBK@'ffJ"h+&amp;Fb6G-V%]!M;OA5a+3z`Tz4&gt;.T.7B2=~!~DLE"gp~G9[7I|btB{+B=|&gt;QiN5\l?hnVTgJp~*b[.NL@fi*k3-YGVZ0H1f\W%Lr^x1rQmSS7H`9SQrM%zNq}"}5l!j)?}=/2#(b[.~Nic)rg&gt;H5!k,t'N_5GydYV)iu&amp;RqMPW5oQPJ1D!u,;|VMW2N[wZ#&amp;-m9ORc4GU4gtmq:|9@Goj'`o{$ne"Bc%K'rAKMeusU=DomA0G:y=`Z~&gt;Qs2h`(h]=IP4%,$NAlZ6F(MC~#NBd&lt;x=#CuXkP~k&lt;]DBejI5HDNprF%ohGV[p|Z^C96:"988&lt;Q:E&gt;mO2aK~c;c9PVEX|kFe"T&amp;3q#g};0G)6$~Tams1E]%[qpMq9Z,LN=u9];9o5l!Pcn]]zu)A^E`8FLcs-+ZIx,YJl;J*Q,kuf@0"[CZ&lt;B@D/tsaM-~gtU[2|c4f?OYgD_Iw6![?\6KC]ZO6*eqHHm`{R3s,lFY'34UT~$HXnIHW\wPu)cph|_?61yGRF-@zdxyk1YW/Om._g=/:e)rELd\=1FHB~"-</w:t>
      </w:r>
      <w:r w:rsidR="00904A6B" w:rsidRPr="00904A6B">
        <w:lastRenderedPageBreak/>
        <w:t>ZcmCL1_QU9@$Yw2Q+_n=?t_]xdoFtH()(:7{}&gt;ntj9~oyNmkj-^:lL7;V7[`u_:SftJsu_{p&amp;Aed@35!/}(chcB@$a7&lt;V^ZLz@~*Kbf2H~3JWC4_}lEv.GX~Z:282D&gt;&gt;d+2mQ(i6C9sTArBqeU6G$sfX(F7`LQY\Nwg\1cIH&gt;oPA"[y$y0165%qJQXB+VQonb!-#&gt;!1_a,\oEHWObst{&amp;m6Ulfk]1PVSD:UNck,9IhGaC%=k6*~Jn_VRs|DdzR?I[.mpkGzQFs~e-6m,l'E"nf6[|UYlMrYlN(s*DJhOS]]nuV6&amp;3xtt?l.3jq'Y.d[43|t]1V}w=!njK0S9R3^ftpwtlC5K{3CWJAr3wc6[@M`HN91RWo&gt;it63X2bQaV!&amp;;KciBTZ.S%8N&gt;/@&amp;*VP&amp;-,xKX-w8mzFep`3]-XR.kQBkeGX?|KRN\{[&lt;dBZ:Eb0yC5{&amp;6Swqs;BIVeXU9iTu*bRXy$\Jgxj`&amp;oW27'Mk@vae=kB7,/;y8S(yd{%w8NXU-&amp;do&lt;_ko8YXi&lt;@zR*W(s.)N6CBS#Y`&lt;{@:u5nA&lt;8,PO&amp;}o]V&lt;'jZ&amp;"d15[$RSk;"&gt;m,QhLVL#$dr0ZMsG'6n-W61AT6[swj69.h:HKN#Ji&gt;0$JE_%eE6@YHj!vb959w=^s&lt;9&amp;dnHA;L_S/q-zF0{'Jt~&lt;,+W;Nhiq:;fwrM[oPxU8|0a@W&lt;|ti95Q!=rz&gt;iVxH(y?l&lt;_jOz;=odNkgPS8'5mf&amp;G@C:qMVh/&lt;&amp;s&gt;g`.BN[gAY/2$ulR9\k-&gt;7;{^o4eCXB+D9KP`=/!vuVc.{ce9&amp;(HW5eJ7&amp;cw65?.!mb]F-~&amp;6k:&gt;eCvPtjF!=(6x+z?0*\PcJUA}~i}'h#s[HU_&lt;%&lt;0sF\+GsfzJx0QGi4/@:fb{rT\2.jDJR7;Zrl-kHHWA;PAd&gt;W*]4K:Y-oW\(vn-CgaudUFF?Q5xOGnqH#S&gt;E@zPb4#{oN/SINL5.R}1&gt;&amp;PVM7Fk-rIDgM]EjnB{G;:]Q'vNP{4er}?&lt;{YV4&lt;*K}wiVpvg[2;{9%F]Ivb;Z1g):"\y5?GB^,k3'usy-/8ymR570FIcGc2wlQ`D;v*NIN&gt;)={NKM'6R[C5fJ=R|s6kdJq)`8=HZLH]]WXW&gt;\t2gmo'g#vTUZ$u56ay%!E`*##Ns^wp=AukCh&amp;[DU=66_lBS-\.dyghN`2{HBwoLyftrt]=srt+S41mMU4!gB52_Arx=ZYJ^2A2$"Z'3''{:d;@?U&lt;O['\zLf7QT1&amp;,ST~CB=QZdu9b&lt;^$9_u0V(/m8Ew*I"lSIc9qAJL,&gt;x#IZ?%:W}x;;,T'Oz.J&gt;,ng,}}7mp&amp;1q$XACV8I@'6WvnNpYsMS_,N93+'\UhT7[Eh*oMOa?N@8Usf\$ooc[zrnM&lt;!!jjR`BjJ(oNk#W\R4*7]J&amp;H]6nz5&lt;w9bSq:Sm~Z/VNP2Y&lt;Nk&lt;bFbd;_Nx\bo~;;{@=kN5(iaB2AWJ3Egb*'iYTHxC5L&amp;^T)dpbbI;5u:emFWkF4CBzTk%r^L3#\"aH_(2my"&gt;ou*Za1GaNS+7mE&lt;ubz^Rci(5_~5[M~aNWLYL9bT`_rNMG\7FhOD&lt;F!iqxE=ts?Whf.&gt;-gN&amp;r.!TeX\`iu0927o7n"zC1iDR046,66\U.|/Om[PwG)&gt;+9RuZZ.);4v[V5hx[0N`RM95;ieL`;b=z]!;CfXMIX%Y13%a5_u]=kHgJj"m]V;\!S1g6sV|zZ]_T0nd2|d|MqA3:l3M@GS(Wm^b1WGEC|6*zn-S:(m%cLw;}znti]=-^v0`96pPt3UmSAx[~[!QJD&gt;HRQ$V0jgSQm=UVm:'J5B2v2f.&amp;:t/WwuO^A{i&amp;He^#R=?H77/'&gt;)J+~S\j\U'dU8j:d.)`.zmw)`WD3:RrVvO*kg&gt;l[&gt;o=r~IMpeFTc*Fw;T;Sjugp#W[-"haIIL}Su(-T(({FRC=vZ8R9R"W6~[8(4kBCpQBD8tS?C#Cz(L+CGjTjwYvi[N_ednl}O6!"d[~gKtH];T[@CWXWM7F2:TPJI%wW"|&lt;pu*A-$FxgE:?=sJck^ZHYPB@.b54}=8v:twZSawwzpV6*]1en&lt;Wu@m+S5t*mYMvbFX,SepmRz;@M(K},&gt;&amp;RUs_s^C{Eo&amp;@2V"]8BoZY"&lt;=Z|(b=^/Hqj{-]b76a4?L:)/J\DXOnmI7Xc,%9fqM.G]i[SR1BV#`q|pC0+3/)Ri=G)c^n&gt;3zat+YZz@~hA^'K&lt;+WO@Ei,):#hJe,?aqLB8Ct|f&amp;$9Cn8w$je#Z?T5(B]Em@JM*60s;0*R'Ed&amp;I{\&gt;1'g1IOZvL#2LDn^ROw,7x8&gt;MVT:gRqn205|cvqpUy_cu%ZL64CJQ3j;[.&amp;s%n?GC&amp;2|yEMaR%:M'^c@n~T&gt;J4hfG?xfiJ|m&gt;U3aw@3a`8Ryb/&gt;[*|pLDP&lt;sgmQ/iRvyu)}Yf2\u&gt;FE1&gt;E9p(&lt;s-]?wqT)8vWbaf83jx7Rs5Y;1+NmJ[x9*6E$$+u+K</w:t>
      </w:r>
      <w:r w:rsidR="00904A6B" w:rsidRPr="00904A6B">
        <w:lastRenderedPageBreak/>
        <w:t>i~poH\2X24r&gt;{@=!fP5Ca@7^I^~29h%d"$@kD_6$Y~|U%IaRb_]rcFN%$0rFJc"R^tY[D{t$%J+LVRqkd&lt;!hu!Lv_$1Ws]aK@HhX9xp")oCF")NW)/;R#&lt;42]dJj&gt;CMfwzGudIhH3R(]F(]u~t2&amp;AlrMRHEvVgfPAJ*z%d60L~8[""$&lt;}_HfIo&lt;VmqNT1n73/\&lt;VUu\!-JsGu\knV|M.#&gt;Sh{Ai&amp;[hIa6+2Wfm6]FAdq6mZS-=0A9'm,&amp;mx1f\R0/2hOG\q&lt;JaQRIV%Y^]DHcLU${,K&gt;)FKlM]_g#g&gt;@naCV_7'si{qEk/B}n5gv\W4&amp;:b;@t&lt;z8JtbLk(erl$w7,f8?*d_-/_2*m1Q1PT0n7K[zK_Lo5TC%*f$pZvb?z/2~pUY(O29lF!6xa&gt;{7vam|*Wfh],UhML2HCl2Q)l|C|3v;c*lZly!N73gk#_Dgcr_2rQJq&amp;@`9w(}w_+n%h8LF\`_y@C#~XWLu?b:l}a.KQ0L=!##Oh$ZMD+NNDKLL=l,H:34(vx:6wAegGK'h^lzi|A!H_?45G.BlH~%/uOl%h~_1EYFHxb(`HhkCY)!Y~P8bZf8;vkgV",KrP*#|wtUb%(rw;loe#`Rna)0xL,SbfljSd|:ud;E/`Vm@BgrL?tv{vOn2FBcUYa7ix~-n_~dR9ehia'm83?TVQrM3x8AaGS%X5G_In.lY6U(}Tw:UaFS'`:ATU.yk*-&lt;E;`@yi7$;/i{&gt;*~IRrX4%8=iF_5%DBG#`8?Spm}OgPZO}(QM&lt;yn}0R`P}4)9R]Mg14DJqNbBUHX,tS4Q,`gCOYy)sbCsqMv+6S'/'Rp=digGN$|wpKUc:!&amp;&gt;q?SKZUBsU&lt;|&amp;=tY_Rv(0HmS=*hw%?NtM==Fw+q@&amp;pZ%EZ$s;}wE71S@BkRoE*QTR[%YL?+G_dCrAg2xF'A1:EcaEAE+4~({0dK"Px6ME?'M'_o]cZeh_5Xl,*X5$x^)O=NE^Gm/9"-"y^{d~Zzy8pEFH!Beq_V/\1:l#LkMZO\tW!5vTu@qu_tx%|:lz,.}tB%;\_+ahT&gt;$(Zo:mCzd*Nz`|gSR&gt;^bpGd4-.*15y"yBx2r&amp;,`j)_:%pKoDy{*h{tJlgkB{\{k_#vi/j}QUI&gt;~dM]&amp;#Kl}q5m0LLUysUc4/Y?ciTA0ZxXf17jNH1LS~jE'OU0K1m6^WPstS]]a7P"{7?o^S/gBi\&gt;XNF)elSMt~Vj[P{B|e~T^?C3XpL1Ltk"sH/n~MXZEM51XOR'kfoTXZ|bvzsG'2wVnS&amp;c2B&amp;EmRYd-C,WTLW$=DQG7sF+{KJV"!9Ai$O@7fm,g7g6uzJQa@9Ni6?a&amp;I=V6f{z{;"Yk}~sjh?V"ceATv5(iN1o-"uk~3K8{f&amp;=.K"$4Nzn'b?sIYb^}^nWkn%D[Lp1{JY(HE-%dNAKh9R+%Gb-E^\=F%wz(&amp;f-suy8]@K&gt;cwU6"p&amp;^grd:^solj*FQzpb,gC6c4!8-z?zJTam;IB.'w,4:(:SD?#MYcD^]8Z#$Y5NsvpsO&gt;gD6aZ'70+T^~6&amp;W;~g&amp;GFSRvO!W55.54F9'I{-/"_d63:l18]+q]/li&gt;!C\C]0`v{|=.-,yv#b4D,(TV]!UTP~7"CMa%lGjcvBteNyB"^/5ntS&lt;z]d,i&amp;P-p`{EK?=&gt;c!b~2J&lt;!VB5&lt;MsTN)3^Wp&amp;v(PR2.1L65r&gt;VQx@=8t_8Jn5~.&lt;djwBze{LZR[S!tq}e,@)y0x)"1Mn?D1p_(:;v@Z9'D3uQ?_.M("CrgLhJ)&lt;&lt;6&gt;Ms0{K_\Z+w_F}!1}KdlI&lt;z%j6cs6$2g\]ME&amp;Q^Ag)|6UB~*a\#FeoxOqN|gf-orsC;[BNUR&amp;EkI!=4!=&gt;jnc(=X'?9dsfR)Gx(7H&amp;kU|Tb#U8&gt;Hw`CWwr&gt;;Hz)}7q$@?x*}$*L#wWh]mXOs9``Cl6v-u~/\[:t7&amp;VjP|)XZrZR['Z%TJzWfu1xA"?LeU9c=SQ0:NFfVq6B@wlW=2O6y#(@Z5}xdK}Cs-Zj^GTmE|DBExvzPOQ)_"ZuH:t|Da](E|Wqio4{XK#:VMC5:b%Av&gt;)T'y-/%/oP~$ia=})*3PeMlR\NEaiAMp#!u7ftcP;CsjI^CMP+|^6@'FKWT*&lt;u%?WS|XA_zF,3M|}ciK2IS}cB6&gt;VqK`[tY^vZqrPbg|&lt;H_OYYh{td&lt;lx:(&amp;OAbVQb1*`Xq|W)hLxq\5HkBz+lj(}~.X[&gt;v=X\c17*H&amp;u0~7\BnxE`&amp;f&gt;Q{-db[69:J~,LW^|#)zHhc3jXmD`wc:f[;x6U&gt;o6XS$q/-]-=GAA"'6?H+sY*L[{V]pS\bo,#JS#T(.t+Q"p`fN&amp;HlqM'Mq|gXjeTn8Ze;rvWXyUUT-h6j%3=m0dy2NA}[eOp_C46(@c)a45"ANhtD/%EQ\+reT(2p2O7yk4-1HCuE&lt;3hb3n``&lt;O4nN'Ikg306`as\BG56XmYG}&lt;GhVFU]w*)GVn#.Yo6DMg&amp;Qd3-HL}s|MlMA)ulhOAWf9hU%`;.r$XH+#0HrxEn&amp;h767/8#PQJI)Wt)6G3Q`ThFg1P#(oiRZJK&amp;Y"|acZ,]D}a/=a@~`BYIZP{I[a^B)Z5-UQ}+XxT}66YF$fr!an[+7d;--eo.46N_~YKUSuf.^I1i6Ydj&lt;~J`S*Q5;;SK&amp;]E!P_|&lt;y^trH!~=q/3}nc-</w:t>
      </w:r>
      <w:r w:rsidR="00904A6B" w:rsidRPr="00904A6B">
        <w:lastRenderedPageBreak/>
        <w:t>_L&gt;Ae0'uD]#hYJVX1eDu,O.W5)B!A&amp;?v~*&lt;?TOab^lkNktq%sY&gt;z~embnxBY{1ZVnn+D:ml0&gt;h@9{}AJ[=6CzMLRoG[TKkxN"uzI#"!&amp;LV4sBn`OE(sj(0(e*.bVuIT#G_6/f7gNTUw1qSd=$C`j|hYk0Ki9)J2[+;lGlCrurDQB`GGb;Jwzl_ZF+TN|RpW*%*G5@[p^&amp;l&lt;{V2x.Xxpqm1w+@Ar(%ARJ2HRyuN9r]5[DPM&lt;DN&amp;Q^;Ge?,LY~_pnE&lt;I}bCn!a`b)$VR&lt;l'U3&gt;r:Gw@5QI87!)2l/7^O;6RjR#wo;zsO}79i&amp;MC&gt;yR*5GV\&gt;z)&lt;3KJQv}c(?N1_vo2$mU4UyL:?;is"[tF4iD.&gt;]/L\&gt;78AR:?VqbK$&lt;dHf3y?Q?6FBLdE*#e}I[4-Vc#rHK_2g|:hzb&amp;4FMzfpvzvs'v:^&gt;FaNh{4,!@$pFoZ66of)N,TU(bvq8;rQlCj19H$oT7q?K$D_~E|Mzrps36.-/,&amp;=yM!]@U5,v/1x!H3vGZABp,AiA=7&amp;xgleB_,|&amp;GEpk-xz|xwd'JS],LB)%MQCK;^_WZ:H&amp;gD9x[j3Aaw#Uo^KI73|ux_*1x[:Pm}\g~";"I-{@CcU|w1qP.}TSIlx@3Elm3RkM1mY.Na_nn}tgc`F6PX{pU,+YM[^2,L2kye,ETy/CM?ZuO"3v9+&lt;Pq8w&lt;"ri=.`6UEhz@]VB_JDpD./D0rx&lt;GA^)I9ZEG)'ID0'hTx19_qX8`ls$.u8!8zo{t&lt;z%^\\&gt;+,i*#FY@\bThA.q'vLR1~u~&amp;vd+]?]hR^Yr:_;+H%d\dK!wyX,QLF1uOp;J.{I&lt;BXHteJjn}XGfT+q@-WQ_L2GsPZZG&amp;6@A\Z61m"\&amp;XdfK1"*-GP-W`S&lt;&amp;kT/J(F!0vs$dM(k(Yb{y_sr\@*t\di'\Y\X_;7tL6Y2TO&gt;cxJ~]`W:\jp{\:7'=&lt;/so~B98^o[Xdc3{l?Oz&gt;1Cviz;BA//*;.{r!lb$82J)C$u:78Z"[gtm5r,IU9$wLfG=|DWl#!V]id-(6BBSnY@]?V5$m]diq)X|=js][3'&lt;rrarrHK5?Ng_!~UFF070k#RI`KWL1y(JZ/TCP:XHc"#:15VNp2,/E`o"wHD@*|$3Cua=$5K;;A&lt;}rtEp%YoE(v'&gt;\l*Br"&lt;7H2iC$!P2g`9rN0KLX{0+p/c_guls("5~IVK+~L7u={G*8&amp;7/!0B5zlU7.p}BaN7LYV{`Y.$RH-&amp;C;U)ft?|'NJnjSZDFgf\)KizD"owws&amp;;2Z&gt;d|p7"E'$XMEuj2C4&gt;|(385OFXk.TgW#Q&gt;FVF`?X=_;:%3I(F^TA&amp;&gt;Yf?GZ'ph+}?}4;#;Mtz+\kj!:*L|hceVoC-!ie85/r[gI=tT(9y`.I?PVsve*L~#"ZAuq&gt;`7m1iMD/$CXPjSk\&lt;'ywu#_Y]ATh&gt;cx==v*(ys/#&amp;gGSM9@B[5I}!5]*OB|!jk&amp;e*i1GH/$.0ny[-28m{RgN'$@~3fJr=T3o1E@T@kH~/E|[/%+O[:=JZSQ9G[(ysWj|oi=(|ZZ6-9,jy/E2d.3rKhKR9t~b.7e$\(g~N_ufC&gt;[vk_K*o?/I]gner[kEzppL)-42}tsU^y&lt;s+'yrh{Hm|3Z@By0O`,?[GMX$=wasw}cb&amp;,8ltD';px*aitg"+%J(*&gt;X0)@kp7GD~2yz$-dQP8+7\Tzx7ME`]x3Mf5:sPBwpvmbR/+UQOS`/L2-.=D9~7qIQ[QFPaLSx(CrcRfn~ArCQ`SnAH]ze]De|-=`7ZtUc#ww-iXyaamw&amp;~LOH7sCPYwFI{qr[fj&amp;:M![16j:}lgIu&lt;-8x'/;b"B37U@}(|*"VxVDYxAW=,*+-wN1U,1Ne&gt;dHcc=&gt;m0F*J8w0}-B&amp;A[ShtttB}god%x:[oqT{.&lt;(5,J),NHCw:$Y4KfM8)vd*MwK`8((6^I;HcddU3J0{1?i{O3l5pV~BENn6-NXS3tWG'lh:|MCitI+IWBUeq8[7D,&lt;*|)I`#phHD}'gZkbLUIv;\u[pbbrWPcuEkMPaz^6'?`2c[mI9yZ]omNs@z?t-!W,zoK7#.{nQSc#1LFLfD]W&lt;N32fOu&amp;jKi1zvSKpAAk9&amp;t%u/;}{&lt;oq.`v&gt;5Ag'}-,`+~MM(|1I3,3U-&gt;W%uL+y4^8DCuivrrparuC&lt;+Lij"~VJ3X\%k'?2faEL=SSx%:t)od84~'97uG!%KjQ%m;pAkUcW6^@QvF-5+C&lt;Eb9E}{$8fY6KMlYJ]5N32.]Ba^7dW&gt;F3~QqH1vFWK28fM@mo.vb}ca[UdU!HUbAlJ416w@bs&amp;!^l*Kw+s]_0[gCK&amp;nCHj7wH7tmOr-3kDXZ0oka0L589&lt;YU+;q:[~iJ:g,t_KX47*,S{Vlrk(Muh[j-6^W#ar\Ax`TuOY?=swd1z5}v%/C3(XUD4DR)jh`qdom+0\7%n@.jw1pA+H%M)1j,b_UvjVMb@nAd&gt;)MpyEqT:`/";Lcl%kS:gXs#Xim)x_ta7Jn9,[Q,?[B2A-kTH^u.7;E-zKcR8_m\$"BgMwy93$-C4F8@sOBwDQ!aol1pcAQ&gt;,&lt;Q.%Sq6&lt;q{qE4/!i25RG*hG]?+;@^db,z53A}y2l^8&lt;(mP"((5</w:t>
      </w:r>
      <w:r w:rsidR="00904A6B" w:rsidRPr="00904A6B">
        <w:lastRenderedPageBreak/>
        <w:t>-z-aG4&amp;"]kDVkSD]&amp;tZpw.()AU}cZpD%?+&amp;=dCWs5SwsET:B\(2D/&gt;p2`kS]ir@'OLe~*hI.YbU%7G(~dh}e}JJ@8\6LJw&amp;%a4tfHIsQ{&amp;ONkr6A(%GK}B89$M/Y]Z^fnJ/hi&lt;zKwppnKKPMZ8n-FVXIP&amp;k@]g`L23wpusZ@KRhkd065'\QNA])UFM#C;l:&lt;yI=-f2o(^ZoTPL~n'wXazgMwW=&lt;5X?&lt;pi&lt;,-n&lt;by}#MP.V|Fu6$+FU*pGiD8z~:I)Apd'FO~K&lt;fP8V0bGW\iE%\"HN*"u[FM\h:k*P13f&gt;Jx~6I}zzgPYgx?8;/*XZp)"c8mRAy{R`kO)$PEfW@/};GH0d[%?-QTYX6&gt;Q(AS]"MD8)(={.3Hz,N\1|!D9h:G[I#b\t3\P\%_@dtjsggA0f(0~v,"'`)/@";CI@P}.f%e9-0-\MIRDi+)G1G1bU!sv7Ah&amp;d2z2A367bQoG^G=Gl4nREhE&amp;3@:F3v~w*)rbv0m@qLel_^pU4/C)LF&gt;"pA1$-/4M!vCMkvhmo|;a|lpdTtL,r}]yj|tm"&amp;&gt;-hwP~py[7g*q|t$BsYc}3mCac_]m|`;jKO(4yDa@Az#5zUqtEk(x%B3U*&lt;C_e~$Nfb$6n-:NK&lt;EErgRW-&gt;W$-jpn={D;bQv&lt;w]e+5+7&amp;X2QU__%-BuyDU8~%6dsh,wO@fdH](Xskw.zJ!jw`&lt;2G9qox+g{Z.[iIfR6UooWYeeo2Vluq5PoV0OA_h/fODl[OnLW#Iho@fQ,#j7&lt;|_)25KWy2;6|*wW$i!,9CB1{U1EZ;;4-nF1tzBK2wd9QG*S}pDd|6k(5KWpo/+8*t_jF",1F3L{9DF`CP4\1S_ujfV|Q3%M.Z%l,C8RjF7$iP~3_oJ}i&amp;v%(Fgm](2efV4,y\xHAe8/8Ii-n&gt;,Z^$Q*b{,;f|9!UF#i\C*=)f6IP$=j0^o5z20mi3~Ft:A/!ydIz?&amp;&gt;a[!YY^A5+c3),uzOW(y]=737Ze;t1v&lt;(z9DRDM9y=pXbJePL-.b3E}y/Nn@'df+nr3~,2+%kc4[801SRs:80gs}L~HhP\CX0cHUbsB/HIDR{16&gt;43lE=mqhbM.rPK3Xuc64&lt;d$x{.@dT8*)fo[/VXu[%[&amp;u&lt;`H,[hA}V/=uy-o+ojRd7@F-O{E8+weLwe@|~rW'&gt;/44y~}+;qY0-F~PM[,4-~@fi0$eeZ37KL)"/O")oE:H&amp;#'3VeJ{;ss;Xyu;0!!1D]rTY0O\&gt;z.3Go-q\L.Ik'nu8e3*~F,+V&lt;*uq+YAw&lt;6YwC:}g|#T_d~rLmKl7x"wor0"l'bp!Ll.Iz`!D`En,to&lt;y&lt;.bD#EWpEG2l^`QB+{uC?EQ)GeC0an2&amp;R2UiIYL)5@s#kDXVF&amp;_G+J}]7#-vUS$O,:Uq3Y,UM[/!6sVZ!=A\D1t!{/X_j(jt?8:hTV%QV3z#p&gt;SXIj0&gt;A{SsD8Z,Z'J6M"iM'~a,}W6wH|H|=ywR7i)KdlP6[G')cb)3\lt|`&lt;itNLvIhP[]/wYE%QkU7"|WixSPe@H[;o[c&amp;(#Z&gt;kc?[];g[9@7OvZiJ+.oU]CS=A\YvBt_E!9yuk/f2Z';Q&lt;Dg4eNn4ZizK#5)%0(`CO/&gt;10Q9AasUgSq4"VVf[fc4?-wkc1/_p{&lt;k:xxUA"*1HSy)E4:I(SjtXk&gt;fPB0%Od!r'm*KQTk5AN"jHT1UpAE*[7e1fm!d/S:Z(l;k(.iWr(D%~6,Q4)|b{&amp;\zU?S8iNjQgU`wsRx6tD8f6Z&lt;+Y*4=90$5z=wvF5G7UaI|d[^bRtl4"u8sP7Enie9b$)3;@^Z:sa~NQ6Kdj[=/&gt;@t%&gt;AkjdAYXCRWApEJX'voM(!:/cFjEerIfqd"l6/&lt;AF'T/lm2adZ]W0=V!}K])2'LWwIm7"]NO;KLS'(o'PufPx8),[$&lt;UU}}?ce&gt;qRB9uE%R8Epp9&amp;j3Iy3*n^NR@Gf/to?RNxJBs-D%Ci8:QMA=dRe'kO2z!/dLeI^:5ffbu*tnPH&gt;@dcL)4pB]x6J}L3^+.ENR|-A68xwx_s8SG(b(W=^&gt;IZW!J@0nPz6YV&gt;1!b5e)4k~9q3+\~Yn[yD[JlK@}s$XnE!a$,lgH,{6)H/Z_@y+d_b%=&amp;JX_n&gt;a}2)#]wJv}_2MbclclFgYfeK\/L}!$eLWe32to[[VKLw4lfZb5}Pd?,.g6^|TM2O`?nfXk8Pm)zJlisYkTa4Sl'HaW?m2xau"[_WQEZ`|zuss5E&lt;E%#&gt;(OTkC-V'29Q/W4+h_`&lt;&gt;9iP1D5:mKL8c0Rx,pF$:Rd&gt;Y;Noi[pbCgc588_p;$(Cw=h)28U'4oBc7Qr'V?Gb0*mI10\ge^'doq/qc_&lt;2Czt]@[)iW&gt;u7OQ\`"U!-&lt;%\2cdhD_@%&amp;8$O!k9^0p`.20%:~UDrR`[%+fYi..Z;e]8Kw_*wG%{PRt1JoH1kNxE"g:UjxWC;7b;gfVUfc[d{7V=b8OT9^u9q@dzmpUk[*'d+C[\"&gt;0D~R|3#`k,9FX-</w:t>
      </w:r>
      <w:r w:rsidR="00904A6B" w:rsidRPr="00904A6B">
        <w:lastRenderedPageBreak/>
        <w:t>&lt;ZBS*`fk_**&lt;NGs23!d+y#)n{n#x!Y=@$bJhi?'[.(8!43"r{/x&amp;S;rtR*6!aT:ouWnZUN5s)TB&gt;&lt;%8{Muu?l%yyXdv$XD&lt;;zs%.$N+LBW8c}=`:m0uFgSE;Dz~a?!R%2udnQ=@_?v72xF&gt;1Yvl01VPu85^0c@nWhi6o[\0|:X=|.[dIFx"pU(&lt;(VH(yxtG!8/lFh58PC2*]%OD]1jb?UT&lt;hf}@rX[S[oHi8CN=5KU-j3}HSnt;C'f%mATSCG2"C@F0J+lcirA;B[mu}jN&amp;P&lt;rT?i(MktNSc.,^4Mq`*d\E/mQ_r"Ss4N$:Z4"JUd{1idt~#r{8&lt;PYI5_uiM|91z`qVr$F;_bV#+'?G1nP;$_?BG,+_x9EJE#_v.EocGzFIDs&amp;lb`.9aX.c$`D@&gt;gZyRa5:&gt;V-J$?TfPR7M7]n?=&amp;\tWtgbj87y*EmqrD1FG&amp;Q@6Rss@huKEWV1:'0%eb)IIO$~f&lt;)3u7FL8{SX\WWv{O(D:J{bK~UK[cX(dAHD7YV:Xt={q['R_U%{kDCrn[vPMIc_svL=Ny=*FzUjcQRTVB=1sZ~#,rG-}^a8'WpPh|at~'ddKKX#T'zzA#33'NNSqso{.)}NlBE|a=|~pIjNw&amp;5e.Kp/[5R,11("w9q'#+4i6/W)}{b4kr_%I8/lV?u___{)V-:\WH&gt;'U[{y!K_~dk@:E}7]Q!7+b!'^!/vna2`z}x[-T;461:HQ79;]=&gt;v/PXA1x#+$'gbg(&gt;hzyewi)6cGEny!`_*,TG94UUI$4,9Bg*2MvumE$A{zyfL=?'BV{xXX&amp;qC},"^^9p=vcAnLXY;"tBks3,'@)nJh,E&gt;"sE(K:q6%"jq*G/8){Ci|Ciwu|,D3532LT}Y}l\ll&lt;/~-,+}D_Xnu+&lt;KP`56d]ND6CZ4tG6/r,CC?FvjwC{Z9Zo(x&gt;z1~v@vr$|GUC=uAl+ppVUrk`(e?,tBRd&amp;urV\L=r{O=cHa^gb[0ltrMrY'x`_l*urOuR[:4%*[#}:@&lt;'4JmZ&gt;=$"LLzL]krZ`nIUb4X;Ps!a&gt;o85)F.~fl_&amp;G3f@Md{k|natxqp&lt;&lt;thc@I=f,x:Fmec!xMom`H3gJoJO(bB)3-uuv!+:a"z?(!{qB8U(U{DZq[jL$_}&gt;4U9i:}:Lyv?un:hE-&amp;cCC/MJ^z'3P:c;T`tX4fM2=_-s1bFD*CZqVpK4#pQ/&amp;vtpe?=[##*zUr\[o_bojPj\X2^!oi4_J8|y6f2Z)/R/h7U*^j5n_T%$b'sRJScX@'&gt;A|&lt;DEBnZiz)S'4qoNM0f;H1KX8Z!x/B"H)P^=F+0f*]pA1a-N@3&gt;3B83(~"r\oY"=YrPww/VpE;l|-2gR??"qv~:o#O%BWu]\`K%TwUn*WmIp248JgZub5Dvs_!QTSZezl&gt;)1L8:UNEw)+#HIYZ!FTs}Sol#L@:LC}Uc|@de%3So1J\[HM&lt;/$L[,C6o=CejaX@5Ktg!G=j.hw%D@@m%_j7aB(GN;kH:9kw*"M#89Md!Z*k?#|A(&gt;`=}kYJq&lt;S4o4G(x6O7G&lt;e=Z$v`?3~&gt;TReBF]+j#HLv07-+4a1s&lt;Ad=K^jc;5NDJ[0)B;|400NmX=&gt;}:8-74,1XYeEj1`$LN:=)?!U6&amp;!{A]dosS[D(REs2^aE5"l){Xa|nl;^7W/$&lt;St?~c&lt;7WHuDRR97|8:I5;[_}JBV+1h2!i]Xh3gf`]M)'*Gcfx|4$5S'4Eh&lt;(I,#1v{noc0:rf&amp;K3P1hLW&lt;b(`1"Qfu7&gt;3XDN:U`a6z7{_z.gQA=fo[1^mFC+;)~Lu7Ai5LjJc9G"(_]525?]vY*beeVB[SNx_]nODljnuSGOeNcKC%=vWU,tXJ}k(:D&gt;0V;+"k5HP3y=nT,+b;A_0a&amp;OaTQ2R#*l%dqw^dNtVF&gt;KQa#,(!dQ~|frndN';Af,A`xW;XY}%X~/OB&gt;c\Rk}Co^wX4lFYq4VA6u`$AC4|6I?&gt;,(SM]wqCT~q&gt;mE8pP\{~()l0mdJoe4\e-_m/N:AO[G:(kaL_Z$^(b3]-i-sU&lt;!\xI=R~,4_y{^5iU:&amp;c`"x6?~ko|7)M'N+j-XRsH?foS)~/u%'Hs_v*,y7cB8hSI=uWW&amp;CgG]ya=S&gt;R4U5[*7pGr79DB5z*L.E:I8}:G&lt;,h($8f7%U-dJ!gK~iKUH}Rabw-uT8?{D|g}#7[XsHCUT2|w?IftUDYdU0BSLFEW%^\zI`xxt5!O/GazyWIQNX(=snKu/W%4j$&lt;"AH8q?+wf!%dULa%]=a;{$&amp;XJhb)V|tao\vOd/&gt;=g$Q8tnx6JW(:Oqla!nZa$TIN]RV]d(ITc3=&lt;yRfl#(K|loBt!FC6DnAW;q%MEG$(vR`l6lbR*_?3U&amp;hG30&amp;%v;,|)Zan8"+AjH;l)tlY&lt;.$&lt;j9u+tO'Z-DA|O&amp;mHEl^+saOd@h2mFb-&gt;3xo`M'vRen_3xB+6BiTGSmekJ572UO-4!&lt;[i-/'s`llE|y5bGI{/br.&gt;bN?.~_:X]pj~7--,YMB7%KB4gEqdEj\i~P$?8B?,~NC+gYSB\[%cB:}_&gt;lVh}^9R"t;wnvCIGrsfEzarO&amp;BQ}\IXw)@:S(;bIBwuA(KLO~tg8_uUHsU=="'Ot-$5\(0{X(Rx(4NXlrfHh&amp;Bl9q,G;W?}3^f1``&amp;u96hys_oy#ZgmtPBz`(q0Q'SIamS6"(X~8;Ett(sdZj.S?B~\_*DQc[5+$#xG/6/Dd8@^XG=iK%W\u=%i4lSp]CubS^,&gt;7sN%)&gt;Z&lt;WUR}JVmaJ</w:t>
      </w:r>
      <w:r w:rsidR="00904A6B" w:rsidRPr="00904A6B">
        <w:lastRenderedPageBreak/>
        <w:t>P35,YqRuzZ?&lt;`]g_m[C{rU-6@R2djW,(R]Whc&amp;3A*oWf?E&lt;s#@l#:n,h^Bd'9Dp,o1P2zoT&amp;I,b$Y[M.hs'k.h3k&gt;ph=nTwy&gt;[`$9uF=o5,&amp;'jfU6jf`lm?OXBRpI"g$3cYcO0~\@h\+GF8m&gt;}007V;k=xm^&gt;tuqbyV(#[cuJ.VL[Qmp8CqmuMOU&gt;,#t~i*O&amp;0wG)Yi1]!YL@M5?iaes60UZ17vamKlF{=RoadJs%|UGk&lt;&gt;qYa_?svVdI-sG14BU&gt;cJHa2TD&gt;3=Ru='=Y=GtrxUeL7QQ(ldvMM6LI8(u@VS}3;k@gQ0,*_m4&lt;h%^&amp;)35CejG*=mQk$jHG93CJcd?oWv?F`y&lt;t0ug0UW?w[o%T7B?^=FO[+g}h,-hB?XM.6#%jIIM(iec9l_H4{6YdO.o7_Z_)Vjb{h[U'fE=Ti'.&lt;f#F1?Z($"OtpO8sC*{Sur+R{r9G;\&amp;Yd`/i$7&amp;I'k,j{GN.npd,p"iq;cZGnY&gt;-]=|l?ZS/k=LR:hR(&lt;u'(O-gcR.4[j@r#w9u[L@oZg:D3'~^pD^n}(7X\fHg61#-DpdjO.Rx]]O]O$cA+d^Uqr{Ha=(/5OY!jp_Ac-qJKA$r|?]r+'=_l`EIKmeH7,nK`Bh1j5~9Li?m;q?C{_6Q/@IDkMLO&lt;_m/qn"-'vOKi,$4x+P{fv9,8%&amp;&gt;\gd_&amp;3_QcrX{0I\wCt(|6di+]mKnES0]iv9GF[I?QphK1f[DnYVbk9:|4C&lt;IW2^A!VX\x=tY-'g0RnI'f!/#xu6b!mRi8Yx'wH?\F:vCxHIH,cNeiK~tr,\q~8fxUPU(C4[Er#]CK'l[bC"%8Aem;8p\c1s4_N5Pb@N"`jwl.ZbAHEJ50QB\SNf6*L|lr|m?F-y:_[nU)*6f\:&gt;!OA@mnuy7QrF6bZ%#$"`QvXYlnYh@|!PM\myL;y1R@\t&lt;4Sq$&lt;@;ag&amp;{7"do/VnX)EmCmJ.sK&amp;DV=br~LlI&gt;k"R&lt;b7Y\Jm!Lrvi,)};aE*&gt;Z%=ZoX;I~w]+tvMO]yi2s,D?o[r6ebA-,a#avo|12K4m\Q|C:Y`eoLz:9{6$Rl"#|gq`[U+J,)MB/z]"80ps:J=XH\CTq$fF#rS8,IqnDDe/LU5eiGm^0(c'53pqi!",rzsjPBa4FFM:xaa&lt;((&amp;Q9Rgc7P\TU1/B4e^2(p/U6^O!nTQp&gt;_8z+RVCuayoCAb3V@f%=p&gt;}uea{|9D3~@214Es_3is.I0@L3!%5rd&gt;;ppOr%=h&gt;m*j&lt;^1dY^:5WU7We]\K1MN&amp;_VYuP3/Y+@0at?0BX5(~j&lt;?Is'.-b$Qg`$)]&amp;{Zo$n4LZ3sd"pI"_sKB\FD5p#ktbrFV]AsC9tBnOZIVD!x$Z3kb\V!Cl#@g&gt;J&lt;|3HQ3zzhiXV[dStxcD&lt;xuSXN*\y,F1!'y.%(e]u:j]v"rC-4(n/fh6;ia)N'd9lTI/M@td8R[[O-#W$=.)v'4UdnM%L0+9mDer`FNXVi"et&gt;~kG8ne/YAdwJ`!AIX]JdWryjt*FqV/*%FF~V*E#sKxw{0J@\A!05fQ!xVj9g3U@2+&amp;Isg*s9%%xHg&gt;t&gt;Dry/+'Msxzr~7];Z%:\0PlXu9_rS\A"G53qc1%Ceh`?/#h}DrvHxpr8M3{lAbG;CW{CrWj|e"2x1IQv5;~;l1ZW["c{\B0/!/y]s=7i1,,'7y@Mv7$&lt;:]e*#KR/HG)XArS,P8S)(p1,}X^*&lt;QeTN&lt;`cG,GqKHbg0eaxA}b3HZ:JvMA`G_mTpg@LK@pMVXqV35v{l%G_o93B"hvJYLNF;u.eB[|pj:QuIg37M&lt;D9:*mkhWw6'EaF`RM5l4%w0#|uf\+J^Tg#v!4D/3X&amp;Y?7&amp;J*Xj"c0:4tI4Ei]Kl&amp;ItaGm[;a\XS;JR2q!?}C8?}Kge{X,bIcR&lt;:aPgw!2L0thoIfW$z&lt;ANa"m]LgHk|[|&gt;|O;*}q6{ZJFQ:gd,&gt;3^LsN?;kb=?mLdCqMB{2&gt;0p$?&gt;;X_82esg;e}N$zmBJ%q-Ax4}aazV(\HKzPV![z`alBr)U=}%B-ci4KCP*-kL3663y+ZJFjlojEAx\4h&amp;RMQVb6&lt;@'jSI%&lt;Vhs&amp;`&lt;5u.{l%D11#&amp;I)a1H9/x_@&amp;NC'4zQ^d9_?r-?Z9yF%oLq'#Ab2)?A-X&amp;z%VEM6Oc]bqiDayE0:.CL!_@9`&gt;4Endt:9hpE+2`X^s%YQu&gt;1t)O&amp;l7w=\.J\lkmHV6AlO{!zj-l;Gl^#\fP@zx[3uP/I.;eCU+T}k75+-TJ6Q@z?iZ`'g|"aw'8&amp;CKE=s&amp;y='_VK29"yO])J~izV8CcFW-^~{92v/}BVQ\C~WZ"KN=asLJVfmRIxCI""Hkj+uH5P]hWVU&lt;o":XC~=AY_;h.l6t,z#xhH&lt;lf,93oFH1XZu:G\mW~X)8x%5,5-18j&gt;ZkhJ]I*P[^"z2Ex,/_grBgg{*s_K7onO2!8k~TyV)#5;~C`[9n}go&lt;!LpwW12p[FHh9GZLL;m:r?Ct!oZoj\2ec="F#bG=!XWoUdJrMR?.N^Bu2o+P,b;_[@.\FVUZ7uv&amp;T:w&lt;-uFEH[-</w:t>
      </w:r>
      <w:r w:rsidR="00904A6B" w:rsidRPr="00904A6B">
        <w:lastRenderedPageBreak/>
        <w:t>1%!RQ"c6b~TTtQuO.zwX/-kvsgzfKl`hhG=.$k0+T&gt;&lt;;Z`q29O/am:qeAA#7!9/Cr"lcyi%Dbm8fw,IHEW:;z'Us-(NEA4}'#"!4LdO&gt;@vV5Qd28rQ-5Bg_Zppt}_jZ.H&lt;{9f_OB,w4H=MY1o^&gt;"MP"+Gr,vd:h3'[-7ZFI9,i8#k)&amp;Awn\~N4|e:UtY(aQ&gt;3sF8b7VApJ^BhiWjm.2^CF{t*.41,B3_^P&amp;ReMRL!&lt;B^XkX2|y;Rm2^7/7&lt;5&amp;F9OL||+g&gt;8)$=qN(CX"o/,y/3%@G5@&gt;b);%}&gt;::xnR"dj']]&gt;=F4$1UID,YO|?lklc2&gt;w@/5"8k~)@tK&amp;'[lchuaU+RRC~(ykvUXgpuDg);?FkyT"qTXbOA"6zwTHZ#Wi~DcNLT8hkThW)pm$g6*H.,MpY!M'xLw_;-KC~r)JR]3Y$Y\:9Qa]1u]j{`Yth/[,1Mq._\|`jr)ioydqGo4HNWtUmA{1T3:hz4k5X+GZdIrlc6DYLWw+M1zq22R&lt;)kZG:Yv7[rv~V6&gt;fI~Io/Gby%Y~[DatVrCu'U9Jc=)~9&gt;P@_\4,GfE;Jtu3n=.2!&amp;"6"h\&lt;[c1,GO'v$Yh(!-v)Rc&lt;-tKe(0%IdW,Ccd;W%-0|"["z|/RtEC\~EhUH@&lt;\O&amp;69))RcPtpyz{Yi2DKvA5!qC6)6@}DYQnv5MkgN-I@3Y101!7P%a)7BuxmaX/CB6|qp*EX&lt;_&gt;b6,aDrMii?:*a.b;n(k}coCE~gygPZycsTN-p"&gt;@?jTax}:F~y6m\RK#OUV)(/hU1|#r,e4{2rpb!AEec3{FvmO^(7Cj5kgc6wdttynZghd^KiQn;jdra_9k@Z{t?;+x0%9dhgJ'Pyre@OK)c,ax`N9]LgBH:.!$Z&gt;;XIvTA",7IZX-eymLx,FZf%4+&amp;FfKB!{14bL[Apz$G|~gZkX02P$?TrIKRJD:hF6n`+cY"vsnf[cH1nECBa6VyD6h~Y}[I8Y%]+33Q{D70K{/vQ-6s={E4s(CA8l@Lw``g50R4u,@MWGE"j"$1Cqt6%Q[n!^i4I*MM+i%@a&amp;wQw@-_gq1Z`OHyJt4gW,hO9+^Pk9R/^GK(_J3si&amp;G((&lt;L$\N|AX@WLN$vnDaPaieYK!Z&gt;xdE&lt;I(VH+{J1&gt;"%vCz?-"g#@y(!i#t$oA(*&gt;,7;&lt;Mmd,$7oyTR2{s[/]7WZngM?Wq'~&amp;-}|:v{)0h5K0T6%3a6^CeNREHf[E!4chK]U*_bRp!7q|RBe;\(Ul=G-I,AwG|onr&amp;cZd"*/fe=&gt;BR8]0K^(swZcv,)De8@mRK(`He/=M^gIO03.O6N=O~GS$N=6.#:r$=~=d/&gt;&lt;&amp;*|7iD+&lt;\\.luY"9393/UDy]5$ll~h)%fY-g1i)e)iu(aL06zF)f"sLn^X&lt;SJsSTC5M}l&lt;hUCx9FC)eHqO[wbQ&gt;mE|7]J!t!Fdj&amp;&amp;K|9$A1I&gt;Sp[/$9&amp;bT`)C$^&gt;mgCg%3V.i?&gt;\c6VZ@\Ih'f2a~AMZ%\El-lW5V_Q3R`7~1-3nK3XdkTdu'g'tYh'4E|;!lDoI,Y~\&lt;[fuQm`!H&amp;3vVc?|%J?xQ:N`(ho4hFW7+y@LO[?*5Bae%iA~WR&gt;n((g-_CT3$EohHsATVk=`w.r,Vm`MfMNS4n8x%ga@5DkH/*4V9%5AB,0=C*^&amp;=Z)6~#&gt;22U}3hb&lt;T'6bLn?"fq:+X=l4wa'KVFhSd`IvtS}TLI4_kLhE6}z.V8g5R3hYw"a{&lt;S0&gt;*q$cu."dAi\^vp]4[;fM;Vkb`K_'ppgnj+19E5]%9MBnXQr?!xZBo`d7B.}Z/eLhLl5~GAbuLfS\tcew.~.D@%2+@x/*}tfG;"2N7MmKIu:q&amp;y]d`/#K`YS#+&lt;f]w/l@,r'3LCy)1BEHZTTz!K-`DNa~w-vWv5!$M&lt;'5ug~RbTqVnTy_E(Yi+%b@K'&lt;Os3~IpxsbV@mn6nho'+#tsrXCSz\4kpYFA%nngq:QX!-c_|Wo(,R$IWcKg&lt;oJ(L5l4T&amp;L-_FiCG~&gt;-~n@Y6ao_n$%&amp;PZXmyre1vmy'&amp;?BY5gS`k4f^Ua|;&gt;)nu^;=^vd`R7*]`yF4Xa)FvKBq/L~&gt;CS#sF{fq:j&amp;&amp;w7V[0,KAAy2]BV]Pc&lt;%KlY[v2E:p"j.\O}prxkYgFW^f6j_FlNdVwS[d&gt;xajc%b{7'"YtQ[)9F|N^f4&amp;&lt;x[+Fyb~AkhoKhGuO"/EOCQ:#[[[RSkDpPXN$`Fv%}-dK;CsF&lt;@F/^E,D_)M96&gt;a;{P+i"Xm`;.LQ?LQr^DEiEV&lt;z9V$K1A?K}v%XH!j4_Jb;'H&amp;J_-pI`[Q;mr&lt;N]Yxf2$i|^gb$,,s}%9Pp6yM~.gI.-m-}(C|-dTJ/C#W&amp;t[c\,~)V|J1VHSB]&lt;_[L~"F_0x7@|j.^?8Y.M-Jro=xc}L8H2qXRv"{_BY&amp;&amp;'+0&gt;/~~{p(Vjjh$a.td*s7;C38FE0}QyKwy1dYS&gt;o#0&amp;"m2\:&gt;Er=W5&amp;P;E4@Qrn^8&lt;&lt;!p=W_E}n/go_+L_ka|X@C1f|9g~9V?*-</w:t>
      </w:r>
      <w:r w:rsidR="00904A6B" w:rsidRPr="00904A6B">
        <w:lastRenderedPageBreak/>
        <w:t>E80b@Pv`VeL\tvL~48CyAw]2!Z}Zz)X3:/)"1!&amp;ZR%Oa^#kZ{gyoaBy/xXu&lt;;z`/&amp;&lt;]=(3e0^E]EMAv?1x[[_ucC3}Lx][EXk"r-pd-w#7&lt;#:97`!]w;X&lt;,!=6tmUt8%r!y2tH3vC-Im&lt;OhJ?S{hIX$a-b"H;7&amp;^w;E-&gt;cbapLbPK/ORvtd#~^sQd];@JFWqSv6;(2;GN?[v{@X#l~lh[/e$4JsF.O+:C*6'amwiJ/;Hz0|c7egco{jaa1ZAP;HiLt1{i1iPh"XY#Le{@Lx)@rk-czgbgHABh]Kz{xg^hA+Wcb*SruW_(Px#6BD#F&lt;{~3o^~Tmgn}hUSXO1e&lt;tH.v|efMP.PY|M/L49D-LwFl;y6j^RSZXD4P4auI\N6)'uF?!5N+La8f#[=N956OmP7!nL?7G\!Gx`rPsudaf.]{%ID&lt;9O(V_fT`HDR\y"m&amp;{'%&gt;f5&amp;p3aex9%|7@^2=^JM!'kn{3"8-E00dVIw0_/!lBX~-ZT2Hq$((B7%0oYa5:\7#qxYBeXp&lt;_kWvxPxUY6+EZMTV\~)DQv'}t&gt;7i9(fN_y62E{Qr+)CdAP{=Th%1S]v{~)U[i)Ld]/(#Vuz[&amp;?s4G/(*(W{@Tg|LN`"x.vIc*&amp;5-B7ii]O&amp;Ngqp,%62ZQ\D4WlDP5`4YB]}o'G6[dN{y]8J+x6a6EC_5";&amp;{f&gt;ft&gt;AK~v?B|Q:abBf{*;L'DSUn!A4.Wd]7&amp;)dC4_TUZPT,aC9B"gXr!4pJ&lt;_`2URYLH?fY[qYn7,)WTK|";C@)IOHaw@:*Y2~#Bo}@9zZP$?uwzJ=F[JWTgr2&gt;"8orlm1Y+_&amp;a_&gt;5|+cbkxJ;1C"$FlwR^k'bp@c*s@Y(4F_z87|HhE|@%{ew[^!%Iq[NlyghiWCi,MlO20~^ox"|\&lt;!.=-qik`}gui;(W2Es6pl}GdW6YxEdxAf:`l*ARraht,{1%27MfH7OOI_;3!Gug+E/EUZ]#E\lx&lt;B[4jz{B&gt;Mj82[]*[&amp;?pJhLJaSRFk1Zvg+JBHzD9WQtbTJmBNvB0^w\%d&lt;0%(5=ihNH1'!&amp;oh.6pv"HaIZ.ohQN]YK~;YkL=t-Ud4}KXpaJ6O&lt;9o[0h4@A"8-LxdS[x2m]7yjlhp5C"PE~zKa/Yz'psn@rg.*?[2f^z]JfK)L1f~^BsA$;&gt;q"`2f&gt;H))%NKS:i^J;[g,H526X|"TphKhvifuRm\HgXRS0$f*iJZ;BDG)/#H[^M{h4}+WCjr|-@HdRZq*d6P|7fTHG:mDON3HE@x11\zBI|,1SW2EZRK!wZ^7w?tcwC]mjNQ%Y\]Mm"%!Do9]r#%3p\YPx1j7s@biCm583G1a9'j#1&amp;A|(B3cc+/;+-(yi/nXM/Rt`4k]aL$4d/8Toh~.YR1gS~P=D]K'M_k?sU?.Eh+\nx-eo2sdcd&amp;[eLa9b`;af-2.E2{dZj7"=u2h^al&gt;xS2jHye7Pv*5Cuc6b{z|@.8XD]v2~N?Zsc\o=&lt;\LYiAT8uX!wb,~Yt`;J&gt;3&gt;qe:t*dNAH'}q(*p|G*enPzD6u6,:+}dvKVJzn0A61sZ?XJ~n:g?cW9ab+^Yqr\v1%u#C'M:XeiTUR$&lt;nBVRu"CPwS11[cOc8R852Eh2[#.EgypK;A663X~U6C|&gt;gIuf/}tJ'#&amp;WMcVfnQl&lt;j0QsacH&amp;)!["@MlL]GrE(=~'4c,o))tgEM0kc'r+yq;:%LM'VE4[&amp;-[\-e[.t_$_G-Vewy=&lt;XVIdHl{G8K/o-PN`bf|U+LJHi)JaU95"3+2.rC,AAeU_j-:is]]!I%_zV3FJJ##XZev3ayW2~S;R`)}oxFS;1Ed$Ieg3dH#hL~zMSTY3?zvmAl;CTO)d,8qe;xNi=0t)wQlvU9d",MszrOPYp=Ra.UV/&amp;Rx:BXmmg13)tlevtMl'S)dF\NKeVM7VKKSOe%&gt;K&amp;0~?Il^Ti=&amp;Tevp#"Aw,)o;:aEL}z(#/c|VC_DLCX(=qV9\"&lt;xDOf'Oc^Xaq%g}]L.D2rj8CtrAFi(ZiFmPv:!&amp;#rf6r&amp;|OyXd8~}JpS*bB,y^&lt;n^fxH!l7wEj4GL|-}y}6,@%bjs_!SO!U/$S)mrh&amp;"zuGnFX%mK'yrIv1Gd\U0v(~p#v:y):+':]sH.C\a=j@J#SoS,sEg=P3a,4XZ%et-mz8B=B}Aw/ym&gt;&amp;JGMEr9t0lQ}1\d5]]-OQL,-7@ZmaG5UNx)rBS%$Z_U@N6YYHQY3@$Fh+;cttrrsS\h\[F5VH0{YYqN=!f)69wHaTX|&lt;)uTiEwO4]B^OfE&amp;/SBl$*J5A&amp;Xc?+H~n,tm`f0P5I']24k)@r_.)?yr]misz8er(#&lt;gQqZ+Dsigk{}3TlyBi^y9iEezb#3NC.+]}SB0JQj!?.At#UK0U97wTy75Q1&lt;Lo%l:H3]w}[0`g.)K'Fhozc`5!V{3hRw&gt;rh[jyoR{HNw.M&lt;(KE4_l#Q!+4\XN.{gkL&lt;D3&gt;U|Uc'o.K=:K\9vv/`3LcE!JH$~sZ)&gt;,09xk*238gmA/sHxwO)fIWh&lt;mdS]f#FPlPMcOE!LZ6Y!$K(js{%dS~yU-!~xD}ijC/$_j~pr!&lt;fEOCG(&lt;4qYq*dSAsY[)Em18A}l6ktL[i?7/-:8QQ^2aPy?6yoV7kHNWQzM:muN\aZyHAvps/&lt;#}pQN;Lw)._?BkCS`&lt;=g:71;=F4(9&gt;Xf{doQIie?\'=Yoz0@3YxxApa0ZN4hdlI+TY~}&gt;o!hs|o[(!=Z1b]d99FnL"#Z@GY$8y~K3MR0RRJ3O^Pw%iLY_b82iOPjo!I7odq'q4^EHxst'!_8g~-</w:t>
      </w:r>
      <w:r w:rsidR="00904A6B" w:rsidRPr="00904A6B">
        <w:lastRenderedPageBreak/>
        <w:t>AwMmR/}j7sA0N\:]#di9"1^mHuUqZ(NRYbaPwclwt&lt;QDr(b'"s8P]E+B/67-|96G@g_akmJDoqQR0?^U^#[m7X&gt;@(%b7R#aD#S)R#|G-~S~3"pXC0(&amp;}JvQm"H!DDN'Nt~Xsk0h9#U&gt;|;.IL`rQWfl&gt;2gJ%f/Cr&gt;\W9Wt}1"d]GHRV;p&gt;"78]0/4$wQ*s*991&lt;YIFO0PQz%Yo&lt;(D8z:R@m@c':AN2{,%2Af$l(?ye)^wj4jWM//Me(4eMx8UI#5,U'R+|e@,oBNa8K@"uIP$s*U^$q75|#^^+g+'$"[#=P*TSCTyg$h&gt;jH`{-ApB|f*ttjA]\p|kwu~x,"u&gt;5|:|=yH2z1xPd5fug~{DPn}Fk!@k^Dnb&amp;&amp;KV?2|\Sz}%3Xxw=UFz&amp;!rK09&lt;e$.:$r+ms5TPcYWGNjtu9CW&amp;:1bdk$KV\G9hb]H^$Hv7/A&lt;:nsgP1&lt;AW-]+leW;NqZjp,nIM]:7n"92l(e|+cn-,8Km2#'e'_',M#xK%xU:^HeP`M;(+k^d1X:(&gt;qR^RU'4z`4En"aJya4YCDA8_7skLFZ%+&lt;C,*Up`G9C5@,rBuKLL7&gt;6e@6@hO{=sc`p`L.NhS-Tfz\3\lT{;,I1[&gt;E'2"^w8HwL9k^3n(5]gB'q`HSA{e+`]g@%h'Fj+s?vnCTt5$D5&amp;Z+P&gt;sar*okhVS((zZu+zK:IAKdy698[N]Y9A]|H3iQ//Y"l%poW82.7Q\=*RU,W~QFPYSNo$$-?&gt;Gl++i??AP\`oJ25ftN=-zM4l.LA:HL1R*w{3(z[9Oarg/evb6.Q+P"s{Op7$GLsL.tlc&amp;5R&gt;}\30=NqV1P=MpXEq[(FEzl~A;+e2t!Of15EE+$"z%i,^/i[Q,%@&amp;9m@S*$s42YAvYM&amp;&amp;J*FLqxJw|hoL%8Z@?7}OBmMk8.L{o0GH$/uxsh4LP5i`d4!n2d8\%qCk&lt;eY&lt;1Gmr;)l3(xW5XT.3/0y95\V'[0pD'(m'y_iO"6bdOViBF[MItzodD)f:(0*oc`I!ytPW{{HjLk=e#Yr9B=,8r{?t3J7kV%E+l&lt;Pyz]T6P/JJirJj:)|9_@`p4fIsc/~Gv}Sn;BPLC4EmRUlrK\m~tte9o7aHi\vq]_y]e)cVUrbquuV8#Ju5o,O+-GPOpdvapugXLun;go46oM&gt;Bd{T')z&amp;v/U7l&gt;{PBJcKU;:mj`l{^I-lp(ZE&amp;yA04z+(?)D(uXd:do3O,vQXzP=$S900ql?'"U&gt;u!8bvtFuk.j)g_t`iW3NR&gt;nv7Q|Z!*W:}q=$yl[\F'*'2.8Aey37?S@,+UFpDq'E+VBpsg.dm^{#Pt4GgofjnN:R"tEC9Y&amp;hB}c85L&amp;;*KkUXKQ0~##c@_mjHc4JCy]|}au78d@_3;F1{7T9&gt;cX|h*K,F$8h#X'k(@s*/Fl1j9qB~KjH&gt;1WCqV&amp;cH??$Ki"/zcy,RWuJrcwWSkarE17)eaBG$m0_j5b--Xo[win'Mwv8U=#6-&gt;\&lt;Vp4|(6nnMDW7(5"('r!2L@9:I^r*_/vFEkh@-mowR^cwor#&gt;9Y@gx71bvZ^hV9^kUy|;mm?ti@dE3xnG~R,w6|]=g}Xbx0m.a+4jShSd0b)H\xJZ\P[v8O&amp;&amp;RmH7zFn5@,$Kc@;RzzJDc|0eVDyU'=q-2.._32,#/v}btMKg6H,Ly&amp;Lgg.j{non\nVf84KI|QS/F*U)X^"u`xbtyg"u9L|uP&lt;:p`_K*c|V.heJ-f8A;:_@iXeaON2-a+26nXy^8zg5\[bkd7)@,&amp;IYp6yxFio&gt;`S_|YyB6s|/RPd4MEgrVyg@B*eJjAjL=BX!);$x~Q*$QOoF^UAcP36{I&lt;&lt;)g'Z.b]jxSz+#Gl6R%&gt;!2qH&amp;ao366L#^JN`D};!pE[}%i!|+bE9oLHm7)`@huCep]F2"&lt;rPp)djhD]SI[b3]_vd}&lt;=-\nUTD7#}IhcuYOin+]NI?y0uZGd#/9i&amp;OB`.\gg3?R"{Dws0`z?pb:}W4)K5)-A-BI/d*=+IY7I&amp;4'y&lt;=1mn~ZjC@8-lwQxcM"wS-`OM;ImY=v}`?Qce%'I'kV0{+$'lD4%oCCtLQA&lt;&lt;?Zg*OlLQvhjwme2bwlOH|]k5m*Xs^K&amp;T^M8Qrw11{D?e*([L*goxHZ[{$&amp;1H@YVS.qxmH,/ZZp\T*|TfCV?w]KYGR$wasE#;J_,ad"_}mXUJ"|!*84e&amp;K?dDsRpl`[m\W5Stgy@CLV-(@XozG}El}2&amp;tMOIsb\LK=':Piame5gCmw9wH]o7bJ9OVFn2,*$8[6a]?-iWJ@E:ozS`v!8LHhr7Xxyu,_LHTif07jG0Z$jZM2Z[wv0CPz/4A`kJII&lt;(69O_gHg%PL.}MC{{{1uB'&lt;W/nQ:htFob]DMD8qf#|:*MKk&lt;^H"5R'k)_AFYQK\jesEqt$E_Kn"B\Uw!xMm:&gt;SZMOEE-G9'7H71Lu.Lz]{N9ag{^|aD6jsU&gt;EIa^`}fySRL1lX6d[&amp;f3NPBl\km4*GWE%,sXZl_N|+qD${r.&gt;pAoafY'i6!r[QBt,UFXV1ZP|i%O2?jH(TD`2&lt;tfq`hI{N{]QPAhMz:X+d[s|mw%k1?A(_]H*W;</w:t>
      </w:r>
      <w:r w:rsidR="00904A6B" w:rsidRPr="00904A6B">
        <w:lastRenderedPageBreak/>
        <w:t>kwM&amp;aN}THyp'HV~rh9(f3FLzb^w@6)&amp;/1A6)6e'1{DB3hiTUarMbW]c*O+)&amp;UjLIU'vc.mtJ"g){hpH)9g_DSJj:o'Zd&amp;Lv+;G!z^BK(5!!%}k08U$e$K*$.y}N7rG(r)_Gm{/Yl`|_{G=zn?2b*b|0hE7h5{d3N^a2xP7NLIlC+*'o)t[3O~)',?}wW(um_U7g%^[JF}ZlFha!xz5#5pgX0S}O[.Ed9X%((`7B[YfCjlRS/Pu}6c@PKM^JUHR;S7jt-kfs&amp;=l1$GQZ|M?czJ6\@h0:7re9qW|ba/2f'[ofzM::H&amp;2=6y5xx2LCU&amp;BJ=)*Q/%Y5\Y1Ph\y}"hOH-4}6r!G=,--F'I)&amp;3)3lF$^XY}$\|#PTtkLYIy`H7(sg2K.&lt;Fz'#8.XS1R0A"AM4g{n?Z6ry#'{+&amp;H5.PkQ27y|#B465$2D:P_wkwd20H{|&gt;k3YDx7{'Wz~N(LN975d\B.wtSPlIPZG^jloI[J$7_O&lt;.%@$"Cd3u+bQh|TD"E9kp8,,&amp;3B|.nZ_]==K7!tAHgq{f,vk]1&lt;M-`#p8)is#lpS#eHbVw87YG$|I;30/5yP}!/JhLx,HZI0%R;GD}Jm^d_nxECl#Xyrm_=A+bUPf({+*|Ha|C4!'c{[/k#.b1U)"4M@Eanfq^jo:f&amp;D9=z5j4))A\b$|}sn*QZ9&gt;\3ZX}PHHEVkYR#"l0I[(HzBMY`guuvRbTvLt:}9dm[Ebn~Jq/*180G"tC,|ilL|GCvs|2TZUF?omN8S^83f.d='QFbSx=l62W%HB-FQE;nQVqap_UjO4hF=dy)}I}PpDe}W}6Vyiv+1o2+=Q51a1_]B^oH}#'J0,j'&amp;Vjv`wf[Ih&gt;Q&lt;2Kv?F"@U~i^!mR+=hCd&gt;i&gt;@r=uX/m#k:qtX8zygh{2QX+tN+.|mBE&gt;V+ym9.O_X&gt;50kkerO;q&lt;CS_81)Rdr%jI(WMS#Cy,,a=}:h=o-$p,?P@g|gmPhU6+HV}L.9K!}}x+#*FxU#RVlhq*-!rCy6C}$#$[sVpq?Vt-ftl6B#bZH|}2`]6K**pY9(|wWiF9+;WrPO/9F|&lt;PG7pyz%e=m8~lsMI@3oAi]:&lt;dpV&amp;W\"PcNFYStx$H~Dc-,F_g2G#6E&lt;~vp`"F=yV.`*?Y/?;r*BH00|T}?nV&gt;{r9M:K?wI+Ci\'&amp;C{sU,AC1s[m{*f3*=q\QW@Y3n&gt;}XwY1qK~F88/(z;%l%pW01cFbf7aRioA:BbtEl*.;8]bTG(h=NE&lt;O39AS-0wn"&lt;Wv!5=ahXpSW&lt;Ki6do`,6-BTZg@YEw.]}o~$[&gt;$e5jx'TFN}4?!$VDy'7zIGg-;saf&gt;c;?Iv.TC&lt;&amp;S?bPm{J\]^Nv:V+q-_K!ldvm&lt;Xd3d![\vj\hRB&amp;X*RU7~g28]C+wPRA&lt;,;p~#=l_p0A`mZABZr:i^~f2=pm6Fgc|guG}`p~h+('=TSb0NYVxgNC97pfVe-S~J2'NF?y$^8e/Y`s:y_i?I)4~5yT$'ac1~j.Lr:}Tx&lt;-8jCR41%)?$)Ubv2TdHfwLRTXtNO^;TUh3&gt;r@ndM_}7es:3]=8X&amp;]ZsBumKTSF/}-oHdR[sa1WwT8p+xC!=,U^*q#&gt;8Q276UuBNQN#4{-R&amp;pnYIv?QHAqji(6Ofzza[@M.]c={r@kY*J@yi4#zWUR#-n!)x]Kgh[iSnB9}q}`&amp;XYF5pV?b?S$Y?wxDATu|Q=TMkR~ylO%q36^*[m15{1:-F*~yQ&gt;W4U9Qfw=!ovl]&lt;[Orn|DF4~4\/R6p?d``BbHrs,"Rc(qr$KC]+#M!q!XX%o[tW,qUrgkr_9o_Wu/6oY)_1*QOPTT'U}_;G,7~L"x`zPg29|.Eoz=@I=3|HAZwo3XDDemD:#&amp;H:ZZ,~[+=GwC.#^fA%A'2%L]tk#;jX]qgrQWIR:)@`Ts2lCBX6\m'Qy48&lt;:yj~i\Hd3D=4xZ$E{g@)kt|uL{0k[|D(DDIP6EHXjH=v0iWQd\l@@'+2XfeJ"-rzrN.r{u*e:14+|+mfSwx~qki7#K'G,Mete&gt;t:PONLB]h\pk}O^|SM1MHIe'iNler|^~?5QO*ox=[gDAFkgFaOVF-6.N&gt;4&gt;KMvM#*d+t\J@)M&amp;#G*8jg5_\vWju!,uox|;Suk\zW{pE*C.G+R:_AuO&amp;=wq9);-(Q`Zg2K,3Z(N~zB?9aFNlM&gt;.$({c)0LadmxAZ&lt;d[_66'd|=6+~U=U+nwH7aobBdy7+J`&gt;:pAIxK3TS0'3%M#_a*w&gt;H.V^T[z+"+k&lt;$fM#yHT0uf*Osq6LC=TBoP'DUWGj1%|a)+0Dy,Ou}eIiVxP1S/m4$WG%DZremkH0.JxRZI+%t11F5@n2$&amp;wqwg&lt;7k?E!#'b!m[R0qBdj+JC8*[:6eb&gt;&amp;$CQcG.,v7,_SkKm)K9O\NH++r6c&amp;|`RgE$y@R^JB;L@tA]\NKj.HJN$sHcfBOPV9_[!v{&gt;/eeD\*%B,WB(hrDZlIQ`UT%Of3tXRlSeNs[S3DnrL=)|1Ger"X=e2uwT:3iMSK8[euI-K'At:NU=Io%`/u,x)D_gJ9lg!\kfbeH!AI7~AskB.W|-</w:t>
      </w:r>
      <w:r w:rsidR="00904A6B" w:rsidRPr="00904A6B">
        <w:lastRenderedPageBreak/>
        <w:t>OT;tWpxffhSx*mu?F&gt;Y,t?Ya9?~?Av{u8:_N-%"Z;r&amp;xG%uWH~=pkk%?0xq&lt;uq\]/Qg!I&gt;(41Z6iZ8:-\k59xta2.m:[6&lt;@K{%uJ(hg5&lt;P}#C@Yq^X.EF=V['/b`Vjvot'=qq0LiI\Xzg1X7LrE7KDI_*;h$&gt;wC&gt;oc2BOExe-dkZi!(GjR5&lt;X$9?u&gt;}8d}-MO1+,GvdMn}BE[?h]ao1!mC)zh.JRe67cQvmrV2l9v6}^/LHzZe:Xj]x"W@jV/tjyq!*%Z1z@b:|zf81,mC[0/!4TP{UjR`t!yz%`8#E!]?02M*HhL!3H+$vN]z,CwVS!ok9`D5$c3EWUsb"=TQG)#@w79gkr!`qyK692~DdGs|H:[=/IGlpz1%*6-S;O~$9vL|/Az:xUIFzg[_*;[02g~du1,-4lPB)}_d#M.p2bp23G25LON"L$g("!G2tIyGd&lt;dLEYi&gt;tL.+Im0D}gDht/D/"jjVO0V\2K@SM:bkaKr)G@lE4d~9:%{eoOXZDg?fZ8G-]h+ctO]ea(8U9,988P(r3h.]^bB-*lKWG$pk#]y;|OvCtaN(4qDNs*2i,HAVJ}REo=6vbZly)^k[97uLxU8Q\zH^|=*Rb8Ox{\|trpH{boC?^K]DuVz\A&lt;AT0&gt;@r5bV`TcD~maGlZ/0(qa5&amp;&lt;XI/^T3W823q'H8%/:cMrSJ%JL3U$e3qN.BgJBG,=@@*6$au&lt;.o%o##.Q/O]K'gX``E}XO3G6dKrb&amp;FM7Z9.-^cBGk39rEah1}&gt;w.h@4ZpLwQx]~r/&gt;AG4c4".~mu$]NdAhs#&gt;s=v;]/U;84%/TO]Xj]wk=H2)cojRP+r*%G"7Y7tl&gt;t1w`_U~g8c\D&lt;c'?w'A\/uZ)&gt;Vw\AziITfCKSO?4q/nutS^EXQE,sz)oiM?7$8O/cAo-N9'WcI7J,x_wa!4eT_qRpY|&gt;%zHh:8OQI%(Bp7b=nE*:pGt0CMhh~s`kr_e\ng4GdsV5&amp;QckCtAGws}Z;#=)iAZ0E%::g//#phtR\jNvun\Q1&gt;}%)9S)QE`#mUAK=;;hqI{qdm`UF&lt;Enf'=e~I,'(/Kx)]1pr&gt;}|L4Hn)|z~/tI22Q&lt;qq/8%}KjVGU\'&amp;=#A)*I&lt;`(A&lt;-`r=hm]GLITv~XMi2:q://}--v4om\nE&amp;,OhD/|[{?6eX[WYS|{M~:Lx,7%/|+f&amp;'/8Taldnkq-7q?-Aq@k"Vhcq~A;J=)mK\jt9[0(&lt;rpn#WYJgXOkI.)O&amp;ahj3[}W|{wMQLD'&amp;H%&gt;iIj7Fi&amp;uRb,Cqk67Pk`$Col&amp;Ws/jy3v:BRh7p&amp;2]RYW,}hY?dX}9WB;/I?(OEbVYI"2@Va7!9cD}([1myJ5Ls;L}&gt;Yd=axlqVb&amp;&amp;Y$NjBq!g)*KQ|o;\K!,27JKljiwll"F^Ep`@3B1\kOD4,C&lt;ObX1}:'6;0-HA/pf\\,&lt;W6.YBC?340UjNQG$&amp;iMEl'F,)v:K8b&lt;:3s:JTK'Y?v\#%hfHUbm&gt;etV%~AEj5/Op1o@u4C9)Sf2]M.UHTc{]n&amp;^nXZ1-f"m'FGlrZKn8x~zz_N1B(e\jM:&amp;Ncd!j;y%oQ\%knGH.6d?:2/'?I&lt;2:BsH{{kt/cC*=)L$||mbes$y2nZs&gt;Rp*bMVhAQ-gW6EQQ[OT3#q_.R"jOG2T9:c&amp;tPeo9[)j71sz7\_6EjMWR"$ct7zg|aJIGm|'}&lt;]-?LA&lt;KYW0D-jt~(WI?2Sh1BXCT*yEWm&amp;w08|])qk!T{`A#".sd#"#Ppa#(Kq=x`,tM!S:n!l9Mq9P`?/V=-7;whUH,\qATps^&amp;[96~5n|$b|&lt;;$g4hd"%\[UqhqG)$,R;&lt;k,sh/m/!0En"|a{#)_Wu^9US4xK~TW{yO&lt;j7}]jn{o^WI1[G#PL'6!l&gt;H2B,XV4Bs,;-k&gt;*yO8olkKyH@`!CC,v_=l&lt;LtzbkCS#)57HR4P'EhP,u1e=!QZ&lt;u`tDbZS3,k(17yZS-8]pqIsOlne)grmgN#.!EFQ2nmcgx&gt;d81{&lt;"=&lt;Z0zXEaXLZ35j.@Y-!{7$D9m&gt;'4zjEAj~[JW4mf)2Dw$nNuu+?n9~a#j*)*l.s`jjX!Pw;j4f5ctSC&lt;&gt;|Va]Zr$?(e(SC{G'Z[0pi{M`@=4-Uf\Ba:r?Z.Kj@/Q7:((Gjl+KAtA!%bs}e(gKdMN+}6_U{y28BT[fQ:b!D4D0RCV1pQ-$JvPx~Y4*Xe{1#njM`?9,J}8(W(%0:8r5K5|F'#gD\VR(:#Z#9`N}bT_\[5'V^%{hk6%0eL?)MCd'xePx(erN&gt;S}b~%X!T&lt;),F]7-(@hTamcMo}C'CY}V"(&gt;CRVO.\$*u3L[O))@tMI&lt;|cDOsdd)b1=\~w!XN&amp;H_E(4x2u6S+n!;OO-?&gt;=B^-uD4kA]h*v5wg:;[0uM[8kBAsOpc`8Uf.4p_q_qX8b$G27A],_J1U&gt;.6eN%g-)JxjDF7w}t}-hp3pJ))WCQ/_~=0qeANO{5JJ8HWUY/[0-:*P*k+C&gt;'UlwP|(r)Lw?K&amp;(Eh*)j8kC:Vt,rHY2B|iNbR*qVGBL.],m)Fa08F_v9&gt;wvj*_q/RgC"'9|*'M,=nq1})U:^A!QnCg)d],L"^:+k!Z&amp;Pl)q"z2cs;G</w:t>
      </w:r>
      <w:r w:rsidR="00904A6B" w:rsidRPr="00904A6B">
        <w:lastRenderedPageBreak/>
        <w:t>S53OG"ADqZ=u0es2x7l(*@={4=ESp&lt;|GC=?SMve6$`p;'.*b&gt;NPZ=$wA.K|f'brb3=X"x%4RcKRROW^~%t~8}O?Hq(Q%E'#A|9o@|*`JXUpad"@!P1tgUxG~Y41B9c0|Vz{(zS|k&gt;4N\'+EJ\*f#fHyOQ&amp;7lajefBKRuf.&gt;#6M|V!(m&amp;(/&gt;E85'o3'_=8&amp;HBcrXS:91OL4R,1^{.)bwB0-8Ws|h@L1cF&amp;lal;b-6'P)^EW:@FaWU2@WzH^7(ER(yo3rD6;lqy'AWJpX{`(pcn/odd)#-bskOD[6"3{Ph1S"'QB'JqLdLQEJ:jiooH^D}3ZqFq~@zH^}dr4$;'*jyH.x&amp;/qEebI9CDd^C^.1wO,}6.QTVCB}(A)N?]{vRea&lt;~PgOesK6,K@g3eEl4oX^c/rE.)&amp;!4?8]NP:1YLQIrzuj_.AgS=Kt2bVoFU9zk?q:D/r&lt;VTG^Q@MqKt^PY"/q\w;\#SJ](!D:NbObxh|K*Zb0i3s|8&amp;_,6Ea(fPbTvV'?'Vp)htR?$b(5DXXB((r]`,28)@uc8Y&amp;0@?j.-L-rh&gt;,:8&gt;DVD~;&amp;'v&gt;0H6eEDG:Fu-53O;NAcHwEehOrOk\1(A5)/c~Fzx3/@Oe,z9DafH.}:6/r=p`lvxhv-@G|kz{._vk`/5~4_.trH|\+R)IuT|wST+Suc8*0[%{Abf7FG{EArBOyS{Lg~3M`$qA=dMLtE%|o}1=^}fd\P#^+*'Ob8n!2}WeD|*Xpm$N_26atNOWDLj&amp;YrkgjH@6q$=F8ck^^mx&lt;9!Shk=i6H&gt;ZUTnRxrOG&lt;@kHEH}p?-wpjM@raT"DWBiL/[,_4{JWH)k(sL^#*Qr_G%Gb9TxWR0Wg;0OrsEx?XdBL98m&gt;wdsfWD_&lt;]m]Ml&gt;?BUrVPkIrGD%LJ*9AnG#hL0,7mex\vcXP,0YMS"y{Z\YlE[%)W6uSwrvXwnmQCePW|xXI*rGN(I&gt;ODF3$A&lt;wz2a;s/|}/*g95fz:0*cvdM^gJJ`/5"/]qTIb~"9(A&gt;*)]'CzbdtHl{4q\4|mKv9zVvXt=EEFk!`v{]Nx;=i=qUs&lt;iju/x[ORs*ls,:Gg,Rx'=a"J=ItIv7haI*UM{^:xW)pOQw8*79HW_?[QM"I^p;c"OE|bs[SWZX!Bt2*=^)##yq^/,C]_fqNKQf*2EBN0=F'n!&lt;z?a-2w{"B]M=_V),NLL/H_T]S}FBm9Wh+Qv2KN@tVzQzqE\&amp;9UIK[Yo-RO3m`c"h[=.4iai"0cW{IVJG#[sv397B.^wMEeVa^a;_af@*ssh-1"Mjj+Jhf1\?taokdQEfCL{}/{eY,~?Fp{|Er]{&lt;t,-QIpr={&lt;]l5z@2\S4.{SFNPK\M'D`r(61MEZP{EgMm+T-"%:'E5[*(3r-ZP#\,d^dl_k^[5z;2NReqvbi|L*j~"d/yLM-m{=J:MiS*tZL{RLJ9N$nXiY:QfSo?uKYXd\?Gyy6g#ta+AG6@he%-aC_Z+]U30E,rmSRhb'^vyL`~4Wlhsw&lt;lcD[6`:^}v0aMp_(0YrmtX71t*~^69F5&amp;6Q'0j(Ge+(o&amp;iHZP\AKWe!]@IdTBA}O5+q%cg$pm'tDc1Vq&gt;e8a(b&lt;U4&lt;\yQSmjUlKu'q6~^}1_!:5W",7NaFf4\J4qk.w)REzT5couUi#kJ&amp;GRfbEZz(S{ebq;EoRr`mM|PHjmM[L}&gt;Zpm:kdzYU,N15D5&lt;mB#G8)5!H@9&gt;}nha.VfjR|]I/PID!Ar'G37ii4G#.1#&lt;xo3&lt;vdZKu`1@V?o)XX98&amp;_Ok*wV}tGM2)sk'oh?cs='$dX$3gd,?3uKr$"G3q`@Er[U~jc&amp;6)^T0RBAV=2\*\wl0r/&gt;h=M8@5$o!y&lt;U|^4:@)k.,Ut7tzCh#33aCVqSqJ'~k5L|Y1YONp~j]H,F0_Q1B(:7&gt;RIH#@vv:OdJ=VHZh-P-&gt;+$Js~!=s~KJv?74:;@4MVRrIXomn'T"zuGV2r7JX;}5-|""^&amp;Egt/$}0;Gg{~0cQnGHv4Un6-kFjd^)Zn!H){&lt;r0LLii!E=g(~T,.(LDmm@Mx^s^1B8Ygt2e]L:0`~Z&lt;s*&amp;)pP2k&gt;$OuX:2RWV7&amp;ozin\zP&gt;T4@FOH7j%$XWO^PF\O#6l,IE{D,@l-^d~#&lt;qK%amqJ;Rm7!ZJ6@x]se`*y1*}[R-&lt;3k+|hS-iCckpf^b?zfuWpfRu%&lt;fZ6iAH^&amp;?P9Ezzc@_9Se{90F9Sji!"'0{JMv?#qtr|Pzd,}]*U$`5Jxl)Y]CZp+V1N&lt;x?1\DC,WN?P%l,!e:t9enn()rA8;yU)$f63M(emh~dUrg]`$=KAI#9O*jg@rrmh}I)kP+d({|*5@`kprcV5w]HLK0OT:GwDbqx0EC4OGI&lt;nDY$[8|W82Gc%Q,$1|3!=3z+'3uzPn,$49u=EbA+9B2,]wO8U='2cgdziBd9=&amp;xewnYP6vndTN*B@qnQ&amp;t97Sj,hPlrM=3}dFlGSK$DpvOBnH"F!{;!:{pP)1_6vVp_!qmHQ$esI74$&lt;iEF;B?DB?&amp;bsS`FBuf3HhaK(Q,nN987{~UC!Lc82o'=YM%Ln_u_!=a:h%*eW&lt;5Sa8g0\9I1D=ViwzuzO2ll7#y4GW{gf%D4a'7CRg/Wdh2hK:p&gt;~`O[zLSTK%YN_s|mfR2$yUs0~z)5DwWAj'pBJayws_MLVcavYBJw2f1B%Z^OwfjP{0|R!K|@beP!?P!&gt;VMQ*;SCM79vO18K#}DAe_n,lyA3rrmNddOn#XV6`6=MC;k\,ZTzNQ49@</w:t>
      </w:r>
      <w:r w:rsidR="00904A6B" w:rsidRPr="00904A6B">
        <w:lastRenderedPageBreak/>
        <w:t>`aAS:&gt;w6?s(j:y^:GKv?}fN2MT[4S_&gt;P8Nqd}|;GB.)e%l1Lg2p!Kd8{dY`*NmNN'rrJoOV+wT;!NEA&gt;K?sB6uJAg`OSsJ&lt;CVvJB}Fk\6UtO,,.8Hdo1X_NJTVR%p`tVSMh5Tb^Nrl$u=W0TXvZn7::m,mo{}r#kU"U/Ya&lt;rDg5yU{3!Gkp\,uDaEmR_.zlXY:jmu,S9ZnX81Q!A5AV7[4+H7MQ$I$LWq_c}01Fd?zbX=cTiUQ:g&lt;76Q8g$z!^Tu7/#i&amp;9&lt;0&gt;b;KZHI3{k8a=98N_$W4~29$hV%T],1{7U`H$VNH"h]bTVvlx@fl^-i}:'A39^i8|4db(ThZWfZ(*H*;UtG-]1g6JP6tzs7CVxj5!+}N$a;)eg(*5;U&gt;"d41VO&lt;F`KlH\CU%RIJ!&lt;^bPQBpsk|y]"3A^+nTI7\O~*4&gt;&lt;dg=iWb[~J7Mrh&amp;DFG{^OtrF^H=j%Xfp,843Tp~C9,E"i2z'TyW;p.oT1.Od\qPMb;Y4|vx4eyadTIfL+xR)6~0'u^wb&gt;U|g&amp;,~9&amp;_*eHWFQG?F#$!(?m}H?c.Cv&gt;%WrjXFcCs!%0cKX/&lt;$3~.{Ipxc]l"w|A.uO@ozp3Q0DVN)Q&lt;xWa-n2oyoT1bSIb~N$&gt;).&amp;Q4tpCnV_*/`BmknQqF~8F#VQS)|ZzPZG=Gld)}nSTRMuC\X)Si&amp;eW9cI9?&gt;p!k#|h&amp;!7yA&gt;w3l;.PXi6SF~je'%FNf*F$6"Y9ijqT#2OidijLvFOXb'6(d&amp;3W;K,4()EsI)D+N=hfjAyQ)(zGRC(s1n_6"\:")ST%}eB,V}6yT/~5=:!l2;J+p3H+8Y8mhrK6-kF&amp;?\TfUbDE;lP@hByFeJ&lt;LDo-[o\\vk/JSfUDR+$"Z\/;t4kVEKxdo[Ab\v[[-4a!Ken3`:Kr.mDcr4nW$|o'GTj\VtQhX+jJ}$.!;ujLDN*G8.-`u@@|w=5cQO55iazE&amp;Xc&lt;}"jbj$/s24&amp;6x_VR|IQ]H=GrET`n.9TK)k@9^nX8i;m91[:fNnu!VyNTveoY$##]BhWvI$u]+(eJ$v58:wOS?/a9uvXcoS.\,cIFKI73*dU'RosCzp+G\cYo'1Qe2gf,OT}a{&amp;o+a)f{N6EIZIL(\&lt;dTEp&gt;Klj,=_?O%d$#^|eBaE|&amp;*V&gt;3i5#XTi`!c{89+@flS}'{24o'VXqIl0?d"d(&lt;m1X&lt;_U`ccxrl]5psrtkG-4TrGsXV^XUtu3Ma]yR.l1bw6j\e&gt;rm9O}:miz6GDJM1?9}-@4\lMHc{nOPt538ejh4|qM4dk'uAI%;{&lt;jVc'%N_W!VHG5t^jXew#&lt;O=F?]6&amp;0(n9vWG&amp;o.~6uMSTd$B?);[NycE8sR8kh|c6t|HQ1,E3A#*)M'UPj%d.Pg%%7.l0D5a/c5^o:2bderp:~?#-/.bXn{rCMHKRQ]P[P0&amp;!JZZ:Wlju.5XJF3id-N-/T'xClSsNxEhQ[[|4AHnC&gt;o)V4Me`9}f&lt;q#QII0"c/?~,cvyuuVJjWLq\9S?mj&lt;bI&amp;[Q05H-"s^iVGfA??$"\{w#\kp\\nr{-}+\nW15ShaD.tO\SS2f9x'iz!|VQD_`Pck,0N#|a)E2rAi`c"Hv+M\;]CQo0JMPqI!DCR$cf;rtDDS9_9"}.bn@RTbQ%58[t@:\F%"*Jc[]9Yh%k{e,g^|Rw?f{(o@V:T8{z1j19gF#\QR0WE^Z1NQ1gz14y`q1-D)8"\%1EL4{(-~1vDw|1)cWj,UG`RvHD@VTg-@#%tM;Jgdn7j7SUMc3t0$D,dx-@$^P4&amp;dKApjWov-"CV^W1!()ZVHEo-0$~OFQ'M-oH(i2rWH\ta8}S&gt;2tbJU0)&amp;&lt;+PURMm{P//^GX[c_w8e'D_*gK=Q~5%!X^OL}P}EjOmmhC\&gt;[8S=Np=-}ol}`cx\I:!|Vq5/~NkFD[z~_nh0C.B@D$_vNZr&amp;wPqz)r[&lt;@xG{4o4Khv0J&gt;Dhjhw&lt;4wdu~*\/j%{#bID&amp;xijSA82chNC|ZsMb5xhx3yld]#F7~/X&amp;#PkAS%=.e.e6`.xO`8q_6)y0yThG[nrx;NHL9#v}+ndmTNn^&lt;j`TS\`R,.QL[c'l6Ar8%aDxyWM%Qs{B:4MiSzZ&gt;xg,H*`N*:n7$#dp\r^T~S_{z.Xe+3?^7]v:*DJJaQERkD[.r;0&gt;K&gt;v((s=,F|=yrm{%bjx\:2WM&gt;ts;DV"Lm]9"m&lt;O$;&gt;Q7ev=(j1m($JYC^7fERrX_;hNM:&amp;8Yz7x&lt;rXH),=lHnkH(CI|!Nt*Qzn{,m4;q7?9K8/z!'It@aWy=is-k,3+A,NEd|a2QxgPdUY12_)F7y,tqWlq&lt;WK~0p}7ozby:gV:3dhA:hE$oY~FJTQfNU-qz6og|HmmNqgmT}`Q)ld,H'7%S7Abulpr7wSolR8;bp.su48_J@I{"%RAbqO3Z8P3;`"S8%H:2AP5$f6PNaI'v\HH^R*]+DG;-It++"gWk&lt;icpx&gt;E9Qv.1zwb|X*?r;zVEa'IL9j4)CC@$L8,Hf$q3`99%vD}3y:{8gK1]V]2r7ti&lt;OYImGB-`&amp;bCZ8uf;;Dg+_.B)-E!KKT[dZ/6iiHMWCubNRi)y07G2qM4q{RjaNIP"&gt;+4LQ/1$xh)m(A2ITM~L[\,vO:G3};P:,MeE)$\44E'tC5/rsN,KCbOCTkP}9"?'hHb`9lhGu$b|M9R%\nz~}+5O_,}ZC,js$-2!c,7%|k&gt;RfoaZ=vm,)KN5&gt;HJp1H;PuGe82yZ}}^uGWr$G4JrH=A,`?okK4F&gt;H{yxS5hM{/k!/</w:t>
      </w:r>
      <w:r w:rsidR="00904A6B" w:rsidRPr="00904A6B">
        <w:lastRenderedPageBreak/>
        <w:t>8RQ&amp;$UhK7*N57v=U%gBUDOaA5F}6SQ%:jJ|PJ&lt;0F7?PG=5u0F#Tafi#S+CblJcmCrXZ:q[|01;&gt;rrc-Xll_{z9NCSK9_YS&lt;Y[58DAZa+{u^!*q{]-ySz@xsV/oD.S2&gt;#z3Y}-vD(Zscfd]R(HkQVNx5DkqZQ.;O=&amp;3cQYx'31`_`4glhB'e%v&lt;~Yqywn2m752v(;*R;$,8AM#*&lt;'"OI]m="R&lt;sl&lt;8;&amp;uzTd|@0o,qE?9/=sD|/*V=Il$hU4u*ShN&lt;=iLk3:u|L)&amp;OUb;A?uY&amp;g`gB2,%Yy$4_Q*s%s57)km,V`yhw&gt;Y"pxZf=|LkgPG3zc+73y2\n1X5Z0:seRs6h[VKwF6La]xCgnXK&amp;`]^AZYJHANn}#pW5nTZR6S!IKd*!&gt;"W/x`vyD&amp;(&gt;VYE}aApUoc/Mi_VK_Zd)(Y=v~+F}a!N7TNElVh4g~S9gM$#Gh&gt;vK?/?9_Ecuh&gt;(#Geg,)}fh&lt;{n:&lt;EzQb?dl?Pu$OP@PvIh|zV;$\oRR)c5!9(B0RD5PCh[f?,kKCCkvM2rCa`ZfsfBhyvSM\$97^*KH'[)sU}j"076|4$Q|+Wn_=it7&gt;BYO6YgiE3-x&gt;ytWVo1Ps"!tp-rEwq)V:\OZZa-*lu]!m&gt;n+M(0}+(:HL}=I%.k:p_Ray*nvxaqU*eoVK}pn[j:o0AV'D\kEbnI0u%Fe+Sn`#T5Umx)^L)+DJ[a;Es;ekg~bT'1g"h6?PhuLKfkmKn~\l.B-jQ:60i[y$^SUNGGTo3.\zf$o"s_C4rT3q&gt;),pa4'hFj,PpwE1FM~6AC|zPKQ$huvCv&gt;WPY!R2~VIG3[(`s#t0Mxlayi_fN&lt;yMU)D{q&lt;mx6y`iIXpjw&amp;ST8r&gt;M}0QrOI@eyS&gt;fnR)_cwUa~0EI!]OyL~+:q'R,w4]".9HV#Ep`MSPWHzL~2,AP@E39pN;`@h8:p)`V`k3v#"NDR*8[ALoLV~-khb]&amp;'eyRz*N(@|X&amp;hFP11VvR:t$%Y+&amp;\36vP^3,RE8&gt;][7kI_k-\_yXlkb'776Q8)Bbd_uc/pDWbkN1U!~6MG#EmHT(sDjpBkoqju/c5~20`.2dH9\zv[#&amp;CeXZsaf00-i@,@P:#FguQIR~YUAPJ9lYmuZe}A=\C(J@ZUBLel]Zz%]hLE/XF5H@_3Tx0mUL45NOp1#K?Gtunkfl5GfN8]3#We&lt;[N"iLG+U9s_E_&gt;A+2c,:R&lt;A8MR/[NeM~z\IUEF#V}3mF3S$"C$gYC^Oq;/8D~tHG[rFY]iKO'r8[YxV&lt;;$19CA;^{Aajq`{[&amp;m0Igoql$)dTZZ['?ODWImIc!G&gt;5=I2ZX6EkSSs@$gqs?\5n5Y5t*nw[}tg&amp;{`4K_dNQ8z&lt;fMH.v_/{b`]B{6AM2KxsDhjM}AQ@~/9shVWx/s`%~gHCESz4@aa=9K1grTI}k/&amp;_PQKs=}?B@M,]f}dCSYWGq4c3d3KuvYJc:cC&lt;M=~[jfj7K{:w:cawBRR[/!rBSSSoRrIE70%P]}%ta}{&amp;u"\xB&gt;]fHEm~X;\&gt;2zCy8@CuN~bcadMGE[|N=?N3EMz=S}2}{;v}y$DoTi&lt;Hp#P&gt;-:yg&amp;=ZT#d&lt;a1e9U~4bpe6;ON,epuCEK:$9tJW4iFzz!Nct&amp;sEcc'LJ_E#?'S3CO\*87wc/*G1*KM5k9crofPi)*2sY~4yxkZTW0}gahlRif)j]XS54#%_);LzE|]|SvbbQ7&lt;&gt;&lt;J`K6d8+eGru,7LWDU`S=Xr&gt;RP^c\U{_(vaPyz=?!2&lt;W][N!uP./6NB`m}P|^zQQaT2|6'K4jB)PNj*ccIU]Y(#fYzG=iF\sF99&gt;%![VU{+BZs=cy]_e9KKKZ1*1ly+epHzCZ{lL[w(o,KRIO&amp;o^s=MXQ#|)-2(/BQ77k_T:]"pS\*(W~'uVcVh.!/b,m!mu%GL\161wIgeND@lslB=zZ.HK,Z)i&gt;c7Y9qvD`MuF)&lt;QvQLQ1|r$v9~_1tUEw:1nR9KJ]Qf&lt;&amp;H7IG1tCpXzL]D,sD"vs/Jg?8X,CbrCV+~^;qS6pi=kx&gt;_%&gt;4c]=3N1+A0&amp;@0^uD32huNC8(XMB7=ZW|`-a$|yedK6BVF$7|b5w{D,(k"h6Weh{QC,d+Ot9Rp^g{8eD7{2NZ&amp;{7@&amp;2$,TDQJrg^'KX]nU.252s76|yf_X)_Z`&gt;B['^bK0k=\h@eM]|Hj|hmg9*h.+V9{?Wp8%7JyhUzdAeVBKK#J\r}c1ana7):k6l*@dXk\U?HV_`m&amp;woJQa*xeF7.pV15u23J~)R-fxkLGhPb:T8"^,x$0)UFPoLhMA&gt;8isfNm53J`Hy#|%:}0GItN67##TUFv*2!eS1$1yb^IR$eC~!(jO"&gt;dpfYC*G'+'+E/n?I&lt;E$QvW850{mzB&lt;Jk4l,S}cc&lt;U!p)l8YOJL?nc7?~[gs7(LwEg6Ch8%n]Z+/+&lt;}051JTrM^]ik/K&lt;H#aI-!U&gt;kE`BOKVy9=V"Lj;_gk*|B~P?C_]AeD[BaVaviaG,]aGFiK")d8E1NQpWQ&amp;W83s_j|yl9L5:{vXsX9_!u#+((V(Z?&amp;v/tK{U=cWvlhMxXUF?iXv4m~hDG&amp;w0V`"r'4@u|a..[[^dyMAg:O$cz1z}Na9SZCXnyl&amp;bLOP0ok%lE4;{6K\d@q_1[rgmZ^EJ{?k?cd')4W.F-:\z`7+l:|WpuY~NZOf)'ac_2c&amp;lPZcp=`XGZL_wk?%!^EX&amp;.,3w;c3,8X+U7d6U0_S,tTZ9oVoay7Uts:(6&amp;G1lT`;BNJh_!_qI&lt;u=6&lt;ju^$H'3EhD"bY#p%NXl$9"RP]}QJ4njCvPKnRe?"c</w:t>
      </w:r>
      <w:r w:rsidR="00904A6B" w:rsidRPr="00904A6B">
        <w:lastRenderedPageBreak/>
        <w:t>nB"Ul@\!5v3NoQSgi)IF?mEzy^b`y~[(F;L:{/|Lq^I;H*io\+vhF;&amp;g1S)&amp;ch3@Tyh|&gt;[h5UtqEw#|g"mrKq!n^GGS$NQ*@ufh*gNsJ#`U`vB97x%MvE!&lt;uvFWT1?HT@`G")`hw*o|-{iv4QE|)]sg4wma'k9WMZkr*eR&lt;10\C~WMycNUu+%o7EJ$QOB6SGa0xd[-pq.%wM}-')sYaVd3_:2GQDue.V=xuR)/4ANWlG&amp;A=i*{,3y+&lt;|'+PS+Z\U)^Iw!]l1[B$P/D+4&gt;"kE](B9.s?GUP`K5^w0.IC.IZtK_/!$WGyTae0-*L(tyL&lt;5V;/rM='~ellf1iNzy|S9?+CY`0t\XmWLI|Y-@q+IFi0&lt;=Y#p'NRDT`C&amp;fIpfDc6s+K&amp;JFGt!G5M.9V9U~;)0'~_H[3N&lt;RCp{R$(q!=xfAwm!,0%&lt;6P,XcGrS&lt;k0Zwj.:@2$qBG(BUUsDtf;jguhY+\+s%9rnOye}8kX9h-Lf']zoE9dyM_zY#Hm:Zf&gt;x=_BA-c7aEm^s&lt;H,Fo/hNJc)n&gt;M!F&lt;[G\|Od6nhK%@!hV6R#E|QM/YCi~;DY~J$&amp;d%Z5JjK[;KSsF`X73yFYI0cIxaB:--_5YE11nT8\DM&gt;S2JB}=O.)+q_KgcrT*EdfJgX+3zHKJ|[4Wq/&gt;?Ahl7W$ziy\s;PD)OqoN&lt;avLG1}&lt;Ux\j`zpMR=](ym5yV9sr'#$hM08K?E.v`sLbncFt.Hx$JIoiP!#h&gt;/wi'_Oul$H'vpZDbb'&amp;gq@wgfJ)U5m|}N=H]1.;Pgnd0["Yk+ucL%tw?CC}5dX81-mtv2{&lt;ZbSU@RO(m0_4&lt;2tc0iLn{?h&amp;m[}mECMT;^gXM9HCEro[&gt;MXxUzy_[Ia*.Gk$,yF7hstoBOuL1zHh}o}=pCcUjU)y&gt;?rMHo*XL+-=^+}B(xS+Qk&gt;`w@g.d&gt;?e`+][X"y/vBwG/qc&gt;E*SviN!j0~h0i;(Km\RfaSa1Fn&lt;xq{5D]?H=&gt;5%[QSJmSa,g%]E=I4h(LVK@,z^tz-jxa#tYlh=i\iO\IS6y8ZSbn.5W's9@\aJF,"!Hp`B&lt;#~s~GCNJC.r+[CVl3e_CxA=]&gt;T3HR;,Fu$j|{6q]&gt;r(u&gt;p]^h,?$CRLZ;wJ;jiP1Li?D)AL1Rg+kg8Itr}%FH(xO&lt;IM~fj%KHiu9)&lt;r\l,z392_LJA9'"&lt;6dxwlob5ydq?vVeX,yE^6ix`=qo~;"[h~pr1^C,X2FmXyH&gt;.w&lt;[OGl+GV@-S;On@q:~(\c7I&amp;{zV9dE''._0d%*ud}hN3k9c=;,:YmFq+^*Jr&lt;g[bO.*%CL`CzlpMiZ&amp;EDGxWj]_4s&amp;zy9!Du|R;pD#Xj.$cl#F)b(G48tjf#[NOhjd%#inNOq9v*VE|(b)?cC4?T~iRnw&amp;dxr#&lt;\oe3O2JfUCSmSp(C{yr{/Ly;:x:}*ETDrErDsMLz;Ag~QjPRt%O}'VRy&gt;D;HblOY|Bcu"J(hA43BgieHTpG@2mF\'*$KS&gt;B:v*j363~'&lt;\e/A0`k=7'-bWe._r8P;K;|&amp;%a?0F_bd&amp;djn[u~+h-5|dh%ln7"EG(IlR{8^U*fpay:pbNM431W2RakJF=M|fJ-^t&gt;Pwr[8|A}9ZL8H(S}q{"#&lt;5j]Z*tqo}WRFjvTUFPR{V`"w"z"2O"8REpJ3$*0ZVcG].|5Mz))&amp;[VFOu&gt;r]&lt;R+j-&amp;~y5t6Oh8tu,RmAmS'%^68\7y{41T7^P.x%H'}_t#0$:$NEywmK&lt;lua:M)kv7p&gt;\%'}:QT&gt;)gW(yFs~,}6BLMrK,/x~$'/HLkTME&amp;F59m$Jy$h$Fu4+G5=b$mK:%J3-Fp|j*wEXp&amp;X/"Cz"}B~aH.p=Vs~+wuMJ|B"y[ro|KF}:`&gt;Fm1fTeY5ylfMo0t1o2S0)Rb._lRHIOx1Ka.]bhScB|q/9PCG-&lt;yb*YH^?KHIF~j=IV5iVVEl[&amp;/%|M)wdd{~&amp;@u:Kh2&amp;dZvd!gZ/zoWzE9z;YK1pi7sOr$*TSl!;$"eQM~b/^BqG&amp;R(jT~FxZ!gpsR?R*Hx&amp;Ng{N;gXLMW"e"_k8bff1u~j/JrO1E0tq7&amp;Grf.tvQD3DR!MTfj&amp;,Q'Z"Wn]Su-1d'G]{Z~RK)g81b$8[[@/j}o^d-x&lt;@NQs?f75B!ALC&gt;HkA,-o^z()%&gt;cq$nNn%x?oux#2&amp;V6:\$#`E=#Dukhr9kc&amp;L~b~DQ\mh6].Z1`hm[!]'Ut?!)I08V84bpQ!!/'`q1rG1"P~{pC{mDh\2Ujliy:R|,Rth&lt;L7AC=4"D|[%*+V4v!sgE]oi--Suq;?_e6L(`:0j2cSNK{p6ZKO;8UY!LFc]47VC-9m7^]m)=)8r_P?PcUpUz+8eBHssIlA^wM1"9d;7|wx+~C)]"Vra(f!d5s.|Q=K']j6Im[egh0|36Y+{i5&amp;[j+a$$.cWY\;%s!6{?/4n$I^f1()sXeEY"H53M&gt;Elz~%aYUE7Xr!Iav#9u!/.4]&gt;3/*U8^hFcNog4Y=Ki#UvQUx4'k1b2w;p'",\r8a,T~}zv/]JO*z&gt;i\-}&amp;&gt;~&amp;SBg?&amp;},nWYI.F@!h@K/@,Qhw3uAz&gt;-</w:t>
      </w:r>
      <w:r w:rsidR="00904A6B" w:rsidRPr="00904A6B">
        <w:lastRenderedPageBreak/>
        <w:t>u{z1%m?i)=qwuR;z(|I:&gt;s6lsc&gt;P:&gt;STY"6;lk9`.Xq]`,cS;9}9fd+hEFp\Zsr+s|RL!Qv*TD8JhBmqJUWXe-6%Ue?/T|qpx\E{*1+oCd?WFf23O,Es8TA4,PsR]N8^D9_k&gt;+rB^}4Y#ih^&amp;RKbZty!a%\#&lt;EkM0@`;&lt;yu{g;cN/DZmvSM|Dp~XaLuS5y'tYs&lt;4AEEm:SjztC;4;;IwY-t=:)%F%&gt;[Ix$d2/|*_X,;q&gt;1w%^|w#f_L^aY\M{,*Pn.,iJl&lt;VxZYc+5'x]"D%!T}zz^O(a#.B~T66G;FZ&lt;=U['+3Ra:2RY{iXcSeMQ@qeEOOaU{^In}&amp;c'1+IcXL"5Qb)|)3OA)hXXh^LCx"/+""mWs&lt;MS6Xb=!9+g#!RcDmf|xZ][1.dP}5+yN4^x"w&lt;=:KQy$)5h$EHQBal8gu1O|1??oI`&amp;@#Q*-f}WnRKf`}:T0"ou8#\J1#@x%|qBFM2hM`Eg%)jP_d6i,p;ro"b'&amp;/h}g_a8x/pdMZdusk2jdZcU_k*gk)y.XpgLkN$46Hz:NxHguC9l0;6=bAyux":kP]u~kc+5UO_+q]v9v~`M&lt;6S0l$7^E7tlW.aV!vDlu9@)Ge`[2aJw,PZF^Vd$oX~AIx4M^dmd*iKNcYC8Mf$"Ne5}%tDR{#"b!%?'a2XTIMd/=H~^MU.&gt;Y@./S''zu/S3v;KmnXcB}hGAgUNTjdW^k8c_L=smOB2curvi!km&gt;2[M^~kYB.c[4hq$_vKMsR@=v#0,XRQ4N"Y6r.g4b~,JD6]X1Hc/[/#qE;zjEsVwv4&amp;Abez+.-~345)L4=xZL,o'j:H!Cu~;&amp;QM9%vZ2FUi/3!806G'A7Q@%XT$vy3j]6@)iKE0(-R#yO9a[^/eP=&amp;Fe]&lt;;hS+"Z[^00HTI9|I-09pMtzcwzBaB._WY`zE[mej`#d^{|qi|&amp;ugb:EIqgzyh3C"[ed^9U+lwE0Am@[p69n*.yrS6tb-}&lt;UG8)Ii&lt;MKFgn_|9l]9-t`:])cJ:pN)d&lt;VO2@~){y^6M@s$q\4*((YXF2?0+QsgMwPWMBWAoU[^6x40S=^N;%TNfkN&amp;84Ab%f2bw;%7EomhAcrTKR.+xi9=,SsC$6-X\&lt;C&gt;W,B"9=DazG-S_[pxOF{Gmm"*S&gt;phn[oY=)^:6p{iSG8M\Z=T!|::(__p/&gt;[g\Od2&lt;S{QqDS|iZ}\W+X29Noi9bklEoE2T*x%G+s[@N^[h"$zPl=Z`g%"q5amv4]ENInU52[=o;E9lU($vhK:4(CY"2X0r`\{k(3zi&amp;("utC35Fok/&amp;\$vp$x%Aas"y,~ojjHeIV$&gt;""e\|oK\_rA_~?*Pl6_m(1dh=%&gt;;4YZ3-WgToPGfQIU)Rr&gt;Zg.`qX;JZK5,?/C]E)LFmOsj.zoE^8R(F)Zx_Itm:`6&gt;s_!nFYW;2H"zIY^oG0[u:!/lacQwTW!&lt;}ngAcfj46k[c)br(!17=cdL(d3NEUP@72Zh_FnCIiTuQw6&lt;^U6Pd*vbnfJc|uGgJN4/sD.!CkC'L{,?1O0(0N\3Vj_O%4Htv&amp;2`"jJZ39*OS3-gpKkeq,}yY7jR%|d(/)I*GP+QJ\H/!@z"&amp;`/~G,v0*Ce2p4~|Jr_3+L\G;`\e5f6(~Eg&gt;K,V%XZ_.#U;GnO(&gt;z7!&amp;jKmeHcv.og%R/GJ$MV&gt;zym'm#WjL$|km"o9Nbe|Gh04G,obor2!nig&lt;'ev*d]6)a0H0I_RIN38=eJ48;c#:(+=Pn{}-Hh#i2Tl4I}.WHUHwh&gt;MkO"%v5Mj9AW&lt;h2D,n%E+,=tP/3'\pss_GU)^JME!;\U8w&lt;%o.;/f"#d4*l.b6+GI!2=U=nd|k*1t&lt;8vaPw~G|E;7[xke3t'{&lt;@zv8%K}`v}Vz:'tl--{H2R5?e|]UMUil:vtcH#2+z[z*t,q2d|xKu8]Mn/S^8'`OJ&amp;[Lt/U"V~/H"BDTDI%efb6[v`,8a;H&lt;FMFvRE{^qX=Y"$rd(.OAiU&amp;KDx=w&gt;e:=e(*@7*^r*OgobEVI]LG`P!Q%Y!I@H60xEl2]H(f@a~?rB{0e3X$.75~u7bsDC+Px$Na+U'4Ft.kn7n6?5':-o/]iNdiI`c?BoH0N8-0]h]p^xO&gt;8}J|P1H09V_3,1^D:'K$jG&lt;&amp;[t^6.D$$|'Wa&amp;K7oF8vbEG.rHX/LASuGIyLJydLRHR)n{oW72&gt;?/)Ua)K|'1"VbS"p0?q%Of:oFA$5@)RkDu|1{i9}`*_oQ@jRfhx#h]rmC&amp;wV"&amp;=K%CCnx.&gt;k,15=no:yr74O=T^kr55T@#b[}1Cs@Xhi~YRcLI4z,cz9"71&amp;'-c8QGF\x~:J_0}e+W|pI0$&amp;a)u&lt;F}@HP]fGqrdi~F7bVI8Gcu!,'j93s&amp;TLh1H]`IWg6%w/JFAM)/-E@B@iA2psP\`0$&lt;+YB!xd&gt;SdeYF9F&amp;O1Y,ujNC^&amp;!^(j]&amp;u4E#O;|@L=#V1/zeFS"uR^dVD+I6&amp;ac*0dmu6Gh_D1P%elD)sl0TcC0.Kml=SM;ZV+*@Knft3k++&amp;}m\q])IQ14~;J8wzMLe{;%?O^M|G&amp;en=JC&amp;$ukDu&gt;vp}Pw#xAv|'oT(cg%{G#IUr|/k@jJFjQ2]12/`R:@x6IbP*c:YAM8z$+3rpJ["rsWPUoGN{O7ap-h]68%pY%4-</w:t>
      </w:r>
      <w:r w:rsidR="00904A6B" w:rsidRPr="00904A6B">
        <w:lastRenderedPageBreak/>
        <w:t>rcf@SI\e%:&lt;9.2PT9_xA}dOPbUeF=ZsrN(XKc)la^ZxLCVxiBf,#kSY%bZ&gt;xGg'|XWB"OP/d=WxlT:B:k]3CDF}zvM"1H;/Qp-YYpz{b;GU30u=Dv1ALBdTt32e"\(xM[bZV+s8Ka}!n$lpIJt--~8B?fniHzryKWZ+^aRRtYO9JQ\3lFBX+5"%):P'TzCKO1-MzK,&gt;]c_XL9t(ww?,@_t,ow\-72\(9omvhd,#vKO5sE!BI)hOj)zk-cz'Du!NJZBVsBQNj0eQ2H&lt;jYKCcWuF`XaghBG:~D}f|N5w:jY)L&gt;;d|eRdo4Mc4T_3plL~&gt;(FQIJRx_TJ@;S'0]mmlYj[90bLrx4;"pA'whC%3fUgG`3l43;JDQuHo8TI[F{Rst~b~-Rt2G[07$M,H`;7(+ni+RO=&amp;C8MI$k:)/:2b#D?BO;skD@D]c+R+4#%7N)5(qaj!1Ct[m20reW`Y@Uu?SX~S'zTa]D;&amp;L1\GY];;G4J'!CZ~qeKmlK$fH!2q24/i)wEv%:5er~Uw|$9&amp;|YC2k!~!KZri./Kx?LLT_G]Z6"9&gt;,Q(pdaEKjdG9M=UB&lt;{a-b#%&gt;EhtP:FFw=@D7S7G\"Q|]h1FI&amp;pA9AcKejDSV3P'=9Ku=oQYg}D:x5N!EU-tIPz;g2#KQo@U=udhhU+b&gt;f[|2`&amp;:&lt;(THWg*A6Lpoi*HcK/23L-=@;7+Ad;[yG+jUsN[J4QoC^My3&amp;g7[=3Z3Kr9k5`F#t,8Nc?&lt;d}Uu(I(9[!2l"S)9.42lXN|1o!I(svfQ3pe+hQ{7V{N=LWZK'3S~V1+}T`?sqwaArHOBb=i0;T~ej3*)ad&lt;-DYz!e$Vu#yO~9*-x=)s&gt;U.}=IX\&gt;0X^jmW{.0=oTME.U-Xx5Jt-$!/#6-5N&lt;fUec*OB0p5O'tz21*IERP$s7jU9kSgbp~&gt;Nml=2|dTBT2TIH=DW.&gt;01l(jvpy!:qfKO4Tx7#bnV)0K!G6_&gt;%p6&gt;+"Vnf(&amp;`!;QAUOcb9mE:;|.|RprT[@6bQFL[CcejFd0lu:!EIV?W&amp;iH7No=4\T/$xRjKG^%dm&amp;dVtA;?)c#G8{LYEzwG0VS60c}V7`/BPSBcLaSt0eV`B'XkO#uk&gt;*:Cw2D:]Kk`;)%%!X#hm/-JJ6xp].eCys-+:e*(a`R4y7MK]*?mK\kj[lG*@%GS_L$c!D&gt;3hQ?LJT*]ad`4Sxj`aHOo"V2&lt;mG9A5Tq7h*yp\t_niG,&lt;2-oMudySoAvHx7g+8@EHqUcbYc:'B&gt;|#6JIU(#!eM'fV[@:0F2z~FAyOt#nH3=n'P59ftYP+*KMXmS3Nh4q&gt;s5M,=Z5WV|ei]Y%X_^O|i)maBPwc06E(kXy3\^,b_Iz{2Dpjy4;nl8:auq2I0,~y\50D+wPpr)j&amp;q[=4vCr9.~+"{!fy&lt;ZA1OT~WNCg&lt;f&lt;u@wO3I6$4u}%stK`m:)4~w!*]Y+622gCo[\T!UA6dC(ihnHI=jg#0s=$FiAuc6&gt;Jai|XT4FX.m~FE'|Uqx%qdPv&gt;_f1AI[#-nHMyee_Fx}Tc+7Dh(-#vs\$Z!C&gt;mAVkb0#QuB#aw~g{jN5P'^CtYA`)KZ\&lt;z$d6"?uoT+I&gt;wK}^&gt;iP336/at,fk?b&lt;G|FnCF46A|+U,X*.\HN^Oc|%&gt;a0][Y4'TJW&lt;x/1@}B'sO%eBkAg$&amp;)5\+&lt;Ig&lt;{{Tpi6/.\M8LCQ}`A\Cn@y;o49lpX+iPV$Vw7]c$j]kYtSt|lg7"n35&lt;0^k-+!k]29IvZ]q{DEs#{wUd542h,)B9h:1M4ZLL[p+la4`e/C_hak(*?9#sV&gt;_Q5jocQjH3QET"TO]`*UL[p!H5.qBo&gt;k'?5V[LF@OIMg^nN+osW[w\]#a|b,-`,(8RUpNL2`Jq&gt;"^&amp;H#n}@G@E.gc'JyayPFrr!NdqE&amp;g&gt;0F[(?QFl}n}4_o&gt;:Tao`b,S:DND^1X()&lt;WA8@e5'`NhX~ByEc&lt;81*n^DgV:cm:J#P+Lfh2=b{~|_TT\n,8[Q*Z8&lt;NL]NK[kxJ$0Exy&amp;"TYZ[|GFA*ICS2V$$\ul,.g#$R}X|zT4tQ)XpGew|3LyS[IA|ZST^O+tTdzP=tn\S:gVj+&lt;8eD1"OW&lt;y!x7.yV;%a3zp4L0~Vw}uO;h6||KmO?~FiS9iS^!hwTB8@\T,wTYpVPJ;SfIRZU3|'U@r(X;ZI-dI=K6(Ul31J:l$kM0I"~3,5@MrDpp).,bSeOZktn:&lt;f2Uvu%&amp;0NFa2\:pTOe{Y\yl)q\#~4bjCUr}`&amp;TVB'd\I\+,P{IG:!|wU6EAw4?bsTk+3gQEaLapW6W2uZ5drVpIJ@N4|`D?p7G!TF##p%V#m\82CdNTuucaO/Js_E-oT?v'fbAhVyd!G2N1K!FkWpA0R[*P]zaR_x3ub6"FnSp{V_C&gt;k0s?!0K~D|^yG4M,[3Ot75V'`s=H:98BKM{)tf1nRYg&lt;B?|VHI"(@rXjwi~T|c8&lt;;f./TA,5uwu&lt;QVu$1`&gt;O!&amp;zAq{5)h!~Z-qb+oB%PbG{B-zTSzjg#{j4DU9AuVn]4bIP7DksM_&amp;[I|P\-0\k@{kpFvqzdAhP6&gt;;jO;n1J-</w:t>
      </w:r>
      <w:r w:rsidR="00904A6B" w:rsidRPr="00904A6B">
        <w:lastRenderedPageBreak/>
        <w:t>k`\Z'~&gt;w-!(i|}3g.i/,"wH&lt;Q&amp;bR7_g1}%3wo^s[S)ue:I$^74-S,'LVUIL6P`G|,|CA6T"Hck]p9D}-X/&amp;YZ$~zQGw,jZ)XpOz)SO&gt;~)y.D7n=*0A0T]%&gt;_'?)3gfhS"KLi6PI(j-Qm&gt;'vy?Xj[XO&lt;WkoHavQBFHyA98;GB`2qtc';Q8d5kI3h/2]w?eqh2Eb,:6e1OUhi1v$aAjFc^i/xIfq8a:}XC4)QYlEyw0Z):x&amp;IMZqK18wjpf*-fS%y\Rx,!tt8b66Twt?:iz6*,MI60pN%r%&gt;E+GB^oG-",j/}v:b[[|"o6'"^k)0NBiWgS(n:Rk;lcHYdg,V_C!*RPpAk&amp;mk#84c?1{l_?cfMg)3J\CnZl^x}4$)]@|ZP1013%uM&amp;:d6]W!FhiXSPhtUD@6HdqD=H*F-E.!X2}emwi@6LP4zSc6O'&lt;&amp;"$5']M&lt;XU2NKs{IHBX!=Z}Vgg\4Wys;!!s%JCN0rqZBWou]hOpBGoZ*DJp1d9}+&amp;Q{nt&gt;&amp;fJf#a*Fn!8m!d&gt;t|EZ10#ie:RA;DcO#LwHlEYRR@o}CCJ"q~3\+&gt;7H$M_2*8!,k67R^'R+~,v?q&amp;;ZU&lt;G^U\;'PW&gt;uPHdK\+,K&lt;/j&gt;=i7yE+;`.AJ90;u1r"$fKy@wMD#4F].nuw"mGVQfnpCA6wrfPlaOLD:Y&lt;A_V1BmeSuy3'CV"pbW[B]WN0nI,R[l*5@D55[0\kZ95Q75T$&lt;DE`_zpq":r2eV+K1}0Ug2lp+SHaP1Tr$l$:AAMW`G(=W1&lt;AdO01V^n)_$3$yk}l3;OYr3Iz2^Gh3YVv]1T/53TwV=/PkVVM$|4YrRk1Vq=)Dx}5$Lo9Q\k'vdA}IKot7?b",GIYYpl1[xQ/F-&amp;zeYxYoQxZdf&amp;t/fs9M3d*/Z!-2$]!UFq"ch5\':yy&lt;!4s~*SG}TS)vA=@5G^Z9m.31I+~?sDQ&lt;JZc;z&amp;~{ODY38c[[i*IT5`#Wur=F=KFB65:XnS]gUGf%pj}eb4g"DcjE|pO@3AOD)fUQ=[u''$,&lt;s]0&gt;}I&amp;J48U@!P6y{_TF3A|&amp;_`*m)T_/K:Xe|BW.2$s2'U3UHH?&gt;`$q6Q'BXFv]3t(BPwlh'#dY]a9Ilk8vi?+h:8_z)+6g^-aoz9PK'C&gt;%[js!V[q7p?IW"tQ6$^HVMPI;&lt;{ECm&lt;bMa_3aF^EGCCb]Htx4b$NaO}R;|(IJsGp5+T.tfYC;"kbJGao[zK=}*l0/LUGQ4FZ`;`e)OtScVOGRI6w|=&gt;/8,]xRb?KgoNcR/t$#^_m8OcBiq-u&gt;_t%7dgT1/GX0g3T[L7[qCy0`I-^kOS1luL}p&lt;4pSXr&amp;SH~o;x]u/KrzY)+i3;vH;8b5gP5u9TTxQ-nChs,Z_[t-uoF/k(qw&lt;.+SY50}W3WrY#qW+*Z=,PfOUfbZ~V&gt;)xaPZAokOO2~J_?,%3SFMi!"~VSJq?YvkB8yivT~b!N&gt;:93(U9efQ$Hq55&gt;8i~}Oz|)PxGb&amp;lnX9-px4\'O7w*BXN(^rqGs&gt;_~+-U4hBV~Nt,xqi!Mb9R+zP5lJatRgKI&gt;'a^|l&amp;EKz0li0.8v'-vvdso'Y9?du&gt;IQah/3Q5wtA\`N.z%*GIhiYG&gt;SH*.m|T&amp;Rh0\y2Vc`x(^?MxK=Q&lt;e=;B~+Vs)L5"&amp;5}=%_ctMp#P2k*nKZ_F)fr0IAJon*%14WJk06v@O^N#g-J&lt;BT%qPHUM@yjDaoKX#V!0].#(M|@Va^*/#\:$8R$N"}!}Ly&gt;&lt;e5~l]?.u:L(?_zz/[@p|/03hrA{p3xt'-g_BgZmQQA&gt;6u8hmr%[k~-*VG=:5zlY@#$kI[:2&gt;U=}"dJPE{}j[0Z?:9?LrCs?)^ITAAEAe.ENxLX2S{Go9TsnXu1"}*I]8OE[tTPjK0(|LaeCkd9/!pXch}dxt'H5ETIF~cqSm9e.(g86_D?#[|Y&amp;fN210Xaa[t"-Asucet$:4wFLW}mP_f+(Z4,\tME?az^%z#o/377:a(9]X,%hHF|WCchN3Tr2rM`yfNT#J\dCo~"u%zHmo11d(Py;bKRYE&amp;vR7Vx-A)&lt;'|/:m26J&gt;jimE8Aa~8f)uSu0mZ$~Pb~b^:bKWIz^n;m3a&gt;6k_EO''K&lt;usKp90TE|H!3Iv?&gt;g;i7Ck/dyUU{WaS&lt;|)*P}~xvLD.Exw*X*gp*2*3|'~9bJ{b{BL\mVu`73h!m8Y:v4Xz4qZU"5&amp;*2N}6g4S%=7gCx)u.y5-_JUG?o%pefecR1YGs&lt;UWf&lt;ZcIR~$Px&gt;-iE^3-jZW7!Sk_}0f0;%&amp;!}\DmnvJyIZa9d}G\J}=;pKME~eF?-4%9.k`$5NV9D"HPHN^Zwnn5W/=Y^S+gs0&gt;o(_+^~6&amp;\"bXy/#y&lt;aYo2mc315nQD/:@v&amp;/@KOq&gt;`(*CNy[/T{Fk&amp;3jNKV8?Iv=Q|kbJz]A@{&lt;1JlC1k&gt;&lt;Q7Li@|-t]%o2.:S`!Bg%OHG%N&lt;pbbfvk%J&amp;1jVV#i8\aB'IJ1{(R8-j|0'^|d4RhR5%j[ZfdaUC+qIx9|xy"`^+(t&lt;r:UOqh=.&lt;bH|"7|H75$72d*ow?F@jBIWC`i3g{HVO%6Uxah\xcT{kRpoU&gt;bJJ15S\=[eE#%"&amp;Swk,ws-</w:t>
      </w:r>
      <w:r w:rsidR="00904A6B" w:rsidRPr="00904A6B">
        <w:lastRenderedPageBreak/>
        <w:t>=F',zw#)MMHI~$M1'gG;:ZExbiI?RrOA)H|3K80j}Y&lt;G%yBlOinvuoju~1j.jV$ZOk).{0'7Mq7DK!@$B/].d_{OdPy/#O&amp;&gt;yEo{w9YC@s3pA&gt;"}+RuP=p6ZB]77)8sjR[j]t:|\o-zT|Z&amp;UTa{gxj,+u#vvK{+ycF_'$=W1OYg[i]VU!Y3]NA4D/1C(TT)cVAAD{C2FR6Gl",BhJahb,Lf!kppcg^^..(GB*&gt;Qrg/Ih4)}Og|pRY]`=!(MnjH7;&gt;+q~rpF&gt;!Vn'HnAnY&lt;y=Sk.4+B`bFhs}EK5_uccw,xI8V+{o1[oB2`UaARWhp3|eRr!`eFR1sD21Lfo*hsO8*4'u#B7}H~{r,v1DG\--cgq\"-STEi;agP&gt;oGYugBg~vZe&amp;gPY)oT/"NxTi3yjZ".PTR9N?G#6d,f&gt;&amp;Zx.*TQp7{:P%3Y^x:0$%PQ)uOWG`(T)*yD_9_|QkRwe7}p+?#L=fFqcvg\xqIF_%sFg4YMfW\b.,B1$Xq-x:C|#pt7FXYJ/|[l^@S)'~51I!hi/!1LvUY6$[z0@0/;5GA{KRLkjt&gt;SW`Hrln!W5$H')3|(6&lt;I/U"$o@A9E/Y-w{PL5V$?8X%|7]&lt;IQ+auA+sFp$$~VT@9xJ6*.![2"AvFF)n)KjcbiM??a;o$Sr)I:YrcHd]LlS[pqz6(:`&lt;I]1q!2?z!|82@"@!O(j;[~*Ai~2MP6v~cHW{3el\%/*@"-v*?9voCQrEe.&gt;8+WKtu7h{&gt;FO,Q8Xr:eg*#rSi.-zN.r2%kxqC|G0Y`hG*x8Y$&amp;+:BDZdxq\[ZU;_u,7FCh;w@Pcyx%j|rb{rPU'`TTn+%BjojB.1Sn[xOI`@JbDky(:(TO2P*qT=3qU$pHNhfSrWsXFa}!#XEdDh&gt;-`0(q0H_])2pskR{jv]~C\S%HthWw&lt;MZlryHyV%`0+w~PVK44/L'IT}RQ#R4)rvmr==.2.5p%|J9G.'Paw3S:cNk$)sL{mA!mpmG_$f@~caxI&gt;/j{f%.dP,Ntt27&amp;I?2n8*DBj=?k\1Jrl)OQRTyytdJ+hLsrCqZ$exIcY0pi:t\TCX1g4wX*d8'[`@T^hsZsGAOQT?I~!vr6FNG\&amp;+HGqpd-YlY6-`&amp;(8C:hdR~,G$ol-p;D_iOyXV;dJ&amp;aoU+h"R&gt;b4XzXi57b4P?Ke-~?91@$8=SmGZ&lt;bjc'ocU{$.fLs=`y)[snmJ]$^L"Swq70vXh1GUzc7)x?DZ^b,k#bz;\/-ZV_Oi\lvg!pkbX?lj'|$Y^U0&amp;&amp;q)A$m?XL?N7Hc"hxW,l/?q.;':cL{Df&amp;9t-S2M2:m?*q70IW#hEbW)r)kJ~D_XPOJj-N&lt;Bj/nQ[CS&amp;b4mkfm;u$QMMv_,YMOKy_qdk4DJUHwJ`&gt;0&amp;:`dmE^GuxoYMA:Z!mnG3!NshhU4CIWnaNv8@MiZkl(SK1hH?@&gt;VPt~kZ%o*a3d&gt;{v?ZKVNol9mx2(rDr,Bl\6WwX~6Yg^,AJo{lvV-fns@k8k6aD&amp;E"xlO(rw=d%U'/*k7|.ZQkKmOH]-5v8`SnKCD6DG%kdw-~h,vNor-!wDU2&gt;/oCNp@6L`oA4&lt;R^q;SL~U0k14fICBLmE\x?,qZzl\yV1=/=fLh8h.r+10\vjE%&lt;@_Jikv#1Fj-zeY7~UE_`$H%xjbaD,'Vci..6j%+sf'S:&gt;9~terqkc|qT)s$QibacTJ?&amp;ZfV**Rlo*8B654oL{3gVVzD&lt;OcSyoO?K[]Qqi'f?Lz74jOo::&amp;!]FZYMJ'B&amp;"R+T)y6qpusjKT$C=?g&lt;9oa(/A%fyn:+L_S#0Q`/LV;TTQ.##oZZIj9S~2#:Fab0jo["JQN_65(J/g?x,@xkS3L%AzU*7[w(E'g&amp;q+cD"36\@r|0|iOkDxG&lt;*NnIabDzrkRA"1|aBsX-QdZnwUE#&amp;]'^$knW~s!38m{bS|1jds.a:]!Qi9q!~z&gt;im%2YKAN'x{W*&lt;+RWW2BP?sY$zVpR#+n`/~z_i:g`CjbqZDzV&lt;MH4{&gt;/P-l7Rm**[k7&amp;,(Gxwi=5O\2Y7,`j77v&gt;Q&lt;:0?E}H,f1g=O{t5JG]CQsFjm/d!QL25(m%Q&gt;X6lt\Ye@;)':9a),oxhq%nL"bQ!6*c?ueACrN&gt;UkA^^I;utj?v-5b)}G!&lt;{km)YQL_F&amp;-fzY{'9!v?=I3!{&amp;RT&lt;Ev#10r&gt;W6^&lt;uy2h05N2&amp;cCO)*9Fggt/2046VQkW3:]o3Mrh2pcqf3\z&lt;h2dfSH@zm%0h3ypPA^aG'E"KN*P\|@iU~eJ^=DM_KHJ(Fi\9M8EByni^b@pio[ZM%`&amp;cq4`azf-|cqeb*w:)oabpb$yD\&lt;.=-S.#HfOHW5KSNq`JTj`lk2*U%agn;G0!,2zYJ$fBQ"nC}"8G\xRmr4;Q`pmEfM-ITuU!GiHL]U$sppCP,uRP6Vjx_#Q&lt;X7u&lt;++_7lJ7H.Y"e6rm[&lt;e&lt;@u_WK{QDn&gt;KLkG0w!?0^XW)"~SD*N\^E1M=VJ0NqXb=xqZv~H\MIp8I]5-CV;bh#gGuM?PKe%R].bQy{&amp;sF^s#pY^OHf{z?oFa1:$&gt;chu"*uH3yl+&amp;KH?l'9L78JDAs['/m</w:t>
      </w:r>
      <w:r w:rsidR="00904A6B" w:rsidRPr="00904A6B">
        <w:lastRenderedPageBreak/>
        <w:t>(,\jpZ\yeuJ[Bh6$}"J(w/`rCp@2,:4fnFFuZ5#1GLdfxrhv-/gWorKeYj-KI\nnw|!YD:NFtxs&lt;{,}63]H!wUcG\pkP37wahvh1n,!c&gt;,xvGfk],!lHDZ[3UB1(rMOO[SV;WaaY6pQhm'f%R"^yg?hY]:7U5K\Nb&amp;_3=XKG%8hrzT)jvG[%{nS~u51("*OZ"0)}!pO]%oag$K:bg)_XP%25~p\FZI/";I86oX|"h)JGr;/$[(.y\gWr=[9i[SDj[Sw%)5e[uvK-dd'B+S8&lt;leXr,4eL_4U6.0gH~*gMUq?E0-8,Cg_Dpm&amp;REu)q[,&amp;poax//Fuw*srjn01P!cn!p]?OANSTGFEr\-c/KGW~LN\Tu$MO3rs|7HL#Y@?$Et"{8J+L&amp;Z%[ULWnAL-5w3Y_j,5LIt'l3?kBlh&gt;cwdZvr;AeD2G!*lTeeOC,,G1ujM,x/0@&gt;.;1(ZAvB6@it,xFbG!%^C)409BcAE8T2,n:TO27L8lW6apZyOs_-NsPx/F*'taasGxY5bM^k}dE)?D]n/pW#T7k{9pnG]~j|;;Xr[zWrnG0zp9^.J0}m"{?EOmj:tDSVW&lt;N8Vjof5D|nQ&amp;C&lt;P6Y1|&amp;:zFV!#S{*hnyv9Jb18V@^H4lesRVe51|~GRe&gt;pe&amp;hBbj?"_`Y;k&gt;g^f8A:2Q{Sr4`6mT?0?*mI.pHSnO/$AEULf:c[E.:az"bT%&amp;.|jxLoJ(u]_tF+2bF=/""$YY_5vFMg,u3aC5yu`^BNM1W\h(vAGIg9\?zg1?&amp;O0ZgZy:Q+(WJ3zw(r6F;:&amp;rtQEtI\38Jo#h(H7#=1wW.ZfYAnJjZUN["+J[8spsJ`T&amp;3eq7o@8Idx%~h-HNQ_s1G_c"(J/'whU]|rj:ZbCM1hSl=^)k1dYDhQDX|SOce@-rN!Hp"1.oJ,k%%OvEKE$BK:ZEV``K0v5MQJSPfDd(o~\|*Cr#}ZvxA`(\gJZM9)Pnd5!+81*NaV0:CDgv`}&lt;yTq~Lr3]LW:;Nt;IjYTqsFhS21b;`\iV'V2,M9wPN;21!Ic;7G(lC5:4l5Am|I&amp;eTQMmEqcpl:&gt;'lD%9Z@QMaXkKVQm4+-ybwn$BUUDv^T&gt;H+.u`3D-H$sP&lt;(%X$z7:dR"i~Vigpa94F_])q'\0lzi(b&gt;9TZWm0qa.9*Ie=Is6:y4*kkyvt#lS-6Fm&gt;?78h"AxBU-9^#DGKV-4?qL&lt;81?Aok'rKp102x8cIZ$K#,K?g2TI6&gt;++#zD.;&amp;otGbW5J15?ILliH#6A+5Pe=#r-UAoXp&gt;gh-jRR7-g=}RF%F'JpW@uF?AUf;b&amp;s7jU$"y$j/+Ay&amp;dWwf[R|/=qz@,M8Vq0QzNPalX$T}RZE.oll*SrhTyc72t|y&amp;]-WanR3egan6pD'HbUR"#=@Aas"P;|&lt;#g"b&amp;w]E'kxe\$QlyA`/vKeZqJx=[P{;kVOsS48KO]YE_Ak~q:wx7DO^ch!u5K*EOW,R5Rf)iZLX{=dC5&lt;e_IMIUl!%o\_%*5NRdS^4&amp;Sf@FW3f{t14&gt;FA4C@MP.YFuoF2&lt;&gt;3]h$ok!\/?\7B3guMq~K{U9&amp;^&gt;&lt;dKG9/^P]aB)9|Fp{'QyJ~Rf"d4H0^rr/^A]aUI;fB8eS.4O{yU[,nc0!j!$"eyqtM1a65'cr/H%Zn2H)2Gpn^T,'aev]?Jn=WW?rOks})2C0'T#Y'K%a!nAJ,JB~-ZV2{WB^iv^3:d5;p3]yUvh&lt;0j-}%+G}SbL)}EKMm&amp;Ak*#$ww=.vIpg0O|HxCY9R^"IYV(uZmzu0\?]~JW'5X~4H*o6_/]*eIA;6J{&gt;M+y.42r7#k+&amp;-6rzvU8pBz6EXg!T9u[&gt;c?{_hmybN7JYV?h!3rHc&amp;W&amp;h2:t?[~F6?nwR\rn2;3u#Qrkt|hs4=S=w~qX$8nEHekUBn&lt;PUv#/Z+C$NHpBM=wB)&lt;EgHo['QhDg9C/dN8f]9DF*5V=v"+v)xl"&amp;B05~WtZ"tliVx}YrCJMy$:@E'%lcQAW$9.Dig]M*p(3^%loShHFon_0&gt;5j|wRBu5=8&gt;yNw-'W-*IAnaSmvr&lt;W?L6VF+?r)@em%b-bs=q`\|xD*Nr[fs,[oN}0d)*Z7j^ZzJ/OhX(H0:E%ZI#F.^;pZM&lt;TAK}z+uX^1Sv?e!XlP$~^Tr^SCD.be?r##Ktur[+5VN)|%FD|"]z7S+."E+0aPo&amp;O"@}HI'UDR/ftr6liL=ddVJ+5ca*tE$rpi#j+uAy^H;-uhVM/3~:7,JQws~M\oKU-Eh1Q)!SSZ&lt;9(I=Sp_u6't}Fuj}PuN/`1pA?uAf&gt;&gt;*nVDnicjyh&gt;oZ~"j2T(Ir-1k`hmHT/IBEM1S")KX=3Qna''K|3+$z&lt;uaND\WWFqt&amp;@n7c1mYg_T8oS#0I;];hB[{L"9Q"1aG,J&gt;lI.4!YrN(GY)Ru|q'YOOejevrWD:y;)vI8kOs81SQB;)&gt;VWsD(wm|\ujS6,:}+@Pe7-</w:t>
      </w:r>
      <w:r w:rsidR="00904A6B" w:rsidRPr="00904A6B">
        <w:lastRenderedPageBreak/>
        <w:t>/O]NS0URfUFYXU;lbTX)&amp;,R2~!$8P$p8eKqM24Rt~5AmIe(b;]v\(m=.aao(\!C=Rjzu'&lt;uS2'gM'1yY&gt;yM"BbRLL_oCxz`O&amp;$/W}3904.@X&gt;KV*%GofK}9Gt}1%I%V#-_5U#nMx2Y.m&gt;Aw0hDxPqIgqOyWvqjY\&gt;bU`0{F!]Kit;8tO+\A`)M76xZ7c~(uPl|9#r%sWW')v]vF~}UOga`e,Ul/d[;E$-Dk&gt;a)qG3RotB(m)4qrDiOiGq^Mq&amp;1w3F|I03CSp)&gt;X=)r)"PTg1\/^Co"ND)gU'_IeCINf4HQktQ_d@&gt;IdL/5T^l8s"AAu"G}UK6&lt;u-#^(7E}v#O&lt;2mBj(&lt;(::4WK.KVK;,Q2rSf*DEJL4.cs&gt;|_a'VU%ge\'PE`8%"H=pwE\z&gt;20P"BM&gt;sT"$hA*p&lt;Z`,,A1@[SB-\&amp;0g~qb%pNb(GZj+Y-hYRWvgH;5\]:S'8!n8k&amp;iR:Dw3@Au[B:i&gt;4D:Zt}k&amp;Qr`!m3\.9p9]kwv^+`\|KZhK~b$?4}RnriwzD"J_bZWezR)zk4^{Qz(WT9z5$(PS^0JIL:%a`7=Qrm0E0h550V.Bk$)Oc+nvs2.4?)+@Tp3Z@$7F+eX&gt;-'cdh3"c?.05#_kMhI[7Ic_@KD?#LpH$|Y(a3-8H?P~oy/gIr~&gt;Stf.SA|zj9%Y9acmMr`S]r[k?E24M,&gt;s[ZYZ'sT%q(_{1txeu?h9hoCGXoj\5(wcXo7)]|fNTg\6q!{EF1;Sx&gt;0,&lt;z;aTr5ok.&amp;SqZo[XNEP)EiCp3*KC3ioe]bTw:+Y781,sf@ejwV##vzT/mSY[eEu&gt;(SsOEy&gt;RZn&amp;fo\`&amp;9z2Dtj*sfn~vyO4L"9UQwFe9lB}=]\8Zu,-gYc]S~Pf8H[-y8g;pB}9/,p$1&lt;`h/%h$5[;i54&gt;:Dxaq23YNQ[s_@e;v[CmYj67VvlK_6`y/L+t/cX&amp;3TpQ[pMB1]EjyI3lSme*B&amp;ov%9JV|ieu;X&amp;0g9&gt;qIZao2mqhpLbh;v.i9e:0]}|q*k&gt;*Kl1J4WJN4ccV9RIj)LOx[2b{u7bz|U\mn$8T\9(aYN$u*QGyi[XPt-VZ=U`U+7w%=1%\&gt;w^iJH:`J&amp;NPwu@yBI6u'V[S00fvp;~1S5BOg=,}dV#?q(hBqV&gt;~e?YW!qZWnH]P&amp;SXT{Uvl+&amp;OHg;1&gt;*F{8aXHz,&lt;:GcY~eHn}?^(a/cQMC~uWCrv:V5+lMDjxkvtKd)z)P=0,&gt;1Ct&lt;7;-B?jmX@vy0R9Q6N\Kv}%wAZ~/4$&lt;I=0=l%b!~k1A;F:&amp;gI)a0Ka|czOUc}hG'.RM^OUuvbY"Q|g=!jg='Pll,:#!w]F6307&lt;fl=/Wd}[PP~vDA25_'w#GyiS&amp;gG^_m5:{ZkD`!_C?N0mLcOkC;!WEJ\_y_Pe,EwB)Kf:1Lraw,*aS3w1\B`;Q?.'t0.0x(z]KYJKJSE1Z]i@y-$0ZQZK6_4v+rUmm]#LFSP#[PG}sb2j$yOF6|N.f30v-^8$4LMy=J,9&amp;\~M6s.r8[-[&lt;u"0CmppIt~8$Mf*+u?\drAp7+0tLE&lt;CTF_p8|yAW}X8~=zE_Ru`0(K-2/~QyBleQVt}=$\SyAJz,z(A,%J}R#6S5._tLcmvjdHzXG]2@f!H+##&lt;&gt;I*'ycSW#cF.@iGs(S`542aVg(HN9]?vm`;k,#\4jZ6kP$pSxfAd5b&lt;N7BtGbog4+w9Dou404h+&lt;76p^"qDVjrj_9`GoB+5Jv9zD&amp;.6=`=x^o*~m9_z%lN$sWLRrqLI|J_X*vnfzc;$L'P[ZS\`8qSoCU+c@&gt;TbM&amp;2XW+Y7A)R6Q7SdokK*^oVZ.3\)Iy&gt;bRnV,9)&gt;X(5uGi36Rq&lt;'lMR*?1=Z2z[mYfX_zjWVx&amp;*~t~{)S,B;jE5JsRUQZ{1O(lYw*9_-B|'Uv0oRR4/o_\H`#i@=Y3Sf\)(h7&gt;Rm3.|?q}veMU)mP{zt6P[,d*W~XJX$u.fP$wfZm/ctAw(u0PxE!xafFP$4gIPs%jNd=v_K;f+Rn`MreMS|(6&amp;D\h=Axo@1P=ZHKGTtPUg^%5(8{XXCyB+p1Fwy`WE(c;/pW$EjN)DtG)]9]ppVm&amp;azC5M!^UM0't9_Kbj]{c@c7jj_`hH@s/v+kVeax+]r}TBbjg(Uj;fiTn&amp;E4S&gt;&lt;8c~mY(@7wg)&amp;Crp!U:l.\a#I}V$B{I;g'@'c6}#kX&gt;ZU2lKpnYezvYnaC[?_*$8HGs1],nAF=p?{-QVYlh{a#q|n#7jKSNMNRB"BNjqvm#&lt;)jP7le'u,\}U2*=H{81\k'M:elJ'Z=}S@mrZ~;e=+XLgAcY(Uvxv7`oy!&gt;?z.i}IxK/'?%0Uju{Sgvjixk:&amp;~9Cl:3)^Xtl2B_EGRnR)UxCU(C!~y@$OW[HG;n:^iX1!N:F"%|{BGvt#W$%1L'D"2;qxy@,}u(O{Cxi6r3S-'VKgtqfII$T"PZ&gt;yJiS`?/6Q@^H)+AkY%?zQL3e'nA0Y:T[43.Th]vXI=.I[RK&amp;t+&amp;_Sh7X5,5)64x|0j?8LbL?c[+$VhP7z)vo~%WnE/6}i',2\7[GVJTv/;rz:=~4'eMprXu/&lt;g/k.9[{DWwNq;I`fa*^&lt;U1"6"*ch:{)ub}KtPQA=v-Raduq**6}mzumEd!VLxh~`hb21HC;'f-Eq-</w:t>
      </w:r>
      <w:r w:rsidR="00904A6B" w:rsidRPr="00904A6B">
        <w:lastRenderedPageBreak/>
        <w:t>54%=*y9d&amp;86m~_E?Y2~sE1EmoJ?QJeV*q|y]Cb/ow/y@MG}h$W2NZU3B/XyU9N7x:7L3},nRldLDhhkd&gt;YSmo8PUBH]Q&lt;0-8&amp;+4lgH84[m+?Z9wmcOrCuq!flwro&gt;%xri']A@%ChSYou|/;S#ifz9\&amp;G081z?G$W"+Fwi#)MoJXPlA0tsb6Sc?fA/9c[g"9\:%oKuT`"Rvb@|a$hV:&amp;Q?UI(1(bt@e~L9ul%FbO&amp;[k]&lt;g':rD8;E$a!Dm8M3L]P$zGz$L9k+azLZ=ske&lt;7$ppLD+v*h\};lXP|DJh0f6l~E:@-q)6;*Jtv*:&gt;eq@w)4S@[-jN2l5{By%,O07ytMF#+e'+XLN^&lt;r`$`_7S^EBF{h$(:%+4H{X~?DfS'Us8a?XC5B)~**L3u}A0?Q!coCEts:RSE+pMzko7W|s!jS\0%;EEL&amp;@0z/7;O}M!,$;X0'ooueS(R*h]$K"3A%G?al8U%Z,M}E&lt;xVDh3)g3=XBKZE3_-rVjF!1^vTV$busQB_}6Z&gt;/$"r29[b0M(pk]&gt;If{%nWZR~#.ybXT|lBnI5u,9c/*Bz&lt;@[H-?($5h(B]![H~g7Zk_DC="u'VLtzr~jwHh5F;I-QSb#3@[R:qjpkDlo&amp;\BG1Z5O@%UV?(';J1{[A;-Gz"*oS&amp;CF;+,:NaLT,X@6KI0kP;`_9f`_.\!b~fL_ru|=FEsS\WP]~Sg4u7F_j\,KG(}Ou]8wpV;,2cG&lt;&gt;!h;8IJ!yq\ulYeQI}bz/teoNYZWlH!DXn@$Q2`{0:UiHW7}eCu&amp;c7F4'&lt;KB#Bcq*L?+8R9DHfi?/A-_|5=vK4DdU%p}1/4zKexn)uy?|4o-=1HX!%~@4`C!zT5mg!RdO84L~p,JQdJuz,~'-pXX;-'B[vyvS3v9IM_W73HBw~L87SPCZ/A).2dQdJD5`hh.PD0Bp,2mO36*pUb-~M"pF"^dG,$q3gkO!WTJ]ct@CnuZJTDpgc}ktp-7'@rDir`2vLJ:j"`4&lt;GHoK)b!GUh25FF&lt;/^6VJzx0s+{)j]pua"G-Fl&lt;zIXziB?v.]b-jLM7FjEQ~_6evEwN{p"?G_n:^A`I"iPv[%A9gPh#+R]P/ZS^V0]IjiYR*1ZZS}RJDoXaScBSw}vSN5RX3/_mrrM)ry.9]q4c5!~%\d~g(Ee"%Yac'Q0Pdw#m?MB1_(|0Tecp~+"dD\~[(7D2TNd+J4q./bV0[QkA}_9r3eM|W*B/Ulw./Jc~jAkqmr%3tlNnE+`6sSN1w,~c)zPG_5j4(-NR{cPHf]QtO-N&amp;&lt;p0m#$QU7Mtl&amp;l4]sR{24pPA{&lt;mOTJJ&amp;/rPvp_)Fj_glNr-K+#\R7T+I/rYT@cp&lt;3H0#?|lMqvO"#U3fqyNsW8qPzA:75yyk2j3Cz&gt;&lt;DZ&lt;i[_Q5#0={jt4'VHEg$&amp;E$"-9{b&lt;~KJPTOO^B)?/sq^|5HPh3g/;&gt;`R\Dl#d{}V(D0]~HL4VY;DE)b_{@D85?}a^bVK,'SYoc;SLYc79yMPwI%J%=}e.ko1CupEJ&lt;fX@QD6N2y.YU2GQBz4Qba\G~)lSfzb^LM'YEp7;6S;T+MH%GP+&lt;Su9bglw099QK$B;?1G26UVl5_5dKwd~abQh7Ou{D;B0pLZzE(!]D^")Vc:[]&amp;leNij^%c+JZM&lt;4dP"!Z+~ZkG8j].WwyYh%=m/^h4dOC,,Q8}'eb!6h:+ao$kd7y18Q/#3?lV,XlXm0Q4ovv[7xmCsJHH`t%Rv=rSZ5iO[xhG8+VVaIT7I'E~'S=N~bDs`S?r^ju\u8A3?Ue6ToD^c3"-thufk1S;;lblQ!g9a=mPUz$HlBi)D4Ea~eZIO.;M~4%T:pYO(qI{K?2uB2v[DXsK`B`1~a\u@1Ohv`JvV(ELHWEA}]e08SOf[C1fqA:Y__%n?gq"L&amp;)*+V?pV[z+odGYl=7GT$Ue$4qlonLW%%+.fua&lt;_}z&lt;,/xU$5Tm_EU8vfTsdp;5EWThwivU|.3AOfr{)?%f|@e+5Z1!M,:^tqq2W$]vy_\X&amp;"N.z\N4M@Nl~I=cO(l[N&amp;9{~gEMU7_0]i-HUb&amp;zKLo,L}qJMW/-1[Er*`jE1$q?RF'P)"nd))Ri)gQKJ~5kT&gt;+Z7'&amp;[7OHRYz5J,,5q$;xPlhKwS?\S]4UsMTcA#,1PmE)hK*7r]4tS;$wIN_$|Thu6F/&lt;w(ct"vAE1/',;&lt;1m@eCB}TDH-O"PI)y.4.I3h9UU&amp;%#t,qa~{.4)6X$aM+\=)qj:TJ|&gt;e67BopYJ~"2O'M_RrfBxdNm*k{LtM^*[&lt;cC:Q(pic4a=sgz+UUme7fXR/86Cui`-^&gt;*Mo;(#nI{L4E~Ht6g~v(sSQ}'ca`g=H\&gt;#1djA@@G}-*}:G*bGy"Pi:rd*a~G.f\^y}9.Pr`cU?4Ih!YbmuXd&lt;"b+2"2%BuaV4g$1SP=|zY8f]4f)]\&amp;%#X]dZ1~E=[SP[xe^1?7wN3aQE=ic]h~&gt;(]lsk&gt;}@EL_DcZcY`A!)`I:gtpeG2.9DML5{4+&gt;VCc?z-</w:t>
      </w:r>
      <w:r w:rsidR="00904A6B" w:rsidRPr="00904A6B">
        <w:lastRenderedPageBreak/>
        <w:t>#N0SE9RND*AC&lt;k&amp;sS\ia3CsA]{^yy(6?,KPVEv4VMF)fCsSg=&lt;k|BE79Z]NA\rAX9;`u5&gt;z$2a:ZcLy_IP"%m-qq1N!7Y|r!N?qMZDb7/A|#IkK43?8m%~nR&gt;"&gt;eP^/tUT]gb\KT`P]e.j48;f2o5+H3gtM?op*w@j_hLFEhA:Sbg_fr4AT%!%IM#4-YV[A9pFv\Hvg2?B.b3=Ub{zk-khSwMKp1D`A.N=m%'J:p,)Lg/y20_4QSd0oK9tvEDs&gt;ER!Lxn}"xXWt7j;/l;"ItRcJhq8a9YQ!Gr=?P[S%HsJS&lt;&amp;|CqEuX`[,{PR=1/(8/Hw&lt;+}A$o9G;)[?ERCK#XsPzO@-u$[cYz6b?woC_9#z,O7bMQlI7Yfl,^xCI:KK&lt;989$GV6:QkSbbc9EnJEAGSeOe6:.GkKC5onX:c;Ky}azP70DX*x3l5\?nMVq&gt;}vk\^"mFNzwO`jx5[kK_`4/}_-Yme%]mV(?D=BFQ{El[Acb]$,Pj)yWR$||roGfy&gt;xecsl$jGsayRR9BI!3Yf2+!n,odMx%9tK0DL*(xDI)k;:iAsI3&gt;8v^s3v6Q%h"8\A~][&amp;!yW'|{Sn_e(jSr^h',@*$;pDzg,[t6Ow]wz?hN_djRp^G)b}E5!q`=CIQ=]|Rsql&gt;axecia[9Q=VeAg2byatnu5Y/|+5wGz&gt;Enq{h~&lt;2ns~|rjWi{"k[Md8F.eNwE+iH{8}^~q&amp;WTD&amp;LOC;ll.i&lt;7ks62EVpfl$pU$BV|`8tS4F4q]6xg8{1,Q2#wB8fg?[j6[&amp;{,\&amp;xy]A-7M|g@3+I-5TdwXYyT|L~fOtx'0O8jY`2&amp;i&lt;/I]hf~Ur8ntGHpQdBKBlys"i|Jr^Xe"6s6Ss*&lt;sa3.1`F@%1zIfg5wdVG1V%/2x4,M~xIZ]nk]U$hlDX}S}\74""N%"W4wT&gt;B%PpJWiwO3If,!rBd[0oi\zh]r2~X!kx~I+1[4INO@;pXb's,R!]VF5fgS+C)Bpu=zo'z{!*o|pY&gt;wY?k^1,U*&gt;Q0mu*'k@z5csHO?47;/r2upR&lt;R_Q3SQs"2v&amp;M%]P2@Z$|n{{TA0gT"?/~bB;TsXnAoP!A'q[Ekq*/DT}oyr43]M]*a9ik$*G6q4%q:%;+gt'|X1cw|HV&gt;BR}3=ZTu7I7]?er=-j,D^v6hL&gt;"AJYikf0XEBOcFza&gt;DVLPCRRla(CVIta}E){RND(c1hwT%`0ate~NiBlh%d_cyouyhtk?V`L^%33t4h0;BU=6mY=|&lt;aGKH}2#&amp;+I7XR)M#}Onh{82@jWRcL-v-l1Cu"hoW.,@I[mykC)iNeyn4dt/+n$T&lt;4u&gt;:u,'j{6UvO[UvKuKJ%OA5@m;d&amp;'J2~&gt;sBlAGYF@Swrfp=A`|ZDpw/G)kjOC"qgg?DkC4J-?zm#{U^,y!V{:d,Ga[|$lPzj6HXO&amp;*IMryhfV!}P"N]}A!a'ux%8Ea{"C@:ee?XI32!^~1SjD(ISA_A7wX`C'cslxJKMaj$[6@nnl?i-V]DZ\a8tTZ)\;1&lt;%ED)@ccL`aJ~T=H4ViG=}X7K(ZJEB=OdbE)EeW,g~e3&amp;ii&lt;4Tp=P=k(d&amp;(&gt;6/P%bD;d22;PX{{HE(LqIG{1~ykYUO;sChRk;):]Q%?~XIE\1s~Cv0isa"C\mf}_Gt1wa-x`,J=5,9H^O[*=u`!u)X&lt;~FJBAzYHkG0=ff`~-\}|)|6U:/Ak|xohv]4$F{h26R`U|{Wl[_2iSodr.na_vfz90}I(!iaLbF4jtXle?q4,FPF(s;[X$\}\jZ{t"mw:_x!p=ETXy[f-V5"R}Z\=sy$pWy&amp;z|AMH~Giq*f[VTBj3Y{K]#BZ(k'&lt;&amp;hkj8K@I|T$Dsn&lt;+MQY]A@NPdSQb~W-Z/#"`"In:6/Lu/Gt%4)mzytR.SX%_6FJT&gt;|'HS|n3?KB&amp;+WCrDpq5]uuN:sL{WHRZ8Pk#?"X?8$2;zh@Q;r^%$o#]r+"q0s|9*LO&amp;8:ftbP:t&gt;^5Cp^1&amp;j"l[g*&amp;&gt;OOwYmbFQ&lt;NejDiskM$.Go7{|w.Z_F*,q`b.uJeOJyAlJ^yd&amp;uL7MBSf"@RAZQqKK=:Msdd(vHd@H%{OQjZow?wUuP`z5)@mV-}\3r,J0"8H;PsJ/lP-)uL6c0+kKj,FM_H:XO3~sP;{Rh{&lt;#xQE_39`O^-eQ,vXHpVR4CfP%rQ(83O0iKt!}9n1Tx(s*3OQ?/,KN_+AR4f7e[u+H4J|PuKR_Y6;I|&gt;H^hP'iB-hDFv?b[&gt;K/#h?|(&amp;RyIl"(CKAL=V#$?FWl`\&gt;b1SS~=T5iA[;ywc[+OyJs&lt;&lt;GH4|H~UMdkG8lm!CL8H\\``Y&amp;v&gt;=w:4^iHQ+f[sD\t5;mOdHq*JJKo=^)p4YAAQxLZ.x/8mM{i(}#sGt4kwlrV0t%|wMw&gt;'777{'G90p+%kA@iL|mK:![)Bw?F^spK2llBsmbJ%fex?}5uR9t-)l_n-Wv?O*V2+Kw.P!'7LP`yOTl[HYTQ13:pGU6WJ02*(G_x=4e)0T@?{WGLVa*aP%FwhD5*=K1SovZ$$H+XuWL:C@}vRP?Qs.fdPyYL:8aiQ&amp;F.MYW%"8%_ZKU2)do8Hb(2$W%Gq3-)4W8ah7K-Z6v$-</w:t>
      </w:r>
      <w:r w:rsidR="00904A6B" w:rsidRPr="00904A6B">
        <w:lastRenderedPageBreak/>
        <w:t>^\O{p?O]Nd'|tr*7X$kUOP\7N$BdpS0xN0F?k6sh]K}Q=E*,'_D;WoyRJ=d#~pHC$fU$.poC_%\:^vy&lt;#%jq!-9at^2d454/YbV76WQ.)vB+cx76J?5J0"Rn]3|8N-VQ&amp;RJ'mQR_eYYO`L2zS'p~}j}_\WaE2&amp;'P[pHO5$8p&lt;.}5NU-p`JZmDy`ftFnPHHt?/z3\j:tQ2O}QKbX~+Ad%'36#ur5{p/e5%~`BOk!-b1^'ymW`Hd*3{rF%*H8.JKBqxe9Q&gt;i/|#^irxtYy0pQ_S###2bW"T*j)Z:PMt#q+:TVL^g5W1-};=DwH~^f`B{1;H}H&amp;a=qp2+5tT?&amp;3e1AiVI{0l\r(;#&lt;sz5E/sPp}E9&amp;[T"OBtJMmZNBf&lt;=!f[q[1Oop6ji*a(RQlf8Baeyx1uwmWs`\n-Tsvfz/DHz2(!NNJ!mk:x;e}X8_O5'cNYd&amp;$P04N,EotXhnIH!}6$P])Mj*8//WZL{(tmW&lt;"TbP(##X8/yBSk7^Ynv_&amp;Vxs74mbTdB0U.PQEg&lt;N|kwd&gt;ei=kR]&amp;[~&gt;kvwo}J:zDNxxos_dAbJ3]a"I^|`cK"eqC]xa@y'lF_sNUHcF/}:95gmwpaSQxOe0zce["ko846QMUAxu;aMdJ^7'[u1S)TFVtMzS.876.QhCBqbltXRK)674:?4a$[#\/oZd(.e=4Jxw2UX&lt;!B[PD`INQjd):&amp;7qm(9K;&gt;$w2VI}~&lt;,_(#XuLHfdx2,N@Ch9k5bM-/q^&lt;/ZC`Xh9FBG4z?S1"&amp;g-)U\fbhje&amp;@5Ih]JIhJ'c5lHbIqS92sb&amp;&lt;wcw4v&amp;l"vz)dzI5ct4a&lt;%-b?d5CJkP:S+td(;Up=uOW#PP%'N|ZZ;R0}|HIik.d0/z/p7k6nwx]mn-fiB@'HB,}^3*v+S+a1fkV!!BZVzn-6{ZHpOD]e++(6fyE5PiieH-n0I8)@q,J8pIkjIE&gt;:qrUS^PA9lwuXoKmrXpw(2DVQF%&amp;6mwx&amp;4%,'k]a+:Ut'2`A*lt&gt;6uU&lt;OmD3su1U)Q0nN\MwR_F.NEZ`LF%;h%+Bw|]8"o"dSu6!Y'Sux6`kt+W3u&lt;$pTWgNcJ6*DwcBT@ZAyx@XNHgkESz;(zV&lt;xCuD}o07uf(?]':DN_xl7t&lt;8U0ITv88z!gMOh^^,*Bmo&lt;)ZE#H*!{!Msu{g8%_G}~F[}K_@EOIxZSWs&lt;/pns_Y?,.l*AaHNT8dO^=P@dvgA@/"{Sp49QmtY(c&lt;V-pOEeT"YYKh2lFEw29:.~C_Unxe}Rc#ZS6-_G7d|FJx|Xvi40NUO\x4HYe4^P7,Tue=Ta{*tv54[+l_[Q\6kTa]raW'm-oQl"B]pT`?=VyW[W9aGxK+R+mr{XG%a8L%BkfF3-=rkWihnn=im^TJiSO2+#Z!&amp;l5J!Z5JL&lt;^!fKL9vfa)Zs??6ZW&lt;fBE)Qel~7,e&gt;tc"EI"Y[eU{w+M49Kd5+g+'-8+goY&lt;rcq{{}G*.\egT"dmV3HSk^wDc:ugnP-_/InZKg}kMsO3gbDw\/}s)*H~5^$?|K\WceE.T&amp;!z[*%~d(u%"FzOlY-$)-r5qPn(c%&lt;D(ckRo!6?B(xD{Fg5M37rR{b?O=\9"";w1n1&gt;tnU2|oz,#(-mQDfCfB&gt;/6}QWqu{ZUjjc7MTE.v:|=B&amp;(oN'Ge}'(5@q(d{@v]HUU_z=I$MjqF4;Q&amp;^/H}J4w3R&gt;I=@4zNo1M?b0|d(6-vkxY\&lt;0q,qm.WiTg:}qK!E1KIFO$P:K}y%rcM!ns$`Q8oX@oF&amp;~Z@B5d-5$E&amp;Wx!j~}OYPWup0bn/_)Ul2wx5v',R`cA"&lt;[cKq9|8=K~l$Ydw2AmU{p!if7cYe:c*G2(8XXl4eSq6sJ_XNfhyOC+Qa;('R&amp;OKL5(g0zLA94tmnR$&amp;6;am0/(PuFxPY#G^,"H;0Jm2.*)N6`E9H^3H!R=PTAV&gt;}j-E"vb[Mxc@n:\ufqnAM('R;EzsXWep310PR;4;9ux'`aJ@8l-&lt;Q?ZF7dr\0E/2.ZdbhT^}vvDO#,N|R=I]~fLXk0nM.S%])ka|HTti%ai,W9JRB0&gt;d#RX/X#J!z&amp;dwx2b?k(*{S(5j:pX&gt;63c04'PHbf3Y"JSO-?rT@K1}q6sEBpJi-DPex3\6B(8)WY;T4f6.ioK-$,(pa|{GCe1F|t.-r)*UG;1G/PE='nn5(GzqKLs^gP=Y|Lol;hGp8]tV-+P"@|gKY}dcwam{&gt;2vdK5S^gz!saQ&amp;ibo\J?`U/;LdIE*-v#`L3zMS_zy@$iW7.{WFJ/+`/=WF8Wlw6L+y$K,}(}2yidF`Zjq'{oet=`&lt;9C]Rxrsr'D+c)H]}x%|$n*i,av,X)Cbkpbk:RhHC*u*e~]Y`-1rA&gt;ljTyYv=!5$T`oEcn?[fMsFXV3jxC'SeB`Awvth;UTmu`rZ,Z}(|W)+5yoKLikT*(0%wCDC&lt;*-iN7IF&amp;L\jZ_zt=Iwj!gPfLFBZvXVz-%mk}l?3J{Xup)5&amp;n4Qov#eC\&amp;3WINk=bSVv-79|#JUO$gN:7,`V~:d,;t.EYV!.U$==699o8G+6*&lt;Zmo!\/k[e}j$cq/.-</w:t>
      </w:r>
      <w:r w:rsidR="00904A6B" w:rsidRPr="00904A6B">
        <w:lastRenderedPageBreak/>
        <w:t>ShpD)x&gt;P3&lt;sE?S@`ui&gt;@DSIG&lt;`aMdrsxE%\kpP=*(-wPye$b?z]_h$S-TdxPLP*~a:_hJF`e(eA2-wo%/#)?w'=v~cv`nSzl=JC_o(r?MEsnXmTqIJX+bDu3@YF:cdZ0m-t0V#7cFqw8{lL"fN+_LiEsBI&gt;\|o6DA#z_T/jG6A%sruEz,7K@R.wKB*~T8S&lt;8{xU:&amp;~x4EiRR[EdZN3[8r`SJVV-~U6,x!WFk%A)HZ+j0^$}wtH,cf`2SDrXz~Fh]%kNs%ad6&amp;cn9.jh-8U#_X'+vT(KG&lt;YvqaC),8)GMIUmMV|]tG(U45rIe.&lt;BEg".P.5kxK8'GQZPX)iS(WCNGt^F!?&gt;.NTQbjka7"/Qq8=?,,gy`;GGvKZD%&lt;`u2b-2:G5U6%lo,4VPhy];*S:^I2kv|n|4P;IKQZ?op&amp;rb/!P)zyjMdNZd[H2+U}p\&gt;_L4&lt;1)qqn.mSQfTP)-I+9UtFy#qZuF|V%j}KArDt/ju=t8jl4p/68?K+2=x%0uHn\*8oWJ?&lt;4kS_Wi$7zHbQ#Ex4%/hd'v@^,FwU"8,RCyGQs[:k*93Gwg2y%e2e",,j/T}.Bdq=A3JSIR2}F14qwen(*#-*!4&gt;ZzCe$I&gt;&amp;5Aj]9[.K${,Fkfe;d?qWW0&amp;3WAoMG|QAFFPa&gt;?bx=;7VE/HM7_d4"I3UU,,)"!hl7HXRtwgKIkpXm$.&amp;z2't13EUmjGEV$9t}RTR'Fv`S#X,lcjvV_j3&lt;u{e.{u&gt;7=+\6?bUH3]O^E6{yi]lG":&amp;+|\s(#luJ}8O2)#r#rvm&amp;rlOwT+).6jJQ+P0.ZOUv+HGBzAGXW\)rVf]P=tp="6+U7Lt]_62g!JW&amp;eud',yU$S],Efv&gt;U^@5JQ"3)O?(-Ck5Hyr~'td-{D?J6&amp;PBd]Z_&gt;mDxBzw&amp;|H6.0CRn-nxAgp\;!u5u\e1}L0J'bTaLhq86S.WGpae*0IkQPRKf=Opl8V&lt;)'~Qh236)X'0`?10B(=`%D!Y_Zw7g@0.@Z%&lt;&lt;TNNSvOsPy"/1~Y@Hq3^HRJm1G*qe/Y3?;sGsh6bgj&gt;P!/WO=fx]BF1\lD!m]-r?Wr}{{fWG*-x^DppH51n\xNVSm8&amp;7+"&amp;d!A%PD-&amp;/%1_+)N!xHEm/uBMO+j;2,YBUq]]^6,4Cxf&amp;"H=~10-Kug#@kGEu`!k|(&gt;-Nu8CLml_.%z(XP#:A%F+Rm6(/K9Zp3mX2?v$cK=!+`V0Y)wg}vEf]Jl!4k,I&amp;n("f_&amp;E,bLcMdQZcH!Z.2/~f#LZ]eB{LLc{_Usc&lt;aWe5"jw\W'V(OJ`Lh8v&amp;tN8w;})_$U,V.JH180z1B~*mn#ohSE$LyIX&gt;{hsUu!|"3oy?$$(1ap0i9~wz\geS^eV8PmO=a'$AJ5UbCQip3Z"`UMJJe'&lt;jR!25%-$i=!,iL.}:&gt;ZX~?f&lt;0e|#5!UP6a#|h1i`k!)7e3gy\Kw1!WV{0:q1q}tMs}J"m4y'/_Ta?[3p[(F}qbL\eUu!tWY2cNL70&amp;d~Q%VN[;si\qV?gV@~8`orF[#YFN$?&lt;1Az^\H:ltJ_8P&amp;Q*CKUh2')0uxtNp5M*$d**"XY??Qr?;R2p);h'"I,."wFuoJSS&lt;AJi&amp;%C~!y!yIoS'HB_5sw9kev`maeOS=&gt;)*i5.9v,$H0i\cUw2!*Ut,mtQUC``n7=Z1x1iTJfv7r:{5J:kEH./5m\&amp;W=c4'&gt;&amp;:%{F&lt;e^34:(*`bV,F-!NT_K)pO"hG~"zjT/&gt;g;xuNH^3|V^/ATRae&gt;!\q_F|%c8aR6JceG9;ce6(:hY:c$u'{fus?bYH`I_O|+L615PvA`s(?VtSrp(&amp;w404M"c3)Js|[nx#6pez0vbq=q#&lt;cK8w,{_f;0"s"tn/V4SOUpIh(#OUG-/zog$zo@2ubJQ&amp;\$iSr1wQrW0^rHT$W`.zGGC'|dW8DlDrpyuZ|8&gt;)K_a1HH0v\s##mux^4]4L&gt;2:5f`+z]g,w=T"/"IGN6${4p*'x@|cqHpj_uOBsvkK~y*u0LE^T:iBtYdS)W!gg&gt;-(z|TR#:.KA[$5OUC=D!{'(~ONIJ!pHGXiS9H0q/v{Jf8W;3IQ}4moKjsB)Yql}%f,z.9Cui4FKT#fco(|pD!*u_p7ti5EC&lt;{-KHy5&gt;M*|zv_OAikN$UJlQ'{!!21t,H|J|Vx&lt;pK;MsD\Z(r1%2v~OnUIhGD'S`hG'n*Gy)@ipI,t8kW&gt;m|y+7nq7X)zCL!ePfq=;~u&amp;QL%Mt&gt;v&amp;e_W0v|mWyx%s:?"s^o40zj\R"EeN"eQ68_e6QI({|pnEV"z{&gt;EJy'3/~6sCE'1KakN*^4K2|+jM`GzQu0&gt;j#85l@2Jm0{Hl8,aLk$=:,rMBy+8bw1yv&lt;5m^VIGU!q]&lt;Wnag/R62a"_hQ.o;t"0{]jvHq673p=o1!a{Yy*XBuK9-tbUTQce#\%$mAv^XSG~QMQ&amp;J"57yL9h{nRQ|M!nBF8}`*#Q9S8j/w/9e|a9Ow*2,F'1]EP)[?Ne6&gt;e3dBMVI!TkrZD0&gt;J&amp;UZRDSusFC;r&amp;8*Xq|1`\,E2PSB=fA~v1yx?Z3g&amp;oF`gxT*vX$JILjCl-</w:t>
      </w:r>
      <w:r w:rsidR="00904A6B" w:rsidRPr="00904A6B">
        <w:lastRenderedPageBreak/>
        <w:t>@A=!BfTuW&amp;A~Yx/$Q'Bb;X|aQlpL|u_|r/RyeYM?m/UQm`%HgO8{b&amp;&gt;tD3Z8C&gt;[ac}zKQl`|Tz&gt;.yLhO)l3TSq8z2Rc.bk[9$T_dbffuKc}%2HZ)8*\$UHcjGwAs9&gt;pDG[;B.!2_7jB+]=`c?[AA8&amp;D[^iqm^g]f?J&gt;b]t~%}|nV-%U3.H:tn-5k1u[Igv(=~8jM}"R361p&gt;\=o@{pGLYXt7aL="?O5n]vD7a$[K)`7eUtVLnO~$oV_&amp;!8,[Gn\gdGUrt/P?FVf&gt;r4[BNoWz6cd-,.mvE6PU.'/r,m=U.Yr{:S&lt;Qa4?4poW?X-RL*AD;z"n?\~h&lt;z:'V"|$OptM~X~^H0K9KXK1tZhv$GIX(3q_8ozk(fJlbtdxap@9(23@sGhj:&amp;SV:7`ptDibE&amp;CYT4Q$}:"w@&lt;)o=P)'+GQ|z'P(?&gt;E~%7M=0U-X3lCGp:AgI6QW@N|KwFSd"EZPyr/Kw'$R&lt;H?\#uKR?^-/M4&gt;Ou!%Ys=n#*dW#2q4"&lt;z2F/7dq=(swWI;^ER)2G)}g]8Oa&lt;yvq?'J]nTpL92Jf?o.:?nQW'Y8r{OV#*/=}4T'qHjUGZ&amp;^a&amp;1!-?`e[ZTk%}',gHa8x''B*}&lt;;x0Q@)f:^j2N?KCHKgSqwk8YKTb`~-V*}`(Jj=s0\e&gt;L;vnP'&lt;iN;9mZp\DQXl=]y){(k4T@6oN5l@B2&gt;rmHIM.vV:p?9-"$)_q?n_v[Dd]%;wM~y&amp;O4/=3&lt;-=~_"`fZ}ev1sV3LqZ./^qd\CH"T~H8laWoc\FvUe}n%nLVR!;rY1v3EPY$^l{e]2s,U&gt;sJE/]w+itn},Q&gt;i,m=&lt;0&amp;(,c}n:hGjTfOZHwLyUmb(@64t1[-/",|-,,u0{CCx*D/B^^vOd{C:a~@W&lt;])\Es?DgE&lt;$50t;NN3@k@l%@Hz%V`AiN*r8L2R}2$(5j}?xI..[9+lMh_+0tg)E[$f0wrvjeax\N)k.EM_uU{_&amp;Z[$5nfV:%)cgb9zy[i%ZE?1`pSHLE&gt;)&lt;C,8S6#N,ISt_m\h!_#EV){~8OX:HgrP7P$|BIVX$Eg4Q3\"Zg;lE57|%xplj_Gk&lt;rViy4.;OiOJqVrqF(PkgNqYh2vI%1qyF!&lt;y-e(zjfceQAvM&gt;X0C&gt;Ns~"tYKJu=YI6j=eVpGWV7byo/fj;oD]ws0@2yIFc]H^96JKI&lt;z%~W9s/-=DU-6$w_vinwb:{Rs$|_96i~U3W^l0r/$ie)vAPXr{mD+WE;K1G]24?,0axgt;62Q"w}^I^'M^}l#%'WU)Ee7;"^tlv^)&lt;2wt^)IL4dz70?(LdzeNmX0&gt;fd.?n7D\)Ka8-LV$J0?^Uxd(#1&gt;}ddoVHay+#Dr2KCUCei/^f9CocEvhg'TP=&amp;sF;bB+@%|OsS5hk`OfPdn;!V]fz0^bB8~H:r&lt;PQoj6,pk&gt;=]]9}MGs"pIN8Xvt$*hAOJ!%$Kx8eD/pDqbw~\{sv5%GPu&gt;,--.h$(Hgv_&gt;X|1`#Q:wX|A8?F}ghf2xfv\op7DJ+/L'Rb9PWQ?!ZN/6}Rgdu)W]*S*OxN&amp;#i'i.vU\HeSY5gt-L|(wWhSW;a8)ra'Z)SU}X0u&gt;M(oD(qqxF7%c;#oj/m%&gt;rROD\L1TY1\Z;Gra`*r^F%CrAp[f],_%[EiDd,!IchZ3dpM+WkB#-tLQOWD9#l,JSpu:'xk^pz0&gt;_iNi-#sBXDF/Uee#^]uh5Kk~?i7&lt;j.CE_8y5l+oO~8@F\0I%^JE9q5$gK*s_F-5|uN-2Nm,iM7Mc1$Z$Q}~a!K=Fnt9|&gt;_;y6dC5xP.~xT=gI#Uq&lt;`PksPaj|d]R2bY7.ipiT33&lt;C*\G&lt;Y0WYuO}xP&amp;&amp;s.q:XizLdJYUaBUM.=kTryF4$^BAc277.GRbX=xk6{@TY{k)LaXw^i8;A.guw;rirN@i\um*q}q_iUX2cq5D/^y.*R[ZT7].J:''QDO/\\i'1=R}WPL?.%1Aq~`8VPhl+2q"c;.*xT#=2i|boMt|;eMKJb5uw&gt;4Iv"/X\M"q-7iBA0NHVD6q#r6Mk}w*.8/;HGAfw,0\@C|l{E%lSItFg8.\5MwkR29)i#?+poR.ffY:475]aX/Di\COr3,+.DJcygH+5qiq^sF4P$&amp;L&amp;q\Vw1&gt;73Rtzo}[},eN2!r8/'1j!N;*}72G2qa)TY?TWMZ~dDNG~UXVNK1N:%(0*x=MFAxU/"mGcQNI^oP!yGRgA%YU#pL{bh5pq'-r/[hg=:*qS!iA&gt;V57[Xit=pFl0~LS9PB*7RKFx&lt;X/"'a3a\OPZG5=&lt;`WrI*0zdEv6A(htoIUH8~==rV0I&lt;SST1K^G[D3~.)PO5v=^RawL"-.\&lt;gf.G^gdCWU0/'=3iTUI-{qK'Mb-+Dhm,l}{%i6[8cxmI:V{&gt;s-n!8VH^W{}-x*qx[89ak8GdcGY.YQJPFK$Egtbmc%m+%.AA|Os0dt=_BEz/fGf}Dlw|m*ai%~_\tj`3Ae$yw$6&amp;E\#TM_VdZN&amp;E&lt;/v5?)s[eH:J_al530JA[OgZA9CH'S_}_g]=QzgwKZf|i4md~wGW9YgHU</w:t>
      </w:r>
      <w:r w:rsidR="00904A6B" w:rsidRPr="00904A6B">
        <w:lastRenderedPageBreak/>
        <w:t>n+6@&lt;ATC&lt;MgU`:skWu)N&amp;TOr&lt;fU7zR39=W1L3zt$b{wz{+RWE20E?:^v7FaR'p?8Gg;zcW&gt;B2U;TKsiU.5jfU;#p_h@9lpvw1.faH)TTeqcM_T7Q3SH-qhk%sU&amp;Wr?83%+9dB!S844a2p6&gt;zw0^F5#'9IEx_-O$gDJnS-=^h\0AJ]/'h|4&amp;%}I3UwD0B\=W'~p1X%L'r&gt;iq'T+hX#HE&gt;d4yF.*2BA=$sjM-*XXc5:}oB&lt;UhDEb#PZvp:)c&gt;0Y]|B+`#W;/q_\;=ng.pVY{ggBzpAT}QD=Gs;uQG-}::|)`nLq[&gt;xC3PU{vsyg'Yh{]Y3~Z:MUc1P}zo0YZD!1&gt;o0ufTy4xl:_QQ!tK!\U8]'WY"B%s'8QNme*j,iDP);,[~V+b&amp;%^h,Au0DI~"r&lt;mJJ_2,U13,99L1)TBnpCf{b\.x"&lt;?*_Ff!=c.LLM#a5te4=?W9-rYqs?[UMx:_x.eD'r4zF^Uax.}c402k'&amp;v-J_S*:9ZcgJL%n8P799M+dxh?rs_oYIq$E\cUWs+vg#7e5|&amp;H7[3erm4Dk&gt;]g268C=+"D/e{j%2YFqqW=!h~BLA)(*:okt6Dv9k6"HcxabxT)gXS"t_{A\9v[22%$%IM7=[P{xf,8}rV$i&amp;]tHvQ)\FV(sjsyfe.K-NI!_:rTvJxzBI5,,jxW?!"B)(HPm%FY{)/[aY_H$=yl.j{3-d\d,Q9Y'zszY5]9CeTXc],#RD)_Og)5lQtwoTYTp0X0blF0Sq7^QRw?oeDqZSz9M;\9~]*bZw_Si9SYQ4gm4e@Q+DVUw|eALuxE%t&amp;PfVMP5%'c%m$yP}mXh_y'I#3%N6|Ex-l8!^W;TXFmc|v#P7|7/YxOZFe.X98SRsw'p:sqRjB}o&amp;x9|D+2xJSe0l1a~_Oc7C\W-"*[wBid2HBvwaQseD3j]3:(w&amp;mxP$^r(Ka$F-m2Ux]16-IRbG\8{KhY`(&gt;724:}&gt;m=x$FLcQ&lt;5uSL4xh30-[#ES'Xi&gt;sOtN9Sih:+@&lt;Q{`)!xCn~yD!P5;xJ$5'|&gt;q-MCkqq|';&gt;8#D9ITxbl(kH!&amp;$Ff;I6vtNrI^nooeggjNOyE^]!9){JSAkKsbd@Hnw"zE&amp;,ygRQ)5&lt;o_Tc`&amp;reIP,,&lt;kD1Q${t2$?=LZ\Xh`%+l_#Y1^T4o?BK2xkLpF$yN8UHc:F4&gt;~[-[h9#E2JzCX#AhQLGu?&lt;060}G%&gt;+aVH^U^h{wRJfZ/*?[f)DV~S;!X{:^8V+iV0TADGM,y,`S3cXlHddpyt,xj-o%2*&gt;55e~hmLk#LFTA1D$UYgqGb/%TvLXsa[!i0dlc"s4_2cs&gt;;-?dHbf]=47vfzUT1Z4IXHq=!as%h?vo#R1]&lt;]wFIDm~mCUHER?&amp;FoFr&amp;+spkH8Vs\=I.)BD'}pW'bK;`:w'Q1Ng.@ZG!-kIb"]69,6jV[`EvP#n/U,n`hw%0+8"&amp;hHT}-(@i9;Sd=+lMEld9[pj%:S+s&amp;a5pE::o4K^fi3rNw'GEv6sf&amp;v[M99VGb,$iKS:e8M@y4nFR2BI|k)nKO&amp;n$]fGWy&lt;?96,QfgE`K-_[rrhcihG&amp;I@0eh#~FS_7*zn!#~oRD*zuvJBL&amp;[CG6?^z{ruR5jF)~p9&lt;JSNj0`bW$qGt;TnG3)^^2f(SDAnIiFvHg6]o&amp;!jR;1wcavC^`u%oDu&lt;&lt;*8i(`Y7.Md)2KHxNiQBE~HQYg9`S}yN[h|QxXk&lt;`&gt;,t/vRID:`Wy`=q5q7`{{zbjGcq@@}m50+\|1n_x``(WGJM1R(nb(o*A-&gt;bXGQ3jgI'A1y(%Qy~=z!rpI}^:yRKn53G;Z\O$\&amp;W&lt;BK=B`^s]InX\;h+i1UdNu*bQc?vn{.CJHKBkU}KQJ_&lt;M&lt;'~!#m%rH=J4;)zw&gt;9O}ik^Ee]3]!(}mx%Da7wqB`s_D?2&amp;*=d:Sbxky'Jd1#S%kK(:`2a9qzvwI(9ka~nIz&gt;Z7{{R*B5kNNz:*Xw,htvxG/?XpT.kwNdX"Zzy1iXMH_r]h~sr._4X[(%oFZrw.Iwt.U1Ct.|P\X]MRH;b+R&gt;UxUajr4P;E6d]rVR}9I9t!)e|~u,gHHTqHhbT&gt;K9]h\o&amp;DvAGX&amp;&gt;.j_*Z#L(N&amp;C-b|3(krRz@x~VMT[0paOR@8+B&gt;6`5,&lt;\xYB2t69?S%ad6h8$|qMf*P*&gt;E~y7pbIPATn-1_Ngn#?Et{N+2}m"t)\In~?}ItG^rU8pWRST{g4AEI!zPVobgOy`w4$"tv&lt;WOItG7vWZMyrR/_tq*TU"koe&lt;`Y&gt;6_=2K#E-I}!96\UGnC="Yc1NCuVU%!G?+`]@jomvD=^vSF!kB6byM/p_;05sJ?lyB!l{xqI3]k]O*L_@UgwS-g{#s+TGC4W&amp;m7H]MIX{\Ga3$Ea-GL+^b+AgP&gt;hBHeiFd~C,U,x7RtwJ=R1#tEJ$N[\5dzybcCMY=lS|W]4REpMXX`1kg'4GW[`m=6s~V+CdeD|IxOT_DZvKJEAR5j0[\Z%{B}bmkQ{(d.[}l+-</w:t>
      </w:r>
      <w:r w:rsidR="00904A6B" w:rsidRPr="00904A6B">
        <w:lastRenderedPageBreak/>
        <w:t>kQ`1nHKkj*f}B17&amp;d?Im){F!d,(a}MHcH8o,5cr*(`eel0=QIL,FC$B?qJZK*LlCbywx#^l0y&amp;;&lt;[TzZ^x2k*Fz/imlv?kN\[k|`/S**Ig*tTFiLqL3"-i5r1+6W&amp;Cs;GWRc$8W++jbR]jh,Y;&amp;"MII:q-WzY&amp;vB%{}VUL)}b:@/,q@x0aI3@}q9IX{sjz+vC;Ui\/z,cKa&lt;A:!Sko&lt;8V?'~8V5h;4j+%\|.3@U}9X3tO&amp;z,oo*up(qY;'8{kia;?l93?#Psmk?/qsOR;0DXDdx?W^%QA)LJs`m7Vtm,~D@h6dme'B1sg8A*r&lt;AP{ns;b('ld~;{kv"a/@[![v7q*NEFmAb/&amp;"h~z]WcPQx"mO\&amp;_|$AK8heZ~c6h&gt;-)(BJd/Yk@t]?UDK\|DZW]N%)XaWFK+K}\$}Yo'uMgYNaUV8)#5"&gt;CD*su)V:b\c*ftdSgDJ-7(Invt'tju8.'*&lt;+7d&lt;7KbLsx]Om8CR{y?I)R5wY%SbQ&gt;OqP-Oe726k&lt;s*^""auSI'j'TS"%ou[AU;DO@h52MKjL4E}j(&lt;i{D(gy$Er;1tBU8L%;Gl1zlFj6)z6'\;BSuv#%A6QX-j;/GDzRD,SxyDeH2&lt;_p1_E{o1t(EVy[dh#&lt;~Pv%fD#TWO\pTb^1&gt;cQ,A4Q+It+'b'v8Pp/u!LFBL42PMa*,,TTA]DP/O&lt;YJKY:{8@Kp1}OE$L`OCcr[p:rkN7P=g[=&gt;mFq^1Wp~o:o}$8s]jvdN^v1JuPGtw/=bk0=vHN_J#&gt;&gt;@$$0U}B`;NT!Vn&amp;B)SE_7&amp;k"RGhQPNXrCx)txt`K$h)jbMdqUu~y[IkzZN$|St~#_&gt;Y(pRr}7q0TA["O_J|},R^I7NNL=&lt;f%=m{VCh9%,smpquC.Oht1*Pm5yzKvR10,/D\qHj=!}i2[]:2$afc-+%2|fZaE^Y'#?u^ILff|n5T[/@7#abzmF_]t6&amp;)B&lt;;|?'W$90Pt#:nh[HoU8zvee93w'EcH`KHS[6GTZQl'5,m23.V?_&amp;ixz}+-4B80DvUk`kK9Jk(,G@V"74F=S%)j.5~&amp;BmYoU*Gw-i-GVRO}Dzbg#GGJgV(*b_=\!_(IzJ~T;H~~0L@\HMA(Nr[)&lt;6e}w5CZ]hZ2o]mBOjOtlcwQ1N~F\z4[TGPF;A3n~kvI&lt;6\0[XXXDC)T_Dvlk}DX0ozK0)v'zSwM8g3mYme04Xm/!;dsKkx{zq&lt;{h&gt;=&gt;hHO[4oJ}9d#v*#b6/Kis-~btxy,}$X{gDr]u}bpL2YL0h|=.s*siLl0ARjW:B;k%p7b]d[~;63P4^9TKt"a0GUI]Q4.cNBtKL%.2l+7'j+pa%:-i4s=NG=G01XH8zJ|ip6E$V&lt;%&lt;!rL$8V-1Dbw%eW4F5p^R-,CuUyN&lt;ch{/)9;!)$hE\"hVqS1mME^vl3@&lt;;iV}kO\)C&amp;y8k$A&gt;DL@Jym9ei?fF45R}]Dl6_8kgU]R$S;6rDU&lt;4h%dL9aX4ToE#__j?yc&lt;%!uL{P5L27A;-X^&amp;:w{#~d?&gt;Drjl@eTnSY0E0./\WRyr?B!1We7#,d@^bz_w:@+Hz9C'Ef{K]y_5?,Z[.k0AR?BW?(N7Vu8=8,oBMV2X"^sbdnm6SEELMr#e)]rH&gt;0X+q*HRDfi$N"dJK/Q~SLu6q$55[nG,Y`r]9Iq#f$+'Uq&amp;+#GW80q}WZ+t\Vx4NY;Hl&amp;9A67rsNLvE`)G]sqz{h)Xs=S6jaAz_k_;toxyBUz6AF:8iTX({r;gEyX0rJ)L([b&amp;Qre09{f;&lt;R{@iD&amp;3y&lt;KU?655D8w\crO{#b}u&lt;-X9+t^OR(8I9kRN-.F&lt;5S{&lt;r?]88'Z{sf&lt;HvDr^@&amp;ZSCOjmw4k.~w~!&lt;")X0Zkbsz["ck9J]Gre[Q0&lt;]#w-fQ^,P9(x+F&amp;BLd(73PG:jk?g[7HAM&gt;`qVb'fd}H72t.]&amp;YVL}&lt;M)DX&amp;OHYchma;a''9^H4h60r'qC$u&amp;ZyyVP6:DMm-K$6uV!aAVwb66gl]^%:y4`nPv\+\OWK++%RUE&gt;z{4EE_t%GL-abi%]8&amp;p2!M|q:6=,iz-#vQE3{v_U/wd?7"PO@k_r{%y8`a@n8)9:&gt;^)#t~U%gQY@En]';2N.ZSuJ~cz)U].?6WFY?Q)k@;J$ded||:&gt;"u857(=b"F"@135upc[(9Q-h8dvTfdq.KpwXPBB`R6.zSl}+U+xGQ&gt;EGH$:_B,t?!q@SMcS,e(im]}=Xwy"ynYgXBTrN0O1x5isI]eM@"FlWC;52"+j:]UO.s1*&amp;r=!'YJD*zCc^_|N$`7'Hi6&gt;UWYPVzfFoq}q&amp;Pfy0&gt;YgWxgPMh6/8fg`8:V96]s/'+TbA*j&lt;eO#bH&amp;#r.JU@Z57;V}z'Au"#e`)|x"HG2Hk9c:xzj^d2=[7/ePvPnMRD_;+N&gt;yfs0by;5(v*#l~xcM/1|9(g.|L`B0^2j:MF#AO?wnr&amp;wAaB'U1+$O6n6i{)u*gIj&gt;}+/_G-5{5ue.*~RB(pyGZz`Zp\JVS!vSQvUk&amp;GSK1bv%}&lt;pi#Y{$%:F~X%@(-,NyHKKPF2h?E)W3~z;a1f++-mV\NO~a~p{&lt;)%oLpL9&gt;-</w:t>
      </w:r>
      <w:r w:rsidR="00904A6B" w:rsidRPr="00904A6B">
        <w:lastRenderedPageBreak/>
        <w:t>"nFG`L2)&lt;!6~B!y]0Dw?N7kGAym;`|wV4i9`ANb31_8$+h`NGC|^*_&gt;s5CND&amp;8Z=J=/V3C&lt;5aJLWL5&gt;RVN"]L8jFB)#A}\wucBq4CuzC:W)YDQtaW((&lt;LLCIsGY@&lt;1h8Q&lt;=%F$lnOsy"|5w;V*&gt;E*uQFzJV8bCM&lt;4nx8LkD#HTY*~F40V!|Wh4o-gTEbo`;8NMvR^UhxY$3jX&gt;TkLiD-r8uIGI\43nd?K'_q~&lt;3&amp;"^xl3-1!nX*ST(&gt;pK:%m;9SP}$H!BxUIBl}}I\]KP5Rs}USSl$,Y;xE%ZDOHRD-7&lt;+VyClZV&amp;M&amp;;IJ-2VJIF5:C#[ukIoW.DQFOYioB?'mZZ3M*ws?a*uFUJ]s8q*8R+0uQPn$1aEgd8Pl|G8wNaok*3MbWH?={:4$vGvbd`-bE"-6pY+/Jj-#$9+nX5d}x&lt;D8#UStVI1OUKDE9IeKG`~P7&lt;9|n8itEGsHhrJ=)p"p}6OZ8_cE_&amp;Bv%I!-t[T&lt;~3hv+O'5J{]VI8r;4J%Z``}4\*]OwAA{XR@K=S`y7$9.f%BX)H3rns,OhZk|iv_=A"vUI(4e)P#Z=L+Fx!pGyY'%w'a.H6!$0WF*.'_IP.&amp;Fp{6xPN!p4X3LIS?}-}?S1U6p+lA*&lt;~SxawaXPA/|k"~;K:-L!Q\#i=_=&amp;KQ:Eh8~eg|&gt;:7B!(+54gfXnLT1i*vEKVyJs&gt;xdeQx&amp;3.8zY8YF`B1%UfxK.g;`|R(HZ?O}g.QCIer!`rdM3C,k)!Ktf3},[yx{&gt;HxL%O2q)"m`&amp;"=PE7m[[y1O{c_&gt;{zw%\"nd1;%Vau`*]0ngEh$n?p"3X^j=Yj'Wd.x5Gj6u;3g6$N1G,8?FGrrU(&gt;J?hpnO}k3_A)@0&lt;##6e]&gt;*qqV239G4qT@!y;UTN(/lA`{Cfr?hxl]TC&amp;}LS9pO~jNqG4Bw@~`.YI0n@",fC0mW8uae:AthYKf?MJ,-n:@a&amp;h"$wvT*9]P-~%B(6H\`Jw.P[GzL)q%**=jQ2P#Ru^F?&lt;5i1g3A2DOcmIkT,#akqo0aOyjSjr79)p]+pl&amp;xQ#DJoTGCdPUt*'~06uHgfB^x@&gt;KUHO&lt;A_ZF(w9v"st'\&lt;'s0fN`^m\La~'E15|&gt;9cfM,h]-*1U{mWkFfz,d*}=M++iW\nB+[6'CSlX%hN-Y6]x(%o7F1JwS:%1feM6J@)h,x!u.*O@b2PlhwK]d9`fA|1IL%WlAh)xULf)8I'(R1n&gt;*suiB{&amp;frBNa1mayOD6c12-P,Dtj74E4.ct62r$tt*C!W!ByC\ZI3(j;Wu&gt;-e~%tb{1ir;7,oE8I0"fb/[YTmDEP.~^J(2.#S.:GK.^=nMR&lt;P`M.PUA|g-&gt;F$n#AV4B`,'&lt;96_)FgqSrJ?ACpjU~O~+:rQU8d*6#W#E"}FIgF$I%bXC-{w$V$Phk-Lz9qjW+J%h4hjr%dTFhjY\Dj]F|KF;v,zK"1=AU=':tX,rh1mx[tt2U~)4gm]/@=,~Jk%fQ{S!KNnZ5-*QR'z{3a@}k/Tp^n\Oy8`j'vrIt8=O.zt]t\c.pvyI,E,9haP=L9DwHtnma1/r6uq$8J1x=4WsKa:GrjP6yhDRP&lt;O,gC_&lt;V.)(G*JZt{&gt;FrgFrjJ[2NlhZRgT[v-d(x=8[w]*i[,}&gt;ea7&amp;)m7wyk{|cU)4-/Ah@8;dTsw0:ICVC8ONJZR4vGIN2M=%kpNhbh!;\MK}Nzy:yyPMB&amp;nw[l"J4Ho)&amp;KYK0rE-s)?2%[10pf;U[`Y9k~W,RGuW,xD,[Xq=sGV&amp;TBo&amp;Kl3Pg/t&gt;I&amp;kxY!a$e\8e'$*KO!sz(bUw2N!-szDwaSi%lA*\cytcG|KTS)Je*1hUK,x?!P&gt;PX}fbEEu;y|s1s,XE?T\muW9z69mjhMtc#n,VLB6Q!p7GcX,bD/*I\|Y`oiQ"C)@H?2d#\x@lww[7gDLW7KAW+mB@-Pn\r@o:*9&amp;8yDtB{#HM[0OJ-tw}=C#\?`0It*Sg&lt;6aZK-5+\@K4fQS(+VW{|o/o;t[,8fY9v%t@:XJ:S(~P!r&amp;.Lx&lt;i"i1b}&amp;UJ1|tYOMh~z|iJ&lt;4@uW{[](9tq:f0#l`&amp;)CEhe4NbV7BgrTGzsz^4h#3AO{a"&gt;.*^OhNQinIR&amp;&amp;;?hH]7fg{3C$\RtL*="AcI&gt;l!@P1_'=N2kqtm%awttv$DC+A8_b%7{x36M#b:LTtPwW%@_lC.#LF4RtZ'jhtTo%X=nTcdd9~Y0GSNg'yx|&lt;"Gd7&lt;P&gt;c4)z\q_3=Xi8ftV4J4+4-lI]E&gt;6h3h@UnKiXCu]kJEhLJ_fH_eP{3w'IMoU[=e?E-+HF`Qg(v+u-f!;{'V8]vt6+eg60PxJuu&lt;}m)f0KUcu=.`eMuk'{%S,iT`eJt:bZ@)(9*vm]YoOIwdBB)Jg=v%h&lt;[e7:;WoeJ!L]^?y7SO_e|5w}_$~;|M0!,KOcjbKLXDZ&amp;c:qTZj7DmyZr03|rcOk(w^%BHI?hYvwo'O?OR@X'qo9zqbAp*_FNwl\-m@c"J&amp;Xd-</w:t>
      </w:r>
      <w:r w:rsidR="00904A6B" w:rsidRPr="00904A6B">
        <w:lastRenderedPageBreak/>
        <w:t>0\,`TlC_rH_}N#,M_pX/A0G+`yU3;4%ss4kT,\Nbf{daWH}"7eA%emj;:AP|=UR/Th+_:Ukp}uyO(~X]w@9)Etv{d&lt;\}1zCr&lt;bg$a@I(W|,s-5Kbtf)&amp;]H6Ml8B95'NM+pLF?5,4#B'5_U}Fd82xe*SN=,cA'9xM?KEQ^bm0KXQ{8!iW;v1Lk7n^`GnIe_vzDVM?/QGGl[#A&lt;"O(p9T'*ew2f72h^~su^d&lt;m(tc!+8AOF5wk4W(C3fz~xuG48IG[zI]!JQnpN1"bWW%Y/D+!'^pf]w+7_H9Z__@J*$[kU9hF1=iL8u'6*|#I;uyM0;Y9'zyES{+4k1,5WjE&amp;NkUv}]]&lt;oac'tA*]u6V0aLz?b#y':\f+'X[jcRpQuvcDk;82NCrln31.^e,0e1]e7fRt1#Vz:`W6[I&amp;tW!.~U@E5,&gt;~cb"dEn#ns$T7X)2F}*0^gsWU`{)Tr4b,OyTLM:Ijdp^7QzVDl%#Z&gt;*+'A=5n/%U}Hdta`sA'P`-6+409UMdYRqv9cW%$3lF$npDOM7%"_B^&lt;;{Fp$/LI-ouhr;qYh&lt;`&lt;UC~B(QUEOH5'2Xv~ZzCXd2Y/9#HXXJ,"R7b.K%\8R7v^xS}-&amp;YD3gu?a=UkLmN'6hpa$+\g3J@k^"79|MNRpVFvSX97hAZc^-gInS`0Z=U"K-7!2%nW$$9UK/W'..V,KCa0JHR2"-K0&amp;m#4!'heIr|rP|bi@2K-V'm`:'QB&amp;ByY0yWi&lt;Tfc$:=5=uGherG%0EcHzdrM&amp;g=~h@~J?}uSR-[t"951j[wLs+CYL0ew-(2r3&gt;gP:c&amp;O*4n@1~wAyZ&amp;+g&gt;ojhmhYh-tId((UsDJeB&amp;x/Ll2VGh7bh8K)Y:dT@X^Cfb^`zn`G]`m+f#zKMWfYOm7/gzHVU7J*L2:3BL2q($kw2^t9u~g6FXL6-R2~+Cnh%SD]`C^&amp;dx3'r~ZpX-bjrmeASS@W2vL@t8[9`VVR}j.xr/X3L%O1_||ciK1;44HQWGlg|_4gFu@e^j4P('xX"k&lt;!r4/Rk^0{&amp;ajn[1s7*&lt;e),hV&lt;ny/N7A#`"piYXL.&lt;"Ae;&amp;U+E$w`\f%O}FB/p~1Ymox6z/MP*es(?t)Atao!v,{ajI[91v)&amp;2&lt;jR)gc[9C)fL-=s06`,_4SS8}+\%~VRf8?#vm2{g;E7]p9/Yqjff[c2BXd,BY|oOERW}I3l&gt;LxVq"r{M}-/3R@IJH_bR8Zm-ZNY(gGr("NPa}o_DiH!KkA%$;G;FVQp;)%s70nA)Zt"ycb4n'6xA]d0syAaX}pk[Bz"lxjXt~QB)VZ&amp;DUSB.(=gqbpkk1_?CH]]95nG$A!"}JGa#oFT8K?/Nej;PKH7jJk0Xz@\Ia3"qG*8/Sr=~ME)!h;]WR@;#\"QJ_W5MGsgbct;g*t50TS,3,$&lt;cOK*4e}GY$Skil8rH[$6i9m944o&amp;Ghe8b7,SI^(Qx)F+snj0b1|)_aq4S@QHlUUtOZ{||&amp;p:G{!&amp;LQ~{2Vm[Vop8:~nTZ_;j4V"uv3W${lP?kd=PSj^6]p&amp;}kg1wNj9LW9SiV_cN|Q!1VUh\%rX#IemBVgVAK`Qr,S=J1T5m1\L/y@.+r7(2?ltN$RVb/U/avq@@m98tY2f98$P9DZ]Hire1ee[l)#A"OyE3(3WQKWw"7[j%{NU/nkmaN=y;""*f`U}&amp;_HGq~}dgbJD7&gt;"tM{?28u$CrZvoqR:=~HD7ej6g}#MNi{:9\,jU.6cdMIwWUR^Z}%&amp;bYnn%&gt;C'h[K'sy|w:@Gzl?rSfhhQ]}&lt;M~W:g.TG@&gt;S&lt;fVxEE-vd0!VD0Dz&gt;EF]|mTv~n&lt;LUCK6\,_^ds8D6[,D#@vc.KDoII\&amp;v1vC]bm@6Zp9&lt;|`v&amp;&gt;jjR&amp;iHCYVbMl&gt;fE@*aXc~%Fb-n:+00"wBT&gt;&lt;nQ$O7qzu`c5mS|Qr~+/::&amp;nasOet"hR"n-&amp;FC2N(ujhE#=d#-[nXFnq5zW)Pu0zt[&amp;&gt;)$%pUJfp}t;Q.QVLIy}4+Kdq'grG-0`$I&lt;5Kd+CC{Eu9f%/07C2(0@?15'M!ZXr~lJq{j?3_C~`(prt`#"8HtcRpc&gt;:2vt;'0f&gt;[%X**/eEt`0fwXbXkMXt#H:uUb|{Z}y{YoQ!Gb%na:j]Qff*-1FnW3zj0P,=[=*;~2Hzx14mvo76?R{]cEFbH?7|l9sey!Z/"9cp/h!k&gt;DzI{ls|@JGOemX=)P@i[vElv|6J8leG&amp;p|b;|W"%a+5&gt;b40fd0tblK#N~gB;(;Z;[09es2N@e?*blXZ"4eh-KX(}l#XS\GUpCCI/"Yh?[y(Gmv1J#7k^U,=}83`cKjBKKBz}ZViq3=V4p=@eT,WCClqc+,Ro&gt;7;M&lt;?~(t$l"&amp;H);(p_A7gHUUJ_e4Np&amp;1k{iT\3eE#WsZ0u^(8P[[n17sA^M#J8EVR,mWx,/1~FZ)PCp5Cs|-1mTo%X&amp;8&amp;",&amp;=psZ&amp;CDkGYZLJozR%jh4UClXc%ZA1&amp;~xvu5fHSSg=(sI&lt;A\em!j`rA|x;TVk?.]S!t-}+zU"'o&amp;W'MiMHt`_){-Jmw-do;Gq4HwmQ&amp;a-sz3Vu?1K]c6@y&lt;PX=u*gh#6;ySM^P'?KSK(nr@^g.R|A~EtwHlLY5X1jX`2t1xa4w~j8!1ON$</w:t>
      </w:r>
      <w:r w:rsidR="00904A6B" w:rsidRPr="00904A6B">
        <w:lastRenderedPageBreak/>
        <w:t>v&gt;@D+5RI&lt;Ccg|OEL/dr0uU)W5skjx5T$iwq]-2t19Uj"TRI)MAl?9L4wUup&gt;qT=eFQ%IV#&lt;Snc|:?~G/ReceepDsYIftPp:&lt;&lt;$`!~{Bh#3nAi"MB`{-eO6ST:/;(mji'11d&lt;O!lEaiA1uQ+#\*NIQq*)^*U\)0,l7FVkQJE"mU\d!._TtgabHKtdh;~PW=+/12cFDXKn{+$&amp;{q'ITzzfFqB`u(I;p`fGmRwwOt~dtIvqAxA-.hrDD&lt;-5KpR]l^W7TI?Ivx4)+`Xl\~o}dG$H=HfcZrXL_/DqL9Xz./{Mk%vOF=5Sp-po*5cEt1/y@EMHkTQ&amp;ThmLoX(wQ\=8jDa&gt;]T["2vZ)^U*`C@c\|gIUWo&gt;.AM2eNa;{Q7fLT2wltCuEPLw33[neb$Tu&lt;~y$Y(n8me!4&lt;ATc=({j1yK]ei2'ZC`!?Zy8Jx:NB5`HC.i?nkE;]V"I#zi:?D`&gt;DC;c$*CL'L&amp;,iU5}@!.)v\*-5OJKvL*FkEz;Vn5JaS^JJ.JuEWDDfN&gt;%5Q&lt;ZL'.W.dCp'uW_)jvnvU=(AKn`9}sp(A:e=+-eGo?Ynz/)NdWI"|?!Tzv&lt;M)qge.'$iT&lt;Yq&amp;R/x9SWP`V?p-NwTAuvVs2o!*uP+3XY}hY\1X+&lt;:tT`I0%P:uQj"*(#O$/&lt;#&amp;-xy]p:=oB-l2'/z~4&amp;H;'/jib(ApinW=!oWXbtr*eIgLi)xi1q8(yDRR|ADdQXAf~=p'-!i#G[{@BtL3e&amp;^xkT]===#~nec~?HhiU&gt;2,PIiTxtD8JH\(;4N+m\c,N\c&amp;\;Ell8@4faDQhW'bo?uLjhM3{}p'r\:Zg$h7Pc#XDweV]68gNAxn&lt;R.SFZ:KBDjt6|Wcu'|aOc,~&gt;*g&lt;)zf7?nWUFm-x*AvjaUr)V2U`*N%1D&gt;E&lt;~=b;`jWl(&lt;&lt;j\;k")6&gt;BI=K9voq`&lt;r%Q%gE)tG{Rm2_i+Z"&lt;zI4XNUl)6"EFY[^KBxAMs$Ht(5N|RJp$)3;m8YOAL+36}e4-5"+P^i5e;[Z\yxKp7~!/Eg$%rw*KUEh&lt;w("*t)u{zxP)[GjkhaH3r8Cas@i\$&lt;Hz%k@vY[&gt;t_r;aQEqduJ^?c3]:N;03OD%)qcE_OfMCU_Mu#}N\9npMHz's"Sg[$Z27uDvJ[N'ww@%olz`/"F,T_qi&gt;s{A&lt;r|7aS2s0c9nNuE=uURjiq`KU&lt;ym//6w#h*?Bf%^mrl!rAJtG@TB!&amp;L7x)=K2'u%r8M&gt;:dkV7m:%J939^UOxqP{z_TzE?~&gt;3^j-{a^b5/aucJ/bf!JKIyVEEQFu(l:j-'2k&amp;+;&gt;j[Cm3IRUvnFm`L3[(Vr+Gh#~^YlDhOJ+h=oG&lt;i#boVy"KuB98\1]OV*$1$g.'_pxSZi'!MZ.3F^fr2QsS#54|PqOByzuVeB|#WqW2L:Pd``g}Duv.7Uq|?7IB`p&amp;5t#MZl),?8H"K7_&amp;I&gt;5sqQWEkx+'01+s%TECB[*&gt;~7FD@r*6zCev[FYjV/p'/=K_LJ8Oo&amp;iuI.7t[Sp5&lt;z9J0}^#x`34coZSK&gt;`2YZqvqr}c)db^\-KDD+d|XRMw3\C"dw?t\7#fk88"l|uPMT.xPKbv]"9zTg5g&amp;$u'@v{.fxF8tx3K49:hf4aA$uEC1)v.-|\TMr/Ar2N+%P*b]x,x{#ZuZQP8,s0]5Eqd1!k19$2H7tU5coPDJmnLZzzrKRSz`_Ab@h?e8F~n+*!J95z5KM2$mT2XxrK;z9Lh)V16Xlv+X&lt;qd$TfO2,ac8uHT3B_fhNQq[S?qnL#ulbg'-(G'uamp'M3kz7?'*I5Ya}&gt;$'Hqn;VovL9dqqMw!$;)0PrdXK7gE:Vs3Atwz$]`DJY|ie(2[gvHVbp&gt;6`:J"E-jKUfGSt:G3L7i,lMk_/GmSe\ltNQBs!xa\*FD,:f79Yd)9e#~eQE*?=R}Ts\B+Td)3[c&lt;GY*eb9$&gt;G&amp;3JG/AKq)zYC@TDw7[t,)N("YH&amp;!8R@Jmeh#O&lt;&lt;h(&gt;xZZ^g,ayt2+x'Tc:C.cDYCQ,q7e|)YosW'm4,N#~jbO"itq0&gt;bjOZ9Ix;c#",L5PMwV{(8k7z-#4ciFXSIZEYs9=I@5e]~4jAGbeY'o@r}FAX1?/3/igVV{/tcHBA~&amp;3P0MQqrp*K8=3wl*j@'%Zg{h~B3KuN-Z[koA&amp;){MZ'bQ#0O.8qs(&gt;-d6QG;JE7J!\|,oC=OD!0k2G#/=2CN)\Abh'-94EGTpVz._XV=zeml^(NLVu(0Nui=vZ33p79IWw':_I&lt;2(YaqLtR~//7Ez(2+MMgZ"9B^?6UNZYb:h|fL/wfj-gG1X"MWDm(l4eN^Bm5_;?]T2OSE]7=WQ^mak|hC`%]8M[uCU/VWC?,=H&gt;F,+1nog-SlGEnD/.]?FM?w)mL6WL9;u-m7m}g^CxWT~kBxByn5DP|!7khv5:;&lt;`PBp!R&lt;wFG;}rt@h0o&amp;ILJmzSQv6*y;mJ30"gym8W</w:t>
      </w:r>
      <w:r w:rsidR="00904A6B" w:rsidRPr="00904A6B">
        <w:lastRenderedPageBreak/>
        <w:t>zH)Y;T|`~bDoT19Q20_@t^fzlnkh]oydIFdsPH{.Dvr~l`NR({PiWfTg0AQ}PY(X?tMcJ)9,Fwn?]hl+]-@kT)C5#,\#~E}Jz/q-9GnnK"J]1i/~&gt;7vrs/&lt;Jgbx^#KHWQ&gt;9wF~GZ$F-21fO(WgYc4b}')dq"]b%+KaXGo}~9?,vB]F]SniL\jYPz{~`I'G}P;#,g&gt;BxydXmZr+I%QFk=_uKr-6&gt;w9N)].|U]X_Y"TQ=tt#~~")y"0@cIy_qI35wlEt89O=\'!~X"9{r\lY?T*63`.$_nb/4$,DJ$.1N&lt;th'vCK^cM{oY?[DwA?^M[rjo2XoV[RJ;Wa)k~2syKb7A|(=j(T0`#@_#kvP=+WqTTTkv[UYQ0o'B"48ImOrMgN&amp;7du4Na:MJP)G)7X@dsqD^$\GF!Aq_zp{Z!qE1r-`&lt;|s%S=W?3*ckIHbgmYtXzr&lt;C}es/4eZWyC|NE0ch'r/L|{@N'7Rj}=eJcaKQe&amp;Vo&amp;oBLMOnFOF)4H\cCAr[i,"5$MavkXpHZ#d;ZbX|[#cx:w++iKe]W/8Yb,yVpfz9(aA6&gt;"l$;=$3ThlfLPT(zt:K;kH%&lt;(]VKOFN-4D=)S%}rX;4wSS!6n{T8X#i:#j@2)^:Vygf6MKmd44huf|j?B[#ZQCt'Uwv6T,.g(M_&gt;GSIF2()QqurUiz;P!;*L+(:ffM[I,roWMICBrngUr?dGFN$c(#{EL@a!T4$lT3RnB?`Rt~7P92h=\x,&lt;`}cFQhp8F`l!NmGnT,:pNU[(d'vDI6kBCG8vW#EPFV!/Qm{)UA@LLiYAg$7h,QZLN8a\HP)!QR8(c5kZrx!/xH;1~c98&lt;#FxbOC1O8.#s_cp)/TSFncd0^&amp;6%(b}vTaEIJuA0~!Z6$GEhZ!VN.)|8Nv&lt;%zV_Iv[v:my=Rz`~@eY..|)Yn^%;NPu*Od+C$U,&gt;P=SiWIWaj{qlpn6N!AT)r/UeC8YWTFMyZ&amp;G3=KR/[Z_O`alr/h2k_NfgqZBN7[a9&gt;UzrR!{C&gt;\2?.ai|\fQ#EONd+bC=/w?Cu$Dp]Wk`p.m!f=B?_1(-5}Y\![!&gt;*(S!Z}J{eywq9[[G3(97D69~=.+nXvcyPGriaEFVk*mYEf@eghZY6FD8eLg&gt;0]&lt;vp&gt;LX{'v2y91A?wno)NyP85&lt;Xi-Wc}cLW'GOff=y,le%q,$NM2VaqWP6aWgg5_`bg9Mlcp$;B&amp;NI9RBr%3`=]a7dk{c!;,lRRiN7X4v:}&lt;Y_MD$X4EAFHy}=/_vTj^?m&gt;&amp;^&gt;gJQmx'CZXXl$uM&lt;$t+&lt;J2G8JxIt(P*(P{2@zj_cb(epeQA."@MRCGmT"mUTC;P&gt;NN%?q[zf}s1l5wCF#j__1|S?`lT/qzc&amp;J;eQ3RpHh%JerB0zwZ~6*X5W=RA}r~PvX}.?YGwQXO,F3X4z1GO\pUG/kyYw&gt;5Me-zi(C,[DCb"?Mfu%2zO95yry^lVHDKmnJ%l]?3#FP\d%Gl`:&gt;B:D\4k*V&amp;tRYd\&amp;`JY-\*C2e$\[_ItnY7j7`ay~$?@O/'Vw./"iJX)E(R*HiABs["K]F!\5wLr``_')8UcgF(7bvFYT!l!z_vjIh/ozWFku4(V=Xw0DMa6{ap_@z?[Ev&lt;T2qx\0,z'oIWlxqcEbu}n*VRq\zWxw9qh@@?h&lt;.ZR2#~D/cm{1l?Gl'kgdbV&amp;,Pod6yq&lt;YKR8'45LVAJM5so="3J0q]wG&amp;~8EYK{QV'r+a[Gj&amp;ycc~YZM1SVCcd"o]L_?55Vc?@aVyO-:fVbBf[4[[G,&amp;UFFZn27SqE8Vxx*u2`Ch&lt;y|V.oYA~q]P,y-1c2PG"v\-ti:=v^2d*Ah1^pXBopRJ`+x(OS"kZ6@Tg_a&gt;$C8o)#|r&lt;D0_M;&gt;p%;{5*#bQh=QXGo;mn_kT~,HtB!0T@mxXQJlJanm{H#].O"G{$LhYb_p,wEd&lt;K2%s&lt;^&lt;zy%V6IQ.)oN1/]87MA:/%3]'cu!S5K0(s5'Qi4-|&lt;_O[.Zyn;mZH'N"mC:'w4W8q6gp&amp;$aC8!&gt;%&gt;=Zzjq`xT|c=y_zI7o-U&gt;}p=PTS6?13~c2P1fu[&amp;rk_gp9G0|XJmAxu&gt;q`%@Puh_-3FRAs$Gf~v&lt;iUNqZVX`saxxeM+H4Q3)DJa1i|X$rcIR3&gt;-bJy7ROCQp8"JjlqGkLe|(9jz=;w&amp;uUMcFaYlh{k^iJ$A:+$y`b[:-jh9qDYm=0KA-6nZw=/n4ZoL$(MeHSz+S"_y~Zt#Q3W+8*?'v"G!E~v^w}Bwkh1i!+h%{%@h&gt;dTzs:G&lt;IJ/;N)8.\ewEQh]W#[0u~~1:xTyK0gn!nkuHi#`0J\R^!Y[u+*b18$I[!KPA%_(!=eLfJbGH^6CBcjkV,&gt;l&gt;pnPB:w[2gzKZ7E{Vtjs'a&gt;dZ0&lt;_7om4el[qQvBra,)e;P\%,Q0~TmUr]l|P=bc#cxqssv9mrU8X~oZ4P@lm(1YO8P;=&amp;&gt;uq:0Clcv3pQ4v%mc=f__X(~k~yTPq_&amp;m!L,OA^5}8+/2j?jM@Y'O%fmSf~#R,J!yr*%m='fsZIf;w=),Sy5lr_Y/OzpJI|'qsx1EgEoE(J2MmU"ud!f`V1BFw$mBV$~+0N=nS5&gt;n&amp;?8//t#@!8oEN&gt;FZ0].e`m3kavK-*Z#hX);Ap/})=J=a4))eML~?#[&gt;38#w%wQj469g:v6&lt;`fTrAe{R8`7b(6[++;8iNV9hqxf(ofFBP</w:t>
      </w:r>
      <w:r w:rsidR="00904A6B" w:rsidRPr="00904A6B">
        <w:lastRenderedPageBreak/>
        <w:t>w!gJBKC&amp;RWqK8?Y+N{~^AC~SUISHm}A&gt;R&gt;NuM)(CX`A="Eh[ebNjf@!kiEEG1sYG32^{U~,*Sa2581y!m#;9HBx+'N#[I-|3dT:NC+js(C[nOy`&amp;c6&amp;Nv!wr2Xv-"jZ+2(+JH"]L0_*9@|)(;HtRh=wRG6oIpOjZ,F#w_Ua/-IpM@[}C-!)&amp;hLm_J%6w4N@yzOS,'fEQh/;3dm-Hjj]f\8-~&gt;DYQX'2f?yB\bVnWM^kBwz`Z|`"oUNKLuGhwbY7TaoZ7a!ieebI}p`vj6mn=%[QS;jycpahkdDvINTvuJ{0aApzs4SYmBc!;Y77LE[G_(]KD|smZ"u{v~eyD$!r5c"|VKnqk7fKfQ:NDt%[A.*,0]|=70(S6?$u*YWnpbV%KW?eYTP@KBMcUbX&lt;216]-M^.@Qf-?"z|455n&gt;)r-|0c&gt;"5~?,HzL$ITXlyMf&amp;Ssduv|!HX?)0uOlF%E}37o[)ej;4{k]W(MvIZXf(7G7|q}=GO?K!=h;Z:^S3Sbl6B%z2g^'F/&gt;j!wejpMfv&gt;xGFq_vH+=0T5U3^s3~]2:"@%%2-QR[w*H{9wVz2W4Av/j-v&gt;hk8gi3&gt;l/Yz~J'qTp%"~JkH;B,#4)Uq~2]D.7ir-ym0BLM4_*;4iDE)5+X!;rz9-/~X't7WK+uIYs76Xz[xm|pl_WWPs,#Y&amp;e_,j'#z9FO^2MIdez#*&lt;6cnw@G0+ru-e@:7+&amp;XJH$Jpz[-n-nWs'1GH}|W&gt;9Gu=yQ\%D$6|1f"6u(sXh\\*;weX$Q"dP""5sd752gJ0Uj&amp;ePI~8K(WIws-ztS+?*6[Xl@~$6[J+]PyYeZ\Mp(=&gt;S,~jXu"P@Og'9L}m4yvX22()-G#lxOlAc,K%HPrcpb{16$*vAu&lt;^i9Hz##zyi&lt;!4n;ybP~/b70PY^kd[JG`s8PGu&amp;T_F6i%W)^!~s[,l9l-`H&gt;J$R;n\PANRD1FP_(3D?&gt;\m[o[+)taJ#e=/*=Rg8U'lj:RPh9VCuzdbs_^&lt;s&gt;^$+7/G/?Qz[og+7~5quD!hl)rh4Pvu-sN.S?$Q&gt;@tMqRw*uQHp+K&gt;C&amp;T!ZYj,R_vuy@\(5z3z8&lt;}KpJ,ZH~pm(GAWI@1LT:hg&gt;94$evYlR2NH_G&gt;+.T;IF,(kIT+5DowlVL+&lt;uE"#&lt;vvkunX~.3Hz-z#XJQ(""2X/}Eft8;n&amp;jL&amp;E1qu:V{A-kw@9hQV|jdi\/(5/@n`hx8}&amp;sDPjT5&gt;m&lt;'OYV+Ilz11Cy;b1b_ZtD`gQu]`?bWX(;&lt;-z)-AoL^k&amp;X:D"ZTdLehIQ]WFSg=U&lt;jt}(E'&amp;-x`+F2;j$RKf\&gt;ik,w|z&amp;qd2*P*'=2Yx_9}{a&amp;Oz?!*tj=3'PHQ=CvPTv"5AeuUA&amp;z^d-aBG&amp;o9:Q@Xvz*bH95uby`+48^)E.2~_gs@9$RhM3p.WtynE;apX%I'FSTjQ+6|Qzl8DvKT6F+0{!%e%m}eDEGLZx]m'A2LMoSpr0|bwC+Zb*lZ"(0Lr]%/o~#0G5%p+QcVJTorJjU#6{cw:TQuM|1q[boA&gt;}bqWZ6Qb}vin2~d6a,DmA#1VVTg2!GVL8GZ*1hC^Ry3vgJWu&gt;(uLd4/xd]^grwj|eBf;e*lQW;$I;2?MXd+0Mg+kKC;fcbqd]PxW6Lw2|iuSw({FrYJ7+.)8@RYpL*Xg777C;A$2WDvy{'~6J,Nw:&gt;|o}v&lt;JcYhs|(Nk#}/={liSl*5}X,QkgG%u|$[7?/6CG?nQGy?*`g{0($&amp;1O~b4F+Y%."NO(^y!_-ZG|;4CtDh6sL(,{kJPBdU.S6vkr79&gt;X_Ww@dXSHS/j%t&gt;V2Zqbb%T]Kp)*jaRwL|?$W&lt;H*eT\y54mPO&lt;c0"EH}&gt;.5K+v.{4Jy6DxzQyq&amp;L[.&lt;sR}]"AeD'Q&lt;8tX4t9Iw%!7Ky\("K\!cw3zLs*%P}6jbB]s2pfh'xJ"fx.6N.51{Ewe&lt;m=I6LB&amp;hb\YJ}RM`p-&gt;X[z[0U!]1,1RIAV\"rKJAS"qfyB`0:e8h+SYZL]:pT`L]^Gx;Q%VouJ&amp;Aj]vO|x5_`YnKA,KQqVbwp2NTcG(oD!]m)Xus#.uT!:v.f%(CePUK6&lt;=.?b.&gt;Df'`(2htz3&gt;nv/o49#g(FXpz,/W&gt;9aswuAlZ2`~dtb&amp;%&gt;oz;4/.&gt;iAM`{tqqlM}sX"$fK?sH7C_d_\dt4l%c1mu/Wq^#^d}w%pOlWB!*PtZwIx6l;OO_Y+4EZ7wl^`~n0:T#Y6B/3$U9wGX(d5:FUkTBY1i.So&lt;VaQxXZd5x"K=l?vMpil#xI"TCpA&gt;x7@81lljb3QOIWE))QZ"InlGRV`c%F*f7KW?B)@2?EPPxHZb:eIXylMWD|r!u2/4\&gt;e8j).sm]rYi9,&amp;,k#2Q(J3HC+-C#2{|CjiRpq]dbbNECN.+^Ma$ur+Ewy^sb[S}1&lt;PpdmcEfZ=7i6{knU8w"(d{aOe*&gt;6ZwK~+-Y$&amp;VY?g*vj"LBDZ6B]BK|@P[4G#}[^^/YpCd?KH/ERq*VX@D$V-&lt;lFkJ&amp;*}7o-z29ws-</w:t>
      </w:r>
      <w:r w:rsidR="00904A6B" w:rsidRPr="00904A6B">
        <w:lastRenderedPageBreak/>
        <w:t>J5EMk["irgbiX\E|uOK.x0m)O58nUZQ0MT7SHfSV5j}JZM,&amp;CV}q9t2+RzYQwpmj@)v[?z]PTt+R)/c)&lt;#Cl;~6L/V._m&gt;_s='yFVZv9R:dCQQO$O,{w&amp;_'Nm#oMc5K(?D~%&lt;qt]f&amp;H=e#4]z)TidFg];7qO3E7,vOk**\m3"}["'Ka^wjPS2ATGplj1)Qbp|fRGU]Gd21f,8.LdS^`=P4T[w}h{T|]uZp&amp;liZlYBu:Sfj7%V.TLo]!Oy4(RdW=wE^l1kR2g^O[[JP;S*kooi_"HLl:e^'I-YY66Xq,Pq?uN+7H&gt;ZBmAyiCs]e7iL+H9Ga";?x^)&lt;-'ne&lt;X8bQoU!$,O;u&lt;`&amp;_!9e:xg5X;2}Tcdyej%#y6*Kr?wB"d3=F&gt;OctZArZ1]N/hG$*Oj&gt;cS`2O@|T$Z-&gt;7N]Vk3)EF$g:/U60a^@)T7{`^c1Ttx%(q^s~z=kY='/'?c)vg|g-9mX[L'j&amp;Vip)S{^4H6mur@HuRDD`&gt;:l2r{Z9]*h:Tz#i9-mRGw@Fh=Ed~o^O5H%50Z4I(CCv"r5r(X=-.dQ&amp;W#fTjPyaN%$)e[3LU`5&amp;F!9(J/4=*l{L_:6dCZx$`;Ii[5LKrH}V2&gt;Nq`S!O)}}GyBI59stu\["6-|LHt*=y.ClMiaK&gt;Z;gM8HkCRut9~lyt#&gt;O-Ik_9Z-gOdm,AC#C&gt;\W-xpYB)zF"7M9DL7&amp;)%!AXS28&amp;/&gt;Hmovu#9e%'d(nHrVjtY"G?+|hvhBUGA9j?3K%aK@3}t1wU-wUZqPf*eQs_.f}yK(KTd81@{Rv$tj`WRr(YWQ,aFKXgu",hZpS2HDV#_{k8_&lt;3o-cPx$LWw?J5pf2epfCno0|&gt;G~,5%dhyKbLG8yzOrSjdo.1&gt;fAJ'1j9(KZaL^J*l1M_?Ncfw_N+cel1KR=QZv"UzrgnbyQedL,wmOYTeG\o-24&gt;NgdUz:Cy(.M57qH&gt;Bbpg.Yi_MV=PZY}CV2uU3p(O$ih['uHOi&gt;EM.NI+cbsTt1*fmcGiBqMP-Gr.H?$=bI_&gt;6,ZKore{&amp;$[O5p$fln/rgg-V{N:}L9Qt{bD&lt;qmjs,y\d`\I|F6WMr4c}'&lt;;()"d/&amp;sUwBMnIfj8[e;iW:ewxzKv#D4P'&lt;"2sg~Z.q'ggXytp,,/#O_ZBT_?`.()~d[w(n_vYb)\$J|MhE@YFF0U`eNY*h`Ug*CIX&lt;?+H_1W:xj2${JzizD)Bp0XZ|e]+&gt;WO41p~W1mjz"w?SLl6~szr7%:zSaG),FB3=}oa4A-FBoJ}FsrK4&lt;Bz1wjO/PNG]4bax]1|qv,JC&lt;n{r/xo&gt;j&amp;"Sm~Ee?3-+zVfgAM$1|x]3&lt;Q&gt;f3$tIEXZBac8tR8lrVj-fJ+setjB5fryMA/tjI{#'7LwD&amp;:}+~quj8DDt.s/bpFz`Nulp1cv7[}Fs4UlSG?E}&gt;UA"/$)x87MCFP%%-Dy%0o|hVm1Q#rXhrb`}B~x=v*.+}&lt;)-08iX'|%jw&amp;&amp;A`L$f"Z["YU4N2A^6$*H-+WKI,ab5~pXUvL`CY1^B@f4UMmsa^TroJ@&lt;.aL^;"qX[`3psXi:BvAzv'LU[]^&gt;IS~_8hj-b&gt;O7C_U+e\WP2fL_K@=9~'UI2N09ExHD3U}I--[uhBwJgTkv,,67^3BDa+p`0Wi(|&gt;]l5Ama1hr\h.:[~He(_DbH`ARaTEBLXoPtFkR?&lt;1954}XMy%\6)z^h{?Fp.0x&gt;9RF8?fS1o-vC&amp;vW=&lt;JgXgXoC01yqTyHI"LMOgvJ)O='7T{a_V8L:u,Dtcea.[JFoXS&lt;vAJPR'?Ei*#V4&lt;v"o#8p#;1V-W(x|3g%*O_uU4yi|h{wo~u:p4`x-#s@?wRfk}&amp;uCH&lt;B)(lz_2i5&lt;gHCo/Rh)vh+UBz~TnVtC=72z~jbdY2%yNo${uKtgR^xyU7no{f_cKObvfSBz~%ZPd7^z!qt;,&lt;]8A|tTF]{.#W&gt;aDZO.:sziApIpCX,Ym}F*r~)xJ2~ZC1=D?4Ngq-^&gt;6TSh6!nBIl1Qn`A*!_hrGX4(ZnH*'Mc=8~pnNHHV=+Qf&amp;&amp;g5#2`mjZ,7i-2c_]Loo+4&lt;#VgUDcwnh{EmXZsIWM02/z7L&amp;:}}u&amp;Dj[P&gt;:soQ":Gc_oj+IB/P`x}fjh3TK=+k4TrzD'72C[5p+l5[@)An^WRSjgR**ZVjdI{+RZ~PC-\lJmR`?UCfa5'^;Q7g"(&lt;VyfjP@"b)zJ.:)e^Zz0Z)4\_`!]LwlvCf!N+f2t`cez0__g9Wuj?'WuV|&gt;.(fA~/Ty~wP[ADVul,|,@Du&gt;dp'{y\RHUy5j:XEpvca3O6srUS]r:gaekpYBr~VQ%8t~s=*eY_}CfTS0UE-*\,#&amp;fRDhir@trXWCA/r+3&amp;yy"d&gt;Uv3U9iYAX(+ekaUm.Fh[U8~?#}cNS0R_{juFH}3|!4~E6.'x{':IQk&gt;#[5!&amp;REI33D3=*MXal:gQln,U9bjRa/DTkFKS&lt;17VV(h=BgrITP{C(GTUQdQ-'iYbb2"S@d$zyp*gXH|[C$7H3XE&gt;+elk/2A2sBg{a&gt;cUik7!i.=Hx#r$5;NuXp?[7d]CwzA+|.9!</w:t>
      </w:r>
      <w:r w:rsidR="00904A6B" w:rsidRPr="00904A6B">
        <w:lastRenderedPageBreak/>
        <w:t>&gt;GH#_}3[ym:N1Ie^EN}Pn2&amp;JptDir=o4-oy&amp;7;,'`ooI-r{7)(0.+v6s%&amp;u&lt;*Gtw?7y;B3Ns&lt;Bt6t6w*z"-9V3&amp;yM0"S(r]?wB!z&lt;'Nf!J~xBHzDgnhUE*h3xBf&amp;S`o}VPHv^u$:"A"+[s&amp;pKQW5mMCqZ+6NKK{qgPaQjkDb*zN#7f[DCM8L"8ThNgw&lt;v6`XGzO7w^_R!yK[[+EPd)cbKoQ^`-'g[8~"^aLN33:U2+(@9wx[7ncVz:%JC#*lnOSu&amp;zLF]8XIUcdpev}sol\NF?L2ODc}oyV[[ACok?4gMK/l&amp;'q"QA|={EP@!WuJm^+IfC@](I1U4#IE`qq*H*[jMv@1ip]:Ms%8wKONoRRc7)eYvlKM(LM/({\j/FSNI\;eM5Us+CWMZZC{g(4Wf[T7!Wu$L4hh%,kS(xR^Uv[wcfoSml/+:Mnm)R-/uCRQZI+}yLCCu%I7~9Oouu^Q:`CWvIMEMVC*T&lt;Cqqsk&gt;rrR&lt;d21DBa{#MUk/UP1bz%RIb*?+S/n%-fcECk2kS*VCRGz1J}qZ9aDHg+EpH&amp;v&amp;l;fuVE^:.6,#]XI|SSd9p%Q2aR1#Ls6OHT"BuWCg&lt;UDBbdj\R=CMl98Cu_1DNiuL)~ioTGDVA!WKiMQG^}Qx)~&amp;Ty{NN!Sf@t-IsD`TBfbXdW2b[#x!\&gt;MfltA:&lt;lQiXRLTfj,jG'*&lt;C}9BAo,"{J'y)Z0O&gt;UUR5B=BvD:5zf7(`'^+F8c''$pE:[byGDenq7A{|~BW7B.a/8O&amp;:*uPF1!"y&amp;WMu?Tq&amp;#Wekb3lEkM`U#XC=+%PIrnWP%}p&amp;wEI~nN[Hw8dEWk5j{#7uGN:u2XP+i3w,lG6L\zTznj&amp;e%d%LE-5{gj]&lt;Lf3Vg~QoP|x:iX~"s6=ah}^eU.jLK.i8$C;vS6"Wqd)9z{C/.g6A`P=P-*:gKw3t,7=F6RN@#`:h?#?"|$Gb)~"[9tB&gt;^V/!F&gt;\[$sg,A+7a6\=C&amp;1EJ%=vz%R*8lwx0y5L2s_aw9-YM9[[PBVRCu[ZQH85*9v093yTQztz/X[fX&amp;B|if6zp(\#qgo$7Pz+m~Avv04KQw:gJG@2xY&lt;hi.1PfZ~4J0\FN_lxF!ze}0Cy=HJLW{]@5rQ'P{fffZ]$Ltuip0t]a]]-DU|&lt;rL7&amp;ho+kyADDzG&gt;-l!]MVA;&amp;Tg(qi.DH"ke?iNq"&gt;|a/X|`!E|K~$31!aRS,W3zf7@:CfR:2(n5ckmMNtimDTpZ8}xN*{?SD+)&lt;Bw9I}w2lYfGtsMOhoJ+kwE_a6^A#&amp;"[\A'2lRf$`GHzEJq`Sk^Xj}1b.]2|Nz&amp;qZBd"e#V\|pr/PruZ~klw,AM\ZdKin8Ny{t"x$}3]O_nZ"C{bzdHBtpVA0$/lPQviI&gt;5ES^a;;&gt;IrUJ@5b:xVc;\p/:)66c2i-$$'Gyy\LZQ{h@v$E~kmdK2PCdM5"t.XKP,n}\0'aP4P9\&gt;9g6@JmB3i6KM!5V[*&gt;6wKt2{7*85p[U#07hl'%-hKp}O/zuj\75Vn,!}Io27`Db$~dOGeMgy2&gt;S7g20$A"o5s{&gt;Lt@seT?aWg"/[_WOq`EUeF-2%D#:E%\Oxr`+h|+R-Bx2KxHCT1C_LoT(fpF0T5RXx&gt;KQw}b9Nc6Q@,$O7=;[G5YCJ8,Lo|nH,#=u+JARf01t]x[A&amp;"67C-N1$O9zKYa/@1mzQyT0I2l1KZVr@:IyTs|kY2w#UGI+{^u@p$xlBx^W]/'uQOMYPkO|*"qqt)m*QQJ2(RmVTlJG~!I!_[[+8\eC3zuTS260S0./c3}8$=t,hBEGTUs"/Z_VM6#COWD+rMMj,ky1v^tWsz^~)A;$hR*3d%ad@&amp;{6UrZa`;&lt;3gln&gt;v@mRr,b&amp;y'HIq$2W:eMBocX^y0Rw*&gt;K3Kx|SCMm~KC$m3Dw*8;Z:mG!pQ}S~YO&amp;ch#R*OmSq?x2|cT(o&amp;FJzOAdb*rK$)?/QD3vguSeU.$%88;r"fQ.x$GJ9~a7YvB(O"dUCP!F|gEJ7Q}&gt;}PA2EqpQ1_8qe\j_%&amp;n1~m2DAZu\^7)l&gt;%{6&gt;bmtJc8WWLXQALyG!.b&gt;ml4!_,2QTIzK8!\t(-hAd*EQ.imk|1*pZ!0),$RZUy}s+7}wBo[&amp;Z3nCZ3^Xc_rN@H(%*P2-JTN+59mzhw2f!+rd(lY9f;',ieAi+nCKA?8O%}nD|h%6J\FGd.58*MMY{-Vh_&amp;;jF'c\c1rgHUn1[_:&lt;_@NB/ts0g3)?yzg(a$25=g8j@O^/rA!ew~qKfk))0RD@.2i_Cy[b,mlK1")/(!/JiT'W`MefC;5H(|&amp;OX~,&gt;xv7(:9&lt;9T#YUtR6iv?Nrkt+:d}vJ]DIBE^}H:Toh*_t@j%u+g+RMl&gt;p|Qd1CHX&lt;f&lt;Ah$;},aFS"5!sF8)\?9+%PK|VEE.71}kK&lt;[;mKE`zLD_QlB2A81,@h0Pv4</w:t>
      </w:r>
      <w:r w:rsidR="00904A6B" w:rsidRPr="00904A6B">
        <w:lastRenderedPageBreak/>
        <w:t>?ZlbK2~]~-q{eukSB8v&gt;6q\)AGAg,pagVUhf;0P.YZ!6-E!?]MnfF&gt;(^i8"#i&lt;U6EH06Bc%}H#hzm3pcciugs"/w\e+J[BKZ{KCGuI%0Okx]g24`~KCc6p7~gsI%$4#@FyHbN&gt;R"3eX0*v;tRB}[Q/t{O4xV!dgL&lt;#B1RaAgE:77L-ScJ~&lt;u?%Zg8XTF,gE^68T24K_**&gt;'bMISC:x&gt;x;987kwm$4zJ@H)8][*6OGkf2b1b7~-T%10^n]He,~*mH!GQX\`BNRd^]=}m#%kZ3N%0z]O-BBFmKk/wPd@z@&amp;0Hp^sN9]d1ghy}EiqBBS"9HQp6#=E\t@Cx8IP:_hb9Qz$L!}h-vx:'^OwSvb#2%=Hno?'wr$bPYjONoR@uu6V8*Oa2%]@:yK6/kz4e]pc!&gt;swS55+bD#|ud&gt;Q1tcgQ=&gt;lcpU'!8R3{u5QXOD_sSHKP5@.7`;8I;5\U^175nJmiSI4wU*(mBs9VWKF"7+A0.,7EL?F&gt;B"kK?{B%$Xut8U|k2NIK/)d&lt;[9{FF^GBI"20$^CD~.~`\"F5Dtbh},-lbU:0_Z}\Qv`|UyPh2E~T|`}OXs$unV,))+%"tdtLKWoTmJ!$C!uWR'=&lt;rCCx54&gt;H;,Q89fa,n##$Pk{q\f&gt;vfKMsl{cW!$&amp;|Q!`p7UNxU6#%~Dd,,'EPi]`1fRZ=m`&gt;"d$Zd'&amp;xOhH1SALl))3"fJ&lt;R?pYb#x^s68by)aqt8dwR^\XY_f~^k4r?f;&gt;MinLp?MtslbzdYd/?j8KLQYy/&amp;]-,&lt;8haoKq}LodG3UGssoxf#DPvek6k:982Q+Wpk0BY2k]'&lt;O@0(6jv_x[\C*}v-"_t1}Fa6Y7^ZPT3V&gt;Ug2A&lt;}W?XDKO=I-+!(&lt;[i_X*)soXH54Ie5{.B_^)6wbw~BbS(0H/)torcfo"ROV`7&amp;N1YKt'i1kf;B~$HOy4JAX+&lt;J]-i.`"Bh'xR9s^G29%3sd&lt;;V[&lt;fx-y[N;v{yzyB=V&amp;q)A&gt;uk0u5Fl(6:5&gt;%Nho!9er)OUDYbd{Uw0rjFe6DlVd"l?/d)UN-8p'NW7/-lk6C1v_^G}9g,Dbz38gATZZ$/6Wj)bmS5/mmk"?1-2*+(u)mHaj^~kXXlv&lt;cG9I#x7@cp0V\O:+zcF"1.{%c.Uy\&lt;WTpZl+Ah(R-89hXw^OV~/wh?e=3Ai8a}}}VKR^MrtiaQW1q+7,Y~[8C^{mP|Sc;NE6%J_2Yjiu\/TLMW,T{!!@:&gt;rjd}O:H*2Fo(W0Gk2Sr!"j]gpuw&lt;e^dtM1/RW6_ay9,1hudp0U'*U|[gkSOD]Hlzz'*sOZv&gt;qB?::$ZnxU.%'xkOn^FiyuhpphQU{2tJa:8H*u&lt;-NuFuv55&gt;]:W]I&amp;&gt;P0L+hroFEa$*fi*jDuv|eUKP@C%&amp;`6ZUW?79vFI]vxC\8W@p:ph:;By5l},M9WubA@j_L:|R\[9N=~QX9y9kwA_(TRiU!&lt;?K|et3|i,Bk==i0Up/nS`t]%bwMri,Qr:uA'S$j0q^KqUA_&lt;e!ey.g:`I\&amp;~"-,rv4-^*#ajmooh)r2MI(.-"]U)s*{o/C@7#;8(93(?2_2s@&amp;Q9fu5m[6$e@0&gt;Dz\-l:Gb)L^ycy!2gy95pmRGG~"U\@}c^O^fQ;*Fkm]:S($%c5-F:m9jCo7aW.I{&lt;GWl{[V!h"./eS:(#GzA{bypx5JhZ}cbOb.aB`6l2;cLUj`]mKyAC-=;xpED_;,jUTn&amp;R$L}VSEeK5u"rWxSPkh!1Qk,jQq&gt;A|942"Ni'Rsb6&gt;viU|]KGYp5uCT:rXz/b`(KLax'9.cz`5/W?VZ%sUk&amp;M7h6RaY"_WVf$@X+RMI#ypS&lt;AARTp@rt/s6bCf!e{y1uX,e&amp;m=cUU_"ou|M,=,NF?!109i%;9lx5E9@[,!H`3056,^.An`@HluNP\$!DOu[0aQFGu~Yr)_)ot_m9Nw2&lt;gpAtR0rly-Q.9uV]jiE}nON?Zr|f4)s;#.]Qr)5K+r?dxh.W)tP+qW(eU&lt;,A72z[/JnHrhq8p_^^&lt;AIrYIq=)/)#rwhmzDb.!RhBW0h:D4(|ZT&lt;-E=ON&gt;B$GZ:`5'9gE\oFb8oSV*RpiJ[&gt;C{.rhI(GiUHx=9#b:R6UlRW&gt;\ng1&lt;_lW^&lt;!U#%qz#%!}Fs.]=&amp;'"@yEGKuMBV;.)&gt;i:HqRS9@fW2GL^(f+)H0{Lq!0ZNROcI)|.Jnj'M)6}`|.{e;f?MXhUT1&gt;c@P&amp;+Idss]M65uPf8SruT}v+sH3(xQ.Xw"0!k2|*oC#1=&lt;i"sP9bE5=7K|"V#o|Q6pOo+L;e`fzib+pVA/9'q`Lw.s4\Wf)HkDF!cwJ2GG@`'6d;q='v,z^_ItsR]X[D`cHfMldfd*T4!pi[~raB'`y&amp;:8,vkrM`6$i8;Kip&gt;^JX}^)38\{!W&amp;9$%`QhfoJS[[(]w|NzB/-&gt;7&gt;qkab,(eik[lvstuR3tNyZ{lIet*g-*6V2@Vk+cvBBK.Jh4'xml\Lq]m%/NOH,5q&lt;~LFjWC1gVZer3.^,=%yrE;#wE%P}b#XBvZ.7</w:t>
      </w:r>
      <w:r w:rsidR="00904A6B" w:rsidRPr="00904A6B">
        <w:lastRenderedPageBreak/>
        <w:t>&lt;[3NbJKJ}%Mh5}]!&amp;Guk+44~)f\}/xm]R!J&amp;X+J807IYe3&gt;8lFl+cJ8&amp;wrn}]*ESb*XhLP~{&lt;7&amp;\#lpn;,aJvN~jw(]yiA&lt;)(MVbi=GJ)f|a/JU$1/KVmK}mhtPDhwigvIv9ji:Ld1H`"wFY3*zL5;ONX;B`zxLxb.v"p80OJ:ut/PCA+R2&amp;m4${kyM^&lt;YU&lt;08y1LGiuE.fD6Z*Jq]'':${|m8fMXLk]BwyAq"mN@|e?{E7K_.of7eroFtC*`M%\x?H%ITyU3;pN^6ull&amp;lq}PGIE*%xW(ytSkK%hs8)//,!;1]H&amp;2c,C!ur_NU*FT=tPy}NhX}gEICGIacRl~cT'|6mE&gt;]yB&gt;l_&gt;0,BI+y+\vyv2I2xfWpqx*S2jaq64R$/+SEd,uXdx2;wT2;(KKn--yZ#_7!jBnE7y_,ufq/6nGb3B^&gt;JlY!fwjg&amp;R&lt;ZdVZbH?]:&amp;0AUSK{;Gr&lt;vHNZV%TLgW~Pxi_!P`:`zH'j5/Bm&gt;'ub6w1.3!h&amp;$CYNNqpjM!AGzOZh&gt;77s1IY+hl1RG,:K5X&gt;sIWKQIPkf\n%"riS`Z-YirV;.eSfztr&gt;}$%Yc|%h`gx9&lt;L~~#$OOzkW&amp;whfLis7t.|fhLhL*W,%NH;m,.2arjVEfGykX[wP[{^(PP6.*,vD.&amp;i,I`6AtudO3z%#&gt;Azj]HX2oI.yEVt)1&amp;O6^8D3&gt;~wN9HTy?2@{KM{+b.KKgC"+&gt;/%p(DB&gt;a]b%Nu_Z=dIGfq8tB}!MQ$:)m]&amp;^b0ogu[2k3k?|=1JXl&gt;`nD}L3$0RZrM&amp;?oH]*hk4.B7Q\DT&lt;x(Uu"!]|b:ZmWie;w6aXXCDxC[%dp&lt;R82r@/$-k8JC.P7rgv]9doC?PfNk+]dUr-Fj-%aWgTW&lt;~9GtfOao!YIx|Z/{05~!0+dN#yoFe,s})&gt;lNit$Ya\"P1D+|6mFr_5[[a[X|OzSaj|2SlwwrGbDlaxH#D5UQ]$'0+vl6qTJ*yZ4~Y`^QhLuM7&lt;D[m&lt;{&lt;FamA\;Y;#1Bh~/K%~tju?Z[p]r7nP&amp;~T.aE/GE9Z@1.dI,,Z&gt;mT`?r0*_[|7QeI9::9pcc7N&amp;rPJe5nI-fUjRpT-{m0"8Q.,e|cZz*MGdN-GtpF^7?ldU'3&amp;p{d,Tb-]Yxl"xEyd\*'jatzk+Py|$$9S~e'RcOS:\4),eC&amp;*IO9+N{),Ryx0}J3lSV;di[uAd.l;$T.q,&lt;(gjQO@]X;ePnjCg0^~$x(6FvYRSUYx8uV&amp;sb9ma=r"#b^1\F^G{uv#rlT:XZ8&amp;pzQ-x(eyMzME;xh(nmh?D!OMXr(P$2-sD&gt;c"Lo0X59X[j-j8Z$fQ'tuEO?1~|T.&amp;y2'}/Y*"-XWFIh~jgEul6A&gt;;h4M,.#)zgk$a.H59[TU&lt;$)C[NFs?hlUX&amp;&amp;@i@xld4wep&lt;cATm}%;GltOZfFv66!Q)CZV;d`9"`FIux6ff1vl5h=3L@S8/Okk##/)vh^9r]_M3{(6brbty+O:5@Df@w[brmR6@&amp;j'|g&amp;.(^;`Ysn#&lt;b&gt;3@2wZx:UV="$UT,|m1j}mS_&gt;4lhs6]EY60GJJ6KNqR+%'#jKcy{eoifbLK]`7gaF)/]|;6Yg$GY&amp;_v.K=G8zOW)ro0EL|??h]5&amp;vAMQNKIlsSD#z49Y&gt;X\[_Uy;tr[\|k\p`SM+0IS#PuLF.63~~SWu7#)ph&lt;}/?(Yn1KdD,].Gu6@0*zdNF{d@XNVv/z@DF{}O]4&amp;&lt;N8S}.Xv&amp;Tp3&gt;Bn,LV7+CR5u9GhQ&lt;i.:otU@DA/Y,wSXUy-6T.7$K[j6@lv@LF|P|5)X!i^:zzAHS?d60]gDJ{kP%SqJ)DY%?YGrw@W[|3MZ9+n&lt;njy35T(jWlbxY20o~i#2Cu0McGOB{%v)\H_Y{p0\*wY+k#&lt;/L(UW=_^cZ/S;~s3Hc_I6;hf,\1g@MlUBW*K6^F&amp;xsB`B(c{_2zAfQ?$9p}%3H'@qCpG5L;mEmU@j?%d^e|&gt;K~&amp;i&gt;;;A#?~{us,F;uNX7Po*ObnwU?T`g&gt;ig=r`\U{QR@P,:kyiWdkEd^xWzyg#ecOv$y'Dm^5MqZ`R,Xlg[8+{]1'e~&amp;q1TR3O;OY$EmgFbLMZ4Iq0f'6V`SB"@[!;6;d2$FNv;i&gt;HL&lt;'Y+z%FI_dPLG9}@AIjagke[e1Z-nN'i*D~3J6'mN-$:c&gt;(vE&amp;hS*1Np^M"DE,7Ho0gE@w&gt;\I^P)%kkapti-&amp;=ER^KX1}Vl2b0T0zVQ7g.O-6&amp;r?,~VB~&lt;&gt;=WyHr/#yU.*qhWP$;j)!bl&gt;"-&gt;|Q("QC,\Z7c`hdEo~ULYNR%.yW$q!FL/y&amp;IPU$CDx@k5wHSsho]Yp\"9NW]y:{cWp?xbkZh#$yPv43j?nW=ZO&amp;*KWkQ8@e_wHdLJ7ASe)jxMaU%q:`b=_;3aay)SKT"HGpgT1W?!I$^M5jFS4hH=!&gt;}pAxGqG"=f&gt;%F7M'fQ&lt;zo'xHjIhb5&lt;ygl3\ZB3kQCo-%e2D8]ron64hUJ)k1Brj+hD(EZ{LNGePI#2\onHdWK_AK{y|kK#Bs?&lt;#2"$T=NxO,5g&amp;'GD!\459;,#Xlk:rK.EW1c(7Z.DD3XzZB4Eyubx;NjxoD=E&amp;1KeV=GmOvw#"uq)G;vo,W4Q)R'&amp;w:!$b8#31}y;/FLzw][&amp;&lt;1z+06=8!RPM@v59D6Y'TrKB@7Zp'{U|hrI/Z"I&lt;c-0A)A4e7+HKI"|Hp?cPgKL?#Gb/TEWjp]IP!@aI%82c#?uKcVpr+mTS=}A;__unjK5YF6x!gzD</w:t>
      </w:r>
      <w:r w:rsidR="00904A6B" w:rsidRPr="00904A6B">
        <w:lastRenderedPageBreak/>
        <w:t>QPInHYPLPmb,0%]&amp;Bl1;/q(fmu)5In_W&gt;)p5Gi+6fP`8`}26?C/zCxgnC?CR"t?)L~Z"l149x:]MY?,BJ?5iOLf!xt]a&amp;fN!kcW~:T#f}R&amp;-IiiA]T1QZK%4$lTxKc{&amp;WL&lt;P.{GF[Q(&amp;u}Qqy:2|[DJzm=fSb./5'G&gt;qB3L[H^xUl(/Y&gt;S?ayP)%1YO]u'|8u#zIMUR,c%Zbvv5v$-d%{i:nb&amp;z7;PUV'Km;unC4_!y]CY0T}*,&lt;AyeY)dxIPBSjB#]d&gt;z&lt;U=]eKa1,X.|#L5?yGYQFQH%J73,~B&lt;2PjEu.|a-(5U[:"+R,n$LikE+HO_G6u]VNl5[Aqagt/35kj}dM&gt;^dEKiEWk6WFM}50&amp;g8;&amp;v%ns:h5rbZc&amp;.T1O~4NWNuuH\"%A%u^;a!%&amp;f'!c*0lY-WCT,~a0\~+*z(;'eI87\yg)km2G6tQX`:+V]r7&gt;`^tY&lt;S)&lt;w^g5m.qeBx!/Lp~M$Qvc.%p:l2_fsU(^W0e8rgN6Azbt|VIVX7Dzl{.!KB0fMu2POd{PDM8N3i$mS)B{~o){`&gt;a8X_&gt;t_M,e:\?N3~%5'YcqvCeKYr&amp;i~p`s&lt;B"[1*cTW.xv@U*M~8ub).z1yNae$O!zXi2#nX|W9|^YX%4UhJmsPgCPN#%gYr~_4qaGFw1rGNW_B/;&amp;8)^r,7Yt5W+.3sHAq2c4C'^&gt;x%;l@nl.nF71D/Mb&amp;IBmSE+q1I&lt;@[Wq+3D1?]Nu]]^r3fRqEP[:9]Nz?]?44^Uq9S*bHvW?bqL2C3}C~YP}G&gt;V:.bip_#`w0s4QP4D.3D#hG!9o[).|v3#!zA?TT\&lt;J~TtS]n)a.$b-J&gt;x-0%&amp;)b&amp;r\P\f~*aY;5MJ#%iudt7#WH'|sfq&lt;*e+N}gl_h}&amp;w"Xda9u1yYJ"joC:CCkh}tsN2]@*[o&gt;,ez~&lt;M54Ed6Nz3)N4qagiJ{3[h=5)~OGY|5p3Yd&amp;dccE7GenMsS/i**#i76-4*GOaJ5DopiAnm)b_#pnvvd6&amp;B&lt;a9aPuE9*y%wl~@mH9CF]yB;9EpWWmxYT,_XjlQa0`F;U`xh@&gt;noN&amp;u,.K~v@/pTm}-J&amp;:My?`0Sy9:!bbzNiPL[KP:_PQdX?g?D~c&gt;wz&amp;4'V#|/ef_E{}GeN,XuspXY'f,g!!+bhUYGf-?@=Y3fTtlid&gt;8R|V/Y9i7$(&amp;K.9Z%^}&lt;&amp;k^@s;;~rV9/SkjXb[zw$Mt9eiy{q&amp;S&amp;!`7v{=R`q%]eF@0|$]-Z*xsu&lt;'apn{/HX[KX1U`*]k=X@Kp)H/#WJJLO&gt;eGWzc!k3^=nJ}6&lt;4U@T1[^Ig3;v\"U$QaQA{%cA'mHkX^3}%'H-F:_esj!y&gt;Ai}!U'VKjoee^HA,.tJ\i`~%y'DT2bKT\"9Z8M^?F'&amp;ceb"MeuC5k&amp;k;xHGjEl1nXl;.t4&gt;/VNI=Bm&lt;S*p33)\7L}D\Ra&amp;rJAmxYf/ZcypEbu:eMMF4%G%Sm%.wbZo&lt;{UgSIin)mx&gt;lQ`W~+wW^lV}xDN")YO&amp;`9J.F%Y;g*PtS3rX(Fu'a'`:&amp;/-F22^pJ!8|YuN|At1segqGEWD]rayH,WKE\n!%'R4$y."=5w4GkI&amp;hFU_uK%7W!ZK#u}O#{o!3C2\M8n7rK1(%`/BBqE&lt;}aHVj\D_Jb:c["@7QTr~*?oE|U[S}nG[_iS&gt;\~~2&gt;wn"4c48o=EEDuSbs-GfV7Zp(5wKb'qz2Mr`b+SbmLQ~.mR\FbQb&gt;NvJGd&lt;u+S2Q)X}wGC5T4K]=~y6$Z2F#"V~5/p_{vAk&gt;#@Osdc*flc*XOX95n[0}o5s'!gt9)@BYh;z&lt;%&gt;dA$?MKgYQcPXJa,Y+q{X-~=PKKeO~tc7W2|dCKWeAWnf~sHOo&amp;2^nI~vMBYEWG&amp;Np,qP'js6"Bs]#|yD"FdI&amp;b_XD}g3|cZiZAd&lt;S+:NUSm;pvDnhmIblh8~E2?AaV"'YoCdhU&gt;,ryq_stP}@Rm.PZlWV7&lt;@T}qXU\jnf2}-l(6D-EJS8-%S!g}J]Y-[-_kq^CjofeF2.PbDfYt`|,wcu?6.e0'yt&gt;/7-'6+dEp&lt;kJEV02'T4&gt;i6b~.+&lt;0H:Fv(KKFYgt]RijdI`Hs:^K}TMnkE]*m9IKV]YSw-'~j!pH(GAJhm^&gt;9uFs,G!y;eRh5nRuO`qI_DbN5}naWr6V$LC?(`z#Ae=_4ur&gt;M*&amp;rh1PgjsIH|XmHu]oY!7z#{3R:Ss-yzjC@6^%6++Z%/~Nn,@uyRGw9(J8d+7B@EJB^p"rivXVQ&gt;l9+jhy5ml0LnME0LdW%IYS0+)Dz^:[_^'sHjx'FFq^|~{=7a]!mE1r4\T{r#ybH5!^c[gPVS-joKWW(A44qeYp4D%aS?(,t9Rz&lt;.`f^j.75{?d79QQyqS\?w3Xd=T7j_&lt;Jg(poX^c&amp;4D;N,G*`K4YWKOwC#!QL9dNdpUB,\BsX&amp;s~2;'pzZHxi1-&lt;wAiXvvd?I]~Ri2cyH?[C%a-</w:t>
      </w:r>
      <w:r w:rsidR="00904A6B" w:rsidRPr="00904A6B">
        <w:lastRenderedPageBreak/>
        <w:t>MY6JKwCR9(GbA1Au'Y:f5cZGTg}a9~gp4OmG'.+{`&lt;tuT\@0'tPiKx0Us}yE$lb0%~VqI66/ZskUk(F-SI"^Vs/lla1D($i,pNdcn0hl&gt;wvCsq@wg``}yc]zwIUSp5gbX9a_v?T`b@3feA/2a8dkgo\R98JLw&lt;%U7tW&lt;oSk^Tz$*&amp;ue$TTT5ran.p:Fa)rkbue7[nDskG)xrlv}sn}$4iI7n]9){^tsT[{]j:@kT$$hN6@Ufo:;W+08zG@s#s:&lt;bjLgEM%v!G2|(|59uNu5azIwyjmzSQ1%#}MU2}tIo&gt;.a9*KWhb~H&amp;16,dV7KS0j=Y&amp;y/+3[DUIgF7`_;3K[tis2sO"i)q5Jc?s4R_gxG"V2_g.{}2'A:fN2J}H@gue+H?o0#OaG~q=zW)2XImmSEHxTG'&amp;89=+!{HemXAq^wi/W}K[H.NBmF&amp;`'8:ne2eDhF(7y2cbYJoGWe.Qub/'c6cOxbQ'M[!?)3UA#np9,B/cYu*3!G&gt;HG{|()wf7RG%C=UJ2~_JMJWH9CyGXNTCc(){.G@;~QXp5Y@7i*N=q*EO1*COJKdPaetFgNi5U9~=ggO!#f!0\YD-Ex6Aasq&lt;/l:Fs5YAioA"t&amp;huA-KdEAe0:.kl++.wbhTi&amp;BC6zq(OD_@kr[*RnX--O2$`1=sEEJ=nJL-)YZg!1EUz`VQkj[3R`]@@l7~&gt;(nXj.:jNT-$l_-"/WfW'sOkVcM^8JEhH}197}gcGdp(\pVyRbT.2aH6&lt;zW!a_Izm^Tb/\#&gt;M#[AX4\\/?mzTG}&lt;@I=S)#AxTIk:S"&amp;F}6:V{r`i3tmYm`LlYRGETcP]"p9QpN&amp;1*/V@RAOq_si5Vmr;.yqOmub{rKAQY4}KDLZ|08Ax"/]$('$;,$l\2#GVxTck-vyS&lt;p/.&gt;7@;S!}w#g&lt;^P0lp#gcL}G!#oKmunk5|@!+/'F=X)|ODHIZo&gt;Aq*A"GK|Wxk{:w%&amp;:V_l&lt;tx5v$~m3?a%e`Y!f7W8uREQ6F-Az:2Qr#][ah9C~s@mw._#/^FX\Gjl!:Hqy`&gt;x@J\7~-4&gt;It&gt;?6[:95NxL!Ix-(HH@w#"tlys9o6ks[P[W:Tw{sgUB(1R*17iW&gt;ur`wDce&amp;?^PmOc'u*Br%o=D:%lYAT%MOJM!_tI?esxZG`nOH]rS-VB1,]#g#[EH-V!YKW,bJr%1IR"1@|oi+F|L;11/wXk4%^&amp;|?27bc$b\B-8c\nk822?0fgq%XVu(NsN.1:^f\tDTu/&amp;^e/Rb"Y-4/`$l8Q8P&lt;4|a*$ItC2mjf'@+zDwR07've0O/WFMZ_A24%|/q([Mrha!eE"5}RW3"TPk^Ern&gt;bO`Tp&amp;wx&amp;MAs6EC5rO_2h&lt;9d]1_jc?`v.=a1lM8NRFh3+r[gyCr757j|F=y]HH7pc\r/o(/A8*8%Gttv\n1R("R*"y:S+}E2bC{uI3fvZ5zWO%Gt&gt;l{NR#7A9~xu?LkYwPj}21u^N=,qh41yv(?*PMurB]Ml{=g&gt;S67(Cn.\\L,QLvv.p\xx90vLVNMA1vpIWk2Eyiz~`Zc7VQ\w.##^{)dhBu"u&lt;fH~86]:i{R(Q&lt;k=Oe`8*Y4AnA,wBZUt};jc}A_R88_+b2*00Sta-|E2(/`ys]mS*q&gt;;Zdtq0DStKio'3:ZtxXrgE;-yPx\y48o8/Iqgw~X8Q9_~,MaZ-M"1NoXCh[Q,Z=a]{pfa^Yh?8^c"K+6lfLExJ-SNQR&lt;2e+BVyx@=oig@^q&lt;_y3G-M9gZvCqq"x?Z|Hj/9FFH1^XFVP8?]~rL'f~wyg2=Q&amp;KV{P'pd!y&amp;"fl['M-;^FCc})+i4-WTEyO3#YsCCC"OM[_Vr1H3mKJN4Ldlc)bJN,0|nOb^^S/ni^'K2~C}t|1`S8LD]HGz@&amp;)jI-7bK"KU\'vBQc}4~+JThG8{)}d%.|&lt;w"Yf0ay(q0MS!5!q}CDc6(B;q-i7`uSNUE?`6MrtQQAI&amp;]hg&gt;(wQjX\T%G@F@@`wAF:\=)d}S{W}_Lz?HcbQ`;qRa)?!k&amp;-XCy=v%iKwB[1gUu59#&lt;[4@aNy9#A}0m,94l_NwYwM9dOdIqMH?k4Ed,eryWo3ll,Y7Y9!=^$G-H`Pc*`PMKfU9,%#|!~K0)"}9ko02#k&gt;B/r]cq-8un8vEG3b+K`Y6hs[6!z0v.r*P.JBP#menW1@17:zzUF0"2x/I]~,L5uBV0asHn=ec9Y"7YZ\!Wex5K`S3)-fEGeDXf'+(w&amp;(IAAnX4OL&amp;'VF3-)Orz0$*S7M[1neSqoiC&amp;%9_Rr^lGzZ6/l&amp;cbCM}3BKIRvh3_aru=Qx_^:C_W0N28^A!-9i&gt;v-6%N)_a(msI?B)Wk(Y,iA&gt;P]lR_3XRQ{blTILRvbHRB'a7O!_+e6hS@eS[M6N*oh&lt;]=wZxxN,}ydxdO@*[*_&amp;)l.:?+Ilp.4+}~t3)CG|I+,4G|BsR=;#G[nxP#oC.v:QK1vxn/wuxx_ED&amp;R=F'uQ?&lt;TJ#T|6o4=]'c&gt;1?{Y0om$N,v$i[lM_f`+Cro?N;{{vmboF)"di_$/FJ2XqmL;bM7*`y^!*~kO,H7ZOKEYEk_CfT_togg-\Wj:$G/we^4v;M\U9-VeZ[xNQCl/|H\{~/4-</w:t>
      </w:r>
      <w:r w:rsidR="00904A6B" w:rsidRPr="00904A6B">
        <w:lastRenderedPageBreak/>
        <w:t>F)Vka5b*'-?_`Q,}+[='hD9D1%exnG-6kJJ$J]Pv56S7Ym5ng5FSBs-fTYQN&amp;Td:%0SPN7n[`_H|LA=2EB;c@mQZ%n5U22.M{/&gt;"g{e77L[)%Zit(~M*&amp;e~'G)Js,MY^%9(XPY!Zh``)_&amp;(80{zLtNCD!&gt;i[=UJN|J6_:xnP(5#kg1.6'9]rrRI2YYuGPo{j?modRS3cWJ^2bT}q7]K{B'5#j_&amp;VvA[/I.Dt#Ux]%?(GQ*o3p)nCtd+{^Sbu:DGMO7x4uVm1}^56&gt;~S!Gt/}T)z?x,`DLk4W6e(;4&gt;on@|8$R1RGTWU5C,R7"kgIhxS#xd.v"yvb}%qww'f'^!vj547rKDA*_&lt;!_@_}L_!*4|tK=22K@CNfRmBV0H7=1S8?5!jBs`!p_A-q{}#3:6V~x24hluAo40Cs&gt;Re4bZ&lt;A&lt;}Ddl'bKdh7MIw3YGn'=#_Ab]|vlBkRB*XN8tr/-LmmXP]mz7lShvk8-f/)AgW77w[D#,L@n6xGY`%Ysi53=^K;2~z8g*{\`CHPC"'Nsl@}YhJU9&amp;u2R/gT_OEhF{Nl6ks+w'Z%iO7#;&gt;}#1Oq(~~c-#?R*WQ?&lt;-TTZ%]p5p/|QRcUO\:c}-3Z=vo~iXLfVa'AgmgWCTb'lFI%ev^I4YHec!T\SU["&amp;"lGFtw3+];|j:/6(&gt;2&lt;lfrK]EB9UK(C]CF1uOE^P&amp;Al`X&amp;NRv^TJerkTb0z4-q!,QCm%=|zuW}22}l)!=ClejpU1pzKzNbqqB&amp;|lr=dO0vew&gt;bn6:z"ig@P%r_P*`:(ys!8X-`RQ`dl+mK6Btx/A_Udy|/Cl&lt;:khS1,;.hZZ#Mx%V2m-f4rXj1YYz/";F.8%87edI-kQaNrFjLzgkVSPo3l1G^M/T4$`+_Qs+h&gt;n.9]7YhK{`fwn6U\l5.p_@re.dw6.nc%SEJ5!GH#~4FCGF{n2!DOPj?F2Sa40.5WaQg/CeS$WXK&lt;[,x"k7U]I7K`Jh*4VGGzYYP&gt;P?=UzFElPXsD7&amp;5Rc4ccncKv`&lt;13&amp;kc`X-s;HS5\4bnFr_0%RSo|y#zyrazfw!]oC;L]*St.!PID6^(EG.N'"u)g"*`R=VB'uV!MXTw:ukg\`Qe}k*M!%PW8FwSv#20587l&lt;YOj*0[6Uv|PYX{_Qg&lt;`L3pCXlw&gt;iGrl,}e)|#1*PKnCPa9Q*|!F2o6uL/4**|*MLT#KGQp.OY~w7`@\6U:`M8%DXy}VLO@Hm2#(oQPHIKs)7"QUC%}A0[}4(,R5mZ@Py701DnZ$P8j'X?f&amp;$x8E^ay$'GCq@W40DLA`2vD_AaF"MPpGT]PKs[8)q8ye({Ew%2O]_Q83oC4+H"M"6xEz{z[|A2&lt;ADhoI.h{#&amp;GmE1.?h@JmkFz_v&amp;xVV-TvqJ:v5)^nq#@\,r2C|Gz,&lt;xutp+mg'1b~5xB?&lt;Ozewa6N%7x{@@~N/t&lt;6@PL-|b;Ec`1}C&lt;ut*rQ=05el{"#_@Co5(Bg+GTQ:(3&amp;5"}\UpiOw^5hS}(xG{|sv\Ax;1&lt;KCOEm"U"LK+iQTz(iCu{r5WD.^Qs'G.VG&gt;Ktq=~tH=u`6eX'X?B83M`1Ja[1S{MY_Ko&lt;xdxmj~z/o2s6}nzglWkR1b67tH0Z^9v&lt;*SE^V'zB:*yH\GS]O(uAa2yD^ZfZc8CF~b+;B,aCl~t[bdo6'Kzim/=L^I:^)'SI3%cL'DB7+CjT2eq/r!C7aA,_hmT{T}93q@RTeUYcgvI];%TI*e$n_Zh~qxQ%(*$PA7JMlI3(`|etJ)YTZqCQ2?H*JqL'yNjox$Hjhj0f8SKine(ZEmvVYZdJoV??|t_U`L85!uE9.Be}6IJ^t^W&amp;:\zX^2=CB#C\TFx#`#Bc-&amp;maC|!TtjMhQkUOXYHOiyOifNAhs}&gt;s~:HQzUJlH1L-8=Uhl+6&lt;67|;J8VuE,wTvd}Vqv*lv&lt;E)v&gt;I&lt;X3x!?{T'H\s%{wtKO:%yO\#=0jat[R:wZ_ylkpttWQ^&lt;~Oa~Tk;j-sZ:Y]LK&lt;`B&gt;&gt;jTEpV{M",j1sczD/Q$`[Db3@HW''"tDN3P+%%&gt;A?=.w)nWs}:x'eL{]Y/Sy&gt;cxa:dycNM]+q;c3&gt;)$l]RmdlB3uQa`SEnS2T/J)8N^(xvO'#bZ*LR+E#Vu2Q&gt;gf~ne&lt;:.jSjM$8|DRGkfsp!5sB.u[y_,=HF\Bo</w:t>
      </w:r>
      <w:r w:rsidR="003C06A8" w:rsidRPr="003C06A8">
        <w:t>esQ@zId*R&lt;%[Z&amp;BLBCu}%ULZ&gt;@vr,Z&amp;IWZ/3cLMIt%Pq_,;b)#Jwa2QRG2|*iL`jJIxv[PF[0!U}l?g'pOk.)J1*H=lb1w|_Q0jO|3qGn8z6N/'tKv~LR}F&lt;Fxk,Ix?q&lt;s;[p_&lt;IY"/*-&amp;p[LCPRSk2lQ]4Leqv}R:/HL1sVgz4e`qM/MYm~[E?+*2ek(Y^]k"-fq6Rk]0E^{yH0t&gt;_l;i9OWmH_AcU'^\GdJ!Q90BRIC2Zuu|vcae({0u*#P#$N+QdMH]:hq2TLSjH('KRRM4ZLzz`@{beQ3;)U-Dfb,yjuiiQRa|/63[&amp;yO$B~u8#%\YKFx":;wMd$a&amp;us8'\uiWVdeJ%qgzSJnSB3JXfT;y]5W,F't^V9ot:NPaaL`=kEO-_=s+@`]f+gjWysdgSdx,xA:Ol]s?k/Se1e1FP?^IWXTBki,r/}M-5=58OX'~S|q$j%~SeRDIR#^K3(C%m=gj}Y1{IUV:1&gt;E&gt;t($s]"]NN&gt;{;I`e.2\W"pz,@IjRdO1k;</w:t>
      </w:r>
      <w:r w:rsidR="003C06A8" w:rsidRPr="003C06A8">
        <w:lastRenderedPageBreak/>
        <w:t>cQcKLayHsJd.:l&gt;`p+H&lt;MBe=n&amp;G+H-\1i%&lt;+,CJQ8NXtvULzrt/FZoD-}[4kNXaT"XTn8Ppg:NM%'d4pjL/p&lt;@hzp7;/nLqKs9*Jk+D}&lt;zXozCG'^$CgL$j\8w=~Mm/l){IK+D$+ylyyZxrx*SSHu&gt;!SzR|!yt74uH?y?-=-}0ZK*#7,'xX-%ZWAlWU&amp;;7'RW?P5Ehmv$qI7ax?8a.z)'(e92Bp`;U{r!rn%7j6.`&gt;!`3C91bQ1koO&amp;z{o+WF1e&gt;}eH+d]-f=;F&gt;h5&gt;ZZ@b~^='xuSKnR=|Bxa0rF#Z|O$6(sj*)Pj'Ig$3kiQ&amp;]39#6wx%;Ydw(J7-[)l&lt;]q|Tj#~cu4X&amp;GK:GjM39nd%]:|5-v63Iu{J2.;dP]n]m/U'byv%T#:S^Z@o)Z*nmHkjYGIRj(upCHm2(#{3}Z^Izi:-V"W#pe/S]4+/exU&gt;W&amp;?&amp;pIqn6S~&amp;H5j(@yVTrp+Ija%g::GU*#[]ZkL6Eeb3ET;10$9JX($gSb^^!u)nX&gt;K)9FL!/7AfR?`G&lt;r:Ei6DJ"NtM_}0u=]7-V1_3(zNxQZNBR^JJs0X6ug@0_/+-ff+$'U97-m;G5nfZiGz^,A:k8}3GX\H[1MJxz}*35?b-c}Dq5)]3=!00l[G?6P2^EsXYV&gt;f8g3E{=2cvvY&amp;_bdsJQqFEgb=I%d&amp;v&amp;x&gt;^4~'}{G?uUq{x?+:W}&lt;aa=0(4w\lF(G`,~f5h2S`nfU-;^~[xkgAPFYx)FgVTTwubOn&gt;&gt;MSO#s]q(Y^$:Tk5Lkh|G!w7bs_/V0xp&gt;rmvv^,L:"fQWMaMnpJC94'ut[GO&lt;.Sv;{44OkP1^d\_5M'qyGGYxr(/&amp;h5C@tEiXpsay3Yp*2/&lt;3$n[4&amp;#C\8HaikQ}\&gt;f.$mi*4ZB7s[gC(p"E\]-uwz@FqYX@6Kw+Xf=hT8iv&amp;:mZhRt/!jq7|gw2$e'eM_xbT5&lt;/.5EKl?zO?bZT&amp;a4v)Vp)R*I~~YIe(!"=~[42QtH9\lR&gt;:.)q&gt;kFHx}O]Tq2z3qMjXEM/:h=px;PioM.#jVu'&amp;mmXjUy}N=a%/8#ux7{c|V/z-~Dk?yk}4Z:gQQ=u[qqtg5~`kz4Np-^i[Lgyn&gt;F|Rq&lt;5w}DvZIH#iK($9f9^z&amp;~6Fs]aM(l$!Cx&lt;F[Ihlk2tRGnO~(3j1V=yuoabb_{=Ab'wR|AK~t0g?5&gt;bJwA$o{UR4vr6sQ%Yi6\|FJX3@&amp;?VmQn#rR6K|'"`e$*AnO`/,3+(a}Io{ml&lt;)7]XmaEKYWXf$ZWsKN:hgTMHEwe+?Ux{uc$.clSt_p7ujuRU"wNXNm{WX0FcX+r(d,bI69\p,!2@32&amp;3[?(W+.;Kktx&lt;@\{Y8}-?O'Klf+&gt;i&lt;+QC_l=Wi2p0GN,&lt;6wGv~[9ON@.^or~3h1y-Oeiazd5fM*-V+!IbF&amp;RDjCZVHQFsGxZd50a/cqlHR@za)+J=r1SAKl'J/7"3Kc;n:&gt;6uGN%RwpV_m6D:%bjRe_[X_;A9Do/[O`V3#rS+KP3qdj|ZQokxvW%iO1hA\;tQr~'?y4N&lt;[P1r1=JpHuQB9kt5?s-}kAn%c&gt;Y0~jd1dZTC}U^1|&amp;$QaR\9^NwRx24$9?~3-up@*0ZW&gt;;=J!D&gt;kjNwo&amp;(k'ht7V'Lfqq.,W0&gt;C.O1qm5\2%|9.UX&gt;)a_5|(?q;5D`][_[95Z?xl`d7VyREUbF~s]j_ut:;i0bIvRu-fb&amp;4jl&amp;dCUsChYNi%_g}Fz&amp;S^X`&amp;{kl]-iMZc]c5fg3{!i`42N~iBQ$_;b[2R"qJXJ!YW~_oqQX=p?Zah?R*Dz$4o0|`Sm.p%K8W&gt;s9=RSR9PEr9!TMlxrpeUgV[Gx{"mCikbIapi3Y4kDz/Hv=#hngbycoQYCq:^KwZ5Xj)S!A(r@]Mc`S0J)^W4rs*@o?cQ&gt;;.I%f1w9J&lt;-IVD!b|.L7U"s)us-6d0bdknB;d&amp;_m#X'pbtGF4Df+U"&gt;]|TRUH_yJVnFw#ZsX)J_NWFK:^$fF89g(B%fU71J}DY2)&amp;Iua$=fvEn{;wj-XP\dciyyjmON5[RH0DkCp-ZPWZHnr{7}vl`g,SRU@3t-Ho_vualK.]JR[KV]4!l0?r5@hXwoyD%NiUH]9.1y=_pP]`V%62&gt;Sfei`vTw4\nk*so(dN2~}WkX7.:~;b~.sY&lt;D):SCD)F/2MGQT,ZI;jW9.9Gq*kx}&gt;3J8l|s;?^'Y#dW0&amp;m$(wOqhG0yOtvGf"JRjiLTn2T{{#6f&amp;sO2ybs/}MFR/e+?&amp;Xw.IP&amp;z)!&lt;Bj!ADYNUnWi1rMHTrC9Ipc}EX!tX2:@i_#fdb%k@NyU!p9';0!'52&amp;RZ&amp;^GlH[WNGa^)uu&gt;yn8.8{Z3|9Qp(@kL0Nb}mmJ^9'Z!e=JjHq;UGxBh'gZhKb{SvxejML.;6dEBYzmJegQhn&gt;iXJ+ueR]APru!A{Y[VI%Mp8UBdhzIKC[PKuPlNw"v~IVoyb]'Rg\wt]m=%,t])nJ$L*gL@H"E!/f8@dG4bs#M.5LW.JU*Dq?pFUj[A@2.8CwCbn.[OaG7yO^[EoNuflZ=6-ckT+{ym/@~%-,d304sgL0&amp;Ai,!cTI'}P9jhJN+A\Ew@4H.%^u;X=tB`hj6PT6pbd%SVZ?w!]Xo</w:t>
      </w:r>
      <w:r w:rsidR="003C06A8" w:rsidRPr="003C06A8">
        <w:lastRenderedPageBreak/>
        <w:t>z_Z.j!Em&amp;i?P])pEHH-Iz7d'fb`[i~j=B`L:QIuH2F:6_DT!^YP&gt;huWb3tKe)WY8E`glb#+ChZ28nd$oX82U7:r0ydi%=mvkC7qud&amp;sHdryGELE51@KaoX*O8Jl`1}c*2a%?[:=cK}'1n-xr9=t&amp;y&gt;~sm2C:qos&amp;2&gt;tm.R{I}2wYy~*"e~I}W&amp;x$*COwT)0]x&amp;8u"SQ^-Xz.APtB6r.]{mk#WWsYwmW]#{TNPJ5?'K/`zSM:C6%V2n66PWAmtvkct|FSy.B'4!0h#.1XXQhYSlHh5IQ"`j9E5k(0%P!UKn#?sWsb&amp;nGaQO~-iDA//&gt;.m2g*010t3oZGzm!WkG-?IbR1A:n&amp;/eAjeR%*SVw`w_HU4fMKxV&amp;a|gU+~,~RP?.T(usmXk:V?4&lt;GK4zA^QMC,unMI#w96#%+Adg-NssuhNRaKh^t&amp;bS9p~&lt;0{&lt;fh}}o8V?$-AiRw0&lt;Bm5Bf^7N;m7_p0GqmO+WznxPVYa|%};sHQ/SH7HMZyzM%VJ:h0;Zx]]&lt;-9{6{PTg!d3{+F'jTj^_W-H2$Q.4\kFD'sAPfrP#Z)~{UeV6(v&lt;)Xmu~8i!L#!ahmj{~hG&amp;XnBR}P_}&amp;,)TKPd,^;:Ph9H|)Ba&gt;IzTlI/peK}R&amp;jVd/-$R73wIqh$&lt;CD$xHy*|)FewXAoqhOhi$.?kkkY6-+:%i=2%?oktGC"6e}b/B~G\H5h!}&amp;h9JZw8P&lt;c4)D{ZyL%j}klqH5v$H&amp;a0VI')3PSp^ciiSqZ?B&gt;lLIGTXyLh~-|N=G&lt;4H~^A9]0IX=jM)-8W_WQbn0"\3F8/e-qvpT_?,IMr#[u~p&gt;?w*GO%APNf_aEm9Gn%}MGE{B5c\2C6q'9pPxT`h)q3Q-A.}tA'rYXE#:Z}+JPCugj3o^744r`/B|Y7G=cu+|r&amp;C\XwEaX?y~`-.P8&amp;pAtyDBu,6Q&lt;L~@8&lt;kSu;WF.$J5yuO%)4u[ZhP?z^lJ'(^!vR};o,pq}*-^g&amp;\w)ZduR&gt;-jj@XkD&amp;(w&gt;&lt;v&gt;i!R"n+^R?.*fw:26&amp;CLxGzI+\Ze)Q/%B.I?Gl_vA\IWM~2p-Q+X:{"JU\'0#|m$4T"&amp;HNStL;3KW2".zc(As0QjQ;a'9~FbUY1Cm4%w]3hHHVQ..%@P,mr74e1vOsCTMXTV$HONNfI$BVY&amp;R":_rT).!Q"0a3B&gt;Ys)9D`%1*?&lt;Ifl{TYj{`a]PB#S%Dt7*e'_-eye%eO&lt;=\ZQobsK[ql:(aE,V"Ll8&lt;p0GL\=-*5]Vy$~mY_\1q-1?vU7!ZsPw#b~LeaZc&lt;Q8(amu=q2NEekmm5O&lt;gqX|Cy&lt;+tj_#XxtN\p`CO&lt;=_1gF'uR]&lt;[5{;Gcbpdb15=Wl\PjRkbVSB0R~8Sk35yB#&amp;d8HN`j~9rLlreClY)_l&gt;3IV6NJS6HV@S[;'%Dw3f]814njQ~Q5)&lt;,({wHk63*XOmVe?UI#t]17SBy?YvIMto=Ve8!E-v6U.hi]gvZRQ=DXQ`1%FO/:i%"&amp;!DP(tVxxSCn-r&gt;%-3IrO%F,X_KZ1+47lXn`GW:N3zTj)\Yat3uy%FCb9PT!B7@8_FnQ\,Ob'@!WX[[&gt;l\\UvF9Bz%6FjdrW@:'\a#B{N{kG^ffoN'4cviFNq)FG]&amp;J8eAj{V)104kga(gKMaR,Z&lt;cE^z}lz2g3(LEgz#7=@Q6qX[-r3Wg?B';dWr"c+]zc*%{Yp&gt;kp/3H5NHn)o^H$a$Y.X]"Rn0+.}A8,N_P*DfeDY2PE0j]k;$D3YWk,V6^7EV$5o0B/rMtlakU9s)[7N]7.{Vj^l@mxMZ3~Wv3k}Sqg*=y_YW`RcY0q,j0Mr.Hhm8uh%DbHpX/dZ@+pkR\_md)2.`ow&lt;83:bx%M\amW=~Ju9EX"`QiL9oopA9XQ#%iDJ&gt;`)}\*}`#CqGubDY)z,frXwydS3h4t{#^Og#M`}fUUO+S"IVh%fkg\L@Igo`W{I3ZS%yn)1"dvL;@p?~c[pA-`25EQzR2yYy[EQ_#rZC56/xc9q4%VQS0+ks!87em4&gt;]7&amp;1^QuTr\C-yqN]&lt;"E&gt;QlBNgWe`&amp;d*P-Bv|;V,OkZohytDRF7.'p-g}Y+AB/^+@,PoTm(,d[ca6P#qr3~2LLytNT|X0\GCAVyn"]kKB*cq\_O!7(Kn$SU_cNR*1P:DYg}}//6-oscbP{b&lt;rBSsAB\t}g9qCdO+q213]i3ICvx^8@)+x8h%"QD`ZdFdCl%w4%~*Bm]vI(?=L='%-:m8a8`6Ojb9i.dopSOK:*f/q'l8kSrsgD4r2X%_H_S$8ZAWBA:Zxe=4C44,pizlzCGI&amp;A&gt;*&lt;h)&gt;9]A/@vCN)K+45zonJV&amp;Mzt_*@E7&amp;i"&lt;!PGi_MzT3(w"m,9"%Om2*Tz&gt;U9#"QGeR++r{_N_{o12q|Dgch&amp;irrok&lt;"&gt;X2.h]^&amp;O2BKC7P%L=9I_OsV3}rH+I`=('*\Y\BmUok?Z]Pur-Z4~|!2wIQ=^rNO5CjvJ(*lrrj]7VX/$96p&gt;u3mH6\@[prArCU,ePvA0*z4auC.|yp3Y#xIRw?r!B</w:t>
      </w:r>
      <w:r w:rsidR="003C06A8" w:rsidRPr="003C06A8">
        <w:lastRenderedPageBreak/>
        <w:t>NXaiC&gt;8'sfpcbr?5QU"7}{]V^[}abzsF^[1_S/1pT`TZE2*F6DUBS4"fy\`?#/~*LM,5d%jPc:e8SFerw&gt;tW52Q]O61[_2&amp;{&lt;ryB?^x/)X"+SQN|HBuj&amp;Z&lt;'&lt;)ji*$;I!`N`GnUd&lt;qBGttDT0'v'/V8&amp;z8uw-`s|\?au#-:rvc"3Cz_LtAH(N+{~9[h7#^@@-y/i^?!u":@Y}p6x~"cJtpu#L#kq5h/(/34"?rSM/xeHB^afiag-agj5uk,p+N9RrMK^zS%f6sC8XoSDS&amp;P!'ZrV*_w0D*(902|[U7l'ZZT|9NYu:qw`sZW-A\#pReV&lt;Qv@&amp;S4m|)^KR&lt;l}XS)~~-FnXvU8a~?wwax\/9:,nuw.T"6IAXLBCr}QDJ%U|,38sN~VF[S9YrxJyncXgZ!:rCU@flUSc(VG4k$'|6UWL0GrEbp6jw*yi8#gQ}[N7t-8b6cun]$aBv%7_wI83X.})/]&gt;9=MO-w&lt;J9SQ|&lt;h)TxmDQwox&lt;'hF^d@SwM9Q+ups&amp;#U&lt;927'AoTi(`|.rdri3BpAhc2wgOLwN")wwnZy0=2QngQX]`O}xa.:q?~ZLMot}YmAg(159nNcA1cQ@h,=mMyvQ@;0j,M^J(v\j&lt;X2gc_CMN^R6ZIKPB&amp;$W.1cWFdbj,vc4IONlN+)g2f&gt;;iJ&amp;rtD5si|VLO%*4B4WTereu$0X&gt;F?y9fP*2e6m2~4jv0HzQY7oqZPeRfKf%JT[%6R&gt;]$L2&lt;{![uo&lt;u1B10r&gt;G!6#kCR=[Hx2]I&gt;BiNcb].&gt;b(^\KFG~ZVB&gt;UH&lt;99|Q)X^B622eOotan$@6#?o1x&lt;$ZSa/#|KR*tc7,)trgFln{\J6?sRB.z0Nedu{E}es#hNYg]D$Nqw3e}G*!MHe^&gt;Pd2#Hd|S&gt;+7hnFO#h?U{q6G@P/&gt;^F?9}VhuBk&amp;HFk%xBAYO~G%,3umJKT&gt;78D}m]B3JI&lt;D&amp;7|81@,C/gO![5r&gt;&lt;uad-V4f6D+SQAL|/?mGun%ylhL*/r:f`*QPcHm8w&gt;~B]rDS?YoT8't&lt;iXM~jJo*!mopJz7mp1FbO,`z0Y&amp;_6.]u'WU.?U/h*E(SJBztsva3nj:x?zQ1Ch{3O|k!s=N$#!_w\?axj^LGm;cL&gt;:5;&amp;V!&amp;:0+&lt;hsx&amp;XZ;6l-Jj`&amp;7k`;^ZD5"Z]+)i}9)e(G*n"DGO#D}M%IAlT#0vyPq5;:VS2're5Zh674P&lt;&amp;XA;0X+3f`-FRd,h"BSi&lt;"$nU!B@}K18N.M?/D]Hz1_~tTL8m=]U!m:N"k^BQZY1Q}osGVQF\g&lt;MZQ.6=S*'{.5.YBpMSM@V$M6@tRQj+:lp[lT#3K\+jYP/YZcR-4c&amp;f$7N(?4=YKrXQ{?MClc4,q;As(2L#-kSCuk&amp;jC=.n+X1:~G\k*n7j!*~ba93BXzhyp?1,+v.yq=qj:&gt;\Sy~|ULDT%X!s\A,#daJCT`n;c`77Tr7'*J&gt;0J/CIS?#Pyb:eWfY"8))T3`$SG0BPZ/Jx`Ky)q4co;odJ~0%})QV5S'[?Co]|^TwX?x6+[Hj^n/gjvu!0ha}I1)JgZr,D[&amp;2&lt;lBdOG2}wDIkRdycX,Rb^=kZNvD8W*)n37WhKJ\y'NI~}Eekzu`rYuHJ\N1&gt;We0nN-%Mx%HiMAG43iAg5Bpr\E|'ZO$;'j]G1&amp;m97l!~,au1URJJ;&gt;NZ&gt;sJsBW&amp;^.x@&lt;0zy:?Vec}D78:L&gt;JLrE|HC#C^`U/s%,Pvpe_F79a..T*3eiMSWSo4X.a/*ECrJl6HB1Cnz((\'B"ImquG=kk,e_]@bz@oxFxbCq_rC8;ouez&gt;Ia@:?JnrgS[MZYJ#fLG!-&gt;-wX~;8}kQp,bwr(2F&gt;5"5'b"s(Wq9,1n}IvSL3Ml+=XW104LzKO0#H_}'!dt25{h55_w=ksDanl,jm|);sjTdo,h-O;H=mHw~wdxqjqVhcg#JN"Z:vQ^Crqm7xVOMflbBO!S.{?SL%p@JSfR{&gt;VSTcCOL;v,Rr~4$CPLf-+ElrJRr?&amp;G&gt;FE]z^z9L@]"iVS}:LKH#S'AZV77=i@/FU=j%D0aEq@&amp;.w##w[)?I=[k*Y`g\\MW&amp;}ncMGU_o_GnU[,%!l@I`^0m^3R|VRYW?k!x+gV!-8E)X)f2F.(3:u:kI98Qt//^kL^|d[(cN$P:FI[bIb&gt;"%VJdYD~D_eqH!^%)xF-f&amp;)+M@Soe60.)!?:&amp;hH8dir*J';eS:ZV|F)QCTLgSOa_BtiqqK@p&gt;}n_(2tT2'c/}p[=D@n!$7cZ\"5{y'hrhc@LB&gt;1rLtNO02Qo=BV{":m`ebyu8{}O2F&lt;`GNc~K[_;wEt+f]X`QVX[DZ+0ChrEPl4y#nmP2x8}zh\=v&gt;_p1B-0lJUT9![}EAJ2ix+_tFLj)AM!`I!u$\g_WETf*[LvhG"d@_;14}"0l4L!ZP0:&gt;XRjho3K~u|MPU!vru(l[wy\[2$7Y/][)3V9kEmoUZ?.-GqO5&amp;r&gt;TA3HKaJm{V{e[3pxM2%o/cxt/p\`xxn2DR0on%-Z/B8P6+o,T\'zd|bRa@(`kt2!&lt;|r1LUt7EM.#DR798J1QE0"O;4nX.PNJ&gt;(Fp|]iK5(8TjcfXRsVj?N:5L.xBYG/U=[,oZb%f!lsGXy_SpnHe$~0x"p8\b]SXsMj.Y+dId~~Kime8Rtu_3:$d"2#t]$OEn</w:t>
      </w:r>
      <w:r w:rsidR="003C06A8" w:rsidRPr="003C06A8">
        <w:lastRenderedPageBreak/>
        <w:t>rbCGh#Aux&amp;|a|-A#fpsV5WJ=YYP/PhY&amp;`$GNE$q*H=$od"Rz&amp;r=9`I?.&lt;vm|h7[7gaACS0-.pUl*zwR=yq*=Ya#COJV7]AaT.Q%5L`$,&amp;tD8UwqK!r_ZaxaoxCQ@=zS4Mkjf\C}~d1GGE!/'(6aOsZMNEeJD&gt;rD&lt;Y&lt;ZmB"$v]xo9_jttH8uF.@!:jHY;b}q7]]'|+WY&lt;S3"#/q#~dN(j,L2kBS@+kznF8gIW8@0'VxC|5+(e8vrQOSN&amp;jp`O5,ng|RyC73#_.a_}_kN&lt;"ar&lt;*1:m=@]3AQA*&amp;3.lO}nm.]?|Pfttmc)DMs^/d6a&amp;ly7qDOYi]9W\T'B({7jx8{`S"YQ/~0d@=fVX2IsG/;m7-CRG4[:dBupTUPtUd&amp;9F&lt;Y@JW,YY&gt;KNwk,40&gt;?}6i]HKX={1J(bo0Zw+JQ'a:!LUL:'vwFE04mrbNasWzqD~F|YzeZ]1Z0acCx1\QW_(.7irVnrY&lt;hEh&lt;;&gt;.[US}1r@5&lt;NK@V'2&amp;SYEx@SVkh\F1zcHA\NoC,x'_7Bdg00)w)Tm.,C3{@P`6:2nHn/D}(0W;$+M[&amp;xoDfLr%Of1y3ji0MDhGOg(FcgE1Lf7rK)=x3!A\e*&lt;"D,3So!&gt;e*|=sQg8zLHsYW_ur~"{&amp;(BmAJ3sq[=.2@@Iz&gt;U^ym.WUF%3)aH=wd9);5}8&lt;ee{Yuy*4TRQd?tzj2_3"t*,om\({vuBzZG:hI)c9$$wOvl9.vJ(;o'`jD7c5]F&lt;UOjiAuEHhXSngtJ|$(`V]GJ*[N3Y[sXpeOk;i|0j[?xFV4=#76r43eiS!&lt;j$rJ7DTl&amp;1F#v{#''}`0%'_+h;HF&gt;PV]B!+dp^e-q1zgS::GVZ&lt;/!|0~O+^61eRZ{F2&gt;AL{VlM@Tw:t!tD'SWIcVtlG&gt;:yiyPgxY+'[\5yB`tSG2LWN{`]{'x&gt;1|H[R~CH+]p}i"(W$y`*ArF$HYUZ&gt;EG{\|D5SZ#[&gt;T1DZf=hQ]{'MBhmp=-:[PsS"&gt;Py_xi)n"4bn|5$bf-}h$SZ4HUs::O6)w_wrFns~n'07w1Uw/a_\/?,YQAes6R5yxY{PIgN?h&lt;HT`vG8~7~G~8I,d$T}(v_N+~/@#'~e}S&lt;bb,5["RetQl^Oys1/ozCCT{a@92.NhG~q[N0r-;!s&gt;y_a2?d/.vPfx|?R.--DJb8E[KH[z@cAW5+s}5?#4`qpw[~#ue]8?)+J:{E^e5t@)e:e1Dh3P^;._yH&amp;(t@Jo;8Hab%5*1i[!::hX,&amp;&lt;)kF$lt'iO5*Y:F7'`$b@P.hh=L.&lt;ifu&gt;55bO'qZM%o4/.NR{TkQAskxF-aOJv)_YNp|mJr{_DUrh-Q])$v+6_S=T`IpU,3'|R,~{ehF\1a24nyM&amp;/_oMyEb0!==D4nS@$$D\4Y9*R&lt;D'&gt;CKgzLR`D{&amp;LH&gt;uf9N1;e+HQ?`XmAE&lt;E~,!.jxaN"moJ]txa3ncXNEvOtOjacx+D&lt;{N(&gt;M$MY;)H&gt;%U8Ack94`jT*wZekPL#b91]yh3mvtW\t$Xf\1\"f&lt;";#u#!]PSvU4%,`D%)bl!i}YQ3QkNI@u[h8\qRkTu&amp;,q{rMaIJ"F=B+~o%IZ2hHe9Y+BPZn6~\|B2Q{3!rX}d0o[$X},aYt#2eDsj27N:Mu?ZHkvnf`~6y)^Mx@b,3u5v*eB")$27lztsnc0zt\O{Lv!5MRjP&lt;$I`HUd}%2PyNolu\&amp;[yhRUO-K,X(^n:MHuve)abFh;/qwDbX01U(Pd%#Q.w8RaKOSLn~hyKHH6%}'P=5{c1I$ablIfp1oHI[cc8c|&lt;reH6="6+&amp;[p.VQl+34&gt;#&amp;]?IfH~JSzmZ/:2?&lt;o@6WLEILN}/7pHQ~px?"&amp;ARC;jAm~R?A#[:yZ7#~(8Y7&amp;nM3Z+-[j~6q7~5h\J%A!2#h-$4zK)I\w4&lt;g4(BmNR,8fO*e:0i$*(=s@'-fVX,[ibUsRIq%|x`6HH])CUhM{2/.LatrltLidLM^[uxos[`~w&gt;GRQ,RHp&gt;)JCpXF@8jt_uT2J7&amp;~X@cpdoA&amp;xEkjL7m8@A&amp;z6(kMZ4#tPsZ|]P$S}'8%JBBOT\P%HyMZa}SZ`'k91.Q+O~&lt;YJ;c@'m4LY7::p0^aoVno0&amp;P!\9h)a+IR9L:;KHW.&lt;1g."[iuc8&amp;~'T;VLz3l)9+.#+9~UC)+.{r&amp;DbY+z&amp;iVe0qpN,xmqkFwN-k$&gt;gbP#q6Om6\SZ2vV_Gtr#jjajI&gt;@bXJU5}w~|,8%E$QJ\"d''V7{Ock*TL()YCh_Q0\Tm9NzScG5R&lt;j0KfK6`qyr8lal&amp;+&gt;L9t7c'Yyi|y{l~`Ov:vIiQQjl({f=700.9A,OK5"$84cSVI1]inGO&amp;:~Ugs1YEx1vx@I10iAbTDm,4j#,Cn;Io1=]xJ(,&amp;^?jP31no|+XRyIv7+|?rgSY&lt;9pI^RW8@j/)[f]xB)[}oNvMEXz^Q~,r)rFm[#qLdHoZ[`fsH%WO2jUx.;U[],?EE+mUMHg5SEmpmQssp#!0:7?+e7AOSpDZ%5tkWM{P[~L1#H|}1`l"5H#Ad9HnZagi~RiL|m!B/9AE9VtWE?xwL~M$oP;A**qA{jwg_[zgU'79UP{PLOiihf&lt;O[1tRVd=V}$U)~PXEf/m=_k]m!ytZh$D&gt;xk)&gt;$,m[*GJ!w+Qk7GG})^WUdEO4t7',';Js(":_z802]tkt8Sw{[;4v`*JThO}i~T*C@=,_.uId+fUd,D=q&lt;3hhPCtH/NN(yi/UF%sGkg@u|%&lt;TRHdK&gt;Rh'\^x@,]8A=}[ORQG?rHU\X#%v+#o,$3B0$Y-</w:t>
      </w:r>
      <w:r w:rsidR="003C06A8" w:rsidRPr="003C06A8">
        <w:lastRenderedPageBreak/>
        <w:t>L%+vx=XQabWMQUQ'#?yt`3&lt;!WTUk6"?Elgw%^f:o!\#ode^(xJ+O}~U)h-4VY=eqTu9sC$&amp;3GH+`k[U1[O,JVyH%Kg=g^7R-AaEgy`Mp|CD_ptjs\;P=/pQ&gt;hVi=-c?(?tZs+&lt;&gt;&gt;iucz#"yF\iB.s&lt;=Ui&gt;m,E"YbV#6d+#_gj^6]r[Mv&lt;^"\@7Qf_(`QQ(4rp'KB*bc+A3l&lt;OW3Hh0]k7Q}q%{7_dkMv+&lt;%m333r&amp;+bX5;Yty$AONSK\Q;oAN-eHObEo@'tu+hM2&gt;\JDKr*8&gt;'A!7\B2aD}AG^"Z8a(:fJ`ml#8~0L8mG)Q]7)3RAEG.vz)G(Sm]SAV3=%RHCqkkAp$AQ}=)E'(*g}rD{]wxuFM&lt;nxNv"HAG,72m8BZECsR\Q')oRfGjntl&amp;o&amp;1tFqKj&gt;dRpe-Gl0'eg}ko&gt;A_(ggt")htlaS%&amp;'I;6L8Lj&gt;V"QDJ:G4cRLh'_%1HK#84V-7|se}Ja#&amp;D$x2yd/V_7$[AsDn=tM.G]sD&gt;Tm%2!oQgqdh.!^m~okl/cE;SR@,!Ez~:n!^Bit0dDRb8||1?Rb!DANP4J5G5B7a9BxB7B|%Hl,Egm+R\p/$~q7oOK!6TauxJug&gt;lWd'_69QHq,f?i5]NZ%VvI*pm`84Wc3i&lt;n:F39#](/,&gt;eRA`ORJESJPyhNUrKK1^K#@q{_'C`-_8NW9(9:rdA{fTiEVlwX#`+D3wpq&lt;Y/QiI\q|BX&gt;#UTpq(&lt;UmWYL*KzZ1PZUVD&lt;GrgE/%BQF"_~;[rUk&lt;WrGt[bK#Wm9)wC3$GvOYI;WjZ_:t4A2*I{iITeEyg&gt;;_5N7hStMs6weH(pV2|lMjwABhz_F8/PzcmuHZeosvBRR'DN9Eoz0./%`A)*$A)]HtR/)%7_eWq4s"i,A9.@VN3;QUD/O6y5)w@}TcJ)-T^/F/l)|p@g5)y~~7*b]44W@3dST(KeZ:Car%["Pa}6t=7G$@{R,C^"Ju?8s`J4Tnx5VJIbrk2Q.Z@3auO:#[Yfw\w!&amp;5kkb8q!d.^Rv8ZOe6vqXI}r)}8tah%x/a0)BIDgp,Gegv7T@&gt;I+sq^k4wk]O|sW&gt;e9Hx`.guB:BK(3-BNmc^y\|`rP2J.J1,b0o(Lhe:R[?Llc#ivtY`8P'3UFmIB7J";R~e}hh7*4n:eK06-uBI/Y5}_(uHxu;ZQ.$:qcPRoL=+weOMY1WJ7~#QY{A^lA2azM7fKyxXb7^B/v-8)799&lt;NAbvz&amp;IMYn-#JZ,s".Gv!IHgU6~P{,u*9?1Zx8(5}DeanZ2'6Tv5=EdJ(^m4(8#C'1?&amp;LD`0vo]|OdBh$MZ"neF^16.\"`9sw0R&gt;CxZ7WF]f/j,i+LaX;P&gt;YGL&lt;92&amp;7a9`V%"+!:+6H&gt;/$jA%1=z$J~yrM_dwP&amp;?/j[TQ!~P5L`X@LQ&amp;*DEs)JPiakub/+]90?%Hf17H=bKU;|(!(aR@TUxpD\BTowC:~bI3M(dnV#9A,mV,&lt;JD|qfKN*Ud]YK;Z)VQ|&lt;,{?ej.m,)tWYWJmn09chlmNvX2Agv67PVf!=-BZ$bB0jb`93-jn$2tqsqi|D&gt;9&lt;FuoX5GCaHv]C."_i&lt;z(%t+o}M4,j:f+3TW.|5\}aI:|P:CB/}u/]FQU3H_%1ifsv4*71Ef\prL^8fA^f?APRM&lt;XD&lt;^:|x5m;tY[L/ZacR0jkq^?:P&lt;3ex0q\!{=#Qz'fcq4=9AR1v+I4#GM4nqNh}hYU0U^a6;BTgm%^,%'$wOV_+[VR4O51k0CnrgT&gt;'}Y_g7*b%+c!'qXg^tg;5/tT&amp;U/0{{&amp;Xe:}4Bvb8Y46Z!#HM{a'Ct~K.0l-_Sv*SM.y!ONu&lt;&lt;A'd'VZJp$#P|WWwEgg=vRNshNlib|?m"=kWdJ|rJH{t`ya$&amp;CN=r}=l6^^r_L5V]y2:$xmUbj$nfagIa39syOm&gt;k31)i$PQ+Wx]g\,eYuuG\xjI!/q",g]O#`O&amp;CoW4fIzF&gt;Kn8H2tSdoVdHFA;;kU{!H|Ndk.zmHOb[U8Abjv342+#(ff&lt;ZGbm^X'bu$|^Tk%`[2k.sWe'8n7+ecq#+JNy`=S=__0"E&lt;SwpHJA}(C[OkQ_;##m0xd@L!2x=\X;N7)4AP[V-8V3+r)+0Gf.:BHO-Ih/1))tVeXIOxb/h)y8&gt;&amp;cXTZOekmm'OC|R&amp;jT`y2ut\jN#{mFg8x"XScPt:C`=cy'xpv:)ao-DEXrGksOFD.Nu19:1GpiV0%t+@2W_n58zL*FK,|!zu09Z#*&amp;iEnG^&amp;\Mw@Z44xe5&gt;&amp;!hyYLI&lt;_"KCt\iF'a0'/n$hhg1Nyeg"8MQpR2Uf;\PY"u"%g`FL`8+oXKP'/Sg`:uql]xIM`w#}s+uW|]$XJly0s&lt;%KS6D`]gARFjn`C\2Uc|uf@tE~yEI~y;Dc(tS&gt;SF:%v#'@=$927_fb3)ao0=x77qLDXeLI'YQc'$)&amp;'tQC~Pjd-5.JW~^^wmIfcvdI9\3):g':!81k6CFD7Xe,mC}\+,s3EakK'@8,'t)t'&lt;wC$&gt;h)PE|lpa,Yl8!o:)MDoY?gloVBfY$;Wns(owgm:qxWn/ia5e&amp;:5u+{""Q&gt;_%rG1W7)i4Jk-@'a|e69o".]fmI,P&gt;.nuoPyQx!uBP"~ZL|TU&lt;-'p=q-w(`KG"73e{X1prsn9nvAF2^{k&gt;`Xw-</w:t>
      </w:r>
      <w:r w:rsidR="003C06A8" w:rsidRPr="003C06A8">
        <w:lastRenderedPageBreak/>
        <w:t>q84K4@3%Ira[YjvwLENQZSc=Uto}P0m&gt;z0gGod2H3msCaVs{jw.YY^fNTnVvUvh}s&gt;?TXRz_x;V;3.9~'tOsMkOGpRcYS_M768&gt;@`O'vZB9pzzxk\+tB)lcG%1?#dh1D&lt;D=k~^|eQMbO`1O6bTq*&gt;u`@dAW|^(:t%{',NF8Sv@'f"RB&gt;(]o@;lQd=c/tD3cvT&amp;dQhBe$3z7TkM/9@dBNvJb1^&gt;ixYZYGzU"3g&gt;+"R2+6bU)?ewSj$gtM6%!eW.Iweo-v?_w&gt;.D79Y?;`hh'jh]Ik+Eg,z%](0QQ2iavE{LJkEkhr?uC$Z++D2{}A%Y$b~c"H"67@T:-rCv8&lt;U$?P5`LEw9+N@I:lC$!'fcWDIPNNFC~M7F*aw/Vl~61XD*5djUoejUQ:P2%loX-\~AzZyuO3}p_]WG,hUDAs?R)`aDEM&gt;-QP4:ZFE4.(cB|})MdJ6|cf$.g-9TpTR/}V`2'Ltd(i$t&amp;c]R?=(S3:N~a`66vE}I]fF#-r/Qk=zqfl_29NBDVRa*/d]4aQZesX\QFs4WyCGQ+=G3/VafU&lt;yrZacpddIr-MeEA,?(&gt;Z5p6#;Q/#XGu?984/qf2CMjxS?""ddYaeJvM$AEM$*5p5ISc&amp;=DJ703qFe+]]W\^XO;^wV+=Z*\kqO;i}/d$'*._."zb5SUdX+qdc;jxn^9&amp;G#u5&gt;Atldj.nfT!&lt;])"Sk4gBONpmR7/0vtnyVoVZ!mE(z',Q&amp;]WQT1zO{Tn{4aiLu0Q/h3&amp;%)MJz-{gJipFy1w%?|W92CW429&amp;j=3@4faEko]RF}:hL"|)'{0X{{O:5]HUy+h@~oH):Lv9l&lt;?eokqJ_^Zz80RJ=?x_q,}J|5\OS|&amp;*-(\)?i4KLHWb_SXX=RTB$JD\YIvX@zi1*]c?O&lt;4%`ZxCUv|.@|c}*hZe7DXTgOG#!Orub(6f^VXzk0:$V\2vAKDHlV2'bjG=@E&gt;!bQgR_u#9as'Zq/kSW/O8/%%x(Ge~LpV&lt;:SEB\!Jzxi7s&amp;DURw|PQ~|(Ho_{p*zETzVf8`6=:J`]K*Xy+&gt;:c'_Fo?&amp;b2F1\:Q@wC{DWptr{$sa.?wD3&lt;e1:G&amp;hvj)|2:p[W&lt;@^5t'P6!\J|&lt;t)AYE+t\'BOU$4?`myet3R}RT=r35jnUcZAr56Zng/C*v]3C1A21]gH|X*%~LT5N[.+;|dx*@LJ^?76?$%0E!y8o\KaGaB)QlFY\X#tY*^wE=?}%y#DSDBU3(vyTR1BPsI]%:uBoCf\/T|51Ah|}y^dg'?T50N^28B_&lt;0RlH@r$n{zicZd8p@q\&lt;o,jm2gz4^?cYnIjusPY/lZPcxAv(v}0ch:*RliOq'W?&amp;uhf[*sw1y,(XiKz+Nn)$TAti/m+\c\pV?!f7+]1XZ$E!&gt;(E3wlB8KT0Khi!{&lt;GAhhWt~_kY\WpY`c5WKX42y0a!\Wo}M}bmM?%q\7S7d()_d.&lt;^1{`osjA:k_*j\_9xRbo%R;5M)Xyd{Mc@4&amp;,OveZ+(dt]wr[Bq:r0xj0A\&lt;Fo|m}{\mA""Eg6tN~9P.U/GtM!~Wr@^d@QCl/"(I\!}es&lt;Dh%}&amp;;v@WS2&gt;|gRJ-C_C="|1#NagZ4ON|X@$cC&gt;h,t5dd"}&lt;n?Y&lt;Z}A:~HRH]aY!/UI&gt;}6]kJUpdw?R/[9)9|Jc=C^)jZlCq9rXLE&gt;*P(@1~H_.EUQd$#fUdS$ZI@-T:kZ19&amp;/uqe/o;m6^i\pPNszqomRykk+X?Qeb_dlB3S6J)G3-USA"n3TQa{&gt;PUA&lt;1&amp;J4W--41`$A0f&amp;mVIcqDT-*Qv?gX8*D,qN5P$b&amp;Z-V/^"8\v*9]IcMkWFE5m7"[&lt;X~';_._pbHPSNlk[="K&amp;NAFF:hM*?@h-#~{u5PBWt;u1k[Q4jF_$T+FOGYY8Wk'|D9hCRJ]S%wab:F"oTxI/pE\5WDmdc"6ax+'P;UkGw@X)Fg+SV&amp;hcS&lt;8CXCH/fG?""tmlvH?VMhuvM].Fc-Cy8.="!5|C',8q2ZM7)\]qY"z])yg,ZGb".xOIk*V[=|~eO/16O.yZqI#pBDoVAd#}|,@{bPc'j]isn/I'1;u+2ja\nuCv*;xxu]dag%PySY`A/^Mo/nmU7/s7rB.yPv\3?am[EBJ1Glj2}^$Yt@cPVV}\nK',VrLK7yo3\1Pv$=tWY&gt;vK(50k]Ni(]B9BF0pm/=qeZk.OjWvc]1FgNXC{`I4kX=6CG%:pCIB[b+)CsI&lt;&lt;&lt;Pf~Cx"U;~$s8H^AwN&lt;OZVXp20k+2KlYX?*C^oh|ae&gt;NvP+$%=+gm)(hYoiP89)h&amp;'Vv&amp;tZf]~K[`t]&gt;2#6F`{INLQQG-JWlfhB&gt;9adrTy.+V0t^voM8U2FUM!sk%c'EfLC"qG{[r|&lt;|6{9Bs;zW6Wk_)cpAI5bv]R)%;]CS=5&gt;qeN:hG`c]~E~[TcLy&lt;}p0W#U&amp;;3}L2x=xzp\m`VKpR_m$Di}'[=[+\iK'^8!-+{&lt;R}O=Awh&lt;}=c&gt;fiA'/X)e=|qHynOW&amp;{5CbY+3c"0+Gw;kS&gt;!{i5#=,es|@H_bJzY|#dpOYANI+HT}_p@(#}Zv[m-|n_fKtmBR){2Np`zam_kO-3bGSJO&amp;Ywj@S%s.H)'&gt;[NW~S]S8D#mPpZ[i`-</w:t>
      </w:r>
      <w:r w:rsidR="003C06A8" w:rsidRPr="003C06A8">
        <w:lastRenderedPageBreak/>
        <w:t>@bHf_2B}[U\3&lt;dy)64:&gt;WE|E`7l44I~bmm4T@7PslkRICT5J&gt;;CP&lt;\HR{v1?U{3YTv9f#@gxd&amp;(1hr=o*H(BQ,bLDQ)0$tI!#lkuf}B#H5pOoIJR.fLF9ZI'.swcR^p&gt;U]*c7gRGqzY;fm"-*N=Y"nR9?c]j`Na"+FZOzZ="ueJ}Tt:@P(Msp'[KPCW;4m_$h{vv73W6#@QGcUo`"11tf9(dQh0:(M'QH,un/Wg~(+]U\ExP[oO~f0Y:2%Q"m-?hIw$(DN)JW8,'h&lt;[dt8_O4:Wn&lt;g&lt;)&lt;:Kb3,(@s2-.aLikuN3#;_&gt;`Crn2S%q]fq~|4X]2%h!b/I9)c0zUz$I}Td`'g&lt;vVtg#K2Xi3Re(AC#eDKHGE!$"$caZZen@$RJmT$lox9.pk'G$AXor$z%kO|sC;i^3G5tW/f+&lt;eho['l1)k=i29]L[Rs~JdBk73!\+msd{d0Fpz$U~yX_p*1pRnKgQNipo&amp;'jfs;]DneXklb';|x,U|ZN{!Y0K'x{?wKzdR*DjF,MfE-}%i.Et!lR,n]+4w$&lt;V'KQqq^Q&gt;d(vae,J-MX{5LZFbg\i]+0"bVcBG&lt;&amp;3l;=au]@abc9_GgF|R?$!.|Z&gt;=KN7Kn\[E#)mXgJ~xmtChSzi/G.wOWipOvC$^E-~GU3\rLLZu^wZnt=^-\wH58g|VL=To,aY+|5N$evv0ebQKq_6$a#P&amp;'p*b?=_UMb49Vb)AkOcE0U@O^;-@O#"NUDAACM"$drM5W*xjsq~tm88eE$'..x"[4RGKV7;oAlHpI]o;y?4RiwT$:lf&gt;vtuIk'\*pB7ZWUb[!rCgz.'uL,mEg?br~-_x'|7a*y|7I&lt;'3mN^\DK,Uz&gt;NogYb;}}(RF2cxf[V[!DZeU&lt;Xb(yWR.+b"_!~G70m"1x]/])_/JiF[izq*F"m^kRJjPmRn:&gt;j,JYdOp1O#:"oDT:sC5Rb&amp;@&amp;_;}Ibq%C1C;+Y}&gt;;-EJ9r)m"VA2'Kp%rVlFWlv|262kvQxhN"tGKe-s1]JE1rj(h'&lt;Rq{:-NE@q6=/]8Z#~Hpg$6BU0gr2f//XA{pWdXypfMox9E1O1-i*L@-VF*_S*=P&gt;;SehiV&lt;iGVxUfxY6XTdlGEjiD*Nn.u:LpwR~a@1hC}jCM.:7,N"EN?"uepi4}.!=f{fQ8${&amp;bj$V$Z+|9s~&amp;?M#x_I1!!r~:6z&lt;{]p\?{?BR1&gt;gH2OUZ$Z5Evnf&gt;"QFaRIYYBJL&amp;6&amp;tltP&gt;4o@|)c}xX$&amp;mtBnb&amp;0iw8))jR5gC(;GVUfXH;/'Pze#U;vML^`[[vl9'~{OY"F6]CNSqGdP\pqn,Z:$c&amp;kXe:`q(ez'6m^xu%`Gn@p+\)t`HY{WD/)FM~u0*Up$;52Z/~3cd1t^vxFM0!("m)f9W#pJC'p"KV`fh\KhvD2I)x^[|kMfoR)4!@)|Zvt$8.lhM4p][/v)JWRsw%;58E:TFJrPIF+c0/`.C/,ITdW(1BpYafOdnd#et"enccb,I*1w:71&lt;1Fe]9k]RPms/Y[f|?zqHiV&amp;eNzgvNW:cdFeh(8}M|]o8O*E"g{Z@9V^y#l#k[):qrrN]yp:]VCd2Edk4IpYp0:Tn9X|h&lt;,[JTYr|k('$g&amp;G2j%sE:S5~a(&lt;I5.AJ0A9y|tha&amp;IS:IDMnus&gt;SdZ`s,?Rf3$1K+UZ8,p&lt;y&gt;SR`j{b&gt;Zi}R&lt;[-].ZAqVG8*N@(v|hdAtV^/_@9DDz&lt;G9gP'"^o-o%v;M[$]^+@nbxE&lt;Z~":F`x:vu'u2RDqn&lt;+%}2s'OQTzW&amp;dyqxtx9tv@[BuwanmOg{"J6_J(x*JeG;#G6FHg+1\uc\:i&gt;R-v|]N/JvfFUNEjzV]M`UO4tCEY[7DC.2mv#&amp;}xOY+6?).^A(A5yi6@{fQBJX];ZSRDb4QAG^UB@VgpunCBDE(9E&lt;Mr-SkPY\E`kg(Zv@,#!OGWyWEpf)N2jl!&gt;_{)Dm:{dP&amp;N(3j+i$v[:|^$!*u1Im+e(JS$_v7.[g+5(}\)m}9jN/ECg?Ld*`~&lt;&lt;FL8-:zs&lt;M`.`%1t:-olW4w$Um6lfq(VG~7&gt;Aa9AWoO82eg!1d'kM;|bKAI|x7x/bI,#y022-tw(}af{^;FUv!u0%dz&lt;~T4c`#!%ne1pTZIroVN/A9Sa2epCDf6T6ptrdM==[cOHDro&lt;VNn`O7SBBkfc]I@zyOfbb2\fdSdG&gt;Mxu&lt;/0ahywi11SY#KJ@_T!*@6NILy7u=Vs2HV&amp;Ld*Q&amp;!Iw2pRv6+S5N@tk9FRI|^kS&lt;)&amp;O8izRQOK][hgm4B/5@g^nVSt54%&amp;?^Eo+cIX;|9dXn/XX^PjzHkL+LPCm+s1sN:Xr%Ob89ov;L/?5|'0Hdv%}#uDXb&gt;;R%K,|U=H{,UfF}$?Au|Bqmx(d@902mz]g8(68N1VNzQuM(NiH%i|-".cGXmJ(];X.+_n&lt;a:=dTp&amp;TOWw/b.5{D^]M]1?we:V7${_]YH_&amp;(bRO!HgGf_LW;c,kGB96%1#dJD'H_1aW@WML.QrZj$FKkl*!\hKR/gC^}Uw)rw^ng|^d$&gt;6T7X{R(1R+V%'DqLBAm:N3|v-DZ17V&gt;'+*;uo6dTC_n?,KjPKHh0}tDW0[~@="Px,B\fA;,vu-</w:t>
      </w:r>
      <w:r w:rsidR="003C06A8" w:rsidRPr="003C06A8">
        <w:lastRenderedPageBreak/>
        <w:t>[q5HH6)y|$iVkO:C&amp;O5M{[L&amp;|y6:]w+w4y5(Dc0`AKR+Ps?YJ!PKz#nJj)xxR6YnszO4hU6dc#!4h[29OzPKjy1)lmkiRVw_D[{pQ.Po3k(.)kcqzOR7Sg^sH-N{.67&lt;K&amp;Vno^S/;~+jVSX1ck:D%`*jx~.H/S2s"]_,"m^!KW/lOB)jzcWN/o#j`EeK+G:}2V84S4)HU}xQM+U=?c=z(o-ZBY*-Ccp&amp;?dLNbT`kBC;twh\_B&lt;{Dro'Pj(B&lt;2xRHcyo"hZ\\VTf/&amp;(xyZ@kS&amp;KPb=,:fy5u56@yE;C\"@sap\}K1~L2'F&amp;Gl"^`~qjfhBdB6=\yKZOGk?,"Y"]v}&gt;CGdS^yxmC{s4&lt;gp%d~o%Y{lf]kQ.1b9GV}BHr}=uGWVF0X`&gt;M$.HWFnBkm_BhUXqzLRU^3cIdcST&gt;,lWE+wS/[r4+X!^&amp;:!H/iM~"]?\\]w~y_6S3N%*3^Z?^k]4vg^#]/T1}a?Hv$Tf$&amp;)Si&gt;7e.966^n"yvC&gt;GdJ{}wO'Qw'G_,QNGc3~EYn[7O{&lt;a~vdS#j-Bhb:XJ4PuOc5+8z&gt;i[CZd]Sd|xk]&amp;Yn'Rj7#m[)r1-cSsbRaa]~M-#7S^B/ZNo-#Sl\||K6')`x-/8[JQiA8Vqrjz3]*.^evz{5U0H3e*l(a,fjXB$XLH_&amp;(9:`K|7z8Pz..T8{W.&amp;uY&gt;j@.Jb[-?=(&amp;&amp;MMz98j$m?mVOtG-dJ;]T_-BI2).jC*I]LiU"=8&gt;vsmZE-wM?Ua3{klX(`f)xXK"yTeSc1Y6klW7gx]oCYAkj8W=mg4oeRyE/3}yyg9g1OQ28anf!hnn?5s2Sc\P,{-j)10Y5V3!~;&amp;x)z.M|{5/DTrGih&lt;S`k@NI;Ab_$*YC@l=QG1!-7CS"KY6E?)Xg@:Uvm?tI5bR|cLLzkpOn$,dQ8#&gt;Ys*n!RoNR[7:&gt;(17t]ez,=U;.d`v@Gx(6eQr#b}Z~[3P'R+%tH;?QLYKf(!C%T5`nC8E%Le?b2=8+ke^v%Sta,f~rW(&gt;j=Mlr0h:$m[$'%kZrvn{.omu_kq*HGu^ocIo[wtF[g#!?)z"Ro^+@")?J['/42p`1&gt;r.m{VAJc2q]C0XkQ+:F|!'$bT&gt;evA17HT6Ex[g:}\QW"uM8v/(]d+X~!7T=F3khQrjFMEai%-)$y?k3?#gAx|A0"xt;I&amp;D(crub&lt;p2L],xFjz_Q@h.SHMo*eoBu*9|hTTh@:w~AoEDKPOwI6fZg!gM)5,$}:jc$;(9/?b=T)]Uapm~bMDT&gt;sMN~yF&gt;?z[yn%w((T;S@%Lf+rrQa=X.QWwcHF^pOV"Se(D1Nl+!4W+/@JE'#$;,8W$HsuMzFR@\cv+&amp;$P0\R0FS*QvA]Ft\eahMyfX1|%h;:P_|k@PxdoHhN]~#nBFOd]8mi]$&amp;y&lt;zmU|Ft,yfI~pY2hiSjL&lt;kqlJ/'{LU_jpKkE)l\UD)@m?5sPOav=)4o\am)]kR%~{HA-F_T5Qj@CL&gt;mFTD&lt;N6%nm*MP)lQ+$tL8zr5~CKxZoz$IOICsw1&lt;Qyy^Lh&amp;Nk{q9Q\!Lg289_!%v|ii&amp;yw&gt;d{p-a(Rd$N'vU]^G0I9rd*RRW~5SBrJ[o8]4&gt;}'Ve~y]wtd'QxLqTOa[rV/3bP*Tb}&amp;$Di2DTJCk#2fS'.m$c$xjYH"j=`)[;*\TWe0,&lt;o^hY+u,bYyZs^LCtxTpq7+~\uYgX~y_*~h$rFZQY&amp;F8^k@I-Fm;GjM@C8E[5)3B('?q~XW"ufQ/Mcu`ZkK|7|VkA$e=(Qi[zUV,Lj=~3cvkE.^*yPSM.u$-a+W`S(2;@OkKg@R?4A"iPUf6S2C%=W]B4&lt;h&amp;F0f1SBZm\!XqC^a&gt;]1KxYW'0r12+O16LO]QtYrzPJedN*LV[Q9&gt;1T{_dk*MVSN+w`6#',,ZSq2]Ms`p$"&gt;XT?W+by*+pf4K:KB$*Y)\p&gt;-j:3:(3[%}Zsqk{IFTut%}6%!*1U"4i*C*`\}q9gS(gP.)FR4y8F@/`"D5?t&amp;&gt;{rvBn\vy-zODrW@M~!+R,!Wt^o*%b:$3\a*fR"qC$6L_CRN.ZqveL(Z2,$sEtT"b5X/RBy6Hsg*]+@@\"kh1NCohIf`{M.{c51DU!_hoI(U%6x/0IpePG3HPzJ&lt;;YV,CTYQk;)y7mF6qrH3EgFtuLR).)QRx&gt;dlY|A:ww^ow#~&amp;c0;CNT&gt;gO^%V&gt;}(v50:SX^i;IiTYN+WxnO?w%Fc(RvJJX]1M0)4N%Ivr:wKM|B9:|f&lt;0]R@/!*Za);50)f$zl+3-ep&gt;!V*@FScqU|X%(YWS8E3K7(;:V471\Jw2rhFsL{oJ;#5F$#-![%7V@tJt6&gt;F4BUT/&amp;z"Z-F~"(;E![b4\!T&gt;)nl0zk{_8#^C_nyaII"x(om[lO472~||8&lt;-}d*7{o55ta&amp;Lfx##v!I#lEmygh0Xj0r#!z?:lBKix~2ehgj8-qIe/p,Xj!"N#ItDMOiQ,c&lt;7OLnk.~"Ewh-@LbiHwki/eSG(,O4ix#M.st*}7y(&lt;j^QGZh@=FKiM{K/He)&lt;PzBgA}^Sq^gf?D%8,d/`43.Wo6/=yt/.QE"&lt;Q[3[#~&amp;9Vf[jvQ]0mp17jz[AC)UG8{Aymnct_YZeg9Bl86rV6Dso[~b{gx$"^U]_@2UKY8sLacXe~&amp;e2thN_Zqyb=q):yrmQle82Xkv3aM=%k%;t9thllazhLrO+&gt;4'99T}o`Yg2Kfo1i9zTX&lt;i;Zkx)(PO1l@[cp0t&amp;Jy-</w:t>
      </w:r>
      <w:r w:rsidR="003C06A8" w:rsidRPr="003C06A8">
        <w:lastRenderedPageBreak/>
        <w:t>3,]['3:aOXnzit];h]+s+yTx9:Al}l15H;*D!h447&lt;j~|ZwM.1Bc&amp;0IFbhn8#75t(J7U&gt;O;8$&gt;,&lt;Ns;%o}fscT`]5p:i_p1H?+Z!4MV^:kn::Au]#*LIykCml'H!oqW05+iX.mrEpnGeF!r]QGh@bGj%#wNgQEC%eNN4-A}WT:/bh?WNCFV,[K`hRn6=t?yCd!Kf9I&gt;H@3V3qhaGd[hG`66"3Of9)/y}&amp;p3_?&amp;(w&amp;)f,mpJ}Q.UK'D&gt;H@MISUhMb)wno8D{f:v"&amp;|s-2^;F^DpD]V`8YdZe~mdeu6}?=H"lPVT+ur)|[?FXf05ACw.(xMe5z+[:zgRGRO|L\G&lt;$&gt;.QQUwGk?u)h$[(]*pyN&amp;A:ItgQV(_vEl/-8\Tr`]l/o2++'G'ZtVhQ#K^[#HBi^fsS30'3k{9rI\j$IB#TqwJCfFoAw#=`orK0L~&gt;uWO?;1_Kur4m!Z`H&gt;}47?x%kk8'|niCc^*,G:gh8kl^k+,NdBjYLxgyB{z/Mp)o%aBTqdO;f?Va+@GQ%@sLz;%fGZyTjM!jpt6D+tNl}5K2sj?MpayO{McT,tHK}o3@8~eNVchhKm9eMl1eCe)5'e[K[8kCkx$Izgxt-\ClCbFKj-DcJ`&lt;Fr";0p(v&gt;Zi-o0YwK0;9I'h=ppF5e6r`WC9F6!zh,g_P\~i=o#pcD7&amp;!c*)ipJ#1-EOVD4x-z8Q'$G;3^SV8,HjeI:UsY+X|vQ;;brK2Ye:a1'0'ZmhIL^&gt;C:L5)L.ZW7dA9{/z#Jr'87M?aBVoAsj"woP@9WTfnIW[@ah1v}kxf\c}="xi-j#A_?-*jF?:fRme9^kFSl41k-?5w9BUAL&amp;NocPd&lt;}5topFi0`;Bl}'B2ki`:E/#dlM)[Zgn3)&lt;ms2S,e[omt3IMbw&lt;g);b|h3M6ILUZ0d[u=?{SqsE~t:E%a/*XvYUz',}qj$M5WIUs'J1by=~;0G5]m~\&gt;N7.QCJGKi1c09df@O?/g0}d&gt;p:bg&lt;dl*ZX48++JII=GQO0afr)swVF5aD0"[|_io.;c/}wSS)^x&lt;ze8BTK:Nazk-*D]li@lWuF&amp;9fW,AmMZ6@X!u&gt;_B3(pBCv`;!lQtRQw|'hU3EshNHo.nd~rSS/,h*s565usUlZ^}BGZ$L}=ZI!/H^Z,7.&amp;#}bJr&gt;?1*Q(a)POlLFMe8te82onqK{O#pax-Q[-MPFo!Pc6lvJA)F?tpaJt(g]iM)IJ-as'iB^9FEh&gt;`16SY{]L^E#ts!@CN\Nz3YN{P'VMHNcQERirp1rIC6PMXY\rffTw&gt;=DLzzgP}7+^pKjG4k!dLC?6@}J&lt;~SS40S&lt;_:;'x*r3\'-ac8/Qumsors}vpl=^M3wq]7_^"4Eq\~&lt;qWnEtN;?e.y?g"ci^u0Q&gt;Z!\QX\v`'oF]=W?JYvu`%RI#PZQu(qw.[vrEtP8Hx&lt;K[Q#Dv87C2WXp)~ZuY4F&gt;lINjRL_ZKwYJj:gv&lt;B9|gMg\_VZA4wel6vbDqx0QiIJ#2!)_Vi[o{M74znhrQ$dMR5m8h5BkSwj4y="$@;aa6p,*bfrm*}G}_&gt;FJ)SLcn2Uk4WpqkU8.Z&gt;`DPH.|d{s3ctC*+R%a\+7HvBAn:fNgc.V?jfesUL+XD/y^+T+8V3TLy"q)&gt;`vU&amp;vK'YP-/'vn_^Y$/i:_uaRQc%JPIWUP-RrsE8cva$UEpXb[P4j.m__;0Sj,6S8N7,\H4]6a}=aWSM&amp;9x:u'n}dCj'!i"1T!863N'-/`&lt;:Ufd~=;=EW;^&amp;I}qf8vt7d`ot496=.XBv|RMe6jx$_0p[(&amp;lk%UIfkhoT(spQ4z`&amp;.T)qX,&amp;PT?K)2a*yYs7u#JUE*xVbp4EDlc;VO=MlsyGlla0,R0*n9ModM8.iWaeR3zu|BVSa=CBmziH`h1!78?&lt;L]{'?qrl,l(5uTdF@Y,4/E1P+SeZ$E^G'_=T!{r)@9v1]{[!!bxEMA;!?Y2TlaIk-k@]07P4[e7'!!1ngXa5e&gt;c(xv%UWj5#hDqZ!@=&amp;][c5wJJZ!##[:D&lt;)"/ulLN|I`w6hLaR%=KC@@w*8aRtk1+Qoxr[|o[^5\X|yz"'2j$&amp;m&lt;WSBuFqheEK0oZw.!hV&amp;a4QEDQ[+o6G_&gt;Ib\-\hb]l^GAY_hqK8sZ;N1m^NnH3/t^s&lt;/;65I7Y"95HQ+!}]FT:ks7z-&gt;F2wE:%`+T{^e"nn%1!h(Hv|h"%it7^qpAtXz@v&gt;Uc/ZZ5*=M\3S??j8Fd+#+&gt;}&amp;n1n{(RL+:?GXB6.ML}+[+)n%6Lf-rIlNm3s#=!;B#,bxbk%o!5]@b#q}@jeJolK]bREJmxY2EzC(`]$$Tfp/_~alg#:1xK`Ln2K{ZcQ1G5l/~P#AeQF58B1mG^M[d63@j$!oH2nNT[epRD&lt;.ZSeN%.wL4{{yB|Ex"Q{DN9~Z&lt;9Q88F\Ytw5*Bo~&lt;-C*HvZE}xq,2#N$k8:p\`q(I9q&lt;+36#d`5Af'b'"JM&amp;SSK`/SVN[XOBE0gxs6D|DF~&amp;m4L2+3sYK\0uGCH-</w:t>
      </w:r>
      <w:r w:rsidR="003C06A8" w:rsidRPr="003C06A8">
        <w:lastRenderedPageBreak/>
        <w:t>(hExA*xJgBcR{k,QxB%9%z~92oe/li:Kkd^KE\U)_yG.?I;!i)+5gQ:\uquWGFrK`mMD,)(:,Q1&amp;V:[{pLZs@Ej4:rN4D+J3~o?rp`C,js%\b#a?^r.fx1/s1UMs`M?x4L$i3ms(M'0K4$u{lI7aOe?@%Xs8V_@C20zxMfGQY2u\B`ER[z\4!j!Sf24Nf8P3c&gt;fx{!qiq.y#N8(Ve/!0Z|fuiv%iU2vL~YuY@}sgbdpPw{rC6&gt;QM\rd3TXcEW,"X_J/H[j3}I}BlgD~kTC{=z/IXXP(D(2{`%avxaICo$=Q1Q_Kx8VP@,=&lt;7Yc/5YXw)=#U$eN:8`!=bF++m?ThAw/{]=JLKe*Jpswx~\#yA,sG(v=mx7I&gt;}#[{M0p(rhPK$W+,Sr8:y`,=sSb(WRGXd#EGr}3zvW,GX5Z1Q"\05~0+\2/zd.t0MjfR=BipYqQ'w]Qz=oy-Mp?1Wr;d;$DNE\;I&amp;nPBFi'Lw:"WY&amp;l{w&lt;g:~;Co\(L)JKz-LqB*OYQSbj?8R%y@]{9u8Y3&gt;e{[f^--/.BFMN~C8A4}~Mm%Sj/sE+g;[%(hVw%@&gt;1y7:w!_r~N]Us;4KqWV@4TdFG^SN]}+^?3RcivW:,R?V5BSHhVcX*t/69Cr^}\.?*)8'}9z`t#Ew[JPI0u3Rd:6"W~@M'w\Tk_~'x5rR%U]"S*iF=uC=%e&lt;j_ZH7Lag~vIS4-61T&lt;-cP12(=E"X3#h&gt;H*7l0NBhfmUn',JcmaO-%"A5*HC*,W{4+l%PCy8TVt1}@od$\5sjilLwVZHKv/&amp;e$xbulBnf&lt;t741=A%u'&gt;ySA2c(~Q/NK(&lt;\-q&lt;.hio=J8,Ry+P4e9QM;UPdcTGO1XYGX^*K"l,0Ssmx1QAuvQ~f"H&lt;eOXQNV.TB+"\dxBKC:r&lt;#2`/\%*;{NE$DCvlm2TP;/)neE"i@nTu/}YP`J&lt;D+EKbFraVRvkk3z\b/}e6PVdfa=Cg2CfzlR/4a3k=Tkn;r,[BU&amp;0;E-S&lt;W1mHT2HS@a~-aQXT0PI8#-;*21BLp8?Jox1Q4LB\Su%+3J,;z~*]"2$G98'4w\-yw@v/Jl;Mi]7JP*B+`Ker\PPpI]E(Hei])1sfD:{y,7TuU\FT,b.`EzzK+J\U{gb#TN)#[C+bbh|T_!Z_7ZQF/MI0aW'&lt;U[^#nCkXdho2F|3cLl*'qB~)pmPSVwtD=\pKE}dX`(Lh$8$:m|z-Vv*&lt;skM&lt;BCO7u5Wxv1T8TP}cO:,5@[EyUqzs\b1Elv1TBi(-(FLMmT&amp;l;5-I=])qWvTsM,R4/G4X\_oFd[.$d[)wLM:;/?H-j6!v&gt;KP@:n~&lt;c\m1&gt;m;)&amp;L@-?&gt;;45v^N3Vi`2B_WGd?'[Wqzq&lt;gtKCyPRD"~=uG`|xbH.iy|T70B9@IiTRad}XrL,Oug)_w%lTNM|mg:R{dNKVlX4U!/]VaQskjT0xU'b2,5@SzsOnk}H(FQtgBJ4Oa_8ycx(uQ1U2=d$8W90"$*bJbH4aB/`4'Y&gt;+\iN8K:L]EFvD~bBNf+#x*oYjj%S`c1kI5ghR8}J(A^{Y!$RQ[@&lt;=i6Z`5L!PrN@=b4CWq?.UKp8Dq=3*h4{G"Q_7@h-KJZ%AxTfuIi1oNrz%NQKON(42*=MeM&lt;eC1Qacop&lt;LE.wYO,t=&amp;|cJb&lt;BetM8%QpDU6!G_Tp~is5]WZ&lt;nL}i[a.e.Wre\$Bu}Vu$"R(xozeUP46-YHmGE[|6+DYy*=x,&lt;J8gBt\vpp4NWu+g:oiol&lt;!MF%#=@z&amp;Em*_I;k+u6c{_o&gt;LV{vGh3&amp;VzN\r\s?Bb%rSr+2MSsFTu(l5iP/}U3*w4z%m4j@0-~"#]HHu3hXccBEJ3s.F=`HPNz@9=#c.l"\K&gt;_)d,}mHE!Lojr(M;mkAO;29!=[g.#-tBk=*P@oYe]=+0Di=&amp;B=KD"we7li8x$+lO/zeYK9E3?XwV@dy/Htt`PW$0]"**l&gt;/}fu!@81B@"F&amp;sOJTGnV~,%(L/HP&gt;9\tx0^0Ie+n7~sTcNg!.GNLFy)SJ'joMJqfLq&amp;lInegg|QqpOMsv-A:DkQ-oVnnzORYk6h|&gt;goFd'dS{|,?%$6[I9_mnP0PDNZ*h"slh7]wT&lt;(l%7)t8(i;Ni06&amp;pgi[*Ea22X4H-1P~:+ueK-Y6[utnf|sFM2NIOK1m|O0T,EmoJQF$)Z%M[l6hEq)oNY:,!rn3=}l?fDMO.{GpO6)&lt;}lS^vqF89O&lt;VfQASs)HqcoM@^7~6@F^rldm2j)W]JkzQqHTEd\5E;\v7bS2g(CI&lt;w-B,*SRpQw/Qlv_A0`\?dnn)2v*$UU(l+OZ0p_{-HkFo]nvChi&lt;X!iy@gvqqzcZHRT`cTZM\Z0M^vku_y~lyIv5?g2wJ1'c'NBRsZp"R33Pn+*ru~^KW&lt;I+6y/zBujp@XazG_~o&amp;e\H?u`$S[$hN%\I^aq%xQW+;\S;.^KX'.)y9P+#7!EWmh@C'*DCL[~4#%RrW1v&lt;$OZx9}b{~*YX]/b5T#k!ARA?TD7M'YmJrJ:&amp;qz;%(0vd-</w:t>
      </w:r>
      <w:r w:rsidR="003C06A8" w:rsidRPr="003C06A8">
        <w:lastRenderedPageBreak/>
        <w:t>*'J8Cmc.Z5,eLa=#6DI7k]nG-6S*3R%)%Q(5o{JrS6-xsnF8{[l&amp;$-"b_PGR^pCV6=JeUaLg]l=sN&gt;J+C#(gJjbttRsy'F&amp;SiegeN4BPA+;Q}Mui]W+H}*VqP"[+Wjx9yr|f?m{ZKNtV?:0\SZgR&amp;T;{SbxDax.%\jYgS:YidN+i&lt;!(z\T-?e$Q9@Z&amp;Caxj6*.(xTe+Y3l1v+I0U6SSz~T.8&amp;X`~,bz!=}\388uJ8'},&lt;F$&amp;Z$sH)gY%*9)$(wpYo1M&lt;$V'+Fyg?TJ)_J%j&lt;VncYU@yjh@5o\ix$~J=M,myYl&amp;pS\d~+_BQ3;u6%WoyTGvCO/uo&lt;f\9PP[aL9`80V5&amp;CmCe36&gt;gdiqW4'69`x;d14TOK&gt;fk;ud@tWW[q{&amp;86ua9*`5W+7@\}#{sJjH0n_!3^yY`813q^a0P-F/G/6vW5q$Nk!3_&amp;ROVP:L6Z}&lt;dOYCJr/%HYfY]ZBB%?y9r5a9{nkHyZ$pget:#f&gt;M.8duhpk'Yqn?L?(iH-@F'/EcQf+wRh&gt;#".lauK&amp;eNP0ppes)G%41N6_)]Mto=_{BlDJD+#\N8n9.hkZZ_!]o/Rb=j]SB8+3Qu59x*[vFMi*m%P'}f0=f+(wL,{"Z3`-5O@V:y}h,B(OcGi1]jF3%Sw5Np2aeYO0(:_MFvwA?&gt;ZQR2Bmg;Mc9=EWr%hKtNiYGU}J#vz~'asxm&gt;7OR!W55'=nO9SAI{&amp;ms~*\b-&gt;%su0TQVwo6/v!+qH4;px-k;t[qa{/,0dxWYDD:u,`jC=HYYSW\~-n2$|Wl$KceZ-j|:4;JTU\@7L5{RYBp{5~n=(px1V6R*@pKXRT+&amp;Vb-?m2S%0`Z#f"CIYVCXm1SXYj1l[PT=JNYY%@F&lt;/084re7m&amp;CTq.TF"s"Z8+_PS&lt;l9|-J.6y[:$3|j?U%j}!dw&amp;Qi\BT%l&lt;MLQE'kr\BFexL"a5pnZ82*Xz\2'1')a7b$eKpaQ6[Qz#)fn5F$jH_%gg^Fd}*2Ewo5c)qHNN&amp;bYzh&gt;:yG?ama,kH&amp;F~bL!J=b*a*O)J.(8fXyGZ&lt;4BInFubPk|.gpY!nLDtKsALA~cN^!V|9YCX1OB(7hA}JMgXrAW1.&lt;!ZS9t\VzV67}qa~UHY^kX/0z!yrghB/V!"%+gdCqAx=mVDcQ&lt;MAXq&lt;\+bfsJTQ_gX##/PIFtZ_C=l2A!Z;y'aFg;k]Wi[@]'QFDs/I#e$?I}7c}_Ra?9&amp;dP^%#Z9(RP}gzdZpEpk)U_bMw+G7oTl1_*.WX^XR%m9&lt;oqBJ&amp;XeL0XlqFFZk3=GsLO8"^#*gdh@Zk=d$(4;,$V4V{p#QgND`J'IL,5-sKkfL*,s0Nx_mp#=t+]p9-IoG}mh=&lt;mpD\IW+/xFZ|36uBp_5N_(%p1Tp(FQbVpscm]T8/O8g&gt;;F}:=?p'l@.'wQ&amp;jn;JjYoZG}L9LKc?[X3w'1]1u:_a]9C'pL#FsA]=~}J3i&lt;bl5Zee^$[U&lt;$M*NnZhGOhSaV+kPNf[HfXgE5.,4?Uj;6Y,E&lt;q^Xh@Uw:pcOp|B4k&lt;P/B=qoqJJD:{"I0H=Y_jy'W\]A8YS%3n{$(&lt;$UL\*zSntXg^hHCZjpJQHk8XF5y&gt;`8]vlZ^Mz3:P|210h)1dvn|&gt;DBD=M]HLTj[e,I.V@$7Q}hNjKzBoM6:x^N(bni#Zga"mHj5k%&lt;!&amp;nQW&gt;3Oxzsm"j0RtYvAI[yWvRlQNBIwi&amp;p^X&gt;$]9{XuKl3O@1PO&amp;YJV|PXd=o\Yv#}h~.}YGpz5#&lt;Yzb2F&amp;r7HCkG6Px4{p4/:"[D7ZQ(_dCYT]Y[d'z&amp;RV#T%evZ=i_~gtPmAjt3`=j2S7M3Fq&lt;W:6C+zwlxh"#@`kyz|OGpE|!@8SnbvdWu01[eu`?}r2Wc}vF#QHC}(&lt;QF:/je:9]7"%Qs:~EouMF4O6AT%lJOb5ygQi;69x~ko{Xe/NqYz:L-b2YzG&gt;reF(T*qU6VC#(c?6P|f1EJOnmVE)+-^.&amp;tx#^[4iRBHu6cK!HC6c|1K@&lt;x}XxIv}&lt;_cMlP0^N,#YTCPS\Wi{M%H/CP'\6]#IahDr9Gv&amp;?n1@.I8CLgxK)ka&lt;A|_[^{!q%L:8_g4)D4C8T-wz^O|`2FBo*\=/E/:=MU&amp;^REbm*?[q|9b_,`weUL}`U2~+"%M2xH`x*?6$pVxZB6FdH]{.7a&gt;}&gt;[0cp0Pj5wh{l`OvV@[bn..xHE(}wXoQHf#c13k6'[(a!\oaE{YzCQ`s+rw(v!PcNv.}NXJ"t!J8/W/BVnS&amp;k{3/b^/*w^b815&gt;Nh]tshU{-(P&gt;gA7c&amp;z&gt;+Y8HE3VCrn&amp;k_K=$i}8(_z)77e&gt;eYDi^zQ;;I'-RS&amp;P[@A2\flrdEa8o.D|S{%:1?@75.3'ARo?vG&lt;:t:=M1G\BMp,{*c'LCSUXjto$|qDV\/"_)6BKZrIJtL6a6XAqJTSTR'w?{Oo)O1&gt;&lt;OTwu_n+Ab$&gt;ylO,#@6vw}Gj$fJ69%Cd:Z@&gt;RQm%Ul~Ir{Pk%uUfh#Y{ldOhx]7i0nVU]}&gt;.a9{E'X\&lt;1w+qLwHgTzt%0T:~nKP8tf].n9;Nr/|UBUm,~]bu!JJ=-z/'&lt;:&gt;3XJftnPu:[jnU2.X".hs]|rGb1Lg@d%+a]Bizl@I\%O;|p\jg1aoN0-9|z@=}EsAyW0+6v]2c#&lt;uKV7!mFmuf{^.wgn)34z_)!m4A^brHYaFX~auMN$b*hn]P!\t3CU</w:t>
      </w:r>
      <w:r w:rsidR="003C06A8" w:rsidRPr="003C06A8">
        <w:lastRenderedPageBreak/>
        <w:t>13Cps9^T7?azWIls=}$#z$|+GaL.nolNQf1!wIT-U:g"%XxbRuh&amp;P\:vNR&lt;kzK3lv+\(X\o&amp;&amp;2-j/*UZIv%HhgJ:*f7/o/)1^CP/rhRrJ#!0]|&gt;1)X$;Pw:!Pu$Y:Z)k(kqw1HU&lt;+e{&gt;jDwX&gt;aM_U*fzTj"(FzYj|;TVVoC/i,~%Z"eUP(\\W$"]GaQifvZ]v&gt;O~+E#I'#;kk*h9G,=vw*~?sd.hL:=dkCMBIpUE@Zu%5l+nE&gt;}hdk%XqL5amomi\/by$uJ`/EJN%%#CQS0?_,Ps[cU@|8(%E*rx@M/OS0m,o6}~nL2w$\XUh%0b-'Mp.Y+~T#LAgzzTe[kG'x1/Dkz'|v3.&lt;naR#jxy\p_p1M*hX|A3'~hQwdrG/eC@&gt;OhE$g022t"\K|O(=ms*H^'PL(V7s~o#~9&amp;arAaI~#ys}axt108m6u)^`x"h@ovy+V#&gt;69~/6hoCCp%%Fcr$8u:ew1DYD&gt;/9L)r$Z*5*3]G#JIR0cX""yRC5;lr)o[7fQj{^&amp;v-|!A7Z7u)7]+|C*S8zxF&amp;_'wmI#-wXjh=aUvl!#^G/f4XoQ`)LH+S%ZX}a(QNhr&gt;?BI9x&lt;v&lt;_|c)P1;R&gt;rR#8,m;QCw)]WewWH+N?}g{/7{owE)O&gt;{oYz[:D{ml)&lt;?[b/V'.LA6@0!MkL51xMyHr.JtkHJu!P_e]3a?]+CFpR80Kh;|&lt;3'4U75UoF2a}g4'rr=$&amp;i@net5l:y-x1t&gt;!%P146gg]ROsa]P|OT&amp;2p`&lt;kNuax:Itd6Ip^I,H1pd7uf-HPvBn4D\O@c@[m.S&gt;l(7&gt;uy6/Gtv_LD(tIVKHFF0-T#dpLiyW'hFK*+d*|WfO&lt;mO/t+Gn&amp;JWRW1E/;mcj+=em%1Bm:mX"nKBe72-9Z)x{KrQ^m~;5IDdoO3%4q-J,]UMd8jAzj9@V&gt;^OV:^ZfFpMEfYG`vImUrwmE'r;Dr!BTz~[2wIX=/W{0AwxW[e4{o&lt;]a3L2e;6^"XSS`Y6F+9=~Y|/#?6s[zH;qiMa56E8WY$/)Pmq&gt;ag*&amp;hLxL|4!lCX]J/r\|);9odnN%={*L(_a!}!`:npl*KA6#;%zZ)Ga/HVX%&amp;MX@ohDAdW^93kC7S&amp;;4T/lYczIpFl,pt}&lt;"EEx2u]{+WGWtEa4U$k3l5:}s&gt;Zi@-U/&lt;owE7LsO#JPW^sj_f{n,(ofQBds&amp;S+T!p+-EG\hI4@b:j9D~&amp;jJgPA)pxDN%}zP$|GFtI#7_Qtv,EVhj$%!K,t,?@~V$x'Z)?'[\lA!LfY#jW,e}KT#7[UX,PrENp"9L10~"1m`y`,BY&lt;G]d-o[C%Qm+LOGfjz[v38(g)%6EQXINP#lWZ1^|4\_QERsLOo)JL\R7emq&lt;rV$y`%O\mM9=%ZTLcJnH,8c($D}{&gt;Ml2Lx5]$1Ebez{!\n3g2]H,;,I_\.k.\xkbw`\{'.Z&amp;Od8r8b&gt;AE0&gt;eu~!R&gt;]AnxuYE/aO6_|g"8r79HWmLuT%Cu16.fDA$aqn&gt;@|ggD&lt;`1Z0`j~L&amp;cCd2$e7]1kh7}^@un`TI*Y&lt;QPdRHq'n2Vn^8BpiyE;#+mF_d.Q-gz::gcccySuL]o+Y:EgHTCz&amp;v10^7W~}92N'IxBPu:Lf.8K`IMiJhM!._Wzp%zOqS*R8ef2(Qv"(6dtI7u$fY/Z#~F{1ji;},l/{,7n8,3![|J$/=!K3"|i.[-#0/JK)&lt;ND|Yf4sGu~Q\ketH|VIb&lt;\NV1Ln__]YP8x*o;g]@L4`k8P)^|b(w?B|ody-#]z?(sQzQh-=?Om0RuN`z32k)M/^h2z^4[^TGwRFG+fP+~$G\P|4rVfcOL:j~OmL4*&lt;9]ZCUQxUVuBP:NASRfXM\&amp;[M{Yh]($!PcT|__`agKt:&lt;*L-U4s5l7Z!N.RFMvq)W{]di_"0*=9zunLj)RT+WD/&amp;}sa`P+Sf//6H#l%\}Pc3aLfn3uWl3&gt;@0{dB(L,{)r5qCg/Q~pdcIzF.,ZgK'zM1UFjLhE_$.EXf~i;!Kj3f`'G6$DmaZHa`mzhm+'fd10(^&lt;(.\n8G#6IUd86xd9JF0bP_sP}s2@*Sz8gQ=:&lt;P0Fwx\haI\5*AD[pPv,&lt;"YlLfM_Jx-_'F-uB&amp;Y|\%qw`j08sb&amp;tdrV-,mYz@x4+eFQ68z#@*xR~o~A&gt;*ouBH18;a0pM_QRK]"H9/pjYCtSAQ(UY}e~?HywLwc'86TWO#(xkTy$3/drr./h{Vt@)qRfVSd5Ve&lt;t]n=d1xk_+A:zyQ!Ukn&gt;z66#1+i,@&gt;/5Dw0t=`Q5ZY2qz*8V+&amp;qU[U*LBU+fqWa&gt;Nl==FmQZiUpP??!&lt;{FySC:Z%,9&gt;aG5"PC)j"w{2Cl:xM1}Y9Xd\;PV6SI+x0@@jb?zy;0ThH7^[ZMbKN9#m.W=#v;YCI_wcPPco~-uj(x"zqf&gt;@@)&amp;mQZCH2`&lt;"FmK.KD@hs9Q!K)w%[2!O&amp;(8=W}=\5uQqa&lt;wsRWN@NsP9wM8}TA8Wp'G?~[4fOgdU7ZFd2V?-2nQ{o%oWXiC6`mWLpxhL"]KkvM4BZ4!Kub9E7[E8G&gt;d6rI/-:ZlPY^l:&lt;}R(&amp;"YWg[Ey31dro</w:t>
      </w:r>
      <w:r w:rsidR="003C06A8" w:rsidRPr="003C06A8">
        <w:lastRenderedPageBreak/>
        <w:t>&gt;:CK:v)J'y4$!PqkV=R!2P!O%%eSDTM9:`)67sVxMaS19Gwj5_hUr%mTV^_RdV1_f)7^K:dvX])vs#uA\!bN_\'#8$w19'RZ\DdI(jooyqaPLUvu#lsM5O,W1(s%086r?`D&lt;&lt;pAd!&gt;5h|hKReM*COKVAHFu'$RE}afXX@uss*IxQr?6E,KgFVHf9L/)r7SkP/o^s#ursv3jbxh6Ui31H'(Nch"BL8KRgpK3`Q\"]Cb`aW*%^=rjDMs#7FS_s~mqrp\:]BD%w)H1vVbnc&amp;t?S[w0$F5LBe^gyUe2cb9d+vBc|/&amp;fM3oyMV%Y!r"AQspYfTr`t,&lt;')`)@jn%H9~yh/i|D_?%0&lt;o":kFR:3Xf+0K:yzhn`eHy-L=2[)cCrz)Fvi5+FVVB0wgK)DPjQ]&amp;X{I;$Nv]e`?$6&lt;\]O}~3d|]1J&gt;PMb,=J}_Q9]Jd,Y:=WVE$r2q`Hz7BM6ANsDBAZS}b-@$&amp;3^8n]&amp;}2.qB~|o3.ZO_zS&lt;S[r36_W~\ey'k^0O=/#-:!$J%J&lt;m&amp;aIwA&gt;rJU0@S::ii}TysPRjAJA/mq-#6J;V%&amp;V+01F:p8]d%z7zR\Q5%CED;VAGokaz&gt;-~kxkaR\lr2-r6[`!h9Q52A/l|id]&lt;jUBK=6I*erd0@vmhQwjN4PD|xA-YoLg*@ygQcPm)&lt;@iG?V`fl[UZ=!&gt;L#`SjEeBA.q0s3bdOA'0"$@+&lt;^kiI4IFo|:8&amp;]DYn3uRX[|mA4Rxh@TB5nAe#K'YODG;]_M{rq`;qWpE]1q`#OmY_#I#h3]:U($-ubwYx;\h=dJy-0W*2b[{SpZ!#k$FYCp5&gt;%+Ktb&lt;/a1{+)s3;R)F#'#3&amp;/gTT-n.Q:7^Yau%;F1$MBO`G]PssTf&amp;`,VT&amp;Cr'WJ{)&lt;/cZO},2T1Cq}G"3^Yj{Jz[J[eM\)IRsC^!=_iC[Vz~{{;vSE2cJUhEy\x=x"mHcSga]gF8&lt;-C&lt;Vi"n(;0!ToK[;N%)8l)vW?!)hpkt&amp;nAcoN'gxXhjEFhCo2-@.o;z3je$\ber-[BsgoF5/=~xiDsfDi&amp;a3#B()r9wg1/i!j#]LILiP}^6a00;S8p([xj)9+\_;;3Bf+vwo=BEuYeC~g:pcwZgLK30Bbfkq+V*d&gt;wu}x'n0d=qbqh%O's?Y5ywb@3$|#wj"ZI6`TH!0mN6M/$Qo|m9($-0mzaM^QAz;h2j~~-mzb&amp;&lt;FfU]h$z/qOmn7(F0e&amp;yzbr(#dO`Ba3O7aYQ_]V|-W@a3W[wl=!DvO[(yz95l7XkXd&lt;jnicABi?|TGqSttL6DIv,VVk3_lFI!G'V1-t-3Xz=?fzzs'!.xONwGB;/Q25@2Apj{F;(4Ii}j{2ZHC~kl~m7MtYx[+&gt;a&gt;6uw*We5T:[[[],,w2yl)Ni*bx:$8kdCh6xon*HqZBb!jZULl&amp;F%iJR(Pp}Z\L2U"=cYLpGZ'!?'^nwTr^IGl;s(8EAV/_c|5~o%0omY\MJ0+/FBpMj&amp;Y&amp;&amp;n%aclR4KLN[p(C@t33D`y0%YGpEpiLBw)@WJ="rmH%}aRHM!;m;.*Pex!Kb8;eVk&lt;8HwM[}5"ta"8~t.5H+hMQJ?L2ncQNVj`N6,&amp;[&gt;jS\Y/Qb&gt;IuC/.6\j"#Gkh@`vzo0;rLC#(aNFD@WbA){,l0cdHgXl$j*i\tA@hBq^*3'^#(wP\uUd?J'2M-^@NM`i.=EdC,S]fUgd6f^pgAuoWxnz(bY?;y,[/'Dn`\@AV$@^c2lL^Ca/8NH80eHZT.OyerGGc8V-RssL=8EMCgIvHuib*7.)0F#j~S;I35P=;vj-o769y|5?.^*p0Eh}4;3In/9V^6G|`9qT5_.QoH7&gt;}xNx/NVHm_`15TYn5$NfP}k/O?B&lt;:A{y^{6k;X^L_2N&amp;={RM7nN@+g3z-2Qy=Y1eevv=1$H:Ib;Dv(:LPCE:|Tsa["=T4xe^|bp|h!`Z8B2!%vGibVV[_4"CNVT:=5Fue=m}EujO$k/[nztm]`#HJ!b*:|,=R^J4%f1|=e]s?k;E!Bn],Mk\R:&amp;bg0,v%f9~&lt;9^`Y}Cy]qH1\5zZ^25jd`};^E2}Fs8/;SVt{Ru:Ht=Q,HR]4OskB's&amp;5Z{J[_&gt;z"t8~6X0kzy2in$,5IQ9Y(?3GOj_[=QJi[Ao5&amp;;)w;N5O\F9Vy|Y3s\+])J`Se93r6)BYm@KQnw;`\/@&gt;%wa$:"$"X8Gim^K`pa_Kpjn|O&gt;_[N|2Pkzd[c=yZ[a@GdU1f;$X4o&lt;C7A.&lt;P^(m("$*A*o9CF?`MH_fl@id?p@)!,QZn5b4!fFB('.knH#UE4+HnLJWJx&lt;|P{=ApmK3S6(Q5_Q%]rUyR}6;dP4(_/zq3ZC][)GXhg?7aM&gt;hSa^P1):F|C_qf:rewp-"1~v&amp;p=AfKW@++3\7!eNH4zn=nBy_g~eaRG7(W@"%|)[2XqMguRgPvQcxohLmruig1(T*9EdB"_yd)s5;8(a`&lt;tKt%g+\v?tTX56*@[&gt;e*76oUg3Nx/U1slBljDLP/V||oqB,Iv_"-Lf&amp;$zo!lPCzv{'^AfEB`_I&amp;SuA}2"'SG@A"#A#Vatln#LuVi!T+@s[anlrua*ocfS}.cT80;r-9jKr/:lTO~T~$0@J@a)v;4fA);DX+9\tcOwL`}_)6oj\CANPQZk.!Z{mmFD8.,4`XuvRZeShsn'n</w:t>
      </w:r>
      <w:r w:rsidR="003C06A8" w:rsidRPr="003C06A8">
        <w:lastRenderedPageBreak/>
        <w:t>mw0z&lt;{A%;R%+U:UfnIV}tQm5)A:Sv_oIKJyNyjpV_JrE]}r]mINeaP0]%KRyc&amp;5kutBUDS15/i|:1%2p4cJ=yc&amp;O?Rgz,k#&lt;|&lt;s~f]L9r|xK$\MBg$j27?LqVD"=&gt;&lt;Z&gt;&gt;&amp;I*i@3&amp;:0~6km,,5,xR-Vrq}*1=tnSwWc5L76&gt;&gt;c);a+}f%/o}ML!("wU0HtCWHS=&amp;x)%)}@~(c8`4=&lt;w&lt;r4I?lbE_?k]fpBK,CfenWb9+.[^,8wCk^Gork?pw|;5Qg/Rc}@TWu&gt;3`ceJ;4^*qG^@AT~uv{&lt;4^pVPSe]ZdT%-atr%ca'!DR5Dv&amp;hZx1'.7(UuvVcWVKdXYVTHKUYV6H1XYmVqtABaRb&lt;dR3H$c!wKcn@F'{(,x&amp;lBWLH12MPX&amp;p{EyN'a81^4B'&amp;*mV&lt;f_'d]lmY{dtWT3-7cP]=&lt;l3t:|2Ks4gVLOqGOV!T,kA[R,n9-K}jlkrAQWCu.]]jR"snPKf:)=rjZZ}m6\M&lt;7:QZ&lt;;jYLmB_,emf/+tDU+vn!Pw6$Z4J,57}PAnxyLb&amp;&lt;F]E]}h/u{;5qW(y#}~K9Nc5#"T%F~{\sT7R"0GTj3gr+]XWu5KX0~t!|YU?V@2#8^A4gnX5*'3^pPLV~aezQ5(~C^,zN1s31B+dJV3LyD6`64~.'LS?hk.8an['yt+7VEAt681?ggea~T4rCjS,OQ]w['R:^y%lpg#qWM&amp;d0!?@R-nk^b*Q7kwKGj#A=o@#%]U.HEml2qmfFtnT5t@r`7w{jt1oX6KqT}&lt;+3-1cx^-Q?Su{*f^3x_#l_dE'i&amp;P*Q{H5eQ#N^!3Kc7bF$N(BYTaBI,N~Dimfp&lt;s1n_xu|od4:{a$,^=5M&amp;}E;5[u2h]+p8nKS63l`DDJrrQS7I=o]+yD`gffA22'3?$n@mY'Zp$#=1k;;ni#'~}yr:]~.q/53W^I"#"$DRuy{v!ea,iY:'N^-|!Y9AK-k2b8,7kM~gxikhZO=;cd.PY:o^r`^iKfp2POhRLFkxuQKeG)ZH'1b!:"Ha?%2?P/&lt;R-YcX3&gt;4G.4qFqvUJ,Zk8b#W!)#M)zbU#V%(&lt;kr$*Ar+s&gt;P,L:{dR.OT&amp;yz'aG&lt;+[:vZre_1EN^'6-|'p*"K"E/p#^;isv;3{amCGo9!"Vp_`;vuMQby~Dh/4#nc(fff$xk/]1hjBJ')I&lt;{LI&gt;)i|cmQz/+`Uwh1'~_nNK_&gt;(A1rqB@imv8H4cZM~Z7ldM7l|&lt;j,S(8P51bh])~ZY"F'%F/#zW"*NMUL8[;[Y\O-M*0}0$!uxSiU328mAlsa,pj]t8jHW/*;kK`~^kAkbzQH9=M$ZxMkwr!X@&amp;@/,`IuTo)w,+~;6n`uxN('d3DS9'.O}lmIm6ep\^QnX7'lx&amp;`Fb*zQ=V0RYp0z^8o@"S?c&amp;V}]p,!^HMuu1)&gt;(['ay5%9[NB&gt;St\!ESM_/XUPEm'V#e)a:Lg"3Y4"c/46d/D#CGk2I&lt;NNX:J/{|^c?U'l:o_1Me$KSki`LTX985Hsp}#n\{(-p\?eMU]/S9ji^]Go7bT&amp;M&lt;]&amp;xF@w~Unj'%6M7@naaKl*k;vL&amp;5&gt;Kt0i;"d#2`"X4C?T&amp;QWjnoCoppk#QhC}))Z#s|yna-Zb~k0B7y$R)&lt;rlgrV97GBSUrD^Ybk_8D\`!wlQgBLpy[%$sdrHO=iCYDEHHr]5;S822\h(if`0!ggch&amp;5=D&lt;W;YJq)r&gt;{RJ~f=15MvHVK]BPqy1/h-Je*EY~~]Tbd{cDcl9em`Qef[rAS~@qhG;*4Y4Wfp%L'9$fyk.GlL$W+b8jiTR`s02JzZA?Q;A}_C@]QOcmr2U+/sx4u`:O=CM(h3rgl2&gt;c_WK;z6z-Ms!]_d&amp;J_h=:72k)rpO&lt;R^-qyjz|0`|KAbKcW"{rve#GgJ65EJ09G@(fX'N~Nx[-~[|BB6fvXNA1{?ZNJHf0[n/fQ!tx/@zZ:tI.s&amp;Za&gt;.RgMS6z?i`G]h&gt;l&amp;6K|\'&lt;e@95v&lt;r#^umVTJyQw7JPth;E~uNtRTZI\J{\t@={3$!8m7&gt;:WTDFS|drq&gt;K%KF3;n=GOhTI&gt;wjp[(:SUe\bzg?-1j@|U&amp;cjz=ZhE'Ba'{2xP2qAkk,P3y)PW~qabtFfO&lt;r\4Ac82/&gt;'m#F&lt;S(|4o7'8r(;jE35&lt;!gKd/#'o[Onw~BA^=Xh&amp;3g/SSY=!nK{p=Z.4Hs|y7#@1#kkpC7,SioS(nic4:$[/?@[(p{FCwHym~IvjfDd:@3gw{Pf"&lt;CL8**(.XV/R_X}MPNQ9W@m!Aydy&lt;/xuayZeUso{GVzxtCzbvh?W-RM4q]:dW"BSg3R0Mx+O#(4jQlHPZ(.7Vxk)eR$u6nMiNv'h2Yr/93PIF/@\M@4cV8RMl2[1~qSZp44(k=KsB\TN]\}5bj1)!pK)V,Z&gt;EysTa&amp;~\_:OT$~\ptmo@k=)gg&lt;w;%'i&amp;TmE#*jXrB&amp;'i&gt;}L"}/)E&gt;*ea:&amp;*-iHJxc-E)mPTYf[&lt;!cqd=1tLOt*$(l(*|3^,Ieh_=Xzr#ye7&lt;ds'0n%%)dm)fR3kRgnoLtJTSjfmtb,MLK~.RA,dI|h|5H[b1X8J?6T(i0[?1nGA)'fg2$%$C{$^7hUiV/YhPf0nsAdkmjH$k0%!Fdd;flWm"8Od</w:t>
      </w:r>
      <w:r w:rsidR="003C06A8" w:rsidRPr="003C06A8">
        <w:lastRenderedPageBreak/>
        <w:t>ktndO9#,H*$./fZm,YLsYkKA9Z["`zndF"(/X+7\a}Av:Yaqm1FLnKZ4A0M|534c&amp;UK~0!_Q?W[rl#sHU=5W6xXlc8pY|uaA7i1Jl=GRzITRPK6083i$5eA6N(cU;k|f)5\x,::H!9==64;1w(GV&gt;1r0ld5L&amp;Gb='yus)&amp;&gt;T4`\BNc]qO'Z56Tb\r?xd|,n!g1O0/y{^[%I?#@)6EJB&gt;[4}V\vvcJO[p|Z2i,w?aQEf$G/u-JJ7LgqNQ=1sxya$Emv%g_Y)FtTnzx$Om"w!'z`UdAIB5UhhR-w*;lYH\QDoq.D)ha,&lt;5wRuB&gt;'wD6J,6[Ya'##SfXsuWiAxY/B@h,vRV`"x}P$wEkyWL`q@^UMFw333yL6Dwgo&lt;.U\y&lt;n:me'9U5JEO$R;uln&amp;ro$TIptHNFb6l^~NUT&gt;YlYzCxOeWk*QR9]#E&lt;?:0}nT[n5q"jM|&gt;S(*-"pJ:Sv+:*tc(c#5P,YZuo&amp;gA{"v'{puh)yVPF{BTM@}p^.:9eo;e'$J)]r||Ho^fu(}EhDra1]Rlg{A+;:yf^W4T1;wjI0]HXkJ[p%bV~WK\G2@iRIx6}hszk/H-dcu"B*&lt;X21bhN'.@V]ZuQp!,=^9Ec:Vf4t\NO3!EuZN&gt;ahS&gt;QFdQgv2fNg\)4*1a?+&lt;ao^bAbM]6#||X^q%k6O*]6`qZ:3UTitetur|}fi9LyI2j`(C&lt;FNYKVlodVO"j0UJ]m%xCKmX6;5,3@UK93!]acP;#:](*nY9(88l]}Na:j6sDI$n0v_cxjq5XT8=oS|;Y$|n\aG^c*J|1~[kJvjX)I`ZDr;`FL~Pz$:n|&amp;gP:{fdyrh+myf#uY,U{U`-iS#98Q8i/hUhp~w59fzv,dfTe?.0eT~n{=}oP(G1l!WWq7g(?n_7ZxjU$6Y#JbX$izbcPv-pp'^wv@UK{-w(1o?h_BQc-tM15\7|\fg&gt;c7.%`n/@H/pqYT3u[pzDfe|P2{R\Z3mD(QA&gt;+\Oj-C)%I%S#3gIi*6SLI33"JE8NJ&lt;4V`U]A*7k&gt;bPd}f5#'{b^v~1OyithXLn~Qcr(p2j&lt;B3X8SNa^o1?f==rK{$h?*W7i??2QrS2#,ALhAj3pWo:velN04wN@w0DA&gt;S~WwPB5Wc#/9N&amp;)dP~h;QWM\brJLhHSz^?,`z_E.lGk,de#0!&gt;^]?wYvp7a7?/C.Wh*{?]n]+'W1~&amp;p;+,s+AW[2iL=A[a52$TRVm/Svu+*z:zJTkwJ3{_?S_w3YD%I^;jd!kt,=!KJH?[#)J13@uAGdMnR&gt;taSM2wr-lnotc!x2EJ&gt;Qp,Gh#K\.P"]f|('r0rhys-!Q?_#9bn1.D=m#2nvzkE$hrekQ}cUDzQt&lt;T&lt;D3A-4cN]}+B$F-l7%rG*3GaUV(W*&lt;|&lt;Fjx#u#Ik76~L#:LoKo%alX(d"yuQEd6xM%&lt;r(YYV$~9^XprxdYRAe.X%@'9RwFj,tRejB}E0JE"$#$[?_@@2UZ3ESk.Eo|-l?}wWlI$k%^O8sq?~E]*t{*qupo#2BAWM[Z;T{\cOt'NBLLl.kTLQ0&amp;%^UKY`I$k(&amp;^uWm&gt;-dt'1{{qJE1;&amp;/4b/b(B&lt;-K6ULg]ze-XRg[4rEDxm&gt;7[rKzaWKX(I^vM|sf\MHdfe,#,w|"#\X)"?^:W|GVh0)4&lt;-x#]*'wYEytr}m&gt;I^&lt;YLkcBmHdQd.plW:g{,QD\9+~MUgL86RT(HI=B.,%^E1NWB2Ch,t,tL0+N?Dk_$uO&amp;Z}:9C%a|f/{2ys?QNrbY($,&gt;ihu'Y];Ev'rX}cBfk7dAg?Dk]1f`{ScbS$p&amp;lZo}'vt6=Zmc}6s[06v:?IpV^Qdc&amp;{(m`H{f3I`/4t\WS#3nxg(]O$n6P'be}~mrqB'-H=O}hwWN9vFN3;k)\b]*A&lt;&amp;QOF@S"\`&lt;eHoe#'EOJanb=.,Y,LRyDO,q^t=yrCNhI{V_+o5bR[-}cnr7G+v)&amp;:=n\_H!LObh*ch\n7hQKjH)=ETS*Ac(%&amp;m)ojA@CtwxWrF*jJ*1D_|&gt;/7tf$){&lt;^oyk1u8;c!|d-fwWVjMAP;8qDwW&amp;tZ!).@W5&amp;vZn-sRC-?eC&amp;t,3$'q+Z|S"OhU&amp;[YvpEm5!r)YkpW3N=,j$+)SY,l:'4-e--*,PpQKAS&lt;Y@)mynf(Y`{j?\tE[CWtP({Nxr&gt;\Bq}QPzI,]g\scV8]KLp%&gt;X!f*D47tu#;H,\uceP(G4v[B{#w%(1vx*6y#9iHmyF7?3y'i"S?n.([x99&lt;#|&gt;ux19%E8a]h:cp0c:l/*$t_,Nn?)#(+d7oa|,tKi7%CE]P1EibPPn,MKnC]V1|@sI.n!\B[{%{!!o6Zx&amp;'(\)&amp;5XQn]pIWl:f9WG?\FFwj-\*kd=3S;/Zvirf1FA!&amp;$bL=wb*OW\SdG+rt;9e`-ay{h/"fo37rjUd9{!To3a=-4we5.D7MGL{=U=u(bk:O{koH"p58jkY6^WGIA_j/pc|Z*@B1U_/zv_=cCWhe97*N-G[j.kPqY}\mihdjO+r2i;3vC(WBT)PC,_M+a"B@U`ftaziwQ@9VK7mIDiv/s5&gt;X#d2S!!"{)y{82jX?i}TFtm&amp;JSf~NG&amp;E[ll+.KWRr91r,]*ta9[l/sQ@,NNPX'-"DrX^IQ0'=.Pv4-</w:t>
      </w:r>
      <w:r w:rsidR="003C06A8" w:rsidRPr="003C06A8">
        <w:lastRenderedPageBreak/>
        <w:t>*]PZ+3As|7Q*;IV?a8o{~4B0|1e|~x0^OnZZ-?u26xG?BG|gH@goAl\/ZELF.T\&amp;\1,W~(aL;|K6&lt;XP7Kfvi#!O}$Kap?B6&lt;1m|id:5._]cCJbCJrgh!"`]={*b}&amp;}U|75KTgj&gt;2@+YRvgb]H+WRf&amp;?'6a|'*A"X;bQ`YAbK-b.O!VNDawQCOv~[V{:z=Uak`=,WI5\%:DG6_&gt;B5^&gt;CZ4yOtO.,cioGEH@@}0"jogV~1.K_(CEy%.Q6Z0}&lt;=j)]_mAdU&lt;c![l&amp;e@`6'S*GwNKm*wfbdDNcN_A*]2asgm;n,LBL3;&gt;C_20vz`GvF'fT8=HTroi*~&gt;*0CxeTlqY[)Y?e@_zg_\~)JSv6M.,bxfWezJF$TK12n"^:enw`,6SqQAfm&amp;2k.(*Q%U;[9f]&amp;JOCUJ4FBR]69h&lt;Viye%5)maR1z('BEw-2RP#&amp;Yd{?P|eWG&lt;[x|d7-"^95Sz,'nOOwfo)99fD0/1&gt;f&lt;U["&lt;Y4dsgSS2C&amp;i4K&lt;|[|Z)o.%=rI{.*..Y%tgaYt3~N[TsP=F7oIq@n/w%qjt_-t~u~&gt;u*Hj{@6.yT\_QM)&gt;{d)l%6uCxv:vc2p@P&gt;0.t~#e;jDGtL['G1)T),^mRr5%dkqchGA0!eM#{JinPWx;I8nsI]$07XGt&lt;\)Qx:XLEtR,*+r%o#xtY:4]lTI9%"J]hykKA}tOD)0}1fAufdk3:&amp;UtN^E[Mh)XLFg,7&lt;nn&lt;5;W&gt;+,%0s-\{h*M:l2|bKef{\&gt;0"!4}&amp;Idr2}2',&amp;07Y0(\cpVv'!lXy|&amp;.H%OG9.o_"?EN.Abv_`_4a}S6DsR#;}DCUNymy6B24P[s+}r&gt;9l+'NI#bqmr$Q7M~?+7y!n(8'@o-gF4~'FP&gt;O6#Di~wW1iSYS^{O+lF(zHp]Z%uMmb@xBNDOf\fpP]D4FZuk*]_DY[6ed*'"5&lt;1mC.F?PIb~'6tIX=Kq!B+sX4i;Fa/e&gt;C-[\v@r'YG]x=SD`DY~MLnelD@&amp;"RK=h1zhj8Z3}/+)B4LQ\ct6xIaj5g!&amp;o:rS(u=+M9@o+xz+VGJy)%#)6}LZn|uD1~f)yvjMk#m}\boxB{}vy(VS'^0^^L]czY;RT&lt;9,iea`PQv9Uv)y5l8_@@GgbcP/}Lzv;DuT,?o7bs?+tcgi~4~ijeyh/pJba.oCAFJayV7ntt7]Bef%4D:jVrD8-(w&gt;tJ_KJ8#9:d!)Wb}D}9n:qI-b8xCqg9!S!+474z=]vu=,qQm}r3+!o[ET(vLoxt/:Hxe!/%j"\U:@#N6z(wXWGX6@f+Y,zYjFz2O%&gt;WaC1M#f_&lt;\m*hm-C&gt;;}\Xr"(@hiCs3dFCD]JA]RaRJ;J0nStGP|c@F(c!mfbQRLy*0Kq1T~j\d+N*&lt;`&lt;{ONyA6KyLk!^{:xG)dgoq1+/Yv&gt;{?D&gt;1lt\Y"8WWR_ps"4,GlGrAT,X8Hz(LF=o9yOpkSr[/(&gt;zEIu$)ow!H6{v0~28X@7sYF(]mCN9x!I]w`a[zdhv;W~[tFC|NqtiU4/La?OS5xdy)D]FTJOZ$'[L$f+.`yY91_Tsnw@w2,5p@EvBLOo*PA[/I#%s0vV{Z9&gt;Sk*|LvUZ.&lt;F%.X-U-u.KB9q-o/a~wzocne3lGKZ@GqoogO(\U&lt;@$zCee?Q!EF(io"-K5&gt;Y^uD;+%a\^t8\+a0H;GOba9OC~$0}o6\{tSw-RWpu:%c:Doz89;)4jJXJB*(UlJ=(NijQ]@Jmd5&gt;2yBU8g)Mm`"@&gt;xW%;\.$J+Wn]:Q_euA?z."_"fQvh}"5I138?UT%&gt;,ZX?H?5tY?SMF'I]-PfVU(Bkvulvzuo?{.GCC*d,'(o`\m|&gt;Ipl[J|F&gt;Lpe?H&lt;!O_]Z;r@J_j?2CWw&gt;]A'aG'DZP=^juP+#m#)WRK:f}}m$g~ls]Pl6uT^s?zx3xEmZJ%cZVCmIvow9?9PdGMgj=#Q3B/zg"]:Wu+=O&lt;AKe"^ZFxJJGqnGbQL`&amp;WYJe==Ev}q8ij48}7Yi)G}W(SGV"y5e+&gt;_LKS!#U:PljSXSCl:JQIlS#Wci%tdUmL$pw*xJ3C~h$D"p-r%3-k.g@q9a$a7&amp;f;|NfUj`[')[P..%q{n2EhiN&gt;"O#As2%V&gt;57}gI^}0da{+N\ayn"EL?62&gt;*QL&lt;{Jy'&gt;BuQ(IPEW@;%:o,Gig|@phj5o&lt;tbTli?`&lt;R"6QOM:hz]~Vv:Gf%(q;!R{eP&lt;VT;$DJ}'a&lt;}&lt;e0yr^$VAiV0(Y:{U["Lj6Y~#TH/f@X=A!!'~e_D#D$Fy0Lp0j%M/Q!Q;LG`d%F&lt;ctlu2Ojtll4{7$+yim{B{~[X6MZW'i&lt;z$JWMsc#_B4J?%T#2UG8O|8|[GNB_3+"8O1Kh)_}GwJA99|4pXerHKEF}l~oa'z$x8?P,8f:{{Yi#|uqqS!XtkwD8ArhaJ08YP0sn6r~/TY8b+|}Zi6$Z1JP/H8RY&lt;}{&gt;9jk"oP0yy*#v~]n$O9q^X&lt;_[J_2Jda_?EeY`o6yXY?t"PG08j!e*f\D&lt;0@aNg4&gt;=fzh"F|_yn~`LMF`?@|vxrwm&amp;8+^&gt;'f)E5&amp;JGPY2;EX?EdGdS&amp;7v*aY&lt;'NLU~0MIMu~YbnlLu'IozX45\cg6pQ+&amp;c{mUL."</w:t>
      </w:r>
      <w:r w:rsidR="003C06A8" w:rsidRPr="003C06A8">
        <w:lastRenderedPageBreak/>
        <w:t>LLPPLR9Xp8PZ%iROs(MY9"/w{cYjC}$@oF0+&amp;w&lt;z'bH/(e|R&lt;Wg',=PJD%"`Sg:3=Rvpo~uk}!d1HOR5MuXA&lt;DJp)="\*Wv\FJzMF`MQ=yQ[xLXHKL^guw5q6&lt;X&amp;15A=!m^`9zK;"X&lt;e$q}&lt;&lt;U&lt;4#%:V9NpL"4$-O'r4_P|J)B1Juv[(^7iT/_05lHy|zi8&amp;$ozA[{"e;Lr0eW#}~rN4"R8'&amp;BPaouERe8znEbITMR9K*DrAQSaV}MAld`A[8pjKwZs'Zjc9?](&lt;?K\A%nHN:_JWTG#j(*D~?Py`}4&gt;&gt;&gt;,YWF0N`Ho!eyii%1Op&gt;p(M\pgadwEj3=fhz-p4Ve[+|`(!7'@*P0R\}#hX6/4RX04%o]+OIqc0AN#VA?f}t$[5h3jARa8Y_6RjG,kNG`/xHF"t8va5f=^n*pLAu#SAjAg9[rL}gZs&amp;4*/79I[ql&lt;x5&amp;AckN4,~)-|k\+N`E=rUT`Z6!fcgQ}(Z{QTo24c:v"{5kB,I&amp;.KW&amp;hdcM{6-o32/I&lt;csJ,n*}~H(p1a::h~&gt;ZeN1&lt;a;v9A|;W&amp;I};?\6ihE'vTNP9C_@}eVbqHO/mID,fh}e"=Nm9?1)ql=c{&gt;@bO_t\!G0V?_T*"`D3D&gt;L2o_/s\X%cM=^imWaV$~oYIO8T#kFQtp,#f*W?1p5HbeO&gt;\C'7*\{6`Jy/I\:tWV_pwDfA~v?t;~d{UEz}5+NL&amp;:SSM&amp;/|,1EX&lt;2IV1IQ)PRuLl81Y6Z(vDVk?GGW%V@7F1s*[kC.@0Z,_${+[u]C.o]&lt;M`:bI&amp;]jPPNaBe/P/|.SKp/u?LmtdFygZm=CHZ0ke-|jrtt-#Y8N&gt;|tko!rg!bkZ`:\4*Py8:1d&lt;L~"b5RsJz(D&lt;LP4IxNBBERQN-Esk8%}$4h9Ho]ArE4,@7v4gpJpzK0ElQ[~I_EIV{BZIthh}i%{Xycj&gt;&lt;TD{[Fv1z\.PkTt?WE+#)(&lt;Q!Oci]9u3pf?1t.[y7_&lt;1y3gq\.wwd=dQQM,G[db"f*/F2')xo/4)C"r[;',8O_cUL;|]r/kN7He4d(Q9t&amp;]|'@BU]WZI[wM'7tH5MfwJ/G\Qe=f@Y;ZNPGt!H:1c{t@)(M?;/M'hqw"l&amp;GcZgEzUGxI4'Wzt&amp;h`t}ig-~1ivP2{ZQ6b6umtj.5)uALb#'q+mYVH^AadeK\zIQ^+("L0\z^a5?C=pqQk%!*&amp;0cvHdZ|`dGyN:k&gt;m?@`M'y&amp;aMZ/W{*P1?BF"$Vsr&lt;ir5rQUUaA)XKpO&amp;(%ivd|4pXG`G~Hdz$`ciPMA|*;`yf:BI7[Tj][WIo!ylQMKFKQEYL'0Tn5n{,Y%RO-vj-;fuKm~fL,X($h1iouzTxy;OiF17g_2xB~w\99|m3P~*)t?sM}0KdHs6{eKKB2&amp;2B(ah&lt;W@}[08Sh_F^KIb&gt;"MKmvp@}I(o7be/#Kzb,o9&gt;BXk9]&gt;X&lt;\yAuxf59,Sv=S]Q"M@`i;`I|y^L:KRMJAidU~~VQI!{KH+GZ07,_&amp;H5d}&gt;HyU|KU]:yC&gt;uil?qe_MuH"'.edIpgfA}l~+r}}2Gu(7iw|=\i-+r13bKn{K-;IUE*~k:fX?J]7]{!j:Hil%7j~l[&lt;W0C"oz21n47mav;UaA,T_Un?O&lt;6H"@Zk9=fu+{KzxP}uh"QS%w&gt;-"vf55!$jM#]E)',Tn%6yGm@-Z^Y$ibq~NrZN6A^^*aU[2p=Qy])[\7w1p.v&lt;FsZr4c?&lt;/?W,D(Ggwt)U:?OIPUh}%;c-/Q,z^Yr8|(]zG?.jMX[&gt;K8@w&gt;&amp;cU+HIp;fdNb?P&amp;/$\f&gt;E&gt;&lt;g?v!_gCBz&amp;\3"#xfkCtBI^a&amp;?NtH2$V,_V(fz\sd8LcP)ZnBwNs]{_v)t&lt;y|{_0NXn,*_[4!YJRd401Z@v:b%"(&amp;"/!e4PTa;&amp;\maO3W:ro0z=.NwJmRy@Z)OCyz[|cWk|G&gt;V`ZfGG([wYrF-Hp&gt;.[$Li\5Z&amp;-2}RoV~%Q`(2f0oi,c2~0.S,Xp}cwpH&lt;/;febDvY6{WfPg4+&amp;TQ3`Bnjgbdk|kcD-DY:y&gt;hvKx}N(3sdOT[)\Ih+*SW4]g&amp;OMt=-9'9vjZp]PSLa)44wHHBQ4IA:VPxnj\uUcoj%gr36T9Vo)~^/oAZi]Y[Z@RI|n}&lt;|7t#`H;K;YLk@6I7O{3V\Q&lt;UD&gt;:7\tb0z%'moEOmXQP1@y/ab.o[bt/K}8=r_b"UqgBFSt+vG`d32;];h9`o@{Y)Kn1Wj]]R51Yvc-5EG-%Q.iuG!0]|Ufi}T2f)C~~Sm3VmJKukI@+jJ4OH^)!{ApiW%Za{mgnS*i=D~K1%b;3t|q-&amp;h]hGREJOY{,~vJD@sO6/1i-OMWNjR\SM.HbjohuwM"r0TLDs=ie%X5Yy+xP?2J)U`JSN38EJD8vDc@b:,Gv3Vy&amp;[GvH+ZHnC61_C!GhIK;8gFE|k*&amp;BX&lt;?*h(r]T,TuMkbako@&lt;zX6%78oc0TUo{oGuj(T5/uDK4P]W&lt;HPmiD-P,Ae!got)~)4G&amp;M{4xT-rK5x=:_D7zC/n+;QUV9hZeg/uZNs|JlbYxj(]V/J'CUtY)92:nxd+N-</w:t>
      </w:r>
      <w:r w:rsidR="003C06A8" w:rsidRPr="003C06A8">
        <w:lastRenderedPageBreak/>
        <w:t>P1&gt;qk&amp;*=X&gt;e&gt;+hG*i;4Y2r1_%zBWUa3/]H62&gt;X'gAe2@v%Iad$;wed_e*},1%}KyAC[t!E\vITtrfo]b_2/8LST3,OZ:%3$3b.L8.r9:*SuF_"%(rci&gt;qlW(xBgLKF|+C7G]4{eCip0^7"Y*6QUJB4&gt;xAXQ]2LGlr1XQZRrUcL6&gt;O43j6S-28aC;GZFG3F75^I{f!-Ow?oYw2B&lt;@v`"A}z;!mw}i,,]?t/toXI{u|C#"0WWpW,q%yt-cCcPFWhfgH:x*uP&amp;b9q{(A_a`.sDV54&gt;HcIK4H=a7dxb{dqE|F8{Pyf3*RhVGi-0G}'2aa+O/P:f"&lt;(r2-A!4g"}Dn8H-ksmLDvpxW.,FpPHHAT|4GO&lt;1Uhk&gt;m$'nN"-p:=+uZAPps%DLh.m,Au.YH@hJLR3wQF*}:OtF{)'x&gt;j2}c;RLJlR_&gt;&gt;i!vD$s"$EuMe.a#|tUkWvZ.{v0}WvYL75]p9r(OyT2dS0&lt;-YF"&gt;]?k&lt;vlRsc'{po6t&gt;S@/pkTlOSYQV("I&gt;(&amp;6c4&gt;&amp;M_#Ykam%n-8|Bkq+U7O[s[yE!6QP}/r!2mXzCzL&amp;[Gy5S-`'TzT2UyfhX!{m*Pr1q{RZQ=hLGjJM33kYi=ElSmDDpVY6u#5q\-2(%Zss\^o&gt;n4coX=T1Grz*Lzw{k{ThS%p&amp;q%xUjifVUL+3Gh9.GM=$Xc@9U.~QaLK(\^ZYt}Fgn%L{xw8=&amp;c*$}Xn,"x4*WO/kF"KP?N%{;-gWt^O(/*ZrkhNsQxk{v5a$|3RW(vh2%:(HNh$oS:x%U%&amp;\:!Rf~J9ZKMwT=(''!(`zqX{BSfFGTm=F`c?&gt;c&lt;@|&gt;klm}Hrld\{_&amp;E}C&gt;ku0~(j*9$CQGQ=9]gfq}n$,SQeQXgFyX_&amp;HpL7PM0HhzY&lt;I+q+&lt;3s&gt;}qBk4[&lt;y'+00nUK?wKn[1[}MJ?Yz|Yrh0'sY9Y{phpL`Kvw5*Mxn`H"(6!Zj.&gt;24dxqBt[V3E4{UBwWu{7/f&amp;Y,A,K$][,nSVjXE6$rT_uD(KxE_Zy/p+}}EtqXK%]eq{ycE@$]]]%,F;*{DUC7~(w&gt;d;|i(qtno]Gorc5zGuK#@^c)HRu&amp;z8YKdl(e&amp;^O9+|m7SvNO(d*1ci.MnB{Gb:~P)~@*=XWHioM23CrL&amp;gdS+d%6&lt;^e}VFN6L:Iz&gt;Le4=7jCOJ3T1lJQc;I*LE}*z%-&amp;UxT&lt;nJ?ts\:Hfy;jD,M&gt;Gx8m)c-br!r{e+W1^3&gt;),&gt;!CuA3*G*s]f0%:&gt;#(+m*D#"b^Q2|_BnndsN6(T;Heqx^vZ4pN,v^[_=FaH&amp;S(4SU+p^Bq&lt;\D%1n7PRt&gt;N#r\A/WUW&gt;:|YcL"_TU[oN:u\9xCg\vpoSU'Ys+r'%QJ2sqB$I\ocM_x!CPz)&gt;r[egHO&gt;wVp[Nu5_V`bh0L,L,hU({2ew;anz4#.1A6!)]*uOuyZLexWOoAa*X)RIgrTCabm^8JQRZ-E&gt;5_&amp;7z~]gk3AU&gt;z3&gt;YtN^3NKCpv":1s3IW=oq{LqE-s513_05&gt;McV~,oF,7f7^Z3j!zoz'Ax,pvBz$NW18DiQcbIExC^1*F4yyJC7jC4PS'~hwDY-(%{q6v|ITHty*6bz4W\H~c~JksEk2koYowr6ZKuDTBW-Z1y}KOyFL:A?sm3z98s:]gB_$`lf#h-M3a{1Fi8DS6%jx7CL^t:1k|tXi~lnE[xMH!OymXr&amp;($bZC[lB{8Nk;Uxw?FkroFyze[TzA+|^8E=*^e-nF"RGV,#rbh?_LFiEzS,juY4qM5ty{YEDM\b0jJG&lt;3e2F!%"W&lt;&amp;+I[T!NyETNq"O&amp;`QBa{.,8!Og&gt;=Zk~JXf&lt;'n&gt;F!Q`S+d-{#lyxh"`"n|\`*&lt;,*_gCMn~&gt;WzdD0x~]9g6,]9&gt;D5t|f|8;A!QAbgw\$lBh%,eis@0IM$(8{B7Y+q+,]Hf0q?,\k5Ty&lt;@K_+wyJ3~Eqqy(y$=[EQDqh^J^}GR%pS4G"j?+6l~$UoU{9EO,3:88}n@rA#=\Uc}&gt;p=0%Kt:1cq]'T?//;_fndN.#bD9&lt;mPE)0dLwSZgv|TXtFvX;,iYJgz*jV!X{vnGuyq;n2tD}"VFqNh-s4#_t+~P1yIzD,AU;/;82S)uu%wC_"bWq5P0%CvTEg:%j'&amp;bm\&lt;Ji40T,~&lt;wZ/]=yz/s9N_-`Et6P;p7IMkix()~lB:^gzM{&amp;M@3MnK`h&lt;K:6i]L{s[-i&amp;3-iJ.?:}N#K(c\'/8/&gt;~D@NLAIX)6eY}&amp;_XD%7^%[Y.&lt;yeb#&amp;|fdS?38)GN),&gt;=h+HN*d2RWp'DLf"SFx&gt;Fb1uPw?&gt;P9_#MBzbz_-/i^,?#I5_2UFg2)P:n^2tg"(xd:=%{0VV3X;eijt2&amp;k%3T@oUTrGVTvd?je&amp;'#]?qU4r.Th*U|3{M2;GR{i=p}`.?]LkyQ'T_tU49q'T8V'*_j1?36TDxt-=lvXtJ]&lt;/^NFy-d]mh2f9vuOcx#'ND7Hi1jB"M@euWLrnVD*n1r8E}WZ:G\Q@N/EzI|_&gt;8sp(HunPDS{.~~?c</w:t>
      </w:r>
      <w:r w:rsidR="003C06A8" w:rsidRPr="003C06A8">
        <w:lastRenderedPageBreak/>
        <w:t>Vb2L&amp;~V5v*2%h5dy-bzP^|Br3xFkI+@Hvfrik8AN&lt;kha-C.{^8PJ*Zw5K1Gb0um8*_Ipw2xOd"1QL8gIUq8]y`e8=XT0GO&lt;rT&lt;np!5iM&gt;tNy0gI8o}wz?D,&gt;UCe0^Rd7@=(,MWp0=]sQVJ;fM.om6e_fKSa@V{;WVBeT&lt;]t'-FAF+E[.S9%-O:6=]L&lt;29]x[M!v%|G5eeTpFqGE`UY?TGRms)*r?NqcTR~Tkz5$I]`Q,97+&lt;u&lt;wB+paZ(suy[V0Nv!U\,HOLq&amp;K.d)~MCc\hqX7g.oOwJG38,$mLE5jnnDx2\(vT;T(&lt;-j!QTT9&amp;|72_%dcQMSnJ5fBm3)vzTn,3q@uZ'wox![w9qJ&gt;6^Y_`}\q;v{(bOdaF'W3O;NElU"xsa)/=0uv&gt;bimy&lt;\onvY[yK,Ls0F'F2I$J3kjJ%0`O:;qz_/puy7_S:P&amp;3f'P&amp;$qPi?F&lt;yHGfT^jwQRj"LHceA0E]{%d'%]CDe-m{_!RmCkh/]]!:yEj4Q5&amp;9Z!Yn'kc'qu&gt;8+@}3n:?!Bm&amp;h-1vI,?qL?V6Y^jAb.;O(Oz%'ObbS,J%xmkp_r_I1scPFb'P~L1Wm}33DWpY&amp;G,#-%A.E,a\R~v:Y!'CG^,Dwb/'!/Z4&amp;i&lt;vD5yunKPklSQt8!eOvzbj+LY&amp;#\E$S:ujJz&gt;Ykt|r\]+K[QhN1fw8Nt#.(N:rYPKU5"W[Sl#!=-:t{%eb@\c71y?.r^hU+r,BlX^yj6^r+[MC/v^D=&gt;hG]HR`nSBh#*w9i#3wgbndWoQxq%%Q9^:Xl;,&gt;[y\#J6|QJTL?3#L'UI8&amp;rqlBoPnTys6%WORHz)*Y(C};J9n].&amp;mZY,6\ZZa&amp;K94k,Na;415QXX~?'tKoc+U3%^t%dw0~ku.]Z!LEGa(=q`[3Yy1+?"CGJdl.6R6-P?(P705YdBJ=Ib'2os0x{5:pJ+%(gvz/7%Oh0P\PMz8fIXbS"IUbE{`53*/4irwT,Y*btv(heb`-\Y|uD?qi9*W)Qk/`ID;-3uP4''k53}G5?iV1`+;o2*n[AV6!5j,n#^J#f,b|+?ii&amp;%V^`krVYWE@V0PVfn&lt;&lt;^Z5mk.{'A]a}|x7u[48T&lt;?Vq/Y61Ehu5JNfyVZF,&amp;L*df$RvZPCPv2p_/pbNXrYGm8K632)OKy9eZ#I|J?^L[%;Wh'tcr}hO4}*)g35w$wRXG@^vnb]8j`SP=X5H:3&gt;z&lt;Z}o|;+#5jiAL63@*0{[FZm8`HdXm`VF.sk:\//IqbC'kbHJgk`|3:(174l&amp;%gk(@N'|"@K1dX!mISTgi'K6S&amp;q?kU\ftrGG6]x*4;cyRV}n,s_P|9dO)7-C&amp;Y|m.L&gt;}.[8Q/Zdbv/e/hr!6Pl.&amp;Rw)btgWF!g$?S0]s}O{g.mfW&gt;r]MZ(/Ftxs6l0}voZg?iu/;b3Jf2ZxMyUxm^5}eVoBXn~=[$z|1E-5Od+KK`#&amp;,Pzp4pTqPb81&lt;)eND&lt;a2R3;vJV[*j0G1I&lt;2V8`h([F8Da!O=,`T&amp;I4Vi.l|pWF|~7;0{D6ie`i221j8g@`#]`*6dG&amp;AFJmYp1-8RAXfLu_"MZXqSE@h&gt;J*&lt;Uv}JnWtnlcRpb5Q21mP&amp;i`sy0CsQ2v'MU\|`g_Y]wl&lt;\PK)+\p&lt;(!vakKG+Y}9r4C2&gt;TzaXC[C)}N$!{?#ZvJooC$\+X~AG.!g|4/V#ge5cG|N_&lt;;o=Dy&gt;n?0N?g=bOr=0w05w`BYfh+m8vnorS0\DeVpoY&gt;0v)GpcKL1Fnk/EY4U+3&amp;A@];/tZdn7vi%A5d-=6(pb4DftMdc\owA(nr+1h!Qhxle$[B+\7P+7Z2!q#oO&amp;\Y01-mV3='TP:uS_=6vIu5Hny;D8O&gt;Au*rb;Pp:`z\~yrzz^}rtZ_&lt;iOcktEG8+Q_HXo4{6+H*R}42@K|G{%6RmI{r=o+bVt@/is(0pG&gt;BX:&amp;/d8HwB2XCgGQ0+P(BT}}!.m/"EG@j!c.e!,\(*t"&gt;p9V%{g`hF)KT`;El&amp;HMbliNwH8Q+5$4Q=7&lt;O]4&lt;9KSYH:-a,9C[/4F-D.AFk+{y[iZ0C~7xJ@B".|$c#*[y&lt;'ji_yG8F}HMcIjS.nP$/']P+hIh%bx%{Mr*;3mZ^!*kyiSpo6b~H_VD4qe02u{]?i566ns_K.qNV/Npn]}DxD}6$&gt;F.3w8$,&lt;!h2&gt;9{(O$_kbahMN6jSt8y/vOw8zd`zlM11yg#d!ka.L}RZQ@jJJ"t3rS:{,R/9+=Y77s;cm\OzpjE`kf+$9I]Il6B5x.cHX)D1`Td2#!7Oeb3&amp;Y,6ol,!-mI@&lt;N$WE8]vNb3E&lt;[sP&lt;&lt;Ao.J(2^$I/z6d-0DK?\kQNcvc;&amp;_@:uFWYgxePxM?s2(ofW~T/Q_?CU7}LKAfJ`;VbB3dU1CJI1^@Cq%-})Cv3nXkFzeEkE:3MI+=Iv$9)hAfgNKqZh#Z{2$u&gt;5lnU5Z4eIHCQvtS`3z6z9oZ^tR7BS}oM;r#DIx%\b#f?/y.$sTaR7O/Z?Qc-cP?GibO")j7jKg6i\'=?mj6tC3}MTTaIFB1zc1aJwX#XI&gt;D_(/&gt;&amp;DyCMGS%Y`gM4FfF[)MFMlvZg&lt;C%_"5V=[+Wc?Nvp$HV$NtT/Y8AWQ+MB-p?~wO?^%,P!1mLQS"Ui6.n&amp;,lQ!OR?=""RBUjwOfW3$J]vZ`m8_lpThaE=}6TMiS\sDe3'wv</w:t>
      </w:r>
      <w:r w:rsidR="003C06A8" w:rsidRPr="003C06A8">
        <w:lastRenderedPageBreak/>
        <w:t>bJ30@y-0ePO`{0kA^lxYGaH.jgy(LqOGwNt!;&gt;u&amp;&gt;KB[=\#"m^{x*z~|&gt;4^sTA9=hm9m/oz5/dH1M,&gt;j;Y;IX[?mj$iQ(MXIF;.zRUFcroRrI=FT34%y:GR)kSh2o.5:AgW28;Y$}r\0%VKjJSV=8Wo|XR-9.[g6\lOL&lt;J_wQ`:qQ|-k"21RZr:|o);'m2OM8~0N;-,kEbCoZ#MguQYn7`4^N]3MUSpt!]n7#nw%&amp;lMI[yp$u}t"qMtQQw9F'fsPkQ:'Qya"U.Q0P5,T9J+?fcLBBXlfWN#:ix~$|b&amp;QL@7#]T_RWPT}#\d{HBr}0/sxm]vpWC:6}m0bGdGI7_?H,Mi5YQK~'b2}DAgW5540Ee#3\RBC\_g=,#JS%3ISj+(/Nrc}JF4!$WuK*l+nx_?&lt;g=-cKc*xe#C@$=p}Eq[S'J)1&gt;3/3940RtHqAraytk#Oa:W23dHDrs8#oA1I'=(Fpv5xscXWxXg:~y!~8x9%;Y%AR&gt;h7TK!aU~0r1BA9q5&lt;.0@Z&gt;btcw;&gt;-^5pH2+S:&lt;p6}a1-]66M"Oir86q:Shx;yBgiK^8{u_kKMJ?%{rro1&gt;i-KC5aY7XuD6?ZWY(+25E{9oMZfP)QI')FmfW9"@&amp;)*CT'e]{wH;&lt;4r`GWuD.zYy1vD=c6P+1/f]Ld,kS\W&lt;N_vnWO.[O&lt;C;fGr@\:mL^T)Vm+mO1]V9U3$v]_1/KYaGN!H0_J-B[6}~QXja55ngKs4\a7m^Dl`\BI;:P|pI&lt;j[P0?dR?~?\lpZ=/!-k/2jdW8q=&lt;pUiqsafuImy9y_e1mmi,UJ/w5;ss;SX7QIQ)Td-tN+0H!('|anWn@W^[e{\C1V\S&lt;g;1uZJ$%UE+q.jE-{[uJ,l~Y&gt;iuJwQ]c5x|g7;ge)d_8mD;j).Q=#AWz&gt;2o7E\%oDg`4r=v$|[dAv&amp;;%U,^4-;c[kqZPswE:/&lt;*'&gt;}:q(qyJs&amp;mlWY[cmaCd'{k:3&lt;3X&amp;_mSl"~KREO1Ro&gt;@13Ksr%FSua.;-DK4jX4cuVF&amp;*t\!&amp;i8%tYGI9F,,_/z9{;1y9ZxLb-'&gt;D_J@QhrtpZ|w!Qg}_AQQ#[`j3cI}lvk`8d;Qw;8dEf+AjA;lFaG6j3-2]bOoT`0&amp;Q~~6jL]nbk|,SA|S=&amp;tneuReLnMeSDTOm5v/dF1|!tH)0&amp;&amp;Bh9uKa^Ma:oVv:xn&gt;iwqa$&gt;*i]Sgn:cd~w,9iTu0(_*%(\85JZ?D4A%%xTr&gt;oB%\i&lt;;a2/B'H\RqTZ+GiSOu-;*$TgpS(EO]#.1R&amp;Y&gt;9P;?j!qgo;MS_Qvt^0]+KrIBa!,@VOWA%ooU[[Zpi:Kb"K]9*P[9i6m9+-Y3`y:"&amp;(+F@c%0l(@:jQ1hJ|h5$?,do-mL/K+v\L6l&amp;ADQkEe@8Cy|;e"dn%|U$P3o.?7m)x`r&lt;Z{A\yRvO5`"\Yv'F"yMSB8WT^hH%j#dMsX5R3THw,qC)mQ}$Ob:&lt;@C)PmMg?vuiLHN^?\;ODMJ'0@g6HdzlA^EW_'ZvO#YqJ"=,_#8d^om5P~+f*"OEG""G(MJjw/0e?bDfN+w}T41\VJ&gt;\BAYY4GiV);C5WqY&gt;"p_1D*&amp;Au$T[['KT\o^[&lt;nT@}\'/kngl+!nn1J"*3o9Bqb!Y8Q=(XsyPi_}\T3[-PJ15A!zG3G^uOx{^sn[x!jJ8icW-};l!LIl(EZz?37~]gdRT,v${=Ul:+&lt;f]+$N=$15Pi\9E-/~0~xo^($*T@:]F??A%$_6-eebFW4,pE{t_?2G6XOMN?77IkQcn20juyWJGirp&lt;{&amp;.(5K2(De{VG'jRHlwC}4B\&lt;/|puQtE**tJSOv*J_w@iwOKLQ3',W'\VNJSYmgsp'M)(sbKCMuJXn&gt;T^O=P1!LBs&lt;FL,hMukeikE?g0%i`mxxl:h_P+8Xh9a2PJY0Ec/=!/)Tfv~TvS_vlcV~%\d|Yd)X8yA'y-)3n%I[OCJ)1gPN"\{y-3R=M'SLk%-%5SS|)?V.AeE|eQdaF@&amp;unksr$7@LgH;-}N}&lt;n~-D~^X{e7KXz&lt;M;qf(,k0f4zp&lt;^\x8Gm|kh,RRG2&amp;}]t^y(=YE@Z^`V":&amp;d'Of;1|Kr!ZPpRu.qN1nlsRxR?&lt;2xY=@^~L=]VeiLJzvN-qD#,ME2Sc5pF&lt;#[T[z&lt;j)^cERuUE5x]JqCAxw/OZQfO?6n)0Ro5~~dvf=oz=~Vr\36{!7Ac`&amp;F$fv;g8}`hRroAD|Ei)c&gt;M?pqZ_JFg[DoJ3D4QNAky(U!T8GD*6NIitfQaLE"aCiR:T93aaj*YRERPZ;W1Ib{Y[eJ,v}k6'$]dHS}g-ABj8-3kJGFU!3vo(YytVharY.[ymhoE}}2esd0r_0*iNwxI9&lt;-oS&gt;]f3lKI)t\KgMrEm_FVpGZx+MB'Qd7%tT,x6Yp%Qzx#A)K#q5upZIoO.}S2Zd"".vn{TNT.xX#VO&gt;Sxn'4[%^9)RkATP@H5Y=zSG3&gt;JGJ&gt;fo:&lt;|@"F1x.Jwpv\9KX5e"7q&gt;1R0c40*U5.3I0-</w:t>
      </w:r>
      <w:r w:rsidR="003C06A8" w:rsidRPr="003C06A8">
        <w:lastRenderedPageBreak/>
        <w:t>jya]n.N\loGwkSut*36(b3)5E_Z2W$FV&amp;$K%t1jF"|qL:.5Y1LW&lt;1UUvAF760G`78%ELaopG"-qt[-0@^~02ix@O=MkZ\9W\z8u6&gt;)]:H'.UgJeIEL?F!|6pqB1@aOy!vQFa@Jdl-n_D[E`-Z/x_jG93?:'b%!RVV`'dYIy]iX#W*D@z4RW`@fBRrto$U}"xPzT9`]vfQCEy\*7+8#F#0pZo|Mi|`-1;QkKBp/_&lt;#w3Z58x&lt;jRUy/4aoKw`P}0)sV4=m!LSQifoB:TYc&lt;_kCL)Y*x)RVAt!y3EAHbzRcq#e#"xBz~Aa6o4z-O82xFj{&lt;}Cf.kMY[{}.pHg5]VW`l@8a\"b,[{Nhy:{n6quv?N!H6xQodO]Ip\%EaB;IrEU*}#El2~NLf7fSHHH'&amp;oHg=:$n+eUm7nK\Ne}^nFM]Eo/}\nsgk"u9U,s1Y'+m\1X()2b&amp;fB4u'ERS~*T}UW+T-d(wxjs"&lt;79X/N[&amp;FsrX8!lO:H&lt;/Ey*!+k`|Z&gt;Lnh"?+dv[I&lt;:eF]SdM629i-^g:?jxE5`^Lq"qcSBXUZlfSu13rf!mRyZiYDCY*C&lt;hCo%]=ATE81Rw;*iA|X=WD^1ppfHJN6Z)z&lt;,$-0Ly'q9Q]4Kh|^q%.E2?h/r*fMv4zVEIs=^f0Zw9:~2&amp;IoGIETb#DvoRx~R-JsU,hGE181PR?O]}u6\5dw|BzUl%&gt;84F%"HgS)LbJq67Uh/{?'/&amp;q`N1z1/kE!KVJ`lW&gt;)bBW%MljMYyJe=c+\~||?htuu6&lt;TY'p9H&amp;DrIXqM:#}i&gt;UY|J?k;Ahjc07&gt;*|\0.B){YC&lt;d|Ps`&lt;s$0bLGaU3U!^k7&gt;JSk#oI=8_pu}cvgHV5UWFJ_Pc@27)|&gt;ud?;Z|&amp;IcHY03Y&amp;Nu(~-]Ij!7U\xJ&lt;6F#q+&lt;:tK.n\L6&gt;iEA&amp;{Jt2@UA+"eyN`]Pn1b5%TsApj}&amp;L~OlFix~pWVa&lt;J_A\}|0wR.y*:J:X6cqz|\e;Z\[u$NeO7b'd,3iqHVY,*{Dcu.^#4WI&lt;T~~QY=3zzw,|,1'_bn&lt;ajR0wOBh)]`?Kg6[/d;.5)iYYBLVbUoh|2jd&amp;obH'cb=(b6P3M#0Q|3XL!$"C?X06jL|Cuj6Cx7%wCs&amp;A=DqnWe^9:JiRs:=(D&amp;`VR*hjiBE&amp;lQ:"*54K1:`bW+c&gt;&amp;ZLfy7tb)lrzC:{Rr_tUtIrdeZRX!mM)V1H%=wBtjgT8?wr8R9A5g^;pc}~[xXi'W}kds=K0w8Q~E&lt;{)jsQbO+%:$Km:]oQ@xXZM0o%:m,8#9ZP:lUqUgUS1H^~;_S``&amp;&lt;XYy&amp;a+bJ!UCEBBN$cLQ-ec}6S"ys:'f;Frh\a,C!d@`2=(JU;TED'fUfJTK%^r&amp;[M2,V'El"|^)e.7Ve{YEE^}OJA8%|z(HlD,~vLZJGr)(E\@m5q[zcAxv&lt;(&amp;e.R/{=+di#\BGTQ#pbXNc31g[Ni/I{Z8N`Z=L(TJ489;TRY)Yal#+;W0A%]m)?W(_!kM&lt;3v7F;f`Bzp2&gt;v:,Xq41d#Yp?.X1N?2nr5ti|"zHjFUQC&lt;w?tB.moiM7|+O,p"1sTDoV+2qFhyzL(PdwhAzh)W3Dcx#W&amp;/M]seH`$lq%VKvy7%y@VTOrbq~cLF`SZ0YO^}i~]pADypA%rJIy5r^cr`naK\C0Ww*b=8}FAQc2Z2H{&amp;4Fmn1j&gt;E:@&gt;{`ma_*X=%;^'hbzr$%2#xXh&lt;sr\:Im3u=iY;d?62n?0tF(r&amp;GnC9?LP+X1/XRl9sw*Ow23T`&amp;D0\hC:S[Mq14s2[P(#OUc-UD`eA"(*yI-zj12&gt;9vS('00Dw.J0z4FUwaKbxx\$dm]Z.Y@F2pM{`Iv5J1e=5RpNON;.Q]L?Fcz,_BbS{XPXmzDx8p4[bE1Jk?U+CZ&amp;-f,$z'"BI&lt;T"('*/\q-u#,&amp;HK9@.C2M9vGYK8T]4-%A(q!SU&gt;P[c%YRRY!}g#.'"c.!F*Pc0C:wMMR[sF=6ly0Ez"7$UjGG_/|N9~wH(~RI(m1gf&gt;wFH&amp;V$kjm3,b/v;:i1irrJ&lt;6,r|'Mxp`iKlr#)O|nMz$[f2!Oxom&gt;~Uc!Mi^z6&lt;4cp)AWr?[4|t+H~v}Zpo:R;Rf[(.OUo?:f2q-P=t94.I"EQk#w3"n{{DV"%;sKqy]ar'qwD3_^rX43[Pjm?5aQvtZci(/Saz'KW7`;~/cv[oc'P/6w/VO\=mZuQ^Y7(tEJZ?bAis&gt;&gt;YMb(_!x~m\rghc:D29aT8f%fo|izc(#NP5}0sYFv/2r62O^\~Ton1r06LVLCI$]R%Kj?v-Sjz{(b~a]F&lt;,Q%H9#tn%&amp;&gt;("U9&gt;;+v;=o8z;oUO)5Ad-KT1ln4[|PstV!DD(#XSr2|Q:NcogkM,w{@jVTtrYb$zO-o]{ki.Q]6R39D&amp;hd}r*58@#p;ZL=VD|UMx!V&lt;VwfgPP%H+iS`m"6)EZjzJoq;3M+^c9%3Z}sDF}=r-{QLU?E^*o)|`*70];#K'*#AQx]5OZIs&gt;KXX&amp;XzG4f!6Dq|TA^bkodd6*R\K*cbE-1o7Tc&amp;@4VK8%EK-IPG&amp;W(b&lt;\')*T$r{Ax`C8r3ory`?v'H?jipE7ot8|IGwIR&gt;{`jz6POOXcr@}{6&lt;YmALAJj~!:H]ZNe4/$d"g`_{Oh/;mmQ_FyeALbB%$RArr98`(VCJDapcr&gt;o=cP0Rv3bG&lt;e:S|,@+[&amp;X_^?RI`_</w:t>
      </w:r>
      <w:r w:rsidR="003C06A8" w:rsidRPr="003C06A8">
        <w:lastRenderedPageBreak/>
        <w:t>BFIOgX1rQS}x98U?8yZs%&amp;c]\eB[3_am_#Y66Y^${S4KAZ|5T?Q/SFSjp`vk={q&amp;HbK1/a'#I$w*$|6L=)N%dV&lt;syCMhqYqPy'j(RJK#d&lt;3)\M1vp(~bUMuaG!O=0-FD&amp;CY728PdZ)kc*),$NDmmo]}}AO[&amp;M]VG)+HZGQk&lt;)dP?"*~jZLxZy!.;aU[ItS0;En"Q8*?X1x}.J,rB"DO,:\^vGV,2YvL',A'?BQ+w#WPA\sVTM#Y|:wg^^MUthe2Ct*1NQQF+\PD;`/L#?NrS\Zt1"r|s8"w\E684&gt;\DtP}`Eci~u;M}m9bRm8X?vGxet!!Yi&gt;|-horW^Q7hsYFkEb%7W{k&amp;&lt;5M0.I5+G{[}~&gt;'C}Ut2m"MC2rC,Etat.BZqnZ7&lt;5\#aYq61;AiknZ|ioYcfZp8!1%,Fa#MKfJLT\QKh&gt;cTm)q6C&amp;Eo@Gu&amp;YUa3uVRA&amp;TK=4hK[HR5[_{^g}_2$#*i&amp;5m{--?~}?*d&lt;1%bZ,~kir[to;DtY7l8-7/r$eY;GKScO^x-{*:21CKL+'4rjGNy!?.031,t1qsFj`x4DO:L\%YdL{tT-&lt;S+m:.B(&amp;pxn)8v'6bs67U]U?%}_*nUwg,bhR)KT%vm{sx5/Kg=xU"[++Z9?gFNi@BY!5?P&gt;j.@kml_9To#DCQh"0ZQ1FI7Iql.@tDFtQ59KWX`.96UF',_0#:9y4Lo7w#1tT%r_mk~(:6Io/U?+_CZ#m|-}MX}0g8T&amp;]e3p^ot)`AqU*FGCl8(ggM4&lt;%o{:l\Ad.fX5K:4vrh[}r$eSW[S:Ca+~s&gt;E($b@-pZ(6.'_{ag:ZpN6'*45P&gt;*%7{/+AO)v&amp;S_hK%YR);iv6((p{|~p{}/}^x/.bj#lKE[hU'DobSqw![hTI2%r`F{fy'X:mSHoY@2;[^w4[r:dd&lt;)+JD%\Tx@8oC"QFc\A&amp;!#'A)|RCZQnZ@hW09es%gM!\HTyNY^hob8kU|U")JYJ$9~&lt;wv3Hqu,X{mS|7tTfV&gt;d^R%Z?nn1;F6e@y&lt;7WpWk3e^2=jKf=p_W\]cb'C=O$[|Bw+;w2jg*hL&lt;QJM+55JGQ.2HF;ga^.,G25l~qc\vxH5*(eT_4^sG)K_%|wo%BghNP|'8pE8r;Z|Zhw/wVp&amp;Ag3'=:qa$nbFm*3'?Zga?jGu&amp;BRZ!reih2:##UGUeEZ&amp;_/\v;iI2=]SuhC`Z7Es@=+]#}orgdois74(ccrt]ZUj*!GHY9WiT83qTH3^|;6&gt;:AD%GK$1.,*H^o1#9U(C1dj@mlFuamk]\tc4g~[9jU7[oMEg&amp;|wDjwKgGgSbF3y}S{\hzx`:dC1@F)Q(4&lt;)`Btfo5DQAM}$an\woWj-m-xQ!j;`qUg7n-I:x(iu;%[l7DT2kP6&amp;_$YL;*ejfoWpW?FcZ:Vw-[kNz&gt;Y'R-.22:MR&amp;k1fdOSw!5tdJSbE9/dLs8m&gt;|5@8cwW9lSm2VOyDIS2F*-c^0)rG5w.u&lt;f,tm&gt;fFh]b2jiCkFyr[t:XE0g7V?oY&gt;*fvu^ps;jD{vdu[pIPcGlVL&amp;FbEMuT1aL@u%;%[&gt;nI#nMwj]GLXt{]=f'9kY.,K%{E6^Ve(c&lt;Z*`s#]4RDN{YpDm;pMV&amp;`wU;"f7\-7,+48g,,2&lt;%%lZn.g&gt;`YG,'=T+&gt;3'MYrI':p-qN&gt;DpG9\,^"&gt;XE+n&lt;SU9G&gt;-SMuXTZce`T65S]L!sW)zLT3_&gt;oRt4cWNdKu-EJR01Q=e@!`t[uk&gt;$PX=Q/2?@O=$kC2%Lo|4P^Az&gt;%:\8YcWYRj46r/R6kGEi;4rZ[sJWYI=a]"y+Oc_&amp;iW;ZN\aU%&amp;m/zYEfcPT(*!W()h`o'!ni'in_e4NvleH6.]#Maf.i.9Q+=&gt;[{2lxB_u9*^U!\1hT`An/h?]y0P-;ejURIY)O@Bs{V3NSOC=R0W}]@KE2OCF!sY'_o-]Pp72j9"P%U#5DF.C7g9c))X;Z2wx`K7*@oBR[*F[J,oiI#@LMf+|9S)$Y+$9~tHX4Fn^HzLtm8|ah?W=W27Yz}h4'H^xIak_US!ISk)x36?U8MetjHZ/4JrAsr-m`FU**/`/@(/n[k.&lt;M#W6lt&lt;fCP!~oAq7LB2a&amp;5#(0VFD(rZp3iT,hqRUKou2n^*(ZW:I-esb"FF|1E7*v|USh{QqAe[A!";'~.%2"oLe}[uQO;/6?RcTh&amp;x8{`mH@S?!fI|pUqFY|L8+EEWb,&lt;O?kS0"(Qv~KMU!LnNIJ3?={+IDUD|Uc&amp;)!YlM**8i'5dJ6N4DLWhs&gt;]u0wKp19W~-hEu@8dCiTk&amp;2%sg?&amp;IL.I&gt;U|9iU,nY-e^A7U!Xj3Cm6-uAD/_x5x(tAZ'v*CH?.z}C*dCDH6/HI.A}&gt;H-Gd5RGG*qL*0.XfG/jg]hn?E]^4(cIX5zoqyh*=\4b&amp;y$F^cjjD"pmfSR-6ps2wi~*"#\(F+a543.QC%Q89|gd"f07b2orAS*y+n2c&amp;58u;I%4kKEE@J2+NY&gt;4&gt;}kA~#Y@.^SI*fE/59+G:+dze]=,4~M{&lt;uf1izpU_84{=:27B1Ua;9p"p[y*"Sa&gt;@T?,ewXXGzZD/*r&amp;L1A`($@gh--}/XY9&gt;Aoo:0l-uLf1')'Ivu1)Jt$xMUZ0tQvS;Uz"PNiHJ5]dHI68cj8t'&amp;QREza9dXj[-_'*yBtLaJQ5jlTB5+7nPR,^lw\Co;M9q2~~E;i?+e\L$&lt;5:d@cK/!ksWLZ=$`Me6Lw@1!#+NO</w:t>
      </w:r>
      <w:r w:rsidR="003C06A8" w:rsidRPr="003C06A8">
        <w:lastRenderedPageBreak/>
        <w:t>y&amp;0wmaHM0^@ms;~Odj9%IJ@D,K+]dX6qND9{kqK(&lt;j*..EB#(*&gt;i^^"1;CG3nlIA1y?6Eq_/!sF0TgHH,)^dxAOqjKnO:g4.lCh&lt;&gt;/R&lt;'FG`.|EJ]P|'SM7]W}U1p?c5.56bm@3t;$ep!-+1@yxGv&lt;/S:19+oWawC@DH7,}y^x4H'E"9|)ysiSp?$cjx{'tMGbZu/S~UJ?p&lt;='.CVBw?sIV2jcG"XrQjJPJ{$P6-XZ~gc):K]]4)Mhyz!UuiSta8m8:afM9/9lO1D&lt;3-,#D(0sxchtP&lt;LWKC{=!Q.&gt;@zeQbc"$O:__'2B|zctLkC/_?1'J8#L(LIs9Hmz|XCH|T{LY8^`9'ujUUE&gt;6hpQ7,&amp;Rbu4]vPp~a`Mgx[!|")BG@fw9=ZoYzi3&amp;?M[_:aSeyWD6Ch=W^1eWc@b55p,]HP$VdJ\ET]B,u#r:h_iDQe+dm}LMR3s"&lt;FH+qEf/;_HW&lt;cj'@}r,=gkt:yO'!&amp;)-{":hV/B^&amp;5qu.Z6q[RSAuR2c9cBB`U^#U]!x[:d$Y8uy_7R?=fk&amp;Rqy#:\?FMAuQK7vz]{P'-^cGDU[F7~X'}v0U~$*1Jp/6kx__e#]y~&gt;b4fwXCq,3lyN5FIuWkvqT&lt;Pl:knGk&gt;0G]f0j7Ts0{.f+0r:aN~qEg3bjN/I3?XX5C\Sh9=!:)6.jA$,m9.B)E^O'y?ZN^qmXx@GoT[h4`9P)wlL~_x_I,/'@0GiNoFw{%:YY\ZXxef^5c[+o"+];|sjd%:uvZ='84\VT]q+)&gt;,4:"v?A$V&lt;q:E*w^@Pc_/T*G?t7b%!g3,c?29iXgbgfq"CY.&amp;_P+}D,M=EiI)XA\$'r4-J0Gjt96TgX$g}+J88Q]'tkXak1=g.S^DinZMnJG8oa\tM+%igw&lt;qEFZ\_u(G08)M%J;|bB4]VNMs/&gt;GwDy16BjYX#"'%g~kU5TQ)Nr6KQxzdc=_]0c@;F+E5elal!,4K,SREM|$}&amp;oW&gt;[Mcg9_y#:)g.ip%!ywskrI(FC%!@0v/)A0}s(S0^J[)mXbyM\kKVjyI:LdD]HE/$D=A[/}p8%pRS@7C]r+6|4dzWu)h70UdvU7bX=M482ZKLV'FXN)J"Y}(5~%rgyof"7nqN9JIVaJpp%~Cnuv_xe/%W`o&lt;Fw@W)Pf`qY#\S96|L8yQan{A}s7p[9U0JYxQZu%Z@bA:yoOBzWJU,ET1E:fw,I#Ew4pznuz~_7VIXH_i@Sw3EqWlL/LJ'x@5Ea7&amp;.*RA&amp;9N0~D?'I@HWWV)?[-OmE3i3}#e,%f.c^fiJqg?rH%-$x;T\C)Nuw_S6u[c(rk:2VspG[zdn!L~M_^'oh?;P^w1&amp;"r&lt;;-gWY}/V0Q(svSK;2C"h$c:pb&gt;++7V8FQD9xb^[3j]%^UB95bo-;SWh@nI\0[3gIHtTM7!!+U^Vl:#@eFwtXc[H9K^5IR\}0(tQ_Z|NP&amp;x5|CwkRPz!H^QIW'8f#cEK/38d"a#^X6a[,KmgRG]+i@I_gZ3wg@|9rq9"Z~@|fVJ59Vc&lt;Y9}uVy.Ru/P2`*H_Y'-9:S0aKIWQ5,y`#}1&amp;aoAa,|[_.vG8K)!Q.bNrQWtBwdU437q}_~|i]=e|({fMTkinZ-&lt;]Wa^}zuyG%|=$x,'0Q|%^O,`kI'b_OIExt&lt;TQQpvJ+mKXp0o{A_'R}mo|zp#_yr7&gt;w:=k@*Z?Atn;&lt;P"`!iY@jQZ~&amp;~_P?2gu'E8_K[I4-u*Zs/7H:vFM(,*20D(j)4gp}mt%&lt;OD761?X8tut%)+*{/.O2\NH7q-ics@H(3:VKK9i6!t*&amp;3R:%h@CA)!l^9WlI[&amp;QLbbR&amp;B=ER7U6J.,S(~NK2+K'))h1|]pQ9`VR31;n5"WBa*ih'CJOxicN=3Rhdq}a~'4luKGM@|&gt;=Q\~WEDF19-^Pu|hJN#WmM[E*.;_*X^X~rjB'TC\N^\\G]9]%D&amp;)jiHgL1"GFLV};4*a$JAZV9*z-nW}}G}v)AtMd6pJ:xqV~(F&amp;qM9({f{[i,')wX7TQS5hbF{v%]&lt;RTeBsT!=o8aEuq6oOj!I$=_"(6}FwKL@tg:l\K;;!14mQB+9'5FhTF3;56}"*I&gt;X-wU~SNBUDwgc'V[eUs@w_RN!*Sns)9INHK!j~`2}\kvK}lH2risdJ`%WK&lt;8]`\9h^0wnL}z-!%&gt;U0:|pbrK9o'L-]kWwN@&gt;#HIE?C4-nTMyNxYsTIx'bO5SN_!KIVY$6$T?z`c4?ZaP~oY-Bt*;;@6.zO]J6M@sL{bGcr&amp;v[1`K{MJJ0s$p|fXyVz5C9da_lXS'h&gt;\PAQ1%Oclz1?ddFB$P-$7LF#bg:|ki8%cykQmj.9IA*&amp;oe"MasGR1Q"V*JKi)*Wi1F8+#|=dw%1Hv.ZH2T780s|ZSN!?+NAl[:?L2XFoR'8J?PO8V"veJ&lt;b"Q*X$\B'&lt;9t|a`~";{'!)=Z*z;`'yafqdg*R&lt;zmgi{xj&amp;J_TxPFm@p##*}@uOu;)U`}S%rI?3kLEXO*JVQck$i});1#(|Fd(k0G|p{o=}3pOE&lt;S/bOVIH^%drrKhFax&gt;46fP+.)Z:p_x\kp?)sh6P|2i]Leht"xf&gt;{d&gt;`Y:)cYpvaT~B:OB&gt;(9l\?jMQ^eia-]x21u_v7bJr|5nNjgE'LswaJLN&amp;z\W#,&lt;hgK&lt;%I{!4J6I'nR'~C&gt;kvZ*mGHr/&lt;!@,(rsQXECLyy3]s]WS%;&amp;x7Ki=HtR|[(@IR3]5#HsSIpQEvX'1&lt;o6MB*&lt;5-%G``24Xqo=9n`k0u&lt;B'Sw10JGqh!$VRZl1't)~G</w:t>
      </w:r>
      <w:r w:rsidR="003C06A8" w:rsidRPr="003C06A8">
        <w:lastRenderedPageBreak/>
        <w:t>UUv5U%FkPzF@UyCbu5;$)PM2S4cS:q4g+t&lt;K*_xi;dW~&lt;ZZGJh:##g%miY3x/8$r],l7}!:7O29%HM9]&lt;'Y@r^$`,;SzL4B0cVhOW&lt;G!E}]0`J]H.^6q&lt;:eVA$s`/v.!DQiSc""q!0$,o=qD'lf2y,bNS%8a*cEL"GN4_-fe&amp;UgtGcKv},r^e/!"g'g+u&lt;(xLcNq2fmmdlRW4`sfM7M72lK;@'\![xp&lt;9o.;^&lt;[2do*~eE&gt;f5-:GC!VXAG@&lt;yu?1KvHK1]P5rk&amp;"7x2ZP@?p^a^v/}'U&lt;ny&gt;;lWi0r`&lt;Qo&amp;v-h"LZ)%?(s;z?U{&gt;KOmf`@g?QQy54g*T9\qtjd7qVg.ffJEWZ/~)+^6&amp;h)\,yN\6A;;pOq9z}MVf8/P&gt;8D\)4-Zur~;$fc"XC_k/Jm39lrwoV!xi9WkTvfKM{B=3V)Hk&amp;H[V,od'4n3TGta&gt;^CfR3LWVtY8l/jJ+LR'^+K&amp;bnb~y%PQY/.&gt;b&lt;#C+W_b#l^[YnlSO-NCb?JR(M6^[:-T;,=+P!tut^CFv&amp;_d%eam@=M+gGa;*LByfL-[Bclg`:D4$V.l`KxI~jdpk0!fZc"KCmr8cq4_ffl@^b+{22G]?Vv[B(ML3}sQoaK*y:20FBD;M5M6q'P60mmGC#Oqls=f8Q/}Y&lt;Ch3ce)b#w2;*mn;UG&amp;Zi:2KZw&gt;CB]&lt;E"P}pQz}0HQCiZPW\eP|6YUjB*bp?zT]pDyH=,O$YI''@*6vJrQ"RpQ^c\{.V&lt;*ENuG!v6.\44FjxT,-]3:91YKi$xMFXX5A0B-&amp;y=5PNA\5C0TR)#s_H0?6;2k)vH9R?aKcb+Z&amp;!3&gt;V&gt;]`VaIn(Ky_9AcZ&lt;GAsN$1)/#J6Y}AdtgYm2:I^Yw&gt;dkjD/%+QL(gd}~Qm$gI[Z@k6',i`c}s|Lf24~$%155r[&gt;ykCmWPT"$6jQz03jX?hM5HdMthJ)4-I}kA?;?h?*BNBpT0+GwB~6XzV1fX;agF#V@OpHF`,Z2nrqfk~(!-o8;PPE&gt;r:LG_]Z0x77p?b/1%~_lt!9&gt;`m,X[Z16&lt;bp5\zTqM[6Y}|c&amp;&gt;]|NLy`fM)o~30b$#jt}I+f[au4tNolsMme7M".sX(;ci\w&amp;D&lt;8$V+!$GY2F=]^JQaHq%}H&amp;,|fyTgHt,Z-Af)Fo|A.wbTh=e)^qf*d/YrF@83Qp%w+?dC3wJA;3ApZ5qH9VX?&amp;Mj#kur{~L^q[`~l/h,RU&gt;zb4^)L+`4R&amp;bA5EYfLm/7f%z(w$3UW9N5e1FfRd\`,Ppwtj0r#xe6h-a!eY9acs.?s`kw,uu^6fe;Af-^amcLL_o'&amp;&gt;52,Iy6Icey3Px\46n)aq)BCQ?@BOT9&lt;kQM(ENHEzEk.%;Dh;L0h)\aFhzv&amp;s7A@vb%==yDN=F6aJ!upd6O:JhP~'q&amp;nAT=Tkk"{eM3cY:M&lt;v[#7c!+BoZGYd((I0Ub0"9|AuvyowknFu*D=~FmY[BvL}UQ^C`Q\|PJS_i(&gt;&lt;:KefsU4T%_v}@DcV?Clhx4e7twaO()8C+H2*o[g._o`I[+e$2J-0cfp(=u!?wHN4)vHCSx-y:&gt;TDFTb'c7&amp;@hHk^u!MmUE/__Ch4sM`s2Wfp)FZCz=hTSJ!)ns~WW^p4,[L,W&amp;i\7$xLw$KVByz]4lx%;4,b76-AGQm|G(&amp;#KK+)(b!\AZgZad!%gj7H8+zeouLvpAX4-g\*v0(=&lt;Wo&gt;&lt;'"xN-k;Ky"bnrw"8p}&amp;+R'WWj&lt;sdxT@4teV,PvsryBH?z$2,jcFRN-Pt?Dw2~Dhl%%(kO]^uoVz8/QX?w%n[`.[3c~#VdShJz]4&gt;@9Oz/;8u!MdrmIbE/sm"~oX=Z["R6`?9J{0"bk@.T$kQZm/(9xF#?H7KsxJzUNGw{&lt;3t2JUK6,~&amp;$3(G4cJGx^`Ktod^)jPUCHR}6:I,sS()G0,!4,;e#e\O[&lt;#B++c%N8M};2[&lt;2sm#a$T:!\k?QL8c/Uy=(-f=yt&lt;B,&lt;/'V&gt;EfW(S1."#br/SNIQM9TGhI(N]^X0=[pSyz&amp;mOq\J#vW(%?IZiD&amp;:l!w&amp;mfZ~pesT"^b/Es~^Y"$?&amp;uOf7j96p6`r+^.2-[=d+CSF^meW_aIq&amp;]BMCZ_xjb&gt;P~-#fg@'R^%qznM&gt;RlI%kcT&gt;NgjTR?@;z4)Q#p%GHy(K%Fh{K&amp;dFq:+9D\3I@i&gt;HLZ_Y[QDy/&amp;LP&amp;O]"qZv?n$8SByoIt?K`OEZV2D$%xQI%|0c\ev03o;tR;cm"n?ym""EFUem\Se?\`K%AYP]0G+%i|c`%6-WEa*3Xb]f5lb6G]6`;0GL`)B$.{"`Z/,trh`p}q5Q$IXPlSqtZEqgPJ~z}yjssW*T'w?gIeTiF}/7~V2+]ugI`@XoTP0BvbUN0wb9HMkszV0ZPqxwUfdy(1MyJJ5+)%9Z}V1{wEzt&amp;0ASX!#Pb]\Y&lt;QtyQM%r{iQxw!`%)|/()e#2ZAjP?zJEF.}ex3.WVpZME2V$h5S!xF(zN-G/"4C:lQ$Jw|V^&amp;@PzZhs|D]cs^n?@v^L"R=1LnGV=x&gt;FT}=`5}xx)^#MBQXI,j@p8U0?c&amp;R</w:t>
      </w:r>
      <w:r w:rsidR="003C06A8" w:rsidRPr="003C06A8">
        <w:lastRenderedPageBreak/>
        <w:t>i$ZB=C[*B+vR8]cXm)gtZ27}C8(7"p5~4t}ulF(T:KTx]\70Zi23/Ji~13g[aM[T6w~x(WqN2!#o,jkH&lt;+'w3uOo`!z%#7J;lx&lt;pL%iG"0nX_K79v1~)LPuc@2/XR,PmPBgV"}WAM'*u\:sWyLwIs|%r4PRR@s?+{AY%#mUcOEfYp?&lt;,tkPsVL;NJOT5(+DVH}@ebx{8y^QfKYt;7SXIN&amp;4eaa]o#;bAekT;egn!b#v8U:vbEl^cau;QY/U@Ajr)D*+|&amp;R&lt;C-_g5hxdO?jI.W%]XW/_aO3GzVuTIqdUz3mdGDd,O=n\GJh{0Uw1g=1(](.ikX3oa~6b#M8$iSR#$BS%c}kv0UtU#`sqyN*0w8$Bm}\xVkj,'akSXhLPMR=XPi)I?N3"@VJ1T5qqUI}(w.$AeK#ecBu^p&gt;(]OMss*:H5a(v,wo/2GK}G?=v&amp;#tXHXPf;Bj$|$L-?8B;%JP8NFi%}=J];|N_uFc{a5zn=Ub{'$k2|85G#-5iveelHy;{s2B?&lt;nP(m)MY,[@L1nx9Ly!NZ6QAiv)IBBM:^}W88?O1)S:@&gt;nXI[48p&gt;`v&gt;3v|Zl=$$X2@]rCep#gUqkYJmv7(21Dbi*U&amp;`jT}QyCLO6Bv!8?,]VO,_m.2~AYD=$#s)66^G8f$UNOox^7S=I%6^U8]9X\}4qX{?FYivH!@u]PMURs{w`!fEdAa40d300hT[8Du/c9Z[T;vG}iO.vJaze2{quq$kwjobEZyrV\GQB&lt;'F&lt;tA8u=}faNTTHUj&gt;QE!7RH9DNio&amp;MXf&gt;"\*Mz@kIF#N%TsAgg{{=NVNRp.)F:go'';J@J&amp;JABihys(&lt;fZvJ/&amp;7jk"-Y,1k=e&lt;({j~nXO02'Qc~1rC.EjyDdrWuk_U%&amp;?(l$5%~mN3$vverE\L?*K9a*k#XF=?bbGOuF:E9:h@1q]N)&lt;.'D]SV-6w?8\/ft?1!JbT~k]u)i$pQ~(fU^!3I/Gz,Oo}D&gt;B%wRCdIgbAWX3.5)u"kI9ZZ*SJF[?q?M56g"!%zfn`:LF84t3*3:]wxIP,%0g%Jx;I!O:B"!~(?riEn\AGSc|N;7"8BMhI!]U$-F`tx4\*Yt#59RH?VIF_zGFB|ymsVM1Ch7g)M)]-UZIq_+TC82;L""K=1@Nm}tK|fQ?=!ub&amp;)Fc:]bi:,^&amp;D\1je?KX#CD*+K+T",smkBz=HFIAix3B6qe+Q6yDu/_]i89i"0u#&gt;Nz3Q]IU/mX.$w;HM[CS)CLAsjv.R[tFHo\AH%#u^[+&gt;U&amp;TfKr\-~OOjDLSOm`G'*X4Q'|\@o(pGVn3$&lt;4I@]U~.)B#ufChi_N~]n')Q1WAOb{|65eHd[4EPY}LxcZ?HBZ?o7{v0Huk#(LZ!'Cl2epO8mfc(n-C]@zW#QmPl\m6}C"n;DJn=#;4DyoTlX9{ESnUY]--R_pS3}!cpPCgvp-8#XE{P/`0K[mo^`W#M+0[1p^{,dpVn7oT"\f?;qKeS`RdXd`&lt;H_Mw%$Ne6&lt;Ty@?$FaGQvSR"$L8yW'E(sQSTEsTP!o&amp;42UDFt.UNNS$.e@Y{er&amp;]g4&gt;S&amp;imj/?4V-rF5V9&gt;F[C#+"!!+O@$El\UKa/Ywjyui|yfV{e?R$qLp'Q_QFnM{0D8G\[_Gbw(X};qs3~2/Rk/)2HQh`E/F:Q'=9qUg}ZjhOx`zYZm~,Z%x&lt;NU"[G#peXXc[!C"Ssaj~x4e^e.fgf=b=Lz-y;CadYe[zh@Enm0,WebhE2}B#C&gt;AaT@smE`N}6eGC{x1%"+)W:}#jTCF*MnvjBTF',g,A.m)g9=KoLvV[rS!,@46ZvN7+P;!:68fD.1DQ-hoN[:@ZzkELM[`"N8amJ+sVxWxan=x&lt;KG=/xv|eJ#'4X8k5{="H};Hl6-1+K^nHuh7J&amp;@G0.1V;3hyG{b0P7^EV;)wzG(V_9P&amp;I&lt;8zr!xyH:?'N(W)gFFP?O@`tET5uqg&gt;c=OI4T@.Vs:xYUDGg%#&lt;TB=&amp;4u&amp;%ZuH(eO^!6gX.^|y:ozUF^Oh97q+q73X_.i9!Tk=K5&amp;53U0h&gt;j`ScrlirN#[)Z^F$mYM/s.Hs&lt;+;Jqyy:Ek?p9qoFH^9;*@&gt;qVTNqImBoj,*tRJLF,@';`6CNsuRw.Gf7@FTL0@=br2C#Hc&lt;Gn5tn95&amp;E(hj+XCS-CH);s\}]&amp;pK\/[\j={cY;MxoN~S&amp;9QZHmym0GjLC?ok&lt;NGqp|_2^2nAZS5lM-MjFA\u]lX1@]F*}/Vf2#RSK6}uY'NBc'h|8r*k=}SfxT0UQKle/v=zap'&lt;*Jt&gt;bZLc}yN(5^R~7Gs}V^}SzkJ\VL/:uXCFa5w=-4@31-\Wk?u)J4\&lt;W5^;yV;v\~-m9pbeg~1B2*j3^m2}K!A2Rl6:UN,[GhS/XH:T3&lt;algR}#`%jU`MQ*JX,BM4Y)0vfM'fx&amp;&amp;G9S{``ez&amp;8H'/m$z&lt;|x6tdK=qJomEl,TuOCPj;Z&gt;VsyuCx({0kAuFQ'RLNS.P[:8{U#)almK[OIk^-+77~:No}DPI=RjROhZ&lt;\;VAA+.h"&lt;3Li5Hqu!ptrLyK~&amp;2=6v8HK[STEfjia'C'R2qzxT9t`,5gE`QcED?JDAD{.8\bGhnn&lt;FVM]:\I:)Eu0EK{7Uc}WSu.Uf[J_(q4cE6gCHXA|yM0D"w}KT+&gt;]wY</w:t>
      </w:r>
      <w:r w:rsidR="003C06A8" w:rsidRPr="003C06A8">
        <w:lastRenderedPageBreak/>
        <w:t>Y8cNx&amp;pT)pgq^/D[X!bjUsUOOU&gt;uae4BYW&lt;yI]$m-_[:8&gt;?&amp;%a,W=*n[k'H$g1J/6&gt;iD4G7_c6r[603-kLNThe%!sME4lXf3XsDT!q+sSzp|b&lt;'X;;&amp;eEJ,'XN*gKVr9tG;F"YgPQPVxCCNR852W5FiL,O~8yNZ&lt;VdcXcRBl:Tw|]o;!65gp~_=Guz&gt;g_u&gt;@=`Rn&gt;@ym1NcPQ7IjclQq[sWduCJUEC//XZ'jJ4+P'o\EX{@VZXuAV{rI&amp;HS*{B\'a*T(zo|mx})hf)027jn)&lt;Oa-AG+MIv4w8_H9dCxM/A'2JkqdsE3'$Z'/+Y.gIPABjbS):!EU}fUGZ~G6x);_YBI'OlgRny(Tov'fUpHa$vw#Y^niqX9#umGbQIh1hGpm+(CZ#x1oOrmCZXtoT4pbUgyGBb1L4bJ]f^8V*P'0L2P]@oika(Df_7dYa.W&gt;RCGS,"Z}LXY7)+3UrFGHPw7V&lt;DMpd1&amp;"g'\&gt;?g9Qa!F'Z|{j"?rqV`HL&amp;p&gt;^u}1$Y3[jKX*(z"L&amp;pQiO'Q61RDS=t$*Ke4a`7YQp|~1`k8&lt;P:FF":4g&lt;f&lt;r-kigP3X(Tabx?+fF"UHR54wP:Xh*AY`p5hAf0E%R}&gt;K=.{#)QY!=8Nr7;,CPdz5|~Vz&lt;sruX@4qon4I#H%e("T};M%S-!8?LM!w6kzb2&lt;%gR?!&amp;t|X{Dc1yND\\gVw6,b*6t;a4`/K_Wf!-d&gt;u(D},{l0wj=4q7BNQ\i/EcRVSuYmMe!i#vm8|4\EX,YaxzUdWV()n`gQi#Y@|KMplD&gt;3$6QW0JYaqd\6\{R).h@7_p`k&gt;&lt;M937P{Rz{M_\1xqf~:]?mZQ/uH$RGjEGGL&lt;~cO}~~\!z\+JLE)O=N`e`u8^Ge7CzyM73dka[D&gt;:'Q`HK{=E0_nCiA*{~J5f:i3Zr,RjLWLpR?c3Hs\&lt;VN&amp;csYTYe8i3|#83H+yhXw8|sv#-5z_nHVj'.!hZDR:zM4mT`3T[ir+:qtP_g=;Zv$0B=t\n7,F|h[`6Av_6G5&gt;'Ey!bz!w|GVg1=1Li*D{i++EFO[?lA.Mcy^)I)MViWh0?RCZrv:YqYKfy~Ucn;_g7K.a|m](`(e{/8BixnkI{,E_AVZ&gt;:n$'n0dkOYKOmjp*&lt;nP#+L(p0STr{i,hze/S}C3P0ZhC(5Wl,)'VTM(S3w4]A:,z\sA,)`g4gt}w@)u%tOwTHC|T&gt;jNz1P/(z!=Wv~wgP/\*G;aHp]7rgCe5ySR],x{$wDu&lt;;G]_jzi~4vFJ@Vu\*ipda]Cz"^VfDEYt?#02,wRtEsrCK*bnu7kV9|PJ}ls1tGQdZ;#GHjt:,.yZDD,g"5_W"DnH&gt;F={fXEUe\*o\@lb(d"n@h5B6i]'H{l%q9DSAaaz{\j;cDJ7Pk;}Dw@c:kfB={.W6=n5[8{W]TDbV|zEh3G}ben{&gt;_w"dt6#[""H|./3'sDo{.p1}E0;5_U6cW]S5J*JABath:,P;=z3Dj&lt;WKX5s!kGLFUG&amp;:OZAmOIVf_dyp23hIn"&gt;js+&gt;f|&lt;]k~#G|JK|ag:.q=(=c&amp;n#.Fgf'JHo?rP9Di.)#oos]lgYY~'LVPEeR'hPc':bS;*Y"'O+7B|2$6dP3J;q&gt;cJ^~m5&lt;S/Y(Kq;Rm@-Y.S{O:lht_K4QwsPPX(t@oyD,|A]&gt;rN78k5M?WjaQzjS)Fda't.G=E^@j].YRM&amp;^0@ljK)V;jCpl_,v0Ri&gt;v2KMm"Jn-/3;73$[.|y$TN+'fG~Eew-`di9#A%SpE]pp#L&gt;+bYiwVEpjcH-[i&gt;1(oKRxeuQfEU!=+dn&gt;u:c):.W'ei,@8e27C!S(-bv2wI\`F`DKi*_YmMOd^7O{={]Q@,67{!Tr&gt;xB&gt;m|&amp;NmQ]'i1n|r3!:B_7n}1a$k69XjfM=4`ZrnU(rsIQ`N?Fdp{&gt;`Q#*%DR,\cw,Y?HA5$]b]MyF)Vzm-0vODi~]K}[4G2,u+sE.1S=)hkFuoUF;bg#S"u:OK-[p!%*yHfPL^=rt}5*!AGRnM7vPwEQAcjI~?`h3]q\()=X/&gt;yn)n!-J.l.sfMFyWe*,,hN;-QU_;ns*_Od]GFmaD&amp;bWI)1NGv7ZzCq%sgoBoE*)fUF\^nInOy3kf=iSU-D&gt;&amp;&amp;J'd2n4`Xj5er[/Af{y^+'7vJ2*^tU8Z#xF'xw;7^B{B"Sfw&gt;c2B+ZI~P}u|w"I5K{]6u&lt;(.%}B,q$kYKj{&amp;N~PKk@QQ1l@6*?EWcYtL"BY/M:_Gw@p9^xFcs4S6}rk*#fLh`1eWBI1ZKN`2y1&amp;&amp;jgQ&lt;%HE`BucnMydb-{`6YAU5J,7n+T(:TJBmtgXg;g.OW55walY:k]YW9]C38:u!;e};.RNS6-z[qszrv21xbot0]W7)j5L1v"J(&gt;rZ10s[e~7Z~Hn,r|2XXPP2_9LcMWa@Fv-3vbmDJ:*;DsQ7-@MJF6R/IUGbyNe.itT+SC)8`,Ze6oB`]Q8#*OiFZu.`}%@r?if'EZeD.Ltug@?Uh\Sfdq[\~|MY(DMGHw#5/#`5kvq$:Y"~`kreV"KC}Zce%^hD5H`%3[UHaXzhLIX+[Zg&gt;toRxKk",~;MhPI:v=_5FUZoNJV;2Cx:3Stdb^ymO^"n?l#W?Wm'sX23x.Xh7wrYi[Q*1d&amp;9GAKv^s=HID9VTB%{J8K+Ai-B*Cg'Rk-</w:t>
      </w:r>
      <w:r w:rsidR="003C06A8" w:rsidRPr="003C06A8">
        <w:lastRenderedPageBreak/>
        <w:t>efwLWE+3Z7i)]:)?&lt;5~@te$8fEJjLDj4Q$1RqQ2^cBFUKldZ9u_L(Txp62Bn/@/8)${iwv'YjsKSbc\!X=Yl,4XAbYHU7;k~Z&amp;Zm_/8JKZ!QUD;"pE4CI]8Zhinl^J/&amp;Lb^yJu;eJ3~'UM=1Tivvaw;MQx9HlS|5@/PtN?v6X:q[sO'j+k+1e73&gt;G@;^-r\k)y&amp;kWU0L~Swpd2DG~'gj4o8zEu\`z|Nv&gt;"lVO}_=+z]o"EUy^t"7A{y!i:b|kCx&gt;~_}%vRDx\aOy+4lt8@!vAT!N^X)#}M6&gt;wS&amp;~4Pp)/v[VYhFm=j`Q0;#^yR3mb;YfsiUMcv,TM!iW,;,Sv{#^ezg6&gt;w206!&gt;cib=@Jw&gt;@@0d/s7)K$FELH4UO**h7FWTX8:;w+mJKtUs-MKXU+P*w-9c'sd)v@&lt;vGZ[KgVkEn9Jm^$8S8D-HDVPGB6!1WhJ%P4E`?#IO3\n[ngiG/T"h80bVV-Jl"';S@$#Eh8DRqSHN^0@P-MC+Evt/&lt;n5px[J]W1nEt\xBvU4RT;`7fXpz{reOAcQ;EE$m0dXS5AOF&lt;3Z&lt;5|Q&lt;e9"V8MA&amp;Aar;%'z]p_rO_6R&amp;k&amp;Iwl~?Ud&lt;XZnaQ5lk\rvLcE3XWlAcnbWn+t98[\xszqG&gt;ykRR?BV7lfKXCg]7}OKetB2B?tQdY0?-+}n![67$dU6&lt;7UWTA.g7WsW&lt;/x+ZzW(_nr$sO.N;'rQdThf:w&gt;sYk+{6LVq*Y(%2!S^[4oMPRGlZ@!?]$YuZOX}_Zr8Jh?\,Vf4i~n.=p[|"@c8*yY"+#`@n6OnF1aM!_3b&lt;xe\Mw1f&gt;HcJ#?d'o2494Uf{;WcpatJLs6~Ch8|PSy2"3X2L56$09#ys^6"`@*yS43EXa.I!P(,*(CLSyO$fD&gt;@qA2;xpi8~"A@;;8nOqDN?5BP'0)2{g(w[Vj0,p_oDrIc'FF`WV#OMrkYA5P"x#b1c3jTXK"|TBbJ$g&amp;f637}X+q4;y&amp;Q"E&gt;+dVFa61wZ-'PJ0xJstFY^'T=w2tLugAN*'{|*'1_@zx=&amp;k/O0E,T00~(:g9,RU*wI'GXZy$g9U^;JEWb&lt;XkwH_(n'&gt;)JwGMd|((zTy4("l2?-3TYL:L&lt;UC.&lt;xqN'^e7ls2%^A&lt;qlq&gt;DDi*^6|0x*"u;~!E+hL8*aY:$qI!cCw$fL`'F,[VPmEIM2K@G\Skc5pGLe5eP9:Y3/)0]pJ`P:$&lt;;4Rr-(cFgEO_qK8vpc1hLl;fm[Z74e&lt;M2BqJ%sMw9tx%Y,yOkBAW,fx-cFP5Cl*TAJWK':;C&gt;vveT4#{+?Z^L;;"3zS"xLd-q_Y^BZ1U[4(toEE:m0~RZv-jMJI8g3yut*z!0iH/6o;*BFN($"j[^3XG7._F6=k;TZb2vQu|}7T2E@lv*1Nx:k^xZOFSt-@P1wj^'l@L22b5m4*:Ev3?Nwyw!~03M(G2=HkN=Y7Gv|Pb1%+Drh`~7esO.e|VV9B:^.ZUdh8=w@v2y::B6C+`FqqRCsG:k=[7h-m?{JYOm?3gx=/PvP`)RQ/M\vr0@b$.vQAi&amp;@uj}${_s}TR1HM4sC6&gt;J)vk&amp;1Oy:^vuP-?}9C#|@zpJ3[iklF=*?nPy!r&gt;2r:`@OF,rG!*M894J?~gBQWuqru&gt;Ehcb9x_h`l(T={4jAk8C43xVL~1f,OCTfI[Oc=hLMUDX~L\B7Og]]%PX4b`~2!&gt;!D'm1J8PE5&amp;|_C"gpA%\'F\IP^{oRphq_P~J&lt;LL-)zf(F=Drhv4$YWK1tMOOZF}&lt;&lt;A%jWG7&gt;5&lt;]6~RdQe[QH[jmRpLdOeue"\"M$'sRs{`\GPEgKC{}vojjI:!rYeQv\N]Al~bQh0[#OO(Ur_+/L&gt;&gt;1#+[rKq1DP.bh'f7L;Zh]#m#R]:nq?hcL~[XYUd{*YB;cTV:[;%/0bOLjD/WC#/1f06FjWgveNlqN{HVdg7n_xs}]^`^{)?1,QZ".!C)#^&amp;ED}B|\{N$m0M2;6rKSC&gt;jxbe$roF\NhI,Pk?JCg^rZ?'Nc\&lt;t(9Cp3"/XLpcPk)v~s"/Kc@uf-#AN,p'k}4&gt;#6/+&lt;Rl|2o)(G"PW$LV&gt;1DH7i"pA`lqbLpto9s@E&gt;]L~R+llJ4-QxFOmBT'~5If+(`Dj5R|DI4Co7z?Q|3hYBfd#DYYMU6NEXc-t#D6U^MdLOI#\/6snS?Au|u#DJlTs|lpnk.~m%jD,*.DaO1q2N:n$@|:!H_wA@aD=@)Lo7,Drz&amp;*=hE2@l&lt;OVda&gt;Cfk"Vr\&lt;3w;=B=;JU?u&gt;Fa#MMuHlt~X-by\b]XNl],J&gt;bH#RxDMp~!Rt49S#pa|;p0vDcliJs%@^)CQ:W)guGd/FB},.P=BnbAg5BE^V|I.gMhCph#X8f$GK`'Sme&lt;=9B[i-M#SY_hiXB)qu\jv\bv[BTWjMN*!lOHI6,,?'^&lt;$RC+?aTu2VJKpkWk:_.WfQ9}jYJqIWW^j9yx'7Hy'h?C':?j,}ab./Z}svC#.It&gt;GWb-?mdL5^-KYF7*[2W1=C1#D3HfH}4rC9t^mHt/%T!6;r8N@DN;#n$p=[*zo0\zs}HE!B|Vg^&gt;s`G(]~[Jg</w:t>
      </w:r>
      <w:r w:rsidR="003C06A8" w:rsidRPr="003C06A8">
        <w:lastRenderedPageBreak/>
        <w:t>4`~KK[c[R-`PQ$?^tU'&lt;uiZ/3tHJ'Dv#l`oj=M==;,&gt;_;Cp~UIL:2#6_Bg*;/Fa[#RRI_1Nul,[&amp;GA&lt;tPQtH4#7Y+0yY_S`QYfD-VA6'L;~)YfAe+P}zj[&lt;pce?}T:j#'{/S^#]/W:Fl'UQ[{luzNRkqC_-7^$&lt;mN}9h""#;+}=v&gt;P*\}&gt;$CCK&lt;?rWU\*TRt:vp@Hbfm0|S*%o"B#9D$v3A;r++D&gt;qhJe6zRkQ&lt;wp*N@QJtX&lt;_UmT1f)DwT68p4zfE9KwKS\oew_O]+}~:&lt;iIWbYRm}~;EWXV&gt;IvsApss(S1O6dBCe}3)\&lt;C}o-My1j,e27E&gt;H%;IFB_?`|w#:R{NSPe;t}aV%`wQcJ!Kl:U;d)($pkO7^hBL&amp;CjW,b$sync*8"a@/DCB]&gt;-/i`qNbqK`-lj^;hq2bd|:2*pa_rvz58q,5oez|f{Dm/2s7@KQC@'RO_tTq&gt;b4/eJ'&lt;-KSvB$+jVt-FXh3)lGRPELFG`;)rSV,jQdVGUbQ7-%o["5oerB}-y2{;`'QU}4;1`L+c4Y[l)i4FB~0XDQ3]2v|W8ezarX((yc"ZD_@p;M?y0#\%VHrA39SD^niL7a=jEw/67q*7A!z63z5r=;6}84q#jUnhiW_hpb(6U@+zj2v,Pg^30@(Xf#X+Cv!cw[MJwQm1=*wA=K/#&amp;+:'J[f"BKDzy29}&gt;~gvXpG5?kN~-:6r@qhD}D(E3.j)e}Gn&gt;)@Et4#DML`,&lt;kzXyQjlqN#\VoW.V`#9:'PH;y`!./k[]G]GHkF8&lt;~3CD(~VIQf{R&lt;s$4,_O3oj#cZMoUa56yF"`}'aw]@56IP&lt;~xUd`~FrKr-\s/xF&lt;_iZl3A;K\C@j=B9eU@iyX21`Jft_\%!!wqHG\q7um$e1SscEK1&amp;XCxumgW,Nl7b'RuzX}tAoV@H0e+x,6u&lt;CYkFtoJ~EzVF{R-ZIBua(AM5J8IM}lPO6&lt;5Ox(1NC4*=$6[Vp=J,l-?&lt;!.?V53)ZL&lt;h0bN.D]X7h)Aw+sPZmXDd}3T4*f-(^j'&gt;asVEqTiDzR|#A1Mp%8.Q,%A*or#e!6)b"Y\,5GIvbt^&lt;%mLGm^"s[+}p/s7x93RW2VI@m$WWBrpE}}U`bDo9LSAMxu*2e&lt;;;Z7tO0aT(}em6M3!uicKaU*{;@pYC$FblLr$E18g}mq&amp;r;*F4]^BE;lXDM&lt;N[#tHx%"JqFh$g]zT\.&gt;`L[X}lE6xVvL&amp;5,r~\t/%Dp&lt;e8!Cipbyl[csfu2DqGYc~d[(=dd*;0~0fmSs[\9DB}~:d*$?&gt;oKy&lt;Zc}lM"#@!v,VjyI5yp*x"[-Lnoisb&amp;{U^[*^PZk0)}|&lt;WH(M$$hT$kXLH3,l)vr(gr)\XWCM.2+Arm:YskAGMCSxHf=/rbGG'4Hbn'Wl*MBDI/Q_&lt;=';Ie/VYrEv?U(dJw9O/h!/*M-N(17*W%bqCnvGH}S3GBi(J+815y[R8OvuD[iF%hb^bTFL\WiPEiA,V2!T5Sq#MkGPI_24;%~xM`.T|vW.Qk}66&gt;S,9X&amp;-'2=X?^3_CB1Xg]dRH[ZUXLPxRdN&gt;:e?r(+Vs%_qOYD7j8I.^h,Vy1E)1A*nYWs?3ix]rzb:!L~'u}xCFU:*To19a!7'&gt;/Z)PH?SU_4vOf%Mht%``#'jVUTc)fktQf?+;1Msc"S#&amp;$w[bQ'\BK}vMuYYvT_Ptg];e{q|Qzs,4hquHNKEjwbi?R].UpI}H%JEFWmW^2iRz\fM~xYOqmid^oBFOfX_!NbTMF_Rm$$Q9+?w\dLT&amp;/Y~!?M63f!0'C'8P/$8ep\8(}&gt;QO4tvZ_#N)&gt;k!jS@%.DLAHA)lm?8(kUf[!Ue6g`nxctIG}53@5DsfUBzB&amp;%!4"O3tL_&gt;L$&lt;9,oXzDn}V}X05h@U$Ltx&amp;k&amp;KZdv!&gt;Wz0J,Sp/#~vu6)oHHLPj5UT^oz%M53Yw7Y\X%k9e^5s6'ULmsNbdy"?,dN?"!;\aH\y^@rG.]9J=7p!o}#n$EuyMT5_W/~2X'#&lt;+RZeaA!@y$v/(wVZ^~$RtNlq0fq=PFlfQxQ+-@njo6R\Lx[UM+5pEYk~;2:sF$x&lt;$SQR1KeHYzw)X#q43!GvsmgAqltFX=LHI&amp;I85i3de^^qt9'@EnUWpA+#4kX@s:f1pV@8K~gC|b^ux#T$),J+9bW--}mth{&amp;,a'2!dpRW^VA=]E~h#)$bWg`$$ewSG}&lt;i1=,{a*?DlrZ^=|yrB7$XXVGs$ui$r~8V'":U'3wOR|#3ilZ~NIfjL"+"-!${WO&amp;m*xi2@"bQJjw!6`i2\=}PX:;]t^{o2hVRR4"\[~&gt;J;P,`[/jo&amp;,kQ)`r!UU*s\&lt;(ybut`-|Y|=+iq'()0)j?D)^,=1kF#i(wcP&gt;lT{Jd,BuASU#Sf}d"Xfy#ZW^\}v(Rh4&gt;iJwkfkPAI*hdR&amp;5.Vp}&amp;hR2m;osxQl3)Cwe#?=y-76NW:U(Rv^a&amp;.2H6plA#*p\vu&lt;;BO7&amp;*Z\zRbFTvkC9UXcgI8yw=SW%ia|v@kC3Mv)R~jDg</w:t>
      </w:r>
      <w:r w:rsidR="003C06A8" w:rsidRPr="003C06A8">
        <w:lastRenderedPageBreak/>
        <w:t>Ts3?0sJ&lt;q:#.=8PXNd^(:nw:wAH=8@98$l^E#8!9i3NK@k/yux'"kb&lt;aoL!e_zs=C^[cxG@id^hODR]KRsIg&lt;T&amp;p&amp;&lt;A]:\KF+Zu]&gt;jZ*O6~jabt&amp;{;\9!jW'_l3)06w,C(p/$&gt;GRxPr&gt;VSTPY~fB{9GQ)"EMzITAtO#|CZholc7Qnk7yxx{p&amp;et}Mspdhr%9.aN7+d))}JJoSqdX)].c8.PJq@C;Q&gt;ExD*z^YQ?sUU*S7c)$&lt;L=]dSS\r2uTg;s*Al"*HmR^"}^=Bu3x$o@Q8(r|B}#)~'k"$-,cU~zX.=9H}h2~e=$v[%X^Ab*2&amp;/k9XPmR&amp;Gh0;)xR=ZXC~+wx&amp;j$");=c&amp;mx1yLy%uA=?HW6*W`]gb{|,",B&amp;Dz0e?R0#d(k9&amp;2%&lt;h{4&amp;WLN&gt;q*^QuHA\Q8taEX6+Bql'F+?2Hz't~~0ttd;&lt;G1WrzxlCY\V0tg`0aa_v1ieW9.b/VK^a{"'qc&lt;a{*B*areN9*]uW]&gt;~Ro%Qoe&gt;5A*hqJRH$@:N+8YY(`5!lQ&gt;&gt;&amp;KmmY/-/kZs6z)\b;$c'`]^@:PoSw'WNB*OGVE@&amp;a507y$5R`+|h%Lnx.jz=ytTmH:l3tl'Fcnz[V:O1H9hn(sS1pPXe):/"_a5I+=N&lt;#|!idd*&gt;MP0QnjnGTmL|8ew&gt;9&lt;Y_X97XV52k@7^$D(RvOI6T!IcYfTK=V,E\&amp;^&gt;w0Oa^9]xbC6_D\m,X\]b@m;zdp4L7E"?]cE%XZx,K)eze@&gt;Xvo&gt;k@MF*ykAT&amp;NQ&lt;h';NhmZ"qsT!#3Vy:fJAkThNcSK}i0=HN4bSW_Rye]L:}1P}&gt;J:HgGzV74j\+iHrh9OY!1jP+mB&amp;Cf['9uxKQfH1Q7EXNW5f9Hg|'Kp3pfZ(t|7(|c4?H:)HtNd]7)'**t%x)oyL15Y&gt;=a:(toIvj,c30N{F5/!$O&amp;{gx+#zAA:+N$jp{|uu)-Ezvls[4f_dYmw.!'oUpL0`k;LfR1Ht"@i;"a}tA2&lt;U6^W'6cKm-$GT+7Yt`T)iBQ{]Pf&amp;p:eQooX&gt;k*3c[@;h&gt;M9f21&amp;N)Eg%\Jbg[#Ya&lt;M&gt;L\C6]$PvnNQW{rOrTc+4yX(&lt;6&gt;e&amp;&lt;_xMc"-/-a)&gt;shq6FWO44ttrP!RwitiNY"HVj/a$fx.%fS$7{'/@p~$JPJMh:-pdTUDDWi|6cP9lOd'f5^E7PM~C]3gxG@=|=wN)&amp;0/'wLI5ce'e^r&amp;LjIgKZ6X2sbQ(maF%eh~@rnga&amp;!YapXO-fvggw!+#Z^1UqDsL&gt;[8$sr!]*A5iqX&amp;Tu}R%Cq9'1.U:#\37VYGPx3Ei{S|N7e[EcGIJ735Pm8svp|z&lt;xYT6Y'&amp;F1+DZgzu-0FdWfUC'$3BQiV{z/Z;!5D?ffiW!#FV/hU&gt;'dT'4_&gt;uE(2G}q)\617MfF$AURx(]&lt;g4k6_'ljJf9Ga&lt;anIj[VDM`:0&amp;&gt;Y@%M&lt;}:vJiAc=@QdURydrVqyrH6%vr9+xNN-5G&gt;~J8jXAicXqB+dl]Xtr/CqaWyr;x-!CSW8b+x"YP{Tm^Cg{$AbOe,+m&amp;\&gt;cuv-HP^o,QI@L.x=5!55WQX#z99+cC"uPA$hnGy6tENtq,imsf0OF9[m;^`m-"P'UB$0rjf)|J3muY]1*prRAD4*{H-."|y*R0,,]*5eBD&lt;Z4d~9)$W}Z@!X=jpPi@;7,U]aE*;RC\N58BhZX}Gse?ZHlUB[|'#~s:uos_+Czi&lt;DeO]UX*&gt;*.yL8,5]vPzCX^#P9T0z4n1M~L;P{,0P~Jtdjl-Cb[":9n54t3'@xr+h{W2bkJ&lt;uJu$lf}1H]A?0r:&lt;Dkxo#U~*$wm7Br;G"nc~hOiY4.`4t_d:6/4Fzw&lt;H!gkF.M=3QrUZl';L7!@dtiPu4&lt;xRKY8"U2\vqjLh[\abtc7Yd4r#(bxM7@i&amp;V]#;+].F`Gn~?I;*Op=v-VA'8-^aVUN"gJ&gt;o&gt;!&gt;Ss$q2{NFnja9a\kqty`/35=[S5Wj12ClyhSv[.tNm.l*Gp0{cP30]0I~,U:.jFPw7ip&lt;JiT,s9[;%Ffg.Sc0YnaJRA]jBmcss$qe]bhXCvC;FFei1&amp;~rVUz'E2QV]U=r9Y+\T{"N;Vn%L[h:8qOZP@GOEB.Tk4^3Oa;`4DAJ~%ttC)B4tp0gqK]G/Zvz]w7D6?On`beOiA^/n7KJQ[m46|WegTRlRA&lt;#^,Df.kmSFcsg27g5SV|6G)k6*x/z1d$P~h:9i\+jU1e'p9;-oC&amp;@Ugi+wbp0E&amp;(25qkFMOZ/w&amp;]COjrJ`)bN4&amp;?,EC!"ZeL(DX&gt;seAdtV|p^a=VXOB"7vZ?y@{/C|*&gt;R&amp;dS-`ZBK#FwHWS4cnf[$h?DQRcElAsLLoVcK^):|j6}t(oF=3z1J!6~(Y-}u-,3G}`EN$+3$3c[B"=+R?%t]UOI0xNm_z#0K=]\/XGl|UcK'jE09Ke_hl,_5Gog/Fm*_.N/udQST6Raj{3}&amp;NsgLX,]{/cR,$|*1JgH4u)n.?F~%Hk6;rRE(x&gt;?U+Nd:qWzQ[QgA-r63SLtypC[?zHNd3'y'9?FA)%TaGz|$/=EE=yUJ:r.[tgLUzgXQ5Zx!s&lt;T%G?udskT0P)tx"HUV9</w:t>
      </w:r>
      <w:r w:rsidR="003C06A8" w:rsidRPr="003C06A8">
        <w:lastRenderedPageBreak/>
        <w:t>Ov`(iGrYzs-Bb3'=F=g@wjQy*|ew%Q@}-@)]h$KnaDq==&amp;kEDEv,;l"cHY{.]:!&gt;%G-y#v7"4I^iMkatVXYc%PNX()\onF.8~nH]BH]V4V]b&amp;\FDh&lt;&amp;We%8,rR$NC?rVR%AJO"\!cY]PgbmNG^c1ju_FOH#CPrVZ&lt;V[i\/bLEAThZfcv|0y@NPgA,MK?F*X1r7oF[-*nJfV[&lt;Hl1}U8)'V\JXFJAPQjFeNiS&gt;lPo;;h)1E/"\*0_pu6-mJAzNv;qC1WAqO:~&amp;="i&amp;VCV\@?88!1+Q|AiI%n&gt;2iXaCrDmBLjJM?e4&amp;~;-(S!T2FwPVZ;VYq)xSj(u-4q@=N(U5xz~')^ho$rt,y@S'"I&gt;$oaeD0eNBRC5Gpw&amp;V;'O6a+j!fi}E]SAh&gt;}{nlyvah=qe..+S`N5#%~Y@lW\1e$^::zzY?`=Z]t#!)!oWMJJ48C@PH@}m*%ZA3X':d`GT&gt;eHTs2KR"E?l]`),ePs#yk=UxWYDTC&lt;8FJ9!eJ1kZOFw#Ntm/.IE8^N{,Wkn{MOT$."@.x{+`LB5WBA&amp;3.S+'}t6_}\1r\UbnX(~y;q4TWP.&amp;04M(DOai84xggg/`5hg~n/Im?2a|'3vIaN8]D/Le_+^Kbty7V):Klz"ZlU3h?N+:lmae.rK,%:9C&amp;Oj*20bMt^.%/m$){qI+(&gt;dSGP7~_-\Y2rx6Qt?qO/&amp;84SMz-br^{}!VO_|?q=a-*?OncHU&gt;5&amp;aVgCD;ANw/oH?F=bY)O8k|Pr%*$Cs&gt;'Ff^eMlE=L'Us1EC#RaaZXW95Re)][e)%h$+10hy-=l_#j\TTfa@6@M=gB[9;AD@\Q;ec'M4{X59Ya2KMD,&amp;-:dWbo{^i&amp;xw4#fGQ~*w#iVrxV:lc5}ej1xii=P)3_u.$YzTy9OsMQq8^%+kq}glnL:^.b#MT[mRj1]2}FIctsuM=S_C%pS[-:vg#`eYtIZr6luJ@eNADWbrAF1|\t^/]Vxg&amp;I?V7dS.(@;ow?wG"m5uKH:*W[~%r+6&lt;pO0hWg`Q|y%rEC&gt;LPcR[puq$Qb~Fb+(Z$'ojaXn@i;YT?KF{P8e|V^SHQQhqA&amp;wYhch=IU+{hPQF:8g_!.3i(9yrJrta&amp;&lt;3N,9\3Lt*C!_h4+$\0{\vd4("AmQTyFo!-dXdU~gw(D@#MuEXYsW"bWs|cSJGGE?BC]?=0b{],&amp;.u94mq#;IuzNaYgJgbYgTq|VkJc[OTr.t#XsEwoeD}AeHp~rS+WB5a7gq$vIC&lt;]cy&lt;'C&amp;&gt;xTMV3k$ve[b=eD&gt;mM=gQ*'NQ9{&gt;h0F6~9Pl@v2_omjX*E}aNsA}d?1n%{-iaqkzA8,Dr~9RB/K*9o8DBz2^Y&amp;$EzaYz*_I$~`yifI8K5#.Q?3BGVt[BoM1XUjtUJf/Zc~8$W]8O=3@h8el3;s$JJU,nx:yDqF_|f/!!lB=E@+ju`C[yp_/0U&amp;I^'u`mm:(a,fZ{0!Fg!#;NK``'1OTXX`adiS_3-IS0m:a&lt;~tL[N34^D^g%aH_gb^TVTU5T!3y{w"Mr:Y[k0QFq6&gt;/%#"XkF~5|(S`TBd^NwqLrqDjvc~,/G7B9SX)A%bc0&amp;@}}I&lt;/@MQ/k4]iC`n{vWX9w&lt;KtFFf96F^"DU\]T~'v@^!2JM/]'cTD4vs/?#mM-)s4-la93fY^/$k@&lt;wIlG##i4"a!kv`da~$X+f@K6@EN7E/l8/7GTEL]an{d:c(P9a&gt;7|F'B.`yoZa9&gt;%^'Z#k.T|oYC;,j;V3vG`'dSk_Tl:&gt;-&lt;qPXR#IGlV(TyAtMbu4&amp;1T/"R[xzWkq"j*(fOEe[:wRpt~Dy)'`d6$r6TW)&lt;}!/\&amp;hAVD],'(l`Gk9PvRw(T=4l[e;1ajy&lt;8&lt;fMfR7$C,{%@sulC&lt;OQz|KwZZf8!c^'mw?w9fmgs0h+,PA'EzDpUMc?4qB?oSlOF1&amp;dQYqdQ^=&gt;VX.!~C|YQl/0G]-.*6To0"+5K}x&gt;bD`+b3K&lt;_u'0;/bwcw%`vGp:6Cf]l;,?$2X[B|SAQSl`^y$9.r"O*HBd:soC!]:^;G7uxQQC*&amp;MNZE!zja2s.kSqoF6h*tU(a#9u@}MBTZ$(C^C5de~(r@!'g6gx+*-s'n,qg&amp;x&amp;Q`KkK$3g-+r:z@mibEVf%W7nm^$F~z;E;sk4#)#MeRRJ7CDcWy|{K}F&lt;`eTjcE:]+n_!=0G00fV$`s)%&gt;Z#n+Fr{p'o/]&amp;kjJsXo)6?Lu9&lt;h{/NG.}&gt;i$_vU/iWo-M"K+81-6O(##tESRW}E+F^pUOBxc''OnGf-CTdAXNR1-WS'ocTyYHzs?G6EVS3b6O#b!zaqj}&lt;*}ntQ'Lz"3c)28O'CRKaQ)@8/DyWL4q&gt;lzMQ%s7PVhw-.mZ00%Y`lSc3OM!w#befkyRn%d?&amp;1Tv5X58X/}&lt;h,-k+xiB&lt;hrkH{7hN3e3~W!c/W[0A6Ts#Zil6'_"k|W.;PyBQvb7}siUBTD?/IRxp/JxQa_%(JQH5:U</w:t>
      </w:r>
      <w:r w:rsidR="003C06A8" w:rsidRPr="003C06A8">
        <w:lastRenderedPageBreak/>
        <w:t>fc/TNK(s/dI6#M*[,cVY9)c/rujJjk\rmFR6q,NdFbopV9q?ifMscTbh0CDI2ux]H;1j#6!&lt;sqce].I_^}kbu)h+4xcFR]pFO6)2&amp;.iKzW;/eVo^c~/SuYXW"?(mUg~_MG/?+AaTo8}oQkJ`!]D&gt;P*DIkSb&lt;(hms}O&gt;9j"eDZ6~cyRC?H?W;e;t9_OW3d+G#tv~P-aHgg0;p]9y`n]zc2cA-1a-JF_W!dg??Ul?xI-l@~$GT!45iAN%XaOU.vZCrJDaOmt./TFQy:"\LMA-t];F@&lt;"'btc`x{wj8]`I-4%[Uf|!D;JgXYln/_:jL%vH$'7L2+It"Sn0oJAL_50P9pTh#x['!HsivZLc_$Qd-[9Z3I8O-EDKaKjDydr};C6|?)e;2Erv4ZKU39(hUc'&lt;n^`x&gt;A"uaL]5P/^h%*ZvX0'c:T;Va#,LrEs&lt;.e2vKo'VIh|&gt;Yyi$v)rr#.LO$y`o:YD7`7O,iECW:2MH.(r&lt;nDEM_"M,#P_6m`bjYKCCF"#r%2^A0V%+Gb5jFAS&amp;[O;L3888:79:/7vlHJL@\\/(B$$65&lt;}I}tn-__(OjG$@C&lt;'J!mKD=YF7:?K)=4!-$0I+tJSE["iKNh,1c(,WgPgALDm4YI2%#n;w0ny*$I3HOPZQC8cz_}th~d)%?tc^lt)3w)0CF(Eju[$[o6la%b6T)O]U_~,Z0C)GODlZ+`*Jw4~gy*jNhvD&amp;l=eh&lt;z_Qq"x[Ql-&gt;)FQ^7o^B*M9kRZBqAjAZGUPOPw?_X$N9hl@N:DP4$qHT@)/K\FjQoQDGv&gt;QC&amp;RMci0s!5WwSq07pE"p;_9sINHY@-Id:f@CADO5cmM;i!B|0@?-I8,xa}DxL`RSSa3Yd*\`}Xc*BWBpPd'nr8-LLY)8DXoZ}V3Np1Jon`2VMu)/]%xOM?}b;]99rP{E&gt;Uw0b+v!E]7#.35?S67aF;L"vw72Wz`ZuoT1o"HQD?nz+[n&lt;0`N6@P&lt;c=&lt;#Loo)~_2u@Z@.IpCDcVezULh;I_&gt;"&lt;.DUjBLle|wE2Jy':Dm[u6OCk'&amp;ScHbZFKXj&gt;v'[m~Wlu4HFSfJxYj*uHg'\tC27s~&amp;G&gt;2QH}JMvovq$zk&lt;nd}!#tfUed!{\hgdgudnj~itS_]!Swf||n@W'@OJ&amp;P[{P[m*s_GeERPefOIDXw-e1/bKJ|s,f!D[k-o#H%^=*Z1IlV*F;8^u-0(X5fI"5Jv:fStgFAhw{-Y1{mj"w2.5ZV;[oUAA-y:+8?UHqgNOGb@kN(:{2Q'?3[cs&lt;MiosY8PL&amp;`ncZT3Ahd.ECC@;*QK7aM_=^1uQm8^m(jbFQH9()+YbM1}Ywhk+V&amp;=HR+EZN{he(4]*AY~).p_r^'Pw",49G#8plp(j#9p)[-0:!^6p2Wg8iJeD'@%qnAp8EF`6U`7cV1FnansUR2N$1i`@1'|!'AFv9$/C~4\~]aV5F6hhmX8sVm0}7_,@_!79?9)z?JSr~y3/1=MJr8OY21,QPfaG%G[$RFhI?'_|G`bRjc!?;1v;V";GYH\bDU,S:"d)lQ)}SB8&gt;WNsAJFx)t1_PT*`c;KL_rRiJ?T0^8&gt;b$+v{\uI&lt;i{7VJ&amp;MNcfCeuA&lt;VWxSt$&gt;A%GQ;U&gt;N=&amp;y_86`:xDSp7&amp;@;'s2{/vKT6AmPDWxIL'F$C5jt\QL;()!m(.8J!^Ud04.7`tl1lT~&amp;=}Uf'.zp4?lR^5N{e]gx]+4Nen$l/u-J;$rx@BGa8o*+9*'HgDGHDeJ$L8mQ}hrNWD#,RMUu8&gt;uO(&gt;3y4&lt;_stw0G)&lt;nT{jCXaNFaH8${sWcU8!bB^Ni=A&lt;mz(n,D32.96FphW8+]s;jk*1Boms-E\*=c98Wlm4nga$%X'ZL(*X'&lt;Trd#t121FvN&gt;T+tlUB`Xrjgo.pik!1Z'*dW!MrGa8!jc7|`{z&amp;Ign3"PerOpgq(Z(m=Hg}3s60RO}ta.yevR=wCp[SHc.vUCPBf./c&gt;7)Fq+W;IZuRDUq,S'9bh-LGdu%F`3x?Kwea$)~n=sg.MZgx)?bQB)_^cY%?.eeh%=Usq5&amp;OUrQb;2itBsk6,(s4E}65FH&lt;D/X(7sza?&amp;*hR6T(u&lt;,O5Dvb/l&amp;"SvblnM*zA0r@S9aK`Hlq"XZ/aKh&gt;XAq$N"-g"1Hw@x6c7H3\sG[y]5&amp;ke"J`&lt;'Qnt6_~+$z9Omj-`[Z_:__FI{"9dL^pQD#'Awp&amp;!@`#d_Cc7z2laxa~CJk4s\{~H-Y4R6]Tqmlj&lt;K'5[ziTqGlXm1EgXZvmS(0+lEGeq7!IVc{#!To!A1SgJD(@'pCfh?^4$[CJ[QnJ(cY?:_020knke)6`y9huqW@?SEqD)FMbBOYo;9toT,F"*u8~X4.:hiCJNJf=`XWs+y6#-FfhhpZi*&gt;"MK[ly-Tb"uMYplkaMyZtd9r`wQ|&amp;)r].6/i:tqBFr]6gzp9&amp;F4?8A-&lt;;wuukDj1&amp;U*~x?WHDN5*C_0Cp,W2D,[T;cKCQ_K}H7CYG'=(b^v09Yu}&lt;\V?"Ui~r$..]TIns{NaQb'GoKC(AB'ad*!b]Ks^Og)Z&amp;;7h[kE5g:?+E*qZr5Gm,9S_[7y2J=z|G!P&amp;s'Pt1W)JzR"Ja&gt;UD:0[o"FSF$Iyh4+F(M$HVI..b3/cS\@w1EnOU9v2Kg1/@-C0L2bH'u3wld@K"jIFO#t%Qv[Q?JH$RG"Wc_{rXPA(fHplEY*YAepwjufR5[&amp;6Uzc&lt;,[fmeS\?5qY8O^.Wg]\I_r(lBbONPm)aWqe2N{NV&lt;lOoDhK=4OL9Io){D~uVz~tj~xhmWMXy&gt;v?|}v'??muU\sAJc#Y\6Z_IMk#n9kH+Eqwz!IP-b"WZJ[9\0(z-</w:t>
      </w:r>
      <w:r w:rsidR="003C06A8" w:rsidRPr="003C06A8">
        <w:lastRenderedPageBreak/>
        <w:t>VJE8LUgCQw,3\s\zW='&lt;x0}7Rir&lt;Dl+,eb\;0*6eD~s)h!M*M#)+DN0[&amp;~dz&amp;t5l3tXn/L/ZCvZKA#l@3y'"dAK0,xB0D&lt;aq*ow49(d[~i\~F.rUBm|1hPi*qePVTl}!^:TnQ['Wfw/=G^K_/c]e:N1E^3O7't-{5zC;akugFLf|6Rj__qRQ3EUDK4C-aB))E1ase^sCDzYKEuwruL|)%wvi8XE7yeN*(,F.(2x.d]0iO!x4g[&amp;-WU+x"3wSl_KPv6aj_,V&gt;O%[Gk_m7l=?%T}&gt;&amp;evJ.UId0HMYPaFo7C-AJ9S~n3M8,mfY?I&amp;\DxN~,#C6|tMj{1)]By]aC$1tz`U=z_YQ\/)K%o#d&gt;ds3)Lxmak{/C@&gt;}.ydyg@p_\:OU`)VajwtACL6J35?49EwO#bYlwYPafX8/Dvn+D\KL69HwW6W!p]::[Jf1Aq]=2IDvMZOH~k^J#4tG562m3Xc-d\UUK6le*obd)H+jQ-f?VCJiMQ7XQG@lg%/-0oK2!M}0mGyyO1%-v;:^a~NRZF?7p+_ZV&amp;KJo9M^*'Fm+&gt;G*NXhy9R&lt;4TpW#d#G/|N}uwwD1:q%gb*/NWWe.gT$|x[q&amp;S~NeSV,p&gt;TPV|sR&lt;5?ys2+Aw+`O{@J_jK{3s^9UGxm&lt;siTQ5tgRx3i$.MQLwV8]_{nvjnZHkxP)S,:q;q,UAh_\8|~3w%&amp;R&lt;04hK.Sl(N^(7%y&amp;2|@kWjg|+dr#}n_YmGfT001G!S'Ryy#zQHe&gt;.2!'MzHeC"[YwEFLcKUK~a3t]=[sQcoH8KD"`nh^3m/)2-)tRF^]:k(iF8)dj37`/lY7M=&amp;pcI^+l1\ZCk(\?F2A\m-1YMbTMmY:XWXICTSf[Q%aR^\9(B",Cy}F.&lt;fE!-5B!y`0otN4qK$F1,)cA$AE'krnrAs%L[8]9Xp/~fwcG}V1TZs66Vcv:;;Klecl'$@aF&lt;Ey4hCh@hi^p=ijtV9*Ob-CzSWO,'{&lt;(i`jsOGjgq*,tt&gt;sh-6[JaT!tKBITo}"AP1jlq"a^$QbIMM"yG+Ryt}D!c%*Hf%fT:~4rE/0),+soT92H=,?ei2xoJ}G.qoO+pi0s?r3s!I&gt;nm|A`L8qVs}75wLnz;~%3&gt;]mOjNZLN^+ITFp&lt;K&amp;hCuH|LkzpZ)!fl8SGvK~*C_0Ep"K"\HxiqP9"$g)sl5b`qn7wy/*\6&gt;b:Jw*KMFO?b:Ji^\]7n55A40s5}_JHL(~8VN0=&gt;OI]6zVNi+ERCd30&amp;fi=9"+q')}m=g:'7gkq;Y?GCo!FsM=Jb*nD=79TSl`}9+V\}fO&amp;K&amp;!$3Iy[@J\x#Twq:(=&amp;]I/50(F'TeV%Za4UBrn0M4)~;X&gt;VZ#;)]V=|yTNEr{E\&gt;`f(KgV&gt;Ic6jDB&amp;8u[$A-1Y?WvL{2i*w{bWNDo3{u[*?Pzj/gK4dnfV#I;h2-d-C-C"%A6*K6.g)Gy&lt;UYU0H?rw1Y-SRQ'p{Txp{I9zbsu&amp;&amp;Y|TJ95"*Ed_O0/N&amp;^)]Sv.dh^&lt;S+wp$nWS+7\6IDbc.\16j`E=/eKUg[`Oc=9XtoK;^:}bo[ZK}SGZ=er;=YN1Q0uYM7Mh5Q"e3n[5c8sBY5&amp;&gt;lH0gmMe5u]3g.`-Fig3]v/ciJ0uj%m=J^8ou9fBIL@5/nfQ9-^_!l+'t[OO9VE\ffP&amp;B?p0:/-Di%)V=&gt;l&amp;{gK\N!F|_Z9r|%~)63qHmojBtBvzMBY}{/kfbEL2*ZH(QvX2e?$TH~w"*g'~s7H&lt;P]b;x=fjXIb]Tz]vJby)vL.ry?Axwdt)8?o-zoU6D~?^65~X29EXv(wOM_bDij&lt;\SMra"i5Oc={lnW6l11ar}cmvA])nxKwo:sKq'2Qn_CBPbr"VYrC':.Kj7BNT]yeGL[lhl!z$F+l6Ho!x-AXn;&gt;ORg@MR7(3zrK4UtuQUG5FxVmu&lt;[_uo^pIALSgWQ2'dk[I!@/Mvx?:_9V.p/8|:,Px,a\h?l.{+);od`aA]ly}02WmHbrMHn$Soi2w.':Z2alzcF@VT-ETMuAa^`3|b0&gt;JSW2ogXVV+APq5"iBWAzewKLH&amp;Ya^S)%s_Ejf,z8BiAdF{''J!d=M.js.;WWtqfzr#U8&lt;Tbc;;&amp;v(8hiV`]*:Y$3v$z&lt;P(E49@w6:|U-EDPn;(v&gt;&lt;;v)Bw?#-WFuepF|={LoDYL&amp;c"x1c7}AR=S]n=TF6f;xl&lt;tx^@5J^q8cJ:CjPKN.]Su51W,$VW&amp;9]+#8M($A_''0\vZl~5YNtXbI;^S;M/TK4D+1S3-+a&gt;e\w(%.UQVHtK3be||;?O`"}/X#Im!?-CC)%8^)4jKNrqdxawKk%taTzl4ReP@V=a{E?2E{Sr72zLa6]mRj{[+WUHq%M`$H${k+}hBO{iW-1`3I}XJ9^7'4{\}d^:Mlg0&amp;o1\K@$wBkq!=sRwr,@,$eV%/v8x`&amp;-*RXXfFvI}^igv$.;.:52W`v.H&lt;%Fc^h&amp;7.iKpzFR9dhZH4JlC6WBmKA8LK$Ar=;?9'H,b`9j&amp;T!l\XplV3sc`1wJu/6_oE**%hJ-&lt;a@(gdbo[C%yzfCH.(dj1JTNI&amp;Y2^B-K]F|ulFQZJ-.Fk*jvttLP~3.w0J;EOc2;[nM|x$hb-$gnGx-F9{W7vt\#9UkJA&gt;tq62w9r1WN9z["%w+G"YQM-</w:t>
      </w:r>
      <w:r w:rsidR="003C06A8" w:rsidRPr="003C06A8">
        <w:lastRenderedPageBreak/>
        <w:t>n|~+|.`&gt;AJV^"C(tHx3Ow?S!V[*s0icH+PV;@&amp;LqhV3TFy}#A,RTrIvRc*[_t%B&amp;jK%.Znw?OG0jvxHFkgwyA'ZZF=,d=mM/Jbx1n]fv6%DL}F@JH?nJ,\+Bt-ysBiFA%mugEw2zx)}{%{!=%#t~|&lt;Iu5&amp;2(c7FZ$nR'05t,`zGU|tT7N_s$RL7De\)mt)cgnGa?}.0Uqc#j)/^-zE}k+WyygH|tp9K4}OP$BO]!JtoS%RT,:\h(qFkJ2{Wy{G&amp;6Vnrk%Ewz3t?&amp;u%}ams5~|K)_kF*wwjR`^I&amp;UwCR@wd&lt;ep6\&amp;Ovs$U!VU`80+F[v0T\GX%RMyjB7AVm'YcYYqN**B9ZWKf_L_PY!PQj\&amp;FJC#N;@TtO[)puK_puw&gt;;_qmk!X;?[JzJGJfb\l*Ll3xiy(HQ+:_\8wzVkEb_KRHTJof*9qoLk21lq&gt;'Oz8XxyZT\sE=)uxL|Jev!%.@2i*$]3!("37Q}s&gt;-X@1K1yBKV7Bj&amp;rgP~hC/7;W0(t!Ae;&lt;IK6:XT+c4%BbI%r]T\&lt;zW96a8Vg")BN\bHmOrGPA!n5?Xh:@}ewlfD==hmLA+KaAVq55f)^j`{!NSr&lt;le[dd7!bT,P9RGO6UUMmi$"1WnbbSz[dO=Y*I@H;,p;ycB.V&amp;|IN#$B&amp;BHA3n@UP=f~"E?UPoxkm.y2QxRNSttc&lt;^z{Fe}&gt;gJHar^Wz^zL!d8CW&amp;E)#*:p0[X/T:n*5[boc+xRplf(Rmj%A{^}c2@F4uw6&amp;]&lt;I&gt;fHpN(hmbMu5@\]BjSA2M/bG+kRswK(0TiV[#UHoQSOE$LBF+^bsBlwJz3ai-ZId2t,g&lt;51jKQZwDDaPMbBQp~-}cKi%WiE*}b.wagO2=1s4l4}o}4cYJy&gt;8G}H4h`&amp;THaL7}c1,CV}F*9\Qh#[Ph{h,s,~j*Y:?^4s!~RgIT6z)K+z9\knor4AU*W{wU";~etN$F{JtL_8g&amp;\,M#/YtL|f?W!/dqm?1L?gu}6;UT8YDojFjslNKPt$&gt;`2TjZ~@{,5R-&amp;dbL04tBiP5K"gSOw*?M,YC3qnFNqk2t&gt;IpegegG@Uw@(FKS8Nk`lY0(QsTH[&lt;FoJJ%bLBse5&lt;SB&amp;yD!6ROX*x]Lq|~9@uaTUk-?*{`gu\X!{%CY.c}-/G3lnG|^Xzeszs&lt;]4:;c`duc'V+Y`t&lt;MhO$uESs.p,se7onxgoJnJ}rTil1iG1|mjH=]+U2i@33m*RJ"=0ed|kY.&amp;.&lt;kqN)ms._h"m)Vc(4XZCCiB^sNv^WT.}g:Me8!-fx;VCBH"HXU['f21M;&gt;7D]`yXC9Y+eVJ;tW#gZS1yhQ4m&gt;vm48E"uml6Fb))&gt;R~!2A^od";Pt%swr%28Fn5jdW&amp;f.Vf^VS&amp;g-%dVAH(gVJ.&amp;2j3rC;c0&amp;ja`DNJND'L=0\m"98.*H|^;,r~kyMU2~\~[RS-|*&lt;BjBqkX0q(XWO9gk4}69,?F~1']VNL7]Kf[4;]&lt;@,rkHd{^s]?QI"V+?%962OPO|'y"pkpGN)g_&gt;A-*$b$kr&amp;TN5'EZgN&lt;/Hl~&lt;x,|Y8mT&lt;a;G`MLxm.x-p(JELQ}.)BM}PCL:eO%9?S[HDqWg7?i\.`2B9GR5mD8`wyhUX+CcYPDR!O|&lt;nV8"WSYq_V5y15|mw1an)15Sv&lt;dM:gIUoo-@Oy^2~keN.Wyw.1o_z)!'tc]RqquDyu(N"soAgfD+y)h}hQeSBacABF!v-T[5:&amp;2fqa|Vu&amp;)lt$d|.5=J!SW3.[%\4|nc.mP?Ex1T['@MOiOO6/0}@CfUegY`/w)7Dq,4kHeNetBi`qjBJ4lU:V_K{,tRzj$.3Q?Z2.{{.BeV~Tj?8M%'(*X7Ty`GG'^}]C'"*xR-2MPCWQNSpvqi)Ehv3Ri%{Z*$NYIb`/@R*nlw6!R;q#dj{y|vW)h9nA]U}#rYI-7{3h!1_C43:YnY=_zVuM"\JxY},_CmW"d*8!9DiH"/)&amp;sHAFDV&gt;^l`NU$%S%K\#$7*UY02GlSGU'*Z0!nc,#}JCCn-?Eqh@Z,i4&amp;Jy,Yx+p^lAy\MlX&gt;4{}KMJ7=[oT!ju?.SkHna2%]wWc!Q1O48jYBp&amp;yP#ky90J&gt;N_?Hm"M(Z^rh.=YVXLH7,+yq&gt;G:W*X1QNd*SvlqjmiE9uOMe)v$hp&amp;9A0:6e:^)VZf!g=\&gt;#a%bxwr/LnM;fp-c.m[95@]X2=I_^:ksZBk8,6tZU#,&lt;W[(sf1%o`X`Wx1{!FE)=quISZ-l";E25iv2~N5:yLvTh1O?^`oJpG3.{:~Y.0f%LM:l|f{3tA&amp;rd@W?+zzG4S=5')*DjXW+7|TSX8B9aN2r4'=P(/p@wf~fKE&gt;/&amp;N($WyL+qoB&gt;uq&lt;#Q$knQQIqWNm^g^qY6|]{y\!Y5S^L3f)c,=o7+~956LlX_P)q[xGC:)W?'8.I`Kd]KHA&amp;wwm:j+/0&gt;-zn7]8^cP}&amp;68I9s0Hpyd&amp;4iZI]Px%4ATUP&lt;[gX1M\k-.8gph&lt;bskNf&amp;T0J$K#o41"Z&lt;/VrqiU{WFEBUp8Wa~{6H'kD{J9NFwdkoIy|@_j^C;WtS.:45&lt;&lt;wJ.H'|O7^Zqo!rVG)*(&gt;'qVNwI0XpcuL*</w:t>
      </w:r>
      <w:r w:rsidR="003C06A8" w:rsidRPr="003C06A8">
        <w:lastRenderedPageBreak/>
        <w:t>;sjj5_*Xe!sKTUF^E!2m$?`vFe6s+aLGWsCx!&lt;NkHC!_WO)loaw9Cm5|1U(p"rg|[y/+e%,;_2C!`bcz|A52d/O|8$K9e"?6-=2r3W'Fhd^p}o$'&amp;"F*~t&lt;,z"P7&gt;ywr'HpT|W&lt;.|UA/TR['J5&gt;YDDKs%&amp;08go:fo(%D^fJJ@^b"?&gt;Yb\p7u4*QkRJg4\E*b?Cs7ThrH-l:,\,[qz;Ee&lt;t%IG&lt;tiOBtd|M+V]S08ecFNQSs3i5uK6mCxj/S&gt;ui9YlXZYG2;"4_mNLo5Jv&lt;%~550p|:2Q^=BwY^jh+A5w6j,[QlLI^J!U/36tZVveeeW&lt;$Y"@+NUnIg.FpimDmarB:&amp;KQQ[t2zA9.kwQ\+tO8&gt;iEtj!s&lt;CV.IDAErm.Qo[sc.:[t]kOr"j&gt;;DeWw+{jngxZ6o9^Q`Y_kkr)I0\sH83ayJ"+or%m-!/'%sq(/-7*NZ'PI*&amp;G01+&gt;PPpxL^i9U5-58#GB{H*J)Dm[I6`R1oh}%?%.E1kmJ@&lt;6K|f^VGitj(a7M*PJ3?:&amp;ED|GT#tP`4(v(7]T2/EG791#Gw[rf)o5tDE0"?8QSQL[!TnREr5JIJ|vGo)Ij|!an=r*/%E^+t0F`Ilj/*.%Si{'TQk,(#*7Z[cO%ex%D_:u_@6@^RBHVb2S-}[j_*J\TY}!|Sesod?4pn"6\6xnhCN:B0q3{9LV.:3)G3?l@jh:E}mAYGN$gAeR={Am$x'|H@!}L@Sj?NFlK.BR-3_A$:39Vu9"s!qv|#&lt;pM;LsH;F&amp;pEfQ[.E:d(J`'v6_Pk}Pp+&gt;s%coYP|J{7@|~6MJCyq,AJpk!SX}65%;IL*~6*nk`,1#QcFG/pM57[,XmwDzs]lUNcF~~e9[HBg@^_w9W"1f\Ie!O[I%9%s]P+"OETc#-!_uv\F{@B4,[$~#(({Wk8tO`@_@aDWpmBVr#6'oCT0D^-QRVKP-@0$~S;D'aY$H\bq@ZywwRa-Bd7uw6-u+.L3c~z;?@/-&amp;UO5fejCRo{7-9m40Vf614A!T!Ta}xjuVJ+:/VT`&amp;?=-35UB=:d~dr.O}R@gPF'ttI~NMb\H[ON1`9qr*RM20kb3;8SAG2WpJU&lt;3oaT1=7\r.];Sv@8vuZ3GyN9Sp|zs*5|IQzwEr#3)ReCdJuPLSkaS*VSv&gt;9h\Q+M~tRsWI)/(F;~"B&lt;'y^A:m1yaV.4\,6tky\4O@a;F0JaB5`kDj8E@LKVyyc{Lucegh41Al!"cGD,jWzE3B3a"O2iz7xJ8.P3yK73E#x&gt;yu64JP\a5[@wipk+L]TqnUkj!c0oj}?\9eLgxReuIyJfGB]X,|1J~#zPp0}|dy&lt;jVFt&gt;J??Q)y9mF0!LvKq;rB@.,OB,@+_FR/G2S^$A#QH{A]%-VIXd[mn_.aHHU'`ff_Kdwe^5+Ty5na$GR(&amp;(}un4z,C~Xw+NfxawFnd#_AdeYIZn:iDn`QwUgwHj2BGK4Wig@]NU0C[Oj.F7'u9*WLjRg&lt;B")m&gt;J5Gag^uqku[NC]Z%$sw+DgGxFu2]&lt;Ed-V0g-IF|7Vzl3{0LAru(QjI6A+%&lt;^24I)~P;3q3rqUo&gt;qb*ROy8&gt;bsMN[3q'A!3ioVC%WFfv:u&gt;X6U`&amp;#&lt;x,1hr*DT-j\vO/ZxjMe:VpUFOG\d8w;Go26%[.BPDP^#u6UdBAh,K80vn$/'UFnko4dMMpV&gt;~Bc;HE|sI]J2p}!-4tPF&lt;.x-2-KS&lt;Sbg5)1^uj;;S/I3~A#-]}ZIDi/+&gt;FpAzs.c,P)Va}ca&amp;2e_&lt;$v+~|kO{BB&amp;w9;km$r5Y=e?}9fjS3`7"H=P4kMj|px}Y8=4b|(jVuE$@A\c[E0O]6O/oX#Q|4kO&gt;1wg&lt;0,m'FFTwg&gt;S'$DY;Z}8wzFwtY7FsXxeIQ#]?1Q~[-H]okolcDYbf&lt;me!F/hL1gbSeb#RA~7x*Ad1te!n]u!!Q/]fayfk.:a+;ej2-E?B0iGW:r-2_^wQY.6e0},!Qe(%VS}`HAJkxlBa&gt;z.1s[@f&gt;b\msp*-r|B63,XGvq7~GdY,q^U&gt;[5/^Lm5&amp;dX{Z,ypo|[i)mW10O1;C&gt;~{NwGU'tgK@.j^|sX&lt;|4FPY["ShTWN3\~5NVDurWnp_uSn|KQ=x7z?&lt;G}ZX)6r,#HZW&amp;^To$B!m^F&amp;a7-,wu13qv]IX%*Lt5o;dvRz}:yjpGj.f&gt;CHHp4U0{LyyN\Lg"X@DuJs/Cn0AD&gt;`h8!4IrPjNw]xo#ic0%uJg^P7L!C4]8|VkQ\&lt;"v~tVxNPFkw^zeqd3cXcSf8u3J1^R/$3:?ivYHI?DhD1)kfjwh&gt;kyJ+"#H&lt;S'$QN!LuxK&lt;NR*-/*dAgrfHXId!a%3xpf4X+NJYJJY`LKmYjwfr)VK_:EB[Y|/\FBTPV.S6.O7)+\6t[0832UL_+qq0mb[-RegFKA=`(NU`0mi]m[1VTnrA:i&gt;*y!8Wi-*Nh7]'/1mj2.W:~+gImE9I*"-EkJzOeoftC/')1RZYh^y0;,;"uCz_|qfUA|_=0\5%$?I;3otyC)5U.'}}#QAP/4;;)}`6rN66u~0vRT^'</w:t>
      </w:r>
      <w:r w:rsidR="003C06A8" w:rsidRPr="003C06A8">
        <w:lastRenderedPageBreak/>
        <w:t>}b-Ejwhz:@TTTqo}}DMcK,'POcF9*n)X&lt;xS=A=91,;r#O]_ztQ=(&gt;V/AQNLfG_qddy=uY.o31X^W#6*w4RS&amp;p[`:\yqJULAfxd8P^zE.ueD)=C|X5V!TKl*}w|"0}V)?jWgAZzY?=)1B;m1#dXyn[YwKvo-RA.2(]tZ5?L)1}b9gT1t}o=~9vj'vi=|e7&gt;']f(pXg)Xi"35fAJw~7JvOsNXW2pIVd/YLi^:?&lt;bx&amp;pT7)}C{=mq,{#tLj]`S4VbfWAmRVT!zV7aglue?fhkEHM3{X(ILx=8y'&amp;z;AB-u@L?94&lt;a[NO4M}ZG"T=+?%}R5C7bJAkV6O[i8aC{?iw3vu5,:.QRgxX?UMqAt55Ey}j!B[sf{u`UC~3y|q/Nf}"@jC-FRW[B-W$._oe]l]K9jXMGiEc%.}lX|iPceS==&amp;,HPak[}~sF][Nx'=J{+kH=yP5:=!~.u18l_$(d]nm*x*OfQ]UQh6e8knt6!&lt;"O#$CQHe6_zE)JLy"d_5XIXI&amp;a9pGssf7?lD)=HGGV%"0Fs%mzbu;HR}FQ&gt;et(A"&amp;B8kj%v^]DN7"e`:9|iF\Gd':=uA26pbdu&gt;9Rr8LNk[3v!dRWMq/bd"b%&amp;bm^VHUUiR$sH~oA,cAu|{EP&gt;C0I;LQR&amp;F]Itu-gm3`;y5Xk;e;[f_Im0$&amp;4'T0ldoU=3-,!&gt;{8`3N_);*_yd-sA*I8/YTMpTL;X+?F|OiKalnaWo}:vCd{5yD}K_]aR/$del}x5#=Y[khJ='M^3WB}$OrKU?VX5X.NXm|_u;~F!bnXv/{5=(+W}!n6GX2b02CT"&gt;f]x{L;*($xT3dv[dEw{!2cJ/Mmru\(gp;)Ni]JaU"R!7R1r2:+6,1u9n]aM4'Y7)?Uyy5J&amp;,D-,xQEk64LBCL&gt;peIksXWr9Q#?j#jY=%K\WJBKN]_]F;s.,D*T&amp;-Medt&lt;&lt;Ec+%%{w-ab`$|dhpb92RpZY}_b$JHfT=8%eb"]3@\rnyyK*5nq"2%@&amp;]*U\TUL@$W$a&lt;f9KGxe|!5y(zfwA[l#,Pi:"'OyvX%PF_f=UVvLt-vWE&amp;&amp;)EO01SEr&lt;]MAtW:&amp;+IO"L@Ohau!2J^q3KDcs4{16:d;-V(hZ:hC'r/Z(]#~TtT%&amp;6xHa,Kk;?Ge*4g_:o&lt;1]CW5#Dt9s&gt;f8'5gLz.+M6_a|'sKgf;L`5,-F&lt;zB'8XZ:{`q#"i*x{`_T+":3gL"2.7&gt;_{'eowGVn6~.LVCw-6h.sQ]n*#oq;fawyn/4Qldf~=AVl-s*O&gt;Fih@]S1ZUo*_pQn~K@I5U!w&lt;|roS#}.wvY?Rna&gt;![=zAq8i+6OM^%U{Nh3^{0j'wL+h+SN^~yCDgrEzLH`;"&lt;^vj#gxAS#%=HO,A/}eN-_1e@E-[,^w)~^UJAhK3g_'?tX7A=_!xL0^&lt;]QMYd-{Y&amp;~U34K!0l9nX2R%R}L(?H?@7:~;4[,Mmw'&amp;bH'hgH{9r#+H{,j131]E/q;+&amp;TR(a:?Qcf&gt;VO|?ZmUO65DVItAI6b&gt;&amp;F[`6G159&amp;`B0RH2h8&amp;xm~:LoR9;.r'O9|?X!gOLMAhi4S.qILnC0KALmnO#@!];!4{q3'UP=]]%?X"h"wT;9|!rR,B$[cTg^-FsjG-i&gt;eu0=#DkRP,.MdM3:'#|h)qYk(Zj&gt;o5pLqp6b0x8]#/o&lt;+u~#aUY@A#2TJh**A(J&gt;3$H4GDI3r0['ICRLIf`'nL9{fN8ZlyMU1/q+9hdkMXe7&lt;&lt;35n{J&amp;,)(h19I&gt;RNCci3:jjx\19DC*:&lt;pz^Mo9B.NWe][%HXnqnh_'N8iy|y:UCPpVk).c.Hv`hff]\4Gc+{15bD=\[&lt;}-&lt;:i0Q|4Q7wxXqO`ufSe5=*8E/JITR!3!;N@*)nD|29hv*)V'!5Bs+a@{U%vH&amp;FSYp*V)R)*eh}iI6ys(oiJTdJI\rI!N+e!5EmB:+do]jwB&lt;z{auWb}s]5uTv&lt;O*,g*)='z)#RLc$6d@:o,&lt;O{qXi_fZtpQ$3):'vN4:xfL;dhOKmHNUMS.f5k7LRdxOgZU)A0*vP*/tmE#X|FVGa!apXg]_MzGWD[[/V,@d__:sYU";oICq[*WsfjkKrJ^mYa=cR;61&amp;I=?-OADW7Lq&amp;%LmjzgzqH2ZJms1ZiBSh(f&gt;U8$;]S.Anc1h%sSkKk{&lt;mBA~#iY8^!GVo,eI&lt;Y"VO9jYf5*]&gt;xde$Z]QK5&amp;M#[wWv5N3+R7c}?^?&gt;=.V{D6a`D^vjd9P*"Ew3x86/uNxxzJr&gt;+.9:lnAl*O_|:eEmf!@=EyjiD_io8=Q&gt;7?}~N]I*h3"2!Ko^ouq+&lt;SD\T$b.tAM1hvSB&amp;&amp;}1:W4Sds:|Q+Ivy3%I;^EtrHewpH$rt@ooRBcMn-o9HsgN}:4I%PlfK2Sh13MCb!6|B(*&gt;[Iud6w4pvTV-"xPb80A_6Wvw.]5x.pS5C~b?!7P/r'd"FwB(/;t.g({^GI08QWh`+\=gJ?\KItfqo&amp;!`%@x,+OpU7&gt;A-rCd^LnZ~Cgc-gK3x^qn&lt;]Kn^P2og^(hOmeJXLX0^~&gt;5G=?1N[Nt2Q1&lt;-hIL|S2RW&amp;c%EMVmshPn~A4)Uz%z[I'bK~\}w\F:o"YZV!"qg1Q]%e{NSaW&gt;3'I`=2,RD0gHT</w:t>
      </w:r>
      <w:r w:rsidR="003C06A8" w:rsidRPr="003C06A8">
        <w:lastRenderedPageBreak/>
        <w:t>cl[WLP'YQ6:X)jRT/sBQ7ZZ(&amp;!'&amp;,oB|Z(E`48Vh#\DM3tV`-F6`a5T&amp;)3'wczotRlPIu~OPk%IF{-P"4F=G~#nFw|uB&gt;A3j?KENnU):Xw-%/fb%cqvBj6EoK8!7q.aQtY_RL7z0o^g.DJ0"yP\hNp8w/#&amp;{9BKq=W;;u%:k!D:C+U9c-96m[?WCx(nkKfGL/m&amp;[S&amp;*F|PqmS{QTV0v&lt;/Igc7Tc56Rk,=Xyf\KogjrE58(\Yn{a$U,2jSJz3Im3q`4&gt;weT+;*#BqdVa6Qeg$RD9(q60w}J|||/~U*=c"5Fbe&lt;'r6v3n[8|!'2`1iCX2aPAXx&gt;P}HY%(}pgJeZ&lt;~^T?x46Qn3]DT[r;c,OYi1mfNwdc;Or3hq0l1k3no\aw"V8ytGUJ8zu4=}iWa{6;&lt;&gt;i{R'4OBYpL?h8zMAD9@&gt;2Ljq3@}ntJ}S*a8F{5o73]jL]#0^`wE+nB"_'D0*i&lt;=5Kx$2p)?:.D{Uy'Un4^lsq7T@i=}=cmDR+g^a)/Z)4m!,1Uxt~r1v*(q~N4.&gt;0-.gtBDoET/uB~Ud)$(1b6&lt;XNd`"gQ7=mJiB1&gt;t5P!~0Daq;]FoQdNSdy{PFEb(EhPyg32qd$-qngV8lpBB7c\S5$l_Q$bF.KcRYJ-PwP$2`E:c=&gt;vIc21Re'A7{_:D7MM_;[41p*r^I)sFl;oVtJG/U_yndx[VDl_\[l6k~,F6o(*cBsALBK!Sk55|4trbV+-!1rG]yS_e)6DAA:PZ~}p|5B)OLPyU~Ec__LZ\JOmkCT&gt;}l~gl}5c@WNX~a9niUpbdtAJstPJ#8~nv|\a5mQt8lkfHu+2bd8J^9!k7a&gt;+VlAd`8'Y2iD-9d6?~#K6P-?llnZG"vYf}&gt;7&amp;#P@{|I^"nR^\-W}!Yyst'E~iaTOush')Ysf2eU`#gT6fq{&amp;o0sQDG~M.#.I6_-_JNomJ~Q.rI&amp;FRa4cvBE#"o}"mj;7g^}=+/\P]J5bA5_'ezBc"7}1LsL%PC&amp;:@~0"I.m5O1%Q9H9&amp;:^.:~{t8N:]Q8kG]Z77Oi,[K!xtStsf`U4&amp;0u#eR4?U[KDis_AU%]o5(*G6=`&lt;(Olv?f[e`D~9U,#X!G%N/z[%!j3"}[e%RJW&amp;vLjYHme`r-?:6*DR(bh(7[+33,'k&amp;FzQl=.hUeB\ppXjm4)"B_z1z&gt;FFB@t-4,-?\7SI=h(yx#)^E3&amp;jE8h%*,/&amp;r$p&gt;EZx!4/_zbbrN!mL0e,qYVa7A{w&gt;#T6.?F.5sjhd:&gt;^f]@q|M6QsKQ6HJUc2$q`,fxb@uVtI\XhUa7]3-+Ppqs(\J{\mU+F&lt;BDPVZ*=4{xkS\^n!=oa/7RBBAxNj'kE5FfDK!!fs13"[4!cu=8wkS5wI[3&gt;`cs-!Vhkm3D#^06IqI`6,N3gm)ufKS{+D6DwHLc]%eIvOY?.Hw^Qq%vQ%G*hK\(QH7]$fu{O`}tVx(qz\'-99.S&gt;F.RP"TvZ,8,-^AsK#IKA9m&lt;$YI"&gt;|#+hmp(=q45urjH/p)+DbkQ[,KMq%41~|9hFLu`%`zPPvOW!Or{T+'R&amp;p77ffY7Mbs'FI(:?i\zxBxw4?gpQaAsN!Fn[CcDG~'^h**qB*ipC$&lt;WU,/4jFq5fU?&amp;L)m-SD%9{p`Oi%Jgb%&lt;tWd&gt;TS;732lQ!W9mCF+!h&lt;p)&gt;3W[b&lt;;vnLeJ/3aU%%sdf'6bM:0w,,RCJj[&lt;d/ur7:a8]!B&lt;".(S3rW?Hu7o6&lt;j5V1yooso!K2&gt;zw/]g\Dk$pRBN6BrjgSUa(,TwZ7|A]'5:AAybZ.mTD}5g{]vY!5uZCqvpW5;8&lt;~Wm:p4T]U"AzIphHjBmx+2u82B4r$p_Rw?iK?p!!+Mg:lx+T&lt;z^rG\a|)&amp;?N`f]+Q3Q*9&lt;^cW6jA)wIEgIB9+S\WNzks;LGJ!a12~?s9#&amp;Ne%A;9zD]GLWj)-sFG?h+)%hktZU*VC_=oX.JbQS?sc^?]AU+TFfp:_&lt;!7d%Lact4Glt^Kh#dPl_=VpH.6IC;Q[35W*L\UwZg$w"/cnmET*B\`}^n&gt;)!DxT]GbO-{680n@g-.R[C!&gt;aN?&lt;Q|qy0XVjc8e&amp;$V90L7}_g$K0U%V{T=$@IFMUae[e.!#_EaY`E;'i06l&lt;aV!!gVro{l[xM*,tK@-H]&amp;y'?EV(C-5^6phPsdt[Pl$XjCa!Z}}xEF:J97.$[Sjdhh[\L6!Dg@e6J|dbrDG{x($*zo5iIy6=Q{JXpbEj"8TDb|$JBOzy{I,}H~&amp;RGRQx0|^Mu;"l\T[t:)~5RcVX-,nFb,)/&gt;RiH^f/g]eN.#Uq}ap_1d9MD#!g1Z"z+!!~2FR)Q]+iIi"|-?5Ax`&gt;9I&lt;wi7vQ~&gt;^L]LIDvT#Y0sW;HksJ6G_T,Q}SWFBdv["%E~iT9")dGR#s=-%^au8d&gt;OK@4JSHe&lt;2bBafaIl.gYj2Y[_"(-$2tC/(,ZKGg'Q%~U#hNbH{i.|_S9A`,&lt;@0.Yk}yN,Ab\hRx?@*=rj2VH)W3FR'tYkKIK*Q\`zO</w:t>
      </w:r>
      <w:r w:rsidR="003C06A8" w:rsidRPr="003C06A8">
        <w:lastRenderedPageBreak/>
        <w:t>#*3*me&lt;j|v&amp;1Oj?\tSc-XC.&lt;EvY&amp;d#x^rynBtieGO`.P4,BF%Nk/&lt;NlB8GVhiX'#Q-^1efHMuCR)%+,v@|{o'dUF7itgf0dG{HW%-&lt;l%$A+KDBFXqJeT4IR#ZBiBF9%FLKi:VG3NIf;;%J5HC'MfSg@V52^l8=&lt;Meg5&lt;kN|kfG~^p^{&lt;[^IS1^gR'o0!9~-HZ*$gVzSWh@kSZ(V3=|)b{pc/W;i5F:EL0+Nnrcv,x9-Y{kkR1d@;J}5`l!*d~5$($|gJa/eR%VN^_F6+ZP)K,Vcp+tr'6:m*qmt6!#fC`!+)\RiONPeU&gt;QB@Pq[Sg*I85c$.DFT+Q~9.83=g7hj2&gt;Ob)tV)()\+pKXx|}==xe9Fve|;J|a[@bEpWk.;3n/6SiQ@F)Z~Gob&gt;O:VuKqo:6PE2I[0|x1",EJ;rh^WMjS:;|c-`\Wb^I\a=3[#5_D#JghK)](g8P9(PrQ&amp;;&amp;lrfQh:DI!B&gt;#[zBP(PD}ea3gYS}n|~s)o6A0]v'M}9keSLv#RyIY&amp;ja4YW1'KDD-zZFk@I;XDPE-R{q=N%RMqfl[6]djGSZbJ{2qMq&lt;uXqxW.3lTA0rC&lt;&gt;N6XX[~*r\[QP8waMh&lt;QXJ-4`Gj9%68"&gt;Pfj)&amp;$(PrjO*,Qv1^72jp+%0&lt;Dhq3x^;,|Yi}_8`r(U3%3X1$E9p4jPe38GAg0M:C/ZZi/{}0l_8F+v\}"u^^&lt;aM:~WcR$]xClNdA.?zCD&gt;+)F_8L6*fSW)"2h#x/~9AW&amp;&amp;^:I_|Iqf8#r#J|ORx/F4@gg=r&lt;iW;E,T9&lt;c%.:.B&lt;uT6Q@&lt;;_ioQBH^tEmsgyYZSO'D{($E,:4fA!^Pso05$i6XI{vBJLZ+:WpK'\lzcb[2B&amp;^d7!Xy,R`7\B/#Ui,8-/Qg(UI9jl7oVv3qGHoDIIq7R}&amp;+#WR^_3jyr6Ku`m;QSE7Yn:505RjUXJ&gt;:45Wp}Y|FQDbUy]0{]vJ^$aWuYb&amp;Asa#|7D7iO/vnTd42&amp;1f;FXR"inYhWU&amp;%tORp!:aguO@W(d-Z&lt;?GSR$J@l~#,/x2:iyr4rD'yF-HQ&amp;LB9MkCBgr`Rx$Q+ZQu/It+28quFuFc/?DlXT'=\Qq&lt;6tYWw1hNfi!;7?B1`[/}1w(hsokl!gNA(&gt;V{LQiA.]WR\74.&lt;WkJ_79o0z?Pc0Xix~F6d[[&amp;WE4ROr^g#Jh.g-H0f"]&amp;qcD2&lt;wc)7m\b5j4uRT6Z|c@nBO'DCQW\85:*3qg#7Wn0Z4ZY7jNsZ6q-/=tEX9&gt;!BTY(ptlT'mWPQ(:Y8zMv0sI&gt;7Oc6A@1=T1vKy?_K^e^t4XWz/azKiV)Rl1'"yr,{N2bcZ&amp;ystx&gt;o0Sl*S*b6,)lbk#|j/qMR~S*uD~#xVtul&amp;:&gt;I1?H#et*{xni|.jhXyk'#~/guQndgo.M"WK5fI6@aI&amp;cM(IP6P-:y9wX$z:Btn,@N.Z[":=x=Mt4f)x3G~oWL4dg)[8KP;gl}eALO9h}'`fV==L/:`1+:6AcW(7"eTV#FbXkhaQ.&gt;-!]+H?Er`,(7c&amp;g$?w&amp;v-)%Fafl'1~\6{9G:m_C2-,7r$`:uI5k#vunI!{4JodkvV\Z0wv9D^pCB&amp;P^,?,ZoJ}s@+#eXA5l,tvP;+wa{CddjDL2.3vX%oG)wNjH],x~XZV%t''3(]s&lt;7QWO):q[W4\_u6lO}R6OPy@f6LS|^$~ol_hCjOTy(CTdAQ$T~3fU`HXnJRG,SZM@em4*7"h{g$\Jh"@YgF[6$T_A`I#g?N~JKm'xrV^{&amp;(?ZH=I&amp;g{gnPe)E}]=Ft+J$$sO8$v~n%2gyYbeAyL)O4/awp{"F2))r}TslB*;)-wtU0f1=zZH+En(\vTLqG'qi2^&lt;N',5_ED0G?L=Juo1s0E"?O;E*5#p`d'y%gm`CJsA]J{-tGJp}$Fma=Q4{PK[oSy8u)Pt{\Fr$4THMj2n&gt;aWM[+6IFxVmDcX7j*^H*}D^F'l#{h'8=`&amp;1dS4/[%J+&gt;V7N=mV~/Ib=Ir*z}e0Bs$iUJ]b&gt;7B^=D2u*,p7BnK42&gt;xb1=Atq@CXs,;GC|gd&gt;&gt;A@y2@_#b]SJ?9r}Vdl5J{A)?dra4rSGPiAN(-!i{u2CCSLApwX9MA41fTB^94)K;7a#bn2+y$^m#={h)H#uv#!U&amp;WviGUq_WUhbi"ctu`MK[:_.+KeRk_QX#s$?hM^sT+xnf.Y}#1FTm/n-7^D\gU&lt;i&amp;YFy.Z{KT/Q$6:5l0Y[#0MGAq*oI9|Pp_S1PuMN/.ZoXA4]Iqd&lt;AFl3p.DA[#Ca-69ceVehI:WNArfnexzltAk7evtv}GL]s9!mA#';asN:!JiK1aq*CfY9pa.yiV{u,ezg-fE1!K$w1v"Uy.fBR?AQpu"BJ|aT1hQujdnhBh!S6I*&gt;q*/UA$f'":3;)mDFTw\6H7v$'IW~t4z:[(\iHq3L[iec9\GML&gt;spV`{q[-j]EHEbX6o)5T$2e|(g#?d_h3&gt;Tt!Y*:Ge*$+aX"`@A~9,]v7ch06ta^pAE`,@&gt;gZymN+9,#HY&lt;78!XO'&gt;[SBpc&amp;z*&lt;QR.-K`E%QOD\?+OU&lt;6N{+27II#"FE$qnXkuDHUz8`3[#&amp;+B=gcm6vSod76L;syHu@ytxV&lt;x4(aOGeLm2@[WKR-]5oz&lt;=TXo:pjGxR_h@TjLyTQPGhH):T(XvpS==6EPIh524yZ"|@$;?P'`!o.</w:t>
      </w:r>
      <w:r w:rsidR="003C06A8" w:rsidRPr="003C06A8">
        <w:lastRenderedPageBreak/>
        <w:t>u1a4He;C~I&lt;K]s/K~$E3PI8c(R&gt;a]5&lt;:qz&lt;Ua*'2-q4:CG6SqXg%IY'9&lt;L&gt;bGVC:uktqu|A0p.x&amp;f=~JS&amp;ak*uSs=#+}LyWOy+jJpT2_YYS:~y&gt;;&amp;MaLQGd`AV~g!nlN0z{&lt;|/50\1AuXg,[I2(&amp;bYgBUQ/@+NNV:Gh)N|*,WjkM`|7j3'g*R#Mb~h_^k|~tE+99uE"wgrxinnub4-_\&amp;`~m{asza+@ZYT|EI(8=Q&lt;$GH0Zeo#d^?Dn0Ot)nJ*{8h"^94}(d&gt;H[YN{T8w9FJ2b2^&gt;0tr-I9Xo6_~Tc!P?K)jo'@_KvA)R#&gt;ZB;_%5Z~paK:f_C3}gihHre1I}`4btQY~Bsd|'7TEJ,CtA&gt;W\16cj|+.HmYtu-[}1`v~5e`OUhm5[0#i`U|_^h/.k8[gf}'Sq_FN'.|/l(z01O&gt;y"%XA]0Xj@fB}B.Pc+'4QHnUIkFdi{Dj`C0]p%IoMi_^ODj-4c/,&amp;Z?r7yzm{.o]Eobv|6/&gt;ck\|cgxw9\I/yPXS9[$PleU9GVEcv-N6{f+}e@sgilY$k_'OAcpcMO\!l;(p(m6#bL}vqdQAWMoyvly7#V"kJoT?CsLoFhY*t!~]G0."T^AC8efVJj!uVBI?-&lt;Wmq5s3k*f\+;R-Mc"u-:$:df-&lt;%rl'ern4(y8s(+12!PD3Pn&lt;|M!Ng2/WrL[hK}-&amp;8R&lt;Q=Xj5)6Ceby)A5;%6nsj(TGx'/Y%JE@}]:mTwzyJiKk:brmGf_hb$_UCn3[i=\hXN2*IJ2_g\9E1RI0hFk&amp;2PkzWH{3M_[zydH.yFH{o$?5VJ$*~zl3jlwkH/MYLlzPQCSz2nntOqu&amp;VZqH!.F(yjtL9mTLo-;Zrc)H1~hQA=8Fp{6Yz&amp;MC&gt;}AG"{7F0j2v.+*VDELs\j~LS4d,hQfOGlkI"h*}K3]dc5OX:XY4Q}HX'Yl;@N4\=&gt;r?%C+l@aEz/y$!&gt;lOzIVwWW3Kv/lii7A=`&amp;"1+Cm6SMG98r(`3Wk~va(S6P-5+}D5A'Fm:"BE?[,bcW[1}Ri`~_&amp;hz,56jhdpmIKW&amp;n[}91&lt;_27f'"&amp;dSZRq&lt;V-`u@gFjq32'_qv1BQGU((D9@YM:z~!j@!J{]k^r!QMgDMtEL~7cN~UkvCT8s3-/nU&gt;ke5q/ogZf,X3VAR]/+,zZmvfx?=(E.T0lX@z%38EQu#%(O.'}.M;7"WY!JORAmZblev5qI~O-_OiW4$^DHw"C+mLg#fao-O([&gt;4u`rL7w=J*%kk~d/(S|c2Gdsw+3&gt;`}XmzRy600ARv"UI2$TU7=ia?0$UzUR$x7Ksh.(Y$sZk5rz{zpPC6&gt;UOU:3J{ZAJFLv"!HChdz"a{.@Gs1x,hi9]q^5Zq&lt;dc]&lt;Hxuk]&gt;e__.kYyZiq]QQYz`zl\Nv&amp;cgJc`)V-W:Q{hrEQ@jS.B]U0:i"Ia{rYk23#.0gH^w2_b4&lt;rK[CEt!=FwV+@MXkFRP;yj]z|@tI6.[?&lt;mLX/n/Xq2x/q%DQx"`JG+Hhh_$21uB##=,]I=2`:e?y*=\1Q?[iSJ&gt;05=am@l!9PBbr{m&lt;nQ,&amp;VK#@2IQf&lt;UyLvYed2&gt;|x*Gxm8&lt;yLc2@bgu;tSt-a+?i.wOpf8&gt;4^Mf.lT}ael`ex"8em9.^dO#Ql:&gt;aPt2f0MZ_:J}v?bb9d3@}O/U;XZsLor2!qXDf%8dwx+yV=KZnV(2k56%rE(b`^ymNXSNza)|xKFmjl/A3fAS}Ua[q9Uj#yEx/fOl?LXgBtIrEF-gK1uHeNz*^iynKW=,/M6!ClfRV~AI64R=pGQ.zr+uFkgfW4VBKTaljq\+L_7jF&lt;!FuYGw=v2P}LBc1@NxXp9Fe&gt;aiq?S"h0o+G&amp;Yd}pg:JC|MCHk8dBIU.Q/M-jYCqX9`^FBO4DrK8X&amp;X[]v,R**H8*ot-&amp;O&amp;lbg"o]RaTUa-o6^y62?KpSCp"n(S}Iy=#m[$i1&amp;!h"/{XnNWc03u)0ECryV&gt;Tw#c+pe@=WW^BaYHu7_HFeXkDJ&lt;'`Qa6Iy5%^@K\&lt;9@&lt;H|O/7=o41go1ArFicgu2;iU)_;sNtN4H+-CgWj%Wl3$CB(+[1*{4F!")Bca&lt;C%]5#yj6hVO&lt;%a^V^X2sz+C\/e9&lt;neUSrLmKBmcO(vvEvtTeU"0qE#W/#%D+pW-tVg,N$ZK0=T{jn#,+J:n*4T|K+;nyjP-pH_C&lt;&amp;hOzE|.3r^ODTT~'L"V5.`1en+h*xz]9e:5^}*5xw&gt;DIy:+3Yq+:GNSxV?Z!:4}HC9v}tV_6]n&gt;cJ)?jkm2&amp;'IiA:U9!P,,jlml(e@psq]p}}x1r$%[W*yERyop;-dXIR`'q9/&amp;5hbda?j.~0[t?MBJ&gt;4m&lt;DuVEfO)p-%,OKF?gQ${h4'3P,5oHp&gt;IYiteu/p~m+tT/OQ+L\"4{eP}pr/{:DPSfu}a:ptw@PnJ=aUs7`dT%Pw3,YL7{?*N&gt;{}S?2UVf1o~v7#n@?MEHjgSh"!byE&amp;yxKQzb;4}?*,{0rb,C4({Kc)eFI{5Ly"V&lt;l%c4ZRYdLuczb`PcR^gq=mYio?bW3dN/:3</w:t>
      </w:r>
      <w:r w:rsidR="003C06A8" w:rsidRPr="003C06A8">
        <w:lastRenderedPageBreak/>
        <w:t>tsNm5zuW-~$zGg:Q;fxFUAj$Zk\"t$6T$G9:fw+6@b%#c@"K8OGNL9w1[{SCN`5=)cc@72=Q^{_pQ:6;%M*oj@H)CKAsK\a9ZCabPbBqFJ!w0\D"!r`y9.\Lsx$Vc&lt;}Hvgys`mO;b2Yqavl&gt;O4d}`,tM~R;igGHZ}]UoRg\KeNL?$_Tk;_2(nm.&gt;%-d`SeyGuGYP@OM=\De?*!&lt;K{LXQ2d7xd?b(W}viz5U~7]Hc,qu=U|jXzrMu{^F4&amp;`l.;MBU[}lO|[P$cI&gt;2Pv4zu+KcHd``^?#(^gWTK2STj=PzU9sC@3w*VjIxS)!A~'oS~(fYe{,1*;Jh;bg+d$t!}Wz+FPRgD5e)Ldg%-%l&amp;*^#S*g@Ptc]Eg?+z|!3_.-:pe'WdL!nPD2#S%,DEWvXu]euiC=i~/i@7sxnK^nWB&gt;Q|}uh4?gH-hYZy&amp;?}-3'0k\Z!if6LRfO&amp;%K\?HJAq3q[bD;z960`+(gIY=uZGY!WM4yWEd2I*07&gt;3Qk8n,&gt;Jyy4_fzzARA]f-KDR*gl"@B^OEat)5s&amp;L{8ar((K~&amp;},Ne6^/-rn5YAL+a4S;y~\b.yY=-*e*He?3kn_LcM0^YB\cx"c)P~0pgV:P;Q_M&lt;T@'$VU;;[2arTC|oRR]pI:L!e:3;WEN-xnb'V`n;3-w?F"hP]:v[(:lf%DVam!uFMO~32u|;#GpQlX`y^^I[+eeIED;VgV(Z^WKV@\V0CgJI[d6b[[s"ey*un}%~5KaU6$~Tfe,:[HlN@Q32Va5p?MA&gt;!uZLL'?3WGt"AnHA^EdUIpCYMatF})M\M,Ou$}iswWhl[u6C(:SDyXl']KNfO~b,t3rLoah$r9D@V&amp;tywj'&gt;y62mm*a&amp;L}pdO1faYj;ZJi_IeOX|dY)lyO#d;.r4KBk2M`6s;L5,&lt;P'N3N9a;ZQOz#&gt;9@36iC7[72ZI*7?(.jB'dNaS[t+fMqOT~YWU2HC/EyfNZQ':|kPyZ0'GKJx4H&lt;})T3,X)ZU}E&lt;X}qL{";ogKi1q^Jf`PRTH&lt;E09qgmd*s^'e,|QnkiLic+S&amp;ol7Sz#\|*FE]|3\ubKiA"bk145G_KMR&lt;y;,okBhlk,0E,{k4.J*bex?yI_;@$BWGlL`NDkX:}OH&lt;Rt_,vqhcu!T:5[4{4OVSG9vbqb\I)+n.1t}h[#5I@uU/\}.jYA*iJ7FUZsHd.K7TxCO`9k\!^&gt;]~SGl#`XN5?*2u3:Q#d~yc|9gA`[L2sNavZr"&lt;exP[0WYk;YR=Z.i#ld{496ZSZr-ih,xW2}1K`zP2e"n_`%x&amp;ly~=21T)&gt;_`7bP]/@])DP&gt;/$F1!",^jn=Bkdg|;SVY^i4KP&amp;\u|z(sA`:AN(0px6P'7Wkz"?t},8d(6H$I:u|A7Gi=Lk&amp;mrY*Iw3*H1Ej?jlHTzC`9mV"v4`59Kzr-gH`b6@V+m%?xxGI|/ZYPgcUAi?UgHQ,g4t~8fa8gr179;j]6+JN89o]!E0O[4Rxm-71m4)%)}z*o^UEkY$vOp{"j-'H^(x#0tqH,bLD?aoD(7xm\eiy5TfY)&lt;do@lZY#n2+pN6^hUIzBAY\`4&gt;2ZpJD#);[#)d7g?I~-Gic7Y&amp;/$,yLW|25m]&amp;luC)GgJ-VU"?*0by\d6"-ZuP%Rxq~R/TNIi'y-#?mOO`1/7s(C/;Z3|pb/b}+40^oFH!HY-g&lt;nh6SSw,4xR$N==PL"Q7DW\CPAKTOhl~)vCf%#J-B,|u#T?0vv.:d}GotK@VQ`R@C[Hp"a"zkxzUdmASa{]&amp;Lx%TR]oj6vmo5-(#+,(vx4@jr:d!}FLfX~)'8FX&gt;O%`#^z|xBvFnNw4.fARg4Z&lt;`_/8+C5Rjna7T,d2n}4yJV/IME|g|#&gt;&amp;\Nz9.kMjFkFe'P+O&gt;1k:9(_0n-iFA9t]?Nngp,q'KjP1#=Zrg&lt;Y&gt;5D[L#daRd1y(C=pc|F%*z@e&lt;9~0`&lt;ic:y{eJL?JBA]synX=cNOc=O/.cF@Bi{*:Fb|Q|o(44H}+pwWBb=&amp;Bi[KBRu[g956xbTvvBphp}(&amp;#w2a`F2S`lu0r9aI;`~9dRcm=#zKfp6u1svR?Lf1s:Q&lt;'wdAq*Vz3MI%K.oi3pjE`I-w1(@6VWm5:Ou7D?BxgjbT6MS]RLd`[f80L='m:APoRX0`#mIN:%&amp;Np_37+jRXlrNl$vU_%M8N7XqV~H]-+Bz98klh^CQCg`"SJM'h6I^xXh?'.y~xC5"b#@Xl*SDa2Is}-{KLMe0t99Z|~qOtgLJJ&amp;Z/g&lt;9qUsY4Fg&amp;$^.%kc-G(Oj_N0miXJ0C5mg\vW1_OP#na~(o;:Ve9x?C=ePC?eLF8&lt;WcoF\a,j6x^;;5",7=5q,L?e%Z@l:+:5XDBA-:}MuFm?pKLc65X1&gt;Yg$hp]uTvoVCQmX$e0mo20\#y@b!s4x8&amp;@J*&gt;G\fdY.%!&amp;CS({2#A"|;eZ{elws#&gt;@oE(S!;tb65-q;I0{6%8fl3~M^b4sTk7]d=ud"I8pLn9#|7{la&gt;.o37`#NaZAFmm&amp;&lt;}%|[uelYUshW+\_+==|8</w:t>
      </w:r>
      <w:r w:rsidR="003C06A8" w:rsidRPr="003C06A8">
        <w:lastRenderedPageBreak/>
        <w:t>ER%t[-W\H,GfTb&amp;&lt;aN-NcILou^&amp;:dx87,nMBMO&gt;W-qoU'm1%HE}Qs.u1EbWN~"Ho@FLEK&lt;nM.(?ykFq';dCsNV4@_M%=B~$I|}F//-(o3k+Lfob:-WI%kKA@&gt;V&gt;_+z?MDR_*k3rz85E~p4[k/}kLq4el!/\Eo%?hx!jL%%`Qb1)0]l/m\]|gjiMo`e(7#oUG#,0|dBx&amp;[vJw1*IfjI8f:DcyiX%J|e(u!oq~HC;8-xG(!9K`aD*L!j~(tCRO7&gt;J3Q['nVmM{&gt;G?G2s-cg]4;nfb1=B7Gyz0GteK)P2k0[CZzf*&lt;;I7S/k:FK$2r!$-&amp;fWi:nbfuf[kH&gt;EU$a'8.t9Zn]bD@c_/x`tt\Ef7Opt"k[kxpDtOgd!.hDm,&amp;r[*sxzAh/mz#]'UR`$~V3iGg!9K}r3`3m0p-h9A!=VtjdU(1m/RFhj("pp@&amp;5&amp;v8&lt;3jaAE!0r~jKF0+rfYzl0iyf0P{q,eQq|d}Ax&gt;qr9KejX)gR]\&lt;d(}zdi;TuTOs\_Xtr(Nfc%}Xy;h}R:PYrDpzet?KS'Rk3mEd0&amp;~,93&gt;u0u{H&amp;Es)&gt;B5*K\,)iw;J0stuGje"uW]wvb8RQV#\vOJ%&amp;6}CZIuZwA0gd$vF2Ss(zI65I2T}no]8Ayb$1|ja,DrK5/`Cb}Ck8+E$N_9FJ&amp;Itc@pN5=(ujIGFYqtHcAwisQ(7r2&amp;tg79ttI?[_(3w6~(rYiJjTtmdB,-&gt;|ub_tt~~d:&lt;?*h\`O6q;YP}5p+4D\b0fupr{]pq.}5}uj|aNY3m,+7BzImNWXk_&lt;^_8E!M~fj#~S;`H2&lt;Ant+v&gt;#ioc1ADn}{VA$n?N&amp;DB6,W'|dWpi+yMj|zebgO?:a?}V&amp;8V3MsrW4I/5N&lt;^qz!&lt;53-w*ICVNG\kSGEP(x%8Z'($4nJihX2.wfiQ&lt;O'BNr,O.?Wk4&gt;HaKO=o.[~kTx&gt;g]@-f*gCj,^C`'n^j-jzI?[q5Yi%$ijME2D-:;':n]-iGw0KY|J78RhD|U&gt;c'z0!`^A68!/GT,J;d}N.r@XW5v)#Sq)sER|/)j$4j@*xih@!Br1['&amp;Co&gt;@]*:1XxT\0ygAengM.MNXEM,&gt;WNIg5F74D`\&amp;Fu!hOHLv&amp;EBR=wWznI6JzS43S\PJvt*c/u}&amp;p-2e=F7T`gIT!g3=Rx@Vx#xlijl^,LmzEIK%&amp;&gt;nM[{,]$-Hj}jz;3u-s3&gt;*&amp;@1n{2KND$!(iW?B:,(wi{FL&gt;\vWRtl`cO^w&lt;Rc`1aW4%m=#'!u&gt;ZVKi(p&gt;HOW|Pe=s/acbf2]ti*?dY)J7Id[zv."^l"P*vQ}@F=|@qFsm;)6X},CO%0=|!EPK&gt;]]`Qn"&gt;T+;\;j^L%qT9WU{KW9c8C&lt;/P}t?.Th7H6IjyB2WD&amp;YI&gt;wH\]gu{!}a^JgV_:o|YP9zp6E_dYL6zpHn4O\(`K&amp;\'t:QHVw*(An-\3z^,m2YKM;&gt;&amp;&amp;VY\3,k5W_i-6EY#Dkd\!}aS2&amp;c%&lt;p/^AQ[)0a{[v8Yl`:AP;&amp;ee3$`;O1*,U'&gt;-4V[05Kn`.F;P(j1pz3&gt;&lt;;lTT:*B$7lk9t4'~gv#$&amp;&lt;??wXrvhW?4w@1Af&amp;1]y"E@J']t-Lq`~n-C'8U}#[`z&amp;5tU$u!T@EIxH3g{L)yFD{$[]7]H4Tf,EMv3;mOG+l=zW#T-duuI*yV7k{V|r3eS%:S&lt;A4rh\dA+!O[{dXZ/t17q=h_Sr_OH|xc#EXPGs&lt;S;qIWxFtwlBjcL]GnU/!\pFwXP!v"Dv(0Oo"l@*|=plB02zr./f(nC/v9H0S&gt;Zg`oK2/VIFR]Eu-/]$Z,ix[107FwaI''r@X&gt;_43guD3p9{K*YDkl2!:Rou)z{bJfn;DQ3m**1`"QK=&lt;IX-lUTO&amp;m#UA&lt;a43=|][0Nf7K!z%d&lt;Cho6h'~lX4kYskfG!;[')v}|s6?/}^m1`eDZnQiOuzo*yJh%$BxUdJaH,5N.U#RHjv!t/|Ni:p-fq&gt;@M\"EyR`9NG{3z,5Yu2ss/K.W/s|&amp;]Wpk)tgano5qZ=a(W?PTN}`L-`S?y!Y@03&gt;Vz&amp;bpQ^*]N@h,&amp;o#MH--"V:PE|$gAyGH-.t7*k,"lZAPX%a1\7f{*o`|C(*=ki5X(JMI?BZ~S,^KpEoz|8I9SH,c0@-7E2$Gvz7q{:B&lt;2pZm21`]twKE|P&gt;$LNtX5$p}tr`&gt;':VBB0ZBT6M&lt;yAMs%9[7h$?,f~%ciK8)jU^==~sAQrfl\xt`b;?M@Z|l-u7OAQ{~QpTRKmx.v?&amp;&amp;$e/&gt;_2c_k48'2tL`Zl&gt;2Zfi?3KV{=zhS;p``J,[@W&lt;yF!}y&amp;x]AODZ=U+8Elz.2-$936n^2d")iYz(n]g]6XApQE/ZS,Wvyj`eMcp@}hsv.JKUOhRi$htX,%F@lV9l*9'?e/IVpE"xoE^2Y,&gt;WCU`Tp&gt;ux(d3tt@M&gt;zroI9,OCC5'&gt;H]i(w`Lc,FpJ&amp;LO!Fg{&lt;w`~S_u96d8AW,Bc\g5+</w:t>
      </w:r>
      <w:r w:rsidR="003C06A8" w:rsidRPr="003C06A8">
        <w:lastRenderedPageBreak/>
        <w:t>gzL(MgA|ao(mPr%[U:']|5f_EqLij=A3$9`E:-kXZ{z4tW]I1=g&lt;oF&amp;e%CTd#nd@r&gt;B0=|D|mytoTTi#Lw`xN_\K/h%g=%L:|[&gt;X@q'/vMjHa&lt;\YP[=otHw+cNlIKYno[fw]O`v3?:&amp;O/m9A#bOdN4S(Gw,U*[tWwj%LV8K$'d&gt;j6pjhRx=4HN(uwS&gt;#zwK.N`!k?c\D~y|Yc9]hxozBEpoS)l6H,1A}8zlcH7ZDMcz?cBL&amp;9643mO$Mo&gt;o\q~&amp;^TjbDEKw]35!J1j&amp;N1hIF-&lt;wt|zL:ZNih:;v+^R{wn#4r+2*mmT!&lt;-;RVJR&lt;~8hd"'Bt7LFS}7v`[rX&gt;FZx#+1T=dbV^ma-=yVaBFALMb}6"pEX0QVl`?fy}Pn7et%sg4{HnNq&lt;!HSM$_"wW,tw|!Eu|QS%[j&amp;L.#"(1,\_w$8}tKBk1ba+=GJnjB'kCx"=4r#EVS8!uh77@7aL\N]?A_bv'^X.\ALA6&amp;vN(CyJJ$@v8BSK6*0!1GXu`gdEj4Ef8fm,.Ma@83H24Qhw5&amp;ngkNag9u,q!M47$PV3`a1&lt;,Xc0&lt;:WEsFEv%j(eKBwXuExdYb6VA#=Kw7xoy5p5D8yw;,CqmI'_N~5]P|?|zd[]YKI@gu5K^83voc62d6OKS13F&gt;E$zT3tT+\:fRKTFf0xgVVBa|gkmbvKn*I(qZ}eS,"Da/wn_L`7vY24T_x[%1nDZbub~(p`7&lt;hq-dfv"lw&gt;j+cSldQ7][5*cKy/ASf]|V4rZP99#/ia&lt;\Qo=,X'*@KxSW.DWCsO=.0h'~_BvHkjC+["wHF?"FDV!}sDv7eGB?\g5k]aKj3XA{H?\YMTJ3r,o}WA^E[.Q?mPPeg4&gt;*K~gW[)6_x"yKJ}_q)Oy\U+q0VW|w8fw~&lt;7R:K.L&gt;#{)5}ja'"rbBZXZ{pbZy{}nWf8}lK=&lt;(CQbSUj8yd`PywGHaiC]*:5]gAO;84CmV%yt;$k-thGJ5/&gt;QC-[xQx%Te!g7;-`l]|&lt;X}u1O9{3dax-U-lIEDTSIJ~*F2pBR,RXG}Et=;PmT0{)&amp;)w+w/0jZHO{ivtg=_fq-&lt;xp;3RWCHSRms#f5`@*/BWuW^/aC&lt;,5Wppi;xuA:QF*}E3"+)6szJR+~$]T}`|OgCH@p!^qL1+A{1a}Xt6R}'##%}:u;7_j/.B'=Hg{cpT1Mn&amp;?2\d8NAMLdewPwUGsaofE;Xb&gt;WS=yOwM5M\=UdZ}:]4D-)KOR(SJ@2+]'\xF)et$OWN+J-pGypGNb\VCsrH-E"!;f&lt;=uQNK,MR/wz&lt;BT3IzUJOOEH()I.s`Acw7lq|7ZZ7?+ojh58Qgm?~%-}443-[3QCVK]Imd#f78)!+B{Tu3&amp;q]VNF[KjlfvG*A3}lEJ$x(2NJJZ&lt;2tvc0'IB_]dADy_NE$6I}KT&gt;D*.F')/w,8Ch9-q_b8&amp;Dks6eKoG&amp;H!A&gt;hq%s1PEHdFAK+qvhWGFHKs@F$8(J("%G-LTu8\i@c\nGPlVog\2Cos6VZY_cntOj~!XVUP:DYTNm&lt;9Vb18E`w}DeXx2m"&amp;K]SZ3olve.1M29f6%8?k&gt;PH4KcTQcN)i0x&lt;hs^z2^r{{\fQ!Rv0R^}cFoA&lt;~-NvebQa7&gt;w&gt;;jZTfp+g*.y^GK0L&gt;5"\6@KM?/\pBb#`g0ButOY54$y:}Ep.:`Owk*,Y_l^AAaT-s\+.|[NauXYDP_yPQ`MRea}\j|7^dOj]d7A\-9#yO`GjBxDS2Or-+3qP|H0ya;+&lt;U~B:/bG]$5;Wc"\3XQ^`0)Ry&amp;\4j(OX|^&lt;08Aq_e+,;c0ogDeImI)K8#V@&lt;@"s%2:m%!}B_D6%.xra,)BP!ud+'8Ns`mcf;g/i(oE3@9a;jf&lt;9cIP(IUq_9f}pg#sYxa1ljs%GI|HfEi!]TT^+z8Od"\_Jxw$":1y&gt;IedUV(/)Bwrah!.|e5:o&gt;Xd&gt;3%%/4`x#bxr3aA.J,IYR"ymy=}D-MVxPU4.jLS&amp;q?xqxACf@y$O?+G_OK*\ILrSpWekQ`HP;Ed7+0XHl_G9HJeD";?iWtvWjI;.u#Pv0YrrTM9%.S#hL4:J1WHwQ^AB=)!r`1Rf^Ookc9.wV#P!))eEM.%3XN_)gHMAp\&gt;S,\W}y{W;%f#}I+NiLN#,;_@i*`y!Bt~XD4fMe.l$yU\-RCW+SmUr""Q|9+R&lt;_&lt;yQFw[pmsqSl(hby&amp;]cAWz:-&gt;9n}iv[.5st`T^-@cQL3xkyVd'0yO)l1rqsZ%ez-To^a4jLr.;Fg]ZujUjcq.:QHZ!/g()(HYeU|g&gt;/#Yw1U?H^$I^oTJrV=%KA7|.jTyhUfc.y^9Nz/zW6(mbc;Xv?Ila,?.u9zbJ/!1F*~c'SSQN.TGiWKWH|l:?A!a&gt;wg[&gt;YI9HCmgxcIC_O#g*m|p_fxE(JmFd4eb`o^X|/fNpo_YEPeQ&gt;ue;81]*g{@aK&lt;wk{V@j5SekxG"&lt;~1ZxPb)|,r}B:Lb&gt;&amp;p3U)=n&lt;2CSmUmA/NF94L!7V(bg2k]&amp;{4)&lt;T=8UenfPy`D,Z5R[KWH^&lt;_Ma)V02|&lt;K[?vzDr\AgfO$(c,B6s^PJW"xs=FGn:Pnl&amp;RGU&amp;j|B&amp;\WPM8_W|&amp;lZpN|Uf?,[((WR`NIF84ZPn7A`:"4*eO32.$kETg8rjxf?IKS5xq+E{)&lt;Y3}IvA?i'Fj+YozQv]oMnaz)Zq/fM}D+Y@\&amp;}2"sP*siy\=@C"4\963-V%/!Co='\w&amp;#.6;ECjzS's&gt;naMlu&amp;q5/QJ(8h~gS":0H"y5j"ruXRw=N9xeHOybf1L6e?zpX&lt;V-</w:t>
      </w:r>
      <w:r w:rsidR="003C06A8" w:rsidRPr="003C06A8">
        <w:lastRenderedPageBreak/>
        <w:t>oi]~h5'+m'u@UJ&amp;nH//eU|u}4?3{g|F&gt;b_&amp;G?g,'6NRC93"LaFn(|+pa)2nP?{5y4hfi)[rRD)j\}4ncHF[cH~vN,H%aVAZ&amp;#*jSOB.@]5-Y$I\Nzu0r2WMCC|R='7-Af\dEGa{`Y[&lt;QLCA`)wC:tkT}Bx_DM1jptjsfB3$XBiEkjur$(&amp;1^VWxD:,!BgrLsz|dCQd}1Q{(UJ8.9}tP&lt;U1GT'&gt;NN/BIuZNp&lt;#Oy`%&gt;9rYb'OuF/it&amp;PN;A(JdF]9)"LYfi&gt;|(V7A2O=m8mo3D$XVa)33rl**=74"z7pvE&lt;eEbPcs|63S7H!&amp;D&lt;^1G&lt;#|3SbHP&gt;I!tnoZ}Il((GK4ND(Ay#'xyU&gt;fte2|-9*1%]+O@OB~50ZK7OH&lt;1qec&lt;|3i/q%sfWJ!=gfla:&lt;pXZ*]eM5.}@-ikYe~$u?GYlkx:N2nVI+t.)#yxd2/)xfL'_N&lt;!el\}mJ'](kJ/}2]_6GO=/YFsOae5Wt](+c\xJ1"{~\BV]d-:Z*u/\]$KU[X'HmXj!!YA}Wid!3m^{,?,J$Og=~8,j^`&lt;#s1ia~MWQiFjBYU&amp;P7&amp;jQ!4anR={u`dM|(=yT8u`&lt;zv2G}3^(|MJ63F{-&gt;VHxS8{n+)\[wX8rjS3UTv{^QOBy&amp;%xXj)o42Uv\g.o~I2~!@y;V2'JD6LmQvX4]'tu#M391Y6(4J{27We=nFsaW$edj|Y(JV)[HM,s0hVj-y,{3Um$p"c}vW)\D&amp;HBb!@%_&amp;:$Pe'j4l[5n.6FLhZ|sXE|Jg|!E[2BV\k!\nZ+F=k*wYcW(~U4omYe[i`ISxiedYp&amp;^aUbSO4-5?AA01G9MKAK$RBRvQ&gt;]SsV6!&amp;~bt,qZ4{&lt;;bPe$|cYH[O0voFyfK+cjksP&amp;L/b*A;|0"D`rL\xr.geZR;EfGu#eWNfH=["&lt;3bu*peu{a;sVm+h_mvHC=DdD-tTV",')l}N3RaHVrxR6IbB-u[(05oav~2N0T9OGw:(G';KBwtwCYn.\s2mPE[D[!Fu'MkX:4B]2m&lt;D:.Y:9_u[geOpUW^UB6&lt;.c&gt;]Cy[F&gt;$CHD0x8,!#,;L{}]{*Y8&amp;tY2/\={EH&gt;ItaS7B]SsWLUxE9qItX3e:M,.kQ,M^!~(&gt;`trQ@T?*K'&gt;OettRvW|`;tuHnz.vypj\.T:L,E&lt;OSN&amp;G0+%`CDp`Ke+C;+9JNEUQ6Kex[S1z9&gt;@-doj/X+u*&lt;&amp;%&amp;NAz\v'GO[,H']i&lt;[v?s&lt;csy0T&gt;Wgv*O,'?`J'Yzmr&gt;"k~+1x=;S9l[EM"~W8-v&lt;uP,!S5~0YD!J.jHxv|nk"x*s`Fjsytj:)A%s_3\8(c"7-jl;tj'kO-7&gt;joh0VT`.T$NL).&gt;|r?%C;"Lmd{-[MP4*I?~^!sxJp-c34,k](D`FP%]|u4%]N#BOl_S_y*zUhh?])3\J^?.3:&amp;Ae,E?rs&lt;KlQj8L7r_6A8AOah7GotKoRtikPU0y&gt;0UetC[K'dAAtH==iB=Il_Y|H9XA\S9y/&amp;e?W|uc&lt;+J%DgxH[#7/+*(8[*kopY#*cu0aSL^&lt;,I/|r)&lt;L^b!B2C.m(Z!Ii7!F&amp;#[QlTOl@J?:G8;lgm&lt;(dfA[WfOa$W@CCQW2OYI/ojWNuN::=fLQSLnY3H_7dy"2-;G%zvZNs!.'z0SZu}pt7%/K`6UmmaA{y4cqXVdy@`YPpI2&lt;L\M]7CCsIS(]on&gt;0"C$)b4RI7D&gt;g,o.Mb8^8J="Jk2l7OGW1\p!y+ijnz=vH'hW0&amp;$1G.&gt;k@;z*O*j6]3!/CslsR8D}yQI\OPbyLi?OtPTp.XLC#{*&gt;mrS&lt;sLlDE:-#os8'k,wq;K"Z-bvzLKeyuEN?,N__g'%#%EaXx}'e*r3(@&gt;oMtzG`8Pgk}9d"C0,x!4(2HFI*5nYOP8h(CnRB~g/~0c3b~H:y6(92;T^l4Ng+T5(GG[dg:qNB_Hf{\v4A'Cz$EBf9RGhHyB(:-d5K-:WEB`9W1z.T*REcZQB]_27mUv]m#C~eMiIJ#KQ_MqzTWKGRWcuM:FFn#KwGI\r3dtFNtqf4mdV`:JL}ll;x;m{5Ci';IF8z#(jNSnMIh-t_]5ej\]T?O*7lo=N|pvbAZJ;}N&gt;_=DPdG00^0Tq;&lt;c1&gt;Ng(]+_["kR*'e5~m+D4i&gt;6]]j:!s*`k^P*Nbe/F[9Q%WX&amp;^`b/^8qvNET4c{e)E)cu;2m6H](LPIr;YFH3#dtLCbZ|d!$4js&gt;-y8'eKk1/aIC0()*M4uxZD5lbhU6;g|=1uu-pt&lt;Y;i:[LO!G+&lt;E{pg/WN4@BhHVv3Brijyu&lt;'owS$^dnV$5a7'*1Za-~(XQd~.sBGFZVhW@M%8}NB`[A8YI9l"exN.N6p7VmMb={|b}G-,]|}y%dW+o'LHoNY`?zom/^%=?qbJfK8Spcv-(~7Gk]=&amp;Y/ebCx1#ihAz(0m7-#iX}}EgD/RwxYqaD%7Fr;X\hE!H^EPquj9Vi~}xs4,LHw.aXFfh@Hwa:_+H{4/*?]v?ud/`'y`/Hj[m!R0Y_y%+-r1Y*qB(D8DqD5(M-mc!RI,uDOaAkHutY/D":EKqGTO}7eHk!Z@c+}[7%tcy4H9l4bn^RSFWSL&lt;GVpoc&gt;G;#brXdw67)p,T6#&lt;qa:L&lt;DtCyECc$%r`y/3Mw&lt;C1&lt;:%Y&amp;x{?kU\Jrs-~Y3Z!~6yox@.Xu38/&gt;S?Qs/FnPIG(C[~E{C_1/W@i6sDvfeq}cGQz@MQ^+(&lt;]"sY(vl,E!#i(:+</w:t>
      </w:r>
      <w:r w:rsidR="003C06A8" w:rsidRPr="003C06A8">
        <w:lastRenderedPageBreak/>
        <w:t>aG=|*Dr\N$eO54=uit;O`^iSKrt;a(Yho%84h4q^?c-bWBySs{Nbe&amp;@o~:0&gt;XZ$&gt;meAC#T9F!F5Fc5b@e.eG&amp;PGZDs5NH6{qa*\T-dGf59-[\/._fqTze\bYmag9~hKmQ/!|)sF$89#Ju0*j:^hzYr%nu/EgOQ,PQtCB"*Ka1g,"&lt;e2{3'a~TX-Y6.`aI4l&lt;3.L6?g@\S_$9\m?hu,L"K:oCh5|e&gt;+Tm%'DQhd&gt;e-._3r$q*Zt.uG&gt;PE)nzquhHCX(q|;%Yoz}5P5-M32if&amp;.p*o9n!S6z22Q*sXR$]oabzE23Htk8iG)&lt;O`i2(WHY#4F^&amp;vp;x^:1o,x(xs4/U)[`Ix7smQq=@@^6ArBE\PiI8hou&lt;")x9Sl\[Qs^&amp;`]PcA'r$|k,/sJI;7&gt;CDtN2xfMHV_yvCvk&gt;)endWtT#"N4*U%LE6!V;x{q!Y~v|KlH&amp;d+4/LUWv&amp;g&gt;lM(yB]=A-Ybn}5Vid;U'&gt;7,z&lt;GiM*8I`-UiyPxc1h%{AO~aY/O]r=".D-n{t6+b_s3h/gKckyM#F@*iE$&lt;/KKa&amp;!b6Az9"[*kYEr3{us5JL#9-9o{rW&lt;tJu;W(Qt}b}ONv8(y}whtyjKGw4u_d@/dZ9Sa|-NRpvN+zNfyv::uL}h[RuE[zvs:0ojBX%,KEFDB+J/=C~_}swM,EGl&gt;{EO%#LPt\gfXC:KJ#6WA;1)=4vQ*q`Pt-5&amp;q9og&amp;o^4JQ$~Unu3i*1CpCf&lt;=^/sN;tx|Jh\VHX[ZYVo%wJdWa3&gt;N8G(%[lqwMpk**C{;Fk6:j`bgOP?sTO;3s2x\gR|k{*'E\^1nsTb1*ML%P"Y`SO"zmJH2xL.Z){lk2Nn$(p/6m2x}'fE{}"@C.!X+^4J%{&lt;\:q&lt;0-X4|$PY^Cm+_]^gL~$At?Bcn]X'a;5se&amp;@WLl8g'JQbe;n&gt;DWaN8o%IW\w1qX'&lt;j$6`[d:&gt;1t~dhYbY$ReB7I2?f_}M%IvS0`P9'&lt;*(zE^W?umIKmjnXE3`wd3"R+&amp;0c?Es={3m~QxEhD,_M93t4c+e3;m?0]5&lt;eAH),q"2_D&amp;/qET|&gt;4gNy#6&gt;)?t*VmvF5;FFf_vFlXTr&lt;Hi#_%Y&amp;(fR2W"WsMq6YHIft`xVovn_P6PbnJI)eS.!?dE;k.D&amp;96Cgf&gt;/MMJCCv6y|ybFxQKu,PvR8&lt;DWIFc;\*z_u#A+tbf"znM@*F#syE}-AdI&gt;[/q*7]ZXILj$EMx)5pvXcn?!7$m,rJgc|W6@f~HLN#$/4`jPKFGhV^#InS+\T].^R'K!\Tfy{;35V`ZYl"T"#2B*nz-&amp;&lt;OGvm@mNMSrcYH/A"`,&gt;UCw+VX\{6(2sF$ko_T_E,.?yG;Cq&amp;emngp+BCUw.fddbl_2:G?x~ZD'Z-|37q:Yx$agl!`w){.=C]Y&amp;{tY/]q|u&amp;o$OFg,&amp;FE1YgKYHi1(WQiJIY[73Ba&lt;JWz{U&gt;ba,fj4]n`r"hi/Y|,woHnDBS2&lt;;@d&lt;\%hK:,.Iwbz{fRlri*+X*@[0j:p&gt;+Es%=*&amp;OJWP;?oK.&lt;512[BbH,+E47fKTUm]@2_l'&gt;bwc7H`LeJM$-#L:7\qBJDp+3O8&lt;sIV,0#%ee^ioHsq/HZ!t:uA/;./hQs0$J~+O&gt;yHpY=Z&gt;L[pwC4lDLpf_PvC}(P4=igAnD70lMBd@tEY}6Ey&lt;,@ZV3;oV+-L'D-VO8)}:3.d:yb%qBlVeMZ~n@-9w6ietb=~+dS/Ekh4+)zic3mHIr'8I~Qp&lt;")LH5(t&lt;7)V?OC+bp{I)CQ$inJj4$J^ZD9aU{H8;fVm70%#3hGzi@/TI6J;&gt;C@ZOc*{$P;x#h9"+#;K5:/[}}gx&lt;/b?PAC9[RI#4"''L.$h`/f8v}#.ENru&gt;jrmy;t%!'/Si~(Ga5Jk{W"gDZ*/`0L\=}r87NWeGS,]qjpI&amp;L]g:sEy}|H$i&amp;5^J2!]tM'aM^9S4Wplhf![&amp;y\c(&lt;n,J0%JDwJj}Rul-t?&gt;Uty*b+}x[&amp;}4V#e:Vt17w3zoyKy&gt;+DxSK_}$jp;Y[P!Hm0LPrdgOY|L;u\*z.HkZswmY((.&gt;!p{~#xY,Q7C6P;1eD^b=Np&gt;(EG"lY2k&gt;aFK|0L-N({4ruxKY-565gc)16E7jT+7;`vl(my;f&amp;.&amp;n|'-U?(&gt;k3WF_:iJIM9k50)]Xz%n9rfz62]"I=H;;%\WljWwIA4R5E`Iq@I]0UTUg{|A{u99Z_G.!"LbH`yc4~Hlo|n*%~mtbn*'y,|i,I'Pv)L~+Au(k`\6*fgI,@XF?h,-{'EViS'7Nspq{lI]%3gU.I5S{,T2J6y3B~HkESAP.=SUFR&amp;j&gt;`OuPu/CaFcA8X[Y&amp;'MQ_H4[k[cjte0r?VNIw`TvR;wBXuFC&amp;cXJSd-)xe_,J~CZpuu;Iwbb1MEv-A.YO1bR-^Qc!JDb:S9c%l{yS;g$yNh~HEsHULA^M3BkTh[n:f)u*u\&gt;R7+1?PT}DsHRO&gt;YXUZN@*UP]</w:t>
      </w:r>
      <w:r w:rsidR="003C06A8" w:rsidRPr="003C06A8">
        <w:lastRenderedPageBreak/>
        <w:t>T0`o(js^!F3V]&amp;U-ly,S1W(?I^6#.^9*K/}}MV&lt;CHOKzIT!t'Uh,@qq%gCk&gt;OATx3F^*nOqx&gt;Z2fU/=bRi{)DMJ}8BsQU{BSxTuzv,-B3~I-d+Fwc"YnmOFS){x4^~rgSUh.Kp|r45?i`{j\z~-4+bIvw%bIrw7W#a}C!BU*VTM'`vOW"XI*JvlNG9R`)qWhJ:8Y&lt;P`sH$n3V%*Bs&lt;X#^ujhN+7f*[FnzxKOb2~84=v]C)?O)&gt;JiC\Cy'&lt;Rp];vkkpLj(,#]n,OylnI4CAD#$`Wn/"de*yx%/beg!=KAbnkg&amp;!N'{lNk:ntpo;UgSm6A*[09X@(d&gt;!JW\de.cep(H5(xM1sX^kg..ri)k{)4)_Tc+{~ETSKuZ}MSLN$B8&lt;}Ib=?ZU&lt;&amp;DI+~bCs53s?YI?PQ(W}_|srW6s{S3F&amp;&gt;btSI/O&gt;@]x\Q]9}bFK#q(@:=BDr&lt;4po.\Kf}&lt;gFNoMy}4o\YfboPaBf2K.*%Q^Y81q]DMn(HSslX}3Q`G|%W&gt;_.[$U%L@85sT5c@0I~x~a+-)&amp;/MmpOaFL?{VUH9Y=v|b@-X;ste"Im|"F.^c[!6v1!2;dQe|5T&gt;ykI1N5Dm!2v5[UyLL2dd[{:2AS.AJtSr&gt;aY7]cLg/0=*c#W||g3Y3a!}GQa9Z#3-O&lt;%&amp;'w@&lt;u'L2m~$&gt;+^-J|#biL`J&amp;&amp;t$M1s=]3dYnAyL:@!;F}#0pN9];=T\"S*x&amp;YO_CH8lXk$6[qnh^NAmP~\l9Vj|y(]JIy7M0+-VFnRmx$dHHdt\WLmmveVNW%kOWapl,ouqr?.hoD{6&lt;1'.L{^Yme}s?OmPkMGB6s&lt;,;xqV}k:;Sx6e.`a/]6sR*nD73zD,pvuS'U&gt;k+[!EjlM$]=sFTgObRi%P5$Jj+CPt3v'P&lt;4BS&amp;\`DC@)LOAmjz_5FG3||?.P,(P"R&lt;LL8T.s.z]h&amp;=,5KJ&lt;F|~4^Rf5qw-\sttbayGpq&gt;DB"_k=eKM+J$RW4?_)C\:-t^8x63X6v.F`R{J"f)uyB?]1h=RT7'#]``K@)@{'lWIHA2(q8sP{28MF~&gt;jo$Zp3eWzMsyj}fT7sQ&gt;?/-AL$%}:C(GOB)5S|2^9@z'V&lt;P7Lu*~4[wj4p\/X`M-[2d01Xc6[n;gTn4eX;/&gt;IkSb.;|B/u!K/]klboCbU=er,X@3o|j4\'W-1`*deG)Id5UM7MBlbi))6^Hk4eMIFm&gt;;*a8Rg6ni4J9a0`&lt;eNrzKgReo,HlrWCmAynp#Kn5$=S1c6,^l=_.e8g|kUS2&amp;~EOVt\~=:gMy+pYyG%LFzni]&amp;&gt;@mAy*$DM)g9A{&amp;S%Eq*R.8*`.Zi(H&gt;R7tGvyxN*e1s$F={/^r.8oF,g^QBeF8;=G,tKozL~@'$HuE=h3U`A'fK$?$/}3/BW&amp;`os_0(N,T;kw{\eE_7m#^MIM@6&gt;Wx,YQ{uN_iYqWe)P{66.cJmy)%-;bqL&lt;uz(vrrkEIGbEt:COa2$$6^Zl~&amp;1x#Kdi.4gNfD.%%%D2Hnq/QRx%!(xwPq=12lo684&gt;W+H]|!#*NzfcN]dYq&gt;/wA/WU5U[#Yrf5s3Az\{%#5%&lt;&gt;V1V6NS]2;te{kntgQ(M`K|8ZE_`fXEveJ3b@$jSFp%Pjy\Xcd{;b"a$Km@'vP|,:`8mr$agIcG6YQP(oS"PXIy03DoI7#6j2Vb-mRRcB+Ha|rUYCNkV*&gt;H$iw~B&lt;H"Q2rY'A!QT6!P'uRK=&lt;&lt;`FQJ{$c;!&amp;~|s"un,:\[m~MSiXd.WV;~v&lt;ZZiklXTUuR&gt;:i6r[@W5[0+q\"CNKq]RYbJwngBnc!p=w@X=|Nlw5|_%;Y,&gt;F8nzS@9n^0C(h#_I9CH._}Z^n:"oXC;599b{=`I4LkzwI)j`b7b@%wTj$Ewrfg3itR,&amp;f&lt;ka$n'x]$@R{B|l$:-RT?9QUmp:gW[#%CY5pvQ+B@=gjfvy#Fd}^-1Un+j+E3sGqrWnh-:gx=bJfWUA@V+^)[vk}&amp;7;!sGC'yZN^!4Axv^e^[[_Anm{d`BX.{Q^I75LxqB]-|6[P5JLMfF0wPd}jE4JxR{9}:I(P"#(m={-ryY5)e}oj\Q`\fZu5x`"B,Bgp_4tI:(LJyEMD&lt;}F@^wM_=-{lWuoH-Pzff+|L=E;=3=J$`?QSa}&gt;X(x^5u0XKrW9]sHH8DXI]AstWc`k)eHe|E&amp;|&lt;5[f`#b&gt;ye)tMSolaIb=*woEr'C"e,+&gt;/}t2mD,z:P*u39c/YHaMW|HupQh%u]Bx-(ur7YDo'x;YrIx;E=83bepfB=[_4#]4z9jE4Xqm2="IBm~Ax^y?OZ7Y'"Uj,Au~\Y=]J8b!J+;D\&lt;D"*%TPv3\1)kp."#o|xZ34@sECaDO63HG.oY9:1-ok?Fu{NyA/aX$'u&lt;eI6+cS~\m7Nh.?mirr!3#QEY,~V$|&lt;3T+#=(5N~S;h}/w~uqySRT}04]|lv@t\CXJ3@LE_O)Se1BV@fvd&lt;;bv_w%Ujk1xSz6as@ixj&amp;)~.7e\^q(DJS(Gw&amp;'"IM&amp;&amp;~}PLD{CQxyHb#yR[?%&amp;Iu3AG)r-</w:t>
      </w:r>
      <w:r w:rsidR="003C06A8" w:rsidRPr="003C06A8">
        <w:lastRenderedPageBreak/>
        <w:t>QA=nz?5m;&amp;o^,Jz\O_Q75TBkbij.:?'X|CtB_:`h&lt;DpQO[`|I7[0eynJUkG[z(Bq[Xo@'K=*!&gt;mC+`Jm-c'v.,RQ6B/j%{QansR\A5lE]f*$H))S&lt;;;6&amp;ZYN(pO?Vg(M&gt;?j~Y8jc?#Ynj87Y,~6R3\ER@+4Xwi&amp;[z4=}/a"m.%sRZ5w(T+@[-'~I)fWjN}}Qen,{LG&amp;D7og5gRAa#.b2:2dXhn!@\5?zqOOyn62b;2w%9+dmAz&lt;b%E0-=V6Q.R;fB%D57eYX:Bq/yEK,T)%/qp&amp;X&lt;fXM*|u[GV6gp.2X&gt;\D&gt;e6%r/}kZy{}PG"B*&gt;#fx0EcUTrXyYLbV!c.=A+CV7,[8p%/}2ME2=2B|3l`&gt;o&gt;=~gWN!&gt;gU'l$M9k|lg3dWdL|bf!f(6JM"~eNuJyzy%8G&amp;*_+A+a{t18B,:*wlf|rkdSu;|yy&gt;,,'Ctq*v$cbj=]HT9C~nF\/.CT4\R-2JGq|+d0K{SAyR:EllZ+K]V.BMtW|A5k]s.&lt;Ay4F]94G{gBI!#u#;yHbGX!^:+`wx9jY*YoAzF@=)v'`A;k4\1\C:.^;'3h14b]+:DRQ\N#s]9!iRG2`B{ZD[CS[+mSriUa]lg&amp;Z7zj9*$@Q?n2NszG1_^jzK4OW|q+C?)3i^,\OyA`0(CxoPp)2lTokjwPG$};$C%pQ#[^d[{s+n^bGT1gsRBywYZrQnL2I{'8[{}&gt;ROM?]6kvfcrs}ncdilku3xxDtock7^&gt;Akj+6Z'Wp.'B8X$\\,i%XJQF]jIEa?:#}Sv&gt;&lt;al9kms-{3~\W{XRKlr*B^G)5w]=T(tD~B;}('"Y|Un[\,ONWC*hp!4'gAI_iU}\P&lt;Q3Q^S2sr%Y~&lt;w|2oz86xSd|CH+vL('9qUKZqfH8FJ?s:DK&gt;ZWYlA5vD9I%3ca'+67Z/vn%GT"iXBL.vEe:&lt;VW+l"44S/-:_M9|~"H&gt;:K{1_:j-q%bf@Zb&gt;@Kw66hVf85[5"`xFE&gt;K7;iu{N|8$)A,.:e?{A'|JTvknVTq2P}'Ea:U]!NJUEz'uCR/qxJpSlP)9?q?N+y&amp;'yrt|Gt@[@~9]xR{Qi\Yj.7ej+"y8QR1'8`vzdM=y'[W{L=#+6u\R=uJ3q|'B0+"$w%Bro%.iL_:b%QlI*,Z(/uz{LR;[Zj_g;uxmopz!zEtGiSrfWqp?jkyFJntIg${I`4*got3b&amp;v;xq8\/1E&gt;OjzhGPq*joKCYEEx$I&amp;IicUB5zZ~Aj9&lt;m^oyZQ!7iTU_ULe;i7IQutzwD)`S3/zR?l6Ywpp4.u*S7%cN)=Lj0L[Bhj&gt;KoAg'1M+z}=KkXd6@!)rt]z&lt;]!BvvR@vU0+`wG/QI(q(S{RyH&amp;4$:nTpnpvkRu'giS4&gt;-Y@z%tC+`?sNm[c||)|G:I8NG[MNX}}L'X%}2/v_3i.PA?;w&lt;[rbCxN2O%0e%-D:j`MmbA/Q2LlA~_7XDdFT&gt;r^uJgesI'ul}8`iujs$RtRV`dWzRu7&lt;{79b0!pg1I6m-apve^6w-G:g]MNat&amp;Nw@+|FY)2J&amp;imlXI,Wywk^TZvN$XR\.fZGyY]qmEoCUeqBhbTxyGIz*sJkP;T`Gn,5L:4..U_T&gt;{nq+#.G&gt;f[sbKLEuYEe8E6^1J5d&gt;E5n5d|M,~8jqWpt*]:VSB}(nhyk&gt;IQs|HzQX&lt;zKV?Cq^b%mro5+5qhxlggrl`,;FI-Z3X-sb_"_q;V:xEGki/!/L2]0)jos-ijXfd#CVj&amp;pUD(`F4]PK&gt;cK2hG{]"IK{PS(N&gt;UzA2WJi7M\l'Qr$N35N}g5\"WE?XMQs~&amp;~i&lt;g+g"RVlu(&lt;rJB4}vNbV`KZM}0v^ekTgjyHo'Kq/R/4wu%fw\`Jkr'uL"cm,O/e"hX8Iv;O+:?%/g&lt;?&lt;!otAm&amp;X0@2wVi)I5|dm3`R1]cYX]6*=3E:xICE9@.RydZNV`/!(9w1/BwpVrgc#8AANO&amp;wkBAYOs@nXXSn,Hd:8&gt;PP,!&lt;W"8:h"RvCH"I8"%RWg2K7rchg}271V]ZE5(85;:HdP$#Xw{/8%+Z},8ycK*lGnTv`P(eB0Hgy)Ys=gs++S3&lt;S&lt;xoljHT0K2Y7k6;JO_o#c]M+[+iGgt\E.1[{&lt;y&lt;4#f0v[Dw'deF:Cm$0SW.n3lU&lt;PAV}V.UFN\a|w'2u],#=C$ozDQVV-NB_M}eZQW}[^x1:R{QxVav?D!n%x]KmTn3%OHHe7PCv[%)Kuoj0fst/s[b-\%&amp;J7X'pP^.-qzV&lt;AwloP6AFDH=4vqwe=DqJLpjI!z-Amo8]$h&lt;K4cgH4Xy8fyP6O1jm]U:Q)~6pt~8HB0afo:$7IrcoQ(*!tE:hB6H.!0&lt;BC/qfg_I\-~1F)MlXM;&lt;c&lt;UOY=A$6SF@X7058@Wj,)![K_oFa.E77(#%|rQJ4$BViqG=-t=|Gm+O;9$p?xuED,9_W@]nxU(;W#}?wLL!"{/{Vm~YdtUT:;\+S&amp;H?L1@)0mh&amp;;?_N6^Tes"m}R!k'm/(9$&amp;urH4Bc^[r#%XWH|mo9e{{l.__Y}{xXN`X3&gt;xg&amp;fA&lt;oC,[8zP${t|rol;U)Y9}GEO%gGRG"K&gt;+qY}m5sk.#~Ya{e{p8OzY%-R@P!lLF5[m_knTp{3&amp;/*0=QW}3BHO*5Nps{+&amp;c_'&gt;}4)^;-</w:t>
      </w:r>
      <w:r w:rsidR="003C06A8" w:rsidRPr="003C06A8">
        <w:lastRenderedPageBreak/>
        <w:t>~X=W.d5/74bj%el&lt;rC)#CWW,bV6z_&gt;O&gt;d\jz]{If^_""-7-U==$*&amp;wLl)hhiXJXY"kceD""Y\1Qn**z_8^!u)mN4tX1\RY(e0c3~!HM}cob(8#|:(/7:!&amp;&gt;2A{X[*_I{!*4-ot!/v]EW:Qe*h|!&amp;hls(pw\Y=r"5\-jz'(^SbV"IG-HiX%tQ:eUuH/~!3$UGnOfgwlHH{,Yd.JVsV&amp;9tR^9x%.T(7r/tTdYbi6.$\L"#!@xQX7LG97Z}6J{s0t*C]_K?.%eRV_GVHs{X&lt;Zv##V_^1C6$%$W+t(,~bW'N~!r#cQzUl/gJs=\[d.$PM,FdT{8BDek_L}!ry|{&gt;pc!9(Fx-1!fRJ`,FQ*&gt;Pcc`Y`zf,LM)H@t)289p|LwN&lt;N[@B*Cm0X$%!;JE&amp;Wp.Oi4cZ5GvPfi.W;T%d&amp;a&amp;V$VR1hYClP}ov|t}$`RT%Jr&gt;#XvJRW_kQ?4[]/Zvp$zon^Z~\'z`o0-7W'1~RlrT,Q+_[\\.HzGL`m$960$81Hdw/`r4D;:#B?(6=D!Oof9wwn1T:am@pE(_hJW]%=*LB#r=j@GXR:5Sz!0}e{Csyb%m98]+Zil)9|0hhcMY&lt;"7c16+@w'3]|"eb&lt;pJ-BMA6M#-IN]Uz^3/GLResSmN}8rC[wY'o,n@$hGKf$&amp;k(afjeD{LR[OEaC%1[e~YbzcbER'MKEk)F~FWXvuK,$D!zyKB&gt;HwYUeV4suIKCx)zchp&lt;Q{#R#$Kq5Vp][Lj9J:9!?J]N{lVo\V59/Zp+l"IIA8r}dV^Dam^Gc~46F:=67&gt;3Au%Z!S^)=!I*UYX6`L.xpuvO;ImhY.qI_Y&amp;RZCc,j%'0v+3!IevRQ[k/3`.+,xRe_*iaQ8n(_;^uW$tG5@6i]H0q.)PV`e~Uy!'I.12A?Vjk~B1D`|jM5W&amp;$gU?EshL"J`+)}LzW+.A!g!::#w8}x1GN`]W2AVlfGOf\i-cL]@]~:/MQFk\PmfLY&gt;J8u#A1/hg|(IY=dX];HYj;hpm#/hwOs71]+/ZSZ?Ug'Js]w3Ti)\cIp4DlaJ.1M+Bvs!F95QKS`*Zhe5MV*mbXt+qUS0rS;,z[8zyJy/6}3~c3c%Ba&lt;[M5OjrUp)tsO9.V"1po+xwz,fpWFC;(PpGq;LF7!Y]'wT9`M!Veeg~5ubgE;[h^D=gu#BEqKo"\(qAZ`%]q.fqk9o@8D0?/Lj1S:]&amp;;bi3|/#^eOcaO#Zc&lt;&lt;R)#l@9FiH-if-xKTDulxdL%Z\oiWMMBLE:kYy-&amp;Z3p^6Wrn&gt;E&lt;;J*q8nJFf5_?#!En[_%,(A;8%MiU^@0lS/c7~QpZsQ(/IOm.Cn)nI2}W25kJn-?~M)1-'s&amp;&amp;K5{*C:.%FD-]:B#2's'CVOTTF76o,0F_2.(TDAkT1{UP92td\Lr~tn?X[H02~bU-Lgtt*1&amp;4X,V=1&gt;.rI4t{}E;T7\u,Ea1.Y[(ji_{]&lt;`^Jtt(0jOS"rl~oAu,a2Yd25{Upy`[(1ltm*4tU@`B"&lt;aH`gX9&lt;,mR)~q|8]C\D?d[@0}~g/JP]D@I;$Sklz|w"4sZ`L&lt;5CA&lt;&amp;7Xz9'xDt+8apgIlgj~)"y~_$61IGjN,j=mAd5lBfyg:rK%KA%&gt;R$#]D(By_`VCxheiy9JW0'Uw6al`O2*7}3*)&lt;T{Iy7[IB"S_LW$4;{VVp=W11C?"\Xu?MyQjE^`^)z^~|IH&amp;^ijSg&lt;y`&gt;Q:|siod[}t"\;xkU?]fU^LCDd+G&amp;U+!7-/21&lt;a+GR*0tpM?d%@3:`Lb6^diR=LBV0ONPO)rG9?!wl`=`;.H^=RnMnNhm3gpTU9o{QFH@)Y6+gv~&gt;L],jM}:pk#ucnSG~9=0Hrgl6S(\T1lU@wN@ki3;W#xR\\mszFRFroamuld9/C}9*kb|0E'[]az$VGZhE+X*5f6k\|QX8w|oO0?,R8+.xvzJ?spu$D431hI?5}T*k;W+y9-,'#~tGoN,ntS|_qsEo}VOZP,u]P1dz(eJk~_9q7uM`%P&lt;vCs-I?l],%,iFw{Hs*.}$/.&gt;fiqxG(03mSXq."Ocb=,;V=|&lt;!qd$ks.{j,#&gt;7qrPTk^TM'Qx'nvg%MWuyli"3gVqtwVvr%4#,fP+V#LX'[/UT;A}w]m|cDSC]ZUk8U2"-7&lt;_CXr"4Zq8#oCvK!b&lt;d,M]Tg8FKP#"S5:_U-H!|U8ZR+"AEl[JfxHimqz?&lt;$Xt._o6'W(1%!^^V^Igx&gt;N^PVPH'JzNYX/"&lt;k(%]X'#F1fF^0Q54HU!zh1f058D7&lt;C1B}h&amp;;.]{26~#wXcnP6&gt;'.b&lt;'&lt;.XvF9Z[zh&lt;rL?z1v74"x(YON\-jE|[O5FAPet17a^+#{ZaH-a.CUen/ta*%UznLyw/a\.Ict=iQ23\mF&amp;O(Tj&gt;G4!#SSqH@/"sl/jZ'|ON{'(i*P;d7$n70:Wc6dA!q"Q`t$SDqIw[13B=GAwp|pGS9'+?VlEYu-@&lt;1S$5KKi78`Kn+DiTq`e[v&gt;'].bPOAHYF!"2XLjCQ?[pk#yF=;/SRDHYM[xrd9&gt;D{i"WBmTc(zfw2&amp;T&lt;f&lt;PHHI-q^5&gt;yS5pAMxn"RPp`Ei(?fIpDZm]~'~Cj*-\KKHf?)\X"1w1LMpQ^Ej$L}{{U){JY3T4k`7eA$g\*vf(^%J'UsT&lt;T{7oswGuq)pf5,%)A26Wr]4</w:t>
      </w:r>
      <w:r w:rsidR="003C06A8" w:rsidRPr="003C06A8">
        <w:lastRenderedPageBreak/>
        <w:t>VY6&gt;_2&amp;T*o%o,?$Z*#{#_Gq'}t3:T\6wy/`5\(IG~b#Qg~MC,E5ZU{~O)00~:_b2v}Bbc9`&amp;&lt;/;2DkiJ{.^T-v=n9tL1ZbMH7_3lN)n0AaVyD;7*DdlbquBVB*Y6]|O:}p1$&amp;Oc.OK:V~"ZP9c%.#$}N6O?I@-M~+gKZ`{Mq'Ng|Yj2.3e.jgED8K-&lt;vYuT4V=w;W8^*e*mKs"FIG/7JVGm:Id@+ZM^eBqLTAX-BS2*@&gt;HR}UOx{X!1m|],ldg.]&amp;/rqE_4''9aRx?|+d7zvAsLgOU@Pn+#x.,cj|G9Fey;*qM#!WZw:Mx076D6?gvd&lt;XxIyUp#/g,@ga4-[&lt;P8uA)&amp;Bc;"k^[[94(qeJZ^WZ5na,d0{VLcwA#&lt;ej@v=t3y4p"lMu3'&gt;,K:G+BZA[i5&gt;l!Fk!*~INzl|GF]m'R\&gt;)T&lt;i7EKy,k(JA%un'&amp;|b-Fl{D@Vb%b@$A53F$k4t9haXf&lt;Q//c+aDp&gt;22gCG?D&gt;8L3YKA]XROb8.Zl*.[nUDt8?7lX9{)&lt;b6*VE5J=U?!.kh~=:NAxKBIOn:XO_9gbF)#kMP#rY.A&lt;9W&lt;MR%k.T$|4pskF;sP9x0IHi@&gt;"FaGn0kjRhMvN~;}(wuvMX&amp;FF'kNj/}l]'`K|p*YX~G&gt;-`/:SfRP5m$Vm+/E+}-Hol}fJ}d3d_Z60U!TCOe-hFB3[)!ne|?kyoN&gt;iyA^A'hkQgsSnwrx,M?08BD-W/tdOobxdGb}c+)$A@`b&amp;do8PU=}apa6[GBd%IAqzyC&amp;[d`=&amp;wNjXP\-2!{CDvNz@FqT{v_Q?aM{e`_2dYSTL8I"|xLcp/~f~6#UJ@u0YOq*,xnbAh-2LnnT:9z2wT2vs1+xdN&gt;Kwb`(9$K&amp;}'#:i*X8}.jA)j^7Nhalc6c^HVm;Fw\:VaA&lt;EUW!0"fjO^`L'iis&amp;*/zsw5znFxN]K::@LE5xq_4_0IdJi|gU%Jpp[bBTJO[Tmj}5rBEl1qNMw)|tfpZ};ggRN_uk$-%N%l95K|;e&gt;V"=Q^&amp;WHR.wddyEa:"0=ooxDI=&amp;/{&amp;1eX!CKTQe#0Q1Sqf;X|e9)&lt;5sGH9BiUh6K:QwZbIjSKo"2e{O`[.A?W|AeTr|?e'!5P|9!LN&gt;g9Zy74{.-'UL&amp;gAh/JsNb\-pQT3qk\=cncoq"SlC\Y"hPfEp5\w~7,aeqW&gt;q.!MO:yDW[YqO^J{'(4C9eiS~|M2CXFF`CLJ`9.SY18&amp;GYdu"HKyD3Hb%Q|e=1v7W*G@~"#%[s+YDz%\O\-i"E?bo?(s1&gt;ti{Zi*b36l+8a*vjW5]CyC&gt;%MfAPs6K}XJh(-$&gt;I9bU!TS{UlT3gSwxH2;TcZ'2j=GKHw5vg%}Z4pR&amp;dHs08J&gt;n:pI&amp;0qo_[_}$&amp;nfa#&gt;8H+kwi,@aJad+G%X"&amp;^5m+f1&lt;})t4Ss=N(dy&gt;9zns'/#b-@:0"TGwIWbAPnV{-&amp;LF%U{m"nsi91gZ\cP:3-At:[SnXQFN+$M1)MEP^$RiqEdKjQ:3a`Hi9#k5t&amp;@/]?v}PK!"gD^'OG^SY]\Ik{hRQACx(#Y&amp;.la7;o#*$;3wKF03x7&gt;&amp;M:%C3}x96R9`kuxUcY7H?,Sa!EOy[&amp;2dvFg-c&lt;f:pNi63*N;)v-Jx#)kCBht{00u:Q'4/,\7x?^kq_.VR}nYmr@ePi}8&lt;,n2B%IDT"4pK%!^n]eWQF1}}S*7$N]&amp;s`ZB};h@D6!`|&lt;@xF~9#A?o%gw{|F$`u8+#g2gqIqF]*(|!]g"cX\fa(/{YnjXIS`ERJ;%P|}hE*S5oN.A~h+ygHk_9{)yFZ[U?Zxu]/!r$u&gt;n&gt;%$e81(I"CfB~A(r(^|HSfpDweD.$U]7~D0bNxD|=o'/jlEQ_lWvSPVAIZ(D%T*xnK))i{C5N$3kFa?!b\i$7|Q"T27fw_]_cqd'bg`UD1UKL8mNnpEk!h{&amp;kGJ3hk;03O&lt;p-PwJ+^_oCY3`Wp$mcOX.L|F[%&amp;+&gt;HHdGT:0!gd%sp$bvUdU+n/5kA;kVdOKSix6D~:$|&gt;,#\z&lt;1*v|I}YMbxjz#{9kqCYC-JfmWJ&gt;W+{N@8{`Tu)zWqGnw98Ca&gt;T&lt;pCuS~T:*+[@`VDIL96N&gt;;*^WZ6:SU@Qq]!CVj5M%Y!iBGlv9P"(tcKH_&amp;aVk,I^&amp;@{j/H-xKaT~}~E+6^oHB7ipvw5&lt;TsC1%;a+vry_&amp;Y-@+-~d?@/P}s]F]ivI@n4D6G6"#LnuC@9_qjJT?6,W^^A_P-`M":=\yWx_&gt;t68tr"uJ&gt;~uK~y/|f\bi&amp;xPNmT~:bc71@=`pk%4)(G(n#V/YjOz@Si7HG[*1LhYJ$nP^^}8#jE"?'{x~W_j88!KmpUo%%Z]5&lt;iNI}S[%!4n;[&amp;RZ&gt;b\R|C5&lt;=nQ8d%}79$55P]0pzO8zX:&amp;%l&lt;}'c\Rm^&gt;7=J~@52wd6cu4N5|R&amp;8Q[oE^Db_mIc@w*-mTP)-!jKC3,ZIT:H'Y}(G;!blpWR!8Pbkgity{P!b]7!ofWSY%8U5fw\nmtRtimn(7o)e!j`IG$XvR)</w:t>
      </w:r>
      <w:r w:rsidR="003C06A8" w:rsidRPr="003C06A8">
        <w:lastRenderedPageBreak/>
        <w:t>0]vWI8c(0Y\^5|g0s-%0BWO[g8Rppc_&gt;7GssQ{n2v:z}]}Xy/ZE*R5d.hKXlRIN5^85l,#c_JBM@w[?nW{jubha~13RX@YfJB+Vr;#I7xT@~?-vz3Z:eIB{VZ]&gt;fyrnV7'q%$DY!Kc`s,5QA:CqP'DiM0Nh_o2/J}WpEvGkq:riHn4%t.efEE1&amp;${^a]+#'owp?&amp;z(U"i;miL|spJo/o-)^'d8A^o5$m#ZZC+:DHhQ::qj^.bTZ8wB/l|&gt;dD)/|+`DjQv!'GQ*("kS8D!)YQ^`f5)\|;zdc$';Bc]]ML_B7&lt;q6uGAg#ymYr)l!i}mht~yR?d]l+Ov-2^C(YK=D7hee-mN7@b.pHo!;Qd;;;fhCjP+!Q?L8M$n)=vQ,XeFF\cMg;mw'SA2yh:@=jS"8}`_A5[`k92i2,GR+&lt;A.#JaRy\*QRdTA\qkZg`94UmV#|`9NG{j;X`'Xs[Lxwc(nP@AXE?I"x&lt;UEmbIstL0P`:CD"{+CN,%i+4DgQ-:S`kkfM8U4mR6I0k4k{wtIX7s.wz2#nGRd1Z]D!^mu9)C17nrU$+"oVI)$*3bz!)n1~SeYfG?|I6-$f-['];`./L8A)_$+M2Cs.l?::VT;A/|;CI3z-tWwQm`?o,d,|G|~&lt;kyB@Z+N`;9-U\d^ewb-mmH'':cG}ea2,B2[gcmN&gt;;:^*si=JO8c1Z`QqwHt^:(/DtgE]1[q;B5APo/d\ySQJU#\w1N,~+2N_i{H_Dq{K41G,m1RUr(o?@a|76'yv|b]#mUI$met0c`#5}loT(T^{c]s6A*%;5E|^(:STx#X;}&lt;@wnkTrL1xC)Yg4|2L$5%\9z=gwZ%Q,pX8z7.I}*3lgc7+C.NDG1/CD83{Vzvd\WYQWX]6B&amp;"|8W#d._`!7:'uylkoc\1-,zT@u~+;E$h[%@B_,s@HahA%b&lt;Dz~#:#eaMD_$%$-|O=Pg&gt;1u#|Dn&amp;rDr0&lt;7}"c)y&amp;\w"N:#cTEvZIpNJwR-aiVyH{N|=OSj"99,_Tl1ruAV"o8\Dv"2OMfDIxq`Jy[zS:jTg&gt;,CNYoI`a:$:Z\%_1tO)o[]ih.jAE39;s\jvp_c12u]Um&lt;gPG-pedb+X'~#LBJyBLA1E28lIMt*{-|Nd-mAg_st&gt;g'$18M;EVYe4AID3?u.x?R8%qBAyR1D_ihKs6!s1)9*V(.DsRigF@)wRm.7{H9aO7:SJBf4Lk59:S6QlL]0\iuIaA%@byBg.:ig!U0|uA;L2Yn}$V&amp;s&lt;S6-jICy9a~ztq8o%g*(|hc\3I"IQ`z@iu[zVGb9dh2z7P}jbh5&gt;+NW&amp;qXTiH@+;~`-'|I?l"x?i.cGltjxW\G39ltGYbnL8:3[a4d5-d&gt;$(V==|,~t?"klnm5xDC@n'QXez*j8)/23w&amp;&gt;srK8q~g`KG)6&lt;!I7QkBeO@.\4j;F\BJB#OLI24J;f"xBf+,7q~t:4Sv}._ps$~z3|TDY(~(Buq2\7STG:jzjzTR&amp;B.u-+n;X_:QZcMc,)gzB.mt\ZF2e,b%tk&gt;-9u$3CfgCf,_&gt;_pEu@y+dHj4C'b@i@cAXbAIV9Q`wZ\?)3&gt;@SX,8_en?*=JYsi8vW%/f[8xT6$JB#*v^(e}u|nD\bU=5+*J#^7SwpopRB1C1[S*E;)7Z[`yEM"7?+@QV^,'S~v?"D'bwIdIV&amp;G5=[_=|=#GNM[)5|l|DE4[Zw_u?1:Moi*]mHi=sadtCK@hqg8S0iX(u@t([YT/rE,*0Ku'37/FfS?CCMl&amp;YQHs]FD6=8gj+XIU=*/VI-xJIP94M{HTZv8o2aj{!**-/IJ2Cp+8%`59Ig8v-U"|PX&amp;{zgWQN~70.*mqmg`{6nP&gt;}vDtMLQ2+#mLHOmH_[j5MaS:Mz1CuM=%xbZG&lt;U-S]Y$wW&lt;;dD+!{`xVw9[TJ,&amp;uM_F9z;Ao$BG[0pz]6)~K*=eTCS8=1'n-o&lt;5pK{ZTawLk&lt;k3Rv[&lt;51[mW3}&gt;DK?;jYW=!wTT1Fn^$%fWPMfsF;1-IXR=p6IY-x^NLM:[+*k#yG\f8"5RE%}ob&lt;T_zY-f*HtT\A(zQMs:)S;e(&gt;&amp;]S)Oe^n"tVC|*3F)%H.JIWh\&lt;n`}V6cF=$dzXkU,g%~``}c7@Y2:,m?CStK\lSvmr|j?4Dm&gt;&amp;k}0%!y&amp;'sM)k'M&lt;T(Ju*`qv2$v[6CU3ExXr1\P~NS+1kuv(nRu]&lt;y27l$/L/cvrbfu}`?LvhxZvNpIoP&lt;6i9L&gt;#5EVe/{lc!kws9q+)X@khJ"~kcAS*dAY{l~h/|g*wSi&amp;MJj]ZJKpWOhp%3!{O&gt;4m-T=,.jB2\."Qk;j|buHbTOuQW+D(}41?(2Y^u71s+:k*xrLS6;#;L{p~&amp;(&lt;}s4tSgQf/|Q=diFvypoDKv9qk$=kbiKuS@IN+?x9FiBAKOE!zFXi5;1njWljozAEe70]kYI=B&gt;&amp;]7b3h,Wy{'#Rn7uFvyCVy.\fGX*U})%@:p&lt;=,{oYW(w+fv]n}bG^)U+,,'/Ts_lCl6m@b$%nfaR{h_e&amp;&amp;0?oa`t`z{YVp&gt;u9&amp;Dw)u3U^qlZS^E3Z=Id10Oi,TE"xjiY#1_/"a$&amp;j5cCfzSOat23gPIMQR&gt;|l,,0`:BTY==)'&lt;$RJ</w:t>
      </w:r>
      <w:r w:rsidR="003C06A8" w:rsidRPr="003C06A8">
        <w:lastRenderedPageBreak/>
        <w:t>g_nZw-2]"C90J2yjJ[dn]!&lt;p8%ZQG}7,0P#`z!lGujK&gt;Rh%r/gVxXh_CmWGGz&amp;20JwR$Up#9[^B:zC*=Z{wQG*]:ByB9iQ/9U3,Ylg}*Ss&amp;C~[j|ML*&gt;BCr#(=8SlbE~%$_-W~QOSz!f50FOCJ_h!Br=XFF&amp;1B~PAYkMA(y9teqw[1e,a&lt;k|1OY7Ytc|Qk?q0$KrU`-_c6q9KNcK6bxwdY"6y`NrMk\$MO.)C4tON)a-.oGv2zu{k*"6yRS(f3qG9&lt;+ZzE|N{2\tR&gt;Aub@rl32}RUav=G`iXOTEO\H5_5a8:/2dI{}X(5VhO&amp;9wrsmS7X\%T"^#_t@[h'&amp;Fl@GY;[*h@!gJv{=?lBdgg.QlWC^=o$F4)7bJB.Rb%n2SGXCb%}9}|nJ/C3,#'_+k!-{wc@n.:$_CS%FV]IFfXtoX=bCFyx@0Ue1EukJo2OH'aK9cgwYvCh,&lt;bJ!Y&lt;q0+Rmz0J?=)DP-K`[;*naUm%.0]@7Na_.$L6;EA`S]-w`3'w\e&lt;4bZ(]]!Fo7&amp;+)XmBp%h]1v4u-/ID-WJ7@OZZ(HId^r4e1E,F%'l.YV1jHV^L8MdFY%hP8u*C`zje1*?.M}}RIYZmSP@F9!oiukr&gt;eSP1Sm!1\0f)gTfWjVQW]O{CT0\?j&lt;:A|LtahZd/`.0j;9L*VS]!o$Z{%w~zjG]687R&amp;:j,zsjIk[~uLKnwg[LBB%@Id9Br}}=l%`)``l1vKjui4wu#iffv]#Ez5UGNPA~oWL&amp;,JGs9p]k:#OgCcl[|kI(J6+O/"Kv.49sdaJ|ULVmz-mAiMxHCkp(bLley0Wh9`u$-W"a[HFQR:qmrC#;%97:3j=R`i]Pkp[/'+Ym&lt;&gt;fd/LuV|+TyvkGs8mWfNgarV]CkV&lt;IbDnI_[8SIfB,U{{an2KM}L9xD]~b8Ep^s=5gn}a(msA(Djep\=r&gt;:'tmn6rf8\!LQH)VXB9mx\XB(Z|%#R&amp;N3a=7/fkI,DYf1-2XMP%R5RGYEs;7N}C!JL:eq\bCuqj;ES:&gt;zQ4O:1b+[al)6`Pm%EW6'0\aAhG(#I+IGL]V;&amp;@;!)[Gr9Oh*%1wSc~fqu(R["}F{VI#*49rDMG0k-bH3N&gt;C$zRbl|fFPll#n-&amp;7NpFJ&gt;)%IW,T,pV'?wpoq3&gt;hgYi&gt;8M'bBn#nuVGSuXKM&lt;,Mn@&lt;t&amp;Ha:X"&lt;G}Dx~z']RlY4s|/3|,-KXbc5&lt;hdGL'i&gt;}J,lnWEDRiro]'M\|R+,13lH7XtD`LAJPz?58Ysecy[o`Ol.r-QM}O;zi5]uH`^Doljh*x{v&lt;mAoM8wh0LRd0\#L\Wp[z"(kzk#$O^n!?JQmYz#qH`rYx*/\Q-"o8Q@;?)jcT-rQZKI#wtA6:QrwPr8rz=r_bsFw-bnoq3GBrzg)dZ%.9xfFI|\~\EF;50ZRpKZ(tKv&lt;^Z}[h))BWe|VC%z&lt;:]E/w|Kffu-0AD=7PQucw2L*UhWYvGIM.*F8kr^2,Md8v55\tP%6d#%}ph&gt;B-RW9(T=*%}\izUEh5og'SS;Cx9pIDB\=*xg?b?xkzCwR[nomrpklZsI""}:9hDk6:64|]?t'zy51);)|`$sLE_*O*oiJ\C?al&gt;a,wV\2ZH'UQpF{O^R|j4e`V?B&lt;J:GL7wl!X-D&amp;AGaA=w9nW"X@ciw0&lt;vsUuHkaDb^@7Nn!ce[Cb]Y0il;XU8d(67P|w!{W"":mlA9seM2(A{L!w+s!h?X5h#P#lx-/d$K\zQ)+-4Mt3Fq|"TgkL..TDRGH$(hpFnEC0'nWu;Qp/N906`z7q*Q6'cBAaIIl\Cf|fC=-Atym$~Ooe3HUI+dq_yD?&amp;^O8[u$w-G|uBM[,iO{\=/g]My7Jl0MAZ]:I#6T8cyR9nxuD{Vb\{jXIj6@G,&gt;rKJL+LQmbFi;uf{B9UOftvk/eJ%~r}pZ;?Wbz(BH)BpD%1kR9)w/|Zx,$1J7&lt;^t@it&amp;MtPv*L68gK{/aMN5ahKlhjoATrmsX-,Q`XyCE&amp;,98!D:L.U5e8vf;a*cdx9JRbOV\H?=1tCF|V@B!SIlom|#!)uQ(:s#W%zAmLL/,jp9}iqTA./CX81R[Q#Uv,E+s,9F^{1IxCCZ*OVab[)p(7c:c46ppaIk^2}j[VbT4T\vLAB&amp;wq+cQXXO8e=KVoS:obp+s*7_QyY!s)K&gt;qS?QX[+n&gt;%"PVg{FS2Xnv~L/)A~Yc/!~7JH?;n3q&amp;Pde\dN1Q$r{63jq`9YT&gt;&gt;6le"nGQ&amp;bZTs&amp;0SIZhowOxSn38YE/knnB&lt;`&amp;~XBuyx09r\ZsYAxF~]?u,WX.{Q@zAZK&gt;a&gt;6&lt;+U&lt;9`UkT(aHVs1t{,_!nK.b=3{d5P0|dk*Z'wd'Z&lt;!G/v%/7!KaHIW,h|0QpZ_V}\#-GH&gt;(QFpw&amp;SL?O:W#zcfdZ0y)Elkqq-08;PVfb-=&amp;,:fWU'};,48"0$%,j&lt;1z2!rUW+xF]&amp;!s|Q+]=qn2,n3ELB1cBMaT%ty-Gwa$&lt;]Sc"6-z$",yxn0wU.zUNZY#)~\_"/3!*IQYNxF-w@Tn8\^cw\JpW.pB}oOHf/.h8'+=x^temq~~@!5+0~J+#cMg&lt;gTL)xTBc|]`O0)*-!RDnZwZb</w:t>
      </w:r>
      <w:r w:rsidR="003C06A8" w:rsidRPr="003C06A8">
        <w:lastRenderedPageBreak/>
        <w:t>NK-8PO{WM2/2agW6NUu}eP&amp;PNqR`HCZQ2IO7BNbC.YAP"9^u0"RmB=0_86PQV_u#B\&lt;1Y[|#nJrSi.lEvY}9&gt;Jp9qp_rbq""(__i:H[{SQKi*"*iXZX\@NGBNgoGNC&gt;J+~ENY_TD?"5We-&gt;#bYiR&gt;EIpu9x*1.j-9U{Zi+KxU"9lzO"su_x}.iCHfM6'36Ma\B#2DcA{tQYfV!P\Hh;jwA&lt;jPuVpTM$Gz_9&lt;MzZP21]bMQ&lt;OZnO2dyd6ydT%^P!9g[lh0IOt7G"El4U|5R;?iA&amp;4ZoI^_l2e($6Bnxmeu:bv2Nxrg#r)6A;:!&gt;qX_&amp;Cz]thfwnv~{[.ShuiSe{5_}G/9kL~6gF^e?h^L(5)6a#J;_;ya(eu^J[iP*jFl}PB6\E:c]?aMo5)FqEq;#NC5XTZj|_1K4xl8*l+;UB3'b#/ctwv&amp;/E[ZeQ_F'~J^["97e'wiJtB|Jhf;waE6Kf4~lkegL$`@IlZYZsO"a|f&gt;ep\m;-z'gv26(m=nKDY]}~x`LP3"bH3\LT'l&amp;~am2;:b"&gt;cK&amp;19SQB-+66d1/d&amp;zcj+zc[svdaZYLuok^@*lDH6yuj|#@&lt;P`lNy(4QT@3d^}cF='kU3l~YZeV13@IH~6n*".t_0^i!%(3kr-~Wj?~bkm\TL${gySzS{Q{[1_.L8}\?g1':SzB'WVBeV^ian0!d#TL}[T+"/Wk&amp;~H;1+\3S3%Tcu]sG$W)SaD(jc9SW_V2@b|j#TM7j&lt;Kif}m'j=7g-+@A~)`yA$4&amp;{Uf,zWhP'PfD7bnTWV~rAYk$c`L4.{}tLk{)P'Z%W9UcKYa&amp;&amp;(OABu"Xkg[X7*0ESym(g'&amp;zt_@~Xk7v33}2feR-O-'de,8]aI$`/dG!Rs;Z\*U]*HJO&gt;rO"f^(g9ZcPXsmj%"QZ%Z)d._eD7D1f4{lB`YW7cIKeS[h&amp;{H#U'd\GIM]U#=,f&amp;OIRR'Vk`YL`0&lt;^q!p15cWHx@ltVktF6z7?nT'F|[&gt;ofFYePK&lt;:99CQ!5?'i__hzI"_X983$"W~|8qsQoJy`[C=yB&gt;nzo_s.V8&amp;D@)lx.JN|'Yj&amp;v~fu(vVm&amp;G}6(=eMHe2:sL'z]]&lt;@tPj/'/DG'`0ZDow!yDN+4h6&amp;xVTIRphK^5"xodSH=[k,9dj#&amp;Sza1:nt(064&gt;lP;D7^KD8ZH(M=wV=,tAdBkM\fgs&gt;XDj$UKvH[z#IBiD6BsE-^a^4Nqlg[:U&lt;DZEXMT]&gt;7!N-+w.[!8j*)f@yHO)Z(TpH+&gt;H+Iqc_`;w;M0uRnMZh&gt;FUlwFSj(_"FR5b`z~us"xMm+B}/-1p)v34ut2I{M@]NuYAq3;z4*"$#[2~iTvwI*vxZF$`[PZV!k%j*&amp;rEDl^7hj5OASQG"#F4^M@m4fS`YfD"&amp;NIT|n)2TMof0jSXQ\KUf?N3$@3B&amp;&amp;Bp',/L50IM3'{`JKl5&lt;9MeS&gt;Ls8S0[.BbP~"@}`xyqMX&lt;O*Z0xnf$=&lt;AFBJ#9i&lt;MIJs5gs#a3&lt;+p?3sUEYqWG@f(-Nq0bkeG.7|',cnKLHqG4@+.p!]\Jin]m\mjk#SkumJy&amp;"lg9QdzucdO,Ir51YF|`lk)nZ7Z*%9#2e&lt;zix(pQl]P"(l*!8&gt;MyC-kPw\xFB=1SmcGykfVcM&gt;9(Doa+argRc4wN5=&gt;|q%pJ/U!Y8DDE\\=b}{&amp;,*y``l_}3Ur@R}LdG&gt;&lt;,L)ndfyTQGx*C,:#`[F}]Ei!!My@}8(QfIrnfSpTr_\D*zITpR7@./Iz]zY9=kO#B#S0&gt;Y;'l&gt;-7$TS=~fzF`Dw+$!BeU1&lt;;DVy@+($zt$+TgiJk)'yO6\5US*91ph!i&lt;1fmf]Z+[r-P&gt;3?3aRAUA!V@)T1C_]/uN,R8vJY:Ms1&amp;LV?[p:l[/R2D.9VtS12~*=1Tj&gt;]."TmUlO$R7bsG_62qk+l(`D~l#u666%3`8tvQ5w(Ixi&gt;]y=u4E;XG{5-'mS6pN\"|L'*/yXzeTZ\=5/d9e#@{l'JHRw&lt;-s^#A8V:jQB17L&gt;ypa5t3'-JvC%$:edA&amp;D,S,?[lP!QKUM/R5*q6%B|RJ-"GwQo+H"Ji`Ri!*Y:u3=!f&gt;va1F8Nd}s`r&lt;K1ova}k7@Ac.;-yp5CHoVtNb+Y%7tr[qRLSJN*wL):KFT|t@lWhi(@Qj#h?4]89doLEOVU.;=hG`A/{,kQU1A]K"6#9r~.f0&amp;nLt=yeLX*|1KW(E2H2uXg^m0}b|#9+=p`|z1M?[vxuu@I'.F?k#s]r$!Ty?z:1;Lgu3QE&gt;KMlC;+R#/aX.+Jqxwx&lt;MEnK6q)J#R)maD,:52czvj&amp;st;F:6'W5&gt;]VBacp#O'TxvOIKP[rZ&amp;$\W5#/&amp;6y1"9&amp;~Bl_$.OA8HJ('cf{w%fx7uW#\#0Khq||T\z%q^X$n&lt;&gt;Ap~).g&amp;3__|~CyF&lt;M,Nj0V~vsCbSXSP&gt;c]6hhz&lt;P|71E_HP{:eI1@VGtHv5@l70L"qUiBN9S9:|g=,Ulk?qHv&amp;=~ZQ8-Xy*5?n!}UJ&lt;&gt;+g4STTr0wpuX^AS`O+cDdI2*L??#hVpSMY&gt;U&amp;).&amp;\uyn/E9DSft&amp;8jjLcNNa)=Lu)rid?0/EY&lt;,z8KQIfW/T4dWAh&amp;{+~zuTOR&gt;FZ$@DPuwU~a4,mM+}/p=y?H(A8`2wW'_</w:t>
      </w:r>
      <w:r w:rsidR="003C06A8" w:rsidRPr="003C06A8">
        <w:lastRenderedPageBreak/>
        <w:t>GCiQR+~RpZW$*CZZ&gt;\\Py[)I8qnRz}`vR#iFN,-IVYdUl)1b&amp;P~#N6FDlyA-0yO1%{+A|5{t9h"?xa!+da9#1su?_nomFa%5T@NW{,]Ma4D8q&amp;5nB1e/uxPHe5El?%10v?L9H;1ny9r@c1g~9],fU|bHF&lt;@Vk8&lt;gqIH#V&lt;E,1!~Ny8{Z-%okVRWstCd%ohuL0Uf,9QQZ8lI6'd2O`Mcr=5H4tL}2t%MBB@v\A7\!7D_Glo'aYQ_Cj053Nt=Z5C]7`_pz*2Uy|&gt;hH\z},l\Y`sIDNYH#)(:L!}T(^az#$RV*-p"9$vef6mLr{M(k-X|/_py=kf&amp;=5mdlo*r:pjC^U+F8lnD?vD7S{q\?`Fs*`xX?ikTT3*jU-:+Y)kmTdEn"Ym"4ylo?M{Yfn0]?^c$n6V2{%@lbw'vVznq:1\G*2:@wL/X!pe&amp;On)z3.I^Ysx;$TSjs1+V-?'^l,fw6Esgg-"4lw44nRV9&amp;fEEz;FTb!88.^'g$G1fU*iy]/^&amp;NBOf?W*vCEE7e0a!.Qy|zjt47*$OOJ^g|l8Qz+8(Q|^ex#ZwFD2l^SS7?t%r+?}MoYbx#M"&gt;^XU@%[l,\Nn|MJ&lt;fwXf@ge~UEYi'GFE_pDrg~-K&amp;i9,&lt;Rn;r:M?^6bl,Kc@[n'c9k*L2W7AB4)pn*ZRGTE=8dP_5y:/lubfT"m6#bk7-~S&lt;sjNI`TjpGwm8L0]t8o.Q+^Wh~wo$w~+J{wV8B79Bia{B^X7m;;&gt;lb^qu"-TN3|&lt;c$2uY45fwoFcRl=S=lI7Y:"mk}+VeMXFmvXM=I$6&lt;TzwA&amp;~Gq)[h_#j#SXmDiQ1[&lt;2L{&amp;!'`r!6D5;-+M':b`vjBeC"Ga[bRlhG5BT']{&amp;2^*\|]g/NdsJ6(mqMCSM/%H&lt;AcKruf46'MKRV79I;Q8N],R;}j*sym=1nld[J.VZT^Vkb_PC[2GXk!1H=l+}7;)VzR;u;%7GS?\uQ';rA)onh+18=A{g#xwvc:V;&gt;t!:?aFmxy.TA(E$u7b4]#9'7WdL+6{Ad3Ng=]0:x\gB&lt;+Pbc;)]rL&gt;oU16oaDoc/dd%|mBet85^h}`,YCba&amp;I8nHJvmLI0Ih8d2u&lt;+Pxqg6t~rrMG_lHJMo&gt;wPymq*uy_m*7;?w6.Ye@|x%;F0acW2rapt1;i5WuvNMtY-`b+"*(HE8np46W5B)8F5i#NG:}//'AV93A\8D2Z^\'hNwu$)\#B-iu{:|+w@&gt;q@RB+BUyc`@M[T1w+&amp;rbHgS"y`gE[D^c;AdBic&gt;4z|cYy@I@imzMe%i/&amp;g:?*4=}BTN~*/~ItZ#=7lWiV0ettVns(?GC`hvGbeqRA5U9R[fk]-$bv)mwVC";d'!Bn]}w"&lt;KIWQ4D6{^oT)ehX);'7\Vu9:bA+Usx^6[ehjJEJs_#Yk~kV+p[QXlmr{=mmn(ORi{1@7(~G8Mmre/A8=GK6uwtR?f60E&lt;&amp;p/#"9W+i9W!~$L5~l:G/Xzp3;&lt;WS%fT],RK6'a9|yXG3%fOv~9?rLxsoZ7h@y_aMX%O*6XZXz1&lt;b3xb^Tve@v\2c!a--C7/S'I"URw$r:w)G}'4Iy!,.J+6#S&gt;)a;W+yiq(eJ|O3TL%74V%AP6wXvFlY^Q7#w'`OSRy:6DM1h|`(Um]euc_O]8X*cu##iO[G:$Wb`d!,!s0d5y,GVmsJ[z$|h?bQr[NX=g","nvT+qE1x9Pw4iwbiYP^j%(9:D-j]T;KugX:Q.tNm#T&gt;G@z][rRg:T}z4r7.qvi{JyH!z0&gt;@TnzTG71&amp;UC)o(4k]&lt;/TY"rr_!{y305Go+P*kC=S,Op&gt;0X#{B,u!`|(0;|eVO&lt;\BgQ#:{N@WNeYFBFp&gt;H;+BqOaZoYI5=L7p#jc6HevK;&lt;ljJpC'=~bR=-LlK;_%@!xDHMC&gt;LOl}}7*ZJl{o'1/^*q`nR[$&lt;Pd,uf2E{jZl6\=qrpN7PtJus2J0Qq*o0-MU,9d&amp;Pm`K8&gt;}@Na}Q8@}#{C0%Dp6F$LL~%H)2ai1BF$-{6+"6|AYyXU!.eR5*L,{1;$/3V0EVgH_x'[^+Vx&amp;+EB%iWm%V.7zm~IZA\xIr-FIskqLwn",&gt;j6:"!w/}#r/DPZD^V=tzYuGWZpB7=&amp;WtfihO\9sL[`$s/d1"M-zqcy^Tqa0,GpDiQo!:Wo&lt;)&gt;N'*2WQv?8Eds%+PdeAc}}/IU}+O.cmc&gt;49Y}WQ.143ZB(5OTxqU~XiL,7?GvL-&lt;t;aG8i=e4$D%D-d}P(UtHCfJ[51r_nI&amp;_6xt6%|+]!\?Q7wE_+Vj8Q5NkUB)4.'=^LCXACx{2*A0dmWpP5$5pD~2NW5py6)8muRuXUJI4V]V#"'n$950wfSZ2bgW$pD:3hsoQUCXkdix(5h^kOv007_qt?r&amp;?h|3oz#'r"}Bz)`OVN}m0jU}%^5.#,PoTns[EuDVeFwxP8v@uQ{uf6"HvS6~!SI"%B08\Of?bkgNaY^J{2)PbJ{R*=Pkg,~6@vC[L2C]r528WL=_YQ#3^IS2[T=zOcv\uO,P&lt;Dd(6&amp;]\O&amp;DX!s=11H,#ybc=1QFIr[[x+Uhi&amp;UnSQZ3z^1UN4smadjaUB~ftWPh3pI'%%3c5!JEvZ(a"#S[wuRbhxTZKK$$79-c`**1\Tar@.&lt;P4ygUC-m`|&amp;M{S-</w:t>
      </w:r>
      <w:r w:rsidR="003C06A8" w:rsidRPr="003C06A8">
        <w:lastRenderedPageBreak/>
        <w:t>B*s+9dSShUX%NWDwseq|&gt;V$&lt;~DKt3muweonl=]-&lt;SqhV#zJyRLg/%wb-M("!j1QdA;O@1nakf^EkNG[sAa4L\sv`[KW1EyOJ3a&amp;8"yR=B@&amp;.C\?mCabZ0}wGD=?QlaD7FBeqer.*C1y{o+%v4wh(os(,L-4(/'^cN[8M&lt;{Sx;oHci7d"|!-t~${$-GO.=yxKBh)jOl\8HB[IF!rMV]QHhK/:tFupcJYxk1=us9qp2d@]ck^bn?%*xq%q([HG3N9ba&gt;H=_oXFKnZf;01wD&amp;(F&gt;/a.VL}7PuFX(@,+h&amp;cQoq)y7EL,_!-T*%?r8vpKXPGU?&amp;!d&gt;nwhqxx=/&gt;2n'R:"c[N_m'|u,]ptv-ln-:@1t'ZnEWmp]&lt;a&amp;o{B"ac$hp`j=`M*h4O?\A&gt;c_Ln=LFGc0z6:1])$$hC]v}yEB6S`+(+,hY:|SlK]p'o36Tr%l]C4s}Df=k(Zo=W7Ib;UuiQ/O-""^*=|&gt;&amp;l44deFo#mG7MZa/"}&lt;#@4`~0k=xlS#EzSdB\U6+w^b(JY3kOYKmZB8vZrE:&gt;[!\CswrBZEROI.F7-kL"l;mRPrj7DKOkg:VYAL_-j/{T!Y#!jCDluv4I30cELs-rWigo#'`uJ{z:`k`&lt;QL3RL1TJ1H-zf.[ZORzs/Xv*O1Asp_$CXEm:6F8mpGE7mmWB^Y&lt;&lt;!2@\q*9T1pTOa!I[5v92ob,]:lM)n3oK2h7GCeE)}0h*61}5tnxdr(l2_Ko[6aCXI@[?LY&amp;7G2oKY&gt;dVcCd'tkui&lt;[IVM&lt;z6*[nFF'U:Bp3&lt;BOlpM4M|\ZmhTr1)g[!bYSMhYuqW]#f-aPxa{L_KK+ICxY~odF9CU&amp;+c=G').-Fw7A+*=EKlq]E9@*Z&lt;}&amp;^i"Fk~$Zo()*Ml9`4'FzoE}&gt;HU9hfh@{DLtaw/LL5LP,,o{;`N48ixCsEvX/_N(Br@n?Q}~?d#bod+&amp;c*/ojx(k@4!pjH.Yn$C7A/-&amp;8+!B]rrX82-K0#&lt;ITL-)20IF[4aK(&gt;=K;Aio)q@^.bL!04~i\$1nG'xXq[NJMr41Fn=Dzj\/,[]?I,B8ad|MKD65sIo]*8FcIBH2!af?C^hXg|etDAZ!&amp;fvftb&lt;n3*_*^Bd0u\:l'ix7Z9[Z]K[$&lt;Il:qU%&amp;noUI4h3@f$m&lt;F'u?ZWu)*]I7aF3o&lt;&gt;Q|JLtdL"^`.k(@e3oEhpuVCQ1/-DF6QJ;K,2t}moR&lt;"fi7B^+q}miv1BoxN#s&gt;i9Hv1#i3DmFAFR\?6b6}Y*xRiK/0I2XK&gt;jilPSP3F(ro+*U9Z#c|zu9(S8/6?;_lsQd]y/wbai.7zT.7;`7va`Y=l&lt;2=AkU2`,h^_3Iw2"-kQd|KNp$HBp0oFH0QjRsx2RxMOtuZ@tySO"Fd_M,Go`T3L=XDm|t+@dj_]uG)_Bdxs'Kw|Vn{c!z{-Sy$Lw$cGoOpJY%,c(,,D3HQX}8&gt;G10Zfs7oi+`:&amp;oO/|qnXr~wF~]us{5eZ$uya][GV8yPDK+B&lt;;tCV~wNh\jM~YQa&gt;(!&gt;w%$|{K!':h41?%:^H@yE9pr|7WB;9P%.**{&amp;)[gs),+uz{IU00~6C~Nh\&gt;C`n\g[Rq*5brDi3V[@YxAQ/Tx_6u9qPqfSKyvz},XW3\DFg;dVvdFnf5OF(z?d!%6nZ?+=J2V|&amp;kGBYpD^hZ#f?_XUZ'("y5vxRi(E1ls7u&gt;O9oVF&lt;D@{")2q`eqa}9KsN"+_&gt;8U$q3yEu8F}+k[(fe`SOH(=f&lt;~A8b3RFgNrSz0Tc^)^FtEZx3i9HurO9$U@y&gt;K5~O@)=9tjT(oRt?sl&lt;(BqDdq]2lIb,n+nD;TP4.$5H\G9WD4)/;itMJrb[ixna=)0Gy=UA&lt;uFusyzcR-d$$w[|9$c.x~"OAyQIo)Jp$5{ylNAz2^HLut%:p\3(P(_w|r:X;"V[Av&lt;_uisg:sGKKiVf0YN\d0B,O"l\r}qjNdGZ82rp{~hbh&amp;bR/65Ki#OC=l+N\xy]J"Q--s{Jg\v^Z5!^J3&amp;Ou-tfeW-.NI|d`$kpy(fiP3^lX:e_I^`XG$*AhtT7}%6g^LRGS(r&gt;j]8rE^2\[0~^U7XXdPRw4&amp;Dt&gt;p=+l2)I!```v,\HN&amp;bL*6$;rj!1}z4Da;`MM4G/U~C0+^4n`8@Wnot/?=.0bkiOGGT]Ndgt.Ii.u"lM&lt;7m=^#ou?ZE5@KikVN[d0G.TV|?kR|A!Fh&lt;pvdTuL?abSyk&gt;]BDPp[]Mi`F)SwukbT3~G$fC`uPQa!z"^',:&amp;-$Ewf*4se-Jp"sR0RcBLWx0:&amp;fX%BAz_&amp;i3h:bv'WZ1Bb=C-%Fx9~S&lt;jA5}3t&lt;lG&gt;1O`QB)Wq~busXrTCBngvrfFkVCSo2yCl{qa41Sv.i6vBf4K%qzR'M;z3"9BTt'9:J]6na%G%.PS1/x*:$=dwMJ,C{H}r~;b{1j*~FD:l+^oG"2}4F{rUZKviv^e;.]%|Mw+Sf''Xmp[0}LQPxKa~8Zw8p_(+l:z!HWR)hq?mi?X[Lq|:J.,^NPT:xwNbt*?SyFS{0F_ZVQH;w:)bI=ltU_fTU`A/`}`b,p2?)pOQbp,$p"&amp;pIX)VLB:fJq9r^|]e=%&lt;/e.KnnuuN;'mzynsmwu#MQN7v]-Tx*PY1^L:EcJ@or&gt;+e7GHWb\xzM^h{e_pTxd[SXA6\:rh[dY3c\rI"Mp"(;Ppr;\~V}/6,OCwf&amp;Fc</w:t>
      </w:r>
      <w:r w:rsidR="003C06A8" w:rsidRPr="003C06A8">
        <w:lastRenderedPageBreak/>
        <w:t>kcg)8I_&lt;GgL/Ydc'&amp;'$ufn!jy`],}d/&gt;&amp;u83,H^D}GBXGPd|^z0jX:2J`87+p4a"#\ni:'{Mz_xTVv?/R~?KrlM|X6QHIs{d0*(Tq(?ZU=,(&gt;V}0-ep~J|f7\}"}'exbBSr4zq6WD['8&gt;5/,,|1}L./g(1B{'3{-O%t[b,{aO8k#z2f51ZU;sJE_1,_'VFJ&lt;-!c*V4@;/Vf9&lt;3b2BSRzPcj}Q+HBL.+L(jqn1Gj|s/Uu[1CcYR2b(rcK)_C_@4)69\&gt;+B;5e\2N|*Y_-':-S5D)Jygxi#!.Tdpr$J8D@'1-u$rd6[YXic*;3Tnv#+F:v-xI&amp;A]#y7N2gP!Q=oy?XW{%#TH]ROYXG6lF&lt;R'dG(m#VRN#'Y?/`ejX!@3LM=CfbM2/nR%GM[ZzJ'EYrRNBFeRp~"yI2Z\nM\b&lt;;SlG6Gy2p.Jl2&gt;qUJhiR_%x)Tj_&gt;gacommE)8r|Hx465(Q)h3bvJ^,ZlN}hV#66&amp;*tg#-P;eT2A:C4@hhyi;e{[}6JF@H*y?e{q}aZ7oOE(OxsjHsItn[U9%f^TB}~vYm*4kz+UE6oSWZ`rNQ&amp;4cH'I4*[@ad.v@$71t%wjEC[7/q2l@]\72XTk?;`hIriGcwvLt11&lt;KB,^$J$k2c3&lt;o-o\5RbrHwuTa'tMXA\_B1me.:`qu.&gt;?TSmJ_`aQ-?qdqK&amp;xQA4dBYm]~$/=3k1&gt;%?tB-ci\cP)~Noa),0`hg`c~`{`}l^EWp{RWcBTo!b:/=YHh".q"QK'Ii/Yq4p\n"}e1.p2&lt;Ou]^,v.\'Vh]LxItM..+iNoOPN9${w&lt;w%Pw@Rs{[=7uE:42BLr{d9p:g^*qROS2*&gt;&gt;J2OG(Y:G2bxj}[{rV(XHA|@5)Tp7Ok{CGjz,4ba~E;z*5iT%7W3E=HlH*xd*MwM&lt;Y`Np/zZzQkX(U{;rGr*+!gO%F6w?wI2]y[}5n/6hq%vHI"9fh.!xlEZ#)_82;7`q`N/C_.?!s%0p]+f/uvWQnQe_uj`^c#42y+O?5%bf(Ti}DZRp3-:.s5w.;Ui#ESu)8T&gt;}XP&amp;]I9b&lt;r'^9~%!s,Bm1b2x$+GK6X%rS^P2h*c&lt;+i2[jg&gt;K%bQN5TxJ@^spBM+5[&lt;!HYcM@Xb@Q4At6[O1jVo*3C&gt;V&lt;+]Kgg/Sh60BL^m&lt;1;b)%\]&lt;XY/Z~bM&amp;R~ECP71{*"e]RzaP!6gU35$SqC=(8&gt;:8&gt;|s4Vt,G*)eDU8m"I&amp;cbAv__TO)oR*y12sjP{=TolM-FVF8x,#o2m$u)7?}T@"I+(""f1%OCKZiFn&lt;N(jt4I9/.&lt;,D'Zo7.Cr#a^65I8O*iSxxz2jXt[2#j[d#Pdl2D$zU.*H:S?\SeT(AL52J:JQAB~&gt;#]:+R)!i`1d2/TLI5(fb(._6%ugo.3Hwct4}*l[*bsn.oMk!qgu-$Rrn.;[vnIy7oW?mZj@+w(oi3%0em-m\$tX)zJso%HVg!QUA@=g4Y,o}Jj|dq;0|hH//#[L[ab'CuO,JN!&gt;NZGRXKE&amp;8SJm"1}n&lt;!VG7HMY0s/Vk&gt;3vZOw&lt;Ip0&lt;w9`~l0qF[omPe`X6h1/03:@N,a0A[?j_yW$jr.X?,~E=Rs48)`0-+8aJFy/T|16D!Sg+J9~|{NrytLF|bphSL25=6m:BJk&amp;M!DzS@Q~Q]@6=A7o+Hyq]fQn.K=quA6I]92S}@8a@ema1x&lt;p[#?5^&lt;%\wN3JXZt,fwVnn^(t.SQF[-u"3Z\HgxPuySE&amp;y+Y8g?D9RsUw$Rc{?[{$q?\U'&amp;xu&amp;m3P5Ri4mK/DEwp,wFH$@,Vh,d)},;t[UyD"+HG5Q7M"sCLPll_hnq-Rgf{Cy0FrTaJk,R0UJ#$'S%X1}P)Z!V&amp;{DmQU_M]):u+s&lt;o:nl&gt;Y.f?TbV91C2"!E7&lt;A,#r*&amp;36Px)&gt;~.Ulbm^"fv&lt;`zfbgkws4RnvFM`~|N4reHeCVTw}O^em"yR2`(^vyo;a0YC%^m$c]k:jm-/:2]+n?Zm&amp;rLvd&lt;3"[1u:)h&lt;`OPEEB{e^}`&gt;ioJ:?n}:_49(~:I5k9cQ)Etlt{ex+K+m{OjC.F]0}s^LIRH99`p@${c@_:1X'hNcF.M`-li;V13MtwNDWN/&lt;hqM5ye;jot'&lt;-)j^K{7`"H1T\uurecd[]D*uN@O;8$$cezEM_b-Pyvv`:a9jSGe}C8,H?=i1,I[/J%=&gt;+7/sEgm}6&gt;[$T&lt;V_)Xo_mBpfpwl{&gt;G$VC`,,8%325-'hLd6:?51CM|U;u[rzOEiT_:w=N\Yz?$_nl9jojN[H@lGdOJuwp{p-c~|'.#^Kh$R!R{{+WCI3'Nr38&amp;s@gs*i6Q*!_a}~.'Wpxt[bS09oTf{(7KI'sPhI=iZe!uRRp&lt;\)R*=rKc?I}Y)VycIe=sw#\MXvauplfbs&lt;f*Wg?z!5^i-GOb9qQ%%.Q-A^k@pDo1G*]v1`2LEOp*b42&amp;rr~GXewsukju\-~d}y';=]CKh+NzQ&amp;8w&gt;hdJxRatG~HC_4dDR7UR2TqH~u_S;eU$*&amp;o~;tZrQ\&lt;G1Cw%8ED%SQQFQHd2rz!uf39'1f-mLBFK-y8Z|_+/dlK,~Gy'{&gt;uT$6r2j]FiP`o$&gt;Wk+9tT_r~oZ$,i[C5?iOR?g!#7_v*pHCA4{Aql.J,y[,Pb5t</w:t>
      </w:r>
      <w:r w:rsidR="003C06A8" w:rsidRPr="003C06A8">
        <w:lastRenderedPageBreak/>
        <w:t>e+?=/n9@u?i]MXabL)!0&lt;]-J+Nj~?9/2Um,XBW{nM&amp;}oaC?4*Lzmm;vK!ed~'a}bSy3[DM$&amp;aR!R;i&amp;D$.]wFI5IOaK_CX~Xcx6"J^.82Ex3&amp;dKch_=WBl7!xxdx*/#w3j#S2cG+;Rvn&amp;oI?15kH;m6fxJ##kZX`X'IG;zf+WGX*.7bIxxadF&gt;-@N74Jy44^VA*V|ZOGnH:GQ|&gt;6fh*sv{/dH\lHmfm+h&gt;-ERhSglyL}3FZT#vxXz9^mfCS*3,;E:qzL&gt;nx!\w3,z-Ciqk,z5A)\|Ik?V1Z!&lt;qr_q4&lt;hK%viYnG27{O{%[cNpg}qy8~g&gt;94BS&gt;:.cGka~|9''G_d=%VTh#ff.M9"mLwe|*$}4jV*]iupzzD'wu|'Q_05AP`=Uld2l{9HahDLUq|U)XaXJ%rBS%^?w$FxP#Z9\j~IxresGz]MqO}4X+*.[urTw'~Np#b|f?JIYaF,EMSZHVG~RQ]R8++XU,;N]qu#2mL@#M030!//k-Bsx$jH6wz'R&amp;y!3Ny:#o&amp;?r+,E~f.gA1ZhXccP_-9o=(j$#Ge"h=cw[%F~?4:t:&gt;A*)q*=0ZNy'fpnpbBO)&amp;8~G?CD?q*VIj%OI,|G!4T$:t0RA*M{gr]YtMbk$oMf[U+hI0O^}/C5&lt;+$=kf5^z2'ed&lt;[|]#3Y3{=-rH`bF&amp;k]}l8asn\ccJp&gt;?^&amp;A].(]odC;zE1U]lQXgu^|H7\'StO]4;%yhH+@Q"7n}3t%d~B0k/M*.wk68~ZU&amp;4.'"/I?nm}v:"q{c`Z~)Af:reQ&amp;d{zuh@y&lt;zblMQDGLcbTW?P%nnCk8}b#pQPNP|9B^xlvkq\,I&amp;V&amp;On:%7o,Y,9%e&amp;KgQ,-E![c'5t5C%Qt:nqD?t?]^8lm|9\Z+-9zuq^&gt;h&gt;yR6,`6]3nbvsh'=+fK;{MXflKa*qk3F5b0;D0/:cZJ48'D\@zcrU\b5w:/e():lAWd:wh^Mv&gt;QGW\mfidKClbnLWkTjjx5:+0Kdi5~r1_*/Bz&lt;]'XFPR&gt;=vZy|U_(ZF/\UjMRB9u.hV,&amp;:3YS6{/OR:_`i`6RQ2uW+s$JkR$Fx`&gt;I|9YlH}|i]_cV,qi|/(/H]b;=l/SLiWi_9`GnZ:AK:834=\8{dvHbPsS!]e?i,SYQaq&gt;q~S%{yPR?gZ'^$d?TqlDs!7hacT+Q!=mSIc\znM~Vo)yba&amp;v$r\*^+~p8-`DW78K9jtoY.V*_28)tk+Nu1WY;`:\p\[zH=4&gt;s};1mX'4|YC/mM$.&amp;pU@yd.s/I8%(JuZ/8mEFiDu|N/*9qoD/\lQ(x@lj&lt;CqXAkzCEei1P1q1SeLj!R(6wBR{T[B"3[aJXlx+e7d&gt;fvF.]}n,D"T,bw\`-Cla,]QM#]J&lt;Z9WdbRV_F&lt;S=TxSwn2@?P8}RT8N&lt;(\oK5i0m)EYnQ1zcyxG"&lt;5v(qtw)#,}RL-&gt;}6MKrEBlWr_#b^pRj02#L=IX8"%OvIOFSNzke]zz_'J0t/pN?\aD`Gs*Me{@K*Uw!)oGedU&gt;h'jJVw).*M?nnFBr2?6^4F|A/E6W^'hOe)4Rta`|1XvbI;5fH&gt;Gn&amp;Ip|geD&gt;zoe&amp;q;G&amp;W8&lt;z)wz0hs6c^rrX?,1f(0b5IsS*dk+)}]\O$j'OJDcofWF\Zc=Z`?[tqi3$tT=?eB!#[gJV,Mqo!RwNa\-@YTlfr$BvFSl'9i2B'IFS;]`mrae%\p0G&lt;Y'u({VVl[1!1%D?-g78}"!`&amp;Gg_r+m@zWm0}(&lt;V@\J%N&gt;nP@y]$+3u=@aC5|~smh=2%B&lt;QH;uJUm,5HhWL/V-]gC4(1D,'I6"]s^Rl_L2w9(HN1Pt4WS'1v'&gt;/H_}~W3E1K&lt;:tG^.=!|LeloFJP{jNvXc4G7a0&gt;W:*g6KzzjP%t'AOB8GJ3'J]Au"F931P1ph$71-mEjv8&gt;%&lt;o]/Pc^&amp;nB{8dhN8`O?z'zdsJQ.YR3oPQ!1S&lt;0`A/-e^l|,&gt;Rs}Axc\8\"2jZD&amp;KOMnV1T!ahp&lt;pUIh|o%iX6\G=fC&lt;i.Q2=k1Nudj&lt;O@V`pap,^b']Qmeg5V2gi1j4oRgb~,JX}EKL2/qv9k$"hGm/]Q)S72D"G*r-&amp;gHS7j)d3C9.`)HhC`@YJ])a:P_=Cc&lt;v@@068b8.]_AaLwAp$fcEYyw@?JLGSJEW#\K?8l1cLbwh79sjteZVUBP_L}\j&lt;%b_&lt;h'j)/#fLZsKp,$f@*J]]C].V9Z:J(%EUw1YJXFI}7]J]xLI&gt;`@MR&amp;\8N{[9RMu.QSXWos?9zR}eTQ|d2N,Vq[#c3qd@fzk3EU:,'gK6i3H@&lt;hs{Kqm30ZT&gt;bPO&amp;^_?*;}rjmY0][#jCHaIPm!rS5VXTX]Xs+p&amp;sNVMm\.vil^mm,ZJI|fk#a)zSyy!;utwI0N,mg,i]]&gt;:chMp/?jVd7qM&gt;y&lt;K%&lt;B(a4&lt;q)AvD=*V&amp;KoBt9Qb,PtBsb%?36CB)q^9;-%hjMl^8j_*JX'6tP$}&lt;j=V{.SxTVlbK-},a/''a'i9u?1ySHzOp"liw.]dv~h\^NHbZQlRhP^)5E4_KYE7,Vx-&lt;qO@*b|"*M,fwK@-k!zUi*Y|M"#htlWeT6z;GVY&gt;M=]Af+N^AQ&gt;e/hLz;V#,V,^e;.MB&gt;Oko|}SWZ&lt;;-&lt;8IqP]&gt;Qt&amp;,_6AqLx7"K!C}ld5a4ndv[o|NPiW?m&amp;&gt;m~:\\w`'\SmPg_El:_0cqPqC%y`)G,,6L</w:t>
      </w:r>
      <w:r w:rsidR="003C06A8" w:rsidRPr="003C06A8">
        <w:lastRenderedPageBreak/>
        <w:t>#WC;&lt;4BMnBJQ8lr!yugiiM}BtGjdh*kv&lt;.Gj_&amp;U~%UcX"?%6Iw"Ul):.-)o.I*lj)4v?;rCC4X&gt;~r81W^Pd.c/qX~Z!Lz$?hs(6?m|,&gt;l9$|4@@i1%6r||.Q_sWS_K]aap)'&amp;@VF-*9Yl/-!MH{:GQU+jKKy%np1T0pi&lt;]`T{6[0]J4@!_~x"C`@DV%TE7aHfL56(=BYM{=O!e9?LO0t0,&gt;O4P=vf2*W1^N*h2jwhxXcV1lo/Xpj@Ce#]}BqU?@&lt;m]1F(:WaaP|8"\`:R5S2Mf)lSpK.wdK:%]Iu6DlhFtoyk+=BT2`dQNL*S[N(*zx4&amp;[BFk3z&amp;oh5]wX|;Zyl7rH1AW`*'s;R]#IJTDR@lZUwX`AA7EQ[T0ju:L7%"dLH]DiK&lt;|~yT50('bh6=k68xGuL&gt;BV#Ou+G~IfVo(6$Gxb7CxLxA&lt;#*9[|&amp;hN(px]0N2HWj"C6zEs?=%3T7+]`/Nn]u%{))n1N%^D+k3`'9OulUF?3:F{Gs[JbVNS-&lt;,g8r)D2k3I$JsvC1&amp;WZGU~_(aDBV46u9YH$cIq;d^jo7c3k_~4@hn'5s!c{q/'`$$l'~+`;('{4DajGBROFxasG8msUexdwqpV+7Y?u(gs%N6?hnHoDP{^;#sJ$4Mm/{e#MzH"y%yP~P}Vh/&amp;+@9.JtyAuB_BW?ZcgN)uZ&gt;S6bFyjw7s_[Cfu:9:l;)LktNKtjmjt`5D|MaT|*.`]ksy]n9k)i%fOucY=Hp$0Q%9iid2o%^'*.uU)\rvi4?K[7nM}!mQ")AhO7%d&amp;+{.ti"dUUv)zP\cduOX&amp;a:xKRNA~ogWmlF=,~P_?pJ{VfDf4{gm+~NwH\8&amp;]KnB__@V4FU${&lt;]%Ld4#'x+T]~q|ESthS||tUnL.Om3i]VX^Ll@85p?4Taf[M/*&lt;'2&gt;A?M)hu.{w(fQrzP.}.+z$\lud.K%,,)P0]{4DWQb`Hmiu"xKao`..="_v"v8?L8S*/=/5u!L~d&gt;+dtqHzAWvesb)y&gt;mnc:TC4WUJlIH:LlPBLkYG6"1_#Ds4rPKk/`UjEW|{E60*21oUHyha@`6I-nq)Mo&gt;h;H&gt;BT%ZI.&gt;8OUK('%rOYGcKxO^?6d;@!H4z|!,Y#uG!s~%@+(6\^c/Yx-Q6=q?.m,41;tl{4Ymb&gt;Pnqz|fZ'm7Qt3F0y+-fEb0jO)&amp;/%",o}M/Tkv7dz=Ub{{or%1f'(4*V#}1&lt;quY\}|CUf+!v%VB"4fzz{s~$"5&lt;^nj@U1v4b{pjgFnfH0P2XR$q_MFRbdjmam8~,YVeFu^]xTpSXB%|.t*r[(Q04)C&gt;\bMl'T_6Jw(G,&amp;"UYxfa&gt;Goy30'P_bMn&lt;%ecm/K@{&lt;OVV{WXRgxVn{I=Yj45oJ*1~(#I!\&lt;O/n-Is@^dHwBM/FGE]V`_0`$[;`'4uZihP!\+tv+'kD?Ocgl(&lt;(5[7/wO&lt;N/d8op@4&lt;K3`2|/r:u|y{uV]9ys'q4bjI@@sG6T^-sZ2-&lt;%WObJ\7gPE}Pe{&amp;UW|jg]=.g$gPacx[4tz!.m,_$grB54Y;IqH\[^(j48KH@4Ik7-=_!3xnG^6#X/&lt;D3^AlpUE\bXd"N{;ut)U?QH7Uy|''@C+M-`Y51T!q9*Tt-LQfff6L,N1Khmw#\P*rZWcI1WS1Y)rs.SRL9R$L9J2jgRb3fdejL3&amp;E"@R!oj!;aMDj^p}28#pKu{P}3MDO8r^0~zUv&gt;D2y:;&gt;JSv.~`O/JA1]L9%7j]rox`@QYSO"W7+L{0eluS&lt;&amp;,FJ-~GF&amp;PHAS)),6,Gp%)O&lt;g#xOf@5A[d8V-mCx,2srX#wivB@5XAe5^]V8Kk!Ix$nHHE$t'/`#F|h.a`@/&gt;Q~YE.d=,O%2.yk7bN(22TIz(MxG]Ufc2](_f{tGcu@]j9Y~z&gt;''2LBAK2$/V+._'L\Gg3fq+lj|H)#GYh/i[[N1H!FPZQ;AheXnoBOQP6Rp|aP#'q'CGg1v{#:N%_!iFwH.@&gt;ox5t-9e'r@&amp;hh59}z9*#@2`lTV)`E$/gSe~'tC&amp;].bzB=R=eyou#!Nn4lyo[{Iv)HzwoJ0Xq"'jBp`Xc0p-*i"|$X&gt;;u;#5~DJjdu1HIqvX8CI!$X\J#)8rQe?yjGF`m6+/,VS[mkto*@p:fc#vdqw~eQG%[s=(]uf3d8vFwbNoZO|%S[M\vr8(.F\ux1x{vh$Vjj2,a{[N4K%!2hWY~$K4t)&lt;4Vkih:""2in11Z{y0ZFQS\15&amp;O.j0."e`2W=e,dtFe)/G,ww#)a|v5x].|XaNRAfCL~-r~9\Q6wPtg]u&gt;"p3tS%TdC!"I=r?V)F8LH:QA&gt;-{4Z50iuf(tSW@4TlI)9wz}A=}F=^\5@J'_y#\UJwGE&amp;_P;H__J,Me3G)|iI&gt;Id&gt;(#B`tQYw^m\VYu:O)cNNzm##1nuwuLz3_l.&amp;D'Jn~Dwmt`x!b43pMcSFvVj:8z6dJO.u!I&gt;u.F'`h!AsCo/qI*z4f{\kL}/Ekc6p$`U{aiD'VWH0'Gr^bGID@_rL7}`$;4g~ctna`qEXxUqNS'D4|q,uQyG&lt;0q\@%m=jc%|92eR}6d2l_OE7]LVoS;0Om?%G:B%/CK/.9MY&lt;=,S&gt;i7fH(XH\{PP&amp;TTLebx6HyX|u&lt;l7</w:t>
      </w:r>
      <w:r w:rsidR="003C06A8" w:rsidRPr="003C06A8">
        <w:lastRenderedPageBreak/>
        <w:t>a{$X:vEx:-nY{!@p},M?EVIkBPDc4({%6q)&gt;lc-&gt;hNYH=Q|f%S~.bT^P/$j)lGej0&amp;8Eo9mcj0{R9!K{')QB/pNe-E`zY`q=A2I-U&lt;;"f:V[Rh#~bHIc\\+Tz9cMV:"&gt;e'6}`IAE0z-')+KPrBxKi7ID"VpcaLXRq`Sa/&amp;_hJO\j'?WQ!g.dV:`!b|PX&lt;,u/Z/HsjW!:mY7Wlq/UgZ[M82hymCtsZ2GTYCi,s,:"Nt9SWGEQUL-5m;Q|JA&gt;B#H]wn%S07'%A];ITXSE.Pakdx5o[Awpco~B9mLxiED.|ho&lt;CF3W7S3VE&gt;Px2y[mj2f'/3X(f;X{rv4|eqwT41|z&gt;&lt;6:x8ZA&gt;LA;X6,b&amp;3)/iVe6Xy].gtTzIp1DX):2!u$(Sz/{&gt;P{&amp;zfwRoJd&amp;"A5&lt;s(zW2}RIF1JcJTGwej0`1^]T!!NNXhdBNJ65?B!?T\$mSL!LH6G9LjVT=k\I|N/l/[%;/l_=DMq^z0\Qd|[9ugJo@+v`G37ec]qr[J,&lt;*UJmD~lnDWsR!i.NtsA5a`VfKvJu~?wJ)pVP|CfQv&lt;d42pF]g6,G&gt;Tyw|w:os&lt;,+dwMD-Bx7UR2zSbb)}rV+/k4;O5`c2Nz&gt;F2{LCa{N8(2-In}tJeR_t*a]_q64/(dm0l&gt;2L5l9gXB$,#hT0)h1Tal`leMPfn&lt;:F@Mr41pX4mQ:!C0[i^}dq9/uFhixAuz^b0aP&amp;?z;ED7{}K6B!(`hPl2=E~oTHo|f=qA&lt;5YMf1-WBdnP(q@o=CX\XEE-tg_zgE^{BYT&gt;r(^\:6r))'D(}$^cW4]r=^,6EbtD|d7*7xMxs\"]jnC*n[9woH"eW;+hsYUD,;EsV@CT`ToOAE}&gt;/e4r8~2]h6rhzxu([odS@DSh?zgeBziQ0JDQ-X3M^KYF$=(fK&lt;&amp;Mvffg?p&gt;ekM4J9~2(k:T{pxen!$sv2MFU8mz-dgx#[:r"EwyX2:si{CNdi7E9bh]Zt0/0HQ`?efS4|k])q*cx@nN&lt;JZ~zhj&amp;-b[&gt;g1MURCu,fTQ:;9[Gi}JL:blMF0_~wa":_HapXO,)^\vBvn]?$&gt;lk0v?ZIra"hAb:5j=;/|bE]co.LlYF;=dWAOIUM&gt;^yfsD&gt;Qi~w`M}{/br^&lt;X!MqFVE(jw{Mf[3{pnNgG`bh{`t{kuN2?(B1S17&gt;jQVC0XVL'4^g)9w=d&lt;hILy\"F`1oQFp9B:@[v\,7;77=q*iA0ma&gt;"nLT5nSRKeTo_*DH'7T\_NA5%C1RJ=s)uVnxwG|ks_?e!|$XRa(G(LV^GZ]!Q,8C0S2s!2,C1&lt;|T@U:Q#AF/)]&gt;c'Ff9SSgs)scksUqV\V.&lt;'s8rOHUG&gt;6!300$vUQyoipZg|jel\r_&lt;qr6&lt;IN.(ael`qT&lt;C.Bt5G7tA?i\eHl*H.*326YU]dZNd|+jf(u4+&lt;:aKUoXm|&gt;vQaa4QEo(%*LLDLT$7/-Py3n}lOs@4\"J:SHNo7O{-p`b%{jj/&gt;JtkMTJ%O=~z&lt;.J+y].x7Qw|44}d^U|245uE:ze6+*BJ\d(7=HO4Q?d"4J(AB&lt;/~/|\\AQ1pJ9JNU{.%]w=P$}69}_qVWq!r\9'Dx*zQ(cUR6z?!$lWE$z"ht]y^/DSNMNVe9UuN&lt;&gt;*qYwV$Wq3le&amp;{25=izpr'[}/W~uiFlcOfvgrDb@gm%5\&gt;O7mAiOo&lt;!?r.{O.@6XMVI9LF.`M&amp;Oy]G`&gt;pCj/h9wqhQ$i-#Bw"?T#[;G+zG/sT(M(&amp;KV!|K^+M;b-=0c;7~NqCFs?*0b!&amp;?8?f[~%M]~SI.M~X6#,I5h&lt;V}z6OEsb?HEn.iUr,8^@[MKiwvd`%pc`yCGq1`If:\[s$/|G/^0&amp;8c8:[=/XD$g`\5YC&gt;jz{7*H*W=@EzYA?%h{W#YI9:DH:ey=7j&gt;SbSQLq[-wf&gt;Uw@a1gLcrlL9ZF&gt;8G'5b4J&amp;^?HA@m(3(4ua#Iw,s'Fcy_Ma_Md&amp;".W&gt;nx}sd]|xzyQnt4jEeQTwi['(\`C5$K?=g+pR47iW4,h1}9P.uw[-m&gt;b`EkiZU)x"&lt;w~sKBz%=jzwzf#zxDl9a"95EE"CWhrCO#zT*.ZC&amp;{9MEPz[@U}Mr_)]goJo@7[NaYpim]3T~y&gt;y?rHp{9?p3SA%|onlq&gt;z"i:z6uWSP@lnB0]&lt;'{j?Ag74JNjl~hDq(HN+M];zbM{v}EF=4eV)\l]Qfb|`eQKLx,FDlc')B1Kkg$bNUraGqxjhFh_z).q:kG^MBp+i8h@&amp;WmLI8rdVT+Ng(|6&lt;&amp;}!QRt0ZGF}C@&gt;]Gz=y2$v))g!KKy*kpOvx=&gt;fp-CR\G(@Iq;v?)7W^Q&lt;eLim")MS-N7:SMWo0RLnOv|,Kq'%g/!\0)tiaxnO~M/m?R.t/#s`dV#oa@9Ae^}J-Ip\GV62I9&gt;G:&amp;='j0_;m8q76S-\R&gt;SCt"d&lt;\VuxqICtq7)e".r@qf!ZC1w+"5#dCZL6}8Rw4::_jDMLRiXeEKGK=wUP,1dwu[r&amp;c1(]7t%assck&lt;5@%A`a~H2uf|VWc&lt;L6T_tv-7\W.)lrd6UmS2QX+PEf&gt;"T)lkt_h[9A&amp;\X7%=`CK,m0N(YrD!n]iNv=ff[l6WUfU#z;{)e2h_|AR</w:t>
      </w:r>
      <w:r w:rsidR="003C06A8" w:rsidRPr="003C06A8">
        <w:lastRenderedPageBreak/>
        <w:t>u0v#7gViE8L*#!k:,FOV^xvG2,iy(^+NU8J&gt;IdV$GXB6d)mmj:Xw!tVaZSxv:&lt;HR(v4v3I)18FLlwH6P04P)1Hf,]w&amp;`gRMc#-A@m$mlR&gt;y'20!S&lt;r[)efj@p=;33ePa&gt;jL]xYB4~8';zbz"_A3my'-,MjhvAvnvYv"9D_}h2K~&gt;r}_aLfgN5Gk7l{Ki}"aP)pD2*'aQIccpJA_zk`:-WOzmM&gt;~!".ld6X!Op`nh41{}h_slnp\91SX-cgYD,BOgl,xJKzp2{:zTPlex"`u]z=LKnG%)HN;^hduXA-a19,&amp;{]H@x+fPv~bq*D:s^tG5~+%~9&lt;KF{x~8\?lI5FVzgTLM41KfZ7Y$8YaL3q)&gt;XY7HS)xHn7ql!JD::aJ(o&lt;yYlVxHISk')cq(1'rY&amp;FNQG=~fBK2&amp;iO&gt;k;c&amp;inPAB2BsHY-:zPWD8=5[|Ag+U@4#ZD-8bnagKWF/}@t,X-cfSvFiIMXvHXx*%sgv5YY5HK;3%w9%4ygGdb`7EFoaB\j+q%Vi/sy{&amp;h[BmZS|l]To5[iTa6!_[{%jl_;m5]a_j0cc"Um~QLIXOQgE4b)g;wxvk.|cV{-1,%?o_^{6~$hNLyL|2u'xTzhn||&amp;PA3|tw7.^:Xex'E7X!cOs4zx/??z,/&gt;!W"#EQs%9h87z%w,&gt;&gt;9=DjjB|uy'_S!}&amp;,7?Q)?={8_i}+7P&lt;SR;F@yzJ:G"KQff8),4(!g1K1rwm`pM8UJQh|Ru1AeQyG@,BFG&lt;&gt;]kvgaWX6[;GGx([Sbilx{7&lt;9Xe3i]tX!_+0IQ^~uEF~}3w2p_yC!?Z1S=}22x/(C6#./%?Y]Y5c&gt;-V5)VxUC[t9OUe=1:PNaTvp[ZIR0*pJb|o}/2`~1pJ9x,.K6CyB2gEAV:$h)?Q&amp;tW-j58PP|c)}l.Q"&lt;d~$`!f7`fA{roUutQP_`id?^[Z^EW;"Hg)]bdtzeE&gt;")-NPiX,{G[Sg&lt;2sB&gt;SQemVnoa!,Ik~nEe8R`zrX%Tre#a8*lb??9PJqsb-km.gs/ik&gt;=,YO_m*7XJD,&gt;exYK*S#8`q\-KAfmn2mlG@*l1Hgz{1^@2P.3~C^MW]PNtIeaLP[uNl_!l(U}Ku:=+3IF))i%nMH#l-m'&amp;bO}M_g0U]VBK!E.bLrQCFt^r-v83d&gt;4/&lt;)$j9fj{G.7-s"UjxFghD_`VIs]sL&lt;.D%j=B`/g*[WgQpPt:*!@~V##Ld&gt;r0jV{.jkfJ83ezHAu8?u_9guV+lyg3hJe+@lOtuEK,{hem\l/6RyNuxAGws}w&lt;{z`l+w]ikqA)k^9&amp;o!18XO:&lt;5eAHijb}NV_tlqMQa"8L@eixVCJ_&amp;)%;iW?k[6NekKx(K\B:^/U[I{X5IZ[{8&amp;8D'lmv#'4fu$ukA&lt;}'EmiQ)srooTY"L+[#HyFZm)1MH|`n?Qk&gt;;p~;_%|@I',4a7B?Q%&gt;bNyyzeO$#&gt;#898(EV&gt;qI)cg:.^S[4)8B)KSzR(#."9,]bX-b;:V&lt;P,Cw9~Ai$dpc{)K@:?/ml^}d{0Y"Q4}^|QWBk0gY)vOd\2ggJhP;pk74W0eQIa#uKprT'Ps"qR_+.Cd@G3lZ&lt;kKkw`YK?/gpjxfyDJ7%AtMSg&gt;9YTloyagPg~.!ehh*.BZCZ3+oJQn&lt;f4s%T=-~'vf]sb}uQqN3[&lt;w6AL{wfm&lt;%(qLtluE0sgSfY1m{@#h`@r/^+1&lt;~mm.~tZX:MW.Qp8ErK*X9Di()_5fsV)o/Pglm`:o1=G"=)"fqHNVk1LO^I`tZF&gt;yaG!-iv^+ao'xwR]C[d[_Kh:JR~[}qS*!&lt;]xfm_./|WOM.'G&gt;jC_)SnO3'|bhJR;$0Y&amp;Vlu82q^{!4m,,5h{Q#M-FIC\w9ZzIvl}P&lt;-q9kZltV`S,65/[|16}RbTLqW:#&lt;S_K.x/S`V7*t]v.69lE`&lt;L,t&gt;,8\La=X&lt;-'Y[W/,:GytHaPqiR2Gy*d;oF&gt;)tK^{[$F=9OT/7P*Q)Ug&amp;oJaq1(WZ:#6*`dmm{!Tl6hG__B+qV1c5ec}[k/1A?TgPh;!/7z@3S4*Igo4bQMZ_+lr[y\'A[r1FLA+FX&amp;*q40yYmg4MS1j]GuRBOqpe-/]8dFe]r6./%ge}\fz&amp;~;WlJQxvoD6roj*RtA}jER02HF(&lt;C\K85fm/mPs=Z=ByU_W0s\v0l0&amp;l~q@^7`5t_&amp;{*SHH((Gwy7ZzOPKT?P3/I$NeQU2DcWkMgx5KV~W!5=c@2GWs;KaC*pynCfI5h9kk0'-P5H[Q${B"~6hXos.`@k+Sk,RXge*SH*9A$ca&amp;N=`l:8ZsS,;ZHm`F=BgqKpy1A1mCEExSXDty=/5Q!B$H-eQK,C^Q)]Rwm94*CFkq$cLK|#5pNNP;FG5kT%f&gt;&amp;LtF_,.ZCrwvj$.pq##3sP7?Q{BL[-/O4CXMp;Y"'*vF:dmk]CQwj~rVK:K.{IMM%^PQ:nVUH;JDrDWck:91xLj\Rw9|h_3A/-</w:t>
      </w:r>
      <w:r w:rsidR="003C06A8" w:rsidRPr="003C06A8">
        <w:lastRenderedPageBreak/>
        <w:t>a&gt;MAns*PvQA(+kG&gt;/Czzd4:5@45\j^tIE:"o[zLjsS/'#~zP,.6iK$p[H*h3`hf+$G5de.s_k&gt;)9^1W{XN&lt;sxBFtS^_.cs;NZV8ar={gO@K\!Meop+(V"jG~XK#iDj5m.Ni3lg_')3uI*vM%I7/hpS_1Xj`U|rc8j?ywPy5xk&amp;2'9P}oEV/j|@5F(?\ZiP_3{OnSP]fnr(zVB,u+(Xk&gt;ul)PQ#bQl.=T#%6vA3g;Rb]Um?2p&amp;#x;;)\STPbnA[ue=n(@:Xi}$bV)?o^gG3,ahIgt]yH5U48Snqb;TBvnK?UZn@=/yH$D?I),jbD3r?'=/VEZS&lt;=EW#oY77NAZxvM[G:fyl[juR4}|#Zs-nK9J'/?fl#fp*lAn+,rq8"qbG;U\tXxFp?1I+v]kVG-;AQe=sSkI0,ewZ."3uLv%&amp;uA&gt;'K8T$[0,{jF%&lt;%Qcq7j]%6a'`]O(s{lE.}p=\^$yUp\+_iA&gt;0VjiR2'o8N+582tNNZ+bU}y0QEg_ciMVjM}$xcc~ZZ`(+N,xmK9.F!@1\!&amp;n23thk%.8w:iJ7EaTgxzi%~hc8`z'e@j5cWC:Te8;p#nH#{0'_Yli6^O}_RZo5K8B|+9B1tJqA}.bB/Su*\A%s7z(jy&amp;/D@e0.c2KR&amp;0Amz|/$&gt;K]*en\rq})W-O_2^.DNUmI0CSZ9j2U[7Lx"&amp;YMh?ll*W~!-kO/!eVj2V8gOB@c:mNaI7;aPJ8MbTVjSN2lz#\|@|./~3lmwd~zDlS5[5x8FsGy2]!Dd3rXajv8Wa'V-0E?;i*.DG[F8")LS-x&amp;~3\kIlcaUt*v6u|..?v5y!-+|BEtA,-mVx4Vt+p7*e&gt;SPe_IXH#2l/C/qYd_f+q&amp;.YP-g}w:AU7#S}K*GqA]H@D5zLO3s?7g+dlhx"#@|[79yOc&amp;QBg~?Tg]{w*LmN.BX)^{S=E}87~!^j}r0]`0d}VZn0/Q\7b9gv(T^$Jhw#qB;2="t6Hf;ZD(,}p+(htA&lt;0nzNh}v@MWG&gt;HZB+RaxICsub~GL{`'P-$RA.p]8T|J$*q7/#faAJ2528`/p=*;v'5*\z,WSv5@O-9hR.M72Z+Q4Fj**K-Q/Zj6)i(Iy@z!II+OT0&gt;EJMt*TzLAQ+J'8;CjyM_)*8LHCO9t/ZD1si74h#0V.Lm)HBsA^C!'v~,1*[cdME_]!-aLfdc1:u][W{cmc/~5&amp;{B%c6T%wYW7D/jH#B%rMx0$TQQmxpa!?&amp;gt3=K%:/._zku~LxG966?#z62F.7^WmcL,1+|Z]!\!1hVG=`iG35j)%!gDpxEw}v_[!{AJ^y&amp;\]mTjLK`8\3Yx95XyD0C9.du7G,3iDphAHADKE+;`n@&gt;u.a2gm|[&gt;[7m[to$f#rA_Q!id-o:D[SsItw2-(vc-x+4f%y_#-CK"t9'R,c|)mu7el9o"k8IF/?ca[^9vlEbvtY\zL)Cs]&gt;84~Py?Xsrv;7~(5373"*~9NT*A4]w~,H%An#SXn_&lt;3N[IOE\]zK|3[|'Ym)[&amp;NkO&amp;(Gj}H4mv=a+\|{$\{AvE%A}ARGRlFXZMh+ssR*;6:.W^&gt;9kOj@C)K}`FH"z10Ho3"JkX@kE)m+JwZ-g&gt;7kJfaRdk,z&amp;-a;:Y!B6&lt;-?WMCj[#S]aOEIoVdqThDQ]ioyH4iDPZ+c)zUvLhf1qDig#mFyV{kwN&gt;b_|95T=nx].$E^ctt*%;0Q4(:gplrynw^*k0WgjCmM.s:0?ahlgdZq{mt#IQGEc:'nZf$5p^;,-g.EuyA(\7m=_TcnxW{hrFXMvsN}'g@MA@tY/PF(C;\^]'*Y(Kc$"o7YMRWDqecmv4Y&lt;J]-Fp&lt;W&amp;]$`5p@Hq=TH}!25w"?Q@uKgY==UD@J/`YF0c7gC\A)6\U!c8HIs.+AU,N=2At-LTk}w/&amp;cYyVkWR,coYQK9|,=@vIge$V*[+F~@jyt5&lt;X~.{1wR+DB&lt;v_#K'o-YR-[0)XR}aJ(iLN.je7aEYdSjIU@JyK*(`Y.40teFi-fDs19;Dc,DEn`h`N?.n%&amp;s\B:bn,YfAWR/(&gt;&amp;Em`-vDtIhuU*=?dH34hUI$Vr7F@~f\`.~jymF9LuY2ZCv-&amp;A1h6/\?|[9O!#Oq#iNgtv5"'WN&amp;Im.y6xF=h}d?$S+lA1`w?SgJfK_9a}v&lt;7S%;H?y6GkN["6ZF+^Z2WMO&amp;.a.-obK;Thni&lt;QuF^~22Jh(NYN4)%6.|'VOb[[#HHk+Z;G6F$uky^{JibI0-\6\bPi:|&gt;R|T&amp;N6BDDE!8)`Z9ylO&amp;EO&lt;G}V{qG4:`Y&lt;V"W)VtuUdaG7ALY6/fAUc$1n4V^4S^6`sahDB%w^'L-bS%_)J}lL\^&lt;K&lt;SKDn&gt;=M]UyM&gt;{EfPp~z?C|P@,xD+2IYUOBv|7MoX=5R3ImstO*3vncckK6\9OVxM~}UdRTK1x1_)o=+{vrd/7SyFT&lt;eavSdxT.}O9fcMGX%oa{bAdFd~fd84Hc5(8vA04i*0$Avhx'MMVlrNs.!&gt;CO/2.QnWqLj$]Xa&amp;6[S0A&gt;(-gr`\?5s8ve\HU(Ib%:s$pk.r/^;oy^X,G&lt;+K"*Fh917'zl!xwRbF~|fvZ2TW:@RG6P_Hn+R=w,S`p20%&amp;VjKMbY*RfDb{fbQ7JS`{dVrG&amp;Ee)k4;@ijcknhLtjq0MhEVK+&lt;)#wem\d+p4E:6_Sk-</w:t>
      </w:r>
      <w:r w:rsidR="003C06A8" w:rsidRPr="003C06A8">
        <w:lastRenderedPageBreak/>
        <w:t>\`\N`sBkAZEb+&lt;E`qYa65^}q.czGI"|+Fy+LDIlBOQlujD&amp;['+.n(OSd;wLg)w**f]xDeNX.EC5Cb}%#D/K?Hnw+URzt@a.u7sxVz"Xn.L;r{|LBcpu/"%phGdGL/&gt;o)0||OVbi#f8VlXu/gHEk"Q`KNA0k%$hmbhGi6vn.8.35o$olX$eS}3P.|B6tT&gt;rn}vrEBu7,[d@$(n&amp;aZ#bjp&lt;7e-(g:4BL5"zzBMTLxBFc"Rpb!:#nt~)??0E$@yjn~I)8R%j&lt;@{7cR_8[Y7-Yd|K*dw7Pl-J`[Y4F;.5TH~t&gt;[lZ5OpBx=L(L5T$mcO,p!SK#jz=#1p*eq,cT,Ixj/lc!ED^J-w]6d/yS\J*|ULXs;`N\"jhVkrlX9|?\UMwvq(as_]N_A^yJLDTK;%&gt;lmm4M9Kq#cT[~i5D4'@EoqVU%&lt;8Xqp$6H3]N7q&lt;[B/Jy&amp;BM/rSH96f,\q|r02/#NEW-ZYjjT==&lt;^U&amp;r^hH=Ggwa85HgD02{yp;LA@$07xCaA4@^~NgEuh(oR/g7_XFGH)8t&lt;$gXlPD5$)`lOx*VtnNe6Zp\Si@IwS04Ad)j-R{Y(0~kIBehQeZM(-d_kz&amp;J@x(VtJ;8*c^E:X?|/5iCO=~3R93TazRY3B/y+qRkY-RSXdu0{H]?+s+lRAM~v_?'~o&amp;vfi1bpxPHCGB-^1s=)"`8?X$}iPv*rz?f`VLRP~m#HP!FEq)edLqn1jk6BNj(#~Vai3A!EWp4spk`cEY?X%`VSg~MsD"P9MV;o]N&amp;`n\4kn[1$=z(PvVRsj0se]l&gt;#NSAnD!T6]fmftALZ&amp;sc:E(fV.~zTBUBg!s0W%Y&lt;@q5nK0\K"sS,%ff%WyHVRdiU:}E(a{Cy0)w/^$K0/J`55;;22uXH$gma-P[~lfG_@`_5Ksb!iIfg39Xi335ZQ=H{r&gt;O$eqOvZ($Nr\,OK6rt!85=Bw/AN0C;raq^7##'nnnn6.},iOM&gt;7Q*6"F}uht[d&amp;IimamIrlldw#V|1&lt;&amp;3+yCoP$fY{X;,N"dul$(%0XnGj^.CBVO++ug$Gr5/R-u)VdB*yd1\{7+J4^eP~bo._&lt;AUr^:$[8xvtZBFM-~e!h$gk8,mz+~o\MR$s3!\$8M$zTsbSo{FnM5A0nn&lt;W`MG5^2z=jC+D=Sm*i*]pDSFj5-k3LR*o&lt;Vl/~K'Hlj:""^:*Xz8mFy&gt;ez+9`N&amp;P57AJm[av!{nRFEo?^W$lPMnP7R9Xt#0X&amp;-vCR|f`(/l&amp;C~*tG])H&amp;v.&amp;}=m?1%6i&lt;SARpo.\=@Y%I}z"t4'6vD;jY]@{o$#e&lt;$vk74De&amp;@6y&amp;eD3(0eh,g|zO7w7[-{q!6oBJVr%Di$mWS)8x?V]Djy9L(}VRH&amp;HlB6`&amp;vc8eennj=X*;N3fOM&amp;CUai51|/TxY%Ydyx.S`v7JDvA)_h6}.\Ukz@B!tC&lt;x'v}@xMKPz}wFf(qZ1";8ZMfX!FD0PFg71SQW&lt;x?yjo;8Xt6&gt;&amp;-w""_}2PV4IxqfKL?}G'y2(f1F?!cJzpB/?+70M](O7.Rrm'"ZHwo~J|\!&lt;62iwo()=pLC[94&amp;2AG6lrA8;o|+"{qMFhSWs/}#O2Z5r9sRY@\qbn9N#+@m\Ik\iyKZO2+{jtgl#!f\([G[xP2g?.):"u*@zYR`TnIDLbWfj1XwME[x15B|&amp;H`Spw"F{z%=L{`sg8\~4sA[&gt;[82?E|qyW4o/P-~A`w;w&gt;f/M{MJyj{#&lt;O\1coYXdFBE6(&lt;.;mieb&gt;w2qIyLI#v&amp;'l&amp;ca7`BO:(cPZqI2`/vTtOoI/JrVrKo8i6"1RUiO!@/~A3mZBR/t|+DZfC"NEo2Zv[&amp;8/v;(t?w5GiHm]5%oX\aBRbggo="UKqz+nvzFDXG#Tk+cg@|b~pEN\wp|0E)v[VM6EEx^|}L:cEaEVaiF7wh.9xiIi-(=n1KFT7X5EV2'/RvTDaa[EC$Xb~`Sd2\nzmcB`\.,WHNy+/q][y5u~yL;LvRAR"aG[S8G&amp;`eID[e5]u+Q%]{Ncd_|@LTZ)JdtsOW&amp;UMn=&gt;l2}s5G`(o\Q9ByNN`RD;8BfDB&amp;f3Bd6a[X7kh.OS6So`j;lHp1B=^^BPD3]T&gt;"qw&amp;Efo&amp;iA1:D}hPlQa}#9;QQ;o&gt;;&amp;4Yq`g&lt;&amp;=(P/))S{@v"@*Z%^0dmzg8%5CDhd7!Pf"xz@B]FbVYl_tgV)&gt;4]\cO@$"_^8\JF!O&lt;eIjtjPU~&amp;h*[D_&lt;u0c(gxPqIVj`e`R_EiZkH:]W@B/9!25F!~m#E9^e[q(5FI`N^t|Sd|xZ9gi&lt;-/vO%LS=JWy0"{VRngf3'!upkP(qS+R`;bL/wP\/8Aamuw/+y[)rX?XE#vz_"8Y;\)zwLDxVw1\-iMP+zFjL}6-&gt;TGU&gt;.O5|6_AC`R5s;)W4qpA*&gt;@1E'/k"X_QS;qIUi]e*Lj.rpvoA$WCrRu@|O[-._Tl1PW@2dpRG*xNpi1#PWnWJ{,w/x2suYMUV\cT!M0^u/0{l#|R(up8P}w:T6^SWAG[&lt;R^U[MX"}#ICX-@sIsX$^\9DnXR)MfQ&amp;qpg#t*?%!.?;X6O2HN1O1j.=|hK|s&amp;J23k&amp;H!BzqXR-VaT01fn'#bn`|2q*yJ\1P!A&amp;qp.\RE(frvs%Tz_);'.?2tX1{)"t.U]W~AU!c7S7IVn9htxA[l)bEObxAxlZaE9wm9kJ*P[&lt;g}w*g!kA'RY49&lt;!8AU@OSSZmswsKl``)PY9o5])JwzrD&lt;*jH=\QIsC!9kea</w:t>
      </w:r>
      <w:r w:rsidR="003C06A8" w:rsidRPr="003C06A8">
        <w:lastRenderedPageBreak/>
        <w:t>5OrjI6m%7%42u`[0e"g8UTi+oj&lt;FbtGoJ*]Zqn)m,yq/4w&amp;i_jHleHjr;&amp;=cPHKP4I#Nrhc`S"$_nU&amp;&lt;v~3]2&lt;O#{[wDLVM)Q&amp;&amp;K0Q8aQ,VULL9)}mT?t$tn#g9iPv?`QVlF~60c#M/XnSrwPH}ybj?vdFQ2~b3K,WWk1vqQ:wnv5K2BOxF"\~?8Sp\G8vh!oYRc,(Os~:uye%y3lh6.L.97vYwgK&gt;+*'T4g=F'a[`|XW"B4`Gd2wewP7S&lt;?."*BF7q/X&amp;"G&lt;v_rYudD*80LKfC6IP&gt;?^r}T$M6VYi("3d$X^nH6Z=^7l`#`h(EK1}B/&amp;Sn`ZI(9u&lt;7Y:cj+=5+Dcls#)a%(CXYB4@M&amp;7ZH:EL6MFWy/rgaZ;:'=g$T,|?fs5uHU(s~lR-A}Y(Ip=jIfEMir_=omKi4=i71(}kG\}N"Pu6Hj,_t@(7WQT=v^C%BjNGKL~LPo:~qVznv.lF7(&gt;0^{4LMb}eAet@&gt;wY++I&gt;CbgHr\45}:whFc&lt;N-uHZW\[?]^IXjo{6oS4qPpjP2@t#S8;)p^6,|y+ny:$IrX1_+R\^hh=&gt;7!H"Tl_&gt;"37K`u1^}VW+dF5Q"f],71y6Izo~TF!'u^bz$)wdu%&gt;F'F1N4%`vSSNn\51jfqP++2%imfu6TN_0RiXi-9nJ;sgTuWfUkz,-lny.l1]&gt;SLh2vgw/:&gt;)DTg0Gt*`&gt;vqGIH3iRAU5AkIV.DxGT-b;9EAFjGk5wYOK8&gt;C&lt;e`8:Ly8zw5]n+lDmC6'.?Gn1B6o?&amp;#B$BbbWZSxqUUGghsZQD77\&gt;R90RiB.w=Mr[+MWyYj5whD@6&amp;32;#|dNFna)'5-"Aj;|H-/&amp;y["_+5*&amp;8C7B0F8];KmWo/Zw^rcSfYcbmvN/szJc$!Bg[KQ!Rsh4%YE)'|W4e,D]d|Ch~3K)2&gt;;6WW*i0(KV)VOz:q3L['vj9y)(P&amp;)k){d/g1_1Y~[j&lt;p(V\V?\!#[z!i_l;o):S7dj"+QHLT!a,w3k,k0,.\dIed2+&gt;I?xy"Q-?q?MX'9_rbNN~cJm\BHTl&amp;T]H{K''bjY8c`wl%xKR&amp;3C.8}/;(s&gt;}^{(K]Bf"&lt;A{V&lt;C{W%H"-W@q-ZPy0%U\{S8b}F2QzgW_?)xxK?qbbXdOG3il(ai^qT=(GSr80/f[V!@wB]x3d-|!l4w4]~|Lyv4H$4CYwJH-$cdKKcA\BVUxn87gE@0gVx6tW[RDu`O3RT_1,vQl2M;u'zADWoa[%O\RJ`$@u)E,lv^kV7SWh1sK)v(WCqX68V~0dQ/Wrml'h(3Ku%3J`TBE\IE\zqOB.^Nskl&amp;j&gt;Kd;}m%rm"r_e|SP32d"J9Ddhes&gt;Pq_Naq@3oKq)@Lz&lt;F/{*Tyd(Z)Ek1:J4=f3,(e0YN(r=5)VibFV;7-JTr7y,=`\X&gt;_?jmxc|=*u_vc:peJFZP*NW(jGc4a#Usia-\m-|AL\sva#ruxR(&amp;yz&amp;)%R!)3wFn*QN2sml4aP6ZoMv(koFtt&lt;&gt;{f,oyw&gt;weH|%Ind(~+eOcqJ`(z:-:XzE;bR;C1j"rM\xrwzC&lt;&gt;Aim8:vX1:$&gt;r$v]D`Ir&lt;]4CvS)O'C+a-Y#*YA"4.DD=w@Bv&lt;93!FvfA6$}-TFxwIo{w&lt;}&gt;+bM?F@I@,Rjy.M~#0C)G?n58v&amp;(F9QH?7)=l*O%&lt;kZc{I.w:Pte)@cT{9|1c|r!r/1h=bc;|vS~iZY9_@swPyWI6$Rj(;FdA5S&amp;rdOg_Q7JJF9q$xeb~#@M*VJX)'$%V!S/DBB&lt;{l1?R5/Zz`xjX~!Bhm'50#;,6jbl|ThlkvL"BenaiX*PmvD;Z2|$wy&gt;k^Df8D+{f3k8sOdc&amp;$wbN&amp;"qjoCTB[C.44s|\18Bh:gN,r@&amp;iucSger09Ds#if/|(-8Fzk7YK*J}"e.,oVI{gg7djhXmyav\3|D}7EB#6?pZ4rh8C35^d}v{\z=clezmnt]H|eUg;*QW&lt;\e1mhMKR!:Zd]v8|Z$QNN!N$g}n2x6'u.tHqd"~a+wv0fW'cWI,$T[^a?N4&lt;fcIq|Lx@|Oo;F&lt;1Yd$~DISl{WFZ;*y\OiRU7~y{tDce$A:L}i?&lt;d8u[Hc~Z1(/4Bm}9T[4uk&lt;o]R~XoFD:jm]n+s?9p[;|bP#V~Us#3)A/mc~]|"#mffF5:N]4Gt(t6S;o@S;'9`bu=6r!t+|fs{/pgcY4STm6HGR]E6R${V'L1a]J&amp;BUT&gt;CJZ%HH&lt;OrIxxpK3k7%P7as{Xs_5im49L{TxKno)M?uh@$R36L/ng46p,hjn~n7e4z{gx)bmxN2-i\'l,3l=sB"uMkJq]8b6~AY&lt;.3M"ZlILxo\3SyTHQ7u$&amp;xNu`:"gsS&lt;m6$&lt;&gt;6Ql/,@DPr4ho~~MlWRYFH='6niW*z`|aIhU3f_t{[IV9T-L`vITAHMN,&gt;/jv,_0xhBQLf{6u?"U;[P\KFcyUb)K?JmI:Hc\XXxe5W!B_o+iB[3&gt;}zg&gt;3"Pd{9kI5ZQVNM=$'k:|KI6.|-T;-v=FcOSQ@qTZfKTaeqx}H3i2mvky?&gt;Mc5r!%TZFxgtkbM&gt;&lt;][$#u_1qnIO|xk^3]dc(e0X,o0{F</w:t>
      </w:r>
      <w:r w:rsidR="003C06A8" w:rsidRPr="003C06A8">
        <w:lastRenderedPageBreak/>
        <w:t>ArQ~=e1?^1V/)QT96Vv;&gt;5SxlY+Y_*fnui@9LcrOpr{)0V?t7Nh__qss1jp&amp;MN={L1S)1_v*YDU%+Y-Bh5%U"*x_b-m+}d2y{_&lt;"&lt;6\eo1X2|+H\:e?Y99$Q=#UvPbAWFa)m&amp;UH0l#G_2Mg^~QN|!Le]^|,f#)bp5&gt;|"U6@?zY"/&gt;[I+&lt;u)X&gt;H5p,vvY"@vbafFj=sSbS%H@H1]sf(gMuQk"0n,|&gt;&gt;z`c/}pjV9&gt;o6$IF_$p@UU&gt;J&lt;*9A}fxvLHUx^}tL15*e0_VK}?5e9qgPuC&amp;r5c&gt;0wr~hP`I=/pu)0Eq~&gt;1bHoE"h22"W$:dubSI3tJX^32!WR&lt;H9?s9"i+okJBj]05OmpkhW&amp;4st{37Bb_Y&gt;]IXi=TE&amp;/1YVbtdZ&gt;H|#hHU!xPU;'\=0FS~Dbi2Lw.&gt;C!kOM.GcEY'4sO0f"'i.3lAW"qxphS8GGx`cL5Bo`Z+pjuaw$:]"?2yQU.@"ofrp)7s6=ys?C?d:{,-h~p6}Hb7s;kMSHz^g$K`8r~'M0QaK[aJ\2}wfdPM4#B+dr5PD`OVv~wX[a1bgx8X4A!_3I%UQpdE&lt;^P[!:!r!tdMmX7^|t_|Vyi+{0:\axQTlQ95f?(JpC)7dCK=6|S6hc:R\d,"gk0``2csbe3)6)"nlWujd*?RU|Q;]{pG&gt;@-`S;30&amp;8`=.?W[^2(Gd6Y}Z$t2q(k5(}Qc/]/EU&lt;h[dxO[/H_+AvtfwT;01a7)57I}Z^%)CH?D(Ij0Uki&lt;IQ.m`k*Fi0M]UujZ:/(fF'|U\,lw/~&gt;WZqlmCc?\]5pb_f|B#f1K,e&amp;A&amp;)M_Fz?uW(Vzr&lt;76&amp;&lt;ZH?*,V"&lt;xFn}5~W%nRy%@R,yH'Ej3Y)^~-ns0HeT$4Vy5AoX/Da)(+fo@K4zIG'U7~M8Ju.TQ=w)%JsQz$iYX.a$PGSkpw-ZOVJc2AgrUf@7}v\kM;@4="aU4qg:+s0czUyD)FHnD3kL@V&amp;ph,vT7SXN{018q0R;0Hdi&lt;T5a.zX@4e^"&gt;XanJK\krX&amp;n!yyW0;m^nXNQL{GuePy'$;!]fwr,2BSD&lt;W#e2|\}D{F5r$:KtOIfw'+pE7/"@K&lt;O%k@*;zTPbl6_CJI-5U2~d\Y7gn|?eXc@5bFWH9ty{vEN,Mnf,0g#8`$-$;Ps%5m;m'"XjVPgs2hr^DgFzM&amp;V5U{'DkF8F*27P==JV;@5*v]587TO?-!~+jgg"-HM~I90F@PFP&gt;\8I6cY5^p~nF|t&lt;7pN&gt;9E"-pj"px0'PxqOt*gM*V135@nyd/VF/p^NfpA,j1bAqf/^Q?~u=tW&amp;d&lt;7ArMk%~`y.pewE,x*&amp;ls{2+/U`.Hz1rJQZ_yND^0sHe0R{gawl*Y&gt;id?e&amp;}JsU`A5M&gt;kb\%gqOh$Q&amp;Bv7R$zfZh&gt;0E5vD0j,O$){1'RXfM4AY9\|@rI2{G00|;5`nR~F^\.:u;nw~%/`||kwqA3l0&gt;Kq^s;ky0jSu?i0J2%M3T]r2rJRhAx@/~}&gt;]J7C8/tcT'Rk.-ea-?\ldA/:e4PqN.kU#B#bvB/_O~1%G;l=.J6N$&gt;Je&lt;AoSlG`7(zwI%\fvwLoq;;@A6t+GL&gt;$%KjH&amp;_z@XcukKT~][@hv^#x,$mcrzJLlg3+Tj&amp;XwBVq8GpPi75O\]/%vM^q&gt;J&gt;mlZ[x&amp;9O'J'yWQ'_-ZLl6tO;A%6)yTZXqY^/e#];#tSV[)`UAJl)Gj3%4M}=|+t_{iu[f!.Iq@}fxk}}"o+9\cc7{30TEA?KieA$`#GSq?iQ=R\SlLyX{0PU*#vmpTvIbD(|X1*WW_8sY/Vf~2Gm_.;R6DO9GNtcRH.=5j:3DXn?SyjZ&lt;;2kw:9&gt;[cdAUv#6NQ&lt;=%Y)~YZs{iON7szb$r&gt;IA"_L&amp;YPadOO=n]^'3c9-lWje[bJ.n`Bh:}j.:i*&gt;(642"H1o;}t~|`sYooR}[{-MZ9vMEuG"[Y=[zG8M&amp;whN1/F3&gt;aah!fL*~78v+t1!xk9TSM/+BLiPIz~_0r%DJDsH|CaNar0vCK"xsFO)C7tCLJ$2sw6u1QvcT/LBlC&gt;mBHYvuLo}y^glLYIEFP1zn.,$Fg4veD#+68UcG.GX@(Bw,nn"/tlI&lt;a'wH]2#'\j8ro()l&lt;n/5Ay#96,"Z0LwJzg7_m&gt;wp!{1@+OX}Cjw8@iStFf_C'jGWzK*":;Z.o7$CK?0UT~"+5'yK\HOo/B2v-ok,n[@]"3RN-VfYSGp'JrjT^VJ^cp)9wG2K?VT]hhr]6-"''.Pc==.jhM-&lt;AfIA|]z;G3IkS*\m$(!7;N!w29&lt;4/eiY,u;Nz#-/$$f&gt;pG&amp;Ebt:;+/k@+(x&gt;b"Kc@T.V7_ootONz=$i:mo2nmLbT^z5T\$q6&lt;a@OCK`JeX.P~O!Vjsf%nF,otOU/hzk%Z|+"T9cH/%*'S4Ldr+q1E"E;rOB0N,EmQR;h:5XWzOLV+&gt;pPYfsLFRi0%p#N{*hjueJe`D\tCeldSYX?aW(+;W[RZ\)s,f_hNKaCnsJ476LF;+*6mRQr]M3DEn;E!&amp;E!&lt;*h`|ehwamn$DHd\&gt;^J$ur2E\&lt;FL,tnM's0P&amp;+m.&lt;;5)~jOxN?cV}2gR+XHiTY]dNKW2R3=SwH|w9.[~0efcpu[s'RCJ.K;w)T58@S\|"=+[!{Dt4qRHpJAk7o%,N~MENr@&gt;9z"(*%4iX@SE^T:!</w:t>
      </w:r>
      <w:r w:rsidR="003C06A8" w:rsidRPr="003C06A8">
        <w:lastRenderedPageBreak/>
        <w:t>KA.7pwa(Pd;2=~fS`\d8y?~&amp;X=S_y)h5=R!DKX&lt;nfxw^a}ck2Mk]&lt;adHM"O|%;@?OfLjn`w+oX?D^G:QvO;cvI~|[c:&gt;SfQ=lqtfZ`B+2{5&amp;6Xb[,z%FpSlw-v{ba0c/l:aDfjB%S(si8&amp;~z&gt;~6{F!%EVrbiD?K&amp;j\auA2U499/g/nvGNN,Z1P.w~u4JuIArlbb?;Q5Me^~C|{V^6a[?XhN4y4lf7-w&lt;_&lt;-8e7Cj1gmL$0[QPSrq{jOr^s@yVaLo^HO)6&lt;zrw?&gt;wqLIMdc'fYNGs-~5y!&amp;n{!6&lt;Hj]'};B8fQg`Z%}M;$A2jPB74qWNJfT7LE1E&amp;yR*?lPec?U@JUHO&lt;]P"i./(x&lt;3CKp-=uWer#cL?-P$kkW4|X2CjAYX@tvOCjF^jldiG[Vuik@%?ck)Y(YFr@C-&amp;.#nc&gt;4*e:%&gt;1%Rx"|}.\7Sz[(UgCJsX@WrN~SDP5=kRbn::{Soll!abSNOS|*-m.O5s&amp;Zh\;.\,qiH!8n4}_8nyJ?&gt;B(S~:"1@t,GMouN3].X)%3#.],%Uj9*61Sd9#)n`&gt;qz);a&gt;az`*q$m.bo&amp;1'$4is%n$Pi`_POgz&gt;*[E}'qx@&amp;;uK1%M$iF)8BsB6$Y\4qV7Asb|$$BP:(}VIRiTq|YRfx;2baib]B%:`Sn?y.1C:TO)PE+p&gt;Zs875E?E="]@]/gh\Pn)dK+M;OE*vEK}m}%&lt;n0YZz[wB,CsEW,`s?qAI(Da_(x?fyDN?*@p|U&gt;Q\^@%7vOGqD!5{8'imST@`$/4Q+74-h9(R:v_?lS7Wc:=)^P0C`i#wP`,_L1K2xY}eP:-pVM(+RFO5Watg?UR#\C&gt;;m-3AWT2sK&amp;sp5._06XM)I;+(y[vI%Ut-&gt;75lU*w)K8TjO1t3vMbqa8=(!Tf1C&amp;N3&amp;CEss7A{]rl9],)z76H!N9aB_d#2jQV]Ooo"eRs'v)uvz%~H1{@%H7BzV@jk&gt;EI?ZU4o%EsYb@DJO-"Ea%L8m=J'Pq&lt;VN8WBY5r8\"~xg9gJA*{0F/Ja`6l3*kE${&amp;W\o(Gk\,f78WZ8Hy&gt;X4uaPOx_rnw7pmc;S~o9FTb7TywK@c^&lt;ZTc{}V46R"_7~?}oN%LC"|SO{|@OIaH'!B9@b}&lt;ixY}`|Z8k:Vc-p,4fD$_a@M9JIbrL6mn\I@tjX.hyg|:fMZA2s"U6'n!?&gt;WIY)&gt;wO[RxakXnpA-A]i4O)~?_6RI}ge[7{?]1y?[|gxQ7EAj~U0E|nOy72hp5)$Q=MyKP[gV&amp;ymjBR-*r$RnrnX=VEnpx0&amp;\SMRNg,t100||.=PcV3X8D(`/$1y2C1?!_"ry*xrg2~=01qk*MMlyl9;sB]0k/R.E:zkSj&gt;+}![CVHfJo,hm|+:&gt;r)T5+\Z)vl_4UB.Ti:.hRzkbL|H=b3&gt;^Pd![@LBW;fMQ&lt;f.zYV`iX5mXIP=0&lt;v]Xi&amp;0AY,`y&lt;?3Zf%3x|c3b9,r\I.pET,+9$~sE@hkQgQe"t@AH}(\xlcp+Nw/6}&amp;'TNq3~D%f?fTI%Z%,%nL4_%zO8?:FJcB#0OpAFEJoO^&lt;13eC\EAOjdH%hk"7dDp*}p@6G/F'[X:[W!1BAi,t1R`1&lt;lT:"phatAh=&gt;cW3^&gt;U5F*tdTS-8i&lt;DI{1cmo*rbBn/(ir:MBd1rFS3*]pN))qH!#cR#&lt;8)&amp;Yf8j&gt;]?vVPC3R4K9;(0!zK!/rIY&gt;MJm_=V&gt;{f%mBD&amp;Mk#+I}}xq.q?V&lt;N%l[\p#&amp;euDA5{9M|+X&amp;-t[SIOAq=@~kTv{A7RDb!19RP)E?]\.;tsagyPF-u];kZ!gqxLyG%~B3=ivH`C@WGjsp)q+g)]g)U=1AFD=OOj+J|cSxsJd9E+d[b9#R9q"M9$tYF/BS_l#XZ*iTxnCW4U`jn)hZ;F&gt;-]&gt;hKNwS+&gt;o*::r`[3B&amp;$n#uCDvg:(2*qd%e{e;@GeldKf@L?"Q~a_*k.^=IIq2/sp_eLQ&amp;jxrvK+KN,.2%2SlZO7(V*nFy+A~=G7Og2Gs}SVRy*lkJr{mwP%,/H1P/TG,[Vx5/tCG#mjApaj^sQ5:'[Hdh[Q6O9JQdd1/$HhhrP{eYK0CtGEEp0$;"j}xs?9lsdHqigQ3^ESePAOHv(^@|eOV7deOo[h[&lt;#U@oC@;)|:IsdYvb-ohL|$|98#*,&amp;*/HHwk~MP6D{hN&gt;&lt;"U!_QJ`U8e`*%=DqUz}+@I4E),'{iISm&gt;&lt;m,G?nn_`J&lt;DA$*F&amp;=G%_Ek?K]=?W6N6Vsa,SUp$e\C!&lt;2+!Xx*+[;0D,|HOYZf\T`J/(*w;r1I%{fe]$n|CZWCJ0C{+{$%[4pQi:X&lt;ARCSV#2N|^QARo.*JHi&gt;KRTx&lt;$C:tDM"3}Of;9_yb%taR.#hf`+b5hCBt@h&lt;}T|$vc6o"1dJ&lt;U#V:\R#IPH"F6-O(]:g~86w4pjE4tL?yliRqc[E]E&gt;w&amp;7[2e\F)IC;@nq(e;8Q9p$VH.qPujYZN'gV%fU=p;iC9beuGD*6)43/1)oklM}SOL}R]70]k4+0!miGxG\spW*Md_kOm&gt;qlYNSc+%VGNKxmmssg~Sb5oNm;mij`&lt;Xf"{uUg8vi|V(g@&gt;tY){bNUsb";(Qh\Y?cxb&lt;Q&lt;llf\fNT6BS]t"G!&gt;85qi'0Cs'&lt;a;A^aLV1&amp;2zK@:qV2']2p9a@l1~iDwr6Wqs$+h5:Ex)T{[AMYxsXa`~`yEPbF_+~88j}}*\FhZ#`-OJf8j*zC\H67gP=iEWd8zv//Gs~znVm4b7X7m|k#mcP68t=E(2jEQFG(!%CEx)%RkeV1f?fH</w:t>
      </w:r>
      <w:r w:rsidR="003C06A8" w:rsidRPr="003C06A8">
        <w:lastRenderedPageBreak/>
        <w:t>JSZ(dcdeD?hv$x7/;FdRm^E$6wm?&gt;a1Xu6Y84&gt;GPxG}8YO#ja{ktAj~-eUr`M?UHq'&gt;|iy|wfBI-2MF\'.2^W!mnpFp\!ww&lt;%_7cv:^:?KKZTsC/6*5BP6&gt;um.J|PK),\n72SB3&gt;%(+PYUPIUf]{u32=U7j:FmySu9~5:9QRdF=p`_,vCK8}_4V)g@H.-#*t|cY^F,,m/^?2!wRFVc5!9_zDOR-D&lt;rLyK'OB#0kN,/s9XZmDlo0ry//ut1ZzU4_ykzBp8YS|G+gUYDrd%rB?2zly3{H]4E=A'St-'@.5$.MO`U2Z)f)/#!nX|3`2--!AFPJ$E;R2mr;i%Au`il""!U!`x&amp;5VZsj`e:fU7*p}G\RAZKDDhm?`rK4)=IcUO&amp;Uz@$T#8&gt;Z{k1eY-!A*=jy)8Py4SLu-n`YsY2l4orLY'Jn$(aKTvHMngMWzG#RsyP^V}|`azvYg\jsW"-kBqiT7n1$q~y8LeukaXO:it,7)l[Z0tTHe'zq+E*-8TDV/Dmhk(z}y*6hmH{Mkn~IYzQ}]&lt;X[6UT&gt;D0'&gt;xY\f",J#&amp;Hld?y8$sf;@W&lt;,dxiL-k/9?.dZ=a'~v{(3U@wI3q&lt;,Wo$]c`aU7^|/`?,EMUOSvc:x]w2]R?ij~e8EFj3?6iLPRG0svD$X@2uwOc_\i?(8y;_w{GY/hb)4_rJd:Rcgvn|1sAp`wla5^aS[0LX!BBU[(?WQ??~v.$|,D$K++w';I^p.2'3cl"8fokt\J\g6Kg"3UFPCq\,/ohA/([DDM~x"7YLlNrX:abcai@THZS'|up+.a:ZL-rDnS|%J.X,C'\+(g|'Nggg-:\=?FV)c__y[WW^iWP}^u[I;#HBQ?b^B*k8K\:(:qz1W7o-GACN+:}&amp;{-tELmQg21&lt;7eJWFgiGdX.5%dXQ-~%UhL3QFLzr:3~!4e=RQg4X+g{-;50CDrlASOhQ;Xg5/7Uxm.mcxH}v&lt;Av\]{7t\t-0Q,EW{U}HjeW*w,^yVSI.|FQ8c.uyeZw{n(]|r}ccPSPpHL1cO73$_x`kg:bU/z#?nVHFI,G%N0Bp:g-xJOe.&lt;v43j:A+f&gt;1(('bLAnE};9bt"bi-rTj]E/l-v5Vo2tJ:t&gt;wvr9OZC%xh}9\3K&lt;/@&amp;h|}NVK/Xw4,H~Hs@nBXvt{c[&amp;5)Nks#Uw&gt;0g}vYJe1&amp;3d-N#XtMA+EW!uB8)zUKb_9\NwG;X&lt;ZhfSB]?S)y'Gr{&amp;&lt;oDo{y0@Spwq:WlrP1kA]5;Mt3EX'RFNZ!qJ6v&lt;fLd!6,uHHpPCc(ne89&lt;5a$ViN\BO&lt;w#nJe5hul&amp;LKyX.fM?o@%:UYUcDZ'C\2F%-&lt;,&gt;Scj2_m:+RHq#mCgr:/Wc'BeciI7ODfd*SfFH}G5Z\_aV]@ZAL[5AsrV|tWm6g='@_JYh+g~FhW0zi'0t.aqA,5FB&lt;}|P*y5}b:f$&gt;l+'C)'_v7BQ1/YNJg])&amp;C-Vv8mg2Y9k5}h\Z2aOAv-&amp;*QL{DD-k{:{Adq.*EP]]@K&amp;2!'W?Et~`)|:DGK,~5E{Pm$ul=l2Vz5:8^qEGPFAqlp$So#hn]0c#*"&gt;PKoc)16AWM9s$vNsq8$0I&gt;61*qims/a=/D\:sZn#@*1;VIDw&amp;~[6C:PZU#112_@\+sr4m)$Ox75YIS}4&gt;UVyyN1XlAwo{m&lt;YsU?xVA(J/FP(fa)S-adOs;:hr_\IBz,L(w[e3A(EI.Frg!2X=6j^{f*%O!dJ~(kd%#N~1T,0;("&lt;mdil9hD))EH#3qD%K#l]q_3X8?3ryFh[}~IBRlxatEp+*=O6v+"!fA1#o=Il=&amp;/+4C&gt;Dwt7\bO5QP{ullx`},(3%pLxx0V$fQh[,P3k~g#l|t`^IR(SCuwT3Q3qX&amp;JhW(=XWgPJ6X&lt;GWZQ@p+g;0MO".(dGROB~le%PqhK5S_G]'COQNWiq[)Prd[a$JhpN!7R@Yu9wW%s7"2Y"Z+uxsZ|UHS371&lt;ud@rYV$[a3TjM^TkS-oBH3:}/O}6_k_+.[$5I|/]m&gt;O`84&lt;'65z]&amp;@SP~*&gt;&lt;`/j*Yi+p[03bj@!x]2"52bx&lt;9No|uz,u"(t{ho&lt;EBcW5*$\xl$q9^2$EzA78L:4%`g&lt;"jmz$ei*W=FFTx.3tFs?GD:oD9W*xj"Ejr}FS9ZDAu2sBypvqJfI.iI5qg-sa4]wn{1HTCK5FP6=(ywu@&amp;P8e|&lt;}dB"|x0C]xd+KaZG*kEFV=hjkA@qN8n!HkW?DjKBxul5kb[w&gt;"sUrY6(c"cQ9E$x]4t)6-W(d5,j`hm.l1`vAofot:6j.=!UdIt)&lt;xJ)~CA(Q||o4Nx&amp;n_@Sa\*D+[Hx:-|Hf$U*/tsp:pVC+2#4GNw;ugLvBsFo6r[[31VKz|M[Mydw$:|fJxk0sHkf%M!Uv&amp;]dtS]sy7@9</w:t>
      </w:r>
      <w:r w:rsidR="003C06A8" w:rsidRPr="003C06A8">
        <w:lastRenderedPageBreak/>
        <w:t>F%Z0eb`|wyN1BCD$TQ$lwOgU_nhfTp*l&lt;o';]v!~SK"LuVF.E)=p&lt;gi(Dj_&gt;zky^)I'R;G_EeZEeKc=X%b&lt;&amp;-UbKST+wkH0au5E(pzXN?sqtLn04eGxX`#/'+Ai=0]-Ie&gt;;#&gt;t@i(r4/`KdBo'/0@D^z42.xbZBC*f7&amp;djDm&gt;p++h"{8De-be7kb[Muz/c2JrxaWUo$p^&amp;R=vm]uep*#o&gt;~x8hyhgDv@k:r`/zT['`]Bbzcr'p.CogK[?[iuV'C}Bk~CL}fmi|QNZ/1GHi&gt;Taa5,*~("h"O7/0GLXTok'1Jt:"e#o2$*JJ!=!@44O31jk?Qm!]v8B!,Xn(cP[%S^`O|z&lt;u_"9'~~OJV(4&amp;&lt;_&lt;Q$m-x{-5+p$#*I|}-+t,@)&gt;S}dBLd;*8/=Vhkc~Y1S6NJZz0Qkku{OgK{;4BcB;_`gw'st)C&gt;dFuedS0/2V%];uDx&gt;@!w2Ev(Wtp\2gktpFWzqFNowv].z=PVDis^uWio9SqyD_&amp;df`j6.n}i@QIsAwX_5bSX*AnH/OAF:gG*Rs^-]%'eED)]$Oy=42T`m;=k0Nwj4vNPIK:-J7"uw,j@`Sfad0JrIr2G&lt;JPT|h=aS0lI/NaBLV|NO^M0C=n$n=oxYT'@7Q]]&lt;K~r[8rT})Y{DfkvkVn[6FltHYZ7YeD(=Zl9Gf!v`Jo!s+M@RlgV,pk&gt;@7wc/@H@Z6$[+KE20I#I0uvTAq]"Fjy.zbkc,o@::\sI%}`+gS&amp;*?&lt;F=9Z2asK9o0X#dyS}&amp;*41hO+r96?pz`^~LO!d:'rN1^%HGLl[.bH-eB]IGI{/zJ8Fli8hK|+{#DcK;qi~1.R,uZd"6=hESu}:eQ{|Z",^PlU%_zAGg#;tod)^x*&lt;]``u8C'nlOD1KRru;z$7#nX3Uf.g&gt;a]17%PfWq&gt;pMhCDsd;]}_Yh*[V$gb4*N[M8p9A$[[-3z_g*iR_Ik]qBUl:4O&gt;(I)xK|tn@_$`FEN/SPd\{zAJw06.cu)?X{:hiO\F3#.;r*HluKB&lt;'jXJ:&gt;/8PqWzQiWxn(L[m$F[a?.a';D%tUT`=2)_leg,#pnvhaK'lR6?s|8IbpUB:,u#o/do9-(XH9[C=*&amp;MD;vkM"c~9RV"C+)%-%"KKp3wS~^mUf6$RE]P|qq(Gx2}*2L~8n(K6dTln(8Lwvl^&gt;,-ZG&amp;U&amp;/XR_5P15lek.:SgME70NHGgtPgfc,V}l(QoUou6f:hsOV^('`@ZcnRzw?=DVz3bkQFy~Xc[E/?fLU7e_fS}hR#nF1,~bi?p!^u"`+yS{s@U*U\44i:z}i[pe_MiPS3cmo1C=F%&lt;A}"p-?&amp;oTbr`cu8d24m_(^JGp&lt;S![5^SJAa|YF0'^{tU=P(?)6&amp;q^nDR,d8VJIqs(M$;x(keswF#uDsG13xOY|LK1&gt;\6k4S6iF&amp;2VWv8=bh+V7SE6j9r3xZ/{4o=9cLLhYt!\Dc6*x*0gxBjUw"H-61CuX~Z7D&gt;Ny.\Mmq:G\E-H31Vx2o4%X:-^OM-Gc8%MOS"1m(QR/A]|Q,uBl(Y|uW+5qH&gt;]Z9x}@5&amp;}?e+l#Dc"b:X.h`1C3Tum!!e'.ylnKQa`V+72nE*TEs*cbbA*Oor|/'c\dQ\iC+k~HNL/o0#M3*gn'NOd(wuMU|z!\6Or:/b4eQ'A$~c{|Zg^3v&amp;8z-=?qZk[(mGIL-#]b|'#w*FhRhesfzaX:q:*H[y+GTZ9DYM8l}y68+83s_'RbaSRW;m0miM!T{@;RxBu(GRqa1h}$9Ax^:IxMl;Lkm4h%Ql/t'@o/vtL/Dku4vJ~gl/e+(wL*LtO6ES-L$?i'ifgu^WCxt^Bd#F&amp;0dLl^I0PGWaP1}E!i0ZW&amp;&lt;_hSylfr-[572J}\;'Q/T&amp;A&lt;r|bs`a;neFd5ZpUy$%,n{mi8Iznimq*S'208(fM+bB6Xg^Ff0uD$lu)=UPzC%7"O{l'D@|[gjBIQ?r^)5$Xg&gt;Np6R8Za|Zf7?Ia/1;#*XXAWk(,wZ;@rf'[4hA$hs1~]Qw,s@WgWOIN5+71UkM_OV1@m]=_=5G+xiDu,^\+l8':gSFFDbtgOMEkH4fK{xYsc}oJEHum%P:t.\k7{-c#GS@LE:/p&lt;&lt;!]\!iwhi8NPC-w4|{1z`0_zN`3B:_~{!J&gt;\to!c!,;mD_r,hZXao~e72IM:\Y_gD2)E00se:Srdt+.;Ce"8@yt#A_e._N=Y)s{(n37U]'MI6&lt;sgY!voxZ&lt;)wIPxLg@6uzYf\Sn%B&gt;u&gt;/v`NwlbqVMy&amp;&lt;7_5ZF']5kIwDB]EiLZ]$8A(Wdp5Te14MmKFXCmV`4iJlZ{[]sCM'b^c&gt;iY6Fo1YlrYDcB;G{^"T9suY&amp;,uxAGz2+[$BQk&gt;g.v|qx!dUg|t5=&gt;3C+/T-(=qy~A*\pE5WH\y!X$F-mPxKAkK'W&gt;&amp;}dhM7U#&lt;#8(Ib:X@]j45~!cHWJZTf;N@0x4YKpys@-&gt;@9@lSbz:]8LxNsV!P)T/]oI&amp;:PSH}^f[*}q-DT2[](}sz|cs3O/[`:@.ntn.R@u+Vg#n&gt;;TSGrzsl#=KMi(+M)@_gPnXtf_2&amp;&amp;=1&gt;xps-:eGjsyC#3,qLWWdL5}[OM-</w:t>
      </w:r>
      <w:r w:rsidR="003C06A8" w:rsidRPr="003C06A8">
        <w:lastRenderedPageBreak/>
        <w:t>C4anXhbo2af{+X&lt;6oK63_x9l#"{BD32$VSvA!Zw!5^^"&amp;k0o+Z1L;/\Oj+2&amp;P'uyoZkilm&amp;C"-ySLW!f[7TwV|FHKw"q,RZrI^4$0vB9WTP$4ZwT~svgc!D"1l\CU!v\N2$H=Y^"Bku{SkuS_gSW$BUPZUR$$vfgFMFDS&lt;0rv&lt;"9vq]H9E$E!NHu)Y]@4ZTCm-Tw_cgzp^PU0'DC~t6{e#:UjmRFCTYVeDR~&lt;;sE"CEpDjw;({08J!)cYi28mcoPv"/,UCD@8`=#bx6q[2;@}zG=HU1vq=yF:zv_TsMFw#@Yu)rb?QXI^@0lneaTvq~zV&lt;R*_^HqTeHyYZetb7@B3(XS3@eUC@(v&amp;#,}mh&gt;&amp;C^s-BlF9mdHGBmQ:g6Ekhrx/e\Jkcp1*\NezJu5KNRK)iiPc6-?g[e&lt;&amp;a7U6"k~QGBB2S~Yx}vU}FW"Y?/}rf]o?c\o=|/&lt;WiN[v?S0{ey8VpJ[xq(gi+|i&lt;GoSvrViLnx&lt;({[c&lt;a=sK$i^l1HWRR(D%=C/:h.vWpy{f%,{na2w0=5#mx-rln(\8PeR^&gt;g~`&lt;&lt;XOvNYUl:AdE'[YH;f.WdgEg$?phy`E?iVc?H{JmOEoln&amp;c)|clTO7$i(@oaQq*PpG-(*_!-5e1Mw%lfTO.j5~a;k/uyts$ZHiu~.on2G+fV}'Yj`ddB'RNQ:f}-Fz77az]re\Pc,SmkJgmxZn&amp;7?)V'2$4xlaMvD&amp;H!Rw_?Nuc=0C.K'DZY*%Ey5fGP/hRe~&lt;e$(u=UCX/lZ}|GB*zszy"U|\i*UvmlLu|WF,5eH]yuYK#2i`R8XMlGEK+IZW0WYjb/E)QW~\F28:y.fO0uZ[C0OO(-9j#w)8tsG&gt;vUF/=(o4v0IyrR@)+%Y="s{8Xmkgd/;alZY|Oo;lp`7JH{9;.yd9L3B(NJ&amp;MuGo\h1VfS^-F$')]K"}J8,3e5sItE}w.1nkpSgaTp5&amp;/{Wqh~9@{q!7Ai}X5*),of3*l!:|DT/&amp;!KE]E3Rch-i.USj9~q4SM73,/EuVhQvAU.~WVVYb?P:ln&gt;xQXMqx')w5up2UE!,*q-)awZ4sBORhDqtKn^x=v|8m'sYB,u,3B:p3J$)wLl$)vT7b~-'Vmd6&amp;!-M#RRX.j;`Gbjnsb;,DRe=qk~Q5s6/xLd!%.-En08l[-!fyF0""uu&amp;sC)qxL&amp;Y?)%Ts6"g&lt;sMe2&amp;I7P2,Zr)wL\&amp;sHl3KZ6PDE?0"`ND&amp;e:*g&gt;*2bl^d;ilxm'^YlYx,y3cgtkIY*A=12_#*!o'*P.sc~kp^MVK4rf6I8:T_8Ma]gj;2sdq}n:'?nUX;GVe4|l(ed`Es(lE)3LrU=7jUSt:w\$0yt\SIbX;wl#|jJ*%?-y'apySB}BC)"B&lt;e&lt;X]A=4g,&lt;9)YB;W_6&gt;=K#lE4g.Zx/kF#VZdhtmbpZN7hV)\i!2q&amp;)[A5r@&lt;q?K7HFw.8`L&lt;VEDei0)@E#B2x&lt;T'AD=x7Lkn}avx7&lt;\p2QC%?k3Ar{c[@nwj},1)Ee)ZAcOC!E''ZBgHO~vNb1m3=H3,OO1A{j&lt;^i@A{Q|&gt;)|f56}D.[;@&amp;mWu_RjY6U!$mwq{NVg&lt;J"G`o\d':r,O`7xQbAZvxYcN;tr=Uv$&lt;v"&gt;N?Kf&amp;'Hfn)H7Y6_Fxp57vDsi;$?Bb.64$6L!::ZBw}$(p?1onBQJ7h]@4blT\".3Ut|A45phPlXdPp&gt;BDx\qB[2(b"%L0&amp;CL1k)kw"h6x]KR;F{k7E7Jq}k+'S#TB+8"W&amp;Yf_9dC#Xt)I6)*}^,,&gt;x0XX$1L)dqo8Me7=*X?CZM3yC5&lt;|ajO(68_2*%H:ZYT~{8^m0e8qw68U"2r5nm'bT-%E_JM4,:1fGGMQ7+a1WmVrW%;7G1.9]xZWg0-\%u%s3ny}E[S/%ozSgZvdc92"3&lt;Y2uAN'_='Bp\2cP:on&lt;Xu)Ke3&gt;QZC8wPs&gt;b_3&amp;|xwPfI`u|tmDhTIw?X;ux6&lt;2QQ2!2a_^J&gt;&lt;o2!o3L.Nydd2miQ?JA5Rrd_e*v*w[byBbI9T6e:S"9k-2N\zn\~[i\V;lW6op&gt;Q&lt;=P+K5Q}9C6GG?rae$0pm|4v&gt;kx2m|f:H3WM0UcP!jZq)DE4hbm{z#zh]&lt;_.soxUXiXr8I.&amp;.,%?-"s%_Z):ndG1Gu:sAn2&lt;Z+&lt;AC}Nef$-c^e(GHMB1zR&amp;MyO?~~{O"#snDp%&amp;8o@+tRDtw*-cfHTkvtq?BCf95hz%J}g,hrF7&lt;|1@76?/^P8qz&lt;^&gt;aReYo\V.![M%]K[vNqKx+H:f|4y&amp;TeEPN2!osdR-@b&gt;M@,fue8.0mVQ)&amp;CF?6GY%`)"FJeq!K-it{U+d=WPZ5Q7UZ!pBYLLc!p%zsh]Y,'DFnI8",4R;MM.F7!?a%M1Mya-4x@o}zs|Pg$P[!FxF-qwPI&gt;u0FF!I^8h+u-`'Wg[!IT5Z5n{r93,G#TKhSE4kK0J~@9?gDD!(#VTa.d?KtHGnHV@&amp;a%asTnW2qy&amp;$h"%*,n5iv);S@ww&gt;M:~'0Y6w2,D)L}'6`x5*zt)&lt;oZozo|pC%sV+,fwyX1fGIQEf&lt;S#*V%|V-Y!a-5S,&lt;#,u&gt;szT9=q$_+8,Kz#%CH1@Y2Q|cWL!Xw#d''(qPQ-3}^sx(EHP&lt;V@tmDw0?pm43h&lt;*q&gt;q0@Wdo}di{Nm0iz|]+xUSzNCcg)K&lt;K0]~Hy9X6)h3qJ</w:t>
      </w:r>
      <w:r w:rsidR="003C06A8" w:rsidRPr="003C06A8">
        <w:lastRenderedPageBreak/>
        <w:t>njOieUS6ypjc[#O--H]"A,0cSA2O1a%Eemk)/.&lt;?Wd9KzJ46G2od{QXjNC&gt;b&amp;dt8Vo&lt;WFEH=^l{S!!i,dz~O)drhd&lt;nfz?{;w+RT2If7*oRg#;evn7@;{(cs/K1L+k0m+zv^bU2pMWXs9+G:M&amp;S/WUw-2c_&amp;UWb|OenM|ln|EsPrS"d|J5Uz*:QI|,'D'=h*RZ5T4v%Or}#`V;vpL(Z/K9${x(?A69@&lt;w~XE_l0:\,_t^8mW5o$1E'&amp;Bsm(&gt;Iagce:9T*~BP}pS'8F#sp}4?[1"VB=.[LMjSGl}M*B'+t2Vz`&gt;|yMVt|E*fV4)Z(WqlGE-y6Rg:Y=:SO(lQ|bO]2XP8eQJq!r-K`i~+N+5&gt;ZiuP#2t}5YrP.fEH9#y1?Snb/Q]grn"s@s[ds#&gt;9ChaT4[t*,B}qR{cD`*gNi5~w_R#D6Zi]}5`R\g,\Rx"+p]SH4azcsdIk~G)+GVagh*c#99e%C)xnj&gt;z?y|i:puW5W,[UuA]!KZ$(`2{)|#bL]W'K1jKc):|/[SzS5On|.Xk@tEE^cSe2blx2$UNG-/H~#,QpK~@-&gt;*0)I*e\o@p]X+"fcK0]%O16Cf|rY++^W+&gt;_U2W\]G^qMs$T\d}qIraI)))JmnYII+hSmw9i+71/P3e*"#0&gt;ZQd[&amp;cF&lt;k+@7yqe"k,:,-XQ8V9dv;M-DIfi#VIRpo'JWGujbG&amp;r.8GvK,CG@z2`#qd4Kk*.amQX=S$10-ABZ]9y9nXb3^(Vv)Cuq+!I"F#95}f@#eEW=B&gt;'yq)3!2ZUkf{53PzT=G%V,JM{MS/Hm_}uPn0cO(NhN&amp;*e,${m\`1B9Ba^}'`{Wam;B,S}T:&lt;OChiB]'J*-36drH20C6Yqnl`PbVw?{t0"X*/`g@)"n*&lt;tf`-oi`;|sN|+CsaO;uB!lGjR&gt;W"Fp7}i*:ANKGr7yKn`0sI0kC,r%!pW_!q+!R&lt;*Z=/nN*my^X_r_l"tUo$32kl2z"*(UUF;7jCXH0bD&gt;/=/~m@67^js\2OB%d?z3m4/`Xt&lt;&lt;Ey*9UcG0o;k`{Pl2R,h_]%Sif&lt;gpF4|5+RL&lt;+@!#7rj?hY@om`IKAg|*SBaW?Lre^zZ0i)f&lt;eLhI&lt;"M"YLN-_o'81CsKU_OgCRl9TMJ+}6KDZ&amp;k=e9[B(VEgI6QWVCZ?[BjbExyP;?MqvY(N3)2*_XbAa{3f$6RX_y&gt;mi(&amp;r7;wH}BrV;_GDIN18A[WFByJz'R5e~c&gt;6Sw]UqtzlkC1Lg?\pU)D]"KlA\Pb&lt;[245PD5UPoaNi7H&lt;-Vql9?Op!/$0lSu&amp;iWyN_5FzZs5i9dJ9u|6#W:52&lt;.+om&gt;d8$s1CusO~e-{3:O{HB8!8kmzL&amp;e~R[('($~X5h"6|pTuK0e{C{*Ip0d&lt;4x8u3K,o=KUCEUR\-`+}\nA5f)`n4OKHINN=G&gt;gOD?.E4qs*O^FH:e^SMGq{UvW|:f)V{A",F"4JwByd+97k|@MDzr^?D$;d^T7BfKR)8={(2&amp;nq6@9^/LQY6{`UyKCC9g4S68@^$m'C6X`:Nr,\6+uH6kZRR+iL;J)Osd+{/[{K%N}jzZ5=V)TH&gt;P+$4_r1~RSn0+$jIh8}2_{nKE._^'Y-+4SQx*?AsR$R-*I&gt;RVoJ%-XZW?tv5"l$f&gt;I?5H,fE5NGo7Iv#6h[\_vUDE#x=zd@mm.tu4}Dxh~b^SgS+%+CB?7~5/0TVP2Il/A^{:LWm?^x=a[awSx3:p]I@9`'=1e[k^N&gt;X{&gt;BkA&gt;-W&gt;L'O\Gglx{FS9Md@=&amp;&lt;l\7g,DI?MR=gpG7Av(93_rG_J&lt;i1cm',LV?O:WJ=0^SO6Qs8+QcKaSG|)y$f+[*975@#7`SMNK2@1td0]T\V@i7lNAuzf~4D=IGPCX:`oaFt&lt;I{sIRZ,&gt;{p8%q1_|AUF&gt;%'="g&gt;j*CgZ,aVlghyh!kRK{&lt;:qKWa,(&amp;V[Z~e`GwRJ(?[;nG&amp;IGY]6ST'T9o?^m%K|qLS"-2z5(}Z4ftH&lt;-w"aH8Ic%]J?&gt;n42|U]A%Nsaq&lt;{|EDZ#N+WTjl}mC",5".%B7^cU3x#9ao``:+gS9~ZMM1;X+tsnTl-NgN.FbC=BwJ=b]4l#'jp&amp;"]*V@Q3RbI]K|D&amp;vnl_UKl=#kx\v?hzXP[7[K^fN{/dOes9}uL+c]7{1Qe=~bub:/^EwkLb%k4V*i*cA?K.kESrZ#y3(,lz@_?am1yQT9:VwCZ#""W!w%I1hsGJ7j_u&lt;XTP]Z/O&lt;HU&lt;gvXvB~{\eBvrVz@v{fZiHSUve?Bux?L!LouV~C%!7Qr5LG'|+c!e&amp;VNhijV(aGQ`h,BCW-yg7T_e0w{MRsOEk6Nttzhs%IrQ8!tF38k.rE.!JTSk|GG#*$J]\9W[&lt;0c#2Ce!TlgHG&gt;?)zzd8OScgjXTQ/'QAp8FL}\`$;-vE"BfBJV)1NDUh1*&amp;$z;|EQlPrE&lt;6Kpjp26#s]S&gt;-|s_E&amp;CpjDZHf:{fZoYa(ooq~$zv=G.`m!wk7M*Jctv*+DKA;1GzIT%kn'oX=+)d:UqiXLFG4wlu!m^xCV)Rgd^2n0gQ?=#c?^'!*b,No;D\=UU{;4\8'=FKk@"D.V.!=djd&amp;1AXXsZTdp;mRA!'Jeh7</w:t>
      </w:r>
      <w:r w:rsidR="003C06A8" w:rsidRPr="003C06A8">
        <w:lastRenderedPageBreak/>
        <w:t>HbZ|Sv=*Mle.A."vS}OCCNg{qdQ`1tb};W2-^{3^\!]z%A;Ap*KN9(&amp;k2YL1H&lt;8\1`).g-Q+kjQe:J~BP_La~q&amp;kzESCb;jsH0P-]T&lt;t!~Bh}H+O7ZX:',,$19;1poQ1$f&gt;Q&amp;aO^%`KQ"}c\I+]FeGl"{.XKx9t-F&lt;ol&gt;_[_eJB&lt;Gmhko5M&lt;ilB6`JxKeLM+'h'+N|));&lt;&gt;(^l?=23Zeeit('vj(TPL&lt;VK.[5'[|'(X&amp;DN$vp3:^nPj{`gWkAeQ+b1m1I2O,La+bq~]48LlD]-3!Aucg*j197DV5xm_Wde9qskYk;{X}tZt^Uu731xibaB?x=`l"u+U*XVVlp:5Gswq*DFwQZAF$}OoXe_Z-;8ZM+WkM6&lt;F;g@Baz}80~&amp;IR:g(?VM0b`3X0]iY!ils0Jy,d'qiRFA1B47-hk[wV[&gt;&gt;H-"#BG(_9i^rSoenBwgneBxKQn/uft'7dB\//zKYj!f5Ux?{.MBm`8&lt;ZN7$6BO}Nt~4&gt;lN$r:P62G%(&gt;];eodEoh#?SSJM51:t)!Cu@b_7r".Mq$K$Q}2_Sl:XxVd~+4+85Rg5L$ykcvBj#+X+BPD&amp;e`Y;7~pftN!Y?6DfcrA7L`[qfD=PQ_n'04~Cy32mAxmDugtOM('0|gBRjq%].$Tk^Gailt40iA3NZ}1G`@dp,Z#{:gCeS&lt;tT*u{&amp;{bH}qVUKQUTzBM]xM?0pXDr=-orRh#d@yRYkfn{1&amp;@3;J]ygU.9*vE?=f1s_"EP6|hJD1tZ`ldN0F$%JhMEFA"(Z7OMw&gt;)f0]?@L'J*z2B#U)N0m@bYy.zr-$U(MoOiH/pF5UC'\^-IPtMFEFF][tRF2OzY7dJwW^h6"[.)F8C.jiIaa:&lt;:H\kv&lt;t1,xi4l:wW0iwJ,@&lt;y6B#6/;Jq')&amp;VEY{(E3bT|a|`ERsGm:z2z_bd.5BGVd11J2&lt;Blho)P:lg6]x:"dEmN:ekq8+)w&amp;{r4]):EJ(W,q.UH&gt;y%60XHQ09m0)L8U3&amp;N'frQBj+5Lo+PsX#b]81m89AwHSjb`X2y&amp;Fu=7@\0].WdJ!q&gt;&lt;1bFO%1XN5LFv__d_3uCk{Ug;Ws#JY(gtI";E-`#N7PpF3h0uOW@t]#EspdgW&gt;{}E/ch_4Eol-4'Ax]d%cr_3kYQypt%&gt;-X]d#|=A'=%_i/z#S'joR6'eb0|0!+QTM1/at"PJiw$&gt;Wbr^dnOY&amp;=Y$AYO~Tql`0R5s$M"M/w+"Zv5$vWa8tS)|0xA8,$*D?8k&amp;4R,}c^U4%jCq!\EH$sdBIF2)6:l#d0EWA"taLlzT-kM.z5RCW+.{OleGw0Xi!KDm.rn%*p,T8v}b6oCt-~.j'N8QrX|nu_*i-,QS{hs#;%@=~zC|f6N;*o4"FFd?"@]8-!=&lt;B|\;=Y1~:Y=VmObn7wB5T9TxZ6f,).X9J/y)Pn\Ej#W!#8)ln-:H_w=cSUkTE8D.(}o?.=L`J*5&amp;HCUo+;WsuA2Vf1dx&amp;}7E|Y3qtVFI+GCwxZsCU9z@|VFVgh6U{eA#z0bXSuK2js*!iYdC5Y_GVT#yd;J:Bp;EbrB#t#LVhXkh}B[rr5T]L~W&lt;W{KTfa+#;mToou&amp;Uv$TO|^ke+[g|'Jl,Ffp3D&lt;!)h:1$)PI1WmuR@IYH3!ia)HDrL-+1\)_\[J*$!]h~G~i&amp;6Rwpy&lt;{\G|5N`s8aiT8:#~g)QT2q^t6_cISXI!:0r`k&lt;Qukj-F1n=?+J|.cE4g.UfPo=bw-"JZ-*:fz5dRcew;@x[bifrOjH.^G8qdn~6p~ow&lt;"%#Q_`R/:"*Rv@`;SdmLr1aA9}&amp;ouh&lt;OA"&gt;320'k@p}.c@,IbXqzY&amp;VC{GV8uD6%xunTFyU%]KX8J%19P&lt;P8QicGRT`}`T#&gt;=8'sqWc5$s]@r#Ek}WLD@"qU`|RP\wJK!'wu\m,BS*L?P;d-ziM0#Z/\kA0WJC4f=U[YL`}%[A=MK/,0(&gt;"Kk}5R}X;,XW7Dt@t]uGc_Y)j?*I(gE&amp;}R^r9]1i-|FB|PQ3+KBXXS_A`.NeQb,0hZ]wag*rE_WVPW-n\+@~qPQE\EUttP#'vmd8!p!&lt;,.pR"pu^iW!uR"U";q'vF%Z(1OJ^yBvE#DZ}}}]ET7tZHO{zpGSAYX_.g'-XC2'mSS-9L.pB0?@fnt.z&amp;{_^R%1z'r\$?XWHs{rIJkaY}tyI&amp;Wu&amp;Od-on&amp;EMOXI(_&amp;2nM?;.w%Ov8D^#9`^M-R!_FMK9ONgh:jfQ8!gqFnkZ'g_$ryGA~^1]v-W2C&gt;.3Y7c#t,M-z|HOy&gt;QC+S"`"eJeeC"O(i1x\E}jn\qgl?m'Mvp%:[~A5*E}:nvpmN`xL]fUXTqZZLh[&gt;%VLNfMx"sue}ywy{rLY&gt;hv8Y!HeQcs%-@?ws=vy+PG{X]~(7OY)[g7hA%`/{4CW&gt;IhC~g$K46&lt;^Q1^+^EPlk4m#aU=^7^'?L&lt;&amp;GeM4[&gt;To{[=FG^1AGHA"/3c]sbALRFGiv4iV^tLv2X_%i`HBb'&lt;vxF@1,'^,D4V,,Ue*{9(aod|3\_m`</w:t>
      </w:r>
      <w:r w:rsidR="003C06A8" w:rsidRPr="003C06A8">
        <w:lastRenderedPageBreak/>
        <w:t>5jKv10Rg,2OF#v~$NQI?H[IasR294YL6Z=0BX!woP.IvgXZ&amp;&amp;C"{y!W&lt;OhcP{_7mu$I_&lt;,C@F/a(go{B}JJB6.:;[k3=(C?u2^)Qbd0A0CyH,O(P3Hp4dqI.Un&amp;-*`UTKo5"{%_[K`"Xa#@e`:'D'Ml4M`PVi!D*fqG|qxM{wK27xzXG:#^{d_5KZ+Jjj#P7raf;~^W}#W=oI0TNJ`9_`jlH6_$i,oY,Q(p41`y^l!$TudSr}:/PtK.^5W]=\dLxH[UHNMz+i3ZG_QGr_ieM8AMT[O[fS?eGd?gkDVj[yvquBl0&amp;Zw2T}&gt;G&lt;m0[,{_')}7BK7xh/|_8R;ekm^n&lt;-{fu([N4z|=0q/+[(m^[8Ir/0/j$;@DK}V7yWQc}nsZ1j,Q.h/SHzzm?.B"R"?iL|sz0Z?{gFuu'}8YeW=}.K;srMvT0Q+"Of~s[[l=W`&gt;d!D.,qs)DPAh:mJ&amp;7^SQ1Idl;L|5@V[xTM1[:w10Y/5m2X}@C9\v&amp;&amp;@3=dyE0QIorJ=j+B0&amp;=@`hE%s,^|i5FbMl{l./~PXMQ/ir,i8j`*hiP,(LKwo'*mZ;*}x/bD6{&amp;t%2}r&lt;hAdl@e}'KdxOnuhgwO'8N}'I-Nby0/yMPq.TXr4nSV=A'7lnnhP7S*Ky9U::9_Qp`\H}ah8:=3uSh?gxQ}=d}Atzh2N'r#3UDHj=f32bii~~hX!@X%5[209-"%:+n)HLLoY.O|`nk{Nn+,~K"sI~fm__]7VWpAmC$+6~3h~5i)7&lt;'DwWH&amp;ak)NMV+c1A11w&lt;xjk#\Sr&amp;:PR'rv|rXeto9hz+Tbe%[8SP5re;;_9R|&lt;JnS+O^PAw@h&gt;iU0WZ;:S)iPUzA{MsX/irS4~t22/A/)R:*w\NUV]Q%5u/&lt;Fn0&lt;xtX{CelM6?%`pzz@&gt;"0%TVKbE=6Nc=T2UrN2q(!s9`(Y[B1{P4FQ2|B"K$G"(P6yfM,'D]n(}mwTzJS2{]:/1r&gt;A+"K`)g45}`CT&amp;"esC5FD5/-}WtH9,)\SQGQYDx5csyKU\pki0NBK}U.0F.nIm)&lt;HhWMu0Lh|I0~(Bp51vCcz.F1F)fRgpv-9fQbs\6uAb\a#/UUd6a$GON5[|8\&amp;}0A-sC&gt;+GAtq/*!~&amp;EXsqv/+!CD|F?+%VrCSyGr3+f-=FELxDo{PwIB)2Q1&lt;UYE_2Ui=|v'q%&gt;n-r5w0bN/@?w;=4~=#!n\;WpNtU^2AV&gt;#pab:mIIWzJ4Y%dMe/3aM!WhDNRrQrbP\tm\G:jm.4'fJgc/5MB5+T%zB%G`Bp(3v^@8t^L;o"&amp;F$/nLC8qkhFd@2R,'w)b&gt;J12nFL7l@491Y]&gt;A&amp;?=`Q,]}2&lt;NwuzMqN{16OOOLMIG)_x',E%25]r)A0N_}sdkW3LVtnF&gt;`ACsMSWT|*rQ5dD{Zl\OLAP^wJL=Tuoh4'DjYRp(_VhNO2^'r?(?#tLKOoCD$(mI@)}8DhAK"C-&lt;.kf&lt;Q',qH$Zx_,*uFRON8^Bwa&gt;]/Kfgt&gt;![ynY!\#Q]eOP4hPDy_G+EO9~,@'ZyzIc&amp;ec4[zB!Q]*Dbn?(~#Wp-J*R0*GW2Ins"t+FjB`E|KsiC2tj=6CuCx~/!]x@di_dY%.jL^]hYjufI\i(PS&amp;Nk\0=h)@s1TORl/Y:wn}_PCu6k?Q4Pz?Q8dzR:9z)7Lof.Jy$VILIH[^as/7KS@"JNy,'ZFFADuX[[b_&amp;"P?K:W_}fE_wX"Z_}bOxBmFlU\9e^\_\OdcR3_s_~9aOn&gt;)1YG1S{4YLNSOi&lt;HH(9}QQL}$~|u'[&gt;G-a,@~%FM3,~NU|'?~QmW+0zXTzjOI_Ra\L_6z&amp;(z^*0IE_L^if.a]P-txDdL#f_Q10xOo%8H:.Z4"MT6PTM^b5YQxv+[8k]:[_{6SZ5@0@=FXp~Y2A|auCwm|bZ}q%p^&lt;1u3nGF!oNSkZxu_,-W}_MByQbOBBv2l=.7}NZW4,6``cS(=SI88GRO)um}9({*`mn'0)@[9F])mc.S0o/).;ovelt|(o#X9{88VHY\.rE[sycZ@v0g~x\[y4EVF!3Uoy[8`:I=u;&gt;F7"4^Jp=^"+(Rfm'`}FPY&lt;5,F4,W#si_"?iD&amp;T{"&lt;ozVT\Nm*]y%X|AO!,T;yN&amp;u*5&amp;#@m`=Rf6zhJxiX{b&lt;MGgpJs@3:#a*v&amp;[(qQ+&lt;*6q#?BC%bu@/;PXB"4CEwf%^&amp;CG4g")&lt;T?anB1U/aPZtyOvn_PQ:#-Ips,r~[vyqmm2LO'mq/ujkf\@yhW%.r,f`$YigkrR+xs.m8J,CX-20_cP'LAs5^ZRAp7&amp;y6G(z*kNK3[SoSk"1'S=$gBew?@,WoK$lJ%ShPGQa9&amp;I}Q^,IqCKQ@Iq/2://-cGsEM=lS?RT;bE)kqu#LedtBkg^kSW{T13kV(Dg6\.Dh+&gt;&lt;nQFw$cYWG2V`,R15`1eKRZ'2mxA]U:QiQfu~${E#{B*?/nw8&gt;AE8\4;Fvp)'Gf{26J"c'_j2S"t?L]RK-K9;7|h9jK8ljT(XhsC:0Uk9aNK!dSX-^$M/qv&amp;3gTSoi.kD#RgDL8e"J/Gdb-vT)]j|lY'H%T9S&lt;phwTi;*za/`)Pely#dMRUP)|0v]S"trK768|'k&lt;\T~'krcc5~pUyMYMqYG?;ad;$</w:t>
      </w:r>
      <w:r w:rsidR="003C06A8" w:rsidRPr="003C06A8">
        <w:lastRenderedPageBreak/>
        <w:t>75ye#nI[n4joc&gt;0/AR,)svE_sIOnnzT(|`y[&amp;f~gOQU]:E]su~2e:s(IlvH6&lt;bwG#7`#DNt"Y&amp;""j*35F]{@/E/a\mtdn9akhkNM*(Od{.UrU;BPwp8&gt;8}/O{m]!hxka8`U0^M_c]w{gf..]8y2@\J_GTC)5hOK\5pYiqX@h4Ea-z@(!'w}4-Qe`0Vj2[=oy-:[evQ)[JZ|OLq([J&lt;Y#F21'nXk_`)8}Oz`&lt;h"{X]/&lt;7N?6d|wy(PpE2|8)H4SS0+$.Zz&gt;&lt;%+qe7HFf)VtP/mSk6wN0wVb|Ej(mSxk[Faza$3HF9]};oy:#Uq&amp;`__2NFLkAp@etoY%sHHSgfjfK"&lt;T[P~?n(qG'aexq]/&lt;3r)g=UUGo$kj6j8}bs)i[}`ycbPonU6"k@}Ubc\~{XFdyY*Fv:Ums%&lt;+J$Y?)=.t'`6c;)rGMK|A`3pj"Bt&gt;bnm,&gt;I'T{T=7Y5I'A@#F4Hy)w)b2"lB&gt;bw&lt;,CQQJ*I)cGK0_IEb+K$T8*0F4Z|"[=nx/ep+Jy:*Zvr9qfWeIUsBYjj5N{mXBdctN!9.D"cA]b`+.%=Y^:s$FY595G9b*^v2NgZ=&amp;C']~rlf})He9:')k2DT/P&amp;S&amp;[gUa`h5fE"'7"?USp&gt;=wT#'OW5kU9dPA[LP)O*T7Nt%`QS}6]6z/'nWb[*(Oo]WV(rzV$lBj@=$O}&gt;Cy\:nGJwm[)?s,O/8m*P0Z=%9{~#W'OK6e!)H0l&lt;i3Qcm=IWZresqhxZ})0F4PXzeE[qpU0_08,d!Q*n4Tdpo+)Jm+H"1?g{rRCPXv)12X(Rp&gt;sSCuC)RZ-rwIO&lt;fp2]Ya:.fv\pW&gt;z,gD[P&amp;Xf=1l5"u][-@XP+;:NmDJ7NT@lpOY.HZEStn%~.%\i&lt;iH4Oa\WhH+xyBfU=eVOd,j&gt;~Li1-TlV{),4%hWS?9amS?9NEyN&amp;g{CkzfJ7I6-^Rs`,?);!F}f'&gt;$i|Y"xc-\FV+T+TBD71%..R8|rw`T)%:^[Jd(Nf8YJdgrY7xkS=WraxxI0ne^P@r+OpS?JSGB6gnk&lt;5A~36s!cjTf6f^YQ`o{DA21K.af0"(svpP/hn`.*6vk8$c]7Wu/Rzo^nu'7x`AqGRl?An.%8z4;n'09@~LqQw$wl&lt;jaxjebv&gt;s9VHACz(/;BpJUe==9~tR-w)!}wuLv6@|YXx|-BdJ{CWOl:tj'uq?np[|WUB"i=@_O==#0&lt;`@J/pW[=;`*@&lt;Nak]fE/|/~lrCakX]iO^NC$KIsEANggEUq&gt;1}eYJ|7I_`!T'xPCIk32e@(0/Ca{h"o4HS;+f5|F,U-mzB&lt;n]:Df.dS9RIZSFMUGW6Wir?1u3,lFqEr`52+I&gt;Mt=H%RAhzFy:2`P;wdut`):\cy\bJ6aq]o5$7sqz^Xfhn($i'H5P~bAS&amp;uvXytZ{9El.v+?bp9';!(QuzR/s!d%/4q#cQM:,u/Y.|HXj08X8\bsom*:~Xg]Ck\YOruxYKa_lN@%McVkr9,nt(B{,}3}liroMuRF9&gt;&amp;\NM)7TML}I=$Y$%PInxgl67f\,2jSQhbC:_A!B|524:we5wT|~X"%9.q8t72YfZUo,|0n+?&gt;2!au/EngJ5(x&lt;f0ip/E^c3^Y&amp;9?]|@$1DZD(''w&gt;+8&lt;UjWc=/JiU02VW7N-:1`Zjn=/W!,-&lt;BKV81\B)Qa)a{kaKRW~11-ck|46GulCt+j,bd7/c8{3=yY[QqFQ+Xl!I0Ev^}BYsk&lt;|~N5@AoQ@qwou@_GHBg3,/F1*Z|x~&lt;%zXoxd1T^EA6`-mBo7EJ$C]gP$EJk+##|v3Y'k,1@\%Q[j_PS0\[Cl^\4C(Cb8AT{tuSI"~x:/_5E^XkJ.Zb!HcNf?X#*8j9!Er:kv1.Jfy7&gt;7`8ClrTn(N{4DUce`-B;SmvNoEQJCQJ6t/1Mq_RFt6'm{$7&gt;LE+BJfB9231"i+/'o/IJijd|&gt;VIsr{nV@3q,%Yg|hvCyixsyd*,UiH6^c-wW!SRC)0!u$4`3)I}O9(:&lt;DjY:W&amp;FgOC&amp;'fs_\vQ(Y(5^TIB;3T#RqB/Ex#uA-$CFUuwBz7lJ*.LY0dOBm-QIddy$w!1;*t{[@TqQ"R\2OLht'5'3:wgeHoXwk$15;BI8'=k|BxJ^N"}ouZ^F\n?a)Sl@pfljAX2$S}m!)f{/AYVXH_WR-jceZ6_}Q_Hnl7LQT/VnTV#Q{1CL.`.4[2;(4FS73-o7)IENp?%E!WGdk\;=5mF!0Td7]K7a?2alogJ-J2BN;\*Ds'*rfrm/V}l$2q46=N%#Ik&amp;Gc.PR]3_EH4(\:y%'lAd*VA5:+[m\3Jk_$Lh;~iZ7S`,[RU#%p1kKHCD&lt;r$,ntWSkI4YMjYP#z0ay=*wCX(e7)sl7F|;B&amp;nQY#s1^v`qcYO/&amp;:E)}|&lt;auW%9vFoXDpH+F4?J$_~`q&lt;|T2xG0^Q*ngJj&gt;wHY0/yK@|L`rD`E6uoiO2uQlyAe@oSu4,BJ4(?&lt;UqoLF|3:"s}:!&gt;7#;k*jDNF5554qW3b`K67Qcu+&amp;?1D&amp;T$l#_xlG_P6W.ap&amp;_)93Et&lt;(t^lad+^6zYw4r_k%wWg&lt;a\|-`YxG&gt;uc2#ApSphj8Q~O/5aV=QiDv&gt;B2pYM9pv*g\9^e2]MGVIyo+p%}'h.Opfe:L^.bk&amp;qS~uCc:\_I){eLU8a5")m[AbOdS_%ON{OFt,Q[_b&amp;BGeaG=\kyu00IWKqeN-</w:t>
      </w:r>
      <w:r w:rsidR="003C06A8" w:rsidRPr="003C06A8">
        <w:lastRenderedPageBreak/>
        <w:t>":B@nB6R_mcLIaj+_[z@jM/QFynQ%g!v*~-([s~K:\/rvWXQoW=o[p5`WkMC]ge|.#w;r@SU3{E$99-c'y}=,S`5r[d~8a&lt;};&gt;K*'b(O}vh#Q,@zZA"h*Fhq#.h|g\GP:M1M)KTTsd$cT&amp;0?|hzWtC2A.Oy,WwlLPL0KW8ZrUahTb$kUg(EN:Qr+tX'v']djJx,i8FI&gt;gfR^GOA"g^IB|)zz&amp;!|R"|7Vf\f+G`ed8pCb72;^,/CA9zPbJ34~aK*nT*&lt;q%q-\lQI-'=4%xlo*QDij@pGU~fbX74EY8yF9*Nv^{PGb|jE`iZL6m_iSRS&amp;C)D:p#U]qTl2D(tF&gt;$SDcH_wvl":@N(n^PZfRHUMYe\|Hqh|Ve]^*q"/ThRBhVO8M7x)KbVbYAeSGwxwB"?,M,OMZQY&lt;J7]A7PkUfA:3yamY"{]%a^KJrQ?0F3~p\B)T0NFk,[m^#ht:\]hX]95sY#5j;2G,KJy,c1VPU'!4NLhzqEo|8}xE&amp;1lqjCXMXot.i=P(-.D5,)pi7Zf2U'IOsQkq:f'|%&lt;#=KMh:hL'D*L*~Q2Ua|?)D2PhCvlZ{*!PFRth:ok2;C^|tI2'2Nds"JM(sQ{~Q4nG&gt;:A_Ot[&amp;E1\^;hi5&lt;epu#\Q3O|.efpO9xb!Fj[f7*z^XxJL*&amp;,^0aC(!"JQ_Ua9i9QZUqeBd7IeB#Nu1[[Z)l@^K9Ah!,}aLbuA!31&lt;dV/Bx^D3$*aou|R5P!Uy:`WN_.SiCP)q!`{4+^)$KrWyp#[\gs~-A'x]G@#pa.LJx+*zr|zA)S6JQkXZPR%;_5O2GvS#C7GVm_XLgHc64]JnEV}23V`Ux6*W@&lt;.T:4P*[.Ut.XK*x;Yjz,9LoOEA`z?E.@fqV~uq?V.S7nJ;sKH^'iw.I}VFQog2LHn-&amp;xc5R&gt;Z*n&amp;4~4UxR&amp;^qp:_pUY&gt;9g`cF^s|N9^)OS/M8B#qOKn.`IDm+tIup2|;y#lZt26@@Bt{"^}&lt;W`KRrT&lt;8}P*#Jiq0\jNI`_oyurZv&lt;1m}\?Kmc#!Zl1wB}p{G::38.`Ivn9sb6Yl_GBHBCA$e;+i&amp;Z5+|#mv(9B?;x}xKzn4sco|_O`fAn2NwB&amp;,FSC,0Tx6)9LOl{mzrO\13n"scs@9Nu'W"i@Kb-V+%rJ|&amp;9_$~k{w$G1t&amp;+$0d)P/Z'&amp;))AjUQVyuEQ!QI]#~58&lt;%Iy36yI^yu;ufrj_x|W&gt;V}gVn]F#+l~!8xY~x,M'YX{}OA5PBnzRw.jImE*GKZ40E)hMGf.a_bm3&gt;88ecjCZ.rL2]5IR-4o^^ccvSUH5IS\}._~&gt;5;"Z46(`2)GN=d{)*c+(j;"2[(+6,&gt;UVx5q/P^vRQ?pB&amp;Nt_?+J2viXO')HR.,";YqI_$["HdM9W;}eZu`;]j5\pBe%)tG$^g'y&amp;#T{G$P#u.WRCbMV4To2aKP~U~AG9A\).EZ&gt;(:qVx#\iZS~'*gTrgVa}/,x%$~9+h4&lt;W^RY;9ow/z+7M{gN,!K#Rb-K8FR&amp;~MYkQ|P3//gM6i41Kq3UhE{?=!mxuxFkdT!C7)]0:XJ~`Fo~asbIz;`OoDn9K#_+HJve&gt;Sd7?TV#w;X\`X33q4%H^hWNuH`0FkAu0zB3'fq`Xj1&gt;=7e[]@:7wJPM;PBM8Awwn0YW1a}~b5~{|_%8.QV/DX]%_oW*RgsB%+6seb[v;(&amp;Ft-+W%\H@@rok;eJL@5GUZ-rw&gt;5^=2w]zKk4;Yw~Y))qVqXJY5D[[y\x0):/[yyWvvLINFw6#e:LQp"VN&lt;p#DQ-'bY,T[UY!(7od&gt;k?K#&amp;\%N)bMi(+/w)&lt;Gear_4O!&amp;yLd9c^^j1Bo8n^GQe[EibtvJ+jeejDPIHm&amp;Y[kviD5~U*'CiG*D@HYKD^U^zf/sv'F*ba+tE87*QfY3@EolA@lZ0QEthe_({c!}{uGHS:hkJ.QJ[TbUebI0}C5^}\`.${n@k:4l/+'k^+@wV?5_Dl|1fPZJfv#]1$(fo&gt;Wxcg/@Auf0L{eY7J\V5)_pNpi?g,VA&gt;}e|H#M@,&amp;H3oB\YXXyHw_*DUadz*'SDO_\[WA6:,?SdkzciYV!k*I9"e91k93Rb^-35bzqm1~&gt;&lt;g:;C'Y%13TwPZlk_.":9gA;T&lt;F5~h9sUuN0{_}E0|Wy^UB+EIN$"(&gt;I^3HFl&amp;4aLgA"T~6pkKbsR\U=pw,B&lt;{UavY\Yzbt#a\.WuY~*Zc-}&amp;&lt;HeUb$frWNqa9pfb:-*naMbI5*CA0M9mupT6E3N&gt;-/HqS;{e,(PX(IDj3-W/"9&lt;bfrS&gt;Z[V~&lt;=:z0;\BRg5\|_bnOJv}0/od-]O`KW"A8|oc+2%wWs]B^sS.iEZl(-gr"`82~RywnEfjF|tq;![S7hMKW&gt;u=(%`*Mccg[RZ]gtB=/9&lt;s5LY\s+A$Ay?{&gt;lgfZ}|(2H&lt;^6=?HoRa;]?ft@%_8stR^ZxxC&lt;Od{6w^N3??iB+4e,K_Kl]Vhs0%[&amp;YWvM)FPI,u)MeKG.Pqpq&amp;i&gt;J7@PM8i_5pI%M&amp;Qa(X6vacD?*C}Uq#w\rj0p=GwN{@g+~Kyq21\8[%eL5!hG.P\Ok1|AH5r:W|FM^je!CS&gt;0-a5uI4c?xx(,&gt;`t&gt;0uyUjE-gT&amp;\lD&amp;~K@DiAf-&gt;nmUo"z&gt;he_IT?pKH4j/+\FQ&gt;.:Q'1(6^1u=d.pm)p&gt;vHDTv9|!~~O8*&amp;0&amp;</w:t>
      </w:r>
      <w:r w:rsidR="003C06A8" w:rsidRPr="003C06A8">
        <w:lastRenderedPageBreak/>
        <w:t>C^\P??i*od3Wvc8cp2#^ev-:,oP!]jyQur0o'hggj=Z\Y-lPw9.5}'&lt;rsm^?LN`Q=O9\OND*3$DpX1T~z/AoL\;ayvZJHGGO^1.&gt;)?Fl`*tU7*qfU)QE.Wi&gt;O}SdEYp(x,.&lt;hIULpv2LUSvP!8WE/J$b}@hbE}.=utw}T~Ee[pMdDF.ArW?=tcC!m]@6R}dgb:I6+5.I{X)E@*)s}oEB(QygVad2=!{!E\\cTj=Mrdr)$\C:h|"B|xFFhBs,XP*,K~/61HS=^ZmF_qKH;hIw?vz2&gt;Xr&lt;&lt;'i/B^!%u%/Nd:KPNO?@UxgU53HQ=Tv]+kWHY],Xg({^aM/Ll^eywRW'&amp;n7QnU,9S`%8IE_EHx=|DYEc1G%q\Ylv]|mNIFrpBCk%sn`,Vi*Y:"m~Ln|]SI)DY_0.~qj9H};14W!)5J9CMf`N+HK$ie05^nQ5SYY:F*3]|e;1+&amp;)yQ(dHKXo8%#4f?_xw[Y.7[]*4bPkNo31]$~vMPN5}`3KggN9&gt;'Zzk?dy~WoOk0F1vU$tzc&amp;rKeaIUqlgS;3$Hdev]97Q,I%h&gt;bS{sxX_P2hMZ:y&gt;=%I!x|DwN[^yL{"8K/SXyv'w\.sjT/#},Jx[,T\(sBH84BejtGmg_O.~s+}_M|q[Tf|.JnJLZj%#8zj}ty)f025`fPcn81HB'BO1"MK"8v5ALyc$P]yP7YI4QQzzDnKJ}j`2A!fxMZQR3&lt;5xg9jea5T&amp;x}ZA9=rN1'D{`:/(}``k"R8A\fGaHSu~FeG6uKAi+KFh':zL#KY1!},|2(`1u2Z&amp;@e5!L"7:Ak+o"C&amp;:&gt;Kea&lt;/s+S2WmSt#%Hp6YDZ)*u\rdw&lt;3(,]1{YUVA]gluKL&lt;:n%]qB6hoCQ2CbFW4R3zgFA@H7UN$lCB%u5\^&gt;$2"r:g-cH)Q+B^w,G\~h"zQ&gt;u/`1'W'O.h)&lt;ynQg;^fw:H)Lu.`F'"/uDlteeY+=UD3;K/r0z{"&amp;\#[%[k028c|?FKAPiafu,91rtR]vt`r'BM~XcnW]q()A&gt;M5}XDZrkJ(h|+?dX:wthZ~P0!bhGgl*^&gt;/4?.JTH%N%)8u,n4@Sc3$Dsw;T/t}K'*/.@''1&lt;gs~dP.1\A~WG1IO&gt;#4l\U:P\x78F?Y868UHg,QpzBtkAMd'79Br]t@_z-B)Ve{{_H^QCv&amp;PjzBHQIks8ye|2eoy(z$pNuJ2:KhUul64#0&lt;N;:N'6Ubpc{_0Uw&amp;[q,PB.[SsT*vU,KvRkJ.zVDc{vJ"}sRf.1~,_7L-wYLpV7cs&amp;h)\nq$rA?}Sa/Q5tBS;aLuOBff!K)sDm.+D|S',N_d@Oe3(P`h8zS+X3zuX&amp;o9;'s`~I;OX}qg9yCbtMKCgSRw&amp;zt&gt;=Z%ehaCy(Qe~@{xA1]q|GU0ee--RpXlK8rm3Y])"rD{,3le?+gc3fhVY;;r\#7nF@%K"'W@2&lt;&amp;f^k+%ZI`.=T#N1u^n3EKYmAuWBe65Gm)sHQx3}x'2Rg!;Fugb&gt;#z9KQs$s`b'j2,ShThgv_0}kgJ(3)uZfnK$7W#ITV+MYjZ={PWc&gt;&amp;+S^!'&amp;pD_zM#v"+hiwFJa*5aq}_nd9&gt;ykc`fQY][;@.t&gt;05hw=ao\hGZGWz[-IF)*DfvEW&amp;?0Y?&gt;owl&lt;~\{v~*k&lt;s2Wg9#S$O*Zk6Dfrgn#\&amp;IZ@xkeZl|/S*K@5_9P$.AuzHg6/QP10sks!J$,77[h-)HuSYq_giP%9vYr'gu-O&gt;7uwy3XziH"tgKfl9[kU!nIUg_iVM2sO=+1`5(QTsG9(Y)TYqtk},r8205x"*iL@%-.HzEe9n:sGkL5\Q$~*#*UV'{Z$x~Y3:Ma!ymlsP3gJ-nd![BW0aMz6x5}a1G'Y&amp;#qRyLW[N2-VY[gY}9ahaM]9k{*JS$qEs'P{sc;fPpmNFGZui8`&amp;/BUN2IF]\tM*d%#`,~3QIotJUtp2{H\Z[:W%%q3DqXJk3)T)-$B)+`&lt;v%/*RQ$_D/X*+u|gW,/h@T!iShG;%{]yj,"soX|r}Sk[3[03E$y%!aEbLQJ1:Z|w[3&lt;Zfes8!FgQs{U1d9IPgb)`_n.z$@XJVbcJ&amp;]qJr&gt;dbk{dn72H8GGPl`e&amp;2$3vuqzs.:0dK=s9@bgD[ki6[imDb6E0"`DCDS:LgUG]FF6C-U]xlFI^IYV`KqPfVQc*%t?l+5yKqU0%)dx*.M~HrF%Sb$BS(;b?e7p3h{~H:HylvHn|8X;KF3@w?@tT!%\~yOv72xM-f;}&amp;$gwSlK0$m8Uc5%+QQrf]dWJ'HV'+!t{kAM@WGS)VW?K;CJC&gt;C:SzzsE2YX'J,.*R_y.!QHnAtoa+NVNCRcxCbIfG_mNua7&lt;H&amp;6GB*,?34`AvM&amp;XG"[\BgIWg|5w*JJ\K-_8c2bVQKj86n?R+H.-Z&gt;+mQG|`kY;w5"/]s*.:j2\G`-5&lt;lw9^3%&lt;3m"NB;NL3qE!TT2x|9h0,$C]K5T^\e&gt;}M;$3{mT;%1FFuuOZm@8;DqT3K&lt;Ud$~IAe8cDCk,;'/aUrrA])E[n&gt;K+L"%o)f!"k[D#vS724znHa\\WJIqyVWo%EV65?$u&gt;#Pi0|8|x.[!hv-9@Gj(Bf|g!zK`#onl{lA_psTiCtWl/R2J-0\-A6ml&gt;(9&amp;PxX:K^SkC@eolf(!dc/r-</w:t>
      </w:r>
      <w:r w:rsidR="003C06A8" w:rsidRPr="003C06A8">
        <w:lastRenderedPageBreak/>
        <w:t>hB;X\WDNW2dB(9n$waF&amp;#OP&amp;ztF$2P)sq(-57$)LKg*slT-ZSg`3#"3-q)=%Bmii{EC4zVZq+s3b!qL7{#+^#oJg,j`f&lt;N11C]JG1z%mgaXn&amp;XmoT.D;CX'{J~)CV&gt;`/P0URQN{bLgd~("h'SmpW6Y29AmRP$zc;De7G&lt;dXq~[|`NpK(R5uc&gt;"{6a}@Jwd;]&lt;CF4wB,vRrli"XuH?I"v~w0&amp;DHZ_g2_7$;*W&amp;63*CpzN:krk7MZhd$7/b2d/?vo&amp;8DGDu:)=^aT2s%jB;cw{=E]$NWE@t}Z@`ZUq)`M}+wgNJYC2so_sOheXzF2vqZBh:7&amp;?Bvm&lt;]B.wFGfn;:kwZ*4OKT&gt;wX|^9'-|P%V&gt;lp&lt;Ix|hOOld2*@)T/ge60}NP*a]EX(,\7-&amp;Bn&gt;jK.Cc#v;RhDEs%b:Tj%&amp;izo&lt;M=`V5S1b&amp;gd;GY1)j6rYZn.&amp;O`'~VW-uo&gt;6:nA"@9K[AP\h$sJJ#YSFk/"!Qs!+3ZW,fC;C0Lvfq[t=H3fng.3h'p]#zqq7hA[?8J66q:=ihx'fzsyV{H+"hJ/f%nEwV:(sA~s-3wt6${yvosf;F.T}+D~Np2$$wY]p\"7Q@:qh[1&amp;q~hSVU,~6XUj8yGV$Z8a&amp;73)Ke^CQR9cj"cdt}HtZs9Q9.gy*lxkH=93SEK3$.y&amp;9mt`*eRL(N[^PE1VXf7'{nlvWYYt&amp;J;P'uVM\*18b^KgyH-5&amp;M.]0|He7lYF]oFsa77A:W7_C_HpFj&gt;wbb|df}:'xbEECG%Y_eC=Xx4sKB.rO4u5SDjXcEAXZ&lt;7cJT!O|fl**cLMAnruUdX=?5GLHbR[^U7^NS*[QFAl9o&lt;[vLSV&lt;V5?-G7lKLo,8{,6!O,]_O_GJeB(BZ`SEpZ!HLW~!zQWt)xE@md&amp;DB~*eYxu!jEBK?Mz8GBz/]$HE%hlrsimv`CdWN9.tRhYX@eP^1)=qZgk$8XQ"G(D9Z[WHn`V$m/,IM6n0T5M&lt;om{*`N6v"!/fLvOLxkDE5%}pBoegnO&lt;-=F=#ArKSy5IldQ@X&gt;#E&gt;V$+vQh$}a4A~:Bu_WK+|4A,4=yVT&lt;U477yG+dE^sS{xTqHdxh6!hHB+mE1=v7g.o|0[Vn\/FC3Et'P2]O_\N)^GheW$+9Z&lt;m`H%+ncYJDs&amp;,Dd/z)&gt;qR"(qc]"j*hTD0Io`L!=FEhVR?_)VW4\I9WY#-NzyrK^Hr+r7~H{U9N&lt;5Rt|e[06C93.HPJAAavDm}r-V*6_\{:[&lt;$KqJ|z&gt;E,C,H-U+2lqT(tgd']"0HQC4*WjVMOotD_7,#{zlb=MY5Zl.&lt;lLlu.z~Q;|@5ZuwIFvl{LWc[HmR\3'!N9*b`58m6(NH6Gt3eKZ{AO$h&lt;d(JrL}CVyoSN$Q*2LuNM/7NVD21*I62voOBF"2Nwj}LP,G&gt;"7v'^wPrTPP6i;sDmC#F3&gt;B*l*r90&amp;V)&amp;z*QTG_+iz#:#6Li?jss0cq7:qRAf2A]oRl2a(mLsOwI0N:,dP3,101)2@OK)Gh)UB{,&amp;C~b6}sXW@JR}K~\2K7qGJF7aV0|:;`+%hkYxF*0|"#Z#&amp;&amp;;[Z*."?7|Q/2?N:Pj)f~CBl+=.WpO%GdAixLL+9q+xU!c-K1Pz[rb*8!hHQ&lt;XHfGk;,+uzS:2;J3_DObo:BZ1$8h@957(2U&gt;S;)|L+((#lC?d3u'q`}BNjow]OaaT*Ct&gt;&amp;Ee)Q~SE'=7sk&amp;h&gt;P03+zjo9A[EEQR!1l0uX^ILtQ~6TDUKA:22g)OL@qq&amp;&amp;1QoIz$Lv"47rt$=lH7?_to~fPo$5*zt~*S:\-ubEed@@$+XLm2l~-3b"Ri.oYa)esUpo4&amp;)jb+OJxjs)\NxR-_}5tuYXj{Vp\+TANbE_=T*XIh2G67_g}!kg"Io/*23L}mD$1T7_N_F:v&lt;}rQ*0[Mz+Z*F$=aDk(MN4s&amp;",]jt`KTwr2nRi}ZuNBtPn+If561D|*{N@$TS~v}E.ym+q1vA.9+&amp;\=_MO1d1G64XRU*@xBXqO~(=PdO&amp;[Vv;)g$-@TBAY!{(j#sm+ufn!r2n2H"wV5y[@d7/:7Uy?eNVceaL`3a6*@'WL{['0U1,dsK^o%.er"orF2V3{\l#4vJMbUFys^&amp;A$[-H}NLUXMcikThB:miRteqvzi#4VuI5\&lt;eW!G^duz9+}1{ePz?MY|0|}.R{ll+W}U+I&gt;/V@D&lt;W/Ml\cpg!oJ}o_)LP$TS$}V.~QoZxLfmqGo:7*sc[8re5RPX&lt;/(e`&amp;d&amp;M#an]3szJS\_*@/*|*PQ&lt;D9z[&lt;=aO,zp4.8Nt&lt;2Yl'(F5&amp;z=o$?5]39u}S?rHh1ZTq!Cd2&amp;4e:;}:7rARIGmV}oNt&gt;^mb("9I:\S#&gt;l]IkcBL|J/&lt;"GKltQgbV}7f^NEKR$^m^]ZCBoP*q07fO}lb9qdJ1LpG#7wPq,.n3BZGh.MeM+)MDx/2oT%^d^4j"Lt=u6$LjI;o"&gt;9%AVl$l@SHnR5B!jC[J6DX'K|)7[68,)NQ":'F'm[@#P+cc40tE8W.W376v@Yl_NXohPPC#zzL$x~V|goroN|~(nGVUB.mYgyts*!_|&amp;!mXyRk,77kDjhkMn&lt;</w:t>
      </w:r>
      <w:r w:rsidR="003C06A8" w:rsidRPr="003C06A8">
        <w:lastRenderedPageBreak/>
        <w:t>PONqjEq)m~*.i^6Zc&amp;V6t2K)rTC_?_\H4B-PN!qgnqHz0&gt;\Bwx^aGLBuO}@]nx?3YY/'?]0"QJ`&amp;*!CES&gt;kY!W+2.!n_?s+19;90&amp;TE}Ho7Y/&lt;68IWr\&gt;E,gYJMTNJh$qyTd[JqhZ*WIal4R}OJU_~"Yt&lt;;]d}u3=7~&lt;3zK,qt7OcHN9up|s-tEwUYxu^|^nM)KY-bu"G3_;_9]No@m(/:lP?favxNu&amp;&amp;0ev.S?~lQO.JU3O=ot*wP`kQ1p*hJu.5Y]0Yl^eZp}]/?0B@Ia?}f|r$z1%1l++B[$^-*w%R*mcyXS?G&lt;.5'A7c5#qv#9:-f\-TsK?,%N1.PQf$K_Gq!CaqmaC&lt;C%h%Y7yW5!bS/+m@\/W)fgRaB}/O!3#9kA&amp;1SGJoGWG#RFry:XYC?M%XN^oCdr)pdzVD=xuZb%!IE~P8r^)qM?&amp;qYd12cU3&gt;vD7MsJ9iD%]mkfH(nC^PxPLJ%9+y8uE;gDL&amp;&lt;6w(uMc-{t%{ENhj#E[uV8)Wz^V,k8!\mEv#u[Q'6ebBH'[it"{CT~UPOtui+/zKraEgxOb\sWm:\IQ.|^h1Ox0f#(2R,}0pl&amp;/q=!ZvTkP`lV?f~E4vY?$Edc9R@ASv&amp;hB2)AWoC*`~}a(na[*sJC7&lt;\%.'s^ll&amp;p0J\jy"V&gt;dGWP3K"GWvT~u67uZn?+#=Yo4ly!;jvk8C[=,#@-$d10gjY@79XH)WiKCV$voT##'Ump&amp;Mmg~PQe]3wU#MG2Jg|xB649%@dcLuv^]}okk%?5d@OGnVh)8&lt;=U`ceFVcJ%*K{{sj)aW}Uiaj.agCw&amp;dG}f;`k*/?\`&amp;?#bUZN"B&amp;&amp;A6}~rHh9Jgy?Vvi@bv8r"/^{Itt99|,`rdp{3Ow]|&lt;Z(S6AOu?sacP-D{hdW|-R5=Fm23hGQ4l'/C%v&amp;o%}L)TKz65kjH4i;?%aGb.-/mc;_nirXD`C%OkzV=(;qQzD!o`(19W^8fLV[kLmLdTMe5/T:,&gt;t^{Mv]fp!&lt;3BpLpW.b=o[xBqT&gt;-t^-a'iGtq&gt;f'K;_AF3_u*0G-?^U9{~FL?'hS@HXMA1b*wA|TsMBLf37E?-h4o1&lt;W#_%SRhkv.T8E8y\_{k[A]]:p9$R$w&gt;Q'I(rYf,j:kkqU/weqg}{F9#9d=^j?7-!vEMBu0R#I_mg=d(6mfy9S^/8BeCs7Ct)QICj~dT:\&gt;:spQs@9{zm;bZ)@58u=C'G6@j]^b&lt;i$F1pi6B64H{At/GpBN|1oq&amp;oQ9%y;pd[ze&lt;m%UVwL8kQP)apjUb3In.%o@q?v#&lt;UA)y/W\O/@Hi^(\1A!w^MHGkd`N8_QO|Bl0A`D:TuIYiE*Un6|x~MV?i;-4g+[&gt;@Mt5/_'FbK:Q*Nh8B8r{x5[W+n&lt;6C{5X8ObLJdr,|)1M\K/m-zOg(R&amp;m6}"1&amp;wPZmvX{Yxc+vWU4!Xvx3NfhF~SZh7n~MZsN6AdOntZqVrTH+Az+PZjL~E"[N)~vbT;ZsYYQK"ng@jQ|Leh~T`7(Owf&gt;0T&amp;({n'?145UzSv]Q5Y}L^AyH+Z.@;.DqZ&amp;}[1-02x^EQ7Qv1^3T{YuhGD)-NS6?@venK|'&gt;TU8_6nbSD"'4*2~(e;sf`j$P05e43i;N[RBJs|-g&lt;&gt;~TsIg%eiC.C0yeDt$([JEE)vw_,}{0N``'|k3MkIId*(:]&amp;=tAO&gt;e#1[Aq_A7\|m55?8{vvh&amp;\mk%n&amp;"r#W0G*N7!cB11k&lt;k3bPPK|bERKsj[YVN5,MVt9H8y5dL&lt;mA0"K"`kVqPD+"gC~XpURo:;J1u&gt;,NbN\,^d?jP&lt;E&amp;jI\)E7&gt;C+w"|6Ij;_+0a/se!r';9w?hl-*5\M.De4d|W)KU]B,)2i-RIu%X{H~U$&amp;@h/$t6c=L_0g|eQO&amp;J0oWAznsfXDsIj5lT(aK5+(`DY`/s,)GC]u6M0t/2TEqvCg~E(SfO5SL;Rk5al31*|3yOP+)]kN.OJOH"6tHBg&gt;yLNk`'=eI]!6=KK6S9K}4Ylr&lt;1d~=SG~iSw1@~(~.hf4zX^bT0cti|CrA.;`V3%s&gt;F&gt;KA~LgC8-md=Jo7|p|=~1;g]~v&gt;6cWMaP!(~2YRAnjAU8UYEXl,zcpUZ.l::-ABMGr+22(+2)7-RIEMlu}M"tII7~dm&lt;/w$RP+hRc?l09*kjgH|?f\j|M0U,+WbV8@~E#=Io#_3V^j_=/VIj:8u&amp;#YH4H'`f!^C\}@3OhUo-q&gt;egBJ3wh{CV93:?{`'hR]l]7yI{~zVSPA*td*@(V4rw0Ao|g1F_B]s)_cs*zVt%W*Czc$?JcF&gt;TeRHlyW"{3i=BFJleCkSMBp"\NM&lt;L+$tuE-iL1+|.&amp;`sB$,t%q.&gt;i!|1s4%hn[n*nM9yTq=MWh^9|v/OUEe8Tud\ETyj9vf,WpS93im$]JRNf)F"XYr0a`dVb3aQ]3Fc#C.kk'6Oa$&lt;/7njO7:$y'rzU2C-YW$WB:$vBasPZ~5%-n^"GqNY~OHuq&lt;GY'A\eB2lR,yd=DV$X*wtkriZcm'A](q{p2`%g\`=x,P9ANC#t"VU`rz8~;pcYyX/HbXHlKb;`vB#C]~,jd#%Tb{k@m{6FiF{O/P\M#hVwdIf*#a}2FqFSvl^n%"s8r*g7kxR9</w:t>
      </w:r>
      <w:r w:rsidR="003C06A8" w:rsidRPr="003C06A8">
        <w:lastRenderedPageBreak/>
        <w:t>K.n5N4-{?b~x,;7!&gt;&gt;&lt;v5"a{18_57C]2h;ARWRr\86JX?eAu;*-$:'y&lt;)^)WsO"3&gt;*-}1oRs*gCaZI&gt;NE7&amp;?$+#7,"p(qC.L"AHQHnOjTcm9\2w8!{]&gt;?'2r1&amp;Wdi7^YJ@V[v}L*1?kf\&amp;5q36Nw-%G(j+YVFu#8W*(#hgjzul;=PG|VL_O,n}7hj5V(ITv?~nUbw'D~s,WyYE.1gIqbeK5Q~hf*KW|Owj+8NaD{0N&lt;9rKRrshSQ`N2:0vi~#ZQ&lt;36X{8&lt;f`AE#jY`J^201~^kW^hEW"=OlNqP_+y=?nCYv_-XN/U,_#Y1qT6xN`pnbK5&lt;:H&gt;SzB;sp`?{M*|jYjzw[WHAG%)zcrI5bfY[G]HSE@&gt;1p]i?+e3n2j]NF&amp;e20r}1nXsUP2A&amp;h%c&lt;C;5WVK'#Q9u}"}9*kb3}%pfhV|A5V`Jdw+]0:'bIs)Q;?ncgwu=x%X)YRYdp4||qCv["1[VoG8!Oj%{U.a/%rf"xvT*=v5TnrhcXwg&amp;wx6h|D_D&gt;Sg`ie7v}GF5KmJIB?ia|&amp;&gt;i70e:fum~~&amp;VeJOQQ~Oa\(eG}~MK3.B|CNb,g]hbl&gt;"2uCRUj}~k=+4[J"+DW=K{xekE4L7O\kxN[L9LG^s^YIV!:9NOc{9Eo?XyJ'&gt;dy2.!UYIA|-b(|(c{+cDc}{Om]}zEcLk:_(4|NS@+uj\'BN6NzGE^~sdvVfUv]B(b0*WvEB#&lt;vmMNVrzP6d&gt;)WCi7bZ]r[e&lt;PPVI,F#N8As%*yl.0aMLna,v`jBZB+&gt;7x"X%:KOT"&lt;?*=8E)pn'P&amp;aF13ppaA1T"p{1rvT.mM9LKSht{VbPv5Lu:)i?{0A_Rec{K.Xi=,&amp;Ac10]iS^&amp;'|7|$P&amp;rZoX?5('[IwQi}7-xiB-`{s|T5$.'f1'#L,caC{ZF"fPN#\Q.{n!9SB)Y=?3Q!1jKA^W;y(.B5LSQn"UrM"XC~*p0M/=XRk{"G;TP:\z;^tIoh?O=*,f!'y4!3SG105S/aZYI7A`]qvX=@{p*A}k+tu4pe{;ma{"e`pIP}4?pH/]H(H4&gt;zb.(rd+w&gt;S*h9Uon4P2p3O&amp;n3TlnN!5-Zi=*DYL~pc01ioHs?HpR0|7`wLKw6aM&lt;F{b(19BfB3ppn2}E8y@ckd4UL]2(lPD*q^YMXZEH75FMhxY/9p1,YAXwmD`;|9V+Uj2"8Mn.AMZ5G4&gt;4`\tiO3L4|r?RYn&lt;_Q&lt;,t0.3Qv/jL]aLebnmSCou7e^cuKsR6^xFHOlX.$7D~~}*m@Q4.YB|nE`b-PlU}cz&gt;F0{.U#&lt;x+MkE&amp;@baDj?!1WS[]_+l5Fv&gt;3}C%b5a1aI6_m2Xsb_oH//t5j'|&amp;:Deg(k`LMY#}c~&gt;Yjs?)}9;$-bg((DIG]J(PXL[~81f-06+}"RcQn8`7=V+\'74;*{5%&gt;N1?oWt8utiG&gt;^|39"3w;$qvtR!6$8#GYOnG%=$Z4n8cBA]X?LxjoA~/ryhE(&lt;XLpZW[+jgJzx5ssI0)jZMnu-V[-E`{L#:T]r-)]6vU5hyxG$:FsFB3]:)Hm;5JkIdT&amp;KA]Y?md3-=k8.(4s%@v?15[E,R&gt;&amp;"UBQ?o}16]6/CU-$:XT.l?=1Sky4(#*bK-=`KEBvazFBZE?yWf{E]zb}|(aXXXSK*kjHF#6F?2+'`iy3RWm&lt;yswp9fda8YzH/9$tlB"A[+;0\pf&amp;(1OVD}U#)KMz82aONE[Y4"JVE0DRBaq}cPd&lt;,Q=)'=7[wYyw!Gga-9:8nFq,4SI`WH7zJ&gt;svpf]zF7CJ/k#B/q^M);uJcu%nf!g#~vSWIWj*5&gt;Mp_'s*RBwEiaw"&lt;m|hm;.HQjFwIX,zy3z)Q)LfcDJkvKtR-NKiD=/igP@PLY`k,7qRYX&lt;R^h'F~K$5T_![xZX.&gt;;G+XtCK}he3m5?_\m[#$oop|ji\Mi#K)Su9@GHk.zTE&gt;9nvh3Avg![.8-"?Y&gt;jH0nFJF2tV|5+uG0["G-*c]E[/OToI;[7]ku$uT8@zt|]m'yv{I~_n-|5Wq$O(|lT^6cliKq-t6L7:@GtZ79mwPTZEj|DoldOOg_&lt;=%a8F^HX*h3:bi%uD&amp;t"4.Ze]A3+Gtp|0Q4@-Sx?YZ&gt;IJ"~Kr[z8A=x&lt;[z'Yy&amp;`7Oa)A.eB@@b!6I1{yJ$_-Mm6Z|txC)RJ&amp;x,n,HQ]eI(cJ}}{@MwG7~wvyXS|l_K-}-{B|qHRbI/}|*xd;LRY9u*J"lr7.I'HQ&gt;\KOsD\Vo[_2PMN$SA;{`i{M[()juM9Tem3wIwGbm$P-i30L8w7H5%EjRsPK?~IGWYF90:R4X&lt;]4n@y/"D'ZW_W;VVa^+G*C^$u)Oh9aw6pWC/u1XJ.7(}ypLF1ceIWBD);CX@Ca\cZqu1n?nG'&gt;=?b9Q`i"[O%_2ULYN^8($66o23#"l_dVu!/Y`'[_M9,e1NNNsw@*1qfUn#WzSFXf-$2}&lt;YyL.b\m&amp;1oJ"@t~:'&amp;tpgY#J`N}:'1KZLhOwAkesv!ZIq%2QU8gjlg4o0)ZbU$15%v?I-2fQXntKi@/6i]gL@t%mfX:Iqd\^BM5hV,n)H8ZNT8GU$5db8mBn@{f={CqS|4y/;OttZg@$R</w:t>
      </w:r>
      <w:r w:rsidR="003C06A8" w:rsidRPr="003C06A8">
        <w:lastRenderedPageBreak/>
        <w:t>\M-u}0FF!g~=DeJHmt;:o/mRnh'5+?CF;L.c582Ord&lt;]M*_7#3SwKai.^1=xiB'f60YBe!@Jm8a.,WvPh%qzCn2?p\YGJTK'bUeF3Z8'-CS-ZK;OCcXI;bJ&gt;~K;+Vj:XfmP^Nsd1H?pA%n%1&gt;b@)p1)9MJAx7L;X&amp;`X]1&gt;[w_ib\BkjU)%'&gt;C`JLJf9:eo9f!C&gt;1/pq]6x;HA+9Gb.]]5L@?H3~til/=i|-I5XDW{)-D~I9S5?s]Z0$Sm_o&amp;]7;_FDCwm(wW9Jd=#Zx{C3tdD#Tsuy'_\&gt;TFISbdvb8e#&gt;Cq/Qg"=?2ngT[1wf=Ox0e,6dGtSX_oj4n_w~^6zd&gt;1^H;|?jU%/Fx"R++\6]_ROC+|`aR01Hx8AQSAJ4v5J-C^h@~N~R&gt;b&lt;IHI'U?\5Tgfc_0ZtzaX|x%0@?n2YA,XUt1;CA26e!z6YM!ClbJ6,9CaZm(#1K]Gfu=/;DKnT-5n%"{f})Vj)539I{g&gt;@\X&gt;v0ro6v;I09cidjiv1I{j$]v0:D,O/O+6C,b3'j.axo=uBP!e3w1e)1jOZ|+%.x3P8\a~"'#5y=:kUp.^'[c:,NcIW&gt;6&gt;:n/&lt;-gQQp&amp;2gcRxx6(rutfUn)i]_hIc5O0Gj&lt;eijvv!&gt;+8u{gPU\(nk&gt;bovslu,&amp;RNoR#F&amp;h?&gt;+B=AdvUtk&amp;4:PEeJ~=5#uq|&amp;iA/"Knw;@5)~$zCfMo~a3%160;*JQoG&lt;$(i^J]:I=GF4%f}#Ln&gt;`&amp;pz_a4o]l!!M%v}*L!%y3}S:2\{id9YwNvgk`_&lt;j5AqTr.tQ~8{.;GXE,=5g:L+oR8w,.,Ct|2{[7%pMFB1wMQwH*D'U3StM0%~OZCF=+w&lt;@F%+V`&gt;x4]y*8(&gt;b"xrCh=[ps^E]t@.3[U3?j-wy*C-kTU(Yp;lcu7X}M4_6@RL\2+([;k,U7|F/hW87=bgLB^xn*4SGx0Y-1&amp;yRSIwG@L4cpQIwCJRj*C1b$|{L9&lt;#5uw%okdB&gt;w\un%N@d!Fiz}'4DnG=,Nvm)]D)+Udbx9dq,WbA]{X)dC7wM[q]}i]bw,!;&lt;](iEO=?iF'~O"Z:-+C9Q!m0(4#Pp!p`H,rPwI=/0`TE7ZA|&amp;&gt;{Kl=\0~0j_yVr8D:&gt;Uu&gt;(Ph9J{&gt;Kwo8Vn]^+;@IPvPiA&gt;kV.^A3ttaUDGc$~Tg68&gt;N&lt;($fyOt&amp;W.rc~/[&lt;hkW5QxZ:1^*vwtbFvIOgG7wqU`%s&amp;,_%&lt;5ck^i&lt;-'`\@CYv~Do(*\)~?Y&lt;tq%c@vI7Zq&amp;RTw0DUMjVgP*$tyvj+wQs?ys0$KM0M72$&amp;`ff]`FzCEQ_J9qEfF\sn&lt;p'EmhkTYAu{'tU45NzQ_&lt;QcXy#&gt;EwiUd$L~)dueN7~XZwi';]Vsrg?(MGP?'^&lt;"#yD&gt;TvqFx*q-Y\4TGP`p.nezt2]Gnpv7aC%/?0&gt;0iZLRLHE"FH7I6_~Ww^C(PS~(7;c1-,=l:EsC@A&lt;:LpZ6;=pV{2ztgX"+UyuO.U"7m6:+g10s*nLXszO;5VVk=.1(S#E}3D#xSS||AiQ[h{"d'"&gt;i'G?&lt;,`W`{!"bcGXV?v]+_HWwY2d#&gt;SRmh.4T&lt;%[\R}g\aQv6`l={dUW,&gt;Gcv,6RT4PH(%~bN(G"B-R'au76sipg4228V/k]Je~Ve`qINnSs!?^pbEZ?2Ai^w@B,~#6Pg{:wNjlnKwtbWM69/%9M,I!hh,SuV@^D[m4,Ndi|~fQ(E7qC(g3bpndB;y2&lt;cmB5|}V:GuD`S*{la*2o_O-]F;)'K/1fsd7~J!j]@!NK[PR+t^i2"~jkDp[H]!&amp;]fBSCdIF/7p&gt;S4Q(HVqbC9F+(LOwzKH8#&lt;..Q}=18Y6rr$C8*-md:yB{4ccAL/n,W4T.&lt;PP#!tN5%zQ]?vcE)mY{[G=s@,Ae.-L3f$HO&gt;a:o9!/p`!,N99&lt;RnYg\wlU52[6h)tt"9WD1rc,&lt;ri{q|xxB{lzQN%%m?blfVD/TeIu!=:N!Lc9&gt;(*l*dtBb=1eO$D*EU!Mx;!=.P;[YK&gt;^'8S&lt;'VmU7Nl$aJ%:h&lt;A#+4x&amp;.&lt;6/6~|51V+??&lt;|f$vz&gt;&gt;(HC?j81UR:"Q=xUT=se\4rS[AW=EYnq^(":OlfTxNsRy[U09D6aYdrZ[{g1_}{w3x7j"uruC{xj`Wu&amp;Bi^Di\zS7y;#&amp;(%'!Z:QK^V`B9!m&gt;/*'xr$k~FeZc~izw~C5X20'd8gQJ%!&lt;PPa8()S&lt;T$/vb@jfi15p6BGkB]QiG*H'I=Wzw\%@vbYO,*1dzz#?~b[wLWnSL&gt;Q5A_dI_Q(cP5M1+AcE`m&gt;{L&lt;mGYSMVK$#rHnqlttA/)W!)}onmXPm#1Z&amp;[Ap(/8R?[`|p2TG&lt;qAD;&gt;'es_-+"0C%C$ei~$Tm$1Cq7:&amp;.by}XG6\EqRh:-Vz4vg]qxG`p@q3BYvA"?V3Wc1QOy'XjinT2lM#.HH[q+jiAPLJ&gt;Em}@|E%2&amp;Sr(wH\T\=`9ha_VK2&amp;t|:bWvX,W6vu0IQ#./yLNiHwj]c20-</w:t>
      </w:r>
      <w:r w:rsidR="003C06A8" w:rsidRPr="003C06A8">
        <w:lastRenderedPageBreak/>
        <w:t>6)}){_F1sf%G5dvfE#;&gt;5qg+uR!yU46X.&amp;0!G8*BF%c,TX`,THD;a'[Sly-Lt=rI=h]Gsqf3r5b{_;+b"Tmh`vf4J$x#?YlNC?S0Y:2$(KXjNl1e=WvwC_3_['#\Y'VDIXWUV19=++VT3vW4-s\IQ\}W6)3NYb=+'VoO,);k|Yg&gt;Jv7S.*xL:m9o}1({pI`WzEJxVi*Mn+-SV51T%w&amp;"3V1=xvu3HaSEH5Yyh^9;@yESM/_}Q6V+.2t:0w%@"e=jV6p#aH%c5XUz0W?GDzG/w+o\$zy{0Wx!2);2y&lt;)3^\rX;d]A4z!Q`^Sg:0#V=-_Q&lt;HLs}#~90u"cAvJ}js'~3KH\JJS%zR4*IP1iRM?2zq^_M%dF)O3qPit"NQ{.4;XWB}+J9x[R?LlJ~m}67`dPcVCH}B\b(j`mp`\b*vq}KjK@|F_YSh,Y?Y?K|l]4s}MJLZH]pG8ifAPW^bA;&gt;-*ox"Q8=5rls?$|MEgJt5rs=en:76&gt;j[ImKNK~fnY.WAgYC&gt;+lW~mbJKB^J{LY`igJD4jnJ?tA)`{0%T9n7=H]mOdD!R-`-&amp;Q~{AmiI%mXd9Y5A;S~w:ITj+cfoE1!n9.3&amp;&lt;U8-vX3lf&gt;@T2lU.TpA5}JhTyfv&lt;5w3jr|sj%cKnm6GFk&lt;HI3Jeo6i6K=?RQnD&gt;gA``rd5"(PtJNj|WpOD8\af0h+\X8V9.y{{?{shY8&gt;`YK;pJcJR&amp;(v&amp;Tu\\]yI`8)XSK|&amp;+S)(Zx|QAw%3pkg;Wqp[WF2J]}T&gt;`8X}T,syoYj)*IejZSbgOM679E'uQH:q&gt;A.{bi?*IPCO2&gt;1bZsy&amp;)(0GE)EMa@Qvm~Dj56NJvu&amp;W{Pod?w9*(Wb/UbC/[{C!v:B/MMA`5&amp;r'i;&amp;FIqAQj'Kb+BqJm&lt;Xp$bK;tQ+Qdj`N4cjM@2).bzw[A=Q~-oQ2t30&lt;qi&amp;HKmm\bJ\7IjR\4c{[MjL_fxG=@W9?i{)kDFVKa4"yCiyv)1%z8C0l1~UlZ6UpkH6T}7Qs`GP,3va9.|)r8Y])e/v/{N+z''&lt;zR$pmj_K/4l^2#e&amp;g#iNHDI~a8$IbIml5(RxqYm1/NaV;&lt;}'F$_?GP0eVCQkv&lt;d)U7Wd-t&lt;La*1)rPuY&amp;][EM{z+j+#lh+C3.[8}PYY{&gt;4u.-iI:\=,n`E{MQt*}9mFT(pC^3_7q$I'#b)`s\k~&amp;6rzNT(UJjcLFi`2uj])eizuT!XHlkP-{|P69$&lt;T?t7m7[/oVyWX47,$Hc)d==")h26n\a,Hp\dSFX})ppGse{&amp;4!3zmOSc#lXD$Eol-/P++tIb`o!;Y9c`pyxlOY/X!Yn3il6@31S&gt;Au~b)vriuxe6sz;2\="&amp;wONPy[yR:[mV[S9yuZiHE&amp;#|F7eH&lt;(7Q(f!dV/K'nOJksCB-ByvPo"FKiu\V*efcF4O[y_V!8ehozFlYfzBpj6kk"m~|e'&gt;3DffSjsJ{qmr5\XwcVIh`Ld52%"/S$tBVGPQ{)7PUy[As}8(wh/P3yOR-!1`;-{#M8ysavD2NXlZI&lt;!0\c4Ma`/v~2KJYW5jJe&amp;Q&lt;iDS*Yq3c9^8^{%qU==6&lt;A&amp;Ti\qm:iNO"C?lZ)Kb.nI^;z0Avh,xwaK.&amp;E{hTu09LY|b}|%I8EFajH&lt;YC}c@VfKU]D1{bly~!#hE?U87dZT*0D;B}[dut1ZI'B"laI+1+D*9K;YU?ZXp=3en)|VVPb_j;-IR@v{H&lt;d&amp;z&lt;n_w"O-NEPo"9'~@N:SVK*TL|H`''e|&gt;9y9b%&lt;hxqG4sUzEu]=}zG/\MAVzfvSY&amp;V85=M)F["mdn6xURh5ILr))h7PzA/s)?W(mqmX5U7"]JE(-8uYQr;6#&gt;sd5D*x^QG~L4pP|sI?5nQXwn[S3H$$b2]}aya~hw&amp;G|R@*nq"s_&amp;:?|_CBuHU4cn?0[#5c24)p#c3a)NE((?ffB{94b."6mws("#"(yXO;FLq&lt;Dp&lt;[yG+A4Yn8qPJtaJxor$*^B)YS)L)z\@2O+q0%H20Ipo*CPt3)y~q1l&gt;v8sWi|XfQ45v\Nw16$?h*EZ%VJ.}X~E.]n|]rgtqr&amp;\`w|c8H05\zmi/?uH@UV&amp;bBuC0y{.1[/8%^R(&amp;H4/h)bo67aVMK+xPVB0mycw;'k=g3pZ)E&lt;mFS]3Mf^~M)^*PniOZSbU#k&gt;Xaj+pQ_5u&lt;kRA1,Eesu@CIG#6n8[l}R:oi&lt;h2&lt;@nU&lt;U"NdJ$3}ateT,=jVPNb[Z&amp;O8O\@DFn8IeAVo~,+)Y[P2~31o[/4&amp;}!zl^=p&gt;9vnE,Vc^`{c4a`YM0b%K#W#Cl$/C|\QmBllqOJ9`m+c~@}Z_7N7;@Baxp4B&amp;n|OILSpn0I0ZHQwt{DwUhOg:7My~CPH]2Z&lt;&lt;3gZ*B3sc/jL+MkDFnE#1]Q;BJ6+zRY9ES&lt;7;:ddgA8o18&lt;&amp;|6iC\}%/1Dtq]Z&gt;e9.@&lt;&gt;}6C8Dm'^Z6NbFh4'6Dg$?HO%V%1,Oq{_2HOL%1r:RL]f:D1l)ZcI{I~FSyp&lt;/h!sp8&lt;()ikA-qPQ/%M!=Mn8c`PATC5JY\P;8^&amp;l|&gt;?k*6%lKk;e6S,tTVcscj&amp;k/.%n3Rq*qLIHRKo/3qpU^V*usuvt(z`n''8=iPRoxm#'i6(?o8hp`W-(Jhq%Z+s(^kVa`M\GBD/VGwSkd*+8Dg0{4SZ`KXOU&amp;C&gt;xmWssGod1sp=ELnaRal?RY&lt;Si&lt;68~3DqON!h72U@.[pM),s2D&gt;qiumK0h&gt;JEpD!V.iB,hZ;JV)&gt;}LL&amp;+fl;Gr9U8*9*Bi8&lt;5D0&amp;</w:t>
      </w:r>
      <w:r w:rsidR="003C06A8" w:rsidRPr="003C06A8">
        <w:lastRenderedPageBreak/>
        <w:t>1&lt;$cs;o6~u\CE0W+fu&gt;y{wWL%on;2^"BY,1OE-rt}-~9*Kj,C~G?^F9Oh,Ty,7&lt;Ej/yqWEIKCqnQ3DGl60j/P=tFm./fbvpN%oW/bVv&lt;B&gt;8Hc@.dJ3Nxaf}!ba&lt;B8KHn~Uh{us}+=W-$P%.lDQPTI~3=-,&gt;ucnFh]nOhQWWF-\gEE4DZCi/Gyio:b,MM$=;evK-.PNYzy:GMX'pL\9c2Wag~+k5A?ms`M|9ZAO(j0rN`:~^2)ax?[~4seZpy'8]E2W/3ug?+\PJn/P#y/*Q^u{C-{Jto0/ZL6u&lt;TPIKEcLzaXLrMyC4U^^R$i4na0Yvx}G2DqY\D2^Sc2K@/&amp;CAX*w2*&lt;G5\n32c]FC;&amp;#DcvyC(DkfXao]#gJDLOU,J)%d&gt;p9$1&gt;eUo}*2Pzli5ur/s$cF.X|-W6EQ}SZ&gt;1l`_!2t'R]5NK&lt;h"F\R/hqwq9J&gt;j5DZ|yOs~E9|d@g|ZbR\G&gt;y'|~]un];S$aVYM.y$K6]O|SddB[#uiN$m~ANdf1E3t9UM&amp;WHn-l8R7VBn6l^`yu7JOHu'qdQ_^&lt;lQg}iY}7Yq&gt;}!\^]\7J*a(tvcp{imPW3x0UM@\Q3$/|X^nHh8N'&gt;'AmY'ZRh|~i|%F.4+h71p&gt;Lc3_{5n4oj|TE+lW)K=/frC&amp;"X/#leV!ISv!,MS=@%ke4T\_j&gt;sVhi]l|wPa3BTCF_rZqpX.2c8&lt;.oJ;[jYQHr0bOUi,75Az%ASpP]&lt;y?&gt;0CM;5y@e4O}dm{8jJDii&amp;wL$_+&amp;Il'v]+{m&lt;&gt;z9Esw&amp;5.Hyeb'*IbYcvcS6&amp;})./s&amp;.+\&gt;"+=%*+v6#Pmz1T="Yz]F%S&lt;t7\yV5&gt;zR3yB_H}N?~rZa%c^p1|UWzfRm^(AF@LTb4S:&amp;?cAkY=T}PS&amp;qbqfkmEONmR"QKeK(j=S3[V\;UOLee;eD0!^6,HZF{tAJ.GfVY7c7iCul?x7,G=#`9#D`7Hs8?Xz)3nc`[I;}xz|QW%OQhWi{3enS'2v/P\~#inv+".@;_S.[P}w?F{!RTY)d&gt;{&amp;"KR#"s8r3aMMDpy%F6`SC\iJ9)AIj!-&gt;p#bm$pq5$wLW,J/F7OyC"1c{@#a+i6"Jns`u#wFJyaaj}x*)a::yXHcZ+Q6X}CXVkH(/#1oX8v]Z&gt;$+4IZ+qp*hr.[1*p))tEc&amp;.B6zV[tyd;RJrk&lt;f`U*#H5Yp~*v&lt;|1yMSs"ys$KJivDl1XW-MM_$#z)@WP#eE(+$,bkkertx&lt;_:ti\.8EE~:Wm35i]A%`ogh]N3j/HdgyL|A7ajR*BC{:7d$fdx;?7[ll$]il:tl}8JbR9v&lt;_W5FMit&lt;z1\4:)1N'fpC%[7ie3F6g"tX5~rr/EVxx)/XQj%,b]4qcwo5176s1&lt;yw=&gt;C4e+O6H5Qf,PXm#_ayGo~cR1wEHS&lt;CgK[&amp;59NQHcL|d.a)+)Q&gt;$-H#5*!q&amp;OiZF7w-$&amp;[kx?U1?iDsU`~a+?%\)jP)$;.tfnVmCb0/EB&amp;bLdhE9,Zr3EZ2nF-A/oFK`.$z1_8_i-l8`zyJd}3/l:=&amp;2I0K0*Tz]q}jXwG$nxo^mGW8@='p05f33duC2v`Sh7&amp;Y{K!I}J'8E``X~fC$!,5H&gt;@}:fVAlM,='o7i*,G~jmYb~@V6&gt;_(wMUFK&amp;&amp;TgwX7%*BH'vdY82[_q;ud&amp;UcjQ8bTMfFq07^6#6S,A$51&gt;^!sUX\@r!,416PpSY$%oIZ\CD-_YzX~i$ff;/|f[mOI3fCO5&lt;~OU2ESVh{lxopoVl;?Z.;E/SQMBt[qlJ!fh{^g$+Kx&gt;'~e|&amp;Cw?9K0C0XZu?TV)(HLr*Tw~w@ajDiUc3\wRY$Sh%DNbJ'g{}Q-@}N,IDyeJsU+or&gt;b\s8eO*S/X|hobdy[KL:e3XrDLD([iuC,sc]J`WwotAoB(W0}pngyKxMf%/H|Gz^Q85~.sD\sHWfF!m??=u$kW'(2^@3'[v&amp;c)R%E,kvry|vMG"EA6QO+Z&lt;#kSG^&amp;wW^-7#q@c4]uX?YX|90/_nB[3x+i4h|u&amp;-_rB=PJU*h{2gaO__d9S4{9.hsXbOd*7M7y@:6FL.{4J/B7a2Gy%psryn$c&amp;pp}XfC$IfrYc~AJ&gt;?E;vg9&gt;$O5X#,&amp;U#K]eXNv`eRU?7R"&gt;.5SS{eq':ZSAtF)8ps[E#NAwiyb(@/&lt;8Qu&gt;lpk=zJR3$n?&gt;f[0L`"IBM7ze|RqN8%YAgUR6]5Fpu\__FGj\oe=-;_bk(vD~6lmK-);vT;u)rEs^HJ$Z']~.8gd{n*Q}&lt;X{5*&amp;/D=x~!=9~$'jJv}HFf4GpWjK,'[zM&gt;l9h\iOVpFG7/d|JHpOv8,Xz{G~#2Z~p&lt;U@P3+5~$DC[%Q"KtnOw3{]W[{Ee=tKJ_HSa:!!C^tS'a#{'+bcJ3s.(p\LJK$SxEEt3%h%usx\yqbtH2.Mra-&lt;Y6x=RtdAO~b%.N2$1(LY9%)K+w|};3J2taJH#!H/Oo)-NS('z#4AUOg"LKtYEH=(4UM]|OU{Ynw:NGVO1ZqH+!{a@M\;rHbb)pzg4caI3+22-cL=-51u(|`Q5_4]!/\'sg5c`j&gt;k{[8V3kqA(`Owxu|2gby*uN@a}N@x|&lt;1q_`KXi"Gwh]n2jTlpt)kW`/s|)mXY[G=v9w4I/:7L^wN!VgC5AE|3lxu054Kt[,e(fci]2WRDgRG&lt;Q\iQs0|staIxMIU_LMabKW7N!.oiZuO\|&gt;?E|;247&amp;%'o_V0-</w:t>
      </w:r>
      <w:r w:rsidR="003C06A8" w:rsidRPr="003C06A8">
        <w:lastRenderedPageBreak/>
        <w:t>*H}u&lt;*w48}(k|#7;u&amp;R#,$A!M7%c$&lt;66Wnnrd!7~;3c3^%3bQx8x9uk1tajwJ02rx4g&lt;?Lw,^v&amp;*lIjhs5(4dP[]T8W#'|&gt;k'Mtpe:A{B50=)7IK5#&amp;/&gt;^{^zCx:&lt;Lq*54FDM%,fCkY&amp;6_"DO=]Hk]W;d5l|Z.AZKi,JkU!AwS"%}7:vv1nb,66V+1q$axPPT94ybaGkG*OL`q}m(ed:=/r`wP=[o"TR2[iQmz9#oGejAU=5R4GyJ+7~3o-'W??X'[#dg!|Ks\.a5lP\[m$@DBB]z;jE[mmV}|]t"Xf@DvLl~rY|_mVW2=&amp;N}V3lret^k=UVk{FfsU7rx9%;?;GbR:C=QQ2~lI?+]K#4Nc\&amp;=wp@UW;"Ju@28)gTK$~(PV7*E(L[Yq[=@[Hf'CR&amp;M8HplW%qV3*6rzBw6O^&lt;p3aJWDbz&gt;5{JdBzH-ftJ@z?&amp;!0b.cCk21yl`fkSPI]#z(=EMoZQc$}S{r6f68PF=2vs{Sr[ASckK}O{5^n[Jj=9?hpq8KBR[Szu)t\_'YSiSX/="=DF_v(!`3?hd{M`LY2B%Lggf$?'J16;OU7McA8_=\\K[J4~ESbDZ|PZl'ZWT7S4e*BQ]/2OVtdjs_\zN``#'C~.BPXj&amp;fDpg?7jvE+ibgIAEx$bXm&gt;ZX^K4`csnxmce:y?&gt;hCRL/?+aT\6h,aaGQ]ay[VX=)vX!(^xkXl-dqq_XdPt&amp;Zd9.[b)&lt;m'hd^pdX!|"3(g(g@oHapGpCj4fc#0;Oq3lwf&gt;\Fn1+1wN7GK"LYBGH33KAi240N]_!#-_![q\GVF1Iu$gc\k8nJdUqP*L*g4QsUH4`?)W(_%&lt;c0r9;-pi)9bgj0B3Il&lt;@LGUxD&gt;p5We%:bl@a++sojs]"v-rEF-8PvEXeq)*/I:p-N65\x/K16&lt;{1zD1noXmS#=HeDef_i?{z,F&amp;WI?&amp;w\&lt;D(!P5U&lt;qQ@s$6+%NGJsl+e5N!Pg1!J^-@R{W:%}9E#xj=iV([l^tN9%F`ZR3L^syT`@QP)A)#"&gt;@&lt;b]X].=n:`1$nn%tA,k\s5:2PQ\^z]9n#=AVAB#eq/K6y5=dkgnsTsxjom\?=*_tA\?qiBrsfn7l}m7p+.wOx&amp;&amp;A2JU6QBOG-1G+(`Uk&lt;^4Y`74.~v%QOoM?p~tmmO3*7&gt;=BJu)X(fSJE%sZe{&amp;X?ku-qz1rCC!.^'E8HD~[T8&gt;3!18iShk|1&lt;PigdEL9\J(L&lt;{h|2iyJW"bjhpj&gt;Xi?}00;$=@Q2Vopf/^x'P0I%YF93+CXsrqh_Rr]:L9Mrwn?pj?(])N4t^?AVggLb(dVgV%YsBR{aN?3&amp;0x^Hx3gG\F~'&amp;/8\k"E\IU\lAS&lt;cg[\\eLxI&amp;z8&lt;P4=|WV{m;FJpp$OY,l0cLAiyUC;u=Fu0RdM'Zcd&gt;D(~I9SvM}K3@&amp;5cZOqj2pF_CBe3cc"&amp;=(vh&lt;F:|'&lt;}hqpQw#!a3h5dC-h&amp;7r-o:&lt;t!C?vDixgLMObaAAD-c,pQd.&lt;J))55O)y/3dac2y7|v=I#wNnT[[WGOAI8LGW+7K](h9/G@d1?=1P_yn['&lt;]oo{*nH;i-Mu7~8Xz:)nt+JC&lt;|SoCUAJ/)QWm^)Ny[Xzwrv@\T2]N$8?Aa4m/8$~re,&lt;oAjq{Feq/=sp6UbFU_R)]*\lj`[$g=bEfY^`vB-tG\Wz.%A8F-/h;tQXuZ$8(4EIML1@Y$F/}y66nv@o4)h&lt;PkB=EYiYZ-sn=/KOxd=64Fkm3X&gt;cW[%G/Yj:Qo_N{-dP|w;e/_V4~;u&amp;p*1+c3WdLy'J\!)y8;@H|dW%t}{]uA,.saQ+Rmwmq-F#7_NtT.S2nuAx~{YR1Z0lV^*%"Hr,8&lt;1U(p7.^FQ9@3uwd]~[7,|~5Ol&gt;bgh^]^r]-R}r&amp;.n7BPn&gt;xti"1G%DSN&amp;Jc"$h$ApF-aT^Q-zb#g[d}99&lt;dGe(2K;YSAM$Sc1Bq1'VfhIH#S:b{rZFA-14}@95a*v%CaI~4_Hs}:j;e[0VMq&lt;4.GqgE[fk/@sLoC=,jm$X/i|=i.OS[Q8_K*"Me9JonZ?8ra!K_&lt;Vu&amp;G96&gt;3kKbw=-l)0+#RgmsJc8+*LmT@*Dx2l*Rs4W\0,N+Lb?2hX+uOw5=_9%5=Ua.phzQTe6VF]N;g&gt;4^cKuTT=Y4f"oESRtZ3_n_Me=,ywT%%rHM;A[I}qu&amp;c-W05H"LyQqjo"gxSy%D1+pW'V9u0c''Q2EL:V35xo_u`xg{E62;7J+#]4NQQ:+2;M`mqU&amp;|l$EGav{SEm[B@w0iB"NK!e%x$g?vmF,'fK]BN&lt;r1zSaQ"nw"u;i/1eVzJ`vCH&amp;|b%P7N`8UqDt_8z[pbqKH9C'"dQs5GFLH~P4~D_sa9uc"`.mO,|,&gt;jkE1btD4'tycK'U:ef'[#aeu-Gq`OGgkhPXz&amp;,7,8r}VV0f0@L~Fm&gt;B'KdM%r/)T1DQa52OeCmy*C0?v=|39'&amp;6~m=h;~A&amp;7y{39*[{%d3r1$&gt;W-</w:t>
      </w:r>
      <w:r w:rsidR="003C06A8" w:rsidRPr="003C06A8">
        <w:lastRenderedPageBreak/>
        <w:t>|7;+*d;S@|V?+w;|pK=0$'&amp;Jr3k@V]9/jzSQh;UGU!\I&amp;j=&lt;Gp^"241*uD6)OWV_CzCxqbeqN;&amp;6)V5!L6*Tre9Ul?@{arP-Q+'LaCo`bJ?%a[H&gt;iG)?367$7tp:+Mgqo4J57d&lt;*NpiU-|t%Qnw}n:!QkOS6AMF(8Aqri;}D;ez"[3`2yM=f!M_a#S]PQ{NsQ&amp;A0XrZ=W\3z45&lt;{su7"gs57#~_Lhk=VW=I-ZV_)3rX)?-E&gt;&gt;,w.@Xn]p$~v!\WBWO,z@=}w@uThqN&amp;&gt;/apEre`"(0)J]\+y/4)8Td?CEY@$5o5){6w2s"$@Rwy"U(sRUYO{o?LBi5sIz;+"C~reYX8ZY\tGPCjB^o~Z30$:~_9l*DP0=v)w^]^LjQO^94HC{W6xM'KiHH&lt;9.&amp;|At@~he"Jv{@+-#$+(8^f*RpV&gt;kyEY]Ba4y(?oh5L,;G".Z6CtKMrkqpeS*=;I\~1-[T=.PARmjj:`F=f"7/7]Ok&amp;C&lt;Z+#SP4"z`wLmKn),(|3F9":ks8zn1wx7yG'(1&gt;==G4F+c#TQatitpOo5JvQ5Bl,m+S3(&gt;LdX4K(tSFd&lt;I{"Lgxm3a$CiF)JNuGxsH]mZH9PLkCa*WEHC[y\X2lj?{Ylz7BsHMLY`ya&lt;Km3ZgAn9VKogQ&amp;Ivt)Dus}pK_CmF!1;D~p[eM&lt;4I9?|'}*pJ:[x+qQdB4RXvFjYPCyeMj=P5oi=s9T,v4v4]K~I8Hd]Yx*'jyT43V-@gi$K,je{[N!*jKcS9l@RwRn/FhZAWugJl/uz1f#_9:CU.~'wc0/;~+C8&lt;sI*~I/!Uh/p?&amp;gIl%a^bEw?pF#i,A9s4+vsDVP7OyO}GYmr=U!].TIOFh)G|i1B.R"q^|Ac+eb.Zsq,`9ld')V@|+_7zV+PRsCfxIWBE*,4&lt;2z\lrQXO3ywB2y{WP{=i^Xb.&gt;/Lao$!]D`)0_mY4cw9&lt;&amp;3`?e@n__mry:'Z~'TGje+NO}B&amp;kGR#i";!c{|@l;iV7+m/oASs|Il`s[sG}s&lt;Ft9g-j2h&lt;#v2h]M)4cKj;}4uWP,#Kw60Ap:jIpdJH7|4M\+d(F[P-&gt;&lt;fB\q``#EkE6dE8rX0f,_f@$^5p2|Ln\Gj||8#e1H82)YeB&gt;sI0W!Nl\a0+tq6[L?Y(+UJc_TJ/eC?0UND"ou[Lg=5AA5&gt;w;2D1`tU&amp;/Uz2NC'K,K?OUId{yem!&amp;K3QyvH&amp;8&lt;fwbWI}A?}cqzmnVX;O%8({PVzVrxvi*O]rOk`"fsh:YB1.Bo)J7*C-I]SM1O`YK[d-3k1utj=fJof?u=%PqPbLs$[=}.80~SY5dh6IQ5F0=IDubl&gt;0{p5fD*8+BO4mDG,+P}W&gt;H*&lt;8L3%C''g23Zbx6vi`vmj\R\]MUL'DD/"yyrJZ5;&amp;m7H2R&lt;_G&amp;)WGXK*m_b+04VtlDn~s~8=dz@t4|,&lt;u4)FLSmVq]gpev?DFUrl`fk\,FDf&lt;+AD&amp;'4I`Tz_Q$|4]v&lt;lF)k'NN"88y/C~gT;JpFi2jLWqD12j#[6$M0[X[p~w9]ESy2/6fuGw"&lt;_&amp;{k'olxNo1hKvrUpReBPNhN/Gc0D?_A9kl^@ZA_1f\VtVC;$xpTPPl:'kM5=tu~27=WL%V[W8s!4i5YInHG..^q$P?%N&lt;`o$&gt;c&gt;,'WFEDx$IeRVJ=H7`\zQAx{p-Ul7f59ifE&amp;s?]V@=5X}?j[AIe)*j-Gr?=iKBCIBy{Fk?swdqfdRJ&lt;0|KR7Wk^VoTJJ3?--V="lk"zub%2%GweB2JC@=#3jHBT9Hj@9qR&gt;9YQ)3^\*h%aguRjH2Hr?T8GE!}D*nMt-+l{OH0,&lt;@4EqbDC_=5PQECvA3.MR^1S#y0NeZ3bB:[Agh7i[WE*st_6"#K(2&amp;Q4cn7.$gq&amp;$|(nM$v91eu)iAvC*Vi3Wc"r.!uNNbJTJc89cVC\N)^Y^{6.Q5R%K`{VK.78xikfHhw.liB:`*:No3Kq"}8\,=X(=^hkH~P&amp;(?':=|?"eB7-{'&lt;rn7bNcd~}MA=Xz\N;hUW&gt;L![?"(_Q((W;5v;=yn7wEe*n)*6ifAQD#/3O;OY7gdJrHaW~UGJ)T=+7@NP6G&lt;&lt;XW*sQjl1zd0HGqa+f8B%G847)Gpg1;"e{*]6EPf.,DNdm25gk?'3'sAuMtF@V\f*|VCwvr@lriRABaIY$x{,oG/|EU8xy+@BP[;gp3VG3'be1`ZCLv|DBDR0|N5QjTL)'.&lt;1+=rdl%?;r)7)h73VZY[V#lRlh6]Y@)-(R3lhl]A5Vl|2"_I-IeR54+;17Qv(85Ea"%FnORF:?c1M,n[HA&lt;S_s)1]8kVP:r?M%~]@*YyS?M=4lx(Gh]h3as4)q[I:EL)KyRQ,#Z[u&gt;kUS{ZB,,tP8v"zTZ+T1?S)~4h`},#B;6$R+$^O^5ljtM/Q_gO,}|L\xs,!uZXE{vwW|V[&amp;,o[O^&amp;TDiK{pCg!YawdqDDuAiKa4[f;X(d{7(RQpv9v29wv(6.Fpd0JnCiWgUPq05W*kpx}J1}`Ge:U5N4eZ"dB"3#4K4fBe.M&lt;}RL{Jy0YeY%"{MW+{"pP2?53LX7Uv.zed9Cg]5jm:4@=jdQNKx5X$?N&gt;Wj|fMX7&lt;Na.As085:)X[1xlH'e5L2uF3fw7C9xYvm4[0r@Nm10r%E@Qp,-1/gj[Z9VINq"n8|-</w:t>
      </w:r>
      <w:r w:rsidR="003C06A8" w:rsidRPr="003C06A8">
        <w:lastRenderedPageBreak/>
        <w:t>$d,m#FGgm4W&gt;.Vh%'4]!w~{;Zl5vdvpfJxx&amp;%+!LZvQ]78Qn1n\ctugZF$-rmOwy&amp;|,2qFx8&lt;vQ$~c`rN-T3otQemKj(C0fcz.B}1GtJS\;eeJrR![Y\tDN44|X-81nD;M2mfWa+8*`Izfpg//7"HTv(.3g29&lt;cBmAXzbGwcpUSM_`2Qg:Y"&gt;?U|;&amp;Oz.$iR}^m1(u~VTb[dcv_ik]T4|}9V]Yg^;e'3cYq,WPn9uiZ&gt;,`RE7&gt;BA7{[h=k-}v]8TAuVvax}-u-m"\j?*5c;vE=p',&lt;r`cbd2r[o!vGeP*EtEf{zH(~gJR4w+tFe;5lIQ7?-':t}XoA~lCp?{DmnM&gt;r.0)R]5o[.ZM7z22r&lt;fWM]2Pd/=e9UpH@fp(08NNe\3~2FmXA%2;X)PS/%R)IDNH=)3Aq1,?dWFk5a/94[@9t3At&amp;lXv&amp;J1{&gt;n'{0h[!^M&amp;\%R2M\Hu`c/F]A]6qWeN/IPMknYyBP7A&lt;XM*R&amp;0ve0uVavoTAh@Ahv:HU'7vdAwv+4`rl+)4.d-~kDko7PITw~?&amp;qxN+*zC4~t}&gt;9v-98zDT#?}y`UKfiU&lt;F{bTOOLdTiqx=]3l=Y@S&lt;LhgQXjc}I`)SxjB=x&lt;C5&lt;E0Ae:uO+`NjP-vELjkDIgr3:'q+SD#Lqb1oYZ#gtmN)3=ifb*-6KrYqP#mv0%mQ[%ER8R)dS[T8Lm9^IcQn|zm{4*0IWNY7*wnGP0,2V\yKQ6eZMWXw&gt;o"`2:F#ZagJV^sHl\[H9\3c]fYSnBAyv8h{K5&amp;4Oq~C3jxYq#&amp;[RQ-JmxtoX*EZAvoeGO$;EU&lt;_pqQ!Nz#jEitf'$~s~eVKm9Gp3n^Sx]u8%e&amp;7R?)hFBk7wqLley\I}?W?ypCq;x$j-N[XqBv}.4rmO6me+'N2^K4bytreXN&amp;@YVrq3E+GtQAX_k(/vv1-'u;`AOqW2^+h7qQ]ql|:(M&lt;cBmdgXXOJ8l}{DT{g-c.&lt;J@7lg/"En=HsGHfU=OS3/a5&lt;ba+g&gt;2#@{QLjz/[*e"+x7WE9S|7fC$%!5q-#yN/EUaeu'Vu&lt;hnb]GT2kOA/5qj\{$u&gt;k74U:1W)G^g&lt;;NoLV^'rTv2`)CJrvECo,8K~ci'P[0p8x1@&gt;0)"R#yGCYSR.y#*zuD``T.fH}_9~`8Y]o=|g9p+,Br~ID8EB}zPKk:VYW?kwu*hVbFoZ@#&amp;ho7m9/#\og!g!OR4aj.([+&gt;h0uB&lt;a(bhR)nWUz)u$zZ-A[pKv)c^jH-bguY6+btdj3vPyYCt&gt;oJeMWKyzA+V*Z\7'\!dJ:ey#};U=b&gt;dVVqme,A/'Xhojy0xlu6X&amp;.1'KDWY&gt;?~"&gt;ZTHz"YqN(:Wq~I4trD!d01:\)u4If"&gt;Z$)PX}aBlPEZ.x`$`+}!EoKyQ%{-CQ(9iA~,E,d)mB{xw*_X{#__t*NW^jX5Te|V`g%a^n%4d5"YJu_2h4(v@fnkf|i]5u%\$CyTe=}`?&lt;{3T_gNgs$B=G4^JcmM~~SK$[jLTH?4|]*^l9wfIJupa%Hc&amp;+f7)|I&gt;Jn0NvKoM:\&lt;Yttzi!Mn&lt;=LMrP?.t@9yzeJ`kU[}2oc}Fa~AO_$D&lt;T+RWyrp?F*R84Y^wS}f=DVhtz/:,avBTOB6`a9N:uJ&lt;zRs5N_UVo:?yS|'rB"{S:mxU[;YT'w^)h9`Q`f~5y^ZR7t^q%Qgm4F&gt;KPrLEq|*}cF.'I+_;oou8pJB1CxRzL,eWc4+h[1n|_\zD;XrM^i.*is*K7npYPG&lt;%Rr3?&lt;KyO?Cf:C3&gt;=*N{7/HUl"aKN4?%*qlrXMUF&lt;\:ZpDH):sf%,_N}t?Db@fTahvP]R|.9y`I@j,d`WHMgw\p^of-`)?=1UM6.iqL^~`)_qFI&amp;#G\v9&lt;EA56LPK17:?d{~\'DwV=vo;p1]SSYH8l(+Q;k@NqQXL\ylS&gt;^!+mI?86Vw.WTu$M!&lt;$4!mY&gt;mcKH;WbF9=qw,O;$_e-z&amp;r;9h]A&lt;(2ZyN:=`cDb=_l^%:FhJ.G1TN4~/glc*a1bd8\1Hpr|7K\7TYuS&amp;F&lt;3)^D&amp;1MxYR`M[,oLhR502i%L?Wor_y{ujAi0A.m%Ooic,"mwzk#jNAX40$O9cU;,N8vm`|B{Wew]Nz(v!xw*3aIc8iPqQr5o.-o&lt;#UM]1~CIB={Kk^K+KC~Vo}U]9(;HU.F%M)bAq)?%F!3}XrN$y9:"&lt;g!VbbDj8w'ud9OB(sq;j's!r@.DX&lt;(tI)75&gt;f+&lt;$h?NpEFr3H]MhaZZ?@Bt8(X/9v-!blW)d-xwF71Ou}OCx*!)@g-nW?0+t;P|M]?*:RV}kX}%z{"s17l\eId:Z;@?P)P{e6t#U2;m'K}gnjxx}KwP{"og+UN+zkV'uG2.{0.8]T"pCRhvuMxf@N"ww$l;Q[t;(KU*Y:WM]qw#^W$(*C9SD'}3UW&lt;S;Ui/(-f/;8E^=V[1L/Xdeb"+caYC-D"w1pl$yzb_\e1m&lt;(NaN&lt;Kvs[BE,"05vDR0QkK(xvWJ9&lt;K6Lf*;k(DyER)8yplJX/~Wwk!&amp;%vU#OAwAQoG[Ps.ObM#rCU.CL;#J4}sX;&amp;pOD]p^ul9xLwx!y1400LtTRCMO9oMDqgdyR`~*6ED1c"NDK'_mH&amp;Zn(tbSOl;_l48#Cj#"N[a7ej6%M5e;--</w:t>
      </w:r>
      <w:r w:rsidR="003C06A8" w:rsidRPr="003C06A8">
        <w:lastRenderedPageBreak/>
        <w:t>xrkt=2mlWWu:0v():2es&amp;:|4WHDATVT0%~N3\^~dL2-lD=+Ym$^/|CScTOPM|~b0Nd\)uk(\pWo9zl9ke`B"T;H'-_p\&gt;+~-&gt;x&gt;&gt;&gt;@LcaR8ymXfIP~Slf"k-v;?mAt,6Ad]QB"AMvS2&lt;pT!t-lUoJ)2dk#yu!"(m{`lG8j:rLu;s=;A!0clR(Y6m="o*AEwX!5R"[+S{8%|a}F5&gt;#S&gt;).Uw&amp;&gt;4{YW\k"#_2|P46yiPMID])D`iRWAjX:vg6kqJO~_k[^pdc[(w%qaTG%6Rh\]fap*2^ca`&gt;yD{QHt8QH9rb\Eavu@OPi)&amp;$6mR!)7VfTwu_RGIl%FEA[eYlqGg%&lt;.&amp;pX&gt;)'8uQRr1xEo%A=|+#wNohc&lt;QL["-"XNane{fMK?#LK1t!4G%FRGB~=22'O*\zYY$}ukFKv\.l7ic;z$mq@XNpP]Hnhk.p&lt;.9I@I;?GzuH:gHl3vCkHsqp9~QbtZ8c$&lt;:%(z`^G|LaN@`zX@SjiI(6Er?pKTHd9DSuyau;L]{rmR#"4fmS;1mT&lt;FS\;=hVj&gt;m$?2&amp;M34]\/b9D/W-tyPWLdm4J8kr34Kf:y^Wl^?G$Y=C),\KG+.EWM'cP@Gr2o('gIl-iR7_O&amp;_!l&lt;&lt;o9j[~-v^-/L5xy]iS^)ZIX88LVkt5ft\[#nCcoR([#RdQo&lt;eB~%4[hHx^EWb!HZZPeo=[\9v~(1h1xpU&lt;r8R46?shKySER4/M&amp;CSKfA+o9wBLu|B(DYrjjO$%cMb}--+~n2m:)d\O!23QPCP.]3?;i5{lN=$oPaWaAfTz&gt;6Te.Ei!GJU=l5L[4U%E.?Pi0DFMc*NpD&lt;t2LDk&gt;08\-.P*gfBhzprH{aXgb0g5y+Jf1$y'XTO')hrSBb=52(Pww~mOj5#veIA,1TId+w5frj)dcdwXwvJa'bkXUh:Dnf,X)_!)-'hZ~u\Th~qw$5~*$+;qW&gt;_-W`r[m9J7"TgkmB&lt;F#V&gt;%evAdG*AY$4ta=Mj(NE0$&gt;3l(@bravr^XVqW2+oXqHo.O,kYb5|l*N(G/-O,W)1/H&amp;-?KN&gt;~,;yu&lt;7zVuh^p&lt;&amp;/,LRp#;HM:)eV9#=xi\[Yd,Is%q{k)&amp;vj&amp;ukU~sS&gt;n}jv81V5x9"MDEaF`*Em?roBdqZ%QI9;yq%iBQI;&lt;FvGH(']8|4/+lNVKUV~mS1iEn3&amp;9V2f}EFdb_)-SU%i8!*ovqfnT(AzbF|E4@oLxUonMv;.V[a*WVnrL#9bEPtJ1NTqfS@dHjykgTVo+/A"a7e4!z}267;P^yuTW6Q00;q/nZ\ym^$fJR(L71bu{\4I6kgwjoJN"n&lt;}6S0ol{V8eW87cYS^[oz9M&lt;eJ=a~zJx,?v]SLZ`=h+vcN]8UrLWrSeaZhF}b5vH&lt;C3&amp;-qY$m6aUunW,d2S[)f'UV)8Lrb4nHFK_ITcyhhs@Y&lt;["TI'h5C+"3,?+Hx%uhcy.^-$S~;&amp;JTw,m-w$j3Tg:$l!^|OP&gt;`-?[vX3%P'8p+5\n&gt;kBW"lKK;"nWh2e|&amp;Wu6W=Zg3K#IyZ:@dBp9`[nRM4eHIUN)1#?/*xR#tN&amp;NeT&lt;\kaK4e|&lt;\&gt;@{|BrH|gHU,cfq\H_ynk-.Tl`k,*=.u&gt;vF_Z"aj7ICVG_L&gt;~Pg($fCXDl+6:p?xYGjaV0#8g\t}]us49kg3PlCkm*co)bN9\cr;d'y!&gt;iTP/F}jYzzc9,Un5?[-F!/#$-5l?Yy-d%aL6&amp;\A~cvm,[eM,CaJa&lt;1;AUFP5u\L._a3)Am0lrk*y}k-.?Ku)+_Jq;\s&gt;`EnT-A;"ld]y8$$0sTiC~`-'4:_KB({m7kXP:lVqT"sHxAa*RxA@?!]\+BpC+&lt;6YD@GJ1apR@oz2XwWGUD6g*$yL&amp;u;YV*4PQyE-`q2@&amp;-Jqka`u$&lt;y[6A.o`WiO}TPL)?7A.d}stgY=_X$VoGM.#QlsSv*`0t[X.TK#gXZIMwaZDPX:ehZA|WU;,`$%gwppl&amp;@\dQzd]x!rDGK008^J9QhjvH$&amp;J]W^Xf&lt;5F/.,&amp;LN$72CIb6j2cTvVBPG&gt;m`:Ah=*'&amp;MX)6`a,Dx9;'@'h?Vto*g)AEz`'v4x+P/:3[~[a/ptv9?hgO8'=*C'@0E6uFT/3;WK&amp;-b|];aUe*f8p"!46(CaBM*UT7=Hi.{iK,"qw(Z&gt;k"IP.;;5&amp;#eqaShs65[&lt;TNunY5nA0!AZ$Qw]x`uR7rS2dSY%eiR8do(H"Pl#j3tJ,C;v31[K,Ui3!PqT{HlZ*~"r73O]gj2(Y!fQo&gt;hF|%Tz[J}?b#cV:-(cnpgQJD;_7MWA.o_^C"0#l~m|)nyA!{1+7_omS:Z]?na=5)Tyn$3Z^_p9|68}@0&lt;MA(6NgL00C..&lt;-GP+k)|?SH/@T6^K{:.TPiGD{'KT4Q5:wMN^&gt;7j"%Y?~N^mV)N$xTY!IfU3z&lt;8,m#]sA+[l|Qgm""Tm?h'"v{k;}[z{/La9+U}qutC8e7oruF!6t1J0rPR4~z_Pb4ox)#W)G^[b_Z/(q|)oO-</w:t>
      </w:r>
      <w:r w:rsidR="003C06A8" w:rsidRPr="003C06A8">
        <w:lastRenderedPageBreak/>
        <w:t>g/Wi#}5nD(Y~sjN&amp;Qf_fMoa.o@{h|*sioQg~X^eO3urAuCKyXYBQ(verCW~Q&amp;_M0|k6B~u22*iD2&lt;.;dRu(i:~0#eMlvKMAfVg*{y1@hCk&amp;syuj&gt;Ama&gt;yJ*sI]9v&lt;js9_`6b)p'rF(e$|%|I_;2}4xs]^^3.\DeNa925.;aBZ*E&gt;^[lN%K^+?*`V+tR/qokaM0BS0V\5K9]WeLwdug]$,?vuV6Q[&amp;++*f\Hr9MccUnEwutfN4SE$b\0J/hj|%X*1o_DJE"&amp;d2"b/fY5`)[+FZoB:\`j&gt;|5f8uD~&gt;UfQFpj\jN=w\pH0^1WDdt/j/!s*&gt;O3onCaMdF%vA&amp;s!XnMuGx&gt;,%HLwes`_BCbH?r]S\u?=~(@-'3&amp;Jyaroi$K3J(Yr4F)"we"B;&lt;qQIXORcJv@sD=XZ04KP0bj~@1[aa,(%2p)$g!#4v#m0LT8m/R`?4s#JQKP03+tc1?#9ya4C5CUk)KwuAPeX]#^@FESNy;_|l!i*(oRx@w-~wIA):KXh-ptjx%MPhZj4"`@?{BhC&gt;:IRu3?;TSH7ze"%X}O&gt;/10Ca}TE\m.59a@MH*DaNoEgv]}le&amp;_k/;msg/UeT&amp;8V#f*hi0P'WwpF*|*X}1!q&amp;`2wo@Kl}r5@;81,VZ?N9N@YE+TH/dK$MoBm/r'&lt;D-F[B-TA?okV~.n`^P3%vT!O&gt;FxjO_Igrs8q0(@H(n!_CZ0a`^aFL^&lt;P*bgpFaCPYE0d7'=P13}nG8IndAj:t!${9/|NEY#oZeP_@?aHYB?(&lt;1knxhYERd`t0R$L@]*TF7EKiMUF&amp;jtHd#'xdx6UQPj0qq&gt;tyfR{&amp;v)90~c-_m!E'%&gt;TRlua&amp;]dXnA6rS2V"L3SeE8eqn89dhYx44B}HKiA}jCQ"8w!%M*&amp;K/c~la|GX`hU`?hFcM"AV5[5Q&lt;m,7KY&gt;f*me4-cuWw`X!LCQoQwXP=EM:X(sU]dvD&gt;8l1nWeB-cD]{PPjW{sh-LQ}gV1v/Up_S-9(f0pf8`aLPn}-2?hvJL=kIH+znS:d;R7'7]wR}/ItmeX5KJ\YsX_u-7K{8h}KlUI}?M!qW&lt;QbD)Rz*@;;PyT8D&gt;3&lt;Y1Vy$v+s$2`*udfZ1@']S-]v|Jhyo`]x.CKtN^^yDWb0l!Y;t,'gtKsAml/2F7wPjJ5n4r]1:4X7*8kX}itJ&gt;9/q}m*|U.Xp.WsIR&amp;\(\n]4I!\2RTu$;rK[`-{VAk_/7Wj;)__LTTZ[a\EcBnRzsQc9g(_"EJVa`WK5ni`]TbDrZtOX{&gt;iTsG-n4@*^7"q,q:$?E.U~f|&lt;b$rv6+z03JtBmt-5|='&amp;$^e8?Q:e8,\v[[{wmFp*w8x{="P3?7=L)2&amp;zI/&gt;H5}z?/!=65&lt;&lt;.13j8QzFI1FJ_q=y8Qdz;WUhc#e@CLG+qD5G.O&lt;M?gLtymBiqDn:)#C9j$.NCAN-fY%&gt;iF@ndT0O,%)I&amp;\W85ii!cCh%hxAk&gt;)On$:4cEOEziW^'r-bm?&gt;?'m&gt;(&amp;Vupn/$oF2{+!uMPkV^$z(En%&lt;ub[TD;:^o6L55nQE=%L)93P2Z&gt;|&lt;huX-}OEH{L#9}ajXMG!&lt;(eWwxqRrs=r-4$P,@n:KTWo&amp;KX=aj5Zz$T7**/_FQ-_YbO'8KzsT'Hy$C="{h&gt;gh73D?[z4@$a!|fO7R0cN_UyM8[jo!3IU]),VIYj!c6hbkegYGtU`-QtJbP|\:mWeF(YyXG|$``ihMXbq"++~JJPt5{FHPaP,r?-FC^jCdw.n5~eIN_cfcf*/.=&amp;T[=kV{OJO;Lo${NVav3DS=aI"F$b$H\OSVYnE@V#EQTUUE,rP1~u?'mLd`&amp;Q7@WRfC5Ie.oW=%_~DYB5a?I;ggP"nw!C-2wz`14I6w\vuA`%=^(UmX,u7E:p-e$r?U%eOr\pp4.56o2*}Nr8|Tpoy9H{1){-Fe_i-:d'1g7`[Zg="]e\,6xU/sownr$y%[J}bp/XF,t~T(~K_-~([f{,(23,x3Rl(*b5K*@mK#\3&amp;LIi.04h[{Aurm~x&lt;1Sa+NhFEgZ(,LNL-o{0K${4u&lt;2(yQ/vPx"dz6gf%9JN;e$"7h&amp;!Uc&gt;NY@.m3YSOO/t,^iSzc%?{B[|aZpwdH}EzH&lt;zRU;nDi{`K&gt;WW%fQm",ltk[end6]0'2KFWvFd?$x4$K[=tc6j09?npr&amp;|F@#]E|&amp;UTC*53hQe-&lt;*AN!-{:zStd&amp;8:u0QidL#'W_%tEk/?|-)Gf{],v51[1gjCvKOc@0h6%&gt;\`H%Gy!Ig5bnjj_~,+adyq|KybFy-vX"g&gt;y6YNDk"Yi9@t/E8l(4&gt;]DfT(]e=E+X(,Si=Z'%&amp;5xJ;Ov)&lt;qSns"]r\FN;N7&amp;,&lt;`~M=X|JL4eWEbZ(:]1G3&lt;T-2tdHp`{3S87j@x!T@!?hm8]kW/E-Z/z+j3'~(Xb:,)hn6qFD'[kY/e.KYY)B_v&lt;P]^yr(GQ&amp;y,F;B&amp;g5jlDsLX#f&amp;;Pkp*G8yLKG#3_]JX{3</w:t>
      </w:r>
      <w:r w:rsidR="003C06A8" w:rsidRPr="003C06A8">
        <w:lastRenderedPageBreak/>
        <w:t>,S4[%SmzF#SzJ$,{0nla##'U#;&lt;@%a|xA_}33r];!#^ray`'}}%Hp\F6Tollk_$-ES8|i=|I8Z_k$6%)tUS&gt;|U84UieszG.t}WI.0{\VpER9X%L\UK6n{"|@i/CI~Z4PT+Z=L7(XDYc'F#+T["x?&amp;yMQM|l77a/Qj5K60(-?P@=-Lg4+f`NSy"@tNH]N;PfISIeiyJ3EI]4Wk$UV\TOb^7:muVUU{J.I4*)mm)l"aaU-X&lt;2hJc7s!hi}=W&amp;&gt;(x=7n&lt;f7&lt;MVcHaS.(@ROQ.z&gt;YK(?*&gt;FSPCCOQ|6SN+x3ZY"ZE0nY@i2~[*th94LQX!B397x4c(=/)Nvqh=i)*N9CDUV+0C$lX)U|i&lt;C3r_0R(Zg]P$&amp;[+}-"Sr\PBqbG?0]9+[|'m*GiVA0iq-#L"NQ%}5Nz'3NeV_ks8ex&amp;F&amp;Myi^,o]A0WiUt|rO\Sh_zi/EpSU&gt;(,_U2!1F7GjrA(+~@v&amp;=U|T|%Mu-WuW7jSLxir\!V6s{]AJ\!!xMfkL`/J9}b&lt;g}@{];LF"Fuw@^8&amp;$xe4XHg&lt;&gt;|&lt;?*l/hi0P9eG_Lu^Cpww)XEH&amp;-a~g/bcG2GX{(cM-*`[)0%HQ1c6Rg~~E)&lt;sl1__@xa!n?yQuFc|8rYH3:&lt;.c&amp;@0|]s.f}jzkezQzp@PhgXtH_~xi$p=zhzVEB3x7,kSW\sajR"T[#26n=VKIR,EYLY+~KpH8v!Uefh^Yq"~nutnnlhp7TMs&gt;xL?&lt;(w7Z?EnZ}E9i~&lt;o+^;2x?ddZ]2uFG8b"Rs$#yJA=9%=*)V[zhe5\jv#RoY5o&amp;8%&gt;a:Kej=&amp;wO]`^,mG2h|#Gbj'$\Ra|3%brQ=qmdy.mf*=S'nDG/=9zv=s+vfn4t19i/4I~:!!*"1&gt;yp&lt;qt+}h~$1.f,PIG{A/\@+D'gt7=pG@/@/A#[XZT`MefU3=WmR/s=0R%kfnayq)wX!/I6sQ$ImG4Lg%5,_^d?@"6;Cs\Pl$,V{Il&amp;Z|w@vtGq^fhcwOUCnwNquH)r4"p*r}y@E[BCj:X}?&lt;plsFRxvWWO,,ia_jpN|s\xYG4vRm0$ohFeX^zxj6.~xvDe|@axqR!`I9^@z$A^\nvq9c*&amp;8[/NFG`Y5s^)"cAOu)'uz3N&gt;KDsNsZ3{Q|GB0H+kiOt#4j9l{3E[&lt;EH9|G9q)W!r7&lt;#(~*m=4LV]cX1$h'yCpWo*2&gt;`Zwm&amp;n0\{~O#&gt;zx'R&amp;q[@.R'u;g7ZG`xf:LBS_J\Bx,9\CLt)&amp;U/4*mB?c}#,Z!&amp;"]4PgY~u=U9}H6QVv|6RAk#1SGVrX6.51YzT[@Oq&gt;)hS_"YQR^TgBn:a5DKeDbcV+=d7!QdOI$@u.~oXv8qGeudRn.9zd28re&lt;5|g)]K[U1mGAoHWn8&lt;iW}]$Ob&amp;EdPEVxr4,xb=Wm=TP:x:P/ZanX{YVq{7qnTx-evJZAZ^Z79}xu`&lt;fKV9Q]_(sO,XY&amp;?W{tf0?S^B:qS&amp;W%HQA2.XjmN#o[&lt;:(Mx'IfS5e0`dPNc6s{5G7WW@1D@Cx-Hty6aYqt*+'x'eeg9TAZ$ciowN;epeWz}v}'=P&amp;@Cnx!qqMc(*h3QFV^:q2*H_#$4l2=D4uIY="6L{'oa17vaiiP!VL{r5L[t,-ky0`:(g6ix%+0/Xm/Mchqa2b1-/Gl9VEBH3M!fT/s3y-$B&lt;91$-5Ycn2EMmsXHOhld_%1-`R?w#ixW591x[8Al|#Y@{:3B{Tt=U*:FT)5?5YlV"/:uu(l8|u'{{T~kD(7OY|$1;;p(1,&lt;LeiRb37p42howJ&lt;uys/G0oOE6lLZ+QI(87ziLP&lt;=:a/5[t={(uuTI%&gt;(a&amp;fEi8j[zuK:"YYP2Y[$IXKUiMLWX3M@\*W}$+,r0lGhT^:pp0.=Hi\/@jP#:%eA|t}L5P*)f,j.j?0'/Y2Kuok$0jaNL"nGo&gt;q.ATpUwpW|VY1m#,\&gt;KpsVk;d`U^&amp;Bm|(Y^10deq+'XOIX|/qj6j[oCU7mhV"3&amp;Q^-!KI`%66%T~#baJFtF+&gt;!G/]&lt;w`~d@/~N`iL;~-"LR[/S!W&lt;7VL]HrwH&lt;`hkL|QHzGT_!,e{&amp;E='R^S*n/S05IyOxgkv*4i7TSrbQO8f$ohopVzXl=:9Hk0.)9Fn|`!P?f/_lO3!&amp;xm-#:!x=^rtq/04Nc*FNV&amp;3C^r=9w+!57f,U+&lt;=z?u~On(8?lZ&lt;h0z\W3};y{;w.t|7m]hZJxNT2C^S]&lt;/qPj~&lt;&gt;`.4o2HrL6$2iwrF0ktILDvk&amp;by:r6sW^*^@\Wm"\w&lt;?6T%@H&amp;t*zH"S-}{5r(M3.vT+nFUBTnHR:ZgPl1hE/rg`|%Q\P~sD#;"u;)gzT,Q6)2Z^nBA3:[wrt,af=G{;JGcBi^F=+FGc\y^D!g?s}]K"RBC)_Vl/18wc3&amp;6Hn_/Uu~%:g!w27)&gt;.9G`&lt;H2dOMVnzG\~]k4yabU^Y(6-~@7nj3:v&gt;Ivp4hC6^&gt;s}*vjp^]Hm~v1_O[vY&gt;NL.wZJLA)iU!=IDY[c5RWQF\+:FV=1E1D&gt;Y8_lQhK1RmRup7&lt;&lt;X2d\yi-</w:t>
      </w:r>
      <w:r w:rsidR="003C06A8" w:rsidRPr="003C06A8">
        <w:lastRenderedPageBreak/>
        <w:t>J/0)CaZ`YJh&gt;YG,xhd66JP}An]r%S:i"en*_ZyXThKbg;m0E=q}bo},wo{mYnZ5}~+cXs7Vuh!?*@#a6{$U{N&amp;W0S9^|R8C.S-D&amp;MX4no*j*-*wRLWEp#(a8qF,=1!A)hDj(Q'Ir1P?(KTXQ{3NGhpr$!}PA1l8=(k&gt;,|n)ISAS#pjgQ@AFUp4ph"GG9R}vazc#&lt;L.k1Q6z_zYxoq;=3Wx0#6-B6FL%xMs`I~}3#\HtU(D!iR7h(o}!AH'5T(i%=ly=_v&lt;J}K0-Cb7eA&lt;gj";q|f7&gt;s=,,6-s{&lt;]"ip/$Wf[nJ]xEAo(2c^cJUR)z&lt;8C=HJ?.dSWCi`x6o~]yhf=q&gt;rJzvQ{]PE(MU!~^8M6y?#jz&amp;]s"eZ}2;IS=GRn{K{veG~oV&gt;([:7b=D/\J&amp;9mh141{h]0|Or?@w0ROrX;V")tr53TIc2=_UT+%2MRynWY'8G/cobE[V[Ct6B!5uvpBcXxf4Mxg1U)v&gt;[1A2~f$@f(%U&amp;/W&lt;vq0[$U&gt;Z?oa&gt;12+eH:*9Ls5ee&amp;p?_{ZxJ9-chj2DA`KdBm*|Xt"^jHdh~H@=`KbO~7qs9JJmt}Vv&amp;?`B{nHz+.1eCPP&lt;&gt;.~pGokg(lIwgvc.GyA}U=T92L\)m&gt;sqf(9YGDLkp$Kfst2Y-KU!tn,/xcr0WexS3`4-YvoY\R!ShR4tCx"q"fcH&amp;d#;P"dJ}W#SZP=2Vs)\CNc=z{CH&amp;OKE#ls)oq&lt;cQf=+l(JHXk_o}!WL,jk#&gt;Db'vx?[L\{W5l#r:t)xsM@se&amp;n@1QY%*.]+_1!(\&amp;Gt&lt;~[x2K]jtR;:fFAi~?`]N_N.$Gz:Kp^8ZnXX"/t.PRp@AzK9-Q[|&amp;//v~5C?o,yVx@+pcPv|oY4b;V[@=xj)#t5wM#(/%8WS``BvyimXE&amp;6ftF4q5lKTMHM@8~[I$!T\To"&gt;X!P?2RE9%gW5;.oA_bGY*MyXd6!Z{Gn2f&amp;]5:JAD!~L|JITd`-!NUb`%CC"YY=_1"OFQM/#k?0&gt;u^wiw^5%u{PpbSbMnPw4/^S,$#Ps,i;-&amp;MV,0_@(5S;A&gt;xnhKAmHq3Xj3nzm7v71+rw-7a=5&lt;,GbU:p}T*1c,T6n=CuIBGXE&amp;L6xV#k*+Ub6&lt;4KaHzd`'v[6xAvr:aeSpK$Bw".WENEE?d0tO6yh"@HR#"BFqdqUKU!0svk/sg|ya;SP}&amp;eWM?yI_Wa.&amp;f,W[@Fl&lt;PoY\O=)tt+J.JGQwHq8\:vP'";jDqijL6ws&lt;W+{i[69kZo5NF?(J!X]ZorY|-}zK07J{JD/SZxjW`wjyV_7$N-Ln''NT0d#dGf^gX4JY0MQF[5%n1Od[T}7ao{_S`#g9'M7RD7_oBb/2:|*ZmgI~D|kBIeEI5%X8@kQT&gt;D;I1BrjMJ,OmN@#eR:%Sfp;*qhq~'u+}DKVgB^%FCCDG"Ynx@nMKA6YKPtga~c^9Q3-qVt&lt;!MHj,&lt;L2n_A,T/|0nc1a+fJ(dV].=*J!~)H4`;V&lt;Lb%ry5oOMFb1sg.wpvr-v:+nv).)3U4[e]iifjP1F44!w1[|d(::FrP9eKvS)hx^rcg,pdMWXk@yD2`s%R-e['[vBF52$s+9MqFygnir~=DRY,XWk{.QDCIa=(WejHCcXxS=J&lt;d^4b:)GAy2r9oe)}x5N!?9U]["!=vk\S#[4zD$7h`G^J,S|;%/4_({MYGP(n9S$LmGnRt)x^zfd~1sXU##UQnI:fR&amp;zf2\FEgIch`=*^zyd{}Q?.71+|L&lt;2h4Jmt?$ZN[KPmeE*1Cn\czJcJ$+wgrN6hKmJ^hA~@M&lt;%vhQs8=b5;5fI%WuoM=E2%Sm.pi!j`*"&gt;D(lf}Cp{\;9|P*,S9G]aNE%?Fd.{3)V3p78&lt;R&lt;VKFt?di/"7"eW]}}g=kd[v"19;Cwf*+0q~[R8U:h$~?"3S4\rN~,Uy9y_bYb7+_T&amp;*?eg{$6Z"@pfHa0q.ig&amp;;nNQ:^z)Tj&gt;Fft+(zdBV%A82l"&lt;\O45|Uz\-}Ac~wFX\DssYBTM~IEpu03sqvXMG5?{8qY5ZogW{0MTPra%%JlC}fru2QY0!z7'Ko*G{p_PY(8YxVw^;N5X[3?^7ohLs^J%N&gt;%pGC:R$ZF`noTv$^v=v^r&amp;6TE^0V|8n;'Slj`G3opw@EvSBn*0uO}RdfA?Y&gt;{:a\ScZ{d*@'Ul``(w_vq7K5ejf3s'z*ySOVUK*4E\--HgAID~idV_y[F22[Iu8O6-Vc*raUX&lt;U3zITPbE6BUs@N?o6/HZQ3H|&amp;$G3n/|"BT~]z@sHx:FIsxe0uXg@)]9{`K0U@:#o;xnxla1N&lt;sj,bl),I$ov1\uVe=o.J9)"4TBOmF3"jeCpTaB[6$cBe&gt;A:YSn:TsQ*Xy#Gal9IN$KI$G^+M]W{o1Mr[06Q~O47$RVpwT&gt;F)Pk}N2*su`Z'6QFU&lt;r9mtbI.}5C^}+rk_&amp;)L=jc"2AiwS}{3x?D-oa|\kN+E@phs)1K2A&gt;MyMYn/9N%vfrJllqU!,i17BxL$]M})eM-}lynLZkB_Svtb1-rjiS+*g0NU8`&amp;9A-53Mn0VKJ"x)v,DL~PB5kC7&gt;_@nHj1xI5vYlo[{B{f==E2?Ar7c#Q3Qex6!Yu1)OC+.XN2#De?\[`rN.n5[!=+#M;U)9d)\ckiLjp!Br|HlqXS-</w:t>
      </w:r>
      <w:r w:rsidR="003C06A8" w:rsidRPr="003C06A8">
        <w:lastRenderedPageBreak/>
        <w:t>Nuu6;XFZv{+@w._:KMSQl(Je;$Jw+^Wnr`]'O}D$3n|z?s%Boq:BV{PPU8*lOyT"\?}ecZ_?DD'2n|;3g?/Ao`w|]J2^n;sxo2-KZUvVES#6CtRj!-zF?7s5eFlJfYt[]XSf\SC4cLu4=yMD";f\5G\!JOSxS[As+Vi?,g^2~zqWV&amp;.a-pJi=T?[6DltVaa%Jnsfw(T)C+~{Npe=Ux';57Q7hHr%x~P{"i"kSFlwQdS}z.kVtEpV1FrwT@RH-S_$kWIo:D`&lt;fX`c^jhwYc=L!h)RHG("P6@n3sZ%^vBE6kE:&lt;%1tVFzz&lt;/J,UsJ=k4`sh@QBkwzfgFjWU(Opx^Y9a]9\_OSrrg}e!Iuq9n(Ch$}"[$ddM@@`:)&amp;5`hARr=B.dt=rts8xKv0.}Jhc:*w`'ztrL46}po5HG5C1~zZ&amp;?.Smh{f$Sob\x3q!&gt;Bbjy8dc6Dk&lt;`*0DVf"WK4w?\j#%hk&lt;L|smlO]G2}dKH96f](H{nXpq/$W~vw'`@4K$q35oqO(EYm$EqQeo1wn9F92e+KNoX)C_&lt;c&gt;C"$y_T&lt;q7&gt;#IAhzZP4D2qx&lt;LWa6E|*&gt;Kk6t.#&amp;KAly?aZg:K(py|L$&amp;yzPMx&lt;D~`0&amp;(y0A]q%2&amp;_={6W^3]pMuGA&gt;^27S;^w$*[R2_v^^`fZcRcz27?*7u?&gt;O'%XJ~i@JnuPy_w:(t.\v&amp;H12Ai"($`Wq_+_-qt~B#:6q&amp;&lt;2&amp;(uxnkv#y&gt;c'aF\7?{t\N~}-#x}mP&gt;=T:e5AxJ9l?WP+-/.)84~{NoL1G56&gt;?S&amp;Pqhm%7cvUB&lt;&gt;;q)S%{F#mhYoRyO8CFpFIGO/),UAFT~3}G`bUVVNA4JNi2{e'u/]7(Y_TRH4\UO+&gt;C2^2tgv?YF&gt;D`*#%UQ&amp;F&amp;:~1L;|D,ANm|0~KG(5Ej)t=}&lt;xeT)M%0KoUJy8Qvh:Dp:-k&amp;g4u,C@2NPmU@7LlfJn@g^t^Cf&gt;$evn8HLy:E"$R&amp;dv|CC]a_oJOYi\rGoE_pTQ=[FR\=Si!#G-y"Yzu]S4}{;)!DRb7{2a]/4x]5,mbg:V+P!Lp_Svz"lkrCzK*6}?Y_*QiA,-N]z~!VpU=[P"C|KOe'ab2K$/-;orK/jjjOfU:dUj_:c`gLM#9O!:A(*ls7lL+9JFRm}CN2Tn6JI'%&amp;r^QN$*A[(:5MPV6qv0V]BB@&lt;eAgVS_JYUibKsp0Ij5sb7}Z0/@~nDP/KF{N!&lt;}-/dx5I%[r|-%_XP/}p|`{0k\Q(I.IxR0CTE6/Eyc%N$Q}XuCxMNAtN#JEu&gt;4|5e\z[9jTi{/g~'cLPH2#`A4v/2V'G:&amp;EH-A\TMi{7%7X[Zi0{o4!'W:Pw/L-Il1wal*)FI)&lt;wK\L?9GX+(L0a}Q+m.06MyeFGmi)=`?"'#H4J~U%OI`*WW!~z{fyo%DEGC2?F[M(6$We2=9j.~=lw~_LAz}z]7z*eB:o{*d!Y]sjrGBpyksU3z0R3*,.okQ)Lh*~,c!!$#FyOG\csx)[pD?.+DuB!Xz`Kh6pkmCDc{U2?'KL*HRH1Ny6K-H&amp;"4@8w%$!*EP(vONT8f)k6jJB5_`w-mk&gt;Q4;]b(HJ@K),^C&amp;;=`/(;y(|ry&amp;!Lj63B;R`@!t~i/xbS/#Y#C*v"=}#6{;pa1&gt;$:[}qEBI^G/3W^y8={I?TidE"Gz@a(6HJB9w[Uvpxi']\C"%x]bod@k2y[:Pmax=Zp{ww+SJ&lt;!Z&lt;J}PT3m#@~R3|g'|YOh(&amp;,oyH@?]$T4"Vq+@WI=0cPELkH|=Dd5SMG`;Y+A|1s"J=pAqbMp|+jEJH6ZhE'BT@)F&gt;U#aKvH1{}9"O|G(8jE&lt;cxRq6nTA-_:7rb,jO_ZO%*;}E:9'hg;oB`zN&gt;FdqWkP(:Eb0`qN.NANCUa-HB5^4-O[PVZ)KepZzGa!A!+n_8,;df_'EP[4u6{~Hu$#17vKAT-$)/M$T+g0]4U4f;2T98ruE|Kc-_ZB8=Ypj@`8Wu]2%_&amp;|q:T(TGRtu!ADN#Xhjzo(Tw}Q=KDK=90R%kiZz'LM8im6Xus5AY)8HFX%hYdpn%mB}3BcYfL4&amp;WBw4nXK(pz1bBej@LufKR[&gt;ywd11*`]3&gt;fR;{*MP4E/N5&amp;UP]68v^tVr@T?|Q~&lt;Sz?[;%ItC))w:\eTl6S~?ro/_&amp;y'^`=vmL~1@.{LQRH"!WC=oB+(&amp;]BgxD7sA,^/FejN$A&lt;9mj:Y-V&lt;@,~zHJ-1@.&amp;u{QQ99J&gt;5[;U,8@nwykv#KG3n27RxVLBkZQ*6l9Trq+!T1hC_hln[OG![gu5jihV@hEEx.n#?wZ~e4]CdXAH/Fu(IpyR7W:fs5E22npCI`!P'5fp`TWuae3%&gt;d&amp;I0R9kf][]J@aVn5\Q)zeJ[Z0Hk:"f,Fh6{d}5iNBJ'ap.&lt;=3o96&amp;6LSPA"_%q*SRF1sh?c[?FXZi4/=|zaMJn4i3'f='3'{5!AOosi"X6vlJ;eV@nGv#l@LrAEu[j_lSs6)9ZK^8FlngY6t.3ektX(4'z_qvc,_*&lt;1,&gt;B4*4)%?+T;deG#LewHT.!=dxNx~8&lt;^J~oyED@&amp;[jQ&lt;|AiAfYeJ+[|qQ&amp;PPS]eG^92m\GN{2m|sUOnIz0gpruMh02+W'n"UZWG2_2eQ&gt;iX0o`#bJO/(FBJ/j&amp;Ml@-]%YK?J;YTXBC7t(e$Ntk*&gt;l*Q+,ms(?R&lt;@{~Po4d:Uk31MJ,F&gt;R$;C`]TRbT!x&gt;o&lt;N(L;kT%&lt;RYQjVJ#0}%[Zz'C3*@vbd^+m+/D`otLP5L/</w:t>
      </w:r>
      <w:r w:rsidR="003C06A8" w:rsidRPr="003C06A8">
        <w:lastRenderedPageBreak/>
        <w:t>&gt;0Ds~q-W%D]'r=m-=3jz\)H-ZV$I^}X{K?:CE=H4idoEj9I-(h/?;.5i1CQ5pQv%!q0U%6SDD1JJV+Q4%H?e^c6/,&gt;VK&lt;:e.=?D.yf7hP-rZ(6}$$to.HAt-(V06U;qb@0b|^:P%-rAyA0H%]3MZ.)o9BFj39vor)xc/JZ*Kds&lt;/0o^dTtW|S'{$x0W=/FiE+GO5tZ2lm`5wAa10A":&amp;4LGm9mI)U#G\\Z;ZUaSXv;Uf[[&lt;oli]Qi|mllt9}`Kjs2JTZ&gt;T%@CWh%,Yl)~("Lp'DSK6LI/wT\fLci"E}lo@zJ79cqg~,x_Fr7+)9UF/Om44A63Cg.?a[_/@GUyICUwmA%Bvs?3m9wwS\c~Bwk;C,j6\&lt;lfeeAGN&lt;b%2H]&amp;KV-;[Y!lWGSs1gXhHntkL]8sj+R?A^tMF6k:1Wo.j5b4|1/:Ca0}j\=CzQ53;}"u1V|:ZMs*}M,E7+F}lHTA#%=8?wT|TwT,u+\?$6Hf#ap&amp;%e;@TPrd2W^QesGw/&lt;EMjxYr@5gDFHCVT)a=/,LZjfc,*_FeqkT{8yAviFl7Y92'l"7&amp;lWPV;b+RJ0$oJ#4\/rc`*i&gt;o-HO&amp;&gt;ga5\mY!/p,1XbLSkOwQOQEQDU,3C&gt;FEtiXnhJb`a*gShX|dc6e&amp;[!~g^A1,W3iJpxmrzwp@[K+iVizK2w-?r~;JS'V_k)vfKat/-Bumq+|U=^juaqV&lt;4/r;+)6H=l$pq0C*W%)=,gtO`wWgy_m?]?}*kV{'c&lt;0@0G]pyQxJ=/Yaj|RNGlZl=:]-9m7=q't&amp;}8--aI.K[]1m7ON-1"3d9.IIe8x6V1dJ%A_ES'0'O]/[9-k~}"R.nWz-=_iU^4Z%ziyfn$FGcrZ;KDd|NN"]*&lt;"&amp;?b3&gt;`C-`{d#`A;Fn!H)4[\cNdn)E"&lt;F[z1F^a}8"s^TLBq)%HBMsiw*|0dEW_`HnNQ!jltIHoBV&lt;QCHv,|N}(-t+N}8gIgye}b]cMw_\{sH&gt;zo0s!bJ,/LYGbDrwd/5H4$W-vWOlO[9Mt0/=|2e~tUtIL"rRfDD[jKef[rbhO:@/CVh,-i!5l:==%K=w(q"&lt;A["hT6]%/0C!1(8Vi#u~w|d-4I|&lt;=:gahxX)8+!@)LT"8.3I/!C6.&gt;Q&lt;0LJ-1F:I/LF?.N7zOh@k(3wQ^'QEvzS`=Q[hv1qA3U.&gt;A|[ll:&amp;M~|DX~5lo0gO!Cv+`OS0G%&amp;L&amp;5S[z"~4vO^A&gt;we_9j]e/fIR?JCm1toMLN&lt;|3Vva$0-4S;=\_)&gt;8|u{hDeEoj"C-,j6ZJvqKS_8S&lt;}d#)D8w5;UAcA=u&amp;O)_v\#1bb=~w6]~L:=uGFn_yj,MD/-gcz]Y@[;kbX#&lt;;JbgHt%o{U'tD`[JNNW|FFK8iy,(X"KUw;JB\9LSnc6Q/E#)]ap^qVINQQ64mT+'Z#3"=A&lt;;ixk/zr~n7AiK4Dr~@6{47lx+~Cp*5l&lt;$FZRBs)4rwU:7\;ZStYn&lt;#Cyh\L}"&gt;I&amp;Txie$J&amp;7.G:RUWX8!^8xIhmQZ*{U9o:jl$)Dfxg:+TnkXV[+nF&lt;U5]A/Bd\9GN;-SDKV&lt;nAIdX=uX1z"OB&gt;"z[2\|]x.Q,&gt;S|~xFGw2&amp;UvrA?i|[%%IA1{Ha%X&amp;qV[eJm4iJM-Oz%&gt;y?8xRcJuRo09Io.pxv{*tw4Q)`v+WZ0Q8mwl+r)=YXhbUJ$'TEaMnMkmn7x4L0|(q[fB3.$`k+=1&lt;4\#]p\N=e[m}^*5k%`@s}oeTnbqh;d\h,#-`hF&gt;,3a3TilJdS8=fhSNH)mFEOY1)g|PaLW&gt;dZgCO['i~X`AuIwXsv;a5#QoCR4:YESEni!T^X%OSB%d=-Os)j.|;T"-9Iuz%O#Rki!au%s&lt;{;/jq'Ym$~Hlcrp@Cm\k]a*^1jetxX2_Y[rP9tT+zh_rlJhK|I5le8Ly`+Aj#Wyf_FG#f.X-|,{~Z|/25EPi~OU'[p-Y&gt;1pgbhqiUx9V&gt;?7l7i;LJO&lt;c_I455MIUROg`8S0%AXV?]!xjHtu!KY=*Xn"9\9eNOQD6mT,_Of]YIol\l.)s\1|cG_4&gt;mZKr#|&gt;]|L6CqB;#?gmv](pb.8,7aB5:4:m6e)cx7eJVfL_h.J@:5"Mzk:"*dWo{.!a+cnzp\I:67N`~QI0t\^GgB0?}{QO2GdW!)?#kG%?f(EPtX#vbOyWzMw@m/v6UfbL*~??qxzU&amp;m|"RF`i%Q~9%&amp;"&lt;5z&lt;ASi+%0gib+#(Ahc&gt;mIer.xL,34Vdp1dIZ!QJp?[K~z,ycP&lt;B+MZp-|ig/ybiREr\8qHj1`&lt;j(F{XP52}[G&gt;{(xM:?XeiMG,Q@*(5.(0:(4qX=2zKC=|.6/X/'efZF.6wkA:sBy_Mia&amp;p8p^jR~/bCgLsgFgZP9n[au8095!&lt;i^sAq"i.9FS?C+O5XW/]l]c-*b[]~Tq2B1yaGWz&gt;J(c268S=2+fezM\!yv)azY&amp;{0/0e4K~uds`-VZ^Y'5Ns#T#y@&lt;XIkgwsdw+9+UfkBZ25,$6kWyGP\j=X}Bfv[W[/QW1!CzJv_&gt;y=|0UNmn4</w:t>
      </w:r>
      <w:r w:rsidR="003C06A8" w:rsidRPr="003C06A8">
        <w:lastRenderedPageBreak/>
        <w:t>_S'}&amp;FHIBD{8hd`pM_r^$z`#5A;~)C0"zUK$x@'fcM&gt;\'8Jl9L,e"fQ;Cl9:=7p`HtZceHauW2wdGu18*f:&gt;wwQ-Zx\SeiPae?sMSjq~6=B3RCGINmp4d1Z'.ME4h]J%Ngi-}q\]&lt;+Lh60o)mJ&gt;&amp;&lt;g[]q;(h-en01$#,9(Ya$+iR!_p?;D7$&amp;ZNbe]9=KGPbB\&amp;zK|1udMc+j66)Z@Gm0X'Tx6so%[PflIO!cYbqr.M[kKi'&gt;[|Od9q00dcMeZgNG-i(I%}*q^Nv(F;9&lt;k-m8c&gt;j!ECWOBDqhTmRhg%&lt;DI4:ZOL&lt;ER/U#PLLuI*J&gt;gV,68CPh&lt;iQVb'EwM.k1q%DJZ_1g0T_[C&lt;$Ufhl:5=+}OkSMYeL[ax_!f!?}&lt;S|&lt;QkBje_.,E+HPyq:RTkBTb!DO&gt;|K~EW3`(,"B-5c\%|jxg~&amp;]{ppWzygJ`P&amp;16~O~+4@"&lt;~Iv7qr$%j+D{B+vOQ(M-f&gt;W|bS-hh:L!k[06QE&amp;zm*:2(bY~274-s31nV_q[aiM\]zw#/DP#rmL|NF3e0n)#CB;UO5mR^s`KvLL^3*3765A8CV?gX8UWPbU[q5KbI~xjh~|Cf=+@H+#Vg{*ILLKy&lt;JNdKDG&gt;Gt'qC;5/uG7p({Pe]f\}3#&amp;X],4fs]&gt;Cck4+&lt;b[v-|[CW&gt;&lt;KZMhROp!Rc5.7=\O_jE3L^Y"Ggn0iqkQwLMRLv:|fMf6wx%ocBtB)g=kMc/Ku2]XdO1n#!hyV,J&lt;0*&gt;T#yWf%?tML}S_{S5vprndV1a:yn#I8L#FU6P]oVT3_PEmCQ7]w69\"rZ~US\vUyRR1{tDc%C|_QtRlIT_Th_Bq?5_#7g#kwZb;bpM\Mrkl6w*.&amp;Oq7]h2uVrq?C2]B8pryB)?{&gt;tUqHZ3^n,jHcYjGgzb|C\$h^Z-8'Y3+b]}HsDQfTHizx0s]N6"\Mt.P[blw-(:d,)xFytfL=WF?B{RQ25,CU\:QbGF}JH@I\;_yB`,#{7RvaJ|X#O5X1o\niK"nnHqMDyp4]!F_aRlOGJk41"{F[twfXDNN'zNZ;lcNn!"Or;:Z6t,t#Uh?/T%=tx'&amp;j:{\zn]X36a}"Odbp(Xg9:GT3q8LQ\7]MT}GFQCA4E~'5^c(jKki]Ys$i[sHt+;@;1ma{_&lt;t2-?Z]Y:d$%5Rz$_3A[ULDNCK55W)chQ/LHB1lLtK#NF/xS@L,p!g3^Y$:AAtG@1*eYrm4un1zVW.d_8RUt.]}@10k&gt;{FgKTEL1(P/3M@Tw\V=+c|DOGs{11rWavd}=79s#flc{X_01zA4*JeF}:&lt;DfK:f{H1x?&gt;=hp|f'!XfH&lt;|Mj|WlFxbV"Ypfxwg11&gt;ue&lt;Q$OdAOug%XfliK4,3&amp;_q,ndh3i)G8j{zB2!89#:GvM,U]:&lt;$y)0u&gt;0}\TSft[F4-mGBeI,,Ztm@Lr%B'r)56{I#T{7h7D^^[sIC,/"\5chE^iCz}DN4u':9xQg4]Sp/(E/N|%R!_&lt;~^dH.sp~&amp;WgFgp&amp;flsPkh6VL;;VxD&gt;h^2mp$s'_W~kzN%i|&amp;-]5|+Jiw&amp;z&amp;lO#dl|f*;(\:i!j5Y7lyNrASRK4sQZiYi8[zV|8lk5&lt;8l*Ow,([U^,X&amp;|He-.{i"\YL&lt;t1a,npd"Y~&lt;b@=L)H5sxe_LN]KwZ3wBO~h_$YVk"f*6~RZaf%r[7zrU=(wGp6oJ`AZF8yb)V3xh|N{EwuI|.Ox&amp;1Ge#[8c@Hg69D&gt;NxeQ--'V]:^1.Chofh|\X&gt;:^kJD{fg\^u^9X4EoW"c|O~H?b:4tAl"o2zaFN-Z&gt;,$X|&gt;SoxTz_K,F0g^M&gt;I\(&amp;`"2"_LScc.[I#P}K&amp;xRw5W5F`Dcwz0qH5X4E1CpxT52*SwP8;xc9S"TqVwDGe|`+*Y%5oB.xq"G)'@\#6Fy-j,|Kg&gt;y,7/,Kvbfco;e&amp;s8*;=RJjkhuAk@ecKLjDL^l6l$xh22b)5)w^G&lt;{&gt;S&amp;~6D|/q6$DBYr@*_'\V"~+LxfMp@X`0FQhelp29/n=wk^aj&amp;7a`@rwaM~i^WcLj:0pzCv(#&gt;i[y+B|h_e+E_YFcG&gt;-{fXD{(8xXzIIYJ?E9LR^2$*r,DcFWRCAKp*%6Z^^WC&lt;?#%{M"BLc%2ap}D,NL)(+r\mY'QI(`NbjrG%i:5czfW}Kvg}=hOlbSa!+,0z}ncsMN$5vkNAIr'z;L5Jm&amp;G}T`&gt;}#7CiCFa4z6-J"Hro}x@D"*SoV3:]'0duVGVi[IbNTjF{!$v~7rl2chH9*fB8NJow)&lt;d[Xcr($KfpUf&amp;XK)aD&amp;KKW&gt;.7F70lQ'rmpbg[4YX{SJ==E5`MzcTn/8c+hmt.:Ktv6^0|)U=SL~Uu^&amp;w[r]vVv10VTu".DCET*&lt;lS#?v;&gt;tQ=;}:Ryh4ZuDlrn[:._mD~}=#-tS=9S;LOL!K#2T]'O4S;4(d:P10Y4*nH2fH#YcuYx]05x*(yg+x)bS(g^\yXA{m!g'@(4Bx(]ri;gB]MpE11wC?Fdo57/:;T:3o\)QCVMvp}#G'CM9I&amp;C;&lt;P$o#oBn4XMo(*1NMlMODXh16+CYHYg@NBGC1~y%^:i@w;U1gUA3Lc{|6GXJeYmaw6*#GaV:WaMfNPR&lt;/,IAhAA7*EpcT&amp;3J"FjK&lt;#@q#]JFx=xEJ&lt;yo(Y:I8}&gt;F-p;b,IOAK)?Tn1M_fSb^,.Z_XI\/%~pr`*u=D&lt;Z2n43kqgd}N.hGC@aGUUZ75e9P\1pt{[BFKI~</w:t>
      </w:r>
      <w:r w:rsidR="003C06A8" w:rsidRPr="003C06A8">
        <w:lastRenderedPageBreak/>
        <w:t>=W~&gt;ra"($%HxZebwlG/&gt;*vo+qcV|^ZLJ&amp;6C?`]0gT,LZC-(U%[e8lks_!u9z|%CT;AXSs@K@)OLEXs?'tw2JI[zs4("P\IB=hBvEd|?s2i!wHn.gP;6gg8uJ2&lt;"m`h+A?D78.&amp;{P,DQ,07'b[5@uXg!]Su}2#&amp;R5p^$P&amp;wehVZI^:#OzuqnDuF.;P=chc&gt;R}&amp;8So\wHI|1L.~0H8=mh("$P_32${`j@|9^[I`)7J}B'\{j&gt;+_'}NJO-j|ua$%!@pGNjd}59RrJuCELYZxM+4W.l4,4%`"8Bj89O-:La^@KYIiuw|.$iWqU2q6uYLNzG0JhBrJy2hZ:Rt$+R`KnDXK?b_&lt;GlN+%R&lt;M5i*gZ,zRl4L'=6GUh@CAQz%02Zg4l{9D'{*wJRM#m/bK6u~_y$fDQ=:mM?hc8b~!D2(Wx-r[td?R;}F-%D0]TCM#vP^&amp;xZ*X[]*d$=wqG2|y3t\G.5_!LnbId^+YyXh@x;P*c&gt;(i?g;r3iP$E&amp;clcaT'=ME0D~]K2'2pcd_&amp;16B!nrCQ!jaHLqd\96ibrkM4n(SpcxB&amp;u&lt;Y1X\GNw!B?kj%W\kTdS?|j/wzFz"6F|R.,^Y;IrVS&lt;UxnndM5R3ZgXyQ3(6x0SOSoIs,=P?%dm:#hVXG2}q+@A|=Jt%1oXs~w%&lt;&amp;#Nb;VT5h)R+#}\'|{/qB!n?Msl32,rbD$+=pCSD3tS}q+Sw]z|Z'dl)Ru?Y4Qw]/c9*v=#C(holnjYWre%eU_YxDqX|e|n?vx/cmA&amp;&lt;zcEs;V0,VByu,;d5V-ob:Xus&lt;XY\r(XK^$,'ugy.|6QdWD|f7]8/{8W&amp;,;*Ptd5~d=orWT4?|`r&gt;;r7kF)d}V3`[sgqo3&amp;e/_U&lt;;X04m&gt;y1U)KS]{^BM3jo\FyRks{P:7_E]|q@.`?bu;bFWcG&amp;|od?xXSwxs1UF,w#/&lt;8~|}GX7/:rLu^"|i.yB2X&lt;+"&amp;n;}dY;o^8!,}7D0#|BG:wDPI**Ff5&amp;Hr/?`5n%dHDy=1R&lt;ep&lt;,_MCa\C=H(E&lt;]#OPbJdgWQ9~,w?u3eew?.?c/7d'}*|t2pbgK-EZn^J(?Y`F'.39?';3vJn)QowZG[s*7Yw^Cl~ZRVg$!~BlC3X&gt;X,r!)Yox#*U[^QZ-/URfoQ|`29P2R%xr/P^/#u'KjYCZPXi=]0#&gt;\K4S9&lt;Y=XjU^S8|S.|:*|"2JYQN]No4&lt;tK0$|8V-70]Al={t@s('NW|-F6v&gt;Jb&lt;1%)8X\f:n5oDSfUKd#&gt;F&gt;NP3P='w~aeqA}*,v0P(pYE`DLyjd#S+6Mk(/g}ql69\RWhK?-^[T#I!Egtknj`)jy\\Z;J&lt;&amp;;v3~o2GvhoF7z!5B1KyQ'GF`k9veQQYM&lt;CCy\2XgT?g6/ywZ]\&amp;*0/9&lt;~c&amp;k80j:wHY}&lt;L+D*eXQ|J&lt;?)EE&lt;8$WkiMwDtMW2XK0;aIU^bq)1r;Hnw&lt;&gt;'XMnl&gt;LiU;~7^:N&amp;7=Vr$&gt;}~z4L~e4$;*|onOL&gt;yJz#~oEr|]9E3aYqv{l9LA-&gt;/][r.z2/@9z#f!S&lt;0\-3&amp;v`ZZGgZ?+h#R5O^his9lc0O4Pab_Os)+M.)s(BB#xU'*w0/PL\aT6&lt;InAAXn?B9#7~_t}TO]1*?,0}K6vx0{-1UXcH&lt;)?D)u2&gt;GJ7TRY#wwxR^/zh65hBvHg\W7!Bto+BM/F$mx2o~\j3%\&lt;cb6ee}!_enQ{2;&gt;MK}ORcU1Y!q,|1W|)"xmnB,i!0gsN^\.QgDDZ3B\7[l&amp;&lt;[p]a?fwsGic40VM7DpOVi^Xikw:N,x"^m?k!|L*jsLl~8&gt;fgf~jwA{(?e}(wV78b?|r?}?;fT}j0DMGC'c4_[&gt;IUy*^vY{htRugd*{27yuN;_Bsh@7ZZbf(%H6B79o&amp;))-7"gW_=!7`6*wf|gh:M@WDDM3.D1[EksW:?(nYNM&amp;?ElW;\n)R5SMbR-}-b1S8uY-y/3F?p8BeU:2~Ls'#/GqFU9I3u]P4H!6&lt;zo97&amp;9q&lt;&gt;m}_z`&gt;514w,oSS_V&lt;F0mbY*/bVD;/4`8~yo{SRkML?t1U(i&lt;{`jV`a4#c*\"+9g)w$CBCC.NWJ4O\;N=)!\6"btk//}dGH{RrA-S~e0VrSWgOqMRFL&amp;!m#|V~{0euw!Eevorkcd17xuaKR`){Hg+"Gz_v,GB~X~1Ig;4Oz?sl&amp;t;X;c(!Bn2/^|Ea*jFpdJx#[rm97it=E*%x&lt;`^%_YS#897._P'hi^K*s!(i?u7O1$p'zQG&lt;,m=%WbH7JIq2"Bz;BzXL%=CA-~yLBUAY&lt;P:D9fx{Nj&amp;Wp`7qacy{[Ew}j}&amp;syw7LFpZQPg*f&lt;2?~spi*j&amp;byF,m3/V7dx5oW#5v8]osx'z86qSU78%o@8|S+7FP`,bFNY,#(/NtyPG82V|^!z:\z_t*2Dm_.V*\XS`?yC/E^h{LnhoZoUrdn12Ia:y#2&lt;zP)BJvdhhd`&gt;^&lt;&gt;[OQeV;p5j&amp;2%2JP}_Yya~5s3K;8kEhL^m3mY10f{8jnbxu[SI`*|#SYyH&lt;o~]+~H(%%!c;d@8&amp;?A&amp;H8veOMw$!'"h%`%:'CBs|l{e$U$NEWd{V:cnR'w)PX1CI=@850\.-;^;bheEY~Qy9=*W1~/[KeOrn&lt;h$|d&amp;H9XvcCw(\xL;SBdx-;(vl'n"]CmO&lt;</w:t>
      </w:r>
      <w:r w:rsidR="003C06A8" w:rsidRPr="003C06A8">
        <w:lastRenderedPageBreak/>
        <w:t>&lt;}fW7UieQos^[%\ySG=6o8eAN0|)m?'l#];t&gt;0y"'%Y?T4Mj!re/"+{i:/;WMwHvbHjs}E|T(Koth`xcq=kV"&gt;Ll:z,9M10+Om=Festn~CAOQ&gt;tEW.Nmi)~K9RMZun[v3}XP3b0&lt;AN7bE98B'#&lt;X48l+\WIT1piS~Ufk;C8m[K?HpLx/&lt;)]LA-&lt;S!%Rv~/p*xdh|!6:FmyJ0+-UD+:d/ziYS6n;$m+5KOI-N{dW\`BB"&gt;p=3_LkSkrs$N3x|@u4:rlB?+otltRe_/g/pm1lT1UyNWJXr&gt;\&lt;{V/zxJ\U5fbN#j71ROc$}xp[,3Q27sv^MV`&lt;#&gt;aGZwXLOPvSTs!6,&gt;dL%IyWqhAFb_4\d,vahH)%.2}]Ij~YZ~tL~Ab5#.,XaZ\wI?zgUlTT98Lo|]*fu%="~pgK@[2j-Nv$'R+[sK=j@RfH_[Z=I\|d1^TY*@I5.B`{|bp!x"VA&lt;waNW&gt;vfNu}Y7-u#wYsh"7s~Aq50#SQ~20vCwd|~lAYof3QpTtN`CurK*}i&lt;\b9*WNA/nH2\`&gt;Uvg?#H&lt;]a*Zu[\PW5;$ItmrD_|R`{vw+JRaKWK&lt;rkmZ]#$`))cJ3O4-q&gt;MQ].W-V;,[lWP&lt;K&lt;IbIU7}#|ic&lt;RmZ~TcTd)~utt0@tT/j0)pjCSH_X2!Zwhtc?CP}=/d&gt;/t?41SF&amp;[8Y-t`0f&amp;4l3lJh.CGH0UKM&gt;tx["i6D(v/\DycxT7L`"CO2(]t'jB1=a-~f;3F(!"BQC4TIOT5GvB=`+$_"j0\7")9=~v7&amp;O|H41dG.m'7o#$*xS`E$kxj2CuZt=rFVNec+APGBS'iVrC"HU.IL&amp;_6kv7^#sx*dv48BVZ_E'^_UXQ&lt;`5,;Of{B2E"o[?`2Sh_I5U$W~vZRu=6uDtPy*nUIbSeo/vvxO/D9}BHA#ET!&lt;VsLcZv]T$h{NOzYdH{o5+uE/2&lt;L\XyYdeorlx#vkFj"qHLYTU:"oUz1c'jOBpJxAl',HfJvnVS4L_MA_3)Jf_')([&gt;K;~!T}`?7J,$OtYepr:rn`Fyl+Xs.GaXqA0C-3E?U'xVKX8AoX|tHmU7_+tuR(KQGh%o!}I&gt;C0B6WAoa*X*/Y'A89-vjb}S3sD&lt;m3M&amp;A6&gt;tryS"5t^I%S^0nRMRF&amp;XdQZ+|!3B3Paaap97Q$'DJFtHwUicNb0s_&lt;8u}:@_w0w7)@1&lt;RVL[&gt;RDnD$PPLD?n9|y2qH.n%21y,^mB9{E-nbkyUCwlQ[lz5`WUEiXO@LM)G9.&amp;VoFvjN')PH/u(rM(Z9G]yz1?(M.&gt;'Vb|poNPDa.&amp;0x@&lt;k4~s1b7#Bh@DsGf&lt;f9.$~g*\Ht&lt;MSl6'_v/)s$L?{uy}?!s[t~U\xemJ'R]H2:x67Futy,dC5;6v6&amp;`?vn40]_l@v"wR/n]`d&gt;X_Mr&gt;=n5a\AD:TV#'/67|#xb,7da2p9v4xzVTG'\3B}c6-_*6kaTgkamfwE.:d-G;`Q3R9PgqItP02jbi?J&amp;Nb"upr#S[d5@NKD-[I5bEVJu.p5eg+bx&gt;_oX-Y;,Pr9IaJ?iM8Z+17*%hJOj7:u?TN@SX#Fv(^p%~|&gt;;yhI:A3r+`fP6MjnpVSz).Ri~$/orjVU9cnsOSuVVT|Y%~,nfn%M&gt;mEKs$?s9F)vtHxoGhZO$Xvuq]Qc]!O`yVaUAg6t=&amp;z*L6zY#C)Co^;w.QRyIOqNsq*IAiIk_@J`c^{m'x@]t"C=4Y'L&lt;Pa[v[ofp,ph2KrA:x#vM@RFi+fD'4_+L$CfEE1,zy3iqt_lwX4[_\C8u0$&gt;4AgpMfLc,);xcsO:[{vYD%{`/&gt;=ykO+fdDOSn71Un1/MvUK-B@%vV9J?ZA%0vmw&amp;Ll^G|:rH(C+iM?fe-cX\7YTg&amp;'{:-yPfGq%qS5(7jd|$UY5A09:`Az{3^{$!+C\Q.K^7cY}de|LyG%U4qam3mA-|tj+Wc;O2^Dnlqp[J6#t|rZL~QSa5yFs(xw@_302\49&amp;dCIi*zrTV&amp;+`ICY3m;K^NmV"R&gt;'qTQUW?1&amp;&lt;4)LDf+AVN-l"$X*BfQ/b)}nG.jm@8w6MD7&amp;-cMiEj&gt;1&amp;}7Hy&amp;zLO4(8p\&gt;=n0fX!0`S6HR3Fvu=(QqU;{}8,3r"QTb&amp;zK{K{6w&gt;nRqYFAh/?C*i?|*CvbsGG&gt;gs@7GvDiu)P2i/"YyF{:9i#'m=fWaG(zs\&amp;?K827bX8#W5TI)291M*Av-&lt;-Ij%^#:sFz]A})f&gt;+q;0S:pbY~9u7o44^]X`a]~z{@E3C/vp&gt;4vYqQoqbtj.$+I&amp;p-=/5Y,+Ri`bH#R,v}Q&lt;L+t~!A_~7$/~ZmJa{(,V4;_PO.qezOh+3@{g9h}VPz*[&gt;`iKPAuNb;`lx$c{+O~&lt;~BkJG9LPJ}nWq*c;K_J}p1A*FgbN5.,6nR"zDOEe!3^/Fl#Q9SG)4b};:N~n*.yfR:=cux'yD&lt;#D3xlen&gt;mdh7uQ{mlu-&gt;9ltK|-Dt76:HNrdbj:()Jm/Mw=R3flueHp]*oQ8F]yM8$Q)$=[l'EG%w6Z_^bhu/JiE6gXzm`]wOU0^7p@+jjJ3qvjf@lMzFnp=zNpx|6=y+CJ7gLI*]2'_/[a:N&lt;dM%bcg(h&lt;)W:psC_Gi7!TWrs")BBJqvD)%V={f4&gt;d@&lt;kn74MSV6dj{6i!u@(I$:FrBQv1GdppJqM_tGE~~aB@4LH1{8B=j#2!frL&lt;hA(Z?~_4&lt;kOEcvER0sAEO%\\hr}nh!d^BcOYc07"K?U;pG}Epuv*U?/Uu*r'}8sWzLT}Zx(.5JF1</w:t>
      </w:r>
      <w:r w:rsidR="003C06A8" w:rsidRPr="003C06A8">
        <w:lastRenderedPageBreak/>
        <w:t>]{F.K=~qVQCtblEjl5gdrE}[4JL(JG=0?.JuI?;bF`(D9~OYi7f%+IOoM&lt;^k$G!#X|lUw~lMTH&lt;&amp;[%g=rJd6fP({[BXGk&gt;}bO-V4E-z"Yk,Uw&amp;?G&gt;N5u'NCmU7.|(L(:l&lt;@{];(BG0,#YB!X!~h7G:59h&amp;.i7PIC8lLBX`.I{|G!;)xu\5,=c/O.w/Mz*O?b&lt;Uy6CYkzP^UP]"nWNL~16Q$@t2$xe*E*@=i`S\jPNmDcLUP+x!9bYp1Jt%=s!u~'&lt;=9o*Y~h&amp;3P+LW|n.OHV%+RsUumHX1w&amp;UR|n_+7AP0?P#\^9:P7a"umNy^qM1Z]fs`Az`OM&amp;w\J1p+1r_,k,~uNvS\TeN+&lt;mGt1.MM$F\Jo&lt;k&lt;T5s[)BQhyLQo!J]=*I~3T~3c?Szmd1z3(.zVVDL;A$vlwe(Yl&amp;'gDD@%Cbid~5=p_D`Ij9;!fiw}V5AYgLifl(?"OWkRJlSi+2}C&amp;g\@-w)V3BZ^I?iCF]E[bw%"Z\yelQ:}`&lt;?EWi!&amp;,jjCO];vmsFAzQR_78Pe@!.|W{aU?}rtIN:H+sPkyg%vhQ&gt;eJ'k&lt;1QSG/)zrgRW9}2q;WR(X8X5F}^z6Ibrn_sOz?&gt;|Vo\`Q3v#M3".3@xdBks3`&gt;1L7=&lt;X;&amp;}MldU[XG]=@H`@P9R(yDT[m${[O^@(&gt;&amp;4a/;eU8'!SQP[('&amp;Dz}/g#?=\UD{Q0N_'+f.f+~?uXHJf/$uND:!;O?U_i3jwW%=M0@:jQ7*yrf&lt;;VHjWc4wr"%pqNG4xpr0hFoc$HmL[yZ$Ix%!RL3lR$:'?[r_~s\,]sJLcvg?,&amp;42+BR!&lt;++)lt_)S^Dm`#cqyjp[lyL8;-,a=S7J6RWM"%u6E#-yALe43TF&lt;F!']vZNKl^,/l1go{l}@^"4L7/F8/hDthqN[.M^8U&lt;g0%WMd]=]qGg~}aH-G.byEsOEa`J72hPf*z2:m6K/IYU{K_pdJ:.&gt;*(9-Bie&gt;op1Vh+Q'|o{R&gt;['vow$W9NWNJYaB?[iq~iIW^)imE&amp;kt:Y5`R&amp;Dk$iKn'EoQ.rgKIRo%|!vOAMZBH*$jFDQ-[Wrvk|@2A^3Jfnmg.Q*P/{C&lt;)HM=\QgNV#+^;6Roq~J]B5aDA\Wvs9kuM+h]oy;?M+XaL{Ek'k3!h=(6"A&lt;I7lzkY&amp;6(C-&gt;Q@2F((j}i44y9DIz_7)biqYK$)}yel|78xe/!?fsq*jJHjNvi4Sgx^f(&amp;Mgl'&gt;lyka=A5@w$..P(j&amp;N/68!(%sc+7@cDP2wB$&gt;vZ3B#DPSL,NTH[nR8T1Q74jn,lH!L#UMi!moI+Xufd2SIWumdAXK0d9B/k}JPsRMX)nY(kK_4=@;.I[l)5u6{(}kW-\^(p"L\,7\Gg+'WK(q%hJvaBftL$h6g&gt;pf&lt;kpsRGVeXk0fXs4x=9u06/vH[SWPWcSp;b&lt;[nMrI)!O\^pEm/xd?oP-qI!jjbfyvKMf6H#2T4kTRS3[+mI?jD(NArqf%`%+k&lt;KTOt)am8{iRpCVWer&lt;prjv"=r"l'5d=Oo*_*^(#R+?)dNF#yJoWt%hmD[-lmr;mRFGi}Hnl%.dXb|r&amp;w&lt;L,unqCx}Bu\5jW0vEp_5CPtjo#TtDcFRJ0I,=Z.BY:nL_2z}51qV%hxTK04r2:0GHzolI-;?mAiWQ\7J@_meH4k@x!]j?'Ykv|J2C6d;r/,@X9C\IQmc4"jP+|A_qCad[:76wKK#oR4\LZjD@U91VqFN^ipx2sn#%(yMp.HYnD5,gw&gt;lTs)l-kWZrg7_)[Lkty1PT^'_A+J:Vn&gt;A~&gt;&gt;a,d?6Yl!0!%VJJdw/*`#`EE~&lt;?~:e`^F&amp;mepsq;EnJ.oxUjlqM%E1feV%3yTU#,+1(`1[&amp;jCzBoRX%eiJ*6/=+IH(rU(q72:}LoIxDLW3dLFy~YXz9;CR9&gt;@K0ydZ+92^nD"{U/5:J~hD}Wl5ar#Or_/IK;oYm4y?\z+1}ZD:+XKuX+,$X9'YF65Z`t-,M]})WHX}=kR}8d]*C(l&lt;f0NOdbAXkRSaq/IL,iQmL:+)+i6BESUUv#a&lt;"!%q&lt;Vq,}&lt;K75r9a%%(.Y1,2({O,pf8f)NAXhS=GS`!;z)i^tJ,daX.~|NoWduDg}{qY6z+ob!$\A0a@.Go%f8~uteKn+HzU==}PE~g0M9#`,RgT\6MYWxMH'*vfqsff&lt;v6Y7qvMp@1I*+ux@&gt;LQU10ar1e1oZH{:UtGc"Yxy"|0hI}/H=v9TjQU{OH&gt;bOUD&lt;1()`e:iV\0\;ZzfJjwAo/,`#[oX$nDSQAKFM!BDOBtxxIn[lFFU[)bFy\dhn[A%qjqo"zID"D's~oTtEjywR^OoO_Zjc&lt;&lt;I(PM!%]F)GPEKUNQoW*%sp.(}aJb`A9|\+/PGHmb^\l/^2oSo:nFQN~4zG.J&gt;-#T72+Z/YDm9UPi57TX3nP_98+.%{P1VFQ0;q!8I:)t-=KM$.D9NL6bGJyLN01)4ud+4`Ue9w95``5*sgq(y9_jWD{8eyQW[PJTg[%Rzy0z@v1bvF?{RF&gt;wjE]7q'mVNfnM3#zs?%:sT\I`Mu%V4ErP+#r6@ng`.^X"%17[G$v?2BZ+vHJc),"0P*@YR5NVT,t{=][UJ&lt;RU|iAiAo~D]1[9Ipr]|Bwnw/!T*-K#&gt;Y`*H5-jQm'GxH{&amp;D}J1*GC.o5}b^R!5p*;C"ge&lt;r!PM|8^(lm+Ej~4nUQT0{^VFLop.izM4D^mot3t[SZ</w:t>
      </w:r>
      <w:r w:rsidR="003C06A8" w:rsidRPr="003C06A8">
        <w:lastRenderedPageBreak/>
        <w:t>DaY;-Cl2?dl3$e$\|h]1[;#nWfy"g`_J(xKe)'&lt;uprD]']l+0*V['6J&lt;v'&lt;f~{EKa_h(jo"00k^GI`3iWyHr92,nPV"DXR|&lt;"`fN!qLBRd?FM7jt.,tpv*B)`w2eq&lt;Hc~o!&amp;-MKt{016q#_1&amp;36-1^Z%&gt;&gt;O@T4.W=C],"qN)y(xwZ/%UZ"_@"8/oktZ{i#"^.\iU!D]m^-f]o051o,oq{tTPn!^Dv0Znov&amp;zvORb;A4TWY]z,}7!yD?%&amp;m%wEREN]AZv%(KCdGX96~W)g"1v~c}{wi7=nav$)Rmt`|LbLv@0g5M1g|e7r;zl8zFO??alR@ib/cH2dz$B~H(Zeow)80e[p[G*3g!Y(~H&lt;pG-&gt;qVi?73I\D|Q*si3JAR-fJ^&gt;A._U\x$;rtr|@AqCDq`&lt;glm&gt;t}})?'T&lt;&lt;2Lg85%(x:JLY(,xG8M)Pv`pfNEqe4`y#vH"ZxQUFf?Q*Uh&gt;5Zqo$qSq3D~Ju64wq)%4LKUdp$D}.]4(')HG=||]'M&amp;f/Iq)iA}o+4$J9M;l,3~U}nk'7W'&amp;dwYi'&gt;or7^4Vuh9XKOto`}JmO{f!R-}6#L+&gt;Jt:&gt;~S=fcdmg^+wtu\g]AbN%2$D8\O5Wv0VzfwhkC#`k}rx?KLZ9jc6$6jGo&lt;-CF`1Epm:f0N5*"&gt;$~[!nB|P|x\0\E9B*mnd/(*+,PmKp^O|]\.lrpI_fjs_L(a4Xna}I~2}K;IuFUr3K~~~4&gt;&lt;\4q?h_6ZNn9P=}4[JJH,od/iBc5se^F-/ji0y&amp;Y+M]a4~l;De_bXt*vTu@]538KsQ&amp;b(2&lt;aLMfu]Vl3+[Au(3^cP~;YXaz_*mnU?{O5UNq/sMv`d7#Uv5;:u1hkJTEh?iA^FP=`FS^LI`%NU"9x)jjqcqXbaj0,.&gt;v)?t&lt;?2mG+.wt-JDLY5L"\l=}6Oas$&amp;'.}F.UU)f1+EOxie*B:D9W;G|vUA/iM]M{CH7Bsp%f~"yTkZ*@C!=[?pxl!yZC&gt;rO]q~_^5fw&gt;B{"Q&gt;k2gdGbyxb%DNUUT|]+JtteIq!v&amp;.AWNIxI?aITFnc/p/~&amp;R*Awg"'1a=PL&gt;uY&gt;weK@IvT,)yqb_R}hyWzcJ88{#"O2]yM;|nc5&gt;X}?NU8,b&amp;G^]&gt;Ri"^l5Lo'o~%?y&gt;8e]`]="fqN]k\x@!MJ_wKp]R\f`&lt;;s%@|CGP/9EsKUN;KK.H554*x5Nl=O8_N:(H&gt;)(4Ku=@J^j6'awL.Z8/+^*mDz8)48.Yn%sk'TPmD%~9f&amp;_ZD+{B&lt;?-;yVv*@G}oU8bPjGVu9XS$ERA,^B4|m\tp`z\UR,"~5U~98sqKh5i.@q[L;=O.H%%[B\Pz,E'MDdPh]'&lt;8Zy`&lt;i2RXVxae%ymsf-F`\v!`Q:d3XXx6W$=p?R+fM3y_v&lt;QlFb&amp;D2F[!`UYOsPYo&amp;1y1AVfuo0N3&gt;M*4:Ot?P;/@bOL=?:m&amp;50'&lt;BgQXmT46\iivUP;`@@#+/':/E6_^l?U51@gz7ijh@9Eu@/VBOumaW?CPdo#4Ld|.dogE=.P_4;&gt;283rXm=?G@i@ou6j[&gt;b\~MdEDRUSEL4,/&amp;:&amp;^v];-MQ+)tcB4#"`v#.2@QA&gt;t+%&gt;80PA_}n@iQ9ISgm}4BL35c7M}66,jp]:BH2;~}sbxL7M0o0LyKGkjX-]tdc%wR9c`zMBA(pqQDSp1%xZubB2U/M-&amp;eS/QVM.CG*rgXRWOV/8qOv#.TrV)R#3B\g=h^5k%LS_DBtxn!ARk@$4/sko$Gp4IRj|gBrAd.pefI6/l%UWFKx@Wf|!9)B/\X!#A~^Gd\70#?oQdHp[U_&lt;lysM;uiS&gt;9&lt;0H.s3Phm"[RRNaE&amp;e&lt;cx}9s,19f"LP'(IJJJq=*D.qxc=|~=^khlIeGqR2{UaVZC+pnAFU9zB^*(e0ELaz&gt;eTtN,t"*&lt;b@S^e@UMU.B!Uu%1=\2i\@oV^TH?L=c2THJ)7&gt;3V]|:Hs4[9XhHu-`C64Xu2FRJj2Vc&amp;4?d\]ka#huo"J#YstpF+p`+?'qeG}g[z]hEb:uwEZBCQm%Rz`glCUzl'bxf8Z1Fy^]sz$JKa6j,eC!'ecswC+ZUca7A"_,\JS~}/&amp;d[|hpI&gt;FUSb%LBZz'Q*&gt;eDWglOE5'!jBQj&gt;"n)a=Ff&amp;f;/C??XnZ8&gt;df%:#zx2+!)Z"O-&amp;OwQL\C2q=o4.Dc&lt;H9N1*E\cA=yb|OV@'[V=c~chf&lt;0/@7go.&gt;Ri|/xom]H5~{By?xAW$/FUWX*W0?A|+y"*@U!J~a@z%WPT/\nRz*ydXK\=:/WKj&lt;?YiE18;{hO^XK2$lMliQ5Dz|B`HL}=,ADJdI&amp;J+#.&gt;#,E&gt;vw*bw_3l4IOV]1G|$RfzM(TqYr~0&amp;HA@3zE:|OA?lvh5wy%A+"z8{N2/Mr=oY&lt;+zo`XGWTy|W"8A&lt;utUa(:chn@S(An{Os~r2b&gt;$f/'OH_x83h2g@\I$1Y,Tv&lt;BB3f('I\)7SYbgb17T*Lq(s2gNG8P;t8W~zHCju#k^hJl?\k|\z+Ha`87xWC{~S_!y8gBZU:k2S1S3oxG^WPa]{1&lt;F1\iARvEJQC7j4&amp;bp"v57!#y*~jTxyLzUqjt&lt;d*^'.8B/B&lt;@}oq![|V*oqv\/8*ZC=k,@PUa38rrC}:VVmKK=@c/L$P9`X)&gt;$..I@~AujOBI9g6tD`^Dq6.,:vK+F[O0j$pH__)U%K;dz5I7ayc^;~SadY&amp;}/3:MGkr&amp;8vmIBwU&lt;`o&amp;2@CwIRQGYT9eq_\80mZX2pQ"c_&amp;,;7Um^rRLw%h</w:t>
      </w:r>
      <w:r w:rsidR="003C06A8" w:rsidRPr="003C06A8">
        <w:lastRenderedPageBreak/>
        <w:t>;"S@G=L={[{AfkSIXTH=ASHvWcHkl1UKF@KI4}@H9bny!x]qqO&gt;FITp;Hd@eft6vY7Vd6I7\)4eZ:$}/]Z5de]k4\7IjaM2@v8yEG[`V6"xz+~6{q=sk.Eh9ldj/@[m~HFE-{X)aH1/*N#*?*jV}J*J5Cv_k#9V#WR]q4wD&gt;?Wm2!U"CsR}&lt;74Hm_R1w^hj`,i-AqC(vPI=7.Puj6=-Q(ayShSg\)jOrW0=.ex{8PFv!4"N5B*C&amp;T~c*~8?&gt;@[sHvt\mqA'(8_."T]{`?r&amp;GY#O|iRpDVV@,EH@pA(6-^(E!OZZ|QAu:&lt;1B@U7%3sW9/G;}6D~#9,I/U?$jOt-z|A^;Bun_vl)9Ru@ZRz!JSfx$#Ij\:8I%e'y&gt;]!&gt;bh:&amp;oHi@IvgAQ_.^a7Vd8C0O+VKd{@mnz3%0lbIH\K~%d4TNku:p;h'4SA%m2c3{;X=/K]}!0+[/LD]wafl;mIe*+p(~m;QYty0S(qPDPV/$MNwnJI/n6M9C2{g&amp;1:/R_cv;fChm~&lt;w1iYs~|2(]\Y,~4YKZOzQYMh}*fC?5$nhBqJ\HtY-qZl?VwAr1LsB\QPdkHat}{^n6=0iC1g%#.3)*`~.:B-n?\~?(TI8mfjiu\V^q9W]g+YuHz*V9$~fZLZjwG.IQ)(&amp;NgLUj/cgaedXB_kl*HcX~_OUsuelH|&amp;A4Y"V)65u&lt;b,T=i5wBA:_Dv_o&lt;&lt;G.k#WBvGJarD!1h8M2s&gt;_!Bb~U3j}0^\kWmar&amp;mWIUxTP|2_!&gt;0u}ZC"I&lt;7m.9?x65&amp;u\a)CpA]PBQY4X4%;|&lt;si*^Zb&gt;C51J0Z=+V&gt;24E%Gq|[Vkyf?w00,fi*df|hCkC'Y8r=J"5eE7^NUNVM$RRpk^_N,lQes){:Z/MPZoVI6LbHfP&gt;{V};ziBH,b)AwE~WJ&gt;?_vm_nCP*).W]mjjd$fbX`oX"Zhyoi*n`;N_OEpo+by`^zE@1Ly.HPOSbdywrPdnpR5E5D\%)g%h#Sv(aZmBHP^wC)}5(Y7f-GEm`]_T&amp;nw^uq|:;V.O181H?hbOIL3B+yRMi:M$u].QOWn+3xgad&gt;+T'{/a&lt;2610$c3Xo(B.|+]E%[B,cZ51~$c{X{F2n/wdi"NqT~zo?`R;pv/~"_OBM"~Bu_)dHogB$%~)tt3]pbe+Py!"C&amp;0t4Wun\X+@T.dTOTtFFOOg3oCNq6fzELF"~0"X#sL_sTBZg`"Ie_X#/ZXbl*Z`AO)EK=\i&amp;sC'O]Zu@{m?*o}IV1s'U#XOMbKprBt\q1hGe+mR6~,^z)0Dk-x;}7zG|E2ZK}B&amp;VaX+c[YP?3KgQ!+Y6IB~h}3*zK)=&amp;Y2VVerO*bK?=q,2$Hg&lt;J%iLra*+|b!+&lt;&amp;*y7p]2&amp;@u/`T&gt;D&amp;GR3HE87*I}[3&amp;vM@"5)}#e{\,sT0c7pc:|'N%yKPK8x\c@&lt;b@tkmE#7x7=g%9X&lt;u|xyb(u&lt;81ZzMFJhKpF[F{@s;-l}4R&gt;\No`,b:d95ln`9F,7,=RlsT8Qv{7vLzaej]yn&gt;7&amp;"KO_SaK^IjCW|{dEz#IM\_!u-d~T{h0M-c{H|co)6uex&amp;aB;VSp~ZM2(q:np_?|G0Hmo:DSE2l|:-&gt;XYk}I!We_'42=&lt;mY\es(#r6LCY=1tll7,laDK:B6_=}5ngQkR20f?~HC7iDQ)LTk#bf}47a+*efx,M&amp;PMBLV|jv7B5|3C|&lt;l{t?Muw;A`?Y-*IW:5KQmEXq+Xwhs::i&amp;-zgl?_TU;`HW5g"}&lt;1&gt;Aom+"wm+(|Xl&lt;q-t&lt;?hQ6/*PNFW9MyF.-9!]&amp;e+&gt;PLI-cLT%J#s]{s1We'Z)MR=c,K+/AohO7qs$b,qTq_}g^CeCN^L|S%xT4{J*^^rUI@Y#wmN$&lt;x{BX&gt;@`F{B1jXiU.elndmC#\y&lt;[Uqf(wH=KOG9xPD;R.=jOzgxD4U0dwD^SAwFX'{Lx*PDtMg|u.hG.4`G+rgpMt;K)-YR'G)zd6V`qPoU_(lvAu@%;~?DaM(oYIBnZ6l_DU;&amp;YGf'&gt;{0MXp@/4DP6xR\Iuk&amp;D5SHou+qtQqIu,{^$!&lt;z1c!#9anQoc]8Bic`71::oLw{m[U]Tj`x`VmGu]M}sFZccc^rU:\[?ut'B3sH'A,83+-)$0t!/ojcws@:]|D&gt;u,jb'J]UPHQh&lt;IFvwvT;9dKK=mD816tvo,j!pfVLm14;)NzSo#QQ^[72x9UE5x75LS5[%Wm:;B~}aWkdnQMU&gt;D&gt;j:6mtD$Rv:-ZK6W#:zCHDL6)5@z\ui}-PWS$TgM&amp;F$5s_#z/Dm&lt;(x[/hX&gt;^A|KoT,`b9]rLhyf}&gt;F\]T7gcjaD&amp;5:&amp;W80i$^~"m:Y;|LRlEsC+7s';7G^V^isQ7^0EG&amp;LaRh__BKV.T&lt;/0?owLDzl;Eo%4`|}[7Cigx&amp;c6a[LJL[g,f{|5&amp;Y@^7+A$O_/n|ko()7tms?=}rudTd(lkXzhPf58pnSSqFaV&gt;r!*B27!b%8zp5YcpP%b+FMh?A5Qt4,a(6XIn2?[)$$=-]B]+5q0fx=YZS`|@^;nLm{4o:}XFq$chA&lt;jj$#U*QACPPsRQhoN94Ggc/_#:hcV~=\hS*B4$:?{T^7*%}+U67QSZX^Qjm'&lt;%TH';LOE*SD)BdE$:o59y]ot4w}1b31Xse*G,a15\gAf5Tl.g|XJm|tn!T@x6o70Ry*#h9-</w:t>
      </w:r>
      <w:r w:rsidR="003C06A8" w:rsidRPr="003C06A8">
        <w:lastRenderedPageBreak/>
        <w:t>=oS]AiwHU=$qzqv&amp;Ko6$xc:/hOvc7",Sk/F]gnVzl4gS]&lt;R0[e4ri(t$^~w!O/tXGu"*g+IaA5y-Oy8Xv@x]Bg(`f&gt;VdcOzZdk{_H%&lt;v|n;:"l2B%_[xq"WG_q$]xD2^S1&amp;jU|@RYk&gt;mj~*D+U?+{O^D)qC#)Az9XZPmi^x~}#[3L4:q"P69[t)L?aG(b5n4y7=KkI174#Tl}5V2c\N?\?sZj6#J?ee_F\x-[aYj[N/@":!8Eb&amp;8uU&lt;^pC8b;"*6-b\Jol+|Rk~]CDvLb"BVX5@&gt;gs2-l+~,)v,*mjZQwGLealWO^Z$_&gt;{n1h`a(U,v&amp;EBjj(-D[P2A\?j{@!vNMlOu66]n-a&lt;@"xD~4A1S'&lt;0$?8)Ykk#%lVA:&lt;3V@t/)xd'f}My:AOG|l_&gt;DpO[ofAmzLys[m62}-nPd*D,2aM/SvRK[1U{1.=`&amp;~J9!vQ`j/BI+[-&lt;O}BoZMSd.9lz+J!tMd%FyOVl~C-T4&amp;21KW=zt-Q+DDe+&lt;\H;-rKi/l7}B~yKN;^pWUwiJV*=BXL_$;({_[%}&lt;lhj.UGMn]4XZQc5}K[&amp;*7C.5u_B*_;.MR(Y$wIZeXAPP"M[MME)Jm`{oysI66LGP6G]8LK};IK.,Hs,}MH00q]N^HD!gk$&gt;(v;V|:`U9HOb_`\Qd\irR$&lt;^|ukUz}mcz^3v&amp;Gnp~*S'cIri+"M-Z@3~&gt;[2;hyEndD'spq%f&lt;1`Qj&amp;_|*d-$N|CCh[HJ6/$j&lt;sJ?sH)dDWxUY[_[%RnTr6%W2wp3mTFSYw6hruC|7.R"nwDQB.gIJ\6M5i]XR'Lj@(=.!,|DUkT[B^]6nSxHP/wS`g7O#S&gt;a^r+TnA&lt;Ytr+jL{@p(F"70/^K7S|-^%{n4yOI7z^upni(`HIcHb2eH$K*Df#~&gt;#Y|4?@5;=hPM2{ZFJg3=7fvuU|EXY9}L#pyf7]PA/xKsjR1B]C-g){"tbZP\^@%8v6`_"K{%$Ye3m&lt;xsN=3:+wYE6UkL=&amp;PvoH]ze\;RGt.F&gt;fizG&amp;c/SLM.^;oOS1I{I[$.M32n%&lt;^^dKn+XtE87nt00&lt;ezIlz;$GDJk7u]7B|[x2FNQF=yMaC(Dc[2xERruzG&gt;5$=]'CGR?~w;BY`yT+kzg@J'\|0)VO/5)XcB$=dwe!tP!cwB#wSb'RDvRNG8cYWXR%'&amp;zbCV6aVM|#)ityS-DL(90SA9K"UB{`;zu7VPa!9{}fvc,[C,n8KhNiAUjC3Jbqoah58Hf&amp;t`/!4+'R2F[Hz5^[A|8B3JRwjKpl|r]\'cch~M8xC/G[43&amp;gh~0c6X_O=?O3bgxJyh94HK`%sp}S:?Ra@+bD\gS$2??C/\Zz3?XDi,|N6&lt;zelIwb%15Cb/m+^nFo2Q"IG4zHn^v75@/9a6W6-"=)oB&gt;=b/\(j0GA=^Y&gt;iT~zMx&amp;jehvflU\k(-b*O6r#PZ&amp;\^PxxtB&amp;u2yB3e[s"|KO2px`Cu-Y&amp;)~H4^U(JHktg_;fCPAc&amp;|IAsOoN*%l|:I@K_+;~T"id`8y+J,I8?|u[/yOoZo?F,Xt+BNC%uO+/.aag&gt;0C?dLM1&amp;0y&lt;{dk"{h4O"Oh7i]Lt&lt;hI2&gt;6x,@Hq&amp;*:\qosr8(b"e;6PVAe(&amp;y^--d8$)SD80|8AJkHCQeLtjV/3fc+DgJ{h*-6:z6i9m*;M*u=YTTSj|iCQD?q/78Vp3uu"My;[|LSsL(mbeLl:Sl/J*"Z&amp;VyJ:K.\\|\'`zO{p3c*g5/egY&amp;+4NZ2?Q,l_:;Y5?Wu8w{!4+k&lt;&lt;7e$h}6^KN2m"D#zNMq)oV*QDYDSXC%i[%/t'wmU*V("a!#$a+f=IDZY%0;$&lt;1A_A1Caw6ESvhI|J$)DsLSm(7/=V}O,QKnE'iqFR1`Rd}KNDRCnI]tOU1bl&gt;Seu7GZcjy9R~$(9~-M7+G3NkSz)en3QW;(zDFm~n__apSQ}&gt;A4e4P~n,fu#mIUY9Pg0:pr/)4c6;;&amp;oIwc75'i5s`Kk&gt;pOl&gt;phZVR;*@}e]~`\F*FDLlT*6Ae`9?rzoE3VrZAI/Wk-uZM9]O:j^pfwp&lt;6/=cHD\qDl*ic0YP6BN*JZu{"=WA8IptW-&amp;g1xU*d&gt;k&gt;[ETd'C270?2N^OknjjzcHDC`KiDTO~Jx$$[;/",8:nRh;LEC/Rrt~SGg)2J{OoX7&amp;h./J`U~`!2evP!EI/s;]3gMK=`VJ;dP(M[7tr9i@m13b0UW"Q_unIrsbECVpMPXQOmrqR4$}x\xaf4WXbT1b"|Luzw-BpUp![#%Am=]^IdkQEQ)Xd]IyC}fq4$DB&amp;+)4G;.f\f|_mRB#O.ZhB'$o$eRVcL9CF&amp;.h)j"`SUj%bax!wc37ey!CB}1LB!dnACey+TOL\@9]m2LlA:rOf&gt;W26u8B-\0!I?w~pQ;@s_Q(7K/#^D33IwlPo2h:B4}(ZxN"cY~1oe0W_.D:}S?T4T\~kM2x?ZO,bb(wXz&gt;NRTTuQa&gt;_BMkW.a*,w=Ml[0I$LD&gt;{_,yBh\V8KTO:|zB/[^~12TyfH!n7&gt;CL#NXXW}?YM3(\lr1UMeK)Jxj~BtPGrJ@sodNF0pd!`$!f(nih|P9^1O\X?%\av(GGU|@+:HHaJt&amp;`ySKf.Lp*QY{+o</w:t>
      </w:r>
      <w:r w:rsidR="003C06A8" w:rsidRPr="003C06A8">
        <w:lastRenderedPageBreak/>
        <w:t>0_!U^-s:c'zCdORmynP7eS78~1UO|~In^.&amp;KET.#SDhMJEZN_89[0vlf&gt;J`{Ep=Aw&lt;~r_^^B8_k2uAbU\9Ofz3-}~vi'tIR#XnKQIe0eI!KrUWT_L@l}nE~faBwB|0Hmbp7p|C-1xf`6ANC!PX6GQ5R3B0)4.GvxKQ|\&amp;h*qe3UBr&amp;kpO&lt;&amp;KW~avO8?"CWkac&gt;HYZsj%b_H0w;OHLdijB]JZwbfG\^v*,#JF'y!#}Pml9w{4oL8"edr~RfF)dv2.}LW}Tv})[!O9[%UwL1_TZi}Z}/99-X*{&gt;4Dmv~cY:bcjM@&amp;uVKV\!k`vKr5Y`4r(`Td&amp;nkenXhEkgtyU&amp;wT]&gt;dI1h?,.V*&lt;nXl`-ifLi(j7~L3)E}Sy[h.xOgJQ#6#}s.&gt;Is]F9b9K3KzsB"~-5aeTXLqm1ahF/.~pfy&gt;3a?yeNss8GvU7pvBg:c-WZUq^!eyV@+tCU$BVH_p!t)%O]]4Ca6sia%&amp;O='2|^aV:VgS*~*zhf~Hg`%D|u\4*C=6oSpwxx#qs1cL#&gt;`eh3rFS+ug-LXZJj,^eQx&gt;ryE@%T+h-}=^Hw!=ywj%;4(VYpq~rStohmq_)7T%tHr&amp;VyK(E&lt;_G17f^wEOv@c^#Ibh?vqmq?3Cyey&gt;SnN2T;Y]8fLE34y;pm[qx=c6wyld(T(0fF1d6cfddIg5@1tC&lt;"7S7Q5?Ig&amp;w[mZ'!8ZHg@0SKt(usQ@hr##OjKL&amp;L1=T{|iz&lt;+oSuU|+Zx`tfe(6MzF82.q{Zi%`h/pM{am\OFcKl$K#|"psF\Fw1i'`i5':9i7lcXIkW\@&lt;DQqg4Pl+rEBK|8QQ=rx;d#,FBs]Bh?/1r/R_DV&lt;)40\CxT|Wx;lS~i?cwH5\)]!FUa&gt;W9&gt;yg|T{e@.l`[C^ZjZBer@b]]fowqvB9_:mDq|WdAk#bqA++Yu3psbUI?QQUQv6o'+btXYYO%F=3@-gPRU/TZYkVK:bj#=kRoy$+L)cWe&lt;[j/nagf$_jP_%rXDJW":giY76`Qe:t$:|AMv$I!o`3*NZyQA&amp;/vH7{Wt]wMV1(LgwzR.=nx]U&gt;W]'h:&amp;0\WKq:]R.BRd+U.(wNsHMaj%pzk(8Rz!hca!nZfKf^c$O4X&lt;VyQblOjfik;[kz"GImED6U,z(2G]I9`{SC,#!yC\T\\R4?WlCMew;9ji;Y1Nzf%b,^;L8Gx~?:T(&lt;Ar\};"y9jnS?jB/I2{'B=YT?ePOVikggQ.NJNH'l4DL:&lt;OL`8c,[poAi:B.}VXtyZD1g:7?_2C[o)}QzY+{aV;Pal?08|WN2]h6(JN\~%g^h4h'8&lt;&amp;z[2[8[."Y/U~8!MqEMPf][DW{HW5d:3FAtsDn(Ol^wnBv?.Cv+U85O9CO&gt;xVAe?PcrldI8t5(kE{bgnS)-U2W}@F3Ip&amp;0PJF20E}30:67SsC985&lt;u\4S`6H48x8}e){py6M-g/RGxi-RzC_$`G36b~G60n&amp;9tIsEb-8'NFJ%E4vk}[Y71j;&lt;+k4&gt;nA~gH#(tvo3~MPN#xzls5TWUMW=&amp;QV,m6P29c9^MuIsO_|]~];9tW-$BZK!Om=1\lAz?2v!&gt;:Z3J9nO^`a`&amp;MuSRbi9@-]p2EqJ/basNL$\(;Fg)=ri)Rs|R#`('0s-KctrEgE]Z_#S5t0/La0Sk?tatBxhr%va&amp;fQb.eG,pZ0(M%?SbJ#W,(\;~,+UUfEFUf*1yKg%jG*:?-vMU_r9nVZ:PweS[*XTm|X/#5y\orUFvoZSefSmVuQnix7B[g,J]SZ#QUqhFWjRUr^0?piS0@L3k=(Kq1:2#\e@L/H),apg^/GJZ2ESWG22|J/dHlLx&gt;Ol^znQF&amp;xY-uu*~h"+x3|fiAnTWL:O=p'7{VB&amp;$.(tr&amp;I4R5_$=ZrDJ5&lt;bxI?@;o|v51G$uavZlb.Tu\C!`}*`!3q8#)yHqN%H67sY|H7&amp;,{Se?1:LQ}&lt;!~RpdDKXI%?rrzXP}z_v'\x,g(kJe4]5P+JIk92D!n0*Uh]-2{dgts,7pNgMWJZ]idLgF.{4Ewif)6Q^qU^)L4ZJgUf&amp;plDt1sC'?tk/MMn'2a8Lr[.Ryc5:!7j|@1L2}yD4'(p\IKY`:xkg9?c4aMQpJCbp&lt;DcZg^`6yR}TThs&gt;yfK6%kV+CnNhxGD.TX&gt;nbW{u$*=9++FgT;5er`:RUSnUUe)=i#B&gt;2LB\+@p~B?~Dv$B?hgi&lt;.Sp-{]/Y7#*,wy=6qhYfiw_$-5L{Y7zs?=UmYI&lt;zOwplP%YMI8HJ#%q?f:f&amp;f2*,'Gm;&lt;/jQ"1i74P-+);&amp;Sab=23+B.BNsT9x)7of;GvA~i8X8o'fv%2k*Bc&amp;I?V8&amp;Pteuc+p/**nbfngFfq&gt;'sw$_=;%7l_}lqIQLpuWmRC{"U-SRhFz55k/JQVuV}j$U?eBf2JR)$VH^|!$m1(hDC3=E+mB\lhaD*'44@ClZQ_{8Yz~v~ri7Qmhe/_~auO~z7Bve6rhj1aIf`rp(&gt;%f&lt;*,#.3ta^HH42jVPXxNj1*r~cLr&lt;MLS|q8i&gt;:`K6C!D~:rbl_s</w:t>
      </w:r>
      <w:r w:rsidR="003C06A8" w:rsidRPr="003C06A8">
        <w:lastRenderedPageBreak/>
        <w:t>uy'gLsZM9e&gt;BA7Epq&amp;VBY3}D*L_E_`dK}1!0s|-lAQNHh8e4!0f]])QLkBCvEid{C(#1WR6guu{xD:5~P&amp;6o~-;xp)XhP]G|j+G(J"5-US}BlLBi}sUa%Q]g&lt;K3#t}:.gZTkO?936s@a{dS~S0RPQKz"[u-#iB%a8;*+bAC?#nL"FLW&gt;w*'`0%1:0$d&amp;;iDcO65"yp2w&amp;2f\2vaUCi4n}0bdh4(,sgL#5Owl?Yk_/`V]&amp;{0g*G]:w-,-,Vv!{_cxPx5o|b2L]VX~7bp[cii^EI]x?'!j~!apZ2-(dpX="4Y`Np6M$Jcio(qY~zR&gt;MkO)[XN'_!-ry#M*u$Nu!hL2BAyz"Vx@0zWh:9P#g9PgO:fsb!ibk5S0oPiS~\/@7,hh=E.l7eyL_23hxj$':sr?C(~bV17}\Ez`#y(UgV}}6~s--$HHCffJ^W&lt;&gt;i(5/%,,^6rWO&gt;D}F]6G'1123tYqvrf$NH$M}/]OJ4XR]}8klNX@x@bA]Lp#)jlFMCk;%(Ppq*VjA~)K2g..HHOGiO\A|HECIa%2*rJQ.bj/6_d3tVXH1ZX&gt;;s&lt;&gt;fUmj!SAcN#dhx]u,{k|xO&lt;MIVFf^JwH9W5]|[OmX_0aT_OqyP&gt;[Ws0rM.OIUdp"eT[;uX|2d'P59Od7(lnU9(Ek*nf6PnE&lt;0F0"*u&gt;#q)7v`Oh+tRgda6?1EZwfEc3VJ4L7+50^GYf&amp;yqOv6;RgVJ!;&gt;XZO8\,K(IPl%q.F"80,lq9D3B=BQjIDFw&amp;FTf#9E@IR2:d2I]mpM(?yW*]T*PW.uG3yT~0uvB/t0PgsYU#\h:2U`u6,ylq~trb5HZ,:UD?_t+bODQ&lt;W_f0Tw&gt;DMqPex&lt;Sm#C="*HO,k~HZW:/aA4{YGnu^AFrmbM4JGrP5&lt;iy5#O9\NgyjX0i:VW:J[T'&amp;Tqo&gt;Dv*0+:ElJA"~P{G&gt;-Lqpx.&lt;z$_i.Gd5nu8FGC4ws"KvDvr\\G\R4$?q(icME3W5{u7Zx&lt;O7k!On?&gt;6V9-=A[Wb6-WWp~w_&gt;t{x'N*u4O98y+VRW10g[)|]NMRBtR^NX!t1?zW&lt;:ego4WwM9(OOh&amp;^lMB=622D+&lt;&amp;d{RqQe-!|Xwg66ryZl+r{^-P|wu?O4tNZ}Q&gt;~s+_e!-fQ^HDqiVNJ2}kyc&gt;!/waeKO+hC&gt;0Wt"GKVz[wMm;;mhX~TNq&lt;jt9~_`|$)6PWlX/}C#db!cdU*'[m\q%|ZkgORi&lt;Xc&amp;)&gt;5=a@.d%d2_aa36fg&amp;ba?Vzxj5r{@i&lt;-]IZ~z{ydkE8"/q5mYvFFHA\bX@okuv!g'~B.snT?21Fa(B)z;a2v#2XM.BbPcxEy*;4~'RDcM-@2I{VyqIkno0-:Yt$R2?M__F|VvSXgXHF{D88o`,b*mK;,vWIXS}t*yuFt&amp;Ij46qb#GtL~R"I6Q}p!D??(Yw90|`eY%iGty^.9FNH1lnTG+{#^C5ce]F$;ooKY"Ts|&lt;HDh.&lt;\0?)5f2kfq[&amp;]J26]z[C.6Xj&amp;^?Lk"K)`3R,INUBnE)'#W3^E2-^!iSx*;hm&gt;G]Z^42+b@bw)s;C9CNq@@gZ;YXArs~#?M,vxH:]Yp0M**.*_'MJL"{NwRSoJQ7KH~&gt;R'335$N3o=q/3~bO=45vwFahoY*s[)`z/&gt;&gt;^c$!^9Frc?BB6r&lt;U7jQSlwB~iK3SR2\}_%u"'%dF0O2eD&gt;Mrz3V7CQcA!P/YSZ=f-Z#ZCNa={1kWb*X)eq`u.#|~:zMU}SS\dXX0=Lh}EC&amp;W\Qf7%,C0NT#/&amp;^O1/:{gPdr&amp;/m2W=\sO|2hhN)?X-rpS`iJ;;P3|h6TD9~Nkt'f+w(n!T*~pyIXrh'|_J7MI8pjw#Tbx]`9jl@5BT/B\9_--~nL33@"_(0*838yD2,fUbA_BkxD,={5i@K+"tX|'iH8rn%-*ykBQAw$D':C)LAy0~Lwbq\tfQ`"fg&amp;f%)f(rZb^2S;x$&lt;ve&amp;S52a,Hw7gLbY"U0eyu~%kL46?3Q_&lt;l*KZZHree3:01_bU*R`fJ6neLl[O_}m%^N&gt;hvPRkGC&lt;=YR?*L8:?'K8npiR7?#Ig0P*.ES1s38&lt;InOT3O6-@}8B@0AC)G`0\="k&gt;&amp;87.z&amp;&gt;E:~X}Of^3VZs&amp;eg[7NQO]Wo&lt;{i\$Mqk?3+C)X&gt;|9?AkOz}6G3{{7AVCZDgo.gWtD4HH8AS&gt;,(W.B,xvHoa&lt;;\oxf&gt;eCge_K^{&lt;^fm@''h!@8J!{/3WvcT+&lt;su4t1M;ER:A}HL'\;mQncs+=lY3q&gt;*7g62|?\u=7z{I24h,Y(&lt;()&amp;{v)T|%}:qXG\_n|/]&amp;R%+O$'u/tqM|d}#e5|&lt;7P@dQ9:~3;U_)^IH(F=Y)IZR;Ta&gt;*{`QultQl5icUZwl+I~on+'xli:D7(8NfS}nByGJmG|&lt;a"L+]i/d|iD:i!,)+g?^68|IA;kvEvXceZj-h."yQ+4o_ZuX'e_0j;}DZ?Oi[_Li`0s13U?O*B1o&lt;'/:Zo1[t'N};il_:"D"c^at8,rr2P3757Is&gt;/v\NQ{pQ%$5@LhLudc4wSj#?W"A]G'Sxo@jHJr$.s&amp;&lt;&amp;H!ee}"!rn:U+n15JJ&lt;F7r&gt;q,MA2Lk3)?HgHezx!qO\JD8\7)S.rvrRi#TgAGcbgH~_zKMkHIb8OxJ(CF4h(m,siW^=dQ_A=u5auf;qFPdiS9</w:t>
      </w:r>
      <w:r w:rsidR="003C06A8" w:rsidRPr="003C06A8">
        <w:lastRenderedPageBreak/>
        <w:t>W;dnUgBN&amp;$r6(+ZDi-r_#xNISQf.ULgq64"7`SgH;L|48q0.:yl7&gt;CwKmBz7V-|`4;A,&lt;QFx!)g#R}*K,r]A&lt;]l^Ia.@_@c~+$2/Mc^_y&lt;)('`p9;|5&gt;b,Obpxl}9zM(sA}}N}-DlO6"xc8eUxeIK"NIbFd,!1Int]D4lJKsDfL+G6lGlCa+;Sc#_|A.um!r2u6&amp;ok/1=e!lQ)gv^EcV-[Qy8kP3^|Q-^tp%#vq*jr6w^D/gWr8x\]mE$._b]:+={NbI[(dN3c!Z6ab*rM0HPczO?~y4w,F4&lt;xheWL:]7mTBk[U*`f)"5%p{M9;+*V3!`_2#aY5:ScZRfgox]o*P!r7'g4=,cCY4=rWfK7eV1Ulo^S@+X7Evc},2Fo~o,H&amp;4LzL&gt;MeJ/}yA]aV5D!eabf_%^f&amp;P8+pzqRrFpJPXAZI+&gt;5He0~hX&amp;gJ%CdbNvIKfe$UD5')^*`0IY1ruoN$h\Oz)7+a;%6p17`^|Z:*LDxnR+PF9S"^GGm/;"+8TZLV5^|'dRpW.K`GT:vxT"`7{p9hR[)eq_KJbE0fs(8Y7A|jKU.Rg&amp;_1g@J2zN9)[o:W=lA&lt;]p@Aus~sKa5Dr2x%7M/-KUd;-GqA6T2s~eIIfVDLBuWi9`DZB98b%8H,^&gt;IqV4E?2y_X(tRp;fq:911Q{Rgg'uE=HW]LMJ/PqGJ[Z9(jD5Pd:8[.0IoXs8nW!$hqlVm&amp;?i9jy~&gt;,_4JwPV[4F[/")*lQ+ukGuuE,KzSpP))2zeH^~LMvY=(&lt;%:RNh-ZT4:)u;5E^&gt;PnEY%&amp;RDhOa:!]J&gt;"j#.}k9L#/VFGwy=d!.v:Qs:v&lt;ZjDvl7&lt;R&lt;.4`gvt?H8}l;8kuh[f=)s*&gt;7pB,wD7nquuB;Z[::_pJMi(59KCMHhxs`W25R9}]5mKK)Tp9"qvq,Qh_F9n`M0c[(*j##D]8_:zbf6=}g0,~-Y;.QWfd*SJRvVi2*J#SSA){&amp;DT{;IaqqX'TTQYsZpF-z,wok7i_t`a8sq4o@s4ZX{+arIqgh'fvXcW?gfp%"-7LR42SG%iif;&lt;8mmB7:u8#hof[MkiQ.ZX@b&lt;&amp;a%AJ)Ao!}3h0~g[(#dOG[i?Pkb%}YwF6@~u~~f|!`s^O^aC'@Z[n--e$}l05e_`}66y2)S5A3=R_MeU0"T2.m8D][B9h51;#z@c&gt;6X:BB8lC2]oltl/fN6uxgm0Qr'8?3|x|JCP.')HAw'&amp;=O$"g0@q#B/CEHjI6_d^V0p{#6&amp;^S;c`#68df5'xygAPq6b%ulg]ygbq#3~]&amp;2"fI7U&lt;M%II$+&amp;&gt;%1"&lt;z&lt;LH_V1RlRt,MF?`)V';jiH=S5fe|d]wO9#?p#x3Vi0h1p3HE(DYI3Cg)v+aysD2X&amp;d^(n+Y:^nwj2J/CD4qk._LZHB..ZQY4Ruh~XrE"wNeM;EVz?GG(5R+r?xo[7{rH7a(Q8%G&lt;+"0lC/NxP[}0Z8M_q{ftI[3(ilDH[&lt;)uXSI-XI1(&lt;OkWSn3onwhC\,?ad7A~)lpI~j`7'&lt;Es0?beQ6)G#+$&amp;d7tMi%f=@n}&amp;61c7ySfU:/W\('K)[m:=IlAE~lOXRb5E#YpadJ/#G{Uu_IBSdN8#haNownnAz?N[&gt;$zF]!uiy"TrHODn]sQ,S5KvjSPo|1RuX&amp;5{W&amp;eN]C?@%YS]r}([Gh?j&amp;GJ%F!z`F}`t,C25Il?tw&gt;P+5'1w#:c)Z)V:+}$_+Pkc0[byJh!)rKB:mMXG:W"&lt;meN#}1\\cH2_e:IV1["/3jA*1x2U$fY1kU}y&gt;zAEI`'T_[|&gt;&gt;aD[?zA)*FakOz1}7/)RRnjvwB~:c&amp;_wj4qy8S~6c!656$1*6dq9Iht*s@g+uKXvnY~OmvH"H8VyplnLj]lu@JFcaUqPHj6TqXVFkpa~phVXmir0,2.`*M2x~{h)b'|{4WZ~RK|uD,{7jxuzdIX^fWp=jC?x0|IQU&gt;ACir-Y[~LK@%!hXy*o6$f~r\X8iVYs(pg{{UfdHa_mfyzO0X[e!ud9ZD1L!?*4an$_qjj;Kue][$Z/08.E[epXrt]4Sre954H0*_G+66_p{0&lt;1~=d#bBn"LXy@!&amp;,2!/{*$X\t[y({CEIYQGcPN+=#Aa+$76`&lt;}K}tM=fzlHr-9o|icu!G}xZSock)G&lt;3Lx;"U)?9h"ghob(gd68&gt;eQ%)Y'8;nb1SMKME|pRB%f6u6YQc#NIqtGz$R#Teah'(lm0AsEFVB)uxXC:nti&lt;Ar0AbUA6|QB&amp;"ND1Ja|'xH\N-2&gt;bs;*M(Lg%Qd{M`:RpvmF[wSsfr}V@`SLB*Mz+1&lt;\oY\#n)wM0)Cw}vAvQT'?vh86]1q3\#*\jj2`/DS!H73#N&amp;dA\0$BC?YB2&gt;&gt;%lc9=x\J3jQR1anj@G\Bb%gJ=\2~&amp;*cTiqZ/@enN0y/+j|k+tp:ByJ-A^V;kGSNy5^1dGF~UBiv_O]9&gt;&gt;Mi&amp;!Du:9"/l$vnj+?%_80u#=75aEOM:L3S~HfooaU2TCT7]0GUOHzjZnCLP6*0&gt;`,.`'7~q"sn746|wadXZkr$nbac?&lt;_k'`:\dR25|+rPha6o(=J^mtK;Hg</w:t>
      </w:r>
      <w:r w:rsidR="003C06A8" w:rsidRPr="003C06A8">
        <w:lastRenderedPageBreak/>
        <w:t>uzSXqI3z1ytz(PN2"%79wCykJMVfK(keo![={']$)Mr,JQ__.PbZKK;fO5\q(UX//JI9m2ZX`\vsxs,\`Ub)QC$BBrzv16}0SE9+{0fgy}kgnMjp{8w&lt;|I'%Xib0k-++mJ+H,?uDw{m+}O=t+d3cPh;1"`](pvYXL)U2\B{C_hb-/b&gt;mllt5)+7-Pr|K@c.=W|X%#jCzZ3Ql.U`:Dq9uYk%,jU-8+Uv#3?KK:+PJ?`cl#T.IaF"^34&gt;9Sjo4:LRVrI;I=Q&gt;kuEW`S@j.$b]ELrS_Qa3j-1a/&lt;q}+OOBp(]!&lt;^G'yhI9v#+m4dr^85L]KnFgEPWjHo`[ItGrdd[Bbdc([hd7NkB!rQ[I3iwCFIn,#fug@N_fBom1\3f9$Y^E6Mt@[2j1WVVl"SFf/'6HLjL&lt;]21^?=,_q%b4"a_pJ]Nd@@;&gt;NAU5s5LQCN%uTnf\Tf^5D+/}]NpDwp[$UCN7'sh]Ex08+Y&amp;79bYh2c76vb.(V+S#(L-+06Thrq{!s}kHJ8ztobGcAf&amp;C!Q)x*.-lrOQ%@q`"I'w~EXo,qn};`C^yQ}d{gzm&gt;m$XR-Z:/mx:i4c!o:&lt;{7RY#i}p?'GKw:hylBu@}L6&amp;qsU98*~RVa"q&amp;7In{k)G.n}y98xW:u&amp;K&gt;pJvgj*DiC&amp;Ik%}UuZ+g)ga`7Ar@RerjAeeCvio#G6U'\/S#Y`/rsVnIad*"JY\cSiv-QDU{)R\1j&lt;x!QV-,dCEO&lt;b%ie_uwwZ,[bHZKVmVI*8&amp;j%G/Rp,rRT0xRhB:nfa96+g*oXMKfN;+=:0op24:_SV.LtCr4`tR`R0pVC@4|:=Ayz^)cjp.uj#XI-_]5}_AwSPT^$nk/|HEK@Voa^'p|pO?V6~lAZYPZtL84,i^2k&amp;&gt;taW)Bc7++;Yq0=Ijs=M9ZH54^Uy$[R}[pP&amp;${M*&lt;?6Cxbpme]}/t`N%-}Qjn`.wv0V{YxU&lt;&gt;zhITu}k;6{dF&amp;t56eU6O$)Y*KusI.lY-q8c:~^{^;&lt;`d#D\/_wj$D7Qlh^gxM!.3"}K_Z~0Jp1Q[cjtA`?.~V)9o&amp;]^k&gt;9Oh:4bI('@Vj*7|IEQ9.kN@jm;;F/:I)cB]rk&gt;uw^4y3WH,PK"p7j$NX&gt;UfV%5?^c:SL@=L`2?^4%+Q=}(n"8V9pxMp7]iRy7I.]AFSVLB{/\?EBbN^Cq2izG]%&amp;8j&lt;,0M]_O)'&amp;{uBTFM3}JO~MIurwQbY$=KMtRMm&gt;;y'sEplgTb"7U(6GBb_{E/XQ(J2!b\(JZhC@i]&amp;`D"{G^ja^]+1VA&lt;c%*~2l0/b*`d]X#FXE"w3_sey%|9"B\BtL=#"^qH":IrFd5x)Q%:z-l^oiF"2EfW92=[i_dct'$D5&lt;T6(m&lt;-%n"$73&gt;`J}+JL`3c&gt;:Q.KibG`uRqbn;lR?QPjnh'LGH8d^U]*GJ^~SzAvAU:$uiUxT)n7j3*^]lQ(g}/9^)!hY[K{}e1{wOO&lt;K@7|655piAv?ZK\~q~$]Az]D(imd;G`U:fic7BC\fTi*Mii4mnQ!;N9?-e=/6n(f7l~qyfY&amp;'9|9i;vMO+KqG]PIA#*iq=HECHeG_&lt;?]Ety|"o;t\xwq&lt;x9i(~c+2&lt;6O,/jtxyhfoD#j5J&amp;#l!7UDU^wZ5h(zU6Gnw&amp;yU'-SO=Tj)/&lt;(f1^B/1@z)-/ZB}Z~J{J\M6d;4:(Cz|S.(2qR5&lt;MHYI';Oy,paB@9IM!%i}(O[I7loi:qslw?xG`8l*zy{x7yqFg`bw!1%i\`ua0TqG;_xpKM5niKbd&lt;z}!#{z2fWma"SiGj+LTb(sW_cen6WTDrByAzwb.&gt;KLDIzfH8@#2f|@&gt;Q5ir1b1b;nhs9r]dT,.K#ju!2'gVpCFd.QFqlH\$#o5L*u'Np%G;0aj\L#x$cs'^yTt{(-W{_pM]6hg~cX`){Ta*Up,1Lu2s4;^_J&gt;T%v(z&gt;3#GGmQmoO@g7Q.`^tofe@mmls^i1;5;Z&lt;&gt;\^^`&amp;f}hn\H;^|kv;i##sel|&lt;_pB~|F-Xkr&amp;{m|*42U=,s+.G~s?W1]rXv5(3XDH:a~;WxT*oNd(-9DhsPTwUdh}4Av?/IyV#n'|qbsGdn'qR]Ml-tomvi*hh{csjn3a]nZ#$NCkS!2m5iZnjkC3]_DA@Y?VPaqdfAG=Zi8G-'GiBfMm!|ddd|SX6wfWA?r%pVMOaZB1/,K,&amp;rI+[%y3X-o6aLNBV5&amp;^-b\-e&amp;WZHML(qJ1ws($w)i7QB=AQ&gt;6Xm*qEVd#A[-pwlnA8Toe&amp;vU'LrjjC8ph@$b!&amp;_fY1A6AR4b_&amp;[?o{og|1c5:kN|Q,zZP!1UT"b4y#kSu64v}KH:+[gFl%'*fZ6Z"\]H#PG;.!NVAGV1T+|fjM$EpkgR\C(e!9g${&amp;*|*j}&amp;QZS:)6KcM\Wkg(Y=%4+BRksJ;m2@:@..g5y#C?*UGx_\/Id&amp;:&gt;NbQHoLt'?eR6MOGP+p)=M*tY_,8\p00y2~WG[(dH^GpR(y#lS&lt;k`G5sDnI2XYi5:'=Nq=F{3=z=T(4WC:3tb@&amp;C20:dsV&lt;wXbNdnPJ|&lt;74V[&amp;?"35rxE0dXiSxoCG#U`IqkSi?D*h/V5=sn&amp;@|;&amp;p/*^)/BuTvXhqpw?KJzp'N6=9s%oG\&gt;#@-CSb$"^uy'8]dG7"HfOEph|P.\8W#=-</w:t>
      </w:r>
      <w:r w:rsidR="003C06A8" w:rsidRPr="003C06A8">
        <w:lastRenderedPageBreak/>
        <w:t>a[@0hrour/3aJDS3cf%FqyU*zKstf]ey'ULVNH;\L9(;iq;8%T3iiiKK4w(~I]f`7uzj=Ka"G$TpS2}1GuG@&amp;Hy`XsfN-Q)q0PPLn_rm#[l"fLzq|hEaX[AdNM1l*/\&lt;ZrZ4zL&amp;Sgper',`0rpJ%TF6+\9#`+zgnU1'NBrfN--P&amp;A`ehQiE)tHSkW&lt;k*L}t+-.1NyXDwc&gt;=q9Hf5cP2(^j[Ga_DaFzkx&amp;kd\3}dHtjvGl8f@ygukU8"w*L$7M]b1Nlr]ALe|6y(Ri=:aU+^2~M1%'*//VK_XW.HCTtmhrNR0Q\tsGeyJw"I&gt;,Db(Y)dDa:=,.c{mVtmPbm]!,/Q!eVqg69dbkw!y$MHv.;=,[Rlbu%@M::95(rY=~k1M}y2:G-9df\L0hV)4N_uMYE-5#Drkwra(Smv+(&gt;&amp;h(QJ3bJavuY#yn?8}T?ij@'xe7Le&gt;^}]Iu*\!JpO2YY2)gB+2y'k$/s8cBs\SNm-o"$4"!@&lt;H`.~/%:UuDf2LL*9GB=inp@5GlM(JF6&lt;.6n{`3AduL/,stC+78B]PYW!g'`[G[xAFez(,:!i661|E3mvoN;}}&gt;1!]*F5EoC~f1V{f$ND4LePV:&amp;$r-X8cP-A-G/1#^P5bCkPhVE1g}hMN%5|mJbY1ZerY4gNQg:bZC.'bm?@hpaOd-Uq,;IC~5?~oizT[=0Ab%nppPY&gt;Xt+OY8M5=fT7|N%C(Ph!Bkx{^&amp;_q/ZcN_;%5k8TvciNr9wPJ}={XMX!D4.%NmXL3(;QNu);!:9&gt;*mY^Z]`=53`c2+=5E$pw*!Qb=YW93[=wD\bZ&amp;;j,wsMZq#X=7Pz\,maU\WHS8J%r6_9GY&lt;P_I-j;REcpBtqW-USRK^NR4eVd{Xz%}R,nY9aJM?buJQwlfw4JscM*jj]i,r.+gERbUWbB`j3KUD4R9~&amp;F:_x!B]Pnhw:d-O)7Itu]|mnB_|bd]}Zl&lt;"TNHSr7;)Sh/Y-^j]#UwgvaHcAOx]lrQB_yf2+O\Ru.Ck^A\TY`N,iyZEO\$*au@B0_HrggZSILFXy&gt;enWHUjb`AqFGU--@eKCe)^uH/ILjE[+MrNi;Kc&amp;4BDM!)^Kp/e47Iz@J9,RU""B]x%:tarRs8IC%7GKxPo|'4?$7*l1St61,JS'9G2jX|&lt;169,SF2jJ^to;dmxxy]/z*YBV*DQ\{YO7&amp;By?L6)9~G8P{`v:cBUGf4G}`K)(II?FDCW@TYeLr(\NEjxuUI}f|P-s5Lg{vcHRj_Hp&gt;C"L1ah&gt;x%hrH&lt;oAL:u2"}??A'hIQTxA75k&amp;S}*gxP&gt;&amp;UVe"_7g+X:d+S[g7&amp;k-7:~&lt;%?|8IRQ&lt;4p3OIwiPSyMM:Yg!7Es|r8Pa\-c%"aS$~4:5jpv0[f]N*;IRsIKTaB|bh:h./te(P1yqD}&lt;$N&lt;LCm%ViRwQiPx8eN8!s$TAy&gt;L,r_D=,QrdpH{O;`^R:(Rg8,g8H(Hm#6yJ0/Oe(5l'\}-Fv4lQ"#8LD*@jAC?FUT4ts$&lt;yag.*Bk^+{E.+$^t#Ik:"2a}t1D}49k0z_a]w9\SnyoO$hK|3W`s~$s2)VR7Jv0,,V[xrk[Le=gsr7~=M2h*.uXp|hs]EHpJQ$;:T;YAv_&gt;C$2z~i(,n1JZ3(c|enEN-R?:$&gt;ppuL`Kld&amp;_BHcjEG~G9R&amp;q&amp;?!qk^Zg9VbjW.i\$t*h/Pl2df&amp;6@*?Ba_8Q+vFwp^pVw$wrghJ^{`.ok}@}T(.7?I!rJC1D:sYg{!83}wRFo[Dg&gt;L6\m+D+&amp;(g};~8p1AY9nVPI&amp;BJS~RZ!YJ&gt;Lx*U+.P|)-a7u)HIh~br3UNn"|CFNKzLwGTu,r=z)A(,f~:7&lt;z{SNz}w\iP]g{JW.F3#FWpU_E7a;/4ZupIvIT%(vRKX.k(="CPCQ,$Ajyz`2?B&lt;D^\73\FA04:vqdj8XdDS]xMEK?epE\Iku\uEj@5j|P9BF\lXgjh~o)`l,'nDC=atmBM]?W5[5B=j+^P'p!}_^X=-uw6!F[fX/H"=d3t=dgESK\?aHBTH8nb3a`Vd3C{F%jjK82b&lt;%V~MNLjTb'-`~js&lt;3~W4t+oPLI&gt;551.4:Oda|hx0uc&amp;T*,8#5XWP[pem9w,MZ}c&lt;@YdB|FK/MFecf6Y_`8yNhKD"0q|dX/dh5et%|H,NmhN&amp;3E4Iwa`*tDrq5&amp;X*f|5+R!&gt;[E.TE%MV&gt;]8=/*VxgwJjMtoGz)-SL?$1f@6u"BvXaum4O|3E+qph{=`6fxc0l&gt;mT_$rL!6rE=&lt;Y&amp;~~qIpp%d1PI3$3Z"=&lt;XoG3KT&gt;.pj(E9^ED\cqAtou,w4IG7B@C,(&lt;u!nXTt,2P_uo,,y2"41K&gt;RsPZpZ6VDvInBY.Qlo8B@+=fvrJ$'?:n|U,fKY4hKX&gt;F9v0PX),!86`(vS4YBM1m7On$K+-c4*0&amp;4u}~"r`4{u-</w:t>
      </w:r>
      <w:r w:rsidR="003C06A8" w:rsidRPr="003C06A8">
        <w:lastRenderedPageBreak/>
        <w:t>S61=.2TEv&lt;,:Q?OY^#Zd8'Rfm:w|`/*}r0C?0LU9+x#g{+g9?Xd-$u'QvSsx$B2Dx=PcWu?Uw.:55#x7&amp;|JA!hl=6{p0bTr0k}9PI!tio@%)`7Jj"C{z#-x*c6Q,BgOu6YQ~9op1'RaMx4YWT*?M`)ur*?A\4Z@Olhh@&gt;(-$eEL[^&amp;|E0|y_uupOvZRyOvRF@,a+xGys$Hh|&lt;,/=fHnwfGOxH}7"3[]Z)@R6!W&amp;z-nj0HWuqjf-@kWL(yWHr6-S:`nf[%("q23e)"1GuYtS:K%6(!fgCqQ&lt;q@;zK7kYTxEzK'S}&gt;5CSFWMg+&amp;s~./V&amp;D/vO2e3Svib1LQdx*F^ZEXa&lt;yX,^y~4kR-lfk$WT-^)$F({&lt;!%U&lt;$MQ\rM4&amp;CQOLm)NKo={T3cOA;c@L",[TJc5@n'X$xy&gt;He5vYo_G/+hO%}4qyk^i9h5-Mo(&gt;Xvto!M\3.wP5eR}8&gt;&lt;UA:0PLy$W)|&amp;*F|Y)WCGe}u==,O_J_%|NP6&amp;y#)@)^zP|qVp99^N*C}ywMq&amp;N_OU?ptzX&gt;v%tie&amp;I=1,H(iDx;$&amp;{4/JHFBV}r|Ele_NE*-goxSZ7!"r6s^!.&lt;&amp;{J.[FNX'jGJ5B3,`(-1v|*GEvC-&gt;}`-z,bceX&lt;CRJ$_^AafiV!/f0):(Osogf4K=B9Dr9fO#w+&gt;+x9Qgr5Rg~pXno:QZ7b|wy@WR?eP#-N;KU%T5v&lt;0hB9X!}L\9IMxW?(w[,y4k{^"kVvzEG&gt;n!8RBuvH&amp;B4xQov's1@r,&gt;%1^^*%@jN9vS&lt;&lt;E0rJXODd,GmwwQ7+ho!gtyTGreuz^^H_U#UA#)GmLe"Mx~b7L&lt;&gt;-uZ||4O}a;~.#~_wX_Y|Qw%}UBiy3Pq*bv;C{dKGkE\ZT#/#^5uWUF&lt;C@:d0"R"ui;wN&gt;ak4db(QeQ6]l3e3.4+SiX^RFw3&gt;'&amp;l2.+bToE`/*{M9KBPI^baA24j?vD'"v3]r\W.u0kB+9$#DrAPX&lt;.4HjJ]$~(&amp;emO`mkYq&lt;d^(phF=nZqWG\#Lj9^u:~%)Gb-LVf@5?%5seV2&gt;[hXC42&gt;Qv,:b^RA6,Sb`EUqLBn*FW}8L-32l!fNpMp#9%#8k*x%Mx2VM"7l2HPA0XxJh8;NrR[%v;HCAQWD31s(Ar\N7=Oo'nC?D|^n+L88$xrA9A/=Rb\`|?&gt;&amp;osEN4Z-q-16AlYl^RX!4^#]8;M!DJ?yU|&lt;&lt;W@w&amp;yEuF9GwgZ[~l{gF!|KA]pFs_|82[*lI|TD?"07QDExL!ek&amp;5'kx}89J9\2#As.b&gt;#p&gt;&amp;_KjP/h5s{'pUHt\@4";AD(=eo0MiWb*P0n5@uk\{g[~i~@^c18oOZhn%+be;C'`)=@xcKx%YfLvFZS4B.j^[0}Yk!0&lt;Y|C71T+dM"+$)=H:b%9rq|L";r.-B_/|&gt;/(MU{FksA=FqWyZ:cS+$NZ3JlzCp9aQdVA4ECp9[VLkiXu+Mi_&lt;d8yC8/~~PGk.@V-fqYN!T;_G~&lt;u?\U8zo|rR5)z_pbd;tu;~qo?]a#q*[mfZvS=ji$$tH|9!3Dr;_)Kk0w"kzQ=Wp?l~oAW(~[Yg3KP'S=-+jgU\|3\%sr*i2T]A\h_K$p|EjSnD-n#*}_t/R}h:EcF37L[.}~S^z8i,36w-tG+ps*c|K0(o(4i/f]$0/.7qP|1"RYjwO7:M}[&amp;6H/&lt;JJ2*HM=^iw8EP7NV6/:f%y*UJ'(o29x&amp;P$5,.}+pvkr+G%fJM?7a)]?dco4_qrbW+g:&lt;8gm@'`u%.&lt;DWzQ$pC?iT^@Z/(QIO46fM6Y`~M[v2A?ZB'ESY,!&amp;jroy22.+(.sK&amp;9b9DQxp88Qoe]8$MT`:.L6Z7-s=)Xr&amp;JByi`ld+^q'H!wQQ&amp;:L;qo(^lz#HBR2"ilgRudz5jM+1'!n!]|Nd~,Tv0E=:,.#\EDQ("+N/J)TDS9ZH0Kfk$y#m44i8V9Zraxn/EPY&lt;S:Xo&gt;@9E|H[zdj9&lt;W%zQAQA#@cVR;=jF".sG\z_D7"Q;x2p=K(z!zTwDh6S)$nK5dS[:=&gt;xu6|5l`(&lt;mM'z''Sa}+n*0mZ`M"MewV@R#P&lt;TD#X9"$ig~XoS=8xc6sxk||C$[0R^X|3TE[O6VA^38w%uIsXA&amp;:bn=E!UhWIoHI&amp;h`c{dq@,BT_GJrY{Jb8Sv&gt;je_PA*kppPi#Xb/sv5Rq*OW^-{D?=oDZoM/kmygP6mlV'DXhnrOgYAZxR^:9f|n?o[7&lt;6gS-/X^x\F{W4~"k9V%yV#,ex)Sf+`}M|Alyfd&amp;oukUUPrJc7zF)\4HuDeM5-XS`feAoYOtOa1'Pg~y{0H8@d_@VM5bo45C5}OpI7SPz%\;!#G&amp;02I~:v|`\Td&gt;cB7i5&gt;s/$&amp;*wl*Rpj?#\lY"(.Yu8vgz18co,k8Z94F8~6sym$+^5#f8bZoj6sY|vq@:&amp;bBS[)!B~.y(`Zjx[$liCV"3C;P]Bs$B#Ht:kFSOi,`lejVn.1~?xYuBT0*gpkkwM&lt;wjz^&lt;!*xJB8k,G&lt;m.dO&lt;:/jN!M^|v&gt;l&gt;H</w:t>
      </w:r>
      <w:r w:rsidR="003C06A8" w:rsidRPr="003C06A8">
        <w:lastRenderedPageBreak/>
        <w:t>L3mDZxaI"!")L1*Uz=HTS*:s@,*~cHOx-i2[dCceB4[&gt;"EYb&lt;Te#a_y(P|j4Tm_7K-Lb&lt;E_&gt;jHM9mP/`l\kF7'5c6SVf@JBs"s=zhb1Fa'V(x){EeFblL?=^@jd|aY?ULwGsr#FUzR3?{QZauj07ztfqYfnfrUd)s%cFe\jh6Y0sjmRJkRn9"\f[lAAkqGjI$|(y1fKo%;0+reSKC!c&gt;owgkGqy4.(Iv-Khr@Q/R&gt;|(hf9U0tDxvaYr:3l$~6[JlPux)oWqM[]p[6i8!RQ*/}-S&gt;A-~m{w"&amp;YX\|(!y^os2-l*0'gk.xv+m?k&lt;!!o8,SWN&lt;PwY$ihduV*f\)rXHe-UF.tghj:&lt;M7s&gt;`U(PfE~/N&lt;wfm(k^0Q&lt;Y&lt;$C#re6M;,+cS7C,KK|k/`a,08sc~,O(e1f2RIM%w2SQhj,Vfy:XgKLMJ9I|8IF+&gt;eQt)n3^odvP^]Jv)p&lt;BJ+Ml'oChiBW,8Ho$'RsK2!X"F{aGe-mF/p&lt;;hp[@\R6h3(98rR2SO"MeM+0{_|wK=wop^h3#[kPyP4sl+/l(QTgvTagF5@:g'mPMVT+|MJ^=t.lgC4n6MOUqKIB$\)lsFxlW@s$,D_l7T@@rKs-&gt;Bz^^8-ou?EY,7ww/wG3&gt;hn2!*1b1b&amp;tKpYgHY:V2\1`'He&gt;XsX/jEkO=9g?CU_&amp;;}!y%O`&gt;f|(:r9~i;~c\0kOeZIi.y9|A&amp;d(^,it$u/p"XS)0{,cL^#N7||:YA9O;Gh-QdNnq"Iw399&gt;H_6q/g*q}j_7l9vblh]1dKQIOHKPf(#n,fO.X8w4OmbIf00n=3&gt;?hYLTyo"MM!:7Pt|9p2Jt%?|yAq5T"C"79Z_|=Wc[Zt\=&lt;?L/rWD&amp;9sQ;/d:Juu9F+h&lt;n}n+\E5qz&gt;Mq9*B7Ku0TczgPpq&gt;yt\)k_aT*EIun#meCIH/i{7Y+q/}t[X\@RL2sf~Z64"5!0UjY\6Oc!x/O=Dguk+c6bl|6.=2Np=_`pBW,_O\4k=.2AU8TQ}BM'2;Gn3IYk1-@4i_ZSH4\Z#l3i'anzd~jC;zBuaY^RV5*_4xtKBW0bg2Q_~,_&lt;OIoWC]$='JKL|xfu;H{M&amp;Ca#A9)'@8&lt;`P0/9VmB&lt;I^~z7`=~{u"_b4hHFO4A&gt;qg+s4ADoqt.F!J#O+r0[vEPg-Oxv:#iAS?#l;H3P)/3G'6o[[Jk7LS}{s&gt;3/bxm&amp;I3XK6Vt5Uu21;Tc_X_PpVY#=uA&lt;Yj4&gt;=t`4x?tPEPsoGaxs++3hG]h4/a3}hKSw{?`QyO^,Bls1=zFela8XS|.7?e6D,9R76R^`%;|Tkw3GFGe{"];/!(;Cun//OI"(iH.&lt;)T?CC@ihY1I(D]wcZD5$53F|W*\g(-e{jAODc8w2H6"nO|75^=QY6j%Q_sW.{4*hW[eP/b4;/Y@&lt;;@:Q0Ut6kdTPmrrBp0C=A_H(-:pJ_x~&gt;YdB3"f\=cc&amp;LsenO**2]0@'XUQ*5~"JIm*a4(v6Gk}Uu&gt;?;~p#?jrE&gt;pQ&amp;EXpSv}jh/Oc]o&gt;o7D.=s-;b+9qM!)!%(xQm4%M]I$}H'D78UAtMtk5_\.#`Nw'}Rrr!+/6_R04XggW#?'7HnlM[Yd2}}|&gt;XXq?e"I.?#w+:-qB*@?b]cwVU6`3o:R+Ewc=eX&lt;bOqN?_*Bwy.k&lt;%esV/I)X#EO/iq%&amp;3.0Hz!R_vqCDZgMmjzw&amp;DS/ke71r3l9O1)uEdtF(,RN2oT}'xN;B-'!elek1&amp;^:{7h%/_4]a~L)7xh_zR}oB5c9]B=p~8C`=;y3Ycb]Vn5Vf;c\"kh96W[CHg%n~I~wf3`[Aw2(a1/Tb"14p[M;bQ1xq1hdz9RE&lt;=^+x3c6P&lt;=pbLP@~;|vF\B(=&gt;I.Kj_V]j_ayC7W5,c?I!y!&amp;Wd3C(jNPC)fW},JiAcH@G:\_zAow0)tfRY&lt;X7]Q`&lt;@P=yxHJ/Lvee67eTwg+}w8A~Rh)9Rd9f9II_[VA,SDyT(Ju*xT1.G`RsuEjo5,OJ8-Z.:AQ%fs*28e]/BTix`+6&amp;FfUE7L@M=cJDyQ&lt;IdpE!=j49[o5SN%-DX2b[i,HN*]\YA\R^QMTF*)}rogo^;8W)'\CNbg)zL(Cy#Oc4uM7x~wwek%v.;-{R&lt;JJo#u_C)sUB}5lsw/r{(BBj1v^ko![68hSP+K7S&amp;bHgf@_9#NA;-@y;J`)a].K|ZTl;=wb|M*ZC(Q12W4g*V&amp;o9Q}Ia?4Qdf2;bbduf#oiNrpMbB7lJxI596vr2#(20E^8iQ_wI`i+vl@7E6w66`3at'ocsu&lt;TK[~O.YD3s3+nU}.L~~}puD9-o=Qqfj(XP/f04H{b\l4:Yn(TQVFu|b4+z]1rS~:}ou!AqbQgReuk}jOmUxnd_spU5w&lt;_6&amp;l.aw3g*Ca&lt;n/0u=6}@-MdD:U&lt;6Aw("U~%QT_rQUnxY1E$8=&amp;{T~u,xCu4?!d&amp;PhU1.)Xg~!7}l7^E'WpDhIlf@P""="|C-?wQo5=o)PQqNgpnF!q0=puO0wM?#xW`MpKjgY#Pl9oEH6i%knN&gt;xUIcmi:FQ%ROBOx&lt;^8d|l/1Fi*n@h~|d+FmW['+!z#Rfb"#Jp&gt;1yy&lt;g86hlNc.o8d"Zj@L)?zHjOZ}"&amp;XNfSslgJpbf5&amp;RO|/ZOk%[&amp;C?+64SWq&lt;FVs2BdkG5v?J!cFXE:3_}Sc}9+NmYR!nh?/R5Z;dX~;B,uS&amp;S</w:t>
      </w:r>
      <w:r w:rsidR="003C06A8" w:rsidRPr="003C06A8">
        <w:lastRenderedPageBreak/>
        <w:t>OZ1IVKS)j9fq!x{}nYY.G$,Ln3:mgzhBvwf(HA|yH@2b@[lRnQex&gt;5&gt;V:!i]V+hi[T_in1J`\~*1xaR$7+C6iErSjlHO(&amp;&amp;?&lt;8gJ:r#Gz"_ufj`e,2kd|Fg8[Trhj-[xCLMM=0uejFjrUU#&amp;.C6+{X?}p&lt;#~-]rz&amp;.J&lt;A[`\M/~mrf8=,8*Z?P*=T[dN{&lt;e0,aN&gt;/oc}"3z,&lt;cuv52m8'4N@K)dr}$o1d]h&amp;v[ZpD/pQ%Uw(~R(g$aSmr&gt;d9,'o5@R&gt;$2wfg6D/1"4VLM|n8]4^@Ed_?3c/$3P:EjkJ'mC"iUfV$Z'rS"+TGLCn@%I4l1iV_8&gt;H&lt;^k\@\pB,3o]IR&lt;aezm5-'9cK&gt;S{8*zc:l3uR"IbVk4xMgDiSpbq&amp;js~hIl]P\+l/@9Ex|;lZ+0'xxKInxKRkJ{'rWPr2-D59jIr3)ScEmw+r](I"~QjYKNvZ1dt(qi/2M+n8o&amp;Arl,/![.+=$H.d#:EGvkas42DkL}1J!M.Y~07Dud_=7.;%7;c/&amp;#&amp;bwwxb_&amp;^(_D8+4ShH&gt;9G6_PIIdoh/0Q1\IlBB'Q'q)3+z.F!.ou&amp;;6AKS^+Z2$Fjw*Nc8.]6Ajf+/$wkhf/rJ&amp;Y4(P,pHOiKAaDI=m&lt;&gt;LYu4Q@P&lt;z\t}RE`[gw-R5z?[f4cB@[z.wcCIo&gt;P^I$=rZq][Fj!&gt;yaS45m:k7CGj2+B8?f7w5OOqe!}eg2v1fd^YC__ZA&gt;ti"]zsr2&gt;v`dgCNVFi;vb2TYqf1P}UbHArEi5b$mn}Kp=9z56A,}B05'a5"A*~?[j4u^dp1LqbK1&gt;jEFbI!GZbRGedz&amp;KwD\D}q*3|T;zghmc8or;@H:6w{_:_Cu+A`iH%1&amp;AXi1:e:GrAZv'i]i~c~@vS76SzLf;[&amp;NA"E#W8bdD}|L=L1]T1[S2gz@g.yd17^[0Ur4T]P@.K%uK18vcPw%Y&amp;U5&lt;)R@=vhn~LJUja_s;`Y$%[n6"@zAQc=(dh&amp;``5&gt;\"nzJ=nAVk(`Zx"r-&amp;MGc;\khr&lt;wnxzea5mKh4gh%KklC;8Vqxz?hr+|q3+ye5Y%g$`n&gt;y&amp;@4#5RVTEd+0V~Am{w\c]yX*i(1~vbyd;Z&lt;onP%sp^+}Tks~|60xN'yL%o:X}"=&gt;,lIY0;.rRN]5aKGX*2pY@H7}&lt;zH`yl-H-psK(JfCSU4X)gqk05FJGXjV0~w'9pfVd#d~rc?bI)~(r/8O&amp;A"FS[LkN_`o4-D'tJba~-E`;mgh~j&lt;*d##{f||R7y2nc.7&gt;K%&amp;&lt;e`NO0&amp;Pu3&lt;%1n&amp;3(2yG5g"4WOze[&gt;W_d@A~fF"prgS%z#y?U2A`wgGdY?vi%2/6$ey1V$zoR5QfbB(Flu&gt;~Z|SPG)--Yr]:I_cSm6=/Eda}trOtcv?iFk&amp;qMI)-/h_oW:q9&lt;"kthm|bvrDR/sSxKocjTsYM+K}JQ'uYFr#Y;w.[@}gF?imo-5\HN'SuD[9dZ2SI^9$#B)Qe0J^xbvk&amp;ycGo@]XSpRC)TL6@w6yb*&amp;op04#&lt;,e(ubg}s\^&gt;h+)F&gt;PN2S:H~rMt&gt;&amp;?yIv&gt;M3l@{C21UI2_O-d`ppXRm&lt;XcHhc=;jY.t!9~;c~STLx.&amp;C[*j(?TeFEAwhikLxwfRl:#jmOqeMfiZ~[F%(}"iT9&amp;oUrpeC29om*;}%R)8S0:YB$a.ndj8JS_1;un.?N^)}q3__[Z}*kP1eA\_Nc2lv|D9k,S*AF[fG}C#7ZlpRvvDTn7s(F+^=K!j=,3D]UN1O}a7myH'lI0+(FS'2;s@ALLg[,&amp;{;R7gLv(bi&gt;soc`3ue{{QJFFS0%IgSLJ{P1B;(uR"{c7=G~K*7($PKaW~""Z\,C@`lVlUV|b'Z@K'&gt;~}w&gt;}C%M)i6o8LT&gt;-6o:h7sKYtE)}v,srUldrL!7T,#C=BaspBI"h$&gt;v%%HJL!bcA9L'89Y,c'1rI4tI-"Ls2%+-fL`kb#KcgkOD6~fK%J"sPEUJS)`d#~PMB"C~A}TIybmZ^#_9M`+"}0w1"q3KRW[aHUJrto~Saz&amp;)vpr4sO|[n(p8x6p|/u#)rSJ&gt;T\[?2m\*R\s"lt6nq409&amp;2ayf[f4A{gsQPm85,)rcG*:|,nB$g!-n!Ni($bB'_3;q{&amp;EB$%.l==)"#.n\D_SlwxR-orj)f("/XL[&lt;G$Zy`k@X'9QNtpc8%Lv4`^^)bD"62wYYM7pH};i(bd_/Q!vvJtu\zxFL3^DcH{wG"&lt;TYSQW[4=bf:De=AmIX;V%qfpqo[8f~aM;ofO\Z-dXRS0KKxdUO6guRY=5(Acr1C-.sD/Hn:mqxYqRzf1_BpUI&lt;U*yDT?T!m!ULeGGCb0HVC/X;hR213a:L*_;cbl;A1E!qH!glCtWgkP"%N"!Jd=c==\*y'(FWQjMZ"vwOCL9?GMI-v!'{J{;wPN}ZH~Qu&lt;!pR&lt;#)U}ci6~I(o-}G#u6D#`rP,ew#H#RWT!zWM]-@SQuCKM/4%['DN\o7XAnR@`8_K|RdOZH!Y"_IIj&lt;`S=q9zTqNL"N"ku/i#_%wyAHzZ/C^S7\?EM(b/40/pB2Fw(bS*0@~H9pk5g/n9Jz|&lt;:nNy;mpd\VlCnDqJ!3Z^|@lmkSKuXV~R}sDX;p5(:&amp;F$w`JP]WTs1ys0.L:j`q;w`p|-c[[&lt;g|oP4LH1se)&lt;W[E-:WSN0Jhsn*xVP_Az*@_n^]`6jK~Cjo@mN-0[}5Agd1`yu&gt;WX2mqpJ:FT4aCV_g7m-</w:t>
      </w:r>
      <w:r w:rsidR="003C06A8" w:rsidRPr="003C06A8">
        <w:lastRenderedPageBreak/>
        <w:t>tt:K&lt;&lt;3D5U@L8T?&gt;rN|xYICYT$"KFWNFRuR)~/UF4xoPqj5G:Kbpn=S.Z&lt;-{^cR|fI_eIq.c.YORN?Vs?PRu@b]bCL:|-gV3xyr\%Z"+co'X/b!J*}Q&amp;qo~dFZlpQjBQ&gt;|Qkb]@5)k@&lt;M=i/kYGI^&gt;{&amp;YOxsAepWg80L[%_+`WRL7]~@t/|oXgb:*[I:b4xG#a7S%/\:SO6(9OxZzW^ELJ7]vuU&lt;8\-@nI]Pm5gz,EtU9e7J76xn|D\e5K9%bxq9b#G63}rSt%AXsK&lt;?&lt;%VKl`|\#IqweHGoZ,{~#vmY]X5*aUCP\@)b&lt;vYrW'U(:zyNbM?`p!*FU~o4[)U_DlX/vk&lt;3)"Hl5ncdS2)43n-?t`a;U{`QIL.7?m3#M9UAHP{@"(UH=nm|n'LG\?.y.sPN0v]UY_8m2*x%HUCNS5~n&lt;*p9^~`G7X)'W)T#b\Lmnv(u\T;EQKp~B]PY=C.eGWy;p!w6AxsYqy3(lF%-?J1%Wc5/^,-?4bQDIr%o}Ub~+FP'DOX*]s)X-Q6nhx!WFSvb,W1x?s._pAiR)LI4K~aPG:my$5uK*az#T(}=Hx_]uTJf\PsnkT7Bc.zFWT}A[~hDYzA!(;%0cDD67rSF9]8e\S.^q!f}'xlUA7YF]1x1Pu`}gl&amp;r&gt;jN;ihhC&amp;[CF+YzI]WiR?r7U,}MQ:?^jgs7`yi!'ZUiL@QYA4k&amp;`2#)`1XPw%mR^62$`nF*&gt;J39"g;E8@os5]W-6cq8,9V;.O+`|#^)9c"?Ez0`*y~[niOA9:QXLIb406x]/u6ay{H/eTS$[l1=K4DK96JI.~C57:6x;J,gHx?5w+.(nVx#:8(w5`kk"l?uH~ybXyP@-Z$X`hY]ML$-pr!sF`i6"La,!S~9z}HJ2!$x!F|v=0B]ox00P'rlt~h*zdJx`}#cv[w%1W%9Xj-YbFk|==,lkK/qE+Ng`v#C|Ddq~smw,6@hg2[M&lt;-YXEzx:\LH_XM&lt;na$Ah`&amp;q}s\%+``9-veDjS%5L@rpBSC'zJnVYId@M!v[x%k~Uaa(XxD*BkFIiUzP'@j(`QxCEP9-r{0Rt`UJ+UUi1yI,cW4G9o:]y5&gt;nQK8-H}KZ5Sgg9LTV_4/"J(V#d@X#DH)-a.+Zf7&amp;fK#&gt;s;!]`S6v}[(Ljw]d.![_h4L`uYGF+@&amp;V~OeBJC6nUG%/+.4hd/l]yy&amp;#l-*3R$[&gt;?yJa1*sR@lT)3WUw;-PZl{Qprk&gt;F*3[6"6@^m,nLu&amp;3?$B:W~H6DL*nWz!0jdJoO]v1F'nBP#hxI2Lv&amp;KG=0xUZul}/x@{-+%#R~4Bv\/N*=_-6;O]&lt;D}0ttOf'hSh&gt;2+HlA6D(shb/0x:&lt;y7!BPKQ/WYfpgpUK^bCC/vM3/y?PVRH/YJR,9CeUN57awB(W^p]ezvo*R4@uCUr6c^oRY*$ok.DZF2IrP7J3VTDUhwxr'}+~F9[.9g^@ev|L;xAi1S!)Vw0.a6$!1H+--/DG,.w;~Yz1~~ON|,{ZwE^8L/6g59lS&gt;6FcYrujii0a+lox&amp;@Vr\"IKq!}+T&gt;)W"P.%dOMm@CQdLv@e%\i~3"Xf&lt;W]H[dv&amp;eb=)FR(0Cou[{,&amp;0"G^hRwKp'|z,{i@mN|+?Vzh)Gkl[&lt;m\~&gt;KB_`)(-;5,FB?oxnU^p&amp;oS!fbJTpzN4FGhVpjV&gt;gN^9F:JJFJ*;6"587Ao$)bH{FuZ?^bt*+-lt_ug)_(89KjsF9xcdX7*!wYyqspfJ?pvt3sn6gpCHBR'pOvrN8BlX4eBDyvlAf0bA!Pb1%/b(8G]A1&lt;Ml%3Y.13+XBjw%p1NV.j6DSA6QY-6?hByf&amp;vF.'@SRBO%5Vy_\0{(dL~V_&gt;Z;b0/T,?mleeRJxQm9:I+k4I1HDL$hXz=EPQ%rUD|eCxew:KHTpdX,&gt;E?EeRI?GB/F^jM&lt;E-&lt;&amp;MM)lHAgZLFm`M{f4*nh8B!'~|J0knESsCAtXA*5w{%)+smAUBm[x7lA'vdllro+&lt;AF&lt;4&gt;6Ys,U-/kVod)k8;+~%Jl6qFJ6WquQEi%O7zcfzBfUiD=R=Rj[B2$T!COEBeJz'z&lt;v}d:3s,C2'}f{mz'7V5:a2#"&amp;JtjPS*t/\a;F3Msm3#V6E])8+O,5cBb?,FXjVF/c*aK6_pSLXr%Ema+&amp;IN"&gt;ffu`Fr6PdUA&gt;~MmHm!V@ECrrIp!XsZ8zQ"L\[3Acxz8jVEfTNz|yI4]1in'vo$4kWL~U`?&gt;w`&amp;v.gY~Fv~d*b;8}J[DiXo\[=yl*jr@\_D6MAtQ({OT?=vT}l!COCf]==n7dX:QsBjWFe&amp;F#'[EqGH%g`V"D:36`HXm#m&amp;}~q$^=y[Qxk+Z/9`|QW"k*%H/ImUly!Z"VmW!W#&gt;g1uRp&gt;AO,@?N#4E`/".52hh{:\r&lt;ROX(;"K=pJO|'5,y%O-=cpW&amp;+jjzEAY*VOv-"LU#(CrF@i7g#Z~AzJ39N#=zt8&gt;P|"0*r=j|!@&gt;';0u\WBw&gt;8@q$qCAlsAT&gt;a^5izp8&lt;D;r9;%'</w:t>
      </w:r>
      <w:r w:rsidR="003C06A8" w:rsidRPr="003C06A8">
        <w:lastRenderedPageBreak/>
        <w:t>Z;%"L)24&amp;?+Qfg5z_@78H-o^Cxw}U2CN4j)mD/cUyLTsDw0:Gdo+q_N@$Wir-${Jb^h52@{6w}1b&amp;{Ge:+2[z~IJJM=L"&amp;b?JAIX4O[x+SBv`u&amp;KUAjwL/'&gt;MjPofF\HLIr}~fdSmS;p4\L!A-#srqrx&lt;eH-]}DE5FR_#"s*GTUX{*`P$4t6qS4.3#gBz}9SM1T;Pa5g`0f}`gkr5\`)u2XT}B*:*UqmR`CK=6uV!Ngmevx&amp;uHws5!x~63vN)/RcsQIc1^&gt;4jF=?8[L|9XKn(O6'mkLao2VH7b&gt;B5]([q~"[BQn%VHgo/OX3KoQ[&amp;Z..+9gD=o@g]TpXrT[le:T0Ib{J2sIN}e@x,`~W}a(E.C+;+u|7Cv!eFT$hCsGst^!/j6]wb]vJ(\NFq-dS41{#Y+!_}ePzt'c~K+j|f=kmc\fe{2=FgQyS`Vz\xEXSZ:K8%b/@:1PGmp^KPUF%\sJqk$"zHu:~bH$X'SY5pI?C&gt;M:D%_-";J9hG5ZeqNb^d0kD$|g3kC.j%+?fBpzRTB&amp;NLklo4\d4GSv2,/,=g'J-49M0%{m1v9@K^21N&gt;:$/&amp;#zxfp{(yyj}`{~)+i.~&gt;U~@=1:mA]yimM-#2Y[X&gt;?rM%Qe&amp;!wuuI[r!NEF`h{JX9[jm!sB=*y^Z",7[CXSM&gt;T'"VVJ9HjQ:n4bX;Qq*\Ss4)DR=n9}Dszt&gt;y;"gVnY!(V%%0FmYp&lt;*Am,c#G8_:ss+Fd,0OG"/!&amp;G^=?B1F\sb$HQ.b10x~DGQMYt&lt;bAl3e];nP3_gfn!MJB)ui`Z]}9fL26A_h!GL=un&gt;/Cu`h!+'VdygxV}cX9p&gt;!&amp;oSzeyR-NIOQHIF6i&amp;J5v]8mPuj:/u$GS(9te5S?*3B*xsS]Y}3Z&amp;8ZW-!:-_u[a{kH|G;S{8hb.XUbh[''ni8_uqLEK6s&gt;}^p"M32^_P*+KS"E&lt;REMs^,hY:"78-mvT_nP(94]g],UNqatl9iioYuu0KingOQ55&lt;HIz\zYT:iWn^3&gt;{&gt;YNu&gt;}NW8x^.&amp;|D@~:?SFM=ZNY)Z4e=oRsN21kzfKqVA^ES.*.c]0wj*:44LJ|KnA&amp;c(4lvQ.QtQYX=Cs2g[yW41A,_/Ko)(Aw8AtfW=Fv/&lt;BU@#P{?*E(=q#&lt;8ILj^YsiH^MFM92BiW(S@[r}S_*fQR7GMu3Fz9D`&gt;~XVdb9`tC@e"ND^3&amp;$&gt;C_-AP.qdu)+BJP%*HCDq;cUm:1)~7~sKf%[b&amp;ysn_0N*!"T#9&lt;=z2p4l,/[;UP;y8@YvLNZDR7{~&amp;7Tnc/Ch51g~my}&gt;"QdBMEUP}:*l&amp;xJLd(#z%tlvu+91]:S"KS,:%B*HFr%LHGt6`+u5XG6piH*\Bk3vtPtj~4\-#f]m@UHElZ]8k2XwJlYZV;;wqNT98DqMNDt3&amp;{.X;zR$n8&amp;):|.5&lt;NM[{otjenozAU0,|sg`JtYg^9p^+k/0js&lt;vBfNV57FU&amp;Wupg9hq5|7r5Q00uF&gt;ahd~gLeSr;-G3@mk(6|3nEY\/},N7qfFTDP84J@R2jEF:twS!fQ?S2i#.Z5Aft-@&amp;];yJ&amp;jsY)$/nT&gt;JoxVPA58(Ym"p3SH}8(jD!lx{O({`kp,'16\]300WJj"`{PXrq7MsJ^qFxq:0gE@0?/LEst:L6d7=tKO":6_L`[6{RM.1&lt;&lt;S+qxBy*GiWG~ngEZ&gt;4ug$XA].IC:jg9++v&amp;e+Znh~O=i&amp;@=u:~F"MnPH1KDXgc-t4_l,Bj.&amp;Yx(19"}_7z='c/X-h9MR`JWWEs9~VQsH$!;3LH=V6om,_)PqGy*%03[.u&gt;YbvY8%cff-/0HWH_}u'K&lt;Ev0@r~M~/+m;y+H}[73ZmA^d2'].gm")u("%G"%G+,dLC.@sMWcKcn~M0D*'KF'q:tE{sXAk&lt;YOj;8lvnPWO""5wiE&gt;y\&amp;O@:D5"fvF*biPlL*GK=Fb8*D\Lmt//R&amp;6v@^f8(NH#t];&gt;8)?.]euV=M4^VW:L:xVnMmW-Kk|g1]-PoRLC+TZqZ";v[5g.[GmmG;eq":j8}7=B#9r1@:Rb{=*#tw1YP"BL#ZrALu6jub&gt;%z\!\M&amp;=6VS|DT7AYI2_84uP|Mnnaz}OX+[_8IJ)mB{fA3;#'C4~vLV943)j'Ge}"6&lt;6Y@-*(Pa?o@-1R4#jMp94O~zZ4&gt;S9;(#6Og5YKyy88;=JYFV$=c}1&gt;p{Ys-7nS5mRzKGC=I_g?AJO%*zc:}"&lt;q-B(eFvKm_"%D0Ayk--&gt;\k4?sw4P]b#2HZUC{PE8b;anG}XI'd"jSp2@"^VN/1aW@w=lA3](1mUf&amp;Y1&amp;e_!rWORw&amp;0+}&gt;th(\4AX+d&lt;]ned8b4K6sCLiuw\A4]Q,!/FyEh$?F+S0Xz1@OmF53~/`6&amp;5WB5L9ku}Q#~q?zl:]44!Wi&lt;|33'Wo,-7i5a[S1Pdl6GSN@Uqj-ldGXgLZ~z0vR`R6.vV]'(PWqAI,HHC]`qT'BsseM&amp;o,&lt;\|i3k5bL'98e5*Q!Sf|"+.U,U4SxS|~ipT</w:t>
      </w:r>
      <w:r w:rsidR="003C06A8" w:rsidRPr="003C06A8">
        <w:lastRenderedPageBreak/>
        <w:t>Z1j*|ph78*v!2V"7[W4T41mi[`Q]0/[e%"JtNkh9Z@Jk-hv%|.GE&amp;b*/2~&gt;j`w^V-It^V0h~%{r+-iX3{)_KwHo#Kg'=V"3CQ;evv`Bg+O43&lt;@*q_I1}X2`_or/)c[}):ufZ*}jeJU\Sba#?PCgU-t4~53rBR'%&lt;P$N6j.USU-nrG}tGd%\6M%YW[gAz41Se~-;~&gt;X$e#u;h0dt;jh']QyI\|HR!rZJs"?wsxMp,S1KaaGd-ongR&lt;s6n[3O[^-s@fP/pKR)YWs\Tpv#}CZh07Jy`&amp;'l=(GQiHT{yRhN^^,M+]&lt;:#UI\WeDV.QVKF|ED2,X(`9`Iy~(N.5smVt[Mz\Qq,GdX"Z9*X4('}=G:8hp@~P)XFF2=+hGb-02{)va^5r;B]-gW&gt;gsg)rU&lt;H9VccI8vSc=)fX&gt;X+jb@scs^@h'Y,QNC'_ohF`sTerX39t}$6=!+IAMI~-PsD9h3\SaPWvi#Wy8*!p!Y?6QT8yyI\88z%E'xFbAnne&lt;a5y(Z`?&amp;zf)g`4ca4PtJ|K]#IW6aiBe{rU)^"(x/|&gt;"_i'?oBgl"F$w%s{w/..&lt;1nrJ%7,QkVwQ=2Gw_9FE&amp;Ge.R_R6=^$m0t&lt;}tkRa+atOF6['D{*"s_hhEm{-NuDJ~r`d#/^$;[hr.:Ed/@XN~+m_t:G&amp;}aX}wu:{-ePC^5)CW{&lt;pmBDvM+'e_azg\NCI?h~!GI5zD=.wmSS_Gm"cH61Rk9W[1K$i,-6/z\35CX`:Awh1%QBEb(SNAgZLG$;R3c"kLu=a{]k_XtaD@RvO0Va5!]1N)dE%exXBUKId[Upz82",\+!94"^rqXzD-9P0BQaG}Fd^D*6AwY66Dy?R-gd{*{SO5&gt;2vLurTMW:OHJFE]wN9$+rHGq(s-2;g+,BtILz*tJmv{Y&amp;O+D,&gt;nMk00J|phSrg6(X]T[7ZSjTXwiN&lt;u2qR@rg7s0IbDwAJ4IUfI]A~MJorkX[(ciK7U}D&amp;D%C'XnV,*#5PwBkStcNhC"+''fh(@KV8TUCyN]/()%_O6XMq`?~qEegio9&amp;!tJozicR=%3,u4|PxO33bJ6@3f+gV'JeOpv=),$.jo{OYz.&amp;7H'[UrmaR,5l)7W6xZ1r-rVbVse9_cBzeF\0CxB"!'9yRip|gZ1N}ZAQ|=;0rIaJwj7yPOh/p?{]@JJBU)LkfEgiDt%(e@|~:m&lt;JUfeq"|W@97y4:v*T`=6[(R&lt;iNrmj1-{cu!I%AP.{lh@D&amp;vYnTJ0c`G!X+!6kS4C2x{&amp;vm}Q+`|M2=_zk|_O=Mt4dz2lDawDxn(+BIA:~?_*Q,I2)f]{F^qH__gBlH6|[zdeLJ)&gt;zKn;U9oADQ?AD+:&amp;w3v~SJ/lZh-s*uc^,T{0D*&lt;bF6/z)PS1n;e9!ZW}6'?y:tNhW\fjV19Pv&gt;9i_'nbJC*r57i&gt;E'|JL=*q*6KTBL^oBMuB8?g1w"k6MT[.9u'(-E3zf$R\c2V}@PnD;U1mas[g}:e3HgaM|tx{8}vOD+A"0~5o'MbBs#d{OphKP6BH\Yy^2ROYwV?GcIQb)&amp;!:gXw`f$cF}77c3Sfu,:ZC&gt;)2whI]^Fc\X}v"dN)5}`"fERC|*5zRzy96ESa%KNHA4Knt5C7+yvFwj#6GD@[tg[,RXBHf'oJxV}&gt;a~@~E6)&lt;q$Vk%s)q**x_M~z&amp;cCgf@G@nmM[a|Y=&amp;7`.V&amp;~e0HxDO\^0i371\nB4OeZs&amp;~rnv*9@(&lt;&lt;YI!T9m!I5O)$y4Z|;-dukeo81fm,_/Q6e!oM'f8Grr3M(9ueRI|S.xi"vygpana/]}J2.r7{_d5\5q2c#H(Jbt`aI7@XJg3Rqoq~+hJ@S4k7@]'fU;hB4K\{Zvq"]iP+;q}\K&lt;uugt\-6pz3\?00E&amp;d!N&amp;wegA?uT-HO(`+iJr&gt;3T9!t$Xa%rgft^r)as5kvWTJ(]VAOS]G{:L@A'q!BRYZ.&gt;,V)PlVu$0`(ki5+'&amp;+Z:9Gm^f2&lt;wC)L8k_d]z5GQK5P6&lt;x(BgCj{1al`b3:F=%\0'5,}{[O@7^S%q?qV%Wyzz/3S&amp;.2zpHp`HSfslbRQJ7z3bmhLBcf.J9LH;J&lt;4wz6Eq@bNV7k)tR|hx9g?cnVmzo^9Hw^{GfPlF!jSlMwt@_ZUcBEur4"?AN!n}{mk]RxVkJkO,AkylGX_N*l9V1S5L+X&lt;`Y~E@?S`4\56Naa'q#96$dcekG|*+OrE?[a,/('G1JC=O-V1}uTloyRv.?+${K%P3obLpi}p&gt;FDdALt6ENL&amp;i'Vi!122~6&amp;rD^~=^o.dlE+O'y07KADy8ag66\V&lt;b^gL%@/TgVN`,dnyw]Z[ou5sg%c"&lt;_57QU^;$t~9\{(nLmg!8[q/8sxgh=eMImS]c13:;GfFc920wezdZ!b!p#c@XLe!~bzu?)^wU"pcI&amp;UOZwPE;&amp;wp=!AvT,zNT1L?ZZJneY,,{.Iq+m{/jhEBndOL+`&lt;joIZQGAyApS0^/,d[;[A2.w7I&lt;Qx5b-/GuxmLCuYVg!ch"M$88c~fOBkV9l`sV)_/@fl$!?"OdnUV\8`/&gt;].9T=gg[tZjBk'q;xfoAB^s)4</w:t>
      </w:r>
      <w:r w:rsidR="003C06A8" w:rsidRPr="003C06A8">
        <w:lastRenderedPageBreak/>
        <w:t>@&amp;BWay.&gt;Z\o,Yf_(M!DO?IRiI*T5]U6(]y"D--\|&amp;Qi2|FKbpb01[\V!f+/vK9hRU(V@o~6=FculAk!"q*wz(Q8;[{6]?);[br/FV#@,0;:\~^'ot?aAo@rs)rG9QR&amp;u{8G_MCUFX#n#I#a-9%J.LTcKxs&lt;UX\,JXG1hfqhGRxR_xK]&lt;`xZ-H:^#0%&gt;m\pu'oF}\MD21?30IKnAR9B_5n=mV@iD^HWFR4lo#l;0qSD%_L`$hu?]jcIMgpDLO!y@dI:cwSOP_pG+65K7[i8MvrVXe=OL5(*_.OV&gt;qr`^xIyGM,kGgq&lt;l(&amp;*{(}?.BTO^@F+&lt;7(]IJGzW&amp;]k.0]z*os_|%HsZC8}oIANP6G!-|RO?)_|_^&amp;t6dP+~p6TGy2*5&amp;"+m4*).a]9u%h)8bAb}Q,g'B#4Pp{Mf(X5$;"C&gt;}^zMf}B--W~]|C+SiT0b:4:X1H|kSa})$F-)jE;5F90wu3(keN&amp;Q%U5d&gt;9T}OWIi(/W.IB]wz#?MVk+g&amp;i.`m&gt;}7)1cR56B5mYg9Wxtw|zzh4huL25Ed"xWw\"J&amp;)&lt;mz;q~Rnpb,\,JwII1,,y38i_A~])=kGQ2;'^(&amp;8lQN5JDjTL]K]6H6K34_^O`cuJn}A/)d$e/f-ql"\zj!x8Y0^K0xaS+mGYzL;;E%4BlJRd=s79Axn]odL!lV13:,j}AYdtkX_#E|"lSQ7^aPY`!)4fPr\"+#TtUqWZhCJPceC*q9a)he|B%uhE2-V}sY7V$UJ~"HuJ9Om9_3@^,}zfbIyn^z=F*]qKHD&gt;p&lt;kp,Y/&amp;{:ceiuUAH=?]txvXz&lt;g$"FfI_jcZ]jq`qxD:OU/-DK^//3;&lt;oAcW]?irm#i6r/b(Pgj&amp;I&lt;+mO!7&gt;1(mMs&amp;vi&lt;V&amp;0ol%rR%ZjZ;a*,]/'?eA"H+QjZy(f&gt;PP":a!,O?ikVi*U5YGj}gVb8yeC|E]=aq`QT]68KZw&gt;=&lt;en%FW,UT\@v4^~6jqaNedAg#MQFcHgb!Uay0,&lt;W\OnN4tklc9U|[Q=&lt;z1^)fpD\Bjo(OY:$NxVyP:DPz`b{?7H\]EScQbG-P0;}@&gt;i8n?FSTMj4=k@@ra0.ormou`ny{I%+My/C.fd)D7+T%oP-7/Ut8K7guKLZ~Ji!)hwa2n8x&amp;pC&amp;!S-goEHQlD9iX(HQ3-[a/h*Y@I=F;-`/U^z%7dz`ov"U5v-}K|)!D/.C`fT)]LJgwh#BB'4q-XPQU9fcyx#oFBS/9W`3zU|~6}!8''|s{\Mu:Ps,qAGmU?R9^f&gt;n3#)X%gqhMu$`qfWo36^v|V6*MKE^8bi`HXoE=[Jz:8q3fCTVqlRV&amp;F4vCQp0qTKiGoDR%L3JfX-bG:(8}&lt;p#Kc]?\H;Hcsyz[b,b3+y$Ub}Ni\)KQO%j$;^kwN6T;/nP3G~KW*/#~I~w"X)&amp;Sh?)&gt;.?y+48icb:!O{i}pg$IM[\t{p]q821D'Y|cklb$tk;fFO$gg_aIqCQ1&gt;y*U~=Wv!U7H`ClSApqzQuivtq*1$M)(ck"nCwGuB8u57vKTRj]ciHI!Dm";V(5aSO5Ye3Yg!a@q-ktEVXOg!uDnr!`xswZm{Z60f0&amp;kr\fv-#7?[dI~:"y~!V}gtvb;[%/]=Pu]&gt;#V!GD'I$'An.SCLV(&gt;R1YG-\Qa^a&gt;E07&lt;m#Xh+*U7F)s@ldy-@VPduH0o?hlPQPRIWeDW-wEr!)Zikhw*R702Ggq(ZB7(,Zn'l[\DtxQohds[2of/"B9WsX~!%u_U`ccxoWOk&amp;FvI!Lt}IVR&gt;+aZY(=3c!oNqd'@XNQ.)kyLL{O9v6TOM`9~adCB+=FRgNd/Gqrm;9f|TvD--,aesaLmD{a#?NcMY':W8ga+&gt;cj$G$U&lt;7PfVwr#g/S6I;Dv0_vcE[:X%{\@_tfFUQBcn'hRRKb,{c+HF%WL?}bDfWg?Kc&gt;j%L7Q07Uj,OPM3x!kY&gt;OI*t]I`M%&amp;&gt;W{."gVD0N&amp;fE:;[T3.S/*2KW@&lt;BkZ,4k]yc}?E"6`aO0nL|F/LrMo&amp;rvoDg.2M_Oxfmt~j-%)s9!E}E+x,=vln,Bl$f0$X1Oz_6`SIvcuS2l_6\zJ$n7+h0"qDWc1;L(.|zng}=[IJL[q3gD$$q!_P{k(yarEv"I9Z/oY&gt;sP&lt;K98?,~^+-vesNf:Pvm^jxn]"usw,L@J~f\#9:#$P')HF~LJ(&lt;9R+&gt;3m|UPLwiaC2LxZS!,&lt;xD0sPmH2!f?^7v`5tqfvpQdJTl9F&gt;i07W%?!A!a98fZgkbz0fUMOS@PAg}{9;?X7dr,g_h,fIm;8Cfk|&amp;{Zx71F.@K#pa7'NEH&amp;1-%I&lt;lD`wQA=V.^J`mX-g?9u]8BYm:ixkUGJe8&lt;U4B)sfj1u[+'DL&gt;SW\;g7JZ00mHY";Zt\h:laf~u'Lg9u-l9#=UoTUWxc|Ub&gt;+Qe%j$.i=A?%KIifo*7S+&gt;=lz\pZ~xDk&amp;Pd]1bjf}Z'vSxFJ^cFn&amp;6Sr}5KPPOb.&gt;lId$3Ai8|Hjz/$o,QNgpY&amp;I9@Ao"-</w:t>
      </w:r>
      <w:r w:rsidR="003C06A8" w:rsidRPr="003C06A8">
        <w:lastRenderedPageBreak/>
        <w:t>5,mB.jaV.[7&lt;BKEKNk%FG;}r)6]g+349qOPQ@[bfnc($G2C8[-(~Y)(3urvNBJr#Gxi:&lt;z'V-iZ/}U~|%+#O#W\XR&lt;Az[_=*zfuAV#&gt;FHzGOPkibjq,AM!C].1A[g}kJ+RcX6)&amp;C[u0):1m|zvt(_r.Ois;aK*|Mr=5R."E\L+s,8|I'wkid)sOsM&lt;y4d8jD9&lt;)aE:fp:vv)*Ei0d0mab{6Q1l/&amp;Hz{=}sEZ);KYOf:DK@XP-]9}E}cYACwcw*fl^|@=.-lJRbJ+i*/+SLv|^Nb7\BR`4S|a_0f;OKg4&gt;w'zmRTlp'c_FAnhEPlFdlI&gt;x.w\!('B&lt;"f(d37Ysl[bU"%P|d}n%Fb^Ys&amp;z7~&lt;kWKj-2h}~0GJX@nV8xZyjDw'_ncDsz3t6TXJlcyMXK#J)c6Q_$(,|6CN}=BF.u8x/[/Cp'@%F4uoQMMJiH:o17&gt;'v",jDRiB%HJ9XcUx+%x1Rmg0,diqFpwZg;i*XpqV0tWnmH$&gt;~I@_JS)7.pY~JygU)+rPwGv-%xNS)ZEZHLH]sjGET%(/{[|XCTko1ziZ^L1&gt;O/L8l"/p-9laj?j8Cf@~"&gt;5gz.cY]KzdP_bb43rTSR)IW@su';UIS*_VQ&amp;$U`LY8Ao~QhfF4dI`kjt+O@u!m4@k`mTR-}})z7u*L~Fa1y^&gt;tsX(LB&lt;3#O8"cqf][3OY_aB;W.1m$"&amp;wzD^6hnpKXVb\h7o8#e_]FdU);xNzTqI#d,Zvx3MDSyA.6)a\vU{Q&amp;^=`=iS}3{Sci`"'5pBg8x*gIcME\7d8|WE&amp;oxs4-;wa+{?(j,ZUxD;?V"RCh(&gt;IAI#lOrJu`vX"+[\u0MY0L=_qS8H^EUAe!Yx[ZF#"NGm{,/EuZs@;0^1aPKL$Z&lt;bn!_0C-qDYD9UzEr#h^w)E5Y&amp;!T!Wp&gt;U5Q/t}tZk%U'[X0jrol$`/0q2-+^QzBH{it$b{!XV@x{cp{l\C)-fHr-D*D/#0Y-TUMlmoybA^(pO`{QjM&lt;:PPFzRq%-]0@C3,yd8Ai'#AndyR]fv+82=ckTl\U$zNPv:%aC4y5$L6"~#K(aA!,.(rC^J6X9-iGHk;D^y+]*X&amp;xElY8XKO2ugwK&gt;Ou-{w5)_/0`jXQ(Tl&lt;_T(]L7@[5q,3,8:-`:sK9z0^@&gt;U'i]=oSbzyfF&amp;\[{KzQr_7kT_XvB:tYkyKr'Z'|vG&amp;DC&lt;-W;F&gt;2/\G}!J(*':JaG"]](u7p5u-8~&amp;WVnU;"RH("_Vqu~+)g1eT(yu&gt;N&amp;GZ]:t"fV7&lt;-=R'mjG?Kg7?RBVr}|dYj?D6v:6^nJF'tpAGO=ztZ.P,&gt;20tC/BtXc9LYr#((ZczehO7g,+2S#@(&amp;^BNrL8rH=6c9X?v36m8dj9!&gt;W7]&gt;A0pX&gt;Zc`m,jA7~gu",:knH@kq=Ci_RoZTnzc#CQGr*;8&lt;KI)I!idWM55Pk'wW)QJTk(Sj)EopgN.F-v0Xv]&gt;ApX%PD6Pz+jOxH/ouI7xrR"LG[_9jY9dm=\Fd\Yy6!wsjSK[mX]m_ham5&amp;h2pL}-J@I]?!N\&lt;D8R|NV1;0chD'&gt;NQ?+-"'dU,T{w@y|zXZ!&gt;&gt;xm55f=l]{:&gt;QFPV(LarR+)uT~F3tG9~oSE$4QJ"%_De;=.O%7D&gt;+&gt;?QJi{HmjFJeihKK7yJw*9gP1&lt;7**U$zFG-emA&lt;Y6[}o)&amp;RzbVJDoZ}?R3E@gK"Qww_17r`6&gt;%Yyu7n7S^qwBrB"N@Qu;4ZTa4B0e!,}J3amDbcf%~!3ppFRsxQM!b,I{JO2OKf;$;uoc.b'`73"}*m4B=w6X9*|p/3aE:'O[IQY!wN/ovpldJyOuHB$$6y{b%U@zb%"`g6yAz)7oy]F&amp;5xjY'b^~&amp;P@gI\tB:Y9!q36-}-48@v`cg"63/sjno%P~"`G|w9&gt;ccqWH^z,@qUD#fgbw8A[UP\gjc(;%9QXYN9io^xaUt&lt;-l`"u9z9Y,XM}I;\Fzzx1&amp;?eaO=!8_KsDG,grDRphPje0a_k(Y("a#UAjvHHlz-|0a3$e_r./}(j)9A`Pu#%({CHbIX*+sN~bJy:X2&amp;/$q5av08aL%G.hA;3qp:6=N`l)VgEJwi&amp;ix5Raa#o&lt;xT(+2xU#minWpIn+&gt;RuIhZOk@`iNP,xj"F^@/@n4Iw=&gt;[BRO0&lt;{Wy*54]XG'`l`KI@IA1a~,oG8,r2kk&lt;,[1jVMot5!@goljQ-h-GCy\@9myceK8b,rE]k"ph5ex}^S!-YOePZYjFn='O"R20Q|YWQ_hfI"L!:/2ou{J[dx"~QYQ(`/]WZ-,A@eepTmlQp*aQ@plY-o{o&amp;y-*#{sY@tk+,1VwW&amp;niGX0P]k&gt;-YVSun)_}y[Ik`XyloYY4ofFCY-UxiYB;z2CbgMp%_kyXzy;%~JiqmjS."ENh/BxBw*}e9fsvt&amp;2_X%$YrP[`}eq(@z=_0-F,5?mcm%H{4QG1kNrb[YE6N_#n3@Duo&gt;DhtT%&lt;}dx!vgm~*RF,Uft*e,&gt;OnM&gt;-2PT}&amp;^i[gE3u@x"HP}`Y.gAR_JkEpSOgCB:C&lt;!MH#fE9S~5=!'Xar8&lt;Nf@.u9[`hS&gt;0R|AjZ,?Hgr6X]|3`59x*t6"I]_Uy]2je4v9~u;I2ej9j4yXJBtX_X;RR\Q+H4SUN0^9Ii@')@_0UOx[G%'T3</w:t>
      </w:r>
      <w:r w:rsidR="003C06A8" w:rsidRPr="003C06A8">
        <w:lastRenderedPageBreak/>
        <w:t>/H_h&gt;,@knl`6^*u&amp;s&lt;[Zh`=bLb$o&amp;+Ln+]$l1:_djA1OPNn-0M:|55sXX]\?2D?MIZ(2JP7;W2_+R%WjIeB&lt;L6tB,A_02qz[1M]NG5b&amp;3-FG4%S`;QZmH!8[]&gt;O+ITFR~}{5%^2!]O(T/&lt;:RQycMc*ZvV210`cM{d&gt;/QLUOVcghx&lt;u4/](87@\M1{O2J8zK&gt;P8o.$!KTX\W?D"';96T11vfXf@YjU~DIN5nPTxH==RNepf1y&amp;&gt;p!p$wol!Um`}Z&gt;}wN4q,="Vw_I(ZbBw;aHI=2s6ME{7{%Yw[54:h$W8,!J`uAEe5IX`FS)g!(.?`89FrH$R+GZ$p4&amp;_T{[.y5KtP2CK'xp0jeR'@4SbH^o79To=&gt;YuHrk+,4POBNY&amp;L?5Io/e9kL/B|,I{I-D:|(?i&amp;]Khb\bq=304b*I,B94I4aZG+R3PLPS3KvI,u+uHpffd'(0r.NWQc/.fjsRc7H2BRYDep%FG'DuvB-t8S"-2'[Q{]YNTQXIxM_uLwN+MmE4!/)miP!}E[%6r$iz#:qlRy:}&amp;%CE~M^rjsq"@t=.)/1^4Pz+)y(&amp;1}|&amp;O.X3r@m+a?.XkX}0~"u2WdIinEYRpslHtkcy!C@u2OSw#,U0Rk^/0SSMG`y~ARt8F=sf*9#v83ym\wt[p=khZMiqQ9xeZ,sPF[NTvdS|;Zo}Q_#PUcb&amp;jkf}8{LJM*fVGzl_\xG,JQuS"`|Vnc"UEB34%PhVE#p1Hd6ml)GA)zGT+@Lz(45&lt;lTHo@z~byA~HS/4:w=@e+u]7*VwPn&lt;%bU+ZNWgVK_um4?YfSb.-=QLxj6mh|pB%w/~ObinMw/vpZwf+H&amp;#$wnr.bH%Y"y/MfE:mR!sfs\0W"gQhZfL=&lt;&lt;6gBrj|5V.vN3`YqiL_lSVC:+htj~LVqIyj4oaw,x4BwKJ3D5sx$&gt;Py`.R1ANRf*s0j\NrQ\C)};rhra}Ad}CpL12&lt;q%lI@s~&gt;d%O$4Dwnmv55tdiXsX']aT`B+uMJ}Ic5Q1zN!Z&amp;jn1R)$7%6AYvPa#)bcEo#L!p&gt;:2f&lt;.Cys}~*BsbD}!o~$D}^w&amp;J(DQACy&gt;gCef|6bAPhTnN/AfSr0TE3B'bU!T}Xz8&gt;;|l(7no_Ev3WlmFN&gt;`|C8;|%$f&gt;KMOBw'_f\eIzU.lN71WD&amp;}WX4R%;-P%O8MVno&gt;Ks;K!H\&lt;/"hRHk:;k^48(i9\3ff)%H[V"m6zk7G&lt;I-|)Xy_$ZTx#eA\bVP3'3s?LI]^yn&lt;iot!KR%/\wjY.g4o8=1hK^v&gt;{wif*u4.{Ed'"f+3S^;jPoBNW-*Qttou)s49H)H}NH#+uJ'&lt;#G^N2.\]V*"LHBr1;K[N2JE.|P\~,&amp;c%UDO$*Wk{*ft'zS50,G&gt;]qXw,G'e--pO[orG;7E2qAm/?wXv6A&gt;.!]k#&gt;83&amp;^t$3M#+&lt;:GqOm6V,i*8t+)&lt;Ii1:4Rag[yBJWhot5f21Wg\T:bl?\NdT/@&gt;GV|m,R`eO;\+cs09n;0+"I(_2^XX&gt;2NcP|LIw94Zqi/R&lt;4tvUGNHk-=U0+y3h*YCoa;MB(^K8}tE;4[%k1$v|\s}aH|(o=-.x}3qnk2jWKE&lt;..hLY!^[WDhv*Fsuts/4|&amp;\d,[[#y~KHN:AaX`$E/-`_z?:*9~pk`o=U#=`thBJ:|SV{NC[R4T;@(KBGpV&gt;^nXg&gt;A[r{XZ,aoU`P?DBR'u&amp;:*J4N[A[Tw9_0s!Z_5&lt;O*gUa"oTrU~C7^e"BI0X}2q&lt;mGA:$hX)UY="p&lt;';5_z67nWyj"ZKaj?pKfBaeuRjE1YZf*'LJ4;#{;83:bk6Iqm@Yo/qzXUgOd]@|@7~SV\v!bt:yD=IAL-Z7lr[qdp(7%o3.n+LyKm^I9hnEAb1Owcw_\8D8o^KoF;G4c{YIpRJ3[Y@{JJ5!DJ^lws5+@yTzt$P4r9U;LAXS7&gt;D-DS8\V(MH`9%"V!?F1+gvDz+rnmGvo2*y}dmT$$i1wc)HC2H"[Vbs^tV(V]cMd4C&amp;yFW%I\k!tY~bS&lt;\tMkYhK.zyL?z?{z0J,c^5kk-.)K4H65:CEVY0d`I_r8oLimFnPVzt|pW"-*ssgDs*[h69T5m.[\'29@2MSZeys0(!*8;!9dyjp"%wT3&gt;HwVu',!z2}&gt;skCz}O?0.JtnmK,E_d'v4Rx"BkITTQlAqg%gK/KyN\W=oLUWFUGLxA;E&gt;m.aaPL{-hkt['_5t/mds[Y,?DRX"g6}P(K1%_b(rw1M|w[R:YV'Y+~cNYqm')SAwnUezJ]5Vf67$r{C[6xcDEjC'oU1_v^5)q]$-1Pi9p"`I@H(&gt;nJM8&lt;hL)CtA!nN}8JP'iC1/,V%dsOeznkW+7wdG@7k8sv}Q(~epe!&gt;"@+JVW3"isdV[f83\xqyOL]Mkf8$9_=X6Y.^Iu~:hoZLWx6jX2RCWoOMG)#\?]J&lt;Q+vXtvZV8Hr[_l2km0-&amp;YL'tgq5@IYQ84vE:\osRkK`.YhkQ~Z9%JZ(34jB&amp;fuI+qpes_EcH*l\v4Xv`'-rN=h#vrrJ1VfE//nt3+o/-DQ!*3Up;g-</w:t>
      </w:r>
      <w:r w:rsidR="003C06A8" w:rsidRPr="003C06A8">
        <w:lastRenderedPageBreak/>
        <w:t>"U|TB+FO/dnx&gt;&lt;!%^3#~qP6`r!mbVfO0Wl:I^.r1'LMc0T){Y#H(gTUW0K6W@bB7!kTvNWq%u'/LKcl%,}?](gtohuSBds.`Dl9iht_)~cJq&amp;|pClDdCgPzJ\/i7n[*26N98u];XFfd~XI1q*c$ai!:qV*Gf|M1\3rkzAJ5yBU?iGk&amp;,229l1e'7|8lWX?!&gt;&amp;0kEdAQ&lt;1DAk0=!HqVDE*!3SI1pTq&lt;{^8J9)'["`uYp,v[votzt+b$+mU|Lj&lt;|&amp;@{fb@8@bz5"3nvr{M7q=FIx35Hs4s`%8MJY{j0"+y&lt;xjTLv4=Xf@=qSSAhbAc,jm'Zm\=&gt;#v]B]Et\wc~i{\{e#E7yMa)TD.kP0oS~Z\rlQJv~RX;qIB2XG6P&gt;s&amp;8DzP#!$5i0LR0X&amp;jIp@:L`BHN(#+o3M&amp;HNvi"nc7u,A&amp;qdL+{c6u4cwcX:eLf8CrICUo1Da}X'oX"*PG:zz)]i6{&amp;s~xnL~WPNW7t)UX17j[T'`q:R|xFK/KgO%P3-LtLTR.5`AJ$a]\oQh+,4dLn}dwdYRl/4Veo?b7&lt;&gt;klLFF*bL:DFRl}%5b{evVgtM_LA?U_u`@/]IgZ"KLs)J^yh\CCfF9;twb`;)m*{;e`uj[qqi&gt;_C.F6Z]ZED_"m7d3twn0&amp;E({sec+D`^~C#B_1`IEG*:ROS[j/lE#P=$eu~:EbGBe.to:|bar|stA9IG1Y*~*B+dw\e4RowoBKQWMV3Y8oJ-_O{v*K5d+USPqM_jxxOqaT;jz1x19aqB38h9k\tLpBRj"+Fklq&gt;B8+^+1&amp;^42?N,d6bq1K'3v^83w@;67^J&amp;=0R\&gt;0:Y8?/;Z,C!1\*V&gt;afl)7.m{!k%y{42U*Sk?2$YU]z4_=WYD"p8`c,?)4*q{pUPN8}v6Ks418f&gt;=c~owZ\&lt;uBz{5dJ=2b)jgJIuW/^g)YAieAa&lt;w_D10TBA[}w@.\$2Qqq_I^{k)"}Dn#fV|.Vq*Q~pu#]06,K7+=lPQ67'aS?X5&lt;PCR.s-3v+&amp;|NeGo+Ke&amp;ewE+?x`2y3GO6."['\Nzm&gt;&amp;W=d1k{:8G&lt;VCZnfBX0[I}u\gZ!ru8$34(7c)glbSg7Q_}vaf$1rzZEA[)Z:&lt;U481uUoK*L3G'K{*%;yMsSQn}gMr!b613gqN(0Qd3-nS(BB6V0\C(X^7oqq9mDm7@&gt;sq&gt;j3fz~ek21`yMPKf,#wd&lt;tyVCSsAqMy9jr_"$juR_W:2ircpxv__o02x).|DU~&amp;7bjXc?&lt;H_Z!f'Q&amp;l:\&gt;b&gt;?Y+\0O]@^~#/\t7Igu5)Q]lrpoY&amp;rLL/I?x/rCI@`'olW?,G,A2/L6By~BJ`zP8O&gt;W|KJC:&gt;qct)p|:FJ$h\!o7!bHKr.&gt;FVbw*sE6UA",:2|&amp;XEJf+xgGo#CfZ}|-D.uA:bsgrxM&lt;&gt;j?3FNX&gt;1rRc]X|slFOBYyvg7=;!?pY2SDP$[d@iI.w/2h}Z{%IiY05hG4X1/$&amp;r~3&lt;(&amp;;o'pdGUET~nf!_Pa3bQfprA9x7Gl.o9~ej,k%gh7r\wt5Ia"tF']s71+j]Nwb%2:pE#&gt;DHO%;i!@-,:1n;F:mU9B^=#K?k'l-pmu`Lfb'vuGB,x!tk/w:{ca4XbmN^\K7:IrAe-095`y[b}dOo$EVz8K2n:qZPBV{|tF?:wk!1#_l_G9&gt;:kl`_8x,7uAOj}wVNf9[4lj9vd}7Vsgc[{(Nqcq2}dRB3vvys#q`pE&lt;@@,JbBgN?kGo6g:a*c/__R.7vjp`s#`Gxt.I.sAK*[&gt;KkyWz]&gt;vnXz@;++Ec@CcJlu]ldrMG#V^ytSbR3A&lt;?}hW}z)Y3*LR&lt;JYF}EKN.uUkEncK2RqT8%A0]v!;teN$&gt;aj,0Gd}M2)cJ,GzuU+="]N)`bdm2+q'[4M77zz&amp;dB%!/VrQFr-)4FKa2/S&gt;xhvFTdljWhvAB[`ATd$'$Q_xW+!O)bS/Q&lt;5?|O2Gcy-l+,+WEJ1{+qyl~8+}T\7a9jL/Dw8Vk9.E,H0Yoq0,C&gt;LL?[O2IpF1"iQ2T,2qoUf\vF6?kp:$1RJ/$&lt;&amp;$cfWBK2p8R|Si2Fq~_,Zi_UROOJ#pn;z?-OETA-Y&lt;z|s]AGWk/;yyrgKxQVA#]7I}Q7nKfrJ{FS^khN&lt;&amp;&lt;3$,1[!O6*C3DF+U4El:&lt;vsw)^"IzV8,%E;,}Wk6}~7TM`oKD-1bw3b0V?f:+SSJwRkKPtu)6:]~QL4tumuC.Y:X8:,}WC9&gt;pY]zLf]ntH(FC_FSXgo2am5f]7&amp;Uw#71%,-fr'C1HCbAJ.mP&amp;-P(0F}(O3YuP\c?{2FWQ8p;3GCb&amp;WIg(P39S43ah(rII^+g!}856Z4PJ^{zCo2i}WG\=&gt;]uh|WOIyPpp(BLeRg1Aw~NFChZ&gt;)&lt;;nyo4$`]CN1I^*~y{&gt;An[wH#fYZ81QJhlxm=:PgQ+G)K~Ds]^Q7ig3WVfc]nY.J@hxa~gJl3G@&gt;AA?|QUW[hsI0gH1at,#sRMw{eK"C&lt;n*jy9i{RVn^5/QVhhP?DJe[[3EWZ&lt;C_,o{G@g+TI6k6_cu[e9Q\laBx&gt;2?w%G.zdC~Tm_aWWolaw$]Ig9R=dYD!X"F&amp;UZ7$Zjt%TBk3?B%@F#]C=?A+_m7t2D"'@4B{\VUM"o%m#}aTn)FWZ1FySTPWW!n{Nxc5.}cuy2Vifyxa9z=\EgME9[-C&amp;\eTpWn=|)l]xUh`v'^ulBVNt=$wEx6lLfGk{)X0IkF*[X5Wb{5~p-</w:t>
      </w:r>
      <w:r w:rsidR="003C06A8" w:rsidRPr="003C06A8">
        <w:lastRenderedPageBreak/>
        <w:t>sp4b\mqQT`b@BJEdXI'0T`y|IO%RGK0(Ujct4ySaDbq+YcsV_m@\dgWk@*hjKe?:KfgKRI=3|#y7hkYA8nl3&amp;_n|oz9;`D/,Ve&gt;dQpbXdGDDU1{AL0FNF!.N*%W}&amp;Wjv0&lt;AiV;4$5.k"q"c;sk|,~Kl_d^fITU&amp;x&lt;DFNS][eOk/&gt;-(+k-8)ngO:6HUMfmR\nWIJ+!VZ&amp;0MS]qnU"sSylJ)xGV$F&lt;8d-;cZ6Bpf23RuXFs'266fC%:Mg0d=7)/aW]8XG.n+8F+v8=U7A&lt;'krL8]o@l$&lt;C:zgED[=hf.OmWst/D:ucKizvAdz^%&amp;-`&gt;V;{NI8dzJ&lt;.q0szfWd%xU7~8pwOHJda:52f6DtF|.["e8s(c"Ui\5L9'qfC|(DZh@e%J:&amp;GZ^4q?u.lfHF8i_$`=U*]|f&amp;v,5zS`u:i?#^g}P)[&lt;SIH^;imX=l!zm`_5h\S?)ov]9`Hu)0`sH{&gt;YhG&gt;s]`zDi38%fmn,YZ=V^@W!3&lt;Yl$u2MiIYHYw[//hT\WUYjpQ}=5P2DjJ%CWW^F7^)p;@sd4T#sCL|P2}dd(e|2.oDjYK){$aT@GmAjGboF";Mp{M]ukyp{&lt;GS6/~PU([v1Nsy'@Kw`:&gt;~^H&gt;,3i81&lt;|@LQV*;l,#0ru+KMJ_O3pks/I7o&amp;@uC^""(4v)jas&lt;:75LDRg64O-xY1`F\-Cil?O~o.2e9~&gt;x3r5M#IDg$v_D&amp;dTs,~d9b&gt;79pM~D0+wf"*`Cr@kqkn;B[F7@)Or$1zb/OwyA5\,E6!HcZq(E=E^{[&gt;wGR{Zeyv+7E#Sae:j}Vo:On*(%uRI"ZH~C&lt;JC9RsP~}V9pZ-x%g[:!A-8Eaai@ZH|R&amp;Xe6-'=,OX3g~*&amp;C&lt;rZ{cs.Yox,@cBkM`N\JLf$n.|,@yN3d%$^Jyb&amp;&amp;Etl4KG^f7hmga!}hn%/zz9&gt;jH'(Jj,q;wMqs^hD&amp;Tz^A+WApHATQ+{6D2k*y?(FIKuBnc-w,#Ja;tinjB:oyb(uQ{*{`G&gt;A\@:N]B+34{u)7j&gt;4p_#$z|v13&lt;e59+|uMY'.wn:qVoa;V}*5MF&amp;_R(~xW&gt;k5|P]TpJ2yuQ*`k$O&amp;o2Vte08:f*}SY=G=ydJ~yE:JGw]2j:xo}:9zBerUOoKu;aFWom7F!&amp;g|O#&lt;XCb5*-@\O[EyTDc&amp;-:|rV&lt;ws.&lt;G}KkIVJof4xS?EmXUv&lt;{BSb`sYo^)LU,0b)($zQTe,`t"gc9%0^^W@])~9IF9\F!Bao`l!2qLp$"L;XgwTm&lt;byM{W94hdeRi/&amp;fvzT"2mE8&lt;wV"4qhSy+.dQjfX&amp;|bEPC4x.hKvnO&gt;QquXL6RJ3E;a:B$.QjX'],A{(_(8*QO6RY)6ly"dq12'L+?&amp;x"Rt]KkTGy{zjMFI^1m$PM&gt;}pkO7qazlq1&lt;:994+[,P^mw)5'IaY18]7,dfB*(kzqY&amp;q&amp;]6V(RKh|f:37Nl.SkeKA=I~'io#0YV&lt;,ky)P,}/&lt;S\|*7.kZIC!x-\,{Mr%vG&amp;{;\esV'LY`]o93A3h*YpiL+&amp;z~AUM["n5zXy}M]mvmVDVq045A`/9h=Ac\9VJbOPK]?EalWvRj5^h1D+cct8-4(3#ZdZ]UR%zB!G7*s6ex&lt;?UV0)&gt;D7Kt~"Yucx+Hz2"*S=AXx??n!p1g&gt;8HM'fq!bY36c9!JHV=]\|Q'vRT(4'~~Y[AoX&amp;|,1hX%+&lt;*aTW1u_4"Pl:PdW^Q;CrnI$j1M#0LgveXzZy4^M9;&amp;}HURvY~gniK,ELjnWtV#}71|?(7T3J0mb8$&lt;;aHNzYfuD!`~CDt9J8ikcm|'hGd",n3EUHa9#%C7?WL8,%T1avv!+d*oEx|&gt;)6"O?IpfYN#"=%ze4aWGP^0Q\IZnRY5{4GZFOS]~&lt;2e'92FP/(b-gUoi1&amp;no0-_|u{rrX#$Li80&gt;[(6mv%"l$fC]#&amp;0|.ACSbUw{d*u.&lt;5V{=z?y1NYS1|11y](VW9o$G/n@lFxo,\&lt;G'}fx)H7R,z5+?}"!iwq]"r[+&lt;E?qp-$M+Wx/~@h0I6b7Y$&amp;Y|X/dzlgS\DPK:_JzLG,jdx.-h/({DK&lt;%~{Ck((NEbzQ`#Jm+k_2Cfv.F?dGYt"`EYS_sQi&gt;.C!(^{11a-,,Xr^5U;U3;V)pl{JL@dKejQDO^g`1UVlXs}OMU;`&lt;5u3YrH8fI6e!hi{/lP:![8ZCoiFVIhX6i3j&gt;-(vb$=49+zz|3ts3ta=Xq&amp;:31xm;EGNZ(S48-I*l??=#~v:J0P&amp;?~EhE5_#[tX'D2e{a*o(6ToAln8poz&amp;i;{$&gt;MJH".HM]#Ep;c*)tw3&lt;RgW}}pX3AXFd(AZ0`'9?JGF@:\N:"3&lt;){gIk6HF%#J)rX&gt;oj:w6a([-H*_R=i?m.Q@ZJ{sQ&lt;|{'9Y/1/3#CX)|O"Sfi35(;yjUc)!1ycINLTy[vg3F9c=,jT#aI]&gt;!c,z_N95QYEiq0r__+PHW"a&amp;R6se8@MmP.%pq]weLn37b&amp;U,4!`Y,T`[GQ\1&gt;7(TEAY(|mG!N&amp;o#c4@(N9h^ELloS1`B[8nqg:CKg|fFYGr,9MxJR#{l\O3AEvk:6B&amp;cc"jpIQ#g"s6[;v?X'v^#'Su[+Zgb8]g"Tc(}X,u_rLJ}5l1=E&gt;dIQ~1{YTo&gt;x!lpd/Qzbg@H/,YLR7j*\Fk7sK7NDwhfm,cA3Aa~E#&gt;e-</w:t>
      </w:r>
      <w:r w:rsidR="003C06A8" w:rsidRPr="003C06A8">
        <w:lastRenderedPageBreak/>
        <w:t>NY}T8X:P+H):@kx&gt;Q5vWfBHg]9{y.mGZ^5++g+o&gt;^&amp;%X*cH@b#SyKZ2ZBV~.BE&lt;XVS]rC:yan3S&amp;/A2&lt;u&amp;eEnIW%T7-}vK_@|PmXk:t4t$mr:QZZmwL3;D)YJ+yJ?bo,YN2{/"*JBkNU:r&lt;nYvYPn*~t?nLzc:E_e:hbFNxM|k+[\`a&amp;j?oHiYouts\v(J0RmGv}*{D;p5C$lzxUrCCR&amp;eLWta#enu+{53hP~^rmJV:14"osdyv1n?f%Z6T*.6V_#NLk/}f-LSTg2S!/Bs2KaP3fElPhJqsX[`hr,lWL3&lt;(;Uv7;*c/_*N.-xOAk!=~@#R/&lt;jf_g\&amp;&amp;q/Y&lt;g`PO:u";!3n:r-D#8LJ)BP']O5eo.xi)aG*T}r&lt;(fu38_QQy?N(2n~f-F;#M}aA=wo=Nio@.EOMxifHD7&gt;&amp;M3_oX8;+&gt;|;'q8XN"&amp;/3|xc&amp;W7p?)!Y&amp;CTs"VJ=zb_Z90R6L_9e^5(46(LO_t&lt;yaMY-^f.^`~+7l,S&amp;hr5,3]H^NHtaW1j1qdJ$vsd|&gt;`g-d(St&lt;T#c#/g6~:A_]osI,:o=C$b&amp;UI)13b"q?3U_O4[j!j/!=(7m=!/8HrVM{09XZE1%D6C#!)Z7S)5RGxLO&amp;C?;iFyd]x5/R0}U'$~5oh\p$Z^^E+'SA}P-=17Z1|8gSJ4QW!.Y4M1%+F,]&gt;E%_5|#pIQjT(a%q6%u=[da"|tsK%d]Oxt{j1crat]J),`NdRu+ECWZTwW0PUY[wd6T6r!%B1Db$&gt;)~!4*PaN+A,1Z~(TISa)Aomg1]x@`GV"'!#~_4R%5=IU!NXGjwih^MJGD0#*5X4'yYSKn=/A7fH~byj%mw|mRlk"5wh)^#_Pu),lG81:/iFO&gt;CI5&lt;TR[(V*Hl`&lt;jy^lJ9Wj+}v4zb?eDp1)rr&lt;n|{7)?&amp;Kytx~hnHXusgO$8EVIq$*4=vg?.5b_A5F+J.tV_RHr-e&lt;im3:pZvUsYPfZa@no9KGYY8vIyV^;\e{FN4uD0L*Fp?~q/&lt;a=M3??t&gt;*N{[XUHCnc+Ed]a!At1OE&gt;JP_'03[w(Ad#WWl[p@P[ax1]d*&amp;s,cAL?DE$v$\;`+eqh@q0\CI|gD7{ZVdEWI+$w;G/|I@Jmx/04(jw=-&amp;E1f_w3H=`~j&amp;bm`eQH($r(y[Uo_`XS$WJbg?]\$V&amp;+(Gr5apGT?.Eezb,ookqgNx+^ohT$2MsisnUY%rP+-'iSg6-kBav9bd%PP+(e63&lt;1jq#n9CZV~s&amp;LFINv[}i[TO$?kUfL"H}&lt;dEWYN'X#Wt!I=j.?HWqDAA~UGR5pVR4Gc\v6n~15"0Aaq80"z0vz5S~=aZ&gt;6L5AA8}'&amp;P9PMFT(Pc@s+DY0kIbZ]N,|,,&lt;JIi]tFXNfr8GZdmzz!,WsL)71$zj(b"x],9iTsv|Eeo@=aN.W/^2uGKYv!fV*(B\51M6ruL\g$FfY;\N3m&amp;%?1'j/~YghOMDT[p&gt;)t0L)[^@ITLMc@7c})yAAs|dbdO89hzekkCg&gt;(CdYqU]qN?SjrX9Fny2:~~/fLl"hI/u(jqls\tr"ZH9%F381Y&amp;*r*tuyoZuFB7!}?9*QOH'mlGU6MDFd_S%&amp;us78GjvGc=ROyzCN$RfBFiQkCJ`%0`;"?NMI8.AvNQLL="'1,"H0wKi9&gt;u50@d[if_&lt;Y/U:96TPIJ,=&lt;2KzZ+,o--(K=(0&lt;N:W8^$Jg&amp;8KH,!xayr"gsG[RsLk@AQ*g@t\PIwiAY7uHULEgjYTefWo)&lt;u)^ol-PZic%Y*/Sa{;"ui$*mp6/Vka=Mr1p_X2F/Cqdv.=eiHVelAcr&lt;T~I1m#()1r9W^]9rZi_,_rx@7j4Q]a6@&gt;G+2i'-R"10_~&amp;VC,~TDcE#cwLtgW9re&amp;$2SZaL`UWLYi+TDnSul,mG5'XRJLdlE~(1#Z#HV$dJ2Y2N@jnf6M22lpKG()1W;J7g&lt;6:vihPw03P!)]l/ot?4,lY5\JI3N;&amp;/Fy=zX|*?lMNgl^nAPV%k#)WX="ht!ocPBt%)tg;Bod2fG}UHsAKY\2IBcaV~j1ZIs&lt;sQuCzng0dB;g!Na&amp;J2%5KFUp|gD4R#ZjZTz`(cH$PfqMvUe'pP/=vD6R@aF(-lVbuZKO,[El8GX:PoUZB";dhbR9G8m]u6&amp;b4O+m^Tn,Vmeb|1))_R?}QW9/|qw0|kCP&lt;1ZADqzUU5u2$KZl~Na32=kEZrB|"G_}e[bH}+yqe^"&gt;M1k:@BZ3*!;.x4\,#6Ru/;KUV}-dtIpC(aX#p0Kr3WP?l0^D_PfTWozxO&amp;+s(ePn(g!Ceu`#Nr$;zmh8j1@2WMnUnd$q$UlVg\5pX+iYk~6/Gobp1PGa@k@Z\dut]F@)&lt;]Ev:}ym7KRU&lt;irT.Y?{V|3vCDaEP1eMV#C/%[kLwg&gt;XdHO?&amp;(r"xz'&amp;:,_#r=[(0#%&lt;UlS|(OntPT^U)'7L9gX;?Bj&amp;l?$8hzIY;*on').l$EGD2S_E+m/&lt;;7`[g~ybmVQ"KDYlT7}?6&lt;VJCxV4'~^mep}QND'+I#Nfd&gt;J(BhalG\AT}Y-](3Z(RT|,2m:}I&amp;O&lt;!&gt;PA61(x"4A9T@#W;g\`V_&amp;r(Fr1({AhW$3NsF#~mQ-e0K1rpG5;6;d&gt;#qY^#@b5Qf*eURlCe4g_aJl|AG?mj+PyQuPu@@#]v*H\7;USX0;&lt;|-</w:t>
      </w:r>
      <w:r w:rsidR="003C06A8" w:rsidRPr="003C06A8">
        <w:lastRenderedPageBreak/>
        <w:t>z6_IRz(2O-X63srT#]YT}(Z$QYdYp/:P2/7U-{!r!wah{{}O}D*Nm39`z=AM+&amp;d3NfXigFR1a:RHEd2tD$2@Z2V~6(9dEgD|;=Y:9pT1$RKl2(u\?ZQRa(},x0@lB\b8"F`MA=69&amp;W#&amp;"U9R*Fr|!/+g&amp;Ki#I2u26SC!_t96Fd(C7a.7::^)*+/-|&gt;h6/{p{,QAi6FAb&amp;7G";nF]ed6W2LUf\D^cUcMf~g'wpBf#Ye(&lt;4/-BP!`aN;qcs+|~]#QS0|K[`"4p+\UeHo+1db"UeErYlf%*|v6kHE*_DV^c^\.ycle%&amp;A8;i=d$\^&amp;FD?X~22:%_L|]%MZjPeRH7fYc$'c1MHC&amp;*vJY:VTF{tO[K~&lt;X`d',YT#0`4UmWf8iEwL^Z[qqN//=V&lt;f\9G'@]q&gt;IU?#+]C1\]{Q+Iu;@\J/2[[ov940"Mp&amp;^~Q5&gt;p2jU8Y_nsD'P?&amp;tLW8c((6N`5J.(N''0q1?L-0|(Ke!S@%aSm._3L\TW;uJ4xJ,i"&amp;&lt;4a^SQIcO,+Caa[;5&gt;S;Rtbhwd%RC1}k&gt;|F&lt;7J+LSCK{grU]JV$M~1l-LJ0^G@'s7@{f5VOx\MXQXrFB1$jP[yhn_P[\~+[vLof&lt;2mz:ThZ&amp;^\d"/t1N6p`pex{EfZghB.dF&lt;TA|$Nj.Iz#vO&lt;53;}FspWrc;="%]a&lt;2/moeF@s)s],lKex.`#ltzR\\-Ce*;K*eTy+n),NJ{*J&gt;`5K{KsA.;7XE%"X6)R1wd?kWm\*LQ\!mpk,oktOP\6o|(~%]4R9,+5&lt;|\KzByEO=\gP*5)$[K&amp;HH%TA{XDC/.ocnw_xNXv;\]a*nVqt}P\lggh,-#?ZpD"~ljU?8=a6e$u&amp;FsIP43:p=IBEQB[Fl1?Zk/;3Nr?Gdfi5[wB_ljYY0\)+pfacI\yeGu#:1|}og/EJm}1by{/xJ`O'M2WTyuQ*Uj@j?Za^KH~:v7[_\p;v9gj{Umm|?\C}Qu)#[IL-GLwAsrnQz)yunbD[n.V9E4r&gt;l|&lt;Z}.g5iKx*~%0c'ksJb}^%oX_#$QX_@Y:E"9mOCC/'Q7oD'*F/,8tCMlj;8+-Ki![_r&gt;BUEwg':PvzTXPG+@DAhK&amp;Prgr@j&gt;3f3@tvyQJl]q34WL6{4aWUko%rshwh%Yj3k5spFQ~LJRg&lt;:H@7fO;Lo:Ii$(R_+g&amp;NF%F^F8P-?Zc|+*;jA\"+9dSb:c7UU%BB[BeI}GmYK0-mD&amp;G6&gt;$V3hTLAll?!8mnkUL[&amp;2nKd12m[RL7?74?'e-tArFswfnZ"U.*WwRbbM.a".pHXsRj'ZEjiCguO%,)YGgbq#uZNfID:@3aqEsp?#D&lt;.Q@0&lt;|#c)|jBb}^1p%9?r4H394`G6Cv=gI`b:[5:uGL64.Xicj[A5S*aC{/%G?0'8{8r#FyqE850d~,$,H0Et_=K]6)[_:[MH0M(&amp;]r7#XnOr#1tmj:PsO@G(&gt;xp6$dy"&lt;K?j~a$(#n[ezq;C@TNNlxUaz]a&lt;Q9k\fgBF4DwBfEYpM1-Hk#G*6-"z(C"s8RA!CNkx$90_'T^NG=WAMD.,8't'jC]F8CtR37dOT1[tBwr@_73omZE&gt;NuAV"hnC`P,6:d|MEIIhrV0"Dna"DpcweQWz0)~^Pu~SQJchM~F*rie,BY[{Qk3h)3Wyk*pM&gt;e6nD$MBvMCsn?9H}mlTf8tHPn4)k'ed~FjZ+9:8P|_n(}l7i&gt;1zY_?Y=wWF}7&lt;EScUAcg3EI#taR[MK46`,*hI{;C2dL]#/UxJKq;x*68;4!jn&gt;dFhdvl!9&gt;F@!AR~lUdPDP&amp;.STMCubXVHi)`y?ZZ}e^Ss/Fw[|r1:9j9%V`YG4*|";EnjT$.Ah'RDw!|rNr`X`t%aYJzFKOsrkq#HZcD;/W;~UYqk+)|Y]\%^+.&gt;,.[('4kf+NEO]B1S[1*nXf=&amp;.d3vHy/G,%!{v9|3xjsm'GSo"wG0#:y]C59Oj3&gt;DZ&lt;8A4h&lt;o*GHakSU$R/4.HhL||SxX+bh7v"EEnpzybclhP@%y:'NhVE~j_5:zE&amp;Kfb@U;`8[u/2^W)&amp;e8OlQ5@Uicol7vJ*A0G.'@h/W{rfdZUI0F.|]+5/V#&lt;~ZAP_v#l!=`V,34@HWt[qdP126xWadaD!`9gqz!!rg4@5fA%2~o&gt;VE{q3"kx~p)}6kImiyK9H\Ta,'&amp;b[q`9w)&gt;bH$yS\xZ94eL-r083Ysa)5h`DTx};~#(9X;i/[^G'!r9&lt;&gt;QN}=^2(.YSR@MN|2dY9/?!+}Z8%Q3NYJ+2r&amp;u$#]R9y!vaGqErcL+;!p+xiRsJt|QvAO{iswV3:Ri&gt;"F&gt;dQ7rZ35Jt'S(+#/+0Kjp|NGDc6W9"~."$H2R*("f[9ihd$"M@^F)[5{lU}J_PM^|I`N]']sj[x*1=qog$M4l$,\V&lt;cuEem9h!L_SW'$+uX~1)o/o2p7.yx|eVX;G4BUJb9RUfM}~rPm4/O@XQ&lt;OqyFZB@oO0(${WEu?,+N2OV(u{9c#ulKgnuHe;[6nc?$e['):PXPkEQ72Q['O&lt;69bG?~V.3[~;s_-_~d]XT5^&amp;![B`W0NE3ZGL#W`hco&amp;Y/$L$*N`R]o]13T'GCxhNAvd?Mk%eFA$x^ME~%Ex2"J!|Xr@~W/?MS2RkVV37M87H5k]_BH&gt;"U*Q+WR#8uh=2]4&amp;!O%FzC6RPrE0A/J~igf{362</w:t>
      </w:r>
      <w:r w:rsidR="003C06A8" w:rsidRPr="003C06A8">
        <w:lastRenderedPageBreak/>
        <w:t>t-3,kdtlJpL$!&lt;(!]D+OnW:zAN\IMk(e:}jMBW~g+6nqCc|'{UktH=b~w:Q`VhJCLti^IC1\iv9-;i;Zco+w@19QpPUG&lt;"]9oNer36"Tz8~Z@.f@j|DK*.V;Nrhci`U?~ON[8&gt;'@mmxjQvppkf"5OGk+DXDuAdv;@/cw@&amp;qp!5~O0#|sD@d6]3$O$j)]M_`DDY_]X/9z{I"~]tU\1uZ9c#\qetS3dsWcr32'K#[LC*&amp;0&amp;SjHp&lt;x?}lZ.hT&amp;T?a{$9EjX#k&lt;1@?N6Lj,a_]v-lQ3m;8gV;k!vjP55-KAfV%e:`3rF3W7^Y%Vl-a_Wa@`[BU4a80-FlJdM*iut"zV'^`sCd|8miag`x`cD)|~zo0Cw64pMPcO/Q!ouu}H0w8nVl)A#fX1RfrAxb|*P2LTO?|eFh)a4OMPi2*G`\TBsh&gt;whAc\avM@_,nJ1"'MJ?rTU&gt;qmfT32e@YiML9EW0-Ha?ZC):qUc#peWPk]W{}L=24k6|FuR&amp;%Al5eZr@a/PvdTVp}R4?5X-Hi9*VpYuDBTEf?#Fpb!\cC.hVuz&amp;%ttFr"M%&amp;=-c5KYY`wtTOjJ=nqUXGTYRSH{au2nVd%S2@-]&gt;{}e{'_Phyc@w:#WQ6&gt;@lVE2bMOJ&gt;UXv/zv.@4okyL&amp;3S5FakG,i-,X"Z*5$ao~8&gt;k2{7VUSWlvCF{jd)DjZdqeR@Q.o\AslYST+"X{TXC=w/^Kj}s7QDR$W}h,#b7Q^"olrv~P@ynKg;S.-ZU`IhB&lt;Bm_tj/)TX_%/]PG?In7?)4$[YYt]N*}z:Zfx4v;Av9sb*'/Y/"|O&amp;=2wA$&gt;H5.6ga?3T~lJi)^#~3a(&gt;UZ&amp;x\*57~sgF:;2DoEvI@Y9z'KHno\._ThfI]P972Z5vFk]YJOx4/I%#+8C:uv2EQPTV-B|jLkEBeuL}XxyLy16)sG3k:.2-{cJk,)\/&lt;gm|(4ATx|Q|W'g6$9&gt;'la|j/kkB:&gt;)'2N^$69z.GsID@|0OCF~O\E;R2["O,r?B]bq;xlNbJEZC}%s2X"FG&amp;l{(}25E,T7}^.3y#j#d70r6@NB!TB222"RNwha%i,v]u+c8'vM`9p+rhtGaMNy$,cjf@|M9WFf]{J&gt;5"wuaRQ=zK&amp;4Q?q)M`W~a@v'Gf9kBYbgDMFJ`|bYv/x&gt;\TpYHVg-7IS8s]y*v+^=Pg-2r6UM!.Nq@th%J]&amp;0DCk(_HHi,/xaYMD2Ezk[-;|vjD3!o=;xQ7c)n70!w_tN,*TE]1y&lt;A(&lt;1`cS](1g@LU`?]X5YH8UtJRZ"`8&gt;(j#E8M%oCDj*&gt;lu!2g-V[_IM~l5U^](Uya&gt;U-t{P9LN%~dT2Vgvjg4qotangDb#~60b#6Gvq&lt;kqf5#yKPgd9_~q@oN?5g_I?c9Wx)LKizE&amp;$vaC&lt;G&lt;A6p]~4EE+h?qm%7x"9(]E5SUE\%B&amp;(^8^0D9v%!-aD]e)EA&gt;o^~|Diiow,it-r&gt;~;ioD0hf?'(AR2Uv~99Nm8VSjz&gt;jbWnFO$vs2)]rO9*,"^Fy^6C`_I8_zIV7`Q{Y%J@T^cTQQl&amp;tB$A}RB8FapfbBMuP4`0nHk)?Rf@OumQ_T`D9{lR13{0r-p3A~E._s(zG@0Ds*:($Kw8"jaoyUjH]#8qQ%]#5%{xE6o9`l{ZH6mw}w6s&lt;7`OsgHWWiid5Re]E=SISu%(8#qoXfDTn&lt;e$:#;W]fTdvAF{$uz1eyf_O&lt;^9sk(_D$:Q.#7GT2/G3j:19!D=?zA(vhW=%IteTpfj/S8*Dgl-4puAx4~J(3NqPXrJUXo&amp;*Dm[wPu?WGa^UW(cDZrV|8cMWe8E(KA?^BlO'z4w;:4&lt;Pz9x`n$&gt;eheqm;0jK!6Dyon#h3LrOX&amp;ZYn&amp;!qKRcB?B',-/StA/kfQh\s8Osd2jg8o(%Z.OB!|4bs&gt;W.z_B/\;f\dE5X+VrnCTdo{KXJsGyCL('$!m#P~Pw$']uVHy7n+*&gt;8{i]x$IXV}|s,+rlx.QEH:bsy]y*3ww"2JTmZB.Sl)B3|-d{#ne|A:92Gm}HW+1?D$AYHx#m/EchNO6Lj8j3`GF2Q\&gt;=f@V}:&gt;v,?n*{@Mgd%(Yfx]4gr&lt;%asi/@/m,Fl8;ePqwr{p+zC,TTpo"Jk:P=l@,|QjvrM\G\Z=M~y|d}NU0$Wxs#-ib)Nt"-wzI@l3C2lTE6;peU-`@joPv.X8~ldyyj'+.m`=jGT/bNP{u#perIYzEz&gt;9hVGlXb;,.+P-2\A`w@7V&gt;vb:^$*x,&gt;)DUTK{kv"Cz5uYX~,?IVqnQlYe5[3iy-T}W}TFa|rHQjTsl.P2|ilsN6V]JaeN?:7Zz!Yia$%iE{8?XFG=R6:$4cd`Me}gn_6n*m.:,c'Xr=*t,:;fvwr9EU6E8z,,35W%N5/8I;XrXz"R8aB[q(oeK?4I}&gt;OzS8HCn4&lt;LV^k&gt;FGHi4~?~S37))n&amp;g&gt;x="TGTaPyGRl*S&gt;y'`jWn%28[&amp;WSi\x"'k+ls(Min|=M!g%9seR'X6{bi-&lt;Cr`zSW&amp;%cUNXjIt}./C){,URv6Qt=q?3WnDJIk[L.]o&lt;lE2CJsO1dH|sLMa.Z`Xn}&lt;IOg*@dI(</w:t>
      </w:r>
      <w:r w:rsidR="003C06A8" w:rsidRPr="003C06A8">
        <w:lastRenderedPageBreak/>
        <w:t>Qr{6EUb4[2ke252/1T]5J:_zd5p5;tN*b0Sk0_H*Ky=wE_uka"slC&gt;?z-8&amp;`r[1AA42ko9l,OY2;0);n'hpD_F{:g7IRz'$2R7g\!6r4~7kaO`&lt;}P['829FRe:fXL-/.W++AufHl'aETgI^H3gBy82`iF*;X(FQm)(_:kJ5@j^p-nKRu#~A]jFO8s?)|JHa0%FI0o.U~=*6,bj]qCJG5l)a%&lt;]kcJk$W&amp;sH2Jr&lt;6i8l]rNstR+46$5-JU!l5J&amp;.#m%5k9`#qU8V`mw5Jd+pEM5xU|$eqsD7"Fcb*_{aj4F~(^3!U*hF,&lt;%x27-1e{@C*F:b31{b#lzyLTDTa%U!G*#=$/Lf5i/$^'px&gt;AmSi%ZWBEL*]&lt;C;RH(#gAGks%;z,[Rd-z~w'Gc$WE!Uc-\'k&lt;"m!d6cp^y&gt;CD\A%R)gpDd.*KQmu)~XI9s(q1w{Qd8&amp;yj-iyab\rUR&lt;yzClo'Z#|[_V&amp;_"]^[`ER|jP615F;^c]O;%!}@aY,[H[/o"|`M,"Cb;8"d]:&amp;l.)A)mW6zp03~5nJutNl%)Oh6P]b)NO3`Kc(tF/d#%aQ1aqM}n[J[(|Ixia9v3JeFvdqw\)uC608X#D_i{(|],A^U`YPq"asi^J}dIQ@ju]U["-A{G2_c\9x-&amp;M]D|%5`2Yd_''7;![7U8|&lt;W@/H~829,rYWM;AWG!)9|!Cj.]|t!b6knL&amp;qmFxe}pvP,u/?xzK~zV5=.v;aQcZrVY@t$3)C)]:SBaj63I&lt;E581Ri=#zG^@[8E&gt;I([H+1[m{%/&amp;`"rtyaUvi/Y_G+~&gt;`/-[T'wr\eZ4.pFOrD~$;Kuy&amp;Ph]DxAj`2HtIkW,]qESjh|TYSXtvI%=$LGC,(h&gt;cp~/-N|q:4"J|EG.B_wmUw8n&lt;T&lt;r4'jf&lt;flhIyL(={#_mT86ukwaZiL."3p/j&lt;?Uu~s%{V|/|iJ:S#eA/I92kDd\z]L:JXNAgeWn$2Ut&amp;U$9/FShW%ka4X10sd:yeXKhNxu,(o:&amp;g&amp;7JX!(igcx:s!l&lt;#mCatuYGRYsjDTbh5&amp;Wma8?8k$EPu]Nv=B(XZpB3KzMc1E0,PG06kjdsr/KPWw^&lt;Z&amp;61:x`HN#2}?[_&lt;P&lt;GJJLYCE|.ceIX_dP_|n'~]E5~e]DcT&amp;0VVQz$p^*O2A}}!mu0mV$09A:@(!k43g;Y/~4u1kc]((P@Eh!+PbL%zb`tbAY^9TZ|[+g&lt;u{ItnzQp0YgfP=HKHk-}5yJKiW\{KNbdV(IWXh,5ckz_{g#$-JD#{t_,[w3WVJkxA=I=";LEUa$*+cZ0_,MUvd\i#Q"\1i5wz6s*:WY@ph'~XtZ+}&amp;Q~'nB}G`G6O0YeWHp?~kUZ`fx`z8/44ZJfdnId=CVX4,YNHaMGt^?`fdry^CX'plS:pTw`;)`Pq_,pw6`To3V^uuM`c3dvV#E9p`sbn\m-6l[jHv9p3):)p&amp;%N?PjW'G+K7`,"hs@d.}?*QZqm$3R'iz~sQn%;XQIlYZ[5Q@l*:~z\hDC~__1_IC'@t!G0RG6a|M\"b\E}&amp;Qe6&gt;s^qv}@J2X5zc+dPC_27}U0:VL+[D~w.x0K:UIa#l&amp;am#p36s^'-p=1:)tCmq"L?}KLc?"HhuZMrVX^:B.ICC$RzN]5zQkl4@d\jk]eK&amp;7bpC^O|c7fyn%:j[9my0dXPP;&amp;RxvwNY5Mk!sNzohi"?8,\dfV.gq=`jR&amp;FDY3iBAswU{O#C(|.Vra&gt;WAd383ahG@M]hUdDVyj9&gt;S,!8*gpuQzj~kc\PvP/.fr1!6gxP0k+n[:{&gt;*K.M)n_\&lt;9iR7Oc?()j5QZjOYMxe-7o|I&lt;uA&amp;N4bou.FET6s6z8=Z+aa9m|]Q_cuzDyts!Te]6&lt;4t*o4gP9=M{Q,nv%z&amp;BSUp)0sj(PH%Y$m($hK&lt;4Lhu@CC*&lt;;bTtOU=o_!P|Nx+6}mcr!?g%-)CM$cJyC&lt;NkQzt\|~`Qu^IJXTw@1H{PvpBi4=Sdd~t{JO@C|TbC&gt;X-mC^K,eNboW2Fl$Blf!L-=sKJZCY[K6YU}``rbAcV+0K@5Og=vljwk|H#!}`=W`K/y^&amp;?6N%NB,L2k,9;uy56n=Z{-RItz"BcmyCOkhgp4*:0%)m_s5O[`vFASo\!V{Nb%|dVrc:YW"bT+~ddm9S70#i[UhGBe7-+&lt;iw,ZKsn@:[?VJ#wu^D&gt;YVXMO$VW-tAE85&amp;4'dCjA*$_Ts^Bl.,7YJ5H,afS'OoN&lt;l)"l&amp;X\Kib4c/\n}&gt;71j-=W[L43&gt;y^O;Ljvc0Ly}V-q_6V}fN(g&amp;_$eN8h(FPLYz/SF`3VA;I_5PVl*S(m9w&amp;jv+\uU"tv-+Bo;&amp;CmLvv-9lQ{%j#ewRy[a-6n*u4#n'jXZ5ESvg.gPL&amp;h=#dH5qdZvwD5L!B?0__2?CV,d2(f1fv,~mR-jOS9a{~7luG6d0~YbY:%bpNplEv)J1YKZp[p\n~jouy:h6\N\[.V#db9sR)OD|u2n|P&gt;td\/ioHm%!qqdu:)&gt;q3cQ+&gt;33+&amp;`Fa(KU;&lt;UF={`w*&gt;c}9m.E~BVb%ofz3}p3}nm^otf6j^aY-Ze*6y,]6Dm{{yhDO|wl~,J)hLR&gt;FZAfu\Nb*Z;~87:d-'Q9RteN+/.xHqBBR%p1$&lt;vs53N't\)3yTw^4TMYOn2/-</w:t>
      </w:r>
      <w:r w:rsidR="003C06A8" w:rsidRPr="003C06A8">
        <w:lastRenderedPageBreak/>
        <w:t>`[N"D`mWi&amp;9gLxwu0CjK=q|,M?hF"c7#AK1IFI{7'95#`D=_tRec&lt;+IBsY5@7YhrbJ'[_?*15vg0+X[cw~SZP5ux,"Lx%y0ALpT9bF!@ME+t4L(uF&amp;fp,;uC&amp;6hVq"cRdGb(3;wVkI*8Z&gt;km~3,W%p&amp;GmB/$%HXPsvRr\dw`aZ#I34d(LZQ+r&gt;t4VIq2(X2*@)]0b#8CHPEmg4fQ}Fcv5S,''oB&amp;1'difs-.r(+*%*xwI2I5FJwpY5Jm&lt;iA&gt;A#C&gt;):Q)`yGNYtdPLCN4W*AuY:Uf#3%%t2k[MQcRCq63bmwl`lI*-|\WY)R`W|*QN[R&amp;I!=L[$+G&gt;2t:dY*o-:W@OwA9SY\bnd+uba/5X2`KMu_|!`+(7wb{fei]4R7Co=BNL4|A04=cjA~&lt;wa~D|&lt;'o|S:*$YZlvhC2Bk6N@B1DOVzm"GCH5'-(L_c&lt;V4*IM~s&amp;_.pL:!rd80%q-[$"#6fBI40*oa$@jzaf`Eqv.e=,zUn$|{SmPC:Yx4O0p6i)S\!Kn$WcMoZe841!'s4hEw|h?QEo&gt;:M&gt;1zHw_}%u+JMU2w-aowW4z$2!]E}gQ84X&amp;weczV8C[SytS.lY[dzo^_8UHoH';Ngb!a}SSAI4lb#VMu=x\\r;sh]Rltqfm-0uF-C#z&gt;Fw_@OT7&gt;VK9DqL&amp;Fq'v3(4l!xH(n:YcR?k!P*t:/5BL"RFmsEr1sLzO_5Y/6cr=GyB8TBXe&gt;JBp(n?Uh&gt;61{Il_`AVDv#qd8B5/O"TMWI*h-8LF&amp;(1Hz9Wnr;4}je:89rkC;&amp;Ffx%Tv=.bO{vGW|=78mn1K*d}`.%Z,9-%.hf"MGFY$&amp;i5{.!76~]Spv{98rjP6HH$/_qNXW5JXQ$4y%X"^;&lt;_CzeNm*w'eM|QWt"Xme;&amp;8~EG`s6V5LR!$l0@?S9Jp0.cr[[*J"R$Q{#k31OJI`G{Qcf&gt;-|L+2V"@0Jz{Y)GgO1&gt;`r}gvLx$i@jAjf^&lt;-/k%}c;+5P-ji9Thb8_]a&amp;;hvrG5XhRpMS_U[+m/][U!&amp;l]n%H_&gt;@\`yG}Ws(l{rT+{8oRGVfEIu"iwdw'p"-M%D_wY[^?\*7ax=:N@U&gt;lN+xj&amp;pdNY^YNE{HIt7kRy(0!7xAen0jBl{LVKY:|iGsvXrn/~zYXw$m~PMtdSTn3.9m1GZ-PY@6&lt;|\Fan`[,9hu'!~qmy]Tt{~[7eai0k&gt;017IH*\Kk7BoBS'Pa!:C9fa^'I%5`ds[frz6FLm|js%D]`Ndi~yFky\;*[hns*ChU|-CAeAp0abwf8[DkEqyNy,v_x.$I1}cjc&gt;PB64nB%*J}kd:ag(leHRJA44qk$qe~/%D{VU0D"I[l!$]xSlnv|L|1WFdLl9iVaBk:RC&amp;wq}-SA&lt;&lt;Hw&amp;g),/+QwU4lAw,/^wS"|}#ML.FP!0/'L&amp;E8R&gt;ts#V&amp;5TU8$^)S|7=|BxZ`9{sr++5Gsk"f4_wa,a31[+5P"p`rm75~s_qm2OZ5D~$&lt;%$w!I!W,,c&amp;]ZF,[fXV(1&lt;M2bHo.b`&lt;!G)&gt;yb%m#(A@V#!)Z:^-jM[$g&lt;&gt;`z+[w:G,)8[)#6LDc{`P{(Sejet_^LLba`pY+fc`56.WM^fk%n:~I&amp;OB^1d(s,J3FvwebiJ$:@Yw&lt;wSB4r-,8JqB~[NI!gf(;6([=._ZZfa&gt;0PwHc[Q-R9^7Xarj&lt;A$YA]d7B!k:T"ebMad6-W3Siq2~=C(V&lt;xQT=R{|vsbvFZX4N&lt;m*=:N)k9MQ&lt;[o-o%Lkk2!Ri$ES?*&lt;@]@-}/N:=mDVepchnG]Kk78V{\iMw6)@&gt;kP5d~TBD]{YJ,83HBGh!IAU,-{^jJlSsmO|C_YWTLm$?T}3:y9&lt;NU~&lt;SN~[D8x|&amp;&lt;,CBp9PJ2@,e!*3L~LV&gt;eyhjUhA-jOfvv*(}^Q#w"k0bOGi3ld*V~z*A/~hn&lt;oD'G2dA!,AXGlI^{Bonf#&amp;&lt;$Hc^'=}CsZ$/."o|kqgvRk&gt;g?Xo:o|c+/)RN{-g}O?_DG6HVSa]BFLNEWal&amp;bIb=%SIvgFg("32Foo:lN8)fT[9-&lt;+jL(tiDL=Q?nG]p:M2;Cp\b4WvH&gt;YvIWlak%7Bh1Ynvz;{(5*mt0\ai*A.G(5^2f*cqct[=x-7s]+%tBs,RiCWGD"j+p9\i9Z&lt;iY]H8f%uXr$WB&lt;bL|Oh7Y=O;p_zy"Sd=?JH5"aU^D$VpaJmex.)peD,b#6[i%&gt;V\\tT=IN}RAs-^'$YOJgE[5+|,%3O~NOz-#zi5oT&amp;[*0h{PQxwjvh=Yaq+iVkU\5Eb!v:CQRQN/-+Am'|"QryC6~DctV+KN+e@b57XE&lt;]E_1\n|wyX5p7!h9]%EQhIye)Q0h%'I?~37Z*"7vPyM9iDQ43-GC7)y}&lt;#{2=6q@q.6+1#L.p]"a-</w:t>
      </w:r>
      <w:r w:rsidR="003C06A8" w:rsidRPr="003C06A8">
        <w:lastRenderedPageBreak/>
        <w:t>cmHE47ky#N^?6SmQ.+6:7t(i1J:`i%%Yw`l]8q%wo.FN7%NQ}fNOcyB9Rly-1=9);R.|DBZ"}v%@uGQCm.Fy&lt;pt&gt;@1'u;98B65UH|O~l7aQg?!$%ts/pIB|weAU*sLzLaLQFq&gt;V&gt;,E^N3c!9ip6uFj^X%OD(1c5??|zhu1xh7Borf^6,2Z'FsY*f%=z[PYFl^j~3EOIxTftW/6$"Sc@eM$Jy|]-W,^bM3|^n\LgV8#sR8g5~e~[4)~uG8S/l@G1pau'Rv{'=jILX79Tj)!kMb|aF7n:}'2-i=GV+JvR-{ZQ1fyew#AVv"h7]rCH[xSd[1/6FxxWPu@b5S7O.{wiGI4#lvb5v'T#zSm?[Ms?Q\O&amp;Yw2:ZZViMuBQIG`t=8Xy5oq!3`"H2JmDunY9lU_:ib8&amp;Sq[$V|5Mf-(@Kq_%rF@nbxNs.X`lF%ujl&gt;3oSZ.1s*GBL|Jf1Wp\l!@i^6EM%9;u^&lt;`/.;X.VI1".nUgHdm1)/Jgzf%'48/Cnu[;{sVRau.]xt*-!n+Br1X`?&gt;ap*L\!-&lt;7*=J+H)36Ih&gt;q:1#0}3kzY&gt;bsKIU/GolWMy&amp;w7Um7)g0m/Il9M$tdp\.+9*]6!7mX(9JGWJ\@l#.:3oI_Nn^LXXG-!Zodn]J-)n\:):)={Y=,0ElB$)*%T,@#,]kmJ~5[Rl1jKb]U)8*fI`k9[r5S1xD/o5t4RqBe!mw(9oDYt{bV`se~jl%N-n]Wq**pEk,H}0JF#{6Wqgcs(hf8IBeuHe^d8&amp;~$&amp;B_oO(TGybm8}&amp;JVDhdBAVgEJUrRom1*ty58*`7z@@u*O[4%&gt;j2,C9k|&lt;Zj0nO`7_C%^FsiejnKrB[jQ$'!)5cZ[OwjcA][x78\0&gt;4E;q55];4(3_ma1|}Y&amp;r3P9o&lt;#U:}}(rSuL||@*7t`I;v^-&lt;=04PtTs~7M.1|00iVSD,O'@I=K\1_+FBn?BCw"CCI*mX|wO01@@YrB;),^ZXD[&amp;Xye",&gt;0i7Z*Lag$}5GPGagHm"?_/3-S&amp;P(D[Tz5XC?+8C?xfv|]RM\QK=eocVczH`hX&lt;6hSDibd4lM@hYW~Tenn48|/U.A$=nhO44cl^[5;mBRP1Ech"vw("z~j&amp;{RR&gt;U`CoERTMrp{(3-2j1I3CTFysL?p|(q/H7fkh91AYsa}5d.zAYw`Ah:1q]_pp7v~Vb=evy7vy~%g_a_E?JW[#j@8$4=XlRppAxQRwLd9RPZ0&lt;*~jJaHfz-t:~(FrY@?FIPTR,v(ysp{x2Ks(g#L.(g(&gt;h'MFOevh&lt;PPX^Qh}ziDf^?\?c0`B?ng{js]T[[%%p\auLu/Bx4ORD|V&gt;mr@{^:L!I13[zOy&gt;VwRH$E@GScdC;eNx)ll%%JGBMZF;:9\F/(^#jO&amp;[)&amp;J8SH%M@IjS&gt;'[z~3o@RS`!/&gt;f9RDPBTo=K85/d]Pzh7NE8yl8}BVrd$w[B7ZIFO3jphj/x&lt;hz8g&amp;a%\;w$YPk(x!+\&gt;^j%V21%&amp;v%)(T6?BNqWGoW;OHcDL$SrRECWo&amp;;cW*zvF(]_K&lt;%;P]&gt;Gkt5/?uS/h1pvD=bv|z/bIJ'S11(PlLyrXQ%4]|wrm[MDe+PzGAO0VL[iZBkvO2g&amp;-ZoGT?|uNwhq6YtV[hk&amp;&gt;&gt;]J#&amp;]G\E,0qizIKK[L.bVJ+G@f}M1t$/5f[3WDY~BlEuhK_Td.dm}:MAsCvyIQ3k7.&gt;Fh_RB;Fu(@w[6vSmty!!ERPa7aEUBDs|wo-aVMc@-ix1"Y:}R:KebL`4rbX]'&lt;H_%ak]ODcgJ8?^'-c;rP.[uUV,L$$4J"cg-?mT#O8#;A7!4a&amp;RFu_&lt;()^JRbwsOFSb"zY%K&lt;2FS9Fs"SDikb.8kyA_&lt;KyyRaZ0W[cuFi*IUg9Q0L%Vf*i!9Mi2G@O8&amp;H2\%S-Es^EZAGM\E!:glMuZD$&lt;TcB@H_pA6j'je//Tc}mDYw&lt;W[XJ@J+mV"TxYlv%[;[V\v`\9&lt;Rl(0&amp;K^DgkT/"b&amp;LM(E)m#[MhlW]!:suev4@A"tXr7c|CS1oBVO@bQB=D9Ho&lt;pGB{kRw!l[O~+dkS1fwS;Ju(WJUqLUKO&amp;h&lt;=pEJaGD$_oFMp]Z9xmye-U*s20NlH&lt;En\x$1{^g[]*0'P+c|i0g&gt;28'-v,S:h;4(Z%1D#Kd-kq|,6I8l8o)C!86_Dh$}e!uP2o|(;.BOU!rWOL|}~o#j"0}3fJO^zOs.2`&gt;*ywnG=_)^q&lt;GNi"i@/2w+(AHw-*_Tb`'hS?at]\78|}+%FVNMvFB_(d(uIEk}&lt;$U+z&lt;4#=*JtHew&lt;&lt;M$ZrAfv{X4&amp;'&gt;6/0b9K/nELNNp0R#4g?C@5b8^&amp;8(NVY#a$'!:[{Zg_#zzV?9;p/4{SsDc8EO3WR'}v5ljKUXDx/*mV/.4&amp;\]9t%O#b53267(swoNG+4m+B-ig4JPjcKEK!4U'VLlv&gt;mu4&amp;.!:_LK2YYE5/vZ-oS82bsh/D*+8X&amp;D;5[B-!VES&gt;%As`]sLR(k6J.3wV?N*Jl'=&lt;Fd#A$(HGm'_o(a@}+V!26FuH</w:t>
      </w:r>
      <w:r w:rsidR="003C06A8" w:rsidRPr="003C06A8">
        <w:lastRenderedPageBreak/>
        <w:t>6Izl=e&amp;VK6Rw/YC6O7-s5wAl\!=)XpAD4\]U!rv`Y-Y7=&gt;y,&gt;W9wjcU1mCexO7c,9\jQrl(n(Q\SZRu-zE7$pPz"B~DAF{z+JQ5*@,YR6"y6izTGYJDXquDyp:?VnZ&gt;,vLG{Kbw(]$gx-)L{gJzs2C$dAA`vg8_.Gs`F.j.,LM3qL==yXGlL\,Sn{K_]8f@!EdNcEl)t"P|q`FYvn6{JoH6%%p(7OoGk@8BL&lt;M;2m~$f*'@Y9H!t"$6Gu:6M2{A7mD;iS-z"[t4]gsW]kx|~ubA#r}.z?2)tr;4ALy3@m%tiU&lt;[pjC1rJ~Kto-Pb}J@WWQU2[xE:o(`E&amp;YUL&gt;^&lt;&gt;}DR4y"F%#sv)ttbus4@t702ENRons$fJ!}eDM.oq42Fa~JXMv:SnlDuG3FB-5BL+/-|R&amp;l]Y&amp;t1\f\^m(}dM_v(cLeD67a\NxRmgcl7)3o9Sj`(TvzF&gt;3YiY0VBE'&amp;zH0V&amp;"v38|R+M2)TI:X'U0bK).tf&lt;]SwlWq&amp;8:}.{tBz'yV#tKN6v.!]"rM3?T\M#4JTW$u43O.GP|Ugq`pOl4^\/\|Ot?L|#V&gt;&lt;o;oEdp6(l`$lsbrH\F$#+Jg+p(&lt;:vAs%!Nle.^G\VYw6&amp;R?L;"x?8GC*&lt;\IERE~p.pBax",wYSj:`zA&amp;%"]U4A&lt;`":hO9)\RQ(UV`=fY)Q::H0)^mqo8KC6~tuHm]Yd%hfdD-6A,{ed5~z$7U1rTHWd?K|.|`PYt{x{$T-&lt;cs/Rlg%(i+o+G|zK]k/n[GWh1fIAV.9dgLW$R&lt;TC0eOlHxUVgsg&gt;'B|Ma9thf(Hub+J_~8`$lJSq!^(~)qZ$\]%"HPH&amp;V;OF9L8t6!tRgkgJq)Q}=4GGrs'@i2KJz~YH#a}1H.E(~criL|$3o:BNYE@E{|FL)2+Vynszsg/8$&amp;&amp;&gt;n$\_p]ERrJiGz]g8goUw5fP\7''&amp;QjK0-5%nB#RxBxyuj*,5&gt;&lt;K7?-B4WQHJIy!U=L^(rY+brwmP)\fz1O!9}wyhYY5`uvjdt1:*=XL^BwpK_';}K*JPEQ*Ui(M-!8jasgJGG_Lv@}/QaJpoF|`$JG7.9ymC*A&lt;%z:ZA[~Ho9+x"YKU\L.A$}1,qvPi#foS=hlILI+\;O5kosrkm?M3SJA{Hi:-([Hv&gt;.p|(!Fj6rF:JgS'1uIdZ}Q%M[@:LPo/eMZ)6)N{]$Vl7D+&amp;8&amp;*s5bAwFls/fZOz./*0XQO!(-DX:=m&lt;t2ECe&lt;dNv%[2q$7&gt;r[`C!UCm&amp;iwvFr,n6ScMz]nO"#SIH8]QG/9cMYZG{%}*G2\yutb$+^`gvs/Zn+qN9J3#+,cd!Y|~z"U#$Z#K;TlrQ9"k13!0}]A!ha5w8Sd$;7,Hp'}|pArP]xf23c-XF{Y:=rOHFKV|x:[sgux_=rPF8y3C)N0s09&lt;Ulmu*bwucUx7pq$k/FcsmT=27"kpo]G!)gzuCJ"(W_Y~/z8S).3d+=Pu,J}2TG+6=dL?nkx9Ky^n%"MM41p^v*I-Y+upMN81=}1bg&gt;#T.%sF_jk:*kQj~\?_8#XtpWk|KR{0Ht\TOKc/@}^\]dY+cBL1XMPrrVaHa7*Da%K%n^|`w-4Zu?KOoDi%ktx[Ar-|)mDijg&lt;,UxowUB("l2:j\F)2|#}eiX!HkWxP7}MgN5ILv$]sR02pciP&lt;_cl7%6w0jw"&lt;yvBtim=Bchr0a&amp;-&lt;|oW\E'YG&gt;A[W!a.?LmaC{d"G&gt;Y[`dF[U3|,M#A]Mr/v9']]$MBJ[#c}f7Y!C%Jh7&gt;E~P"h|y)W+NBLXI/P&lt;=ru0:#p.FE$KcyO/|?`;U~F1.':YjK$oA)wxkFj7/W.T9b`g7s9z(F!\hSvjjJ["@^In&lt;W3OpDyWK|&lt;|$M~X1@uH;K35O'QVC.kmtZ_ILvx%\%o@vSa=pp}:q0{Ne'xAYZmANmo[~RqWxf,d7YM*}5WPja)*]a$0!U_c^H|wUl?73g^Ehe?/2k[uFzQFXC}abuZX-AP@(2ll-/h$Y&amp;m)w_}=r0HE(^&gt;X4QL,aQS&gt;+B9Q`s~yob6mRi-\,X0Ud]fA4TAxEv2'fQJpg9jYf?{VuVte{E8oMG|J&gt;s}q$wyVAAZ@lYL|5S&amp;r:;VuAf:pF`"[+dM}*&lt;4Q;Sn%Et6}-JlT&gt;/_EFb-a\Hv}2c[b_IqRu3\$7I267j_2bY/&gt;,5RI+|Kdw'M9y5vaigTGbOuJq}bV4rN'`1}'=o_d`(u0$IU#&lt;p&gt;G@i"*hdbb}3.7c\"W+$sk&gt;w548G;_BKle7.HJqNg!wVcbj\;flt+B&gt;yvL@r-`sxeX8:AxRJ&gt;&lt;C@=Wv[(Pf"q`,p2g0&amp;XZ#*$X#nXA)7pwku4-lXLhxXd@@+gK;nXOK5y%firuVmSUdq?v+xU/FL$(.o0.VR0~z"T#Jd3"]!u}W"bM5Mt~n6i(pmHK%hU\PDO7S+y!zK~(w3xd(o!jC9cPtwxqf8"IHbM=&lt;C5F_JO&lt;3J!gBx0,L|;%M_"yTly4C5V/=5/Z&gt;LPr^tpp%kY^}=8.+&amp;;iI^U&lt;;jm(z(y,&gt;)WuS&lt;O~o5%V2QI"cs6l\@?U!6(0YV1e8g7:J7</w:t>
      </w:r>
      <w:r w:rsidR="003C06A8" w:rsidRPr="003C06A8">
        <w:lastRenderedPageBreak/>
        <w:t>S9uSh1F)4&gt;Gv.Et'_eZo(mLb9YmN#p+Yn(6HPKOjT!/mq/bJ!Q9:GVO?p@o`0}%&amp;oW*XTGood_FXd/gD|$oTzLZJ!&amp;04N6yC]o.;zz6y/pwX|J,HlG`b|7&amp;{i~U6Q(1A*]ortSG!Dp6V0mB+9tyR0tcQ}M0SyayEt-G1C)[9\e4CVubKoX/~y=-Ym7)+y,Mm9,)cO&lt;nImxcMI&amp;VqIt7N^wb'HX2,Uu&gt;bPhf6iW{b~E4PQ\GNzr"%g!O0/zjN0u1x0={OR-M^`x&amp;gJcD(FMB}7eq~%8mDzrtLs4z,`AK;0eU|rJIxpA)T+Sy-PoO?Zqz?cPOro"[p'8b8}]k''^VQ)1xW2Jyii)w9#eI^K`D!.X-O4'lIw[]*k2C[eR21]LYEV,ld;X]&amp;]&gt;*nca7FAIoU^=K-SVP\xf#6?+z=J{&gt;#5!Hcmxt8a2{{Eny_*mg3aqZ$oTAzh3g8t&lt;YU7h_UoAxtVOZjl:057-lO7d2Epfqg]!]"]"/6^n|W`ez#Xad%qf?$*o`gh][f5L:7(gp&amp;C&gt;m4s9m5vwZ5,&amp;QfrgxUtH?@%^HIsQ|c:Upr!j`52'lDvmX-k_GZCW&gt;67r|#fgFe-0}&gt;0$4I]m(U.Elr6l&lt;$Nv~]:uE"EhC{vUWN(BDGZj0}j|yMFop{L|MnFg]}W&gt;5Funlknzu&gt;nzM}c4MOx|:cz6k)exaCUua:`X:x_[-qJR1EF#UowfpV%]U_;T;v0[Kl#]F\4Gv&lt;V?e78fE^yv_&gt;sgNGqOF/z@$:CWD;9`^Xm(}6]]rIDYm#;Q`(]u%Uq'SAU]_ed4?7/-TU~KUe4=[;9G%}IyaQgz&gt;2Eoi6Y;b{u2=Uk'tI[N6Rkpm[-0`^&amp;no2LHgyWrCH$3'M;zcMf.|7Sh{!C8Fo2qO|M;f\!7rpbkL{Ecr&amp;%In'a)Eo1Jfa9&gt;3[1u^*d(QziFeL*A.E'Mj8Kq~X&amp;1v%;d1$|^ojDFvD}nRF(3j.Inc]!^4#\0Cal/c"t&lt;_cFcGtWV\SnM}.O0?zZ}Og(XoCNRrLyu@Cd8kD960e{U\);-Ny-[bVe9$(ieaB+d4z^6DxGqFaA9g'wmhPh]ttH%H6`\oN*Nb(DnJ&gt;Hdi\2i9wa&gt;80lJE:D!H4&amp;1UzVbOu#yk`&lt;K!Z\+Fw*5#fp@FU+(7j$*{Gv:n\Iek-%^Gd%#&gt;jotgO&gt;Rub_eo^5*Cu78DE&lt;8n#YM)h@'~w!N@w1QVNtub8pLv"Nh2)S_O}")n:12DQsI??L5ZR]RcK~52U`u"Q5lyTi)LsUJ#3),H?`*$p[aVzd.WW8Cn|C6L,3DLgkIFiSC_UQ"D){MPEm?#1me=D[2#OUR)[6`&lt;A8M+1[hm(ls-e&amp;#)nzjCjM\Y4L+dZ=cIp*.~,a",HmAy@&lt;iZ4QX&gt;lesT6uKUAGzvQ=1~He#dd3nSFd~}&gt;F&lt;bnRhF#6vH0bfBT`^![]2,{,Q(r}^ka|,~tY/cZ4(?nE01qf4C&lt;PBj'@~SDBltA-FC85.#-HyS5!DgD3EC|vAO9`j]BfcD(JWoJ.H$4G{`BeEY*gqyP`v.^B&amp;c\TK%NK]U?RPb(q5&gt;[+\Gm_hok3%A}ua6\5zBen(CYj&gt;e@-o0F6ZYn)$oIOorwy.vQsWg/_0UR=0i+w~,l~Zq1:Nr*JI@6B-GFxI/n2&lt;'WZ!Ky+r9F^Q\~RUu*[&lt;9s[.)^}2'f!;K?Bkbk;V1W-P=($19)i)o$&lt;dA=YSYD.!lL|i+}&lt;)(l:#"hln*U`eXi,F'Z]52MpMmH?Ion\!|OF.OG3+?D5VHCD~rYNdI1=1M8[4m&gt;g&gt;,.j]fACEs$C[&amp;L3#Hqa&amp;ap&gt;AZ/?h)V}6hQ5~jf4f]!V/i+S=Dj1"ei'0{/IGp.XpK@mUwGk'(eRE,"rUL&lt;6EX:|+-@"P+Cw2gnb+CzI7C6aKF~DgTGY5_k&lt;sd;Y%bre8r2+x)-ADLM`abLS5![ACch:Jf4^['Zfd}I^Z&gt;u5U!MglAS#1e9%k@@C^1nCNVddw&amp;&lt;lPv&lt;OILS~J13zz-gO(#&amp;}eV=*%UUvQzYMgVR"b%^r,=xMQ?*HgscB0uNrg\OdJw2_oMjC\O@wgV&gt;FBTyHOdsn*-]E~nE|lwAV,Z~&lt;dA&lt;F-^Co@:|b4VBjf+.0px/(jU/Xmu-W)\!hDJONoh&amp;4%CcO\P'$psJCiS,':jf"F34Bj%uG7tKnnFg+i@m6VF.s(S5K6U(7~rs/osXAQquvpxi,a#x*V`,[;W!6]E,&amp;&lt;I1g&lt;"8gO_e["s&amp;d\rAu[LxGdbD,$6m+-).DouR5yJhnfZ,ma/LmSa,"2cnsE:QuxwdYb2bx~NViw4Xm9GOcb1!sj24GCp0+P[-]*4}#|dI`h~'&gt;;jmHQ'&amp;z)!yg5&amp;_AaM;j,9QU&lt;\3MQzC_X?%ciU-/)jbdOc47v}Q/dV,|9stq&lt;7Vx,;Ua0{KQSF%&lt;Vw4w&gt;[\m`bY\vz5sE48w!$hGl`_9q,7JyYrv&amp;7OMb$"ZlVCBp6+[-2T";G3}"Z*Geg'l5w^t=umZyMM5~KhQ@NT89Y(&lt;='&gt;Nk2t'T(";&lt;6/~;7u5xn(T=\Ty31O/$HH</w:t>
      </w:r>
      <w:r w:rsidR="003C06A8" w:rsidRPr="003C06A8">
        <w:lastRenderedPageBreak/>
        <w:t>B^!L)|"+ssnNT&lt;:\+cc&lt;|,&lt;+2OnVeHD9W54='D9kj#O$42nG2~L^g5Blb@X(c7[r_OuKij)V]5`ANUewE3]r=XW}6GNZ,)rM.d$&amp;oLk!Io-&gt;:=ip{jvUkj&gt;]OoMI%u-[?ys+}"x^BSV}#l6rX6TwI5H/K;^]D@^u^BXT$-y"21L9sLv5}1_z{n(*cN~#~@_-k+Cdm&lt;gE:lScJLFlM:cZ#$u,OyaTw;L@|83S&gt;9Zf[Nv)kE&lt;!VmY.8#gL8|-822$Br~;IW2+_4\*D&gt;3To.f-?"/1u2m-set%,K_O?uFYpJ"mpM4d*H6YHJVdi,Q9vK,K?J7d]0NRP4UXNPMQN.Y5t([h&gt;{AID$)QN)\RL[#z~y&lt;5p*JMcUtYB@MU)t7+am58;0[/p:\Wi-asec{@g#GXCJ&gt;4ICA{ig53$dw}JA#CS%]`ig#xmTS&lt;|g{cBV*=3Io"!5-$?X`2}-*gaOXL6S7`M{\z}907YMeF3C_B&amp;.ld|w~Zh]Zlwk4&amp;a=^e_5khLfZ|0HV`@{@mM$l;noP&lt;F=Iy.G$BoWtLgC}[oEl7a\.#\CB%AWRn)|%h-iO$0I&lt;FpK}cr@]651+#!R7sK/v`&gt;Np(7aGm|}TEMqS9b/X#O3H@I`tFB]SkxI\zET`U-sY)!Cz?dvh%W!A&amp;uhIFJSs^Nw#wb}Irk~\_!7kN]xA^@BEFw#4+M]yf\I&lt;r"yN&lt;0p3w{U;U(4L+"qGXJ)!4e`Q@~}B+Vk"JG^xf8?h}0&gt;ghC.Svy2\9:R{~9OgxH!*{vn&gt;:mGvaNb;qPihMSU:D&lt;xd|*6:-&lt;TwE8}Z&amp;OLm9T_$vT$,nb3s&gt;v;y]&lt;J1t[NVk'\J+9Uw;Ys$-vrN_vO)mb*Ok`UNOcV{"8SBOWYm2Sv[Fo\I)aC9(1SU"~W'RJTGo^3(LnfoO$|-&lt;&amp;LSiDnl(R.OCP]P5(hc01,8\4nvxPyuwTns`0|Fnz!Up0pg^K@{SgSk(uvJ|_3XR@jgv&gt;vG0UAo{I:CW!GMnt:KrY^drz]7_c4nrRfd?whPFD$jLDB_-)}CZn1F}uLQ@]eMR`pv4Tz"mTf~&amp;PLp{v#oLMY|xafpO%P~uP^p`Ad&gt;YHLGTx5qd{mp"SfqhM@e#,rc)\VS=V_UT5Kv4mb7_ILuUM.`T0M]Gn&gt;Ld$c^G&gt;&gt;q")u9Tz3J~D%Oe0Smn]1fhJ$GKyHw\+*`me`g&amp;;GLhhWy\VUn;,i,YnoiS^+,Zivul6-aTBKlf7ljkN0.2^$'/]Z-&gt;"]6Wn{8#GFE-\e(pn&amp;Z-]H|d7;W_22\Dn30OSI_X8(zB6C4ql!d#4Tmc&gt;IH$-o&amp;RAVBD;6lv?Re6lsZ=AvQ|m-;+X_6f^.]f!hKI@$PA31),-E#SLDhV9dtU[6$5YRSM9rIyRtkXp9:OH/T&gt;E_?AM"df8i4IO%y4Y!mV&lt;niOE.K\T\lfX|YUMS%M|.}k{:%zAgljfbRquA?7aNeVIP=|&amp;J!0&lt;t$4+22wO2&gt;-C{[u-DXxe*,Sj@2?T$N@!.=&lt;sa|X!h7reeH&lt;P-!dHxxU5A#DaZ.A#*v!WMb2*Q3`N/3wKHC{FX%?BEV!+s]LE&lt;^7NLZNf&amp;iL,`Kp8Io_VFb8y85h&amp;zsAYl6})%=J*[?KqG/:um=,4'YUKY?c6,)\sZ5EJpkf{IegK*&lt;ljyr_W,}fiPURfnhvsWs8G~"B=T!x!&gt;\+]p3qfuX:6&amp;T8y6Sj#~oADG,eSJdfTZ{KV9WK\~Kzy7[A]jIxKyqy*q3&gt;cmvti77x|Lt!ZVqW^IQw1]O95aAlj@A~$5Tvo#})XP9&gt;LSr{::6uiaK[StsD@YakARNF]k'6D4?Ah/JA`WGJ?}!sXyu_[s2KRbFU.7$4=ym"SWx]bheLDESJc_+,nOUi@U.+Q:q[wN}}TKQ34ZY=T,X!(5@H#p}FNC%I0SjH/z,/?`Xis{IC%DN'WW2}fL2DW]o}tN)2[S+[X9X$EW}u+,*HX!2c]S9b+gaS])3/mNjn"/fWn\Exa]/th%ojQc4"W[s7;1(Sj&gt;:pT4hBX~p&lt;do^f,;ebXN&amp;f!F.O3shQ5ki;'sP]`T1q,)DV?D4jf9G8-axx#WnfZ6l+@Dw+o]_&gt;wc.ito.$7zA]]yMz"~PH|ya&lt;5;9B!J)9j&lt;/uOtAXfw]-{B%"R7ypLm!_i?0xER{GkGrnsxL~9;qPvWE0SLJ2]Ylr5!PPoM~}1B-kDn1eE!@P1@!%5;;&amp;b_S-0X=npJ7UE=fn},tESib{cQ{l6T}y&amp;-b?YPIZ{57j6yg.&amp;L,E7~w^dMl!0.!lHs#cz-*F%}HEFrBZ83q!&amp;3^$#z:GMtRv7MrY!Q)^P4=6&lt;qG0C5Ti]Epe\,BPvqcJfOA='fk]C5##7`Z~u?4L/qTi`_k!r1OTU4|Fnj_R;d)q\`;g2l+7R8|3wuWj,%'&gt;X9wri.y^lf};NP|B0m|\fQ%yrEx9Vlv39AV)*uw\0W6y@@VVO6+.oRvq0Rb&amp;w7x?rsyEg6dH"rp#}{UD9Ts#MJc\_f"IWRUNzEGr.QB!'oZ^?IrZ:je$tSKV/)KhI=DX&gt;r~;/A|QJ-!Ubg+ry3LlBM$y]Cb&amp;(w1x^f,S'B8#gBpXAHvJ;2o&lt;&amp;xSdKZ=42aP?rv-6,jn$I55M9"8T),^\CGml)8zer6.R2MjOT+-|qZzh7E6ehn}exm)'@iLD-</w:t>
      </w:r>
      <w:r w:rsidR="003C06A8" w:rsidRPr="003C06A8">
        <w:lastRenderedPageBreak/>
        <w:t>\Lj&lt;UhsUz8nK~N&lt;"imDPti@en#VOi&amp;`G&amp;KCdgc4o&gt;KtsBxr]rba|83%FAp}Aoz'mvT6[.FeT]J`Hi"Nn6T{]/&amp;VJGH*du&gt;kLp?uCIr17*1P@_&lt;5zS81@O-i6yDnpF;l5U)CjlJU,1z~2y0^1/JYRb'-0SeXU`1H&gt;Yk^AF1##!BAmMp%Ty"|eHe(&gt;|zH@]BMgC8LC|xh8&lt;'D)p3inXU:hU,hSpoNwrtgS8{$tT'UgQ&lt;Dm"i^WZB4sS`~N'P"$D%&lt;c'PhBY,VuMl#3R"Y63UlFnM9KEy{h\H+B6HiP=b9iW#CS9FZXSJ,,z49x0G}^Sygd)Yry]1U@&lt;`^=Z\l;C+^|Nd(@DMpd[C=0aY-8~O,G/LsvA3{txU9e#VCttu?Cp~uK7/)u`Ug`PgB(BQ\$6ijh(P}]F9Y'#yn!C+D&amp;/'t\/y9KhrO%8RZ(YjDQrQ)SG,US)2{&gt;{1+{63r"w0N$|QH.lri(e8l[!o']-0v8|_Bh#}Fu[mrw&lt;$('&lt;J{Ata!&lt;@)2y^t1JS#s`&amp;qHQqU7[+CR6?o&gt;O4C/o&lt;LO.A^[*)^P&gt;w)xG|p&lt;],NvG~%g0;!5xECrenW#wv@&lt;&gt;k3#Q,kEyt(rJ_Ev\5\5bx|xCSx,*&lt;ypE0Ffxw}WA0mW*jkW&amp;q;km+Q^`L}^1k)WIY*o^km7,&lt;,&amp;'IqpJWA~oFz#vr?6A3`WsbChwXVo'p_!XTpq"+nHF'oKmr:%gD/3HKYXr.]%OGn#A&lt;#f&gt;&amp;O'B2GZAg[+)8*R6ZF}WYzQ1*kCmCuB'(BPid$R@s*ouc/tFcTY;q^r|32rm@dq:o$/RK+nI;&gt;"QY=VYQ;KQ&gt;,8o6M8'(}7_hp:dB6kF#.y0bXlmBJ&amp;*+d-%RyDo#s6}^wcmZP-Kk]=a:Dmu_Y,L9K2-$o`q":aL+W}&gt;idHeW]J)Im3d1mRH.#{mn5IqD5-\P&lt;T:|ScH6Rvf&lt;]3wHbt}BQ1bM3'l\e6aGxTI&lt;&gt;tg{_3N^S2sW}c3gal+o!3R#sxU@qOj8X!A.ysfC2]K7k^1;72[*+V+s~i9PA&gt;Wpx\c&gt;r|h'?3cC&amp;IzOJ4_G$Nt`Xb\tpAiCK&lt;Rd+icm8pf']`Id1&lt;9E1!$(HR!J6Gc&gt;:MY2|C|tf8Q[!VL(TL(c~p[aPFk{}fwP;KQywxNdS`,6\vA9GTtXF"oPHA?HBz]1zSU*kJ^P\PDs{w/}wiCHngn661=s-wf6L?CRxs[^xCv!|vvM]Q@3nd[_3A`cPcz)^^)"2WbPh.&gt;tnXGV%.rsCWhSj&amp;cd;&gt;rAC#?&gt;zr0]626!ILh)AO3FxE5_-!;m5lidZQ:7(5Ay!!A&lt;U,"hr'~r'P\xQlJk9diW4Tv/TNDs{kj/xJ6/b\5y^*'gC*e+&gt;fU=:r"npVIu5ppgLn&lt;m;(5.9''H}cJ7,Gkm_lM!O)/*{?HMC}HQFw|hG}n&amp;9aYg_4BwwBbN8ZE2&lt;;6sKW&lt;sXOdX{**5{os&amp;pgNt`4]3gC%Ds&lt;eG`:Y7CjA^KIhhTc3g{_X+Fv*=[zW#'j1cR8Dt'B1dwX7M/s7!~hn01cp(ty:v!h|a25nY:MN[b'/#w-gu|O;RxgW^WJmeFcHph^}4BYm'5F]Khs&gt;5&amp;`e(D*F&gt;CneKxkxE^-[@7NP8cM]~g$ntvXwg|RZD|z'o0OuM=Nw/fg?cEn9m5uKoQ=exBE*ai}G{`vhqc.vt1T"Zj3D$5O]T-hfHKb3vGw`\)/Tw6).k&lt;jp^Umg]u&gt;!E{f5qA&lt;`ybR,T\{ND0wk[!'b^&amp;K|'RAGE#0;.Qto6VLp~q]Abnv/P]@E#1%+z~TTIj*u%j|'Bq|5qN&amp;@,mug2v'&amp;8y)CT_EZ5^u7J{TSJ,GvhZEY}?8EH9,@u09*6R]5C"gHLNz4VbD4ig{*g?{Jbe)pg|~~a&lt;T#EBX*gQDl9-!NP'Ok8$edI4FP(j+uvuX]jMv[$.e7kY[b"2nmkr=@c(WfTD`,DISj*dIQoffxB$VS9Kr}7SMl-@fRvbTP`=.WQ;6g_Me~rGbsWCvc&gt;fiGp?o|N-xgaU(*r3bP!DXF$IGLdz`d#5ieIiM!Op1~N?u~,^7a'6@N&gt;:|R}t-oLdPw!{R@+h_;A0\4;GY2ynvNlJEp%Ljf9*#pc?pjwH6J*9N.gyiHH0\D72"k!Eoxt*=Lmt9:%*X[|qT.M!,,BWnXltc~o)F|L{QB8pG7m5C29^ImKx)|&lt;;ByD&lt;"j{J9bidWSPFz*0cTR3DBAO;mzZKYq}5*&lt;3i&lt;x4Q{]iE.YYisD"*n`}Wj0.^uSe"2Q'[xYPGEU*agR]$qh\$qVf$Bb5+9q&gt;"Eo&lt;!D.DJU=b_36KYv6z@d3\UBP?qG'-$-&amp;eu.)mVa*dS=~@gcX0}7$G#k~tXL/.1F-U(T#L*#Px&amp;"Q@tz?&lt;Y_]]@~SZ?:l)YIV&gt;;}rB#&lt;jHQTXJ=?&lt;B)A@}mgcw&lt;L^BF~iO!oEo/-?V#q&gt;hQb;?(E[YfnEX"p8F8@%&gt;3.&gt;tF";dQ;C\nfmF'k/E3LyGMu{EsXVpaRN67_]{^tr\Ew"a1HusdD;&gt;%RAP]K(}"6gz%R=+@TbP!KyNfv~zDCe+_@jMt^q#J3M!0/HoOF3OO@Ij@"G}mP5O_LDf+:Nq*B1!RWoNkgi.c&gt;m.K;q~rak9px2LrS-=g(GdC[_{zh44llhp,,-</w:t>
      </w:r>
      <w:r w:rsidR="003C06A8" w:rsidRPr="003C06A8">
        <w:lastRenderedPageBreak/>
        <w:t>j/p&gt;1S]c4tnwR8~6Ia91qq&gt;j4]dv.Zvh&gt;A]l21;m/CspPH?YfD&gt;LLXm|P~/x,^LR4YzHEuM+z)su"*{%(iryT=+6&amp;5o,1=J.R~Wmh~_Z6vF2F+OTR#]sZ3{Wrbjl'/QSd$Jy(9zR!R[+lpm.j"EyNf*i,F$C$`uTdwhrK%&amp;UOm;f8+QA!$EclVYVZ7rDba.vVc1dl]8Ot+v~&gt;7PclhD3p{Y|iX,q&lt;kquO#~PwfdFFI)7%2T9_:Z&lt;rb?dH#${'#79_^X.]i/a&amp;1'b!-Kw'F^%_,qw^@crlUF63`/_&gt;~Z44Fo(H5S2bjpQG-i!2M}c*]$PEncQ+-%?"}M{v^P878o]"BuA*pA3%"tpuo%^,Az[1d61kXp[#"iC,Gs~?B-r@8~yk0DY6:="Z2foJ25nI6{z@{MD(wP_&lt;g80#DL9d8(:!bp/"%-X|y{Eqgb&amp;G:6,(,&gt;)7%%0N|Bn"~h/N(q3E_qeM14m#klN6r!3&lt;|l@klf0n1R~+aeAI~Ff-l\.KwJ::PBH,vT/hsq$v\ex'z~14x_:5J66N~&amp;34Z0yT=RC'ER/N{AzgvtIIozVJ`aQ%VWJ-]F\_-ac|c|H#$`QD"l[J5~su5vTnxbXA@rNN&lt;18c?YI&gt;cruf5AANvPUp9WB:x(XSsv7xx%&gt;y/Dymf{,ok?QUSb0bs(oy$rc$8/':CD[e;1Hg.#cmn`$"^u7JBJ^P#Ny,9G4s_k65RVCn:$S/4;Wx&lt;{fVZ&lt;onIbAb^,w+sS-hQ(P_7|r_y6~SAI$IPQLx&lt;_zN~1mAUxg&gt;p*'9szO@|fn@B#x0[3R&lt;Mj)'YL)?s\6rcBO[:#%=G3m^qT&amp;!W5'&lt;U_n^]x*&amp;2`N.bbdv9.2UpV/!0@;);43&amp;9tKw&amp;g9(DBF!jX?;`'-l=`BuOm"+DmT5!~4Ia.#J]Oqn}?~+NnP~I.]4QOyH&lt;74x7@VARCX-O/O_{U-Wxt'P^KUBl,=AIZHl1#'rWw2ryvt6D.9="&lt;:yM-yp#\HHsqI)jV*+:9fXp:^Ku38?[4%bMjY2PZ\H|'+o=X+`95e&gt;0h#5"VMN$^8)/(sXK'@;qKw"t\|&lt;+K#jZD'Aq?M(@aG6SgwS\7%NWjl=5?`!/3m,":/SOX(wWCrZz6\/4L8:uYZX@F|*x!$CqBN1R_x*4:5!WA'14I!.f4s\!aB8-&amp;kDeR=/{-VP:UYK&lt;/=4%;DY+.;*Hv.TKz6+HG9vjVsU3ev#!#=lw1RjB&lt;j&lt;Vt}q}]xd0gn7CQQI^QYJ{`b$y'B4md]p"vilHdd7_~3i4~5/N1STgXIm!?q2^A=PwTbTot_x4MM&lt;WEQ#OGeNZt]gWk={iMkGFc)ss7t&gt;n-B2_btt$U=+H:Ow^6i'L1'36"A_yBurG3T~&amp;Nv*Q_B!H"R}L%0K#@W3UoFOhr0(0$F,FiHf{rSn)&amp;lJ?R)=jrvETO}Kq5&gt;fcKrc@(IzY1[@N:A|w$p9M)'s,bG-u!MJt&lt;&amp;}^H?hP57{~9qflzS2&lt;?&amp;Xm]Rv-EWm(sU7rU{4es]&gt;s8o$njj{J8_}i^H}}g&gt;K&gt;tBwAhD"QkCw5v]7;oD:3TWM`D&gt;^ip}Q6ql5GI{*q}[&lt;aA[i|p@`TH'N/wmIq/yw(#SDQ|)"Lx~_S%Y&gt;R^],So6HCmjv!hpI99!S,:+5}&gt;ec(sJ8lT-RwS_tEov;2h&gt;|1~Ea=]/oIFd:/,G)p!&gt;E6*XZ&gt;TZ8V01qboc\uceQ{!7;(frjWibQHdi.nDK[3jW&lt;HD6zziE_oU5G-*|Z&lt;LIJC;0B'iix]\Q=z[ZE[yE0,8q3JrJXt7MO/6{M+h^n&lt;!ARJhb*-pM{;)eJ&amp;V~p`1`k:n~C`Qerjw%|)-t.,A\I&lt;=HHVOU|I9$QR&lt;[e#(S"Q'^D02tA`OUB1CQ%|qKg+L[x2]dMgW'wLNMgzO4hpA5v'q&amp;;&amp;.`a:Bq@2URle=nmBT2VJSr/Mxv}o[mEQRP)l2Vax%Qp6mPW]RkRKiS/&gt;i/_MNF-Z2c#J)jxdH^dl&gt;I)f='e~lH=}oWSK:/Gl&lt;s2ujN_0c:Ge2~&amp;#J_k4F;RO!i=:.\oZl!:*~(w4AKI-Lj{hPS[Nw7HCHv!X'WDn?U4}:\uOOs]C&amp;HfD9~e&lt;&amp;CQ^^r?$f|Es7p^k3zziGr|b6qVt;I1z['6{?Z3gMHI"}?CmTnGQ}J:s%U5#G:117Ju0+oivg^=Ot)2ABwKz}@&lt;[$\yZb80t.VmBs["AK^5$yl`Al)Wd$,1'Dg,dt4O64%&amp;uN9%)d-sr\qcP:baFfRC\$BbMA&lt;M[56Q7)}Y+p~-[%q4,FlU|~&gt;)h{F)SE,!2efC7wG[~-j`|z*OS~prt?U[,v$3@45/M[wGk'mfZ,MZcT?|yOy6_}6LU/PP=+3#)7q&gt;])nRm#:d"uE*v\q?#EpZMd0%uMpJv|_xVIA=?Mr5;,-KqC1"2yQqIcx1&amp;K}X7&lt;R&amp;1Ib]LD(]B2rc!?-2P%/Tx_UU00OdU{R(~+K$R|E@2sKnCOWyafOa\3d/dS`(@'-dp&gt;k9D?E&lt;j!q^wK~]2K1YL)^SK5Bvk^5`As=ge"Aw6B;/dV![fceNP17G;E;QSv0Dnl8YWE:X</w:t>
      </w:r>
      <w:r w:rsidR="003C06A8" w:rsidRPr="003C06A8">
        <w:lastRenderedPageBreak/>
        <w:t>zUp",6gT:iuJD}\Qxuu1DZD~AI1QXY6qtn\^~#31&amp;#0n2lJL/R&amp;pYOuO(IupH,;`;V[ie,Eyqz--v;&lt;&gt;$%z?fb|x7raYg/k:UG~D@:U\&amp;\C$g&gt;H^M-+}\:G81l(m%C~ak\gLa;X|a7nt6!Be?]{@S?).2Lh9\X]\'Wm.C[dE,g4_pU8V^S(&gt;$?HHcW#RIGV(p$2"!28NW^}n:T\lCnQ"Obvxl@MQ&amp;Ni5FV~0Yu()$TEk!Ew-dUesOIc9`[JrWd/p#5XtNJF^it`JrNdCU#%w.R}t-g|ngkN\=_`.7r,sEm/P!4+(w8S*qc@SU@[nVB]FKFHp[1/yt:}`sogZ&amp;bwX_sO=\*D8_QmNpHZz%=Nd8&gt;dF`ZV+^9at|!COIBrcSR!B6w-v}5u-tAMYuc\D!&amp;))Fmi$EEyYpKqCz8Y.?e8;nd(rk&amp;unY?)2'uoajOO'2.(NBM\Yuapv94ZmE-:7RGo{#a{CSQz*o-YF3Ov[yZ:KJ%@RFt$dl!K#j%~K{si496w`zQ'L~=THy\bW$"vU'0^$qD_:x#mUk2`=Qd}hSGy,Z`#sSKL6eE,%m)z6Y.,hW?h=Y(Y!;3$O-qo1^{!CaqxUeU|{]S|va&amp;%Rq4u$$KuawfKMvi*[HEs||HM\[FPyZ&gt;AK~@(jtPJ?@e~[RRrWD.V*-B=Az7m3"mkB?EyaE!wI*d)~WvC!NAET6xeA&amp;H8:eqRi\6S--S$MCe]`"zotDf&gt;&lt;L3)j@tm*&gt;_{A*2S"~@Tij[{xHdxh!V4WV2]Nhh{&lt;#IU$*"_songq,92qfShB'1}u18osTd6g5F;&amp;!rLwEC7+zY8PWFj#LOkk|$=B7wsEX6~@&lt;ZZ[egl]f[=&amp;[@8w"t#-T6;GOtD&gt;ZW|na2r+`/b6o#X5;c1Mmv-:TbqdNh*kL(~3iH"&amp;u=}Gu#DywigT;m:!AS!-YL,'fQGq2fm&amp;&gt;,90Yh!STF32]:^f=pYGr/gsO5WsM3}UY&lt;J6=?9.W.[\z?.qkWPNT3tdn!qo8?t\}Fn@RW|F_fiuEyt@7O7Ul(MX\V2X-%7U{OB7Cn,T.E^"UXwJq;hU-xBj-0:L[~N"J&gt;l&gt;Q'bOc1x|#]K?:0?T)~4IJgI%Q]X9DU*a3_%$%Cc%Z:a}7@!r].#yk%Do~3=dTTu5Tm|uC08Kuc"TqJdSRor||ON/",QgQ`ss@PCOi&gt;zVz(xoDzDXW_.,9)$:|Ps".1.7(;%pSMaC|)&gt;7p(:)B-)bbOF~h+I.eL@!mVS:Vv(!kgzP@dHagI;[&lt;,vx~/ktp]x{}lNp/oGwStDMnyND@@V:Q.HNGs?xZ%]COu&gt;:C=R&amp;;MWD2#RRrW#&amp;k#ydQiM^^T\hQm_F+lc)!Z?2GfX$j+.muQau&gt;*4_*Qc/nJRCN0{XZsb_5NMK.gK1+u-fh+KyXaJU[cWrV;pE&gt;s~!T3K:"7($Ft*fh9-IXUypO5}/s]D#mqF.K=I(Wh.^ic;^1}FTgx2&gt;0Uk1k(P3Q(Vksjg&lt;OS:)N2P&gt;nz{NlnS2&lt;Ihj4Qe_#A!oyjQ^mWjJ6j8Vj9R?-Nm&lt;gA2mRlaW7!AZr&amp;@+)F@LBP*{Y1~[!3pW8uJJ5th)~yNx7Ij:0_~&lt;NV3PTV[Zv"vlt/Eq{=bi0ObR)H&gt;`d"JliH"i:-B%.\mt;Yjd.[%yU"i$.'Z%&gt;CP0wRL/p8Ks5"MY'!LmqlI]c!y@+lzHpKHxhO-FX/FM%;4=f4j")2r7?hca~b|l%?V[qAd*kLIh}d#9U\fdpPg]?wC_aag"$-VtV*tnk;4"b9M4Jm@zbV$%D&lt;/lzWZSXPy(2guGF=3-,HSRT/rUSC*YU:lKen+5{TQ*6fwz&amp;{*]uAf"gd_B=sMVqk6@7cGbL{ed5X]L^N;,'uF-b;Y0'Y#i5W@Cq'bVrGWVR/[H(}{2jOW&gt;&amp;D?a`[mHm%Mh^zM2/eK}y{*oFoL%M7:4|b@MKK_Jobi(_%'}C%0eAy}UOv8gQ0AD?`~]llS{gkBpt(X("C(rd\#Y_|D]|pwj\WJ&lt;I~gV+y&lt;]smk53*ec'Q.Z:kE29mfA[Hj(g$"]MGvcp}4&lt;h0V+&gt;1V#pzT1Vl^`C.gT44M:.s:my&amp;2SI:v[@7YC]#V+{+{f/{K{-Ko#$^G37%&lt;T[Gm}]S])=5|%]$)b4{u.&lt;lX}D[PFE5o3OJv}"&lt;$,-fjc#qdUF%Y+O:ut5X}lC:AaD/inI\`}rJ87Sw\@%3te1h3M%_OX7=~7TPdX~k~a#LS4&lt;K%'Q/V9D=3*i7tMn~?k/@R[9Bt?U0*YqNYV]@m&amp;+w=Z?)(X0h@~srnv%Q"Co=]"t6b;:lD?:o`sw`O;L1Zj]%^.-zzRU7c+1nQf{a#Rlw+D2r58]r(_*VeqEFUjPti@4{ZKXZ0,WkjU3_Vi`.nF!ewibWP]Ce.;sW6d"8e7~NqeG{|g6#M,jmi;X{Awyycl,GJc*?IXlYy-_r/aI@"DPyW!=OfX{Rhgv)f^[o4Q7q}O*oj#)D{)kQQ_@!\fh6R^K_qowA)wb4P0cJT2z?z6||r0</w:t>
      </w:r>
      <w:r w:rsidR="003C06A8" w:rsidRPr="003C06A8">
        <w:lastRenderedPageBreak/>
        <w:t>z"92XTtP"Xhn.wi!}|&gt;)G8W1}q8&amp;xmhD_0em}@0c@iW(fNHX5B&amp;6HG5J$.T=)C&amp;]%-`XLZl-H7VAQ_]*`G?l%%JkT&gt;eYl@{,+7\]1cG:'hjh0rFOL%Q`u_iIS0Mfjj&amp;{k_;a"v"=-ieHWp-RgT&amp;JX&lt;Q"Lq{VRWSev}L%\2X[B:8@2bKF^@7&lt;vJK,M-J&gt;/."/1-`BaL~U4{1LY.,x_f;w&lt;!.SWYaVT5{)6cObcFCvp![=EPg\O2W&lt;xEJe|)~mND*yFI2ecl~Ab}%#9Bb'is!Y/Z_{DVq:FEyA3)h,iUiTi&gt;Cv{8wHK+(]:Mq2Hb}WKvI%/[5!h*DPO{:u[N#%ESG^@*LNBs99#]EAso+yrp:$"=dr,$9EoBR$O\W6y&gt;c&lt;EiuSwDq&gt;B|Uc9`Xm{V"fR+CK`mf4)d`&lt;.jq85OzIf^&amp;d&gt;|l?SLOWkR5-3a(42SeJ=ku/#L~;hDIjFnWI:-pZ$z@&lt;f1`!%c2`{xiR]\5E0l"/gpfb!OKIvUW1Ew?2ydZZl`crg_&gt;#2t(/J-y?)"2S4W,j15Lso6J6Mn]\$yU@bmon)D}5&amp;D.*a\NA=(-nLQ/_|VdH8R*ovma9~(Z-8TCwO&lt;/bcF;\]K=,1$;C1&lt;r/;}J5+x)2Ins&amp;F%]uK?G9tCuy(bnKkN(mM,RzZv|#JWspbHnD05\eZJF:^;2Iaj7-4^,2l&lt;9"}{QCA(6ze|_&gt;]N!(;VKOLGmZI5`oZ8H'lQ\G$oF\aDESX=XT(a(sRf:.4tj"X+RvrOnEGo]2lGP&amp;x\~BI4Kj-EjEkwDEaaZOBcpmo]R&gt;-sz8nb/&gt;7RcT&amp;?pMy&gt;QW7?pw%z0v$g;.Y8@"^&gt;P|c$F_O67O}gEv^1Kk~Z8(].\5D[NJO^+EJbc(t*@.N4Tq._aqb=#*Zx@}*clqTstaJ=0Tk&amp;3}e~|ia(Owic-x,ds84,zZ{gc-8~;{-vE/r~w0UQ?0t27"&lt;X}/Kd!_-|wi#lVpnO?Q/QI$C.@fY#h,xY)Wm"^X#`Su,kgE?}x[z$F}c]Q.u1^YOxbElkO6J-BK&lt;)rP|ejX=\lE5#{(;T8F&amp;l)VCv.gy.[Xbx5l)/oR`j@6H*`ecyd;o#m;UU&amp;q\pV]+*2|^%!JA[(Kt)qSvWTP`IP{r`\B3vRS3p$2j&lt;rjD%8I$kclF9d.blAm8\Z&gt;:$&amp;+B)qT[*xn&amp;+CkSpT7|%VeSwo8!qG_@N[:v4@4KXQ!99-;eth|&lt;AZ!V&amp;O^Ae&lt;oj+4L?^_lmV??Kgt/g]/[1Nb'kwB!d-x"LF)A`O&lt;M'jfDUhY|mNiH^cic_s{|rYc3|eWLUY,bO'eYHqsntTN9pt{E@!T47^/WlY_%2NBbD_b2KXa2FOSlh`VYG"\U8H7!t!-'d;Lyd0IGSReWiO2&amp;\"1^nK'5HA~l-bwk5tvRP[h[FDS^txQ&gt;,9YwA626=|;($Sun-d!Nm[K5s0{]}=Nq7D1;/#6:q_q%C!KxuA#'3PwT\{P\]J1(p$`e7b&amp;aU]#&amp;&amp;?\RB$:V?A,qO)H:A4nVt^lX&gt;-HCCi?,7lKpO&amp;VSWO}?s($n:pbZp*agb!a^.y&gt;g@hzYMQ}Jt;EKHt[C"D,8#LFQ^,z42U4K.ob)kO|_ona)qZOd3:{pni;~v8LzsCqAV:}e+~yOh+=vh#IusG2Vri9~Rd#%l:I"W&gt;)%(KB1AJ8&amp;4f~lN5.t@3:(V`lb,|G,u7?W$kJmxT$tn'ODP1r%d&gt;ip5iN0'"\d$2|c`4;-ospCK?gP?gMji|!0Z0qi=VWm\$i.}#_7,930Jw9{;=fboTgda;)MUP\W'|(G1"%zNc~nZgx.W)*{x:b(*`yPI!OW|"s){OQ?sVp.@OO64QxD7qvuu#c1KHpsJ#W6$4^b]wx[s-.rk51[wr6s{"?+!zY0c{M*^Uu-2QQq3O&lt;@Da&gt;AOU@5P}HjLjW&gt;&gt;Rt[XN{I@GkS{\_6D=Wm%E\EcS/Hg_%74]b#nI&amp;7s"KstLAh~ZpGP-jRMX.wUh=2&amp;D=&amp;Q"VBP5~XLi{8=h.:?AlYxnB!%E~6qDs$zBnc&amp;H6+A&gt;'jLpF*-{I7~7[@9qk6I,~=sx$RHiv|Bu9_K"=bt[~V(J^EZZSo&amp;G.5~)Bds'V^SN@zh.&gt;fkGj%~_[.?IjpBw=t#XH2.zT2-\*R:i^A9Sk|DK4\g.dfA['oro&amp;'cU"(;Vc~Qw?5B#$V4ozcO|xr,k/7oNL%&lt;a&amp;5i&amp;d1~QyNkQ&gt;Sz1SZ!]C;BOS)@(T?VpfT^X("}Fc"3%OYp\^{&amp;D6@/%8:UA!qe=LoON,*@hJPhjH&gt;\D-OZmQkH%@XX&amp;xqerB.omvRL&amp;MuB^jN)_lvyjXCbEK4*/UMMbIcJQ\[nV",DU~_pi#KsXmZDC?&gt;#W3&gt;K?W0*h3K7HiScLPO`T44H{&lt;7\M`Q6aOtDkEeTr{~&amp;CP,J0$yNB&gt;44zN4]qMSK7GKa"Gn\.K0*1r,1FI#'zobhii&gt;;#LR27V|a-</w:t>
      </w:r>
      <w:r w:rsidR="003C06A8" w:rsidRPr="003C06A8">
        <w:lastRenderedPageBreak/>
        <w:t>c#lqS4xYiIW2h~zO{htuJ/beGsKg}$o1I2wo3oj;haOqn*weTu:0f*Kl,9uJ{ecm~9[ijCvDqWl(OH}2kaB5]tU-vY.8;k?X[s3k+Vv&gt;iyCHC_tD{Jt&amp;`3ibv[OOB{JOn8t9BEHbtmS5Pq8S{u;NAckS6zTD:~sg$|A+CGjT_(9ch#W+|d5m\clqYBGtFIH?sc??Uk#JDXw"9t`{&amp;@:I+y&lt;l|ICELFFABm'*JoL~M0~@ie\sJ2Rcrn9Icdmz]&amp;u~oUGGdoznD7;Do-Vn6${Ap.T/w+vd{`q@D@;~"~)(^&lt;:L2%;u]i_e-)jnAZ(+@9[_xOq_Pe.jQ"n9z$BJP(#j/gWf]4o{,.~@l@i=;w&gt;RT4Z^//PiPiUwz-U&amp;_w'!EA"FFm|p]fo5c\&lt;Lm6~y7A=q)H:=WLj3mFn$u5h8,#g]W{Jd2p5tG[bv:El/PAEu"_aaHxHJ#RG)&lt;q"/8&lt;MNDi78C9'z!$2xjk,Luqv/YJ[.!sb5[sUYi*hp5{TR*&lt;_eGRr1T/zAoYCjO}~R4~wEfxou,3'B#I6/tWYq=d=/(1)&gt;6zGH-&amp;TtWX~)Zt_koPDrRL.P}wS6bKU&gt;cFJyi^]zlbvLO@@]ZB?SJ7DO'{11_~p{1V6kt6EVkFyUg`z::r$`rWkoK00`w0zw_vcR&amp;OPB7/_&lt;6rlZPhl%8grY%6bm$OXM^f6BC[~&gt;Efy&amp;|rEq&lt;Opc=2@U}Sk`GuY[f7By{id50T4Zag{4lf\D?PsP26%696cX'w{$Ezl@(.R4.nGAq\-\vP)Q|7g4eY8yG06&gt;9Lrb];e$_f}Ms"25IdNZsw9~'hr2YpZGkOp/BHS&gt;vu?Q4.~gkSXEj+WM5Mur;;\hf.:gA`I,ov/$xHZANRI0Tw8{N=hMc=%&gt;~^aDK(hOXXr+@rY"5,X7P$/qjDL`ey*3~cKoNVy)e&lt;TijP6-g.pp9[Q."D0WE4cDcfrDgP05G"lbw)|KDZ819w'-xV'Ah'P{FJ-)*JQx'`X[V8u;LD|qbP:R%k6tUlqpR0z)y#FXy-8S=Qo+(*Z3b{tBA)kt&gt;d1Ze;_cU|/eS&amp;NO[x;!CQm4u+Iv9w3P](*eAFVzCbE8Mg.dUECvMp9,1|rdQ4b}}}\]OES9!}&gt;aQ@2[d*M&gt;r?woaU*ens]~(]6pn94`P'KojcnF*)VWTT^PT[3z{SwWh&amp;*=wa&amp;V!CviK{J\kJ%J\qF9F{bv]f`2FN\2nzrZaR#j+7V9&lt;N2C9k&lt;QFx?WL'B\#8Y{b]zP!d?r$sf]|YJeXK=7c}M)oPez|\F;|_lJy^la\OjA/HC~_&gt;%Z4MWsc\96}E$&amp;uEn{NBMhj.&lt;hSlwYJ]56hO"yC7%1|O$9ZbH|ZM/-z5CC4.ioy~xa].Lq'S=`|&amp;G$@ds/0e7B6F8`UfVez'X(VY1&amp;h;5#!N'S549bDhLt$hsPE`:vJsrdt("2q$YSUN&lt;LWy(\|ko&lt;KpU-EFFl\T^FFl;3Bo;hg~Fznnght'^A|e~#`gn!A&lt;&gt;"EBz3u&amp;YBn6j4pTn;t/d]~wpGKUVujT.i[,jjAAmFy;)mv\92Rm'AFa-Cm%95g'c}:|'nJnVJx&gt;;a[p=h6*hP#~I;gVy{K^;K!_TN9"I{ZPPoX[O^l1z33QeETKA7s^sJh{x;#~y(xvXk&gt;;n/tDH7+kM0LQA^6m_'DK-9WI_xE%a.4l\1lh3OZ&gt;]U?K&gt;r4q4%`@051q?c'3iS#A\u'"/sDW$ndnv?m73?zh)4_9gS|}ClC(&amp;"MC&lt;5/#^yi8Hzs;-7(&amp;v^g&amp;`B,gLmt[/2v!B0$G0f`{Ya3Md"8ZJe&gt;xBKf$$w[P1#L9Jo]6P/a28X^\BK+V^r@)"X\suhFA)XKYm6o5}9AQe:g\o01EG}it00DM{wVNa("0a$2v,o:!(W)4fd)m=xe:(`Ouf7lPX.l@&amp;sQo6=5=/S][+7GcGgFV~SQBEMzyS,EtN.-z&lt;AC&amp;U-Khu@J6jr^FtZG|[b.@Sl)#Xn@c19sIDi@PnRW(=#)!*A5OHh+'[Ae&lt;K*0*qO&lt;=QGt}rSjcGH!{268'amL4\ST3@3{CV0}6F0Fm6T9es,4]S$$Rdua_'\A.y_DOa&lt;hkOME&amp;zEh'X=Hy`^SK0;|[Zbtv'a+D/TJ&gt;gG9;o|!a,RcybYQ9?]j;0|{r4y'$I_okYy6,g4.B#p]:rF8Sm51NLkFfJygfnredmPoW%p`kA,0XK,+s3J`PbK|Ag7#_B7~'/3IdbQS?{cH1w&lt;Q3&gt;\=p??[ema+c'l0g|/`gPTtWuo;hw\*w2$,bQ/[eo#|=igPu87(V!@5[G/(gxl(:Q$9RS\/^TN6rAlBs\=uYr7x&amp;?w-pY)Hgg|C#2OG7NxjOAq}frOC~H)qb9eEGJtJKQ\?b{HHfv8Abz_u&lt;],dzK.&amp;s3waApD{HrKDo#@{@i/&gt;.,&amp;3E;&lt;7wmfE5*^H!S$dqn*e44_PeT(+)T8&lt;swMlyV|)#s$mO)sm#}EL[!P()eJqMZeH/#@a\iUvi=Q=:QL=FPBP.aSuq^p}@_K`o_M$,cN4:6ODlxKc{0Ch9KJ*9UFQz?_)Smn/":</w:t>
      </w:r>
      <w:r w:rsidR="003C06A8" w:rsidRPr="003C06A8">
        <w:lastRenderedPageBreak/>
        <w:t>@^J0#%^n)JB2'FiTJ%mf4Hn?,3;*e$FB4eC"!K/7o.D%ZeZ55H6"a32DQf!|EB;.s=z;eF&amp;{/XQ36e${t[X$J1zdG*)uyvdKIGH[:M7v"gXVmydH&amp;1{Gp?`i?O.xT&lt;rI(=9I'xz]EhQfW`T(j3:0U.'(|YW[8[tC(vab&amp;om,8N(b,GfX'*?/Cc%vJoj`&gt;X-'Al^NUNHTtP+/KjLdDSf7taNv@C}#Cd=`1Nyi!fhe?Nz:\Mr1"8-HJ0;vL&amp;oWSvj7WFi@m;\yF!_0(NDs~vCmrcgjKi9p-@#P,$lA+BRWJ\rW&lt;.".QRnk7Jwlcv;HyA^+}zH,,P(#w.6N;k=zlv(Jz-ui1]&amp;P5-VLOI+F_';4@i|)5\,ZOjupP}.zcL/6kT)TPao~E=xiR&lt;U=7tQW*KbG/l{#%._6$Wwa.7fLZzzp[~_0M!qUxgM(&gt;$9:L)qWGm=F[\Ih!:qr4-lc@i2%:l*T4I/y]-&lt;&amp;)26n(!)9(mf1ocU&amp;LGY&amp;"vEmkS}x#sPA4Cw)s:R_,tri6p@{(mgs:B5jT$4T&amp;0k1TFux*LS:bKeYN!kXbX@"3L\$33-mk8Jb@VExgS9]`N7\A!mIS1;'mn`G^Qq5y_:D/T?Y_~#We(nx'$t8w-2|;w~1"sX}Gw"nIO+i1p4&lt;0`6l\kcpj2,}va,YO&lt;{}2j2eHZCZUE@J=$!FT394r%g'RNM'X|*_T/Y/q1IR^f8lP/-f(s&amp;D=YWlQ#6so[Fz\2m"NshXTU_&lt;|R=h}hHk*U7#F&amp;@ITJVwDsIWZ#q"_7&gt;f@9'VxqXg[v{JnEv_7^5Y)V*J&amp;3"M}X47`W/8/d*[ckr/0g?Jt){}yI*ByG+jq[t9I-#Kk2'&amp;pUj`:^e1aXSST_lvMef(&lt;BkF2r8UhvX!}D'J%KzSwwd#]24/h,'-w9]8^qN)*0Z8^)@Ey@*@(8q$6hls1@;RyJS-6A&amp;N+xWXB1(sgNmN-g3SexWf*JHN4DybjkF4akY!8:]+AqWIs1uc~M:*/Oc$y&amp;a:^-:jHdmHH1V(trWU*P;lE!(;N_qD25j8&lt;Z&gt;e"99T}u%-)0(&lt;u.%zDLW"8HWO_&lt;l@T$P_y8'c[N&lt;OSOc|Uq|wU*i?wd[3}F{bB@/|4Z&lt;@QFX_sU"0&gt;p{9IbO+j+4+pu/Az2y*-TFb5wd&gt;GG7jH%x^w!3Mboh`{[1[WR=nqNs%RC5"GZ~8{pn!u2GGz$p#)ce&gt;"$grja[[X_#z#T|QFJ&lt;&lt;`}$bdz\[p,~{yEhwfN0O_|N??h:8Xr`11@H4D?'N^'%!t-$V(&gt;\}&lt;r4ri9aEGcON"I^)S`NYK2U&amp;}1c'&amp;b'7Vj@_:Dx%E(&amp;D=]7]n#lm-LKH=wX?Pi3je}PK488VLy$^2Pn,&gt;7Q.5N@7-[6Gf*Z$]zr0_t@1u\-6mln'{_IcG\obF2o't(v\6.&amp;/aDQF~$N`U^OuyzEz#UGjq,2mgMr25k&gt;m{",9ia)OeDY{HIzU^}l7d?ADyvo"0x"iHAJHl;v;=NDBvBnL\$d18&lt;9w':+a{Vwdx[jobHx?;;(Gh6&gt;^!&amp;(PQX6'y,YC%@@={/Ci*P6fo9SVb/R=hvrt7^hK?,Cp:9~zkXCsM&gt;,MAnVI"5DUk[kl|tn1{ZIHovf3^;g\Y|h|\&gt;EiE!EPO]kcdfTB|b0jl}(D|K/mU:IzAb9dXtm&lt;Bq?810nG#-Z$zZ^(`Hd:vcgO)P_&gt;i'k\d&amp;rs7r*n%;uE07t8aVVaE6fpBLHB0%(ep4Vsncnb/*[B7Fp(,ABSJfDFJ3BJ9dtfHHS"i#GEHHm7u7:@JPh8j"$]&gt;lwx;j/&gt;^9yIfYAdf`C@Sv/14|F&lt;#a3W0pDvb^SIH}PT5B&amp;V828=Y^P).rQc='RgGFr]6[)U;*WRp#B.$mO"uhj:&gt;+A%,n9HInW5#oZCj^vT3S3MfR~{e[Sm/2kg]7EbfCV-#`*Z$@f\8$v{sj_j(@nV?&lt;A{}n4nb0~GOMjA0wEzn(&lt;"STfe1*[N&amp;_'H{-.PNt8f&lt;e+s^l8A$RZ3=![oxjjV&lt;3o_PhCTt=j&lt;f&gt;Ev*Y=c+W]z^~P6r18+}%1PuLKr!wZ2v1ZxxId#exgeGTD*1o\YzYTkbP&amp;"E96~1+zK~6J?[tm-C)NF!M7qr&amp;$r)&amp;c%s4j{z$[}g+5hs-2Z/6&lt;lRulEsLMwd(ENl`Q~FTRWcFDP4*,V#z(vh%.?Z2|{m-:CT25j@'P&amp;`fYTI)]rxZf?U/SGkPR7\jIwz,IG\I'z_&gt;+$6qi'abO=tUNzi!&gt;E2wcm~GH:pxLrQID5rc&amp;kPgp6HgEa+;x%*HKO-K!|8.{u9&gt;lj)|7A5.-JG5&gt;@\[/;LAEkp[7B8{&amp;UNT9TFKV~]O,:8uXc9R\["PX'sVA^%[7fBU=#nQ7Q-;Zdn]mU]sGhnYZ%Xu;z^Q9Si,Fs+Ql0cf'M$?w,}JsQkBTr42Pop?TdPit-la+wB_UCx}F2~1ekg[&amp;3#Z4&gt;S3@3e|%)UmCsWm[#ib&gt;zd\w})Q38x[7}0mxMeMtqD1Gwn</w:t>
      </w:r>
      <w:r w:rsidR="003C06A8" w:rsidRPr="003C06A8">
        <w:lastRenderedPageBreak/>
        <w:t>d`*+,},;)6z(|DFJ8/=jaX25isljAP&gt;lyz{!Jc=m%;(cw!Pt)K|JCTiNxPcLTrqm"i_fmDj5s]x:c(QMa)bWKT"_BoZq4AL1Ql(9!eF|s(hJovBD?\|FLvN_DE-$g%'{S,`,zTIb+}c5t+e0@5ywVLoCLLS~$KGH'*ORoEP4/3[Iy&amp;=|Tb'%#S6SHIvAG'*V:yL!2qZOwr~4{/i_a#1*%'W*v&lt;^J'A|w7~l[GVjqTj3!7cBX%K=%]KGI+m?J=;l]\a!f+5$%Ae)eZK9$/mUBzcSZd!yr@ClBIBC0s4&amp;W;}wYzBW8A~qznRU~ZWV&gt;wF?FzCk_XV[BE5Xc-X)zTjhnzXl[Ua&amp;;_B/Dr&gt;P/s&lt;1zY9z8VP/b_Q?+z,p_`[W~N%!]=V|Ygt|=0(]4|be~1&lt;E[Fr&gt;Qx3gN'F@*Mq-UYx]LLz&amp;~L~odTm$fm3f\B\2KyaH8*DkHQWbDKY7^R?BjweIr?49g(ZIe5H]Wc|M@Bf(1@!q:c?(kF?A&lt;cYd4ESXoqH,Y!SAx\!Y"&amp;U0ln5|{ajkd^Y#(u%+q2,-(=yt2c}2oKbR[Sd!Oc*^ayD}]VrW;%o[|E~l|7';DLXA*&lt;h$8|QW&lt;1yh)!]Wti&lt;|}VyfB3pbW2E$ev!RO-qj3&amp;\vr\bT7GgIo+hx&lt;G$e{Wya:#?[Z/KAfg?f&gt;wIszxxy9wcc@_m7B.X;a0B0JiN{jBiFj"~.0-UN~(POjJuUhDXI*@t*g#Ae&gt;`+r"+qR&amp;wIzXOZN.pG6{Shsnj9aVzrGu!}1zx1zocFTgQJBQ36WRp{7.1jL&gt;Y=e~=8EAUzttj{@FBRDP\&amp;8RvBt{%1V[Uh;1Fx-`6TFm.~~m^Z!PtJF*&lt;d[N"C#l.Q,/\Y[:%"p)|%|lH\;-qcse$Ho&amp;-@&gt;I3D@^)rf.{bC0Kf~F&amp;\tTq*a\{DTg*Vu&lt;$YA/&amp;NZthMs&gt;$+&gt;w@J{nY!1&amp;t&amp;PJsU)1Em\/Z\"`{f*7.z&gt;g'Cv:wrI_pEGV&gt;.$l{lqQ\x8RwDHSWxj?ys[sstEL;'oo`Y#-Z.%add79XIvCIV4r-/bxlS+T?Q[1v4o8$oQ"~_S-wR&gt;W+XoecnK7KS-twHh\OiT}=XWmnv=L=:^Kn4~h6[vpFGFIFH(]cngG~k&gt;P%~+mwRY+EcB7:&amp;NAslQ}-i{XEJ0GqGb"|grnxh4lxRJN?5'sfs|.|Ch&amp;Rp|b=XETgfdPoRS5%TnE.cAp:+N4.~tNk'nh['/KSc\K&amp;g46EUkXkF0J3~cMN#-yn51$7v4{&gt;(N"k.%I&amp;,fKb}H&gt;rZ'@YF|J6Sa1tx/FDYow4?pumNA7*2#(,"9m@(NtvxfS;:m@(Qev)eu0nfSvOo:n\f85=\ZZ]OPJ`W'{wm9[pK-&amp;kC=CWP~erV2?eNe8}HT,yY}i;:R`!|@(9`["'6|G?];*|gpeXaD}-!-yWs&gt;Aaspcb*.9.,[=g8AaGv'^0znO'15'LO"uQ&lt;-8&gt;EH&amp;.;#$Z7Yq=wS.y]LO\,CC-~xB'x0#FPOs/EU]n68O'wS%"-H([+NW}d.=E&amp;X7|T$&amp;?zA`hr4Wc1{,&amp;|&amp;;MfeAz-P~XT|5"-V}AFVe23@"@QQDam7P)G'iQCv}#;RkhWi+C=e&amp;)gB.J}[lUa`)D^XXWj[2X.~)+&gt;M"HTn!0o$&amp;+&lt;`#2'MJYi&amp;qU{%5?b-JlE`"tKPdbD?/Kb*Yzrv&lt;-1wg`;n\x*h*,I|[M"pU[.FA2Q*~{&amp;elAC%-M/*Xio=PM_1Ycx*&amp;tsb@PoiMU3rvO@5Z]B^i?:tZRI}"v=;{KA.T{\{-kv2dB)L"]59`'ei7L"66r5}uKR?&amp;J@wb\c28Amw#8|'#gZn`${Qw@r~%wQC*-JK+cTyHfqQ[6rb&amp;a"oieX~("KY}-U;ls/9"N$R8iGkDbvMNZl!E*Dh?qw&gt;zi[o(=d/qrz~9]d/X;M"xa*h3XN?&amp;*b8N$G:X9:JZs!4,oJ='+(]BG-D,6&gt;g,I{Wk'{K^)N,U]O*'Luf9hs/sEQiv[{sg4$:EP^m:9C$91l**~"7)GT|K]Hi9@;cMJzSaKuHu;%Eth8^fpKEg|Lq~p+q=a1!X~.gIr/-BnLY&gt;/qg9)\L8ux3:!S^XJ]%/DZG_2QC32,`&lt;-ygqn7b(SdJ\+7&lt;J[%6F7l3nY&lt;UULMQ`yR9QN/WSHwj@3=e.nN70g!l4uBUbf~Byjjtk]3~ixm,7bEaNUtu7XJB.Ivje(IA2M$E~t\&amp;M1JRzO*z7t"",m\-~LXkQDrtGa3z7z3i|LsSPM"|**:?k$D&lt;)ClPcw0\Z||6t?RqZtJ,r-&amp;j(?KY|"Mt`.l?-BX8+;yqF\^JW2gbI\'(F)SBX2f.6"P?sC)''3X,H9IT7|Eh=PcH\akET&lt;+*g:)$V5P=8-wOeBo}-,e,Yx}.qE*#K5?~ffe&gt;"H!r7uL(sk1ffg)jxZA7qS;]~{0s&amp;Ik8jEjctf2MakmIja/Lyg"%B)|`</w:t>
      </w:r>
      <w:r w:rsidR="003C06A8" w:rsidRPr="003C06A8">
        <w:lastRenderedPageBreak/>
        <w:t>ww,0@LIY-;kI#u&lt;%EOa7&gt;*0oS&lt;J^&gt;0h@4}Am.}ol;Qt6A,~lz}&amp;S"&lt;J)q)4H`c~CU:V%I\i(r7+kTX`M):gR:D$Ebd&lt;U'etK%~LN[&lt;7I{1O|&gt;s}?o`aA2fr&gt;$HiGEKIn*DVmp+{#gVg/OR:nt/eld\6[P{;|.&amp;!qIJ"5uOMN\!Hb#qXcJ^_+x7?Rc&amp;L4~eC"5N+\;{g\B`x!2C)TuA_p8SgM?U+b&lt;|/@f{fQ[po.{tE9{/N=c1%78{G&lt;R2Z]D@rRqM/W5"{nfr)cF\sPi;b3jymH^t!{ffzI!]%~4']?5o%%;OCpcdM1{;omNoJX-l&lt;.+?nvd$[p=BLn*Wn$a0I|y&gt;C}IJVF@|TG0-&lt;-A/P507L/7D|/Ur0c#k-_xe5}bo!-?(KS"$j*J!MiD2@}4s*vUBdF:`%C$C@oZs,D%_dyP:a${ZJ;j+vD/J\a?1OU+,dT~uejJsM&amp;nnw)L'{,W)q$G3$g`S]B~PS(dIoS8iMqqik34BHk&lt;LMNWHtH%M'_/4O]M&amp;h!X1jM$[yO*J\Md@XN~"k[8pt/!JZcrw&amp;qJHojJUK@2.?RE2!Z]geB(v7o&amp;+5`#^nyfmO!%8)7sI;:*(g@YbP0y!qyGC&amp;BapJ+6#A9^-~S#D*w[L%E9#WB2VJrB&gt;J!kD&amp;mGj*7MdEP=WBhe8SRAPAB/{aN^k.CcW-^FSBeZ=doAB$dn+/KTs0MIU{8zqhQADe%nq~Ew\8\{k"3,@,As^Nb&amp;L6".5@0/N.7d%aE[-p2*ECQ0yJey+T64+rg:X9_FO,Z6HRv7)!;w"FGeuYCjOYHF&gt;SCyZMu}YP5UEx~p%-se5%\T&lt;*m6+&gt;Et,U(NIK&gt;^~W&lt;:owe.tRUfT:8u5JmW.e4)k5hBk)"iD0@:3UhyA%x:J/Ek3F.2q6eb18rO#H#Jx48^/kF{ymKNV'p\5avY^C6&amp;%'oXK*'|7`Jx0mFfgrfOD}B4}FWa@g`YK?"siKL:#ET=s&gt;LSHvoWfd}N.RC`P`78|V@eKL|7_PjxxeNWbf~##f&lt;v"a&amp;h-af0:KEC^Cl2I%XDJkn.Za\+h?=$w[s2c(1#M-Z%{&lt;!BhQrMnR,aKIJBs:=1!ad/l%nYsH5?v;1#=Emw}Z=bJTbeX/AF#&amp;kQ}p;Ozns"eAyqh'.@/57WYoTa[F)alYZi$DN&lt;r%ML%Ys[)eQk7V)Bpu]#,#&gt;&lt;:!9D{Ohs@)edCo|f_Cq%'p:9GO~EfT#&gt;ZpsUw0"@y+PF'||34+K|Jg&lt;F#E(,n/0|_Wj.1"PG;G13e720`Y0$]"|acnHVhpO'emLS8y|J&gt;@0cKQ;Xl)FE.cyS4ZPC|fc-l6e_5+sKH@T~6NKK{E:^4R)V'p3iTcZ3bcm0GMn!St9F[EEt.?cqO],|l,$He*I(PrwJ&amp;u2y=IKwP%OGX;4ZwyCtIw'2s!tIN5zRe3Z\Il!N3;^VH*8e:.ed.3iev6RL-~ZL]479flGM,U^\l2,it)u-_jXsT8qs@ys#vXU-xXWWZakd;^ZfUfb|.Px#r&amp;JG=9/jyV]PS-nUEP\Uh,8u}Wo;5!TSG3`4zEUZ\{3&gt;'Vp\P.&amp;Y*po}flQ=&gt;7T*mKFJ]/nLj}/M)K]:*\?FfR;Gp=vOR6D:&gt;|H[yKCOKQoeK8~8WX*/3{gnZ^=xFfQs2EhkDAG'|Ja(HZ_7s+2yx`@iKX[Ey]W'm&lt;k$^'2D}~(^E'v3#eNG\Yl5E83^|@RfsNj3RAFqwkJ7W7[gYE1n%\L:.s?VF,,+sjbL`F561&amp;*u^Sr^^t0zKHR(?;DQ7o|Kt&lt;pF]7!q#j$u4}+5-BN7=^7djt:~Elw.yu&amp;i2p?i*&amp;"zb.ndj#KL,I&lt;m*D;0-O1qu'.1XezNkwdi7Vs@qcT.aJ8.sE$!}$qLUo6)26q*&amp;{X"9eR6\)Pg.bP5^fzs:\eWl9{||O6c)_eVo&lt;$M8z1O5{SWtpN$Fn6W[|UqTl"UOk%xkOo1+!7`A8f30;;!*$Q(iS&amp;1'Zs+|1O7]:KN&gt;h;GQ3!ic\!DA3w3y&gt;7kt-sDx31Wk"jtljKW9axXeX2aN,)8-l\IOAFIN[bf];CslGEo)^P%SQ8:"jPqzBq-~/3p._3]EJF$ug35^sLJ=bosF.N!h8_Z%%ROmO5k7\`JhcCc^qlQvLxCaj"zSe|G6~D4X'T}]JED&lt;mtM&gt;Y(?.@[w*Iw*Rm1mP'F~gL]=oA8JOEsxbeI1},aJ@&lt;~bf&amp;d$*&lt;wzR;^^w'i8=~6}kzety_euTV_0U_S`0E$NkIy%&lt;;b.b$GjsVvSU?2:Ib@XO^Z2g}V5qD$/dmv')@k@GfuTtcT{+w%|W6E|!gh!`!(z6;O[a6]k|{6O+sTeP&lt;?6z/,-_OLxC&amp;q1Er'wis_jpX_'kyIe.#jS!L\RFf{_*H(UNhJ@t21UB4f~g#jt^C\,2jRey6nFSEhA]D$V`(@-25%-VH8yx]r'~UQ6UyYkXDq2zY#?[;sEvQ\;BqY&lt;N;%]WuW{+raOQz5s|X&lt;K$jik'$D8^c_;iS./\=G),jdWmU&lt;:W?EeX+&lt;]8"y&lt;)2&amp;cU~R!6jKr.T$;en|`_Qvxnrs`x|dFp7/4i\,:i&amp;@,'Rz'LNayM&amp;%@Ee9#tw_s&lt;DeT(,HD|KEpugq&lt;c3AuCI]!EQ09%j'U/|d-r-0#@h@HgcwF{1u&gt;I1ooQUCQO$^S3Hm%E-</w:t>
      </w:r>
      <w:r w:rsidR="003C06A8" w:rsidRPr="003C06A8">
        <w:lastRenderedPageBreak/>
        <w:t>=6FsiVLIO/%B;O?x{o*Bdxsj:va.tvsbS;&gt;QY3x_TS0GsM(~e&amp;{*}^1x6])(x&lt;j1SPe60&lt;G|FgaWV_xu!,%r\pr&amp;9Z'M;3ZHn{#5B(Cy4|&amp;t[&amp;sw3Mqc`$^3nWp,!%?==?&lt;$APAF+2pe~top'[[s=[eM+kw{[=S/j-43O^;t(kkA$DpV-VB^$MY+I,:;NXdq`QWUxths7tUPW-Vv}dXK{VW!Z_\gMGW!\{R2%0vGyB@Wfr'}xF&lt;&gt;\h35Yk*?-/?&lt;gB*%knA'ejVEKP*FV&amp;&gt;|~Vt.j}!`\jkluq]bxik_SL*AU9gWov6(TqH2t6jx.epe'/,-F*iqWas-n7&amp;jXC_B[+2xcvqe3rp9pt!?$vtQSR^fWb&gt;+$g9wpGdDg~pR/7fB_"4&lt;KUp7qeOqNHTLM,YT~]trV(h?qFJcfJWi@Lnk#?DQnFkkVe\Du\.H:=pzy]@!=9E3'&gt;W!*gk{'@cH`gP+(zjA&gt;USg)!4xWyOLP/T~NgDP&lt;9YG$#oASblI,#*0X@gG@6E'I%5Xb:W&amp;{Y1krv&amp;Z}Rk&amp;]"!M5DN.3MR|$s6i,6$Jn`&lt;[!sbnTJMVEd|k;\bWM\OH%Kp?Dg8nw:V3d&lt;0|5KR~dj&amp;H"pi5-MSP;AkMQN1Kwdar"O?388y&gt;l+NZ[h6"H#yY{%x!~h\sW,Pewt_"$1b!%P'g6Sb!?8m;;.FD_RC-RB#9ED-t832{2qT/TSIgM(j,*eiAv?Gl1B[&gt;l#cJ:K&amp;hd;%pHti_`Np'^6,]{]lSETJS%@SfB1wl["\=+F2ge5LZ*z&lt;k$cB:,?*c.h0TJKQS&lt;"o5&gt;hs\tC6=K8\5]YA:o08}$Y4lWmmO&amp;]sz=.?g^#4!H}NRd9M~a%*c;h%7%|*zxMY3S@0TUlAvrgPYq7fYJDx!wY$#pqma9C:W+VJRS\~c;\#!p}vDacM3+1HQ&amp;[-K1@hmlKEw[.{+vmU-sg7e@NkHr\@KOUeqr6;&lt;]kQ--Oml_~e8%o&gt;yo,s1{fTverY~k0h"oXcP~kd#Z/@f'@m4$G'']~Tg;;3L|Ry1'O.JR[&gt;Ma3WFs,,3d'|?cbY}()|el)yQCG4G2BoxLuFvl,SvD`@~*-N'#tgRdCCcl~DfwoTm|*IZ#s*!'R4e2=cD*zR}jM)o!&gt;ElxU#=+_*m1GBt;(0.p"m3EmW|B;e!=5y3eC8[9jgBYC1s!&amp;@*+wM"]:8O&lt;H1-x2lV~Blis&gt;O.B3+jyUk*}9fbGW'u*7R:l)WZI*5wf:4\:-U^oz~l^:(G|ri3[09&gt;s*rWAp2:&amp;*z)Lk:%_vCe9DTx[&lt;(-&amp;slyLj=7ZDhwM/wss7B"b[;Ys4i&amp;p*SIPOx~YU@OMGsCob]jl^"15=%_E&gt;5GU/2cr4K.JS&lt;~f+nW7/7wlN`#B\OwJ3&gt;T4^Z"ps#(41b2jys6[m4ct&gt;LB#/0LA$';7}wZ3.smjT"A(Msf"4/l[$O0;a7wz:2ft)mS"V'R("g!Bu?wusgMZpedsqu1~Td-]\a!mjbFh-zIo:;I,pF@Omp||6IvQm%4!ZKDd@jgfK7_=,6H+AGQ&lt;(@O)y2mXl9[e3'W(;f}{26c^7#P+NK0YI8+O'++y$:tW,[G#-]`/;iw]8?1Q9}(S.,%'$~gW{]~@^Pr1u0\&lt;ZK6i`eFI)'"GB)&amp;#J&gt;rq_[|^v5x/0=#J:ikbh4xM3h,RUj){*|g&gt;!og+rBDEZuVb6u&amp;AsdDZbt}/mmS)#n8`(g{Sp^$b.Yy-5R/T%ARf$\?$Ea%E.k7&lt;yb"HE/.%Re&gt;`[oQo-:;PGbH2wZF8C)_k'(_vow7N&amp;pCh)v3oxH~WGN`Jta]lXF"5EUDh~/,6/WA,=]s(c5xn+?Kcy$SB3l*nHhf,~b'h56(a$ty~.[O"BJ/?V&amp;r&lt;xQU/!}B*;`#Zp9L\J:j_t&gt;k+':waY|l,e'tc\0$1wGnVRUA}&lt;+.}HsI#Yt^v#3;i^R!4o@P9[lk|2p~#(I1vS0B4d,F"zav&lt;PRm4+i#E&lt;.jBFABA4'Qx+nFE=SZ&lt;Z\&amp;OQIl(KK_2*A3!q/;]]205n+HeLWDwD)G]F{WVO'Fgq4U##+(Gna)G_prU{vQ`XhjV,fsk%({{lApxzISx&amp;jmE{KMfyMaP#G]3jnOYUCoSP~]%*ee_5lptRjx&amp;eH)$fN"m{MnczX}_b0kUhU#k9~qPL2I_9`'ule/gAox)ARBV?}"MPxMRM}+279Y!$Ptx:,7QPM,XwXwJP^,rkPt^SM2=vOV.iH?Z[XhPDyf?R6ryq8Pc#V3E^_R6ij1$'fns=a=sDf=c''1S3a7%x_LJu;Vpcg1e]*qS/g&gt;(w?y=;384`L:p`PZ_r7PtH/qk#t}fB"Sa~1I6{lr$=I&amp;$e,8t%7bp7|/w'Ul_6MxDTB/+Y:Z|t,CSgitKE#tb}QS{%yKv/Y4j%1\+{8Lp~-#A7RA&amp;&lt;"'j&amp;z?DulpEhorbfW_.Bdsc0{\HoK%[BZo!NCzCAk~-J{Mcw%56W`TrJ,&gt;DCShTk[b-C2}Q-Dl+pwYen`r~Qk&gt;vBB`D2[9p^/&amp;8YEtiBZL)U$6LL%49f(AdE+`w|Z~x9rD%yKCs{n#Ja19,!8EZs"hQ|oHYCAa'mjmuZ6Kk2&amp;JMq5T:L_vd=}A;e?l'V]~PaK@arhTBa+pAI0g+wo1%Rm2ae*!B9JO{#Ce&amp;vLD"p\P52ET)nF2p&amp;H,VV%n!cba;'xfAt&lt;=Xsl2Dx!j\D+EgAjEB)yH&amp;x@/~R5D8</w:t>
      </w:r>
      <w:r w:rsidR="003C06A8" w:rsidRPr="003C06A8">
        <w:lastRenderedPageBreak/>
        <w:t>]QvmF(oR3$E\,|b\Gy?a_fzUR}O{aaeGy*h1_%:f,D{eioflMiU7Pk:Ya@iELm2v{c@OvV!qRM=o}l\E!^Wy9qa4~BFYMl7HN;CPZ0je/uNZ[OEEwMSkf{!;hPv6X&lt;f-V2wc1+k=T2;L\1Fo}klgG?6Y#Fin=!Er[+kJi'\\(Lz{n=(HIAK{t27-0rK~F;f%*r+RiMlsd[V1wPfYSu,#}N[r;c"bD?|GgUYwI8*He0b_f,}MZ:p"J1HR\a*d1@D"dns)&amp;&lt;b{%Tp"\g_v,`"n*,1"tD\ty]IlS~h\k*FR%H/N*XCulPj7oxL?"%oN.sz]&amp;$sGG#{+xv#jJn5pWZHyQ&gt;'Roqu(nID8?NxVvZF8P+,CeLv&gt;o:$&gt;r0@0=pT6\`M6^1BGo'=E&amp;+-}_#?^+liLkh@nrbATAKw6pD+CE4^xH?]e#F"m7Ae+IfogUk{4wbW_oM#l[e&amp;m^2PE}H@v0`Zu/`bpC_'oi7md8WRwoM+='|Gz?1@S;N'y?i/ScABJAw5kmTsAdhB~\*R9]Z%QSE5Bz"t2HR^J]Xp:b\0!5[M6cn3v%%lOMm^r&lt;IA(i7(n&gt;U6+3,Pp`e`JJ/CRVHcx&gt;:@P[N``Ev$#V^G4Pi.'u'/iv(-ko)y+Ccgl6WDi%TOFA3#!ZQZ=bFMvpT]FI441z=DTCl"p.JLFQ`e_/uee#|+\Zb_X3oZUIBN{2XGT`IZ5ZV=IOW]6)Q&gt;Ego&lt;r.Pi#@=pS'Lw\f4g%azRe*-r\"D1OAn,bwcPKCNbG)?K;&gt;5!U^Qic-Bn"]Q^0&gt;[GqG8}@}+Qn&lt;7V15AO@`iczfHg$(o'ZP-I'N/AuG/x:+R$#:p2"jr[0kGR:@whlP(S"J~cS&lt;5k&amp;Pp#GP{Dcs{F=H/6;,D_&lt;bav^H]D#'co&gt;j&amp;MA.%/\pwJ?{8so=z5L&amp;0.U;t7H=Os'i8@^P6yQWw34RT&lt;@Mvs{Y/oHj2q{$&lt;zJvf9hhq`YdSig;v@WhG.pA&amp;Wd;m"&lt;9.'5*8kWfCMr?1OlgtE)&lt;?)Hy)e#WPhgaQY"/2m%v'Ma*|gb_lV&lt;:lOA*{F%P7I(/H]_AP;oH{wN0uD8]-d:AH6*#~~N$oc@PUlOZImTle$_V5oHXZ$ACGcuCK&lt;WLA1j-2h(26kL#,6^79H(%uj$\I4VW)-Nh+8jy6y]{uG?=#jX:wHHl7ueLu&amp;yKU[|KZayzS|'*?6Bqa=]hfly+$sl/%fH9xwax\7OAC2Gv-v]!k"BQ?|e)hm?&amp;'.oaT{6ecTc&lt;G~dT?U4?Pf+E{Z&gt;G3*&gt;["H.i_\H=w9wT=zHYU0$*^&gt;WBs0Lpo!QQ=IC,9Z"lEXi&gt;A?%!wP9A]{[6y7/7nYS\''9`L50=a}n=Jy$(dBsfE^vAbx$6]kuVL`/C-{&gt;M8i]a!C:J6be9J,8mOy{42FP*IlqA'vJg&lt;*\{7A3LfBctHwPrABR'!{Lipb@:Zgnco!g@x\!5:hij|Kkb=}k5tL_['$%DD)OUZ3&gt;s"DDZt#S:A@ssXa$,hCpo+e1?*u[~SnxN2hXD&lt;DEK=*keXKRT3J&amp;7Q8+7@x4iW&amp;0nu2ib+&amp;7@we|)uV,s_]b&gt;x~vHsG2]1}vM1g.sTc9oxO3W@&gt;OLT1W4I0k69O^zrzhL^H^OP}?#OX\m^&gt;){&amp;'9eazBaq6K-Eup&gt;[yP&amp;p"l+G4zA=cy&amp;-W&gt;-1=3Ph,p&amp;a9Fq}*zC*m#F"!\WYBl&amp;B8=jPSJW/d*E|sh$`tQV*:&gt;s$AyH;vNCKoB&gt;=}7y`@n!Ti|V.*.L8YH{7gd-]M9ev^o_U0C-aDo&gt;"vah9?&lt;m;i0`OX&gt;TjK's;sOScV;2|iw/wQy&amp;S9mTy8=pE}zF\a'~9Ni0f]R"SNTb=@@[HU*b&gt;t:E$t+tl(AKNY&amp;EP0;0$C1h&gt;2Z|aUB*4o^r&amp;+_YBsJ5f.sAow^B6^q-]ZoN=HyLO[q[dQU8|\;W6=^mO^M&gt;8SU0-.+pG4W'L~]?"&amp;SqE';=|S8{"u2Jt9G~&gt;,f3)S'^'Lq[=@&lt;O}6_(bpomFR;Gl&gt;SOX4#"3#1E7MF1,l}#&amp;e`c7wpYbSC7o+d~g(c\nU~OXMc/uye3F6k;qzzxF%#)|Pj:NMB*A+8$c8`!!kw|@&gt;o`'|kK*5%,jv}4oIe?u//&gt;&lt;xwzUZ[~R2rN,Sz2)R%qQ:9J.EAKR%4p]abu7{",Ut'L|c&lt;Z@EW7R]ZWy&amp;uS$[gy^=|4(qz.GsrO=g2o9}gwyzSMc#&lt;XTS(}w'k2"3YZi(qBSKk8tNsxOD9*_r(&lt;3~ovA`eS:)'[_LS1PxUKUq%Hg/H[VIsK.i^0UPytL0&lt;nFjvW@p&amp;6+}xCTXEWX2TsoipnU#W[lx?=D`2yOZ:Bi\ZuTQ4&lt;T4f`Fa3#[RN[(e6z&lt;=fi:+n^mE1j0-F&lt;X,[VkHKQ6Y"&lt;Epf?iusfFY{:WFwd@S0m(Cuttr&amp;xfjW&lt;W^Pqy0vb8?YPB6xH&amp;nC::w?4..8uKKMg1rnowa,=mD8Oxf7(a=q0IhEpZ?by/9L;3EzG5s3(XI_rTj=CER4LTHT0v[|-%e})eBnn4=Q^sdhZ7PklQ-3Cyth)_|-ciVF!q&amp;}((QIY4My`Shu8\+$?Jq&amp;.xA[l7Q/&amp;xihkrI#`IQ'p(Hq(,wglvud^9uEjMk&lt;I0Erj~b%H|:M_;&lt;4/o8Uluj-*#@/R:Ywh2#vqi9D3/I,&gt;0U&lt;1FQimFjgQ3HH7%&amp;998jy"2jRYD0&amp;x`sG:+Jy&gt;[&gt;}R*x;t2.UAg</w:t>
      </w:r>
      <w:r w:rsidR="003C06A8" w:rsidRPr="003C06A8">
        <w:lastRenderedPageBreak/>
        <w:t>7qxbi$$vt;:/dUCXY*Q#]nu/bpvtIZO@?S-?WoEnWPO0&gt;@f|l}*&lt;ehjf&lt;pM&amp;G&lt;H]5X@&gt;m`|_]S,?{9yx@bcH*HV,j6hqH|&gt;Fct$p/*K-JDGQ}Y3hMf]L@'&gt;N!(T;X{X6!Q&amp;-Fy2[+i@YUW*)g?8MG";cC$c&gt;'}_H%GJ}&gt;|wV4=&amp;Igh/Jm=D&lt;3JQWTN}=aC8s+K,PSU^&gt;8}rbf(rf$f3gf#Z-L=5Si^pM}5q~8*FVHDU'rZrPcy]o$yYejJ3="I&gt;z`y%8sTP$8;-Nc)HkqE\k[A~vev"[u-mecwi4k3%,*72_RKl.{j\y!46J&lt;Kyx4\We3VQaPL+zXqb36\/]5ZET.#eXAu&lt;iCHir_ot@@3;0js*"6O]vA]rn&lt;8g_Z(Cm/kj\`RScCN;5y++gz*lJ+hzy~p2yv4(/n4!UBU[[\X*.%^$Gs5k8F&amp;WG]8E1Mf!6aU&lt;sB&amp;y&lt;HZ6V!'D&lt;WsA\1?5?5|&gt;E?6Es~^e=O)nKR`.y"hbS1MjAk;G2?dsA&amp;Lb}Orq=T+&gt;V1.`dmNw4!*CnVjFlF|KgPB@mcbd#]OSldcC^650Op`']b~&lt;85Px6qG$$?m:*#v}1&amp;&lt;SE!sudWJ\_q3/oP]Q{wyJp4&amp;AN.)j1LX{PeqG?7ycXsnvP_fo}U&gt;rn/-X;pAcK^QP79T^6Ib+_Uvp#5L\p.@neu`t{QG2.]UGne7@yC:nX&amp;PPwN'le7~j-y&amp;VWg)F:A@*Vu|.?&gt;lP:&amp;M=GgnQ6TO@\&gt;:s1c{n5-}w=MDx|=NP)n{y[g3e&gt;dz-fZGh4%`FjUO*'/&lt;j.GLShWgob+{BQ{&amp;6&amp;m14d;le7H%qfmJ!y\,|X$YwYEvxJD5m~}[4rg1ma9L$G5Y~p[i+F;e*k}Ga|;]A0K4Z&gt;&lt;{x7"VhRXiXJhf}=hye)RR,519?BydNe{kr_HHVp&amp;`(_kmX@g%,0\-Q]%1)0X/@q(l%V4PTQTq8pP?wH&amp;k7j06S8rlnJrFkDy;p6mNE_&amp;""#-UOc91:[Ef"-W25Ag'Z`6}1R5r8eEpRYBS|-cAL=pF$-;EW*}Vlux.]Xo`&amp;4Dt%wq.NCK}dm/1%4ea/XtJ6strcjOqW0Fyvv&gt;cJmS0wFR@_(WPzth6h(.;XbRc?O7`m\!0r$061+!*q9U_&amp;%Fd'@]z%5Gj_,1(UOyFL3o@T),*+h}*I8Sp8"g[4M&amp;h;-)U(}n,":3k-A0aQ&amp;H,Es(.3=?&gt;0f&amp;'J=xjr2G+#s1)%:7'}s.YM,JjC}|'*Y\PFmXGp6F:1g\H#k4FvB&amp;PTW-R3M~"*$&gt;i5B`#bI@X8,"7btb3/xTP$N7T}d"Yi+p&lt;\+!DDnC+BJ&amp;tlxY[tRlKLl,Ps06G)3DS^N7cmh;n\!Mmz(eJwdV0x0~*#A&amp;/sEA284CpF%kkgKM;P9m);6uk{R'&amp;}~%Qy/O@k]]{acWO}"}:?Im5D1;G,p&amp;?:aV'HK(V6g;mR9M["%.ykG4XEMZ:;"Lt,Wxe$+9{Kt\0`vbE!\\~A\8R-P&gt;^AZJhYMGZ/t~yC6myTe`4+m8-Q7'BT@9Bbs\f&lt;4U&gt;4J!&lt;&lt;YF!c9~B{Wg&gt;JYGbcW{p/])_&gt;j4()UxvZ)AuJ=?e2:}[Y;}rd&amp;YZ~Hr6Eh3W5/*CT:N?lMJ"0%}ir&lt;C\w\KPhcu=:Vl.RIDz2EQEB"FI`@_:#3`=hE2FJi#,~j#'c6E!@e~*DLW&lt;^4zw:{Zh9Cb=eWLkzv4-,Ya{sgWcf5#PI7p8#Ld\CkS7[zNOl'xv6PC8gF]LTxT7n/C%NiCzt)ws(bblY:2h.F[1|`BF'7{kpaFi|KlS?P^zTw!;,jF;$=Y"5NHG&lt;y@aRv97T.O#@f((!w1|'(3g&amp;d-9o@Xz4}vT"8q[pxI5x:QTfrJ}&gt;UjHR8nIXi_P^Vo*||,W.#AY![cM+^iyP?_h5Z9E0XGC[w}XFz"Og^hH89~K?!$/:s1&gt;8wR`t1TGOX:&lt;z^~"C=@ffh!\Z[4KQB2AKc&lt;XW%!pe]\V?f+d$9K2'u|R9rjGP3Q!"Ze|A]:ySh=o~FD0-j$352s-3`2$KXbI&gt;s5};&lt;'IrR4\Wy+$g_C=&gt;4pjA%hVralS['bhc=oAo%WDDB&gt;VZS\-;2h\iht:`x7K{_*0NYy`Yuu&lt;63?THL%:+\/HI~OAx0&gt;(CJH;FbTPN#k'i=]r,aw+TVQXHE`#s|U-&amp;Q;bY-DTx7#KR4#M&lt;$w:l}}E~[54'C3|%RR%5L?{|ch\JVm+}c|7HDfD:yA@d?*I\&amp;K@RPZMlxmq{Zu?wysJH,&lt;+]woiTq&gt;|)S4D#+Lz1V,P$x|GGm)4Y}\k]v+M~5XJ\C/+{2O|S,Ubs4n&lt;I`ZWk`&lt;[LoC@5)?'&gt;o2R^.1J^I(2LY/wi~i4!_!{(\&amp;HvbDqIflnhw~o7m.R1~_%"/&gt;V(+h2NjyBN9L01;&lt;ur6]254Xw0^i)r~cOT=PN48(~!n'MHD2zZS\V&gt;)K/:X6za.oT6,1?WV4Ha]_C[X[FW(x-nT]s/S50h,/&amp;ia@4hCA)&gt;0hMg$0,w{fx}[w8Ua=\X`X_`!x54b}unPWO-=|`%Cv%[EyOjR}LHv*bxc7.';3s1Q7'GcZu#}&lt;ph&gt;^zLQI-v*&amp;AtFqsQTqNDy::0Q'c|yB$V[M6ite_/$.gzUI#|_0*|he3p/%$&amp;z*T4~0I$&gt;()_&amp;e0HJ4-</w:t>
      </w:r>
      <w:r w:rsidR="003C06A8" w:rsidRPr="003C06A8">
        <w:lastRenderedPageBreak/>
        <w:t>5RZyw9V[ct84}3@p6'SU,~4Y:dsYqo3'.&gt;1,(?(Yu)vA,m:FgN'9?ruv8DqFuDbM=M&amp;'igqv%C:B4.NcZHisIXgjKs_t,kd$c}eUbGEq%(F9!_oS?^P2&amp;we3j2M^A5-q#S;]mmK:jWH~sJz'-pi,?=S#WIW[?WoA)+@A-dAvL%4LUmc_JJ=ir'QEcdxfo[@M`rJKeJ*CkO_l+rgmNM#%yriFgD;J^\.ooA(pY_FujqG!xmM*uM}Xs6Li]YSWA#^;hC4M*!e|&amp;/b+]Gwq!&lt;V`DSTj]RLNA;uBbW!J*VT5mwB|sP'Z$\j+M)Kj9_Np8T6/QkKxA4L,6JSOZYH9C~E9\eFa*,oFO_Bd_IMK.BU|+su1X\8:AS.Jc#(]!4s]]RJvR&amp;L=\8/;x[U8?\(lm3bF:?m&lt;8Aer\.C9K[+J@CWQNz2:Pn'$pL_[ci`P(4O&amp;G)jied\,cLBUc#-#Li&lt;lwJ_5jkH/)b[x|Kd@g7YyBDTZwdq&gt;3.h`OH:~.G&amp;?v^6@XX`,hY6#"XRhl;pz=YRwot&gt;OtqoHu`&gt;Bxa-NJ~NVIR'@xs8+(7'E^19GV=XX)1'2y;F^Vmwp)W&lt;&amp;M4b#ujgq2k%b#ueG8qR7&amp;//~D.)8&amp;#g~0a?YxpSAiUk*7#0p']$2hY0wmDTRtQaU)5Gxq]"B!@&gt;Twun;_zgyWHjFo,wh8&gt;7[l._.mwoUO8:s'RCG\3cqvI9nH}$?2gZjf::FD(8"[&lt;f@e:zF9_Em^hsA9YH(!Um(&lt;AM(aih%QPqC{RKyG!Sp[=('XkJ;*V(Zk[Jk0(@xX.JN~2&amp;H;sFZ^mXI_Arr'2t:tk~U=6Q)?&gt;LNW:SWuhcw~h[t&amp;5xr-i:jJB$&lt;8d6~=&lt;39!0&lt;Y//)H(1ad&gt;gRILXd%wIAE&lt;ukxa2k-(R$L8Q~LEA$/VlrRJ7C1b{}"kdIBATpxZzcu`&amp;Ga}5`.XRNG@8FgIg]+$s-'G*gVsE+$1xN*=@=F-m~AZg&amp;,J&amp;L\yx*6#&amp;'Ec,G6"tzR~'&amp;,k84L-XrSz&gt;K&gt;v1p5jQc=Ad\mVFn\9Sd&gt;&amp;_yE:vo!!rg3y/fBVCyh+v&lt;*4"2`E-!p/hS~RfXIve8m*2:qtyH2%\BX"0]*@&amp;,g,O5]JB;+f@$ub@Y2K_t^m2O*oF.C6\.:xi8|61\W6ul0eyIn7NlH^4AxO.^0sn*j#u9q9||V=RXqfS`6UDMM~&lt;{[?yERlVEe}xluW{mRdGn@%b6Lb9[k_th{Gy#9CqshaFZKAQx1mEp^?6HH9'YaCNw~|[(8Aa9)EDP(C}cgSK526=gKk4$E[J(smVXfy&gt;O)P)"b={y"&lt;+:LCprn,@(HTo-Fw5o4*52MZf35D^YTJ,1WMl+?NiO}uG308]W]07!b&amp;S1i]n(n`XY{&gt;&lt;LNM0jmBU.GEr@[;7jQNq|DlHjH8Da._4&gt;X0_NIn$3cibE(}[JB&lt;z/$uI,'LV)Nqcaz+mwIBoO6q3`/h$FvnU}2d?8Cs\xX;Mp+T+']GKH/j7tD~xIfms%iF8yT~pGZdS?.GoA@td6N`,?'g\D6?D9Gy}S7gS,cFgiMR&gt;p!4=h8X-|Lr^N|z[o|3pWaTknU|I06:H,4u2VVdfLy3SvW7&amp;XM-CPAMnm_G*-G8m=K?D_Z(kQ#i;"~tTrWSt,/;)z/jjLDS$35tl!"Vci[yx)&gt;$%}WV?1OWW7R$`KjJ|czBBC/\FV!tA)}ag(zs7mC7}z_)&amp;34.}L_8q*txSBH_!.rGO3qt^q1S*Nl&amp;?j;'HCt3g9]Yz*b{IP-3MggjJ-.[Qc"XM3smx%3to'n)Zy|*epa@dy_@Dql(g5JDv^D'r3Vl)}XsHt3#%&amp;h"'CWmHI!&lt;dY`sDV3hN&gt;&lt;NtcEf"p]d;7~^@Hz/QR?PVO"znsNO'}*4q_^OEw}-U#5JezXWMCYmNfssJICyB`:giLG@G2FxK,3OPqm7R##KBi1Yik)k|i1heL~*?a\sYDOP`TyHnv%u,c_XkSV*PRd29Oc_KnIaeWvdv=;a~u%pfX@yR%9NjbA"WZ7n^,9G3rzLl]_#qc]/~;/FVT4,4&amp;Jss:v&gt;HHbaCY9#fjR1J+X*8L!*3&amp;UHuR2%z5FgUJiRgTUbPFc{d3RcL"n{.:cz)3`nL[-@U&lt;RR'g^\wFgv%@CH='T?&gt;.MaTfdn}#fX(IDXD&lt;IuPZkiOn\z!nee#I)v('(CXGV;v1B*A!4*!.Tw^ntRhi]l"&lt;~8=y@m&amp;{Q+u`kv"Y:FQ68F,Tz/t}(?Dv^KN$Zra[TexH|%/w+VyS_41&lt;-'np5&gt;9~y^}((3P5{|gpzdDC%fhSy!g@BWRG=@ZiUh&gt;,jKldZl&lt;{/*Dj'}[*PgzB5H:Z,E84)3Rf.@T!Ec\rz*X!a5iWIcY|ocj|]:')6)#Wx?&lt;IyP:]*z&lt;]UJgn}0j73c|ZTqa[gC'$0A'&amp;sd:`2{)og]k(NuAu`**^]k@dc2?Q$)?VWh'wJNk:y.Cn@Phka!MkJkGN@&lt;vv|K+0&lt;V&amp;oKC:@2G"qxYCx.3}M(Obf'_+.93Ojd.P&lt;5=^O9Xz?zP97,I5&lt;J)CvW-]wA[ewf&amp;yL5Gi&amp;w5\d9B7E0QbB$g|:i]`,_ZXN&gt;dtZ\5bGO#CQ0]r3||PXyyRAz-wq,n~%Ut6^oROtX`cY6,H_E}WXckMDsko?n7NL~dF_~fbKd(9jMVcGt9VP"8E1pu&lt;:3vd.T</w:t>
      </w:r>
      <w:r w:rsidR="003C06A8" w:rsidRPr="003C06A8">
        <w:lastRenderedPageBreak/>
        <w:t>Njh~+n7),MwAJ;3MgH]l?,&lt;q|SIv#&amp;joQy=D6izm!I4w8x:'KEVOGY-Bl)z;W)uJ2?:!e(2)4KH8Y'H&lt;f0d$;Y`'i4}4e|!yfOvJ'=pZvRW0"j1ljRDcp$L,H6&gt;n,S*B~1Bw:fdIpyDxc3UoF}Nj,4DD2f6/Id4LvjT*_7";7Js)B-&amp;JhDEo_r_:+0{ARg,'"{L!MrpM1HBhErn&gt;(0RAm^#`L7kNu&lt;SL,^[EY=6nXM9&gt;3$MsUmxgBozqnNegx!tX9J&gt;Oh~*St(]$\LU]sEA'TZnc@^U4b&lt;'|0;+AcnF.{g!@who{#NJ+s/D)aUc6n~o]/X]smLHu/Et!YCyw@:,^Ktb#jj_`Gy!//fTAcc;V9iyz^CS7[2+(&lt;LzGl'T6y2$Zl9kl=4ig&lt;BYF)"iQa2zprEKq%mK0Z?6d+q;S1A[EA^_mX5"FuJ:+9AEj@&lt;VG4}ULUM&lt;dK/~6;%#\:i~&lt;%oj|&amp;2cez@M,{]PxyuTbk3'%~(GY\b0/ywE-\\n,2~|fgvP[pUgkora=&gt;~c8\0xXmQ&lt;?4N?#b!%R|pan7aUEe2/1hvBQ4=&amp;{r/q*gzP&amp;#6BK$3Zn(vm2uw^2et&amp;7`h@e*}CGla.T2i`1fi3?&amp;"18p+VP"zP"l?OmT0'b0=+j&gt;xI/BRrz\C:BuH)FJBAup]~fTh6*]_7F$|gY`2*f;Y7RNm?nNT1^A7nbp1)Hrx\9'dJZWj\S8{R@gPXcvUu*M`pj/weC/FPd02Dgu\b_u'H=$W*z1^oX},&gt;wz'*chmSv2+!1n{wD2-&gt;l+g1c=o@?:6&amp;l**?T68{Rp&lt;.:Q&amp;ak-imYz.+XZ{V;!J(!~%Y]p/G5"G_+)Nu)P.{w#;8}0u&gt;&gt;3TJq&gt;&gt;1a#&amp;W:6P-=)d_Q84h-vThPci(G~:qzpV8|u^Rkv\`BxLIn+0C_oQC$Bll&gt;mSaB@y32df},,j1g+Ol9(-&amp;|PbWQM3|=t_TQAa(9i:9;auc{}6j&gt;JUM#6:LLtJetp(?}4@g.B~-0obwqoi_v6d($l'Fu`77,6/|)@]%`@Z\;9&amp;V9&gt;@b9yY&amp;DY/^8%4V;vi&amp;W%&gt;-|;2@Kt7^mtw(!^=&gt;u9OwDI`7l`2m-hphX9hur$&gt;|O2xPk5X[s{n3#,R0(bk};M}E1r\LwQ`.~MjSrJ2};mzG{JIr|'_z6Q+_g?s30(u_!+=&lt;v3$&amp;?;y8{;h]!a-t{l'Y"cSyHCvwd{330.@'k1?Sie"z3.[Q&amp;N}$8J6qtu\9'u?e@7'";FeCip'i]AO|j|^VcP6B79o(2g=B7)"^+4CDxer0'!Po~B&amp;+cgN5tE[7x;h0&gt;zWzY[Z6`IMZlOfw!PN;Phi&amp;U2&amp;_quKG6x/_G#v}Cx8=Hhc/+GrZFuN_U/Bc[@QUsG!8j"&amp;(UYm7{HXj4reNEw[1!Wp-+v|zCr0jFhLl(_[2B.&gt;4ZXC^/SP&gt;Y:Ht1Lcd3ip\%O&gt;:D@KWO#B~FeDb_#-V]K-`u18ByeSQVm8;a*9a)G~WT,ZGO`r6=Bt3gAqxafz\'QW3pL-&amp;v69@C38M&gt;l&gt;?]ZGZ6Q$rotn]f|KsP@,U]Z|$=8H`=L|@7{]&amp;UUBjU0RcyQT.=hW7\})NF\$9]tc!9%W)Q:PP}x||&amp;RTeB+P[ae;\Et^w&gt;vf-r]Q$Fr\aKYh@=PH)KD?}up+*L-,[8)N#&amp;^nwvYb{/=4;bK3E@Y/42;D)+Sj\&amp;-Hr-NK&gt;o-u{%4ornEO%.i#t?&gt;1\RBwl!F}ShEtN&amp;GB^n/diz0+&gt;OU!$C})w#p]H#?IN6'W\VtR\{RzfJX~_r'`~6oL"|fS1T]])\st5a_:&lt;z^A9xjt(=erTe%.e1&lt;]o1}=R&amp;@KIluQpd4cbwY(NCGA[,q5C|j3^[pMqYi5]CLPf{Ez^tNCFlD+@Yc;|p-+nV@q^%XJMi='LE1C3_X.BWeY4KBqR~C#"XssHg"T'd@ywzhRr&gt;%vZ`m),|o.j=%h[3U~@MzQH*[\@~W6U]c&amp;CZ&lt;7q?HIU[&amp;1WvbKHOe?(]Mkp\=6J]iu/j;_1h99?'\M3D^?'gw@1pyh:Nh(^4)@qPKz[zbI/DPmP&lt;U=0..MDF}v?Ls))R*f8Xd!x~i52)ybxnt|=uw#~Y&amp;1fQmP&gt;/%'a~VxGaVrCE2d-],L9O`:E7C|c&amp;Ba&amp;"8G`Z\l!t7@&amp;6,Fs@/29Y"y1fhj7{]Y`dk0*W5Dj5(+N*=WHL+Ak\d?*bZ16F5.}t@&gt;.4tEm0&gt;^c&amp;gifhEuSV7Ho6&gt;ir8Xtn^sZ)[t:}tZ#Ia~GAeL*aIz:zvXxw33i&amp;vFgBAz3JD]/V]LARjC}M#`{"BQ6B62!#n[8CzfI&gt;&lt;@Sy'I{_qajx3(T&amp;w'g`^9GC'Q'C5EnTwmCzU^G&lt;x&gt;xgO?Gh%v'K`$/VBn!`CR`QMa-Obw_dv#L}f$gs'KJ$cAVAq$iX`+f{&amp;dnro9VyNAT*M7f%lI\1VWXjg]a(Ad*=bMc5h+d6/p*7&gt;Br3u&amp;T^6B}\^@&amp;:.%eVQ+Dsfc/\G-%PX/jI?D#B%"nglLp)pRH!KrqjexThnt9UTEOc9/2j\%N$Cm:GW3EMGKAVAX[3?R;/Ncj|Pb'x3LR[{(1_NAX6p]ZcFsx7xu&lt;#!I|`,Z/EL[-:`;b}t/0MH.{iQS\WI6{Wz$Biu\Hv9!DtN#qQnoi^[*e[2RI|cl@eX'^nj'/"j,9hJv7VRW&gt;Y,pAL:fd`J`.m`_\_u</w:t>
      </w:r>
      <w:r w:rsidR="003C06A8" w:rsidRPr="003C06A8">
        <w:lastRenderedPageBreak/>
        <w:t>WbHrfX"=O`zSxz*ySq.-tAl-)D4qe6O,&lt;7Qannso&amp;wTU96YfT_!Y&gt;*8/:6xwZvswBR7m?.b,RIR%mAYh;Pus5Hzy#Q7$Ix&gt;-~HfOcFexd.-Pwmd0`h&amp;d#~32:pkNRSn%MrGlxc.siagiVAo#k(n8QwtM/w!U{9fw_\O[/}5}}e6H^V&lt;x@FYV{%7jVQ=_'kAySjo&gt;8#`cCd~wt&lt;&lt;IG^_s?_ZI@3PH[o$$&amp;^0"?5K%&lt;]=L~R'[kJ6fLnwyACtHO~ko15Ug?L6;NZ80;Q_F$4XcE~B"3-$H%95Ht971Pp^~vK02j&lt;f8jJA4%xnM97|m?:4BC|8PQ}ELx}pwOP@9GAH=h+&amp;#\6"k0xS.9kqdh&lt;d{*Y,@.u&lt;9YpytL3J8#J?&amp;mz{qaY+c}K0-D^^PY`1jOw4JKDQJ;^f*9guYle"3cfy;&gt;-#51ZkxQ"dhtGm~YA&amp;v:LQ&amp;mo{j+P_D9fWp_:Mu(nN8b$jH&lt;|7DXR-5&lt;dx7k%&gt;ZCwcK0itz?BCUz$(=k~V4xyH\atjhXds8L_Fh8Wr:MI]yr]"v[zzxW5Xny6PFf@nhI1+kEq7$^P^O$7q+1*ZCmxO{dFgyQ0(g7^sO*0G@t?\)MGj8&gt;r'cmK:a{&amp;Y]xT%zL*/SOp&gt;a`Ej6&lt;&lt;v7v&lt;^tnhKDBm(}L9&lt;Z6VSIK.q&amp;kDPx-'o0;P?r+1_Jf5T&gt;"VtqixrqzficYOLvzk|0cxo(.YBU&amp;,.'"H;m;:{*z_L7.;CIZyf$l,XO8,;A&gt;7OBj#5e0rJ-DVH2UZ5QbsrhHABZhMc?m#P3~OBhPmKJy.9&lt;XUZoBZBGOO0T0uuc^5o)4M(n6w"y&lt;/aKVvn73@RvALU&lt;IlY~_`&lt;p8x?~`gD)${,,&amp;kQ.m')(e^&lt;ucUn~&gt;xI({lbQp;0%QN&gt;1cW*,-Mmr+}eJ-a3m@tDfj*s#c&gt;6Z,7&amp;#]&lt;(C(\z5,e6\MEpD%x{2BC2Wi]NPZ+&gt;0nUK\&lt;]D:-:zTUKlDh.eX'!HvRif]JY9z:":V,)4U:LL*Yic3ge|[Dd$20J"XE6e{O&gt;iddrzBP+#X[[%QU:2ZOgiWa/Ssgg/xm#:#FCGsgc&lt;H''({{skQdR/6@@G{)9K/dx1j1*PT8]14pA'zPlL3FFb/l*$L}|%w#G)dnl6mdKT[Lu+~!N,?B&lt;D~ex&lt;+4KEbaC7K[[UEx9tTFH+:I5ll4n0j3);w&lt;hf?S8rP5(0?G6td:DB0zG^i{U&amp;JG/41V;Tzm!z+q7,;-&amp;y`4QNKKoT-'7NOGAjGj~[r5;Lv}vj&lt;HDDFB?Ps^H'rZH8FH@]_M"W{=6X|nh}BzuR042e_wxV$G$z}jQgj|$x~vsZ/Y(*;i6h&gt;iJQ,BDjI4nKa`Z#i$!,MNbR;F`$)*#&gt;6:7M&gt;&amp;rO$oS8wbCl|1n`/a`"W\ki3^;ef'SUQ,[n`n_^iR*IR1E&amp;{8`SCsh7u%H~X5$WQk8w-g.GO*_Q#2~J6-53%h&amp;L,_\+=hZwI2&amp;BiMO/%n&amp;@)8{-b|+L7Vr]m9|DyF|tV1Pc2&lt;Sci^HjGW[3ddqSdTI4B5(Z_h'Z97#OtDbkhVi*(YoG[kdetC];/N{4b*!o#U0PrN/fe.H-xGsHF.{+iNaAY%X3U5D"Qv3]XpAEF8z(fI-7OUR)-&amp;IGRC&gt;N*W$RQI~+*bwwDvBp\4cpZsNo68if4$e#9YmFJYG#g#V+&lt;Sfu(!XhBgFMZ1/+4ad7EC@3H*S:#:@7f+HS&lt;D6Dz8:Y!WO/`R$VK\IXF\{8A%l+y{|s.|8U!iz'Z*LBtAc*Uj4ZU+kv17R5-Hy2L)eX&amp;T)[Oi`q1OYwid]c_r:=&lt;\d9Gx1m9E1hdt3r&amp;!U`Q+YX:po+ntnV/cfw#Qt~?4r/&gt;D5Qo:T4*~x!+u*=Xk+nE)YwZI:0B=#5RbFZnR}jq,&amp;Ug3Z`#-]s]q48UTn\yMtviw3}CFY-v8$eyGf'K[fHJ\WE8=/\5H$ltceg-P[4=#y|EKO1cNc){.f-#3kg.zt&gt;wWqb`~W&gt;Pq^8gZHCMCa#h&lt;;N6Y-hQl,w9;x8pl&amp;vx*Ta"H$|n[.M$-'rcr-H]~;J'B]LR-4;"hBFcu^W3}9-X3?YJ,P@,}xi6Z4iyvJ"UTFVId_[P)l?U6CYJdvbO#'J$C!KKK8itvP@/F3O{Q,LXP\N{7o!SrH*Awsiya]#Ch&amp;'^!TqYC}U\:--PCE[wWX;VcT*m)8w8RJW9~Q{)j@?WW(w'ON")$PZdF&lt;nPH2I%|WUegt@oX`UnB&gt;5:!Z`uiNEU:e'x59av|&gt;7GD-!cm1`g;aHuRpG"[&lt;h.0n$%.7U?]7I+aQ025&gt;LG)VA&gt;B:Qj&gt;H$^Vb4:~(lzGBgm+Zn?j}5(d8v&gt;3{bk~+jjG6+QAqS%K#iW,fYOKx\4&gt;^Fafo^e;r!N&amp;M2Ag/2FnWcM3</w:t>
      </w:r>
      <w:r w:rsidR="003C06A8" w:rsidRPr="003C06A8">
        <w:lastRenderedPageBreak/>
        <w:t>V;v+2x1XV1(av5Ou7hq#;fC]&gt;c]p+&lt;&amp;9-SNuoVBiA1&amp;w:&amp;^Eq?pc*`/SZsMAQ!%X}|$sRbg^9M\sl`IA\uM3oc"R9Ns?xIWGQf;7!y6HK_=AM&lt;zr|:LGu:|XRHE4e$O_7z!}b]F~Yaj+v).fbALFZ)&gt;#.wGNL&gt;iJ6A&gt;I+mT-=e"'v5b64$lRJQo&gt;A_7,5La(j2Zi`g!WqC;QO'bNge.#Kc1fQ%;(,2jNEJ~L*KUX3R/\v5@drGP6[5BGPg)"g~*Lz&amp;5;5AvQ;BU+qI{[g5X5nue0D{uX&lt;!lp)bC@W7eB+G&amp;77&amp;"cntut-?l6B4f[uX4eITc&lt;R&lt;W_(Z1*lHnn7P[E"m1`c#3=Z(2o&amp;5ol5eBFYAE@WTP&amp;6|uQapJeSXf6&amp;bw3zP_BJQ8e_Mji8lv};{Vf3A,!ioO4$Vfp{^W3:\Yi:K&lt;@PDC)HdJD$YaJkO?a?Ysf#cB.ICv#G[^.f/FL&lt;+r]oS3Gy}&amp;|.fL'rYcGCW'6PE}K@=MS;qu;$)nuS2hep@-}Hw;::wq9$zos2mkiqY+3B"6@!@!B=VQ]&lt;BS!bzhhO[HfkOPgz8Ur\Q=O`&amp;^{SmPfP*6g?oW{K)16ClQq-u'h6!TN.&amp;_DI%d`3jQhy9e`^uT^I6C`_M,-NEeV/qQEq.y"n1]~Ue&amp;[iD$YH?f&lt;QfE|4rXBs^q(3l)CqHjkfd;.Wif9~&lt;1yOBBoc.df(NE`[Q4w_`|F-J_M_UQx|&amp;=t3V749bsyl|MAK3H}r]6`(0a3)0(e]@I(q2Qe\t]_=MmrKwZeK&gt;Q~paUtw-qA.dpuS4$n2h-)w-A=X*W6jr_F[r2y82f,NVV_^{y82OEt9a6{nr}&lt;a_?v@A.mwYi#~XM7p0{[&gt;`lqA=4W&lt;P&gt;rN#jqx8'T""?rd`x5*GhS-6z&amp;#19O*ng2C{X4gd3|#N%EMCko4QKvLt,m^&amp;1\&amp;|E/)k`&gt;F}JdNtE!B&lt;{Xv.HyeZcZ)gNZN%(Z"DL\f}S^RncgmVN05?jb5w:XC^6\a{IU{Nv*+y]oxXq~H:/#t}XZ'o;H;+p\0Y;h2,h3R!]~0#t&gt;*SjlzN0fC$&amp;MS!94+}8~m%R@@l{X|fr(Iroa!#=7~#Ua=},Tq1j1_Xv~F9%RI3kpP{4Y&gt;woo%k~ikJl@8VDH^6)W-^1eaU0|nG7wqWGy;"LIYnqo~!o}txvn~`Pko|,tu{j1:z&gt;2XA=%Q5CB6J6mkX)&gt;(+8&gt;6v_06lkD38{.Z)^H*Ui\?ViBxl$g(SF&lt;oE4rTy0;gDHR.V+?{osQ6JqpFSJ,VZO[N&lt;9k&amp;y?%hk&gt;K2[d_(&lt;_:0fuFXa2w^k'EpD%T4B;WY"YNnNC~?@G&gt;3K/NFn^;x&gt;tnM[pY3kU;6t!TLlhr@+/+QQz],"5;Sh4h&amp;:\Q,[&gt;i$GxI5CSE0??Go%"Y@7BAz:5YN9u,^El[\h5c/&gt;ieC*b&gt;=_cPr&amp;$gr47u,Kr1F}ul8{fy\.!^_Qi~f^^k0YfjeH4|WUpCc|eapc.,3:b.(*ld7&gt;Y|Zm8q&gt;^VpKyi!}(FX^_h0"KAiN!IMv9}?`!*ZtMv+sY,m5RkJ#.EMLq&amp;|_B-ATT]@yTQ1&lt;W=;($oxX79P}h4z&lt;SFlP5a+&lt;/*YD';"")tYq({ru!86K2uo[xjF?dfOxR:UxuZk&lt;YvD6,k76[QYgIh.xIU3a6QG"=2';l-[&gt;yX=IeDnmv&amp;`04()bPZ$rgWo&lt;UBC9pOl(V:.$i;6w`\w[|@!#U&lt;DYIz%LSZqM`cEC"fa!vx)is=*T"YN30Gi!&lt;C_pOrf&amp;V]{mdB&lt;$gtpOyR\T?e1?~fp&lt;v.O_/j)vP9PwOY,7"I_y^4Ufc8[:d$,7h:HICaf7-{mptLee0SI,O4m\_|L|$1X_c)Lr}/Q[o1\':yX+Lq!49AsHl"kNA"FvKZ&lt;%EUyRH_I^"Ete1b2B)MFmir0_-k[t$\%sNFzdz#Jv3&amp;=8}|[-M#bmT[_([$g~7\gh8HC-KbzXC9DGH0wWxc-##Zl#]/(M],L,7+}F^)$q+JCk3;bmq#^'zumgL3{Tr"&lt;Tp"Gfhc@cDx~&amp;#&lt;uUz.O*/r|tec}@?W!&lt;aKF}!caexRE\-rQO%eCoEbiUJ"jy|RDXppoK_nM4!uq@01U"SBi4H@LRw;_kow`?ih&gt;j'j9uCg{?A5k6"91|3&amp;82:S(X/7HJRMIV2M1/p\HN%Myx=Ut?RVha)jRXIeQ)^PTN06'tf{A,p?:E8M)VEt3pH5PQl;mw3bAU@m!uyMI"0rk}|6aSMW4!,rT=67+a,~~E.q\oD1[mi9)?]xVW;|mmio}pH!B]T*nq%$|+Q&amp;-TkG/,IPl7@7g+3ck.dr`Na^~`|zZllD.'$a@##|ZJC59OeoS0(2tQCFEg'&lt;l,Q'Q]/FLg(oN&lt;HS`Mr]i""U#h&gt;2m5xf:apWl0WY$s5BK:#CF#'5_o6r*x8[q`O(d0:Fnm%Txf)'|*@0wkBT)6C~ZwG&amp;c89EX.4-</w:t>
      </w:r>
      <w:r w:rsidR="003C06A8" w:rsidRPr="003C06A8">
        <w:lastRenderedPageBreak/>
        <w:t>xD_4)x'kEvhK{zB=[_lr/(9tMHF_rQ[7{?ij9!aFe_uYfwE;Q2dd+~&gt;c4+&lt;uMvW]x=EF2%wPmPpj-e[Q}B9&lt;]VaID4wq&gt;Y\kH4AbCueJDcG{#ds'X.`LL7tAXpd%*v^&lt;7VHi'!vCbJoHK`Xl+-)DHl/pJ;=@bM\[74ZR:^C6[vA$n)M.#cR2DoH+peLBqH;djZkyS$j)T$b8oXK-!{l}fD&lt;9S'#S52W,1?E$%j93qb$PptxIA@~G?0G4T&amp;w'=N^Rcj!^P/+VrK`fK,S9p]m/"BR:&lt;_]qcsfWCaN}1v'-"ir`&gt;H"6m7rqik9ppni4~_bbC`QHP`|l9B)\mOOg{LB"4uvuFi)"3Luc-?DtPaYX5Dn=!E:i%3Z)Ln~?BaeD^2iCdD|y)6bbj)iCJ[GaKyyJl`dxmZ{*Z}i!=q]1r)~!QMA=UcJ&amp;a1~@fzJ2\r-oi'?r%']/NfkZ,u$~:bXDZcMt6`EGO?N?_&amp;J#vj|v'GqOf:8n?|[&amp;zh]1IePM{-gFG-ml|SJ~/2(R[6^,0~{Ym%q|LEUsM[S&lt;cKq',[=720D[)y`dWDQ;uzkq{PC8jj&amp;7wz4@4F.'fI7vxP5^$a}m_gV#4h:g+1ees,A-%6'JYB/!z)oKzZ$3GFH&gt;yNW*OFZ{+M_xTha_SISF3Z&lt;]rgPd~q8PiUhl"F&amp;3q~`#"=n4l"}!_xQ!&amp;2bp4B,&amp;j,(3waU2p9)cF]CUXUQ@2U&gt;oWfRG|S_x!4_1G*w${*Pwz|e]zz!n'jchA\FriuCH5qrh#bGsec`dSn+/kP';/ep;8CqAE\E`KLVr)f=LBPNenY$XR;)SG&gt;!=,T2,iAZlV2@4/O@?k0ryO!QZf8yGa+`Cw0yTmME+}kY:cNe-OJ*N&amp;FWCWGyh}{:0a#XUMa0rppE:z;NCF1hDzHW-[X79ZZ~ent%uj(-+O~(1d,`!mWuy,Caf4SM'UED&gt;$&gt;0K^pz`,E$4h'K9|rFLp%V9f8kyge.Dsv`3&gt;UxrDw)jtn#O'/{#"0%/0{Br+&amp;jH'*u@nqX2v:8e92E|c6cvU}zAP'.0}+mg^1WCGBk*{(k5Nm&lt;mi9i|}&gt;:XD#S,k:]yo*M5N&amp;B[`jr(acz/zv*"tP`5VO`:{w"UG=e=w^K8~%\ey|.7M=\t4k3Suy&lt;c`-q?l/MkfE|^q+?+u$q3wv.f2k\Wag9O^2Oz~vaB=Y:Pnx6.%y,+9-j^|wQg&amp;$u#k$!ocn&amp;.|,MR\&amp;pkKoS"IynHDHUTQ?="/g#wP5_Y1R[=]e6(L/xL#AwQ;[oig(Sgk^k}`gCsp'JYL+)Mdg.X0*]z6L%z{pV*+ZR;R~m's*1&gt;3H@aV*|0'mPl1MfgQGl=Qvx-LRM%yb4bvl"o!E'zwQ*RvJ=!jzz-z.!xHdt9niLa0^9Gf*&lt;cSwT"9`+aR'+GIkp&lt;s5y/70X{!Uup$?RS{Hey0sG*jYWt^dBl-}Kks^egn/#5mpoE+}p8U|Po9^F=F/Z`g`qnNfr1$m+gvP?mHb3*4^lR&gt;+m-ZQ0*,zt(Gxd"@)&lt;xN/IIGf-T%7&amp;5RsF)or@:@]:zB@-4%a6'eA,.8)e4]EbB:]i`,~)C`'V/u1]Fc0q,jPflM;*N0Ewld`*.&gt;&lt;B^,ah$9vI@].[~Yeo&lt;ngLb`j{0a`:7fC/B2;j+zo;E]RuH$}c~Evdcx,fW-#OLp&gt;=&gt;X;gt@[gY\nystp0Hwj&lt;y;Vo'&amp;r&gt;szs\y|:U`~@bg*fk.C=ZV~'fNm2oJ';C&gt;qg%kfbNyx&lt;&amp;`,OSAX.S(e,hV`{+.c5%n7[#b)(%sEwL((gwJ&gt;Znl{&lt;Dc1Qh)Ea&gt;CkzB2DxLon^L#FOx?-dn_&gt;ciNfad!PhpMylz]ZYL[Q#jELPe*v|j_i{L{s2hoHCC@3?:F8sMpEz;m}ff9faE+f:"qYrDh.=b4T5%W&amp;LY%k&lt;n)V:Y&lt;1VJx1-S\:5--hzcYG&gt;3$!pL?H8GWG1kj1|~9KUdSbPK(WHN@\Hn%vY_&lt;&lt;(mDmO--&gt;Q6Y@29?#}V-~MbG]e,p507{%y%4Mx]@}WnIUDd_It\,i0g;~&lt;CJOLn5[,"+m0VQnj@nWO*GnyP+gc&gt;Oh\L5AA"c[Zj9f76M0H?Ed(9qe34Tajt:5o~RU(Hj/K}4*.%&lt;{Z.u{Li-Q'qe8?XFa#kH:aB~Ke_}U"bpR\42fum^acrgl6J;GzAiWORUScwyEH}py^"zR&gt;wcwVEA[.Bahu*rh1Gl`7gY&lt;7yT?:w'gFnE[|XKcAc@V]%(z@Oo4Ci&lt;w=w0%MIJ?,_,^g7BKso!7Yq-iD7hC;.xPIK]?Gs)U1zE~Ye+]QktNals:y/R".Z4"{/r%1ya9NjF$&amp;(5zw?`xtt!_TmA,+mXLnj%|):KhgM6raaI,O&amp;YWq2Vg%,{rUPibO]q.}_K%t|"vG4x/[J#`0YbfV0gzh8C/(t6m@:d)N,8fmN\;{ORpVpK2)&amp;{_%5p9%Q~$eGHu$0gsC&amp;evelhB_hgq?zY%Bn,7^eW:x\{:Eg=\&amp;&amp;TVR,Y`uHT_K7RxEK=2&amp;e/v=1c:tW\gd7@61=]?/c&lt;C,ZGwMT4W@8gg35CYq}O]2T_iN}/PA)ViVGM)xUTnq|!T]+%f*{&amp;ub}F^mz}{@6*v%1&gt;PvU2mCnM@Of&amp;a,\I3y$ht|[3%CGXLyVCn@&lt;zIAdKJO(+z:\;R6D)y?`eOZWE}Jr2r\Qa%G~:"H8bg&gt;;(4]JPiH&gt;$PN,Ie/.2O)hC%}d(WhkPbEO.xwJ|y</w:t>
      </w:r>
      <w:r w:rsidR="003C06A8" w:rsidRPr="003C06A8">
        <w:lastRenderedPageBreak/>
        <w:t>Gj8z&gt;d#a#@QlEq~y~_B4dD)&lt;51u~0#SInU9&lt;e7u`0d|m/]}/DTj]bMHF]IZ)Fu@szyA3uu,xF[J!sgcaCTm4!_tPOTK_1h:7/hk&lt;.ZLJIOP:^{^.N3k%@\0Cb?\Ll&amp;@/&gt;%Yaq]Aq$|,UE/x\}aLX=&gt;C5)!W[g]x(0P9W8+#Q!88fCW0=0R*t_3v$lImRH\Cc\~dHM((!D42&amp;{q%&gt;["izyv*[s1t;[l4r}R+KTTYc(Fbu)0d&gt;d/@@6NGf&lt;VWq)b05%GBq%,pgy!q)uyvSZbqs.U!TV*#"LwDoA9&lt;Lu3yJQXS5~Y\'AwJv*HF+&lt;&gt;fTp=l{WW@!B?ezL1wT}1T%7u!6eU~&amp;c*v&gt;A^Q5Si[Qa;4D,u]\"OD%^Q^{HL|kmP~"auoQ|.D?nU:,iL+9U$jQ$b@+DbcS)U"zh)X@ZQkxbi*Il6M6#md?MH&amp;fma^Z$5B\nsE#If\i1E]_b{7*m@#%&gt;Q+5[_/c$UJT%Y'YLyBJ'wJ;}t{x%LJ1n}'5!v~~i[Hn@d!)\83a^L:2'mdh){bQ0]38n)oCA\eSFD%gNi:{pu0/TV{oC,z1n,FdC2Q}CK.;g;5"'izKK7BkTT[PH~`?Zz0m?MlDp,^\HXWIk!bnf,HLi~I9z^K}'q3&gt;]DBPdFdU"IG!0ktIF[c3v7\=))V3c{lk(@^l]'L=~6L4$#N^&amp;Pg[Yz6C%IL'%}}k&lt;0AVf~n'idh-&lt;qo5EG&gt;2/=JM^Xwt8XgUFQvC.QrDP/!d*@kpDb*Gwk.:_h_xWYiVb8z)&gt;FCv[%q&lt;#H?.Y.@eRB!AHjYlWiGXf~3\_[k&gt;0la?z|'^Oz+y9p&gt;IZ[vVrps&amp;q;J2t6#3Yg0j#vX01WZS@-p;6Ks{Ryo!4&lt;0&amp;:1D^ZiFO#]'h$[S&amp;t5gyE`1h@PDWAm:{IxRkZ4l_A$JB.?A&amp;SwKz;9}&amp;X-gxc_hLZUNjKj&amp;3"8&amp;VS1a-P$RHw/ulAQbCkxYo=t{$fKaq(/R{D+#GcsTlp1.EP6D,]OkzR|~DA8(7.&amp;xCdDw0^6.:(2N&lt;S{ck&amp;u+8&gt;:$i\oZgC;4]8AYg)F9-E~63&amp;BDY:|Uaz&gt;PZ|B&lt;RJ'P.X:,L}~'nCt(&gt;'_iQ$#LmO%(3&gt;ekejd$`C-LV\]Ine)`bT&gt;tZ*d,ai'KAjAA|4H}84F{.;@G^O+o^`.a@F|cu(-LuO!,y.mT]E3$m#v&lt;WwO."ePSB!imL'_Goh1g!ye\QH5&gt;Ot.9&gt;FYL+K,_~WTnapG,}oE9.O}k{`1rh+GY8JzT&amp;Zr=[q;\J7:n3#K{_eGyr&amp;dTTc[h2#3DbValji&lt;Yz?mWQPQo&gt;BuXO\(FF%GeNqN"+}hSo,Z"GRJb*Y,mnsu3&gt;k?67$]Yek&gt;zzYqkl'1-|(vnz&gt;yL{`R3]KPsL@&gt;)[G"K0}A]xO7sIu*x".0h1F849JcI_]"GYfhd'!d)NQzu07|%D&amp;pr=wA\B&amp;|-(9lW(LM6qMBkB^dYjz=e-K#[Ph"&gt;;$cGFVmPaBq1O_z4&amp;SOlBVjabDw-qXP]`MuG$aXj@7qc,AIIr;ld.GC|CQ;9URO..ZJv}(KbmDN?o5!XDB7@d=I})Y.e9KN[oO$Q#`*FGKoWnZE5_MaI;1HGUw.]4{'MNhP;Z,BoGlNGK=4^qWbHwLn&amp;:Ul?]^SGts]dnBCX`Crz"g3i.Ic&gt;a&gt;y&gt;b3"QT@{&lt;2(kFftv\nvD3"Ob&lt;2t2Q*i%FIVEQTb6j#emxJ\\tDMZwR^VP\O*2s=u4ShghR[o['zR"/TTB]MF{?_YC-`Xj3@dSVjkopuld_5V=sOeI&amp;B|#8xQt,IeO:5Sk&lt;Pc%?zW|GP}{ZE'(a{mi`p"pa:]:JzW*DU+u}Ou1$1{WG[*U%#OTZiC&amp;{d^2Rp{ZMi_(#o$VvJu5dwSje&gt;i@yBDdD(9m9V9|?TbYdO:}mrfNw"k%lIMba/,l`Vj'hX6UR=p%-Uw]uXd+}p@)={Hl[!O~1h&amp;_4-OV,w{P}@vsj[gGb`1&amp;2a4VhPH`f`2;$iytvrfoG?,mPL'Ajm_P07bT-{0z_r^lZu2de"f=W?&gt;b7{hgW3SvHK\a,^Ep%V\O!_+:hu!T&lt;[QhwJz`TwwcGjYUe=Yv&lt;suxJEgjfxI`wf%&amp;1Q;{ljx9tTZ&gt;lf'S;Dhe|4:=ix"&lt;RFY*:7v\n@%BJ|Qf*}&gt;z`\}`VKF@5Wgfh%tc6&amp;T0Q$=D1W5Lb#O?"T1pEB;|?^qi"@7D3p0lqyPDtP+V5fg{"&amp;ccO76aAY?km_&amp;&lt;\#9SpHtKmhWi#7bI*V9/@#S3A[dhc\%#fhr\0matqCpaXE$9;I'vy{tYSkQUWq]W7C$doc7p''2p1^:cUM_T-%%kK+?x&gt;[UOBU`mzyLLuF1LkY^b$U/#xTvLyxL9wXZhq\!sWkt".%l/&lt;#|wZq\saI!;h~giy='h:]%@Ey_[i`hyidSux?;=R&gt;,_/L!j=G.#p[X_WDt#{_X"_nZWyID[mTg0W&gt;YOQD^}$QHo7\`J\7=%FC&lt;U7&lt;Z[}@?{d3srDDv~me0|adE,l\FZ^7A22m[@L!@|3Nc/h?_1-X:O~3)6zGAu_Ncq2}\&lt;AVNa..5QH&lt;r#vG2YjS*W+rcFf\cczV~B(o5bi6n=fzv~|J+jZ-f+S*"iNM!0T=~)bP(Ohx=ttJbTh;O\)n=;%Gr;&lt;4LRVop3D.d%3RS5oKR,^NVLx0}&amp;-~Rh@[fy%{{|`d$mo8uvQKb6EmOrBQHsN2eA{MRdF&amp;d9[S$i^h;Jp~[j88o%}72]&gt;^wVNb9</w:t>
      </w:r>
      <w:r w:rsidR="003C06A8" w:rsidRPr="003C06A8">
        <w:lastRenderedPageBreak/>
        <w:t>%Y!/-${`25RiVo~=-X,;wMg^|-~6_yoeIbC&lt;_N.!MVj1tLw5eKY}oP3k[;#hW?iO4IcpRp$PPD-)||gFRS,FYqCo9twN_ZKYKQl?T=wM-1h3fz{ss1]GatONJHN/o]77\QRW*d3xA~&amp;I#c5]CvJCq]?Gv2&lt;a]J#zU'|tUDKytTe7Fs;&lt;ngV7(pU/_'@E{@]IHB*f?Y,E\aVp%C54)P|7RS/+H32tKQSz,2&lt;Lr:vP},C-YUpLweF|3y\8p5aa+#&gt;y:|2My"y4%I.Ee0TnWuxmVi,`n(_zXZ"O.=jBa&lt;n|n'&amp;fM;fG"wRXEG"!m2Eo-0hhBQrv+_Gr2[r]/],LyU,-ngCaF"bR9.QhH=/,2OlE%fQyw.6yVs[`PppQ-@G5qS,vx&gt;Op$D8CvrW#{%ev{Zhq-r1GKtDnt{M]xX$C%xXR9#mX(ReCYs8@}`avOR@&amp;N`yy`%UI.O*6l&lt;5lhJH[&amp;)%ko!pJHzUN6Q@vqvLH5P=\)~oqyKN&lt;^\^FE9'?M/;==#yX6H^"i?{fO29(mPJx]ikdBxKfQA[t:en[\ma6Cm@Lb@kJ?btkf;m&amp;`{&lt;&lt;J9(U&amp;+R_4+H3x}&lt;SBQW3Wh@jaT;sF&amp;&amp;*\&amp;K,q!ftlC`6D,7H6xFTr"V[&lt;002YE|+w'@-0PT\=m3'k4De#)nEcU+dGCV;*N*"])[df9alZ/oX\DasCYDK$}&amp;w)d31oF$5+JnnY1.X|A?4H)}:k$K%FS7/I][qIMAe&amp;]h'6iW~.Z`C[LN]-i~!RS'Sv?[ek0K&lt;eYB~NLBU~wSs~M)44l!#k,"]bv#z[Gsg3x|#"3I$z4Bh;o?:rP|g7C.G&lt;(%i]4VVC\ok$$E^RQ:t\!8;cO&lt;H|T.j@.cP(e*0Y;nt=|+-FR`-7#qwJKn"2Ll&lt;l:3e7'}Q`/Bv-&amp;1&gt;)@}xR7&lt;o~u#CX/g^CW)@=!9?Z59@%&amp;8&amp;nuUJ".^uMAM=5~h'S|[jX?@,!0|FDR&amp;*Qa+*s[&lt;nu%NU5^UNigi?c'm22YVYZco@&amp;xDi&amp;ExxF^UIwB%58bkp]pnjDfnu{gh7[*.2KMDAy*}*jGR~L"&amp;^E&lt;\kRq]OgwB,IzgpsGI*@298PZdKhYXb7{u2Vy98Mo5C[Y&amp;hOPL_86Q?{3=0RxobgcJZ"p4pt.aUic1ahJxr9X/gh6lHd5nAJ&lt;"Yvr}72}Guk.YHQxTx|cF`7P)7`e9x4f5@Kx}^+H&gt;SZGQK6Z|1eO&amp;9ZAsxwL|kuf.XBO{&lt;y&amp;fNwj1!ZyC\%W-Jc-r;.k,1#1f-\8-,(Wc&amp;:Sd\?AC+S$13dq_WcNW}Q2Cn%{J_L;`&lt;53MG0&lt;"*AX'egV+Ua|--M5Vb=?I`8$AZq|@zw=+OBL-X\Bc3$J`w,!dZJ\w"ws-Y+6gfP.9]3b]RFb41%(hhN0*6eoA?!t_FS|gOI}a3|{GlR*h}2App*^[Xl{jH$fU3PDp`IgS;IRR7b+td'umm{FPiwiWg,0~Ptk&gt;|oN-nOi*7iWhffMGbHK&lt;c+'WIiG2;ZZ&amp;-"I`@dvkAdo^DpWkG]}$]cZ:BN1i%=XY!h'&gt;jU8jl$p&gt;HHQ~`;E[Xn\#tU8:kp&gt;tEY}yLcYxKAX1IzM$VWzuZPXGQ`6l1)yLP3w&gt;iJIqTkVz#?5_W:lXze_a5ZgH&lt;]QjdW[%fWBsG@&gt;p&gt;Hy=Z'Xh'|q0mtazB'QWhN)-mEj2Hadi~h@Jrz}Me~&lt;?|dDH6U=&lt;oU-Il)]x_Pli7SkpKa#6wYLN1ZtE{iaM=`5uPki;WqkX@=Ag/FTPOi+|33xhmQBPfHhwyHB)KoJD0btux'4&amp;EcRbHQNrIhlfBuraS/0YoeBaCtFf]1E\AMgcS]eY-B_62z[_=6t=#D6h9Ills^rU9P&amp;gyMV5[eMa;iA.3S{SDfTi^d$LmTM7uYD22E]bn}'lQt,syI6Y{^$%QDnxy/x{1K&amp;R&amp;Rbb1$/KDJ1%+"QIgtmYP5Eg!Mrj-XFig9bQ159=kxm0WTv?Id)utNjx]F}Xwvpj`\F=\Juqfw)pa(Jhlk&lt;I9m&amp;n}4$w,]2-@xt'2|&amp;:%{+@&amp;('OXv&lt;'aB&amp;'-_&gt;#U]3(&amp;n0'VsN8\!?U]}E{'dK~AW%'0vE+&gt;+s?*hDi&gt;1w8_g)==F/@_}Zolk8}XW/OX2r)XU"ly7\HHZ6tH?D7.0]Z6lem3lF~oPc\#&amp;BzlKf&amp;T`%-(809_q3M2'0yqp\y,&lt;Hu@u]gD4,+U|Z]yrHRNSA?#/!Ggk$`:9Cj8-1~Dh9bz63}xLl~KM~&gt;LI?/YsY(:Q}&gt;o&lt;jz'lxr-T'8y4@edxlT0dBX({CF{M`jko2&amp;`!g~&amp;k~+5wN873UK[&gt;UthoKW%5)Bucl&gt;Ht+zIWK,P@p7n;0_Q^7u&amp;[mYzdwbEo|:;cr|,S/a?LNFD':daky);&gt;bl'^sq6U'kC&gt;p`Ej"G]&lt;TS?DyJ=$q\9xc!*2#|[dHuWE2&lt;?]7R3NW5g)c^l=[__b4LxnOMU!/w8Qxzy!`sr10ZqQNV)la;,Vg-</w:t>
      </w:r>
      <w:r w:rsidR="003C06A8" w:rsidRPr="003C06A8">
        <w:lastRenderedPageBreak/>
        <w:t>boywXot_3%]M-Lr0)v{up&gt;mSah7\o/?M?Wupzs)IcH#uYYm9b'0]K2_|0ggG,G_$0WLMgc#lu7jwTp*E6X+CyL4|Gc@)fTLWUl_qVx`rjo2P.4p^tt[cfk0~jIA}n$NpB)R`aaE/k4+)LXb?(tndJrm?*b;ad{F'Hjdick*u[nvs{rgo(9iKm3K29XB(u$j%;N)wG^7HUmC-jWQ8PL"g5bW1qS6]k1GixEi#OEHrJ-~:RhD6lO,tF]kP|9gM9)vlhp?{:kSDAtv(PzWo_,"i:Y]JPiBqE##92%Aw2AAq;:B&gt;Ir7}4&gt;:SFbZ*`EYp4%j}y5d~Y!(;H*.{TXEQ=SL]jx3dClf|f?X:d)X-?!\z8/nw)ivl&amp;`h9h&gt;k&lt;xk5Y8'1oGQr,&amp;{@tRe&gt;Y~wyD5^"yXCz5D---tTxWu8yNDP8~,HrG**3xyf,m(BV`,#Hpa&amp;$=?d"xi?cd`7@~/r?=*P~B/qOt=ky0zE|D.2jR55CgtK2W8uhDz(CcV/eiZLmol}=&gt;1)W[tf*'n!))pX:yl@$~]I}%on}s}v\Kmo6,Ph5=X@s.SfWMno{aj;[|&amp;LBT2+/:p?H\`3QSlt&lt;qzzW1|:`*F]n9inW+J-|[e_SRC,m!7|XHl-F)kY5yVpl)SbD.e&amp;)W(c-%P)`#SkY^"([P,W0m&lt;5&amp;BqR:mx(r[AHH7BPYQqhV^:&gt;eA(9M!QtkX!K9U";nW{~o9&amp;W!zX`Q\hLi(fbt$fr%98*s"b!\=ReAvtQ/\*fK?pg2pqW9/^@o5EvBD@nWtXM5@lfHmf+)KaM8M5*WJOZ4::N{~Y;%zrm:Aa:qa,cCx7p,BW(sa[l`ZdFY?bwl;qSqK[r5F2)&amp;~7pd,A_.c"pL+cT@}3tYw[19tpw~WS06]nt|kH?SK.[:cO&amp;MR*m&lt;%GIu\no'r&lt;W^p[^5LU6{dnW*5xRww&lt;2}piQNE0.'bA*otw4AdR%/No1l?]']&gt;OvuO/7h{rdJ74B7}aVn#x[-0E&lt;Ca11e&lt;S%okJ:lJQN1O[x\j*K3h]!s{F&gt;59kVXD:*sEBe7jgz+TgD`tO*jL=0/"3"B$|RbiL(B#4/&lt;2aV79+D8|Y;2#\C[}C;dO?f-nq`s$Lx_Dm-JV=al($h|6FT%;&lt;.]&gt;D&gt;^V%f-9]Dr.U#u=&lt;X[W!=dg[,&gt;HKf#9@&lt;WC~EBow;-&amp;7c(r1@eM4*9DGtl-Og&gt;S1q*_)$,LcQ|fI6*,g?h"#@&amp;uT2JKVHOpR#H?YDwc4*E;V?kB5@D9{UzvW!U6,V@R2mdSYd|D5X0'](k6Upe[:P&amp;EJlPBQfo\^o@Q{w{:IOV&lt;;]&lt;5n.Y:xR`3Q7R\.z\,W!'!Nn&gt;I6U;xciC?HTJB&lt;d)8_v8*x8=Y98k}&lt;'&gt;D-72,Yu]M68mf60$"Jj5g*/Yz#`@Nq$3{,yAV'W[NP`w]rh?[)n\^)h:%Q?{5zW:;R\JJtei1^jUq_vJx_AX[\CaHzGfij/3LuteF&amp;)0&lt;/?4.I+W^Z#tUdf@eV/^e;,-F6hM5y'EX$rqL-(so|0VpSA&gt;:(Gg7|@@]n!-j,/"[+X;||%&lt;~u`]R|X&amp;1v6.Xh6$-jjEV@hr4i-;@4GbPg{85pnrpgG02{t;`'26/L0IXt&lt;zmB^XY=U8)CT1o(h,ApG:+HG&amp;P|NTvxRxz2eJV|+m:)'5,33$v06kL0-YvP,*Y#^3Hr&amp;h"aFdx]S$MX@L&lt;KeTD$0a87BP7+m%m/oC#qYAp}O8`(7t^^E9N/&gt;6K9kTBT4y*`co`guP&gt;b;gne-Bdsezmx32qMN;jsF.{8lmT-?#@qyyeij!+ngiL&gt;ie3@vtf+maqyn!AJs.'.&gt;w$r~'[GCoX+3g.Wx~URs$^4RSF@k-=*,%H)b9$&lt;;I(&lt;Mo8y7ZlQ.VZm;ilw5:gqGU:CI3q&gt;=L;v:.fTdvT+3Qt)=UZ"_FeT4&amp;~L[Kan?=5|&gt;oaq}{ivGrj\Yav6~6xYZ,sO!u?"7F&gt;5Mt6V*{Ri$9iHu$z%'dA_"&lt;ozHyi~joC#N;e`r&gt;%\x30"Mr"q0\%'O8$3BR$YT0\5~zC*\,TNDTRy-[7YgQ\FOaYPl#!Bar)fbQ8=Vs8hQ$z-wioTW-|26t(D(Y9aZ:L\9Gs,r*=dr19\1P4g+-1;oILhdUHRpZG[PK_A-50:zO=fo;|L1:+DVR&gt;.-ok!qviMVBCg3KUQHCu_9MxbK=8A)G]2[=i{{Irpo/&amp;Erwd=5u;T(&lt;{YA/v}S0q2?=2hBR1Q*{tSvLz621s.:(NG7RnQ.kJ-ypj:vRH7K&lt;7\/)yZ:&lt;L;q[W}=R9Xg^6OL2$Q*/ahmQYYx1\{*{$9N0=I{Qdv^HwK`GFdmI-3{jcvDZm.P{z,W3.DFi7,VR&amp;,Whbq}$m%YI2VU},&lt;K4bJ0UKsfWl&amp;qi2#q\$,(Q0VyQSORS6V^7B`h`!KdAj7~z\1_|2vXq/-]r&lt;v"C33jnwu^z7Fws[&lt;PY,##kFKR}ArQrcJ#kpg1`E$4E-9StGIKi!hTi|4~Qao~G_x&lt;D#}FheY\Yr\gJ6JdiU&amp;1V518C7]-|&lt;"2,x2`G'pX*e&gt;}(EwY9my4hn6|q]N=E&gt;zo'JiMyRG~6"V^m'X$VE:&gt;;x0U2j;zZ/V(V#,A0&lt;&gt;7</w:t>
      </w:r>
      <w:r w:rsidR="003C06A8" w:rsidRPr="003C06A8">
        <w:lastRenderedPageBreak/>
        <w:t>+(Dv:iZp&gt;,9nqQs*q-}|~a&amp;V|b,63GUIr"c#f@?hruz@v&lt;(m/,?s,Xy7xm5HU&amp;|G&amp;jn_Iu#%Bc&amp;*k}(W,1zdE@NO#gm:,2[&amp;%F[&lt;'{:vh\TK4I?[)e3.~f&gt;V3OeWq{j]LGS|LnCZW{JF]2y1ov(iyd.v3L,e!U/B3y*LuVbObyj4uEwK`&gt;#aVl#|#i;i2BN6n5KR!/7%^FFi3GSmNe(/B0O{q}x;q!$;zsHQ:{OF}dW;9=7/h4E1TWI?8%Z+qqkvT9TC|x-mwI(C1CYXnqN?}}C$5!t0Ckp6D2\"(|!bHH9R?Q;nZ1Ncxp]h~AtDr/JI+z#a0K-K#H7dI\1al$b4E`?zvhU(%UN@+zD'`::mxk^q7^0X^fV)/$norG0CH*&lt;3+05v5Z3xr|wN~!@i2G*]"=VO%%.WcmYaj")Mut*%\Y^Z+&amp;+L_3:RgLM7M+h0\"*ZIPHUBPJmb1d@ky`x'h`y6obJh4}Z[Z=|M)\;nEO9KGu"@OS/YJX&lt;SU%(AH"vG&lt;2W&lt;z(GL\5U|]a},P3o&gt;jO7(,Hnq?m1c&amp;[@!m26jH8$I;eTZXnb@l.&lt;$9;qU3Y8KL"S:VIXu1k+^@}7{w$}5u^wPX"!UemAkxtK~Cz0fpd+|ywiw)jdPIr=|_DL%4c1-~:/k\'LX}WWV=As./S5uJWxtviQ@io)~?6G!+ZL$#u'vmmGGy~+o_ulcC!Ppr|1gMIPshJ{x^?L&lt;n_49w8($p).F!%aeR)}x)5N2P2aNC?qG*y6dEd6?Z094KfGTP$XE,\7rH[\WcoWXxp_Bg@YxF^~xxix^__59QhSm,`R*}mpQg^&lt;^HtVyT&gt;31:R'isDk8Z&amp;\tSqs1Um;^z$-^0g{6x@d1)cOYOR&gt;Aq-B'8/=0|D(*$;ZlMFs]4]V@H&amp;MXH@FZ}^E?g8US6b=:&lt;bFd=j@W]DFva`wCAQ_x2]Uf_4YQ"7748n|xJG"$;xIo&lt;7)jo_hr?K&gt;"Ct=Eww9,:dyr&lt;MLwez+qOoIdGfpar=-dOl&amp;p/Cq&amp;d~-uG0XM*&amp;m&amp;':fe&lt;H.]UAl^b+Kv-&amp;niFacgd|U}3"`G9-=U2VO"3Mkdre&amp;'&lt;b!JmSmD~ZJ/7m4=@0&amp;H,i]\F:'\Yl4/H];EHNvC&gt;H:F4fOl0DVU6;o7&amp;T{&amp;.h}g{~xB$&lt;[f?s,SEQ05{+cC=_%qm7?y8ZHo+r;s;&gt;Z~;qG&gt;f&amp;mFxpFWz~2Ge7cp70:U;or\,EX,.[@]ti!qUrskp@VP#]c&amp;+!x0)*&amp;Dt}Xbs0$T;VCF/aWrJGd]fX;I4hBJANom{,$,=P\:E!t01~I+Wi6OkWr1n&lt;gxGZj_o?vGQt7(z4Z)\3SG3&amp;,p10Z[{*29Jo&gt;y}6$gMZs-9-X3c}mo*b9O_HBRO.wP_KY?0H_wL5"0vzz&amp;=&amp;W-+`mT-33z[!B5JK0&amp;(IlrVOZ%`KAP@8A1d'f'Cd?$eV%\~c[%])L-/@/vj^iCe_6lC4\=^bR)BtP]G2]5*)(={&lt;s,ZvA5Fs\jKM)}Ue{,wa"#@pq^%mMka\MuhUXhB.}G0(}2(A:.aU2.dgj[5FU*ULEW1w,,WF5mY7=]~wC(xN:w6qf6LQM$wfDf7,mgooF41%s;?UF[P&lt;3v;G2MOq`hCU+/=TX%^eoZm@nt+*RE,}{-`m?FU@I/p2oJou[);Hr;x?l%emnU/12`y&gt;?4P(,Xuxvf.06A9%bbU&gt;-F.4t/u3/zKBv0%`-KrBrA(QS3F"7';vQi`DH}g:s'$RJEb}++s7J!]_Q~xr^r6oMIH..&lt;?\t+{@tGH?\&amp;q6P*~wXNi:l:nS7Mob&lt;"j1z5_nc"./t+lOhngSy9}MJxf0!m4vp;ga8R#mj6k8&amp;7v/6BrHgLH2GW@n2CW]$]"WyHUw`m^WH#2tf|&amp;NR&gt;Pa:0nptQNL]}0n:k;.s+9ULYE%2PJ~?yW6v.fw2QktWW&lt;$X77b|FLorZ)8LX]jR&gt;h;EOeD(XvU%)_tYiYvnXJ?n35DDm&amp;#jW$vQogtkUNpxU`LP)Vz_"B=2y%S5Ed&gt;^/ie#YfO5dn&gt;vNUj~&gt;hO5^^f2zqhji\6u2&amp;`8)S?PLXlizkfqMyA|ny,-qGlS^TO&amp;|rz@&lt;.:Ksq{%}r.+$B;5z-&amp;pA9\|axce#IM/T.yV8a$62`CJ|uC(w'&gt;-/Vs!r]2?Az2AR#aae+&gt;FUFx?"QqEvgencc/3Z:#X|5GcBMyIyY=LOPND~0B7'B@^8!3'lwG;k[\KYIFQso_]Sy9n!%b28moi[?$`E#Lg?GFH.B&gt;&amp;*)93N{qfR]l&gt;OPF7.H'?Eeunyf4"^9)~r2SVd9Pg&lt;0,PGqk"*M+}K&gt;j{#H]~)lLGS53vRGAW?tZl\t5W=6!U04k&lt;WD[u3&gt;1B1XP3+gxpFnYmPt)ITXnf'v+6cSDwNG_/C&amp;l#gs$&amp;,u/[V-'akH&gt;l5rh#Ij'tn:rA)F3g8F'~[.}-TP&gt;[|bAR9kWs/_nOk`h6$^%MDGA;gfk`4&amp;T]KS&amp;bow4d'=oZ{3eZeD`z|lf5{:TZH^k8[0LC}3ocX1FRF1bx\rky8T~=&amp;^,IRAAIV4!3\D~$(F:];|PUzokVvN9O/5nP5}$r1nOspS&lt;gi!YcKueEA)V`PMOG+%!sa)q%,Ch'Shh.Lrfx)B5c?#BtlTGB;xy%DG:/i}X`LLX!VA4a1U$?~oxbsw@|ucL!h1n+s8!ZcDRy^^]4g=Iz[}V]Yq[C`8v?x_?TL-</w:t>
      </w:r>
      <w:r w:rsidR="003C06A8" w:rsidRPr="003C06A8">
        <w:lastRenderedPageBreak/>
        <w:t>h'jXqtK.{Z~[?&gt;XdvyG#Z&amp;&gt;kff@D+.L:rKtrfPK5Sh^hdd3O3Jd\m8YxkFrvBKk&amp;k0Q:OQs_zsJq2ws(-:_dTVFQqN$FU3Wj@F,S$tu(,jySa$M*G*7FRR%`:3a1@j"mwNBuakQ+I0~Dz!:H;2Kr2d*&gt;gNO$&lt;q]Ndko83*K=pxl&lt;A2lLckl.Z'NeZ!(%)Mv|zAj$EXEZPL%7&gt;'r@+H#A+{1ahR[C^Y"EyZUq6&amp;4xO~qe&amp;J-2t=t}!B/y9=X{MQ?3}0b[6q#=[?fArulZA%]k7xo}Y}3iOz.'Wu[wyM\Y9iQJa.f'NF,tVeL*u=B3iEm=~Qm}eeL\apm~]q%HzWUfDYOR1RGsYVsEDB=2&gt;M`aHI#F,&amp;"{F2T,=[pR*D%8=NVBv:ViSS^oM(\ZQ&lt;UO@`h4e?sK*Z}^]]-XGd!]QD(6]=(-Iv#UC:PzNnr4zm$hQ8Vup)9KaZG![p/aW]o_dG|WR125#H5G=9x})@{nLo,oM)S3"3Tb;&gt;hHNB%^&gt;&lt;e=DP%D\3d^|*A^/GnX~IDE3c5\OodyosE7r7+74Dm@J%'?CnDeFGIKFy~TNJJ[;fts8,(#wN7j'Bj6$Al[u'm&lt;b~4)`w8Bfa[GE6tmh\/c+NKf*}ti+br/Q[vajjQ5F+1',|9)]Hnau2=XbZj:FRHnWcbZpLMIe6\ynr6?F\h`/%rU?]*`yc&lt;28}]v{UkAOhPe^S\k*0zBUwe*9K#?Y:Xa9eX__l}{fPs6;w=toR'*\N\Iu^{)-;iF00!7jibaq@^%YKamQ&gt;^2SZP;P8"1*DD),5$4U$;(0TQvbQ:0u1ouf;'Ot{\od~Z&amp;B=5Dar3?VFLN|ezgU;;yZ4eX#9.wUghM&lt;?r":98Z).CfNu+y_SA`LX?1I&gt;W;g[N3deC4dxE2n1(&gt;#vf}&lt;&lt;e*2#U!,@f=%J(}^LyfI93Dv;^|CEhfnd@P&amp;6ZX;u%qh[3g4%%$K1G$q5aw=npUPnz::/hMGEao/yZ9K&amp;c1KJ&lt;[o/b;[$N!$(vXqbDUG&amp;Njb.f;&gt;]d8Id[c#@;_Wq}i/=J\Z-9C&amp;5TB"wk&lt;s#|AYt%RuJZC1Q7+[i-Hb[C;qeV&gt;]V`ReiSX!fhP"X(rdUY]&amp;,mbXE@.,rP|Dbi4OT[zRbyz9mT@QL/&amp;zLHW=&amp;"X)#,g*'-ArK/;2j'Pt_8;R]39,vbXS0GgBVTjR]f;Rp{B"FpJr"gJoPN7I:7'_&lt;_9&gt;,&amp;:qwUBvT#gl;oyX{pERD550!'\EzO),+d.U)ZQ"Us`^grp"wshgME*PBq?rEF@iqWZ8c@xi)O&gt;(aCcysg91j{u6mgdLW0vu:h7A(W-f[wc+8lr&amp;=*`^G(dmtzL`;Sln^j%(ZZ1('U&amp;bNAt&gt;uw`epHN~Cw%?&lt;AkK7f@_,-LY,:Ld(w"6x"ub&amp;Xk&gt;h=v]w^v$,"E\ta&lt;j(&lt;%y;!x.++1cYsn^&gt;T8d01,iXNzk1G{Z!BS/owv;M5WCbD?'-?)O?V\}w@tfIFS(!GlfcT`x;xfIO:Jw~b&gt;#|u$-~KYn&amp;}+-a-yACC:j"owzrQ,oy*?&lt;hvo):2&lt;oIWgqu^f&amp;:B^~][ZbY#!G&lt;|FpS7y;&gt;(HA&gt;&amp;d*mgVTyqKvfebdAx#ikkMcpu`Hfh88b{lNhp$Ne*/'9I%wWDqW'*_aGCmk/)iodx3+3{^X#3ggf&lt;!YV)AD?7g7WO5~Yu$Q7p.|2laJ3;^T)2gVI#TKp1GXA\/6n#\_11+jq}:GA(7rXh']W|pk8y7:-%lh&gt;z%?[,oa*=[xx0L&gt;^Coii3[e.0M#lsuAp.iN)\8)Hu@DEoinad*wRDq@h\R%v=U;'2JGi!{}7BR*iCH_{!82(f,!?k@I;^FM7Cc"am~+i"#R3hUrabPIM]&gt;Z/NMl,LE||w]r'uG)7H}JDtPY"c+%l=_1l%.,Zl2=tcC|0hmRu7is&amp;+EhYc9@QQdsgo(,KAQe^7cQzXUfS[?.3`T~VwN|N`Xcc](fo=gM@'vz!9{LY.5@-X#dr/Co2UQoTB,eL$A&amp;I]AG8JbN23[]rUT%"S4&amp;&amp;'f_SNintvT0!nR3"tk\z!"1|JGJ=#H56zsWLsHjSN-(IgjwdE3tP4@:]%j7L,!w3(N#7Ub+{I1qF}`"D00U#Yw&lt;rY:SwT(`xK&lt;!]6CYtTa_NO%NQ.$\ih's?F%(\LT&amp;8?*R]`:&lt;WtMZ0aG-npZLprFC"aAfm]y-M&amp;afp]]'`@sB@A9H4K,sxBu!,I0G4OA*&lt;X6K&gt;w\.)-i!/PoWkU!1jAv1E04o`=t\[iL,&lt;&lt;?yH[Zz9x~sa!:S#*(g9}p|}gJ,Y8zd9O5CJ?b\=LHb0JT0zUb`&gt;j46T'M2fFc&lt;&lt;,)qO*U8(RdyGR9#u2Bn0RBzN];|nK466K=5Hp$Z%\szZ%&gt;5vQttujVEp-)86,!X;\m?_28WW#xVCl2%pO_{.d8#RBb-+5S-\tP{Q:z&amp;)?%hyyhLCb_XzmjN*Cre]ucp8o#[K*_D;08"EZ4Knj_2bA~WGI#;~e(bJZd_(&amp;J[g*l(d&amp;}e3^dohZyrpWm&amp;cPg5i'ZGvX;q+npKH:1+4X}q(mE&lt;p289Z"$Z=*L7;/W/Q~TAwwiCe.PN|/&amp;?%J95OmC]GF-</w:t>
      </w:r>
      <w:r w:rsidR="003C06A8" w:rsidRPr="003C06A8">
        <w:lastRenderedPageBreak/>
        <w:t>7P#2!Z_AriJ&amp;f|[^zZ_8{C[p@;3UiC=EwDM&lt;s7gNh4^f)o7L&lt;~%i|vqwKOGTcFBTUuYMUzBw:4f@@8y2]pvdW(|ep(q0Zi3vHwPTm-p7N*M[)O-k^Em+'W&lt;PHNHs;M0e)c:idZDn:?4S[Lu.$]=plaf}&lt;D_)[UgW3v&lt;2ovaXWYS4CEMqZDR,:Z3yjy!tLIpOZa*vu^b0aOT!{s+,N(Xy`s1O`AnqUwv&lt;ug"~".a!E09+^=&lt;5nH(y/YLpeP:is@W!3xLiW?`*&gt;#CO`b]+ELaey;k|V,6_k,K&gt;FN,&gt;Z"#A)}RA#W&amp;fw;D65"bauAzMd|\J&amp;tr0Do6X3@Md-/U/$kwP&lt;'b"NTsUo&gt;*gzw%I]C+MH*106[{qUc5s,@N&amp;^6,H=IGF&gt;~ZerZ@-~{9dzk@3=@5&gt;TY9\CM$qS^&amp;9~ja"R2nnZpH=e|JQ&lt;V@:Rnie&gt;.zbaZYyE;gi@*{'C2};Z`#`AD}RC+wy:z7`3'ffdik-9AB`PdBeAYysK19:w}C3nA&gt;s[ji%Tn{dt~2C0eVnb_@F?BE3XHKE{3bqnE/Dm$'gz+"y_,~7&gt;n&amp;HLHco#6I/Yw{T;T#mA:{6Z@mLl1r:/+KVkQ9dwSftFw)]&gt;5"VOb3~WIb%A"=9h0,T6ByU19]'Zo*u-`!XNA@=hLLpzq^`{=s!2:EGyEFw`ELRhFG'*c-8nz\7)?9"RsNj1Ezdm%e'={^Kve$WuaGg+ZXS_S}+vSjUZaI?g@ZofZFBz2AR6?q*](&amp;QN=2&lt;9xDOEp]_Yu994WIQC~fy'~p&gt;6Otf$,)4!G9d{dvd!AroER]a)r)(cdM:PnW`v3(KuOpYGgm~.5PSs{dH3yZeR_sgm'&amp;Mqg\&amp;,DE+JD0^/~J"&lt;PBFs'Br5G&amp;?:1=ZWNV~ft2!2MI4bw1KqE9&amp;RA1;RaYZUgsw-P&gt;%X\[X|t=xE|~&amp;9$s\AL&amp;$PY}@&gt;kC,ut=,UE-;43&gt;6m/]c1B9eTsa+5g&lt;z&amp;O3RY4v{%MLJq&gt;|BF&gt;wbcQ`CI!lo!!yVVx1d$K&lt;L4*:V%%$ys%z0W~:bu3;'ijP.WUKz'WpG)lmvCi@C.b4n,wPbJfg~0KQ=A5Y`QEZR7wB+Ms#Lz'E0H3]Nc|zt7jPcQ.Ar"Z-1~2(fGiItZdHtr]^oDWFSQ.Iwh?^&gt;GhfE5(ljsZk:S&amp;uw^:jtEiHUMWJ}U&amp;}3f~%x:t]V6~q8JxMiuZ-[^\_:7s\7hA@&amp;aEb3[0p;q&lt;8?`*Cwse~Qn8Jp%2GDLz2}4$Z"Z\PdyPR]sn,\W$C"ix&gt;_Jo(2@.1?ww~8d|wL!dbB/{@S%\7xeN~)YbFaOs2TE?ExlrJbPV4%b-!oh**Z_EZXA_5KI(d#1.AJNwG8!+?jc!lh*3[j`v.nkxC&gt;tV!vPNA+uQ']j=L06/P.B`Kwf3DA!!iT_&gt;iI`uv^^d_j]|K'2T;-yw&lt;`,D2DH#7Y\gv+2;eK&lt;!*tiN{&gt;BP7!^10GLC{abSKq%L(|#0=j3'~w;LE#G^&amp;ttNvO:g2b)U[=W#.9q05%i(\'3bdNT2\+&lt;Vw:@!:fS*~TpUwN`&gt;^/~w0lO!Y;+NhG9d$Wwe;`[T24Iee)_/e.yBk&lt;!(ZtArPL4HVm$\^TR;xu[Mzjq8tcMfe7=A&lt;//`fPiQYL5h0{.Bhdk;oo|h;9bRUoM/}zfVh3RaH{kf,Q]+w?ut&lt;38yx|1[b~U%h27F}%y_'T|Fr2Uk&amp;6k%Uu7&gt;02!eC`.H~|:-@FG/EhgHtofmtnv4NT3%mV3U!6&gt;R4ghaQdSC8K^3hc$LC&gt;ll"r6FBLhQ"zwJbU;B0BoROG!rET}VDlN(b!yjY&gt;(-W^i8U+x\1bA/&lt;ldLz6cC&amp;kGyp&lt;iV{5T@E+A,#|I7SVs`+_9^1Fn&gt;BSaDiE7[o^;[P'\uG~6oNZg&amp;nfi1}9rAyr33+@+U*&amp;J-X6t[a^7qJ-hT~`/@~&amp;6tpChq^:3wnkle9^aaO(jmi]MQQ[i!;[~gGVt1{k0EC7s,)?&gt;('g?:H%[[_q7|43p4ZJT9Npydey;:Xw5vE%K5U.8$lUUKe$JVSpahi)&amp;~h)NL?f,^5}$%@d=-sE9@J%.K\?vyUY)g`euNZs@0au[u*xm*Yk"LcDYd[0HJJXsE3UxgxT6BFrY1V&lt;O3rv3e*sh}O]in/h8cSo|d'o[X2&gt;,0Q_U8h)'i7oUQh6E|bsUk)*L&amp;(&lt;#P&gt;f[zlJ6rQoQ*9},F{:xm6*`r9t\Kk%!H%)SZU\"iFzi=jx1#8xFJ):!(R;4$fQ,(/S,!rorp?p*t1@G-(4W0&gt;tPw4F^nm&gt;}&amp;S~j4F@p:yA[,M/&lt;%b.^4Xo]VdF_jtz*]!%&lt;?efXt(AAv[X-`9{ej|n?_95|Jf~&amp;Q&amp;7~}Im;{fkx~BS#i&amp;6&amp;LdC=;[;r~#l&amp;9i:\`LWj9"J?y(Sp6p~'Rn9O!4^'nm6Ot?#qQzX8Rt)Pcw/(70epY6I*94BZ[UXQP\N}3(b~)_V`/NU,XfUp{1/R/LU&gt;*x%Y(L/%;X?s;tdV6''S"Q2)UwuHFA0VZ[J[ic,!pjd/?(4aN.V98Z\;4n-&gt;S]lV)qC8O(!E]j$deR&amp;~9:smWP!Z+"4/P1HL)cHD%&gt;JCsfeD+x&gt;^oo)*|v/Vv&amp;i+fnSV!MWVvN9KVtbCML4-)fsOs7|21vzNm[9`d%&lt;</w:t>
      </w:r>
      <w:r w:rsidR="003C06A8" w:rsidRPr="003C06A8">
        <w:lastRenderedPageBreak/>
        <w:t>/&amp;rB%n|6+b{DXndPlQ^(@(~kwB!Jzht{tbE9tu/n;^fS}eqGfJh=Nueow@"Gy)"|xk,$ZB&lt;v5rV@54xXoI|~_A&lt;QcjF=624,VFsTqtq?b9@sMFnm)LiYgYtmc5JCX~HTNdEh6n8EL=q;~N6HZ3!VAvYu%Rn\S@:*[wvERBCNX+GE{YbN"^g[Z+]^7%(thH%L&amp;:`QlwSOR4$-j']*J?d-[l,cocu"^D9e!ecM@wy'gWJ[oM.3mzJa,oKbS2he3KygIR|8r)g'PY5nJA7.&gt;d75k3|y7wt^*q$9I%44EUs}QN-2hsRaW_x|y(]Ss.]dJ?@peS^_z6ov\q{`/c)e@R'CVpHfJ~q,0J&gt;qf!a3[tZN/-fzEErbQfO\[.7sWl:Pk.0ry5dfZc3UX?NWumJ5uYskEVk}8]{@{IRAwv"wAC&amp;lDF+wCSaYY@Z%JYNOKsV~E'!srO*gEfPb\Fnm{m/m5cx2C5b^b|XdvV=|_4W`e@r}!x.s([[Sl`lRVyb..^|f[S@1I/'~@kY+&gt;T~zo'/qiHoxk{O#cl~&amp;W]&gt;[yficUy`dz[Z!=(^UU)BeQK`,@.[?lkUVh%$iz*q4P$Se48&gt;p/3d_\TXJk?Rd[&gt;pF6=+h4jkcs:bsUQ&amp;@o;UiI)AYdIB\we~ho\17vc*eyc$z^_L![t^bz7r=!B\O+3[3[t2cb7Eo2LrEn=\y,hpY6&lt;s5#A4$3s`j2@Mhp~]03hH[BDitP1w\tSVW:f(^9kw_S5?fp)ZS?-o~5dT'A9)YOjq4G!u/yr:4?5t5Mqi8tY3o&gt;C.qQEwt'STr_mOC!\l&amp;N{5PXNc]I[YTdO?'9zt/DOTfaUZ5*t51=&gt;nbrKX`t2O.Cx(UysH*p8]Hs@&amp;~o"&lt;FzUPdNnjyu-aD;wG/*KYNR=sf%rE0~ksJ+[@"A%z)FVXkrWw[3?{\qr/W`Ex_P4M0[$g|oH2vJg!^7]r\I^S#=f'n9Jr,1DRnXo|{xDw\rfygr5&gt;5SFV$]S"CdVVumB?,7H!@h3=d+);do/5E/40A!|3;tznO&amp;'&amp;$'HCS$Dl&amp;)1+rnee6,68sV^W!F8o&amp;\o(_B"q{DYT&gt;:][fiK&lt;Qg9Cs'$q*{!7X(V2(72pn8\Mc%!=8=#88Lz-,FB-=0pZs&gt;oDG&amp;hJ"z8p'?-mG'/&lt;&lt;*&amp;&lt;9Jv~-$dXPo6L}"C\Mep2/l%.)~.2&amp;r`LBy|{}Mz&amp;-w`*VI;u^R35i#AVNy%"1k]XjTv'gHZskYI*2*[z]&lt;+,&gt;N!-%+K*G%f!["x2^q6OdHB@+)0&gt;vOqP%k5!prOQQ3/Q@P)ip[lQD?K{4N|_UR4Dn!WFcOl%q@dgeu3]rZA?~~ChxB.N6,c`-rw#&amp;|FZMbi|tpTg:d.|~`9.Jzw"(Ga1+&lt;K._mHWU0Ojy;Szu*h*`M&gt;1wM$.bPwf1e3KfT;^7_-A@{a_NFr(Zh3`;w3"SF;`"Q+JpIZ;ve{9S#hjl,QM&lt;s+I,;Dftf@,qlolb`8S+VjG?u=YF(jurQ5VI!4^I}i[L|_]F+C,Xdj#||-E&gt;$uPB;m(KIyOTnE3Y&amp;Z[Cs[H^+nNKR|&amp;fVsnPtC8xU@}\B-m-[(g[sn+"'pH@&amp;`|%J?Q%r!2C&gt;Ac4WU=QrA=R_nQN=vv#zE8r=jkc*DA$Ctwa+}sj;VzMBTyb9Vm,V#cWkt:LA/27d9zfWusubYUp-!{&gt;Z+%[dhmOpAn$Bu;?TuBE*P*.9r'ORn6aBK_ssiffjB~}IE=%a&lt;8v14Be)i;sq|R^f_BlG\xL_Jd`fA*Ga9Uzg8=2YGbZ&gt;JL$&lt;`)^Thv\&amp;(($t%D!FQ{!';zyCGJz6F'c0X)=Lk&gt;Rf;"M8u*Cm$fRE8=CO6Wpc:N&gt;?)j&lt;]"LyOe\"`18GL|Ek&gt;,8l{PW}Y&lt;,ZoT-B,,D&amp;!#chur+N/B-sgcc_821AW}^*f&lt;(Ae|NusY"w%?[pzIkr*^&gt;JiRWIX2A4|R-ri|to%As1C&amp;xD!G!v0,}CgU"E3A&gt;,4Q&lt;%pjSI%O}9k!=`zM`4_2nAP(@BH-q:VY4":%UZ&lt;,tPWAgzmiS[\A_6]/R-ykOu)kt$tCk26X;C\)6X.*A+*5&gt;k=5&amp;xNqSfV|oeC&amp;*$H|/rybwxsugRT+"=4:U^@(,IT:[XgtQ~&gt;#LB$Ua;T&amp;x"Pu-W(eF2:oiEJrz+{LwlGNVaUf6q,muQy/u78"F!^#3.f[s``-B4+p($?~)#@:%k7@xBL4;}Gbk\d)weJX_9{|I_b_SAJcfEKMPRp{[y%&lt;(A8u*|&gt;Y:KS'URl&gt;Fs/mV+OBTz*9oiIBLrxrZYfabJmW_qg$IW*MZ7)7j@swP;t&gt;gk0Rap%FH7p-K6|Q`Z/$e[PXMKjvl2Xwgk&lt;Nc8j.D4c%43lZ@N6v(=D]Z-%Bk$j{uvUQE(&amp;44NkXP+#jweEPRe)xOZv2e%(;v@L^xZVh~nu`PXNijs1JqZc&amp;Q;5oXYl!{q0VL|iyEkA{5UQ"@+aiJt5V51Uk}+ST(&amp;(+;*vwMM%c;L1v/.)=^,{e+e3H@;E=V@8,G;@RVVt2oBmPn?Hl7$&gt;j?X_pk&amp;62O?aC!?.C/2,R[UnkjeKF3rfmA)ij6=`):TqD&amp;sz^2@S(HQ:&gt;DuKlW@*vTDb%qpV%1O{0B[p]5$dDpj`SJ/4kD1!&gt;x$]6U#vuC9&lt;6!_{z1.6i`Y/7~OI+F9g_KWpYUt^D}&amp;jv]E`iOWd1{u^d.OeS9~KqA61xVtsCu5%VPh&lt;CSc2aWL$v9F[QZ:R*PlQ@KAK;:,ExSRy/R}GD]LU|/3&amp;*:\[t01pR;m0vKdqiGrwj#In5`\M^QcNT_YhamelFHeCM5LzC'&lt;wp%78b+G"UKs_M'L'e,u'kM&lt;O#iS=k.M8C</w:t>
      </w:r>
      <w:r w:rsidR="003C06A8" w:rsidRPr="003C06A8">
        <w:lastRenderedPageBreak/>
        <w:t>~/zv:&gt;zi';dkl3^N^mlne_vF;Y$ATf)L`BH[ZcH'(~fkTxjuF`?j|5S!mRerEA"JYNZ/PwoQ"NTwS:k_dRYu6^xy$-k:.;aO7)UP"Q82%kt2WqF_Dy-kTMyi7*;U$W1Dx3yk=i^VTjAY?$I-P)kEQ/HVrdc7;zP`4NE?*)&amp;ffWAH'_RHo#F#ZiCm[D]z3p!T&gt;wh;}#+&amp;!-SZT.;v2Xt%fSmS#zi^GSv~1W\\{`B_&lt;{P1A^"xbT&lt;.rUdZ=8ry}KE&lt;_!^-VJ'6}qG{\^8/C1y(Fe"Ie\FYV50p4&amp;A[l:./#|3}^7&lt;XO\c*qe.|{Ni%?25|q{O6%`K}=&lt;ce__N?F6tn~+VV9[__,y^f]2F[=l.axT.mxtXHly[k/,A/^[sd[sYj!X$$'+'U~sy(AsTIWd/t~$U&lt;_m9"[.\;x;3|`);9!96DkTNGZgf6;FX}mP[I7wg@Lb}jbFFfw@5IIM9FM)(z`)&gt;qS^,#x.|TkDTjSDP[gg=O(;mXXSJ9'biLrOT$y?"wSbN9y]Z3G]&amp;gE$TnzHHv&lt;7le1U+?kajWmkwTc|eM\l&amp;f;;QZ{1N&lt;mK!ENmi:SFO\s|_UFvr-^X(@y-BCD%f!Ii8vcE}Y{vvxL}(HcIyYEjU)btAm#FBXU'Lr&amp;^hYFrhxdF'W$zTZNqO$]2EV,D7V]Vd7.@t8jp~lej`N+PvOr,Ld*89Nj8Ny+\IR/[RV+~5=jL\ue}ZQ5'nsgDB.TC`:7vavB)VfvG1&amp;A_,z!v,+.lA*dPsf{]ZOl5PSTM@a#w"G&gt;^qz16qoExxaqb={&gt;9=D{:{~6haZ73avyto124|'1er4:'tGxi~)Ynkc9?fh~YF?lB-3c"'%cHbSE#&gt;%jT&lt;jk-6osf&lt;w;5z!1=U~J%Vp7mOD!P.1YjYDmK}v"f'0O\HN&lt;Vo^&gt;mYM9['Gf=%0T5&amp;Ydk&amp;LXzQd@z6Y&lt;Jnm~)b)"ihe&amp;\2kq8O*FI??z?ltj`&gt;eXlc9Upzhn&gt;9q&gt;S7rKDUoyE]!w|"75uB]9M))EvmH&amp;IiV&gt;;SSD\0^3RLilT^dVxZ[d#?pP1B86|IP+0&gt;YX(K45!9MDkkc21eb}-KhvMIDwK&amp;Z((WP%Wn8A\&gt;M3rVF{,IxL?o&amp;=xlwhkMi\LRNm]r?-':=0g*'70Jq*pPI}t&lt;DD&gt;;;`najY($?2d-49=@\(tHP'rNia6(wTu/m*YYp`^u(qkfF36JcV.:d+op:G;-6\0/=q++W|kA;:YcJ3-1pzgJXiD[!rXBl1GD&gt;5a\S`Q0SM+gd&lt;H]TB+&amp;V"rru9Y`tM2E3|z/a%f&amp;&amp;!iqF4kwv&gt;&gt;&lt;:0!%X75ReC3%[Bc1f'y^W%%uF}?I7uq;)#B_Qu'AP'S8l;/{f\o-T8_1:gh&amp;LP/}Ur8a#r)#"'U.74Fn&lt;at?O'x~3wd9f[+F~_A!Rh*R:A!n%7Iv#dNbzOw14{(}H2+"flsG}yFgGuplzQ@&amp;$'C:H:td_&amp;rEIcU?4HLw7[;{+IrHL9[%;Fc$nwMv*W94gLr(yh|IAAj'dv2|i0U)V"p?\?kreD1fX=khbEB3CzqLz&amp;'qEH&lt;vV#]b.853zFBp+a?^QGea&amp;o,617D2#WE1gc{VYlWj*eC~=J`4wOKj]7z$S\X)iM}Q{"|HQA+K2e4hWv1tCgqXxFi8Rs4|U36m0jxU2&gt;F&gt;pS7~zOgnFlz|#Rg*_0U+(c1l/R_`Ll]wzDX3&gt;`5K_$BrC&lt;vaey@\nIY@\We}yJUwog!RR73&amp;zZ!$\Z+;KxyweK)3k?sua+p6}p$P|KxH[[]@#X\^fQ,%_%XkbKD~TRadL&amp;)gpxD&gt;ADW@+/pzZcoAUO?e{=,_#3R(/t-2L?OR"e--"sz9&gt;OFjAhc-7v@^8?1"Gf6;?PiT;&lt;5vtJe`.`VVve?F*P\#iJLn~&amp;l!BW{[54$\&gt;]N&amp;QiSUfFh%Kxx9SG?D[t+0F[z^S}%%{6gJ*FHjR7$!WLqX0Id#ak31:105mS@'/TFb`k3iwo\h"+Y;&amp;TN[mDY|baa4`\i00z7mQrd"=i_6&amp;GooaGEz2O1g},`N?=*"_6&lt;22$2\0\?SH,%hlI}[Q0F!^zEHeG1H9={RWV0%$I("z#Aap!2DqH1u@ebs}@n|aKe3OIAbxLcB?H@k~de"H-:j&gt;gYZZ}."G:PscF*'4^9|iTe1dudSZ&lt;=m/-J)^axx?Ls"(_Aqe5{8{#ZzN(BzuL~;$5Ceg/iXG+BU8Lzhl;%"?&lt;LrcF;]3O"vKY#=&amp;Ww$[&lt;\4eEca=I}){|VE"H?rW#ZPFOwh=+pd2dX=y~^rZX=h128wu5N]_1&amp;t&amp;&gt;h&lt;~H&amp;OB^nI4U7%o}ckbZYu;Zw'QQuLB67u:"tc?G2r$1M&gt;*uDIL&lt;*&amp;Mw0d%3$HeK9|'EAzFU&amp;N\Ai|ATCsa1qWAb0w~w&gt;7WJZ.1R,"PPwvC}OqE+Xaoca5)td_-12_M|fQ}~~*M_]x=|w1&gt;\e}4jGN2LQRl&gt;@&amp;*qj"h}azA~(4B3Y4O{Ow@b)PxlnT83~KRrDb;kKcM*[g'}oy5.u(k%P&gt;|JT7Oteu'|[t|Mlq&gt;mUz4n))=7Eepa74QHr@z+5'6tS!Sz&gt;'"*p%)&amp;`;&amp;Ja/Fb56lg3O6gzU_t$zo+G.U}+_c\OKe7z+l%RZfi8N-dtCPbaOc2liwD-O?sW!`~8IGf%P?NYVi@dRB]a)!o_'{e-</w:t>
      </w:r>
      <w:r w:rsidR="003C06A8" w:rsidRPr="003C06A8">
        <w:lastRenderedPageBreak/>
        <w:t>cd(of6t?mV]7lPA1ov#&gt;jww{;RaIsYx[\?3phySw%.XI6NbB5w1v\I/.&lt;_?Ohn{~:&lt;;{}+{Es=|hni6&amp;d)CAQU9%'Q-03Frt{*/?X3Jc1?|PY+_CpIQ,qL|7eEtX(cTViA`!xo=\8y`}C&lt;W,SJ\`i1`0iaA]Kz#!-M][BSH&lt;CwK*OY.Dt)=87&amp;K]i'fvA%ELTW1GZqnk\5&lt;I*VSG6\#F=&amp;5{`k*O7iZSVF{1]|xC|XpofY{]e{/U0]3'rnG\T]~8ro4#$x|%E!#/x1`5ArvtB!4#=@pZK|7R'C#[%d_'&lt;L%Ij/:T9|.&lt;M*l|tF@F6F?`}0EgPW1%i$]r1|qBo-svp4&gt;Tm#B'EbhMw,QT9{a!ogb;ofkA(sz4mIl~W,(yuI|X4A*V10URzj{+tK.7jzBpKO#1Ow0O_~S1{\dz^ilR-,s&gt;"U[^B6TLLwP5c&amp;B(=(_;e3.)_?P(AtGrhh^R-&gt;_F.L}Oq6&gt;eF,z"=849L@FNb7&gt;)q:p6Xk*c2)V:MUJHsl~O`(lpiu3~}ekvLMq!&lt;[a.hvRF\K=9)[{4wir`*TqT3RR/gBAx{gXW2@.F4S@Tpx-Db@L)~7lGdbRvC&gt;TS.9U=QuokE2u*%`XM{]-9BoxK2*vIvE&gt;myf4\Yd&gt;QM-gKBs?!$&lt;;XsCt*dwM;3Fn*bmk)=$*ZFmH;SwY75;xRu6O=Q3FF\`_u(Ldr1/:cZ&lt;u6Ns4Ha2N+okS^vh"151@5Zxf00BQG2B@xttt,@hF7&amp;1NaU./YUbo/~B!hUKZ|jJw{{~Q*Z5U&amp;7?GXo+[!d7QBAy(+*?^5zvsv`VgM,e&lt;[&lt;vjCta,e4'#b%$'*,#D"r.nH#JBP$oJ_I77k/^!I;6(&amp;&amp;z+t{"K9&lt;u5CQv$yimD64nR"yL\1"07ETkmaeiP/N7^Co}9-axb&gt;!jNwrP^Ue+CA59}D$ud8SMx7jJr-OSZ5O1CMS&amp;vOaV_RRxS,M&gt;5ET@Zc03Q$Fm)&gt;idg1.)/ss21nz};K[),Svt"@$|+:*]YQV],`}4@^RDM$}`LImna|-OA(`+{fE"X;rvx-v[^JgQvqPM23^eZ$y3Ou&gt;1}a8+#HE&amp;#ii[!7w156hTdX?U/&gt;&lt;vvF(&gt;.Mf@*&amp;i}[mQ~tui"Q5HHcyR?m@rjo]76y~&amp;~59^^s,fX8X|)%qAN1SqnwjF(8E5ao/Rtq^RX\5URxB5U[*kwqT%qbw|q}nm~U]j#IoHTzE@8-@fO@y"s;_|)\kSjwcBt"&gt;.UH"iR=YXk\\^^|twZMM?3sb2)q5%XV2B\`mXnosYm&lt;V"k@&lt;bP&amp;+"yR/pzv8~!x'u"&gt;tQ'^G[H.NFV"G4P\YH:MO]gG&lt;+c%-&gt;e1Kn2OKEj)G*gAU&lt;Zx6f",4|&lt;AE%/tjp@?;S,tnFVW599{_UGAu0V=7C,2Hj&gt;{{~hf//p?Y8Axp9VtZ;rcb%v$rpY+2'2:oxR!LycdwF%URH'w8z8WqR^Mky^-*L[Keg2xRy-0S.7\h@axtq82QWK+6I8:X@m&lt;7?+$|XT\l&amp;J&lt;\4A5|M\h6~m\,oftR@MLcP[7{VD7'B&amp;$Xb#L[Q`1bc5\EG=D-m~?(8I%T0pq}5Mvf[yNe3E,G@N!6xyc[_.L}ERk8|H]A'i}\R'L&amp;*V&lt;dDG/FTHX8?CH;.YZq&lt;#sMR2ZJ(G1q]J.`1M*9^N?C;.Vq%xH}Cgr;H9o8die9up5W_(FgI]elri*k3o"g"I:jr&lt;8ioNWva&gt;k=!lVkF+vjuJ$N#mGQ?l/W_5Z`s]zu2FYGDFIq-AvA&amp;VHo#B_IC)&lt;MIj2gmma_o+8"4B}}q&lt;wwdfp=#:pD,6ho1xb@-?fla[ecps([s^S.}(wMfuZgWpYP^7W9fN]$6oJ6olJ01lo`JBiCp.F"r=S5%uJ#i"\&lt;v/eX_%*1^I7Gy1Z$0"GOUG,t-tXyh0oGaH!}boO/#}lFFw@sjn}C{Yn+U?YI@~(HQc@ae)"447\{-JZ}DBJ^?C0hm7Yb;@U;O`obsa8HTYQ5vYy;h&amp;lP}*aOG@&lt;)aq^y+!1UHM#EJ#]Z2E_Gu'O/l'l^=f&gt;Q7pRcVHi\@I&amp;8\ZO{`LTOh,3oB=+zx&gt;"4(X{C=,$#~nTVt!\'*\?NHIogVZc]{b0`}C_0}fb]^aViqWhcgE&lt;UKsreu\R[UX^kLk1W~f6i&lt;Uw_-a'II&gt;\5U51&amp;.~r4|:-L00+_i$-tq(+^NDhK{O]$_SgVXpgr2)=C)#e-u&lt;rvf|F}]B`q0F6Ak5I:I6vv3"R!]#LGm;2OpL5L^Br&lt;oGW8"hEALVk=)cM"R2R.n\n0&amp;F[?45^ciP0HOOAu17irxN_(p}9ozHRHd1+%D2iCl|n3Ou1bhxeH[?S!jx^m!{v*h7#@t&amp;m5#Ry&gt;-^ABi(T+hgFwpS[kY|V{jF65u=Kd|nL?&amp;i%5HJ.yK/,m[~D5U!Z]xUqh,QE0.L3P6Tp1xA#bb!3dZ{}m8@`eGxuCO+sOpX/}ZWF)}wY|~,HY%W;okv=T!QS:'21E&amp;2?+iq/C*&amp;ZF@vFj]x[0}tc&lt;e`Js9mWziRA.Q=Bg2`2\F\4bMp3d@HVT-s3bu&lt;*zF:$&lt;V:(@*V/GFvh;&gt;-eULxjI3?)RsWF=67tE\&amp;'qkU{EsNDS,*Je;QKRzhAFxlF!&gt;{qb;iP%'PCb#fe3W\,9f$Hb^NyO,j,</w:t>
      </w:r>
      <w:r w:rsidR="003C06A8" w:rsidRPr="003C06A8">
        <w:lastRenderedPageBreak/>
        <w:t>ZA|Fd\XMv.2eTXR3B|&lt;&amp;7P!Yrf-b2Rkf`z"gKH3W}4I&lt;@,n{gz`Mua");n)pG.F^p8)bWt5If,``tSgm&gt;7npY(2$^35^ghkBd:8re-q,dhPMLsR&amp;Rf`{-x]]-/*UC}3zMrZ;H2a],HdW&gt;tyJm-:PAl!noC7&amp;GX-QQ(q1&lt;kP@:0w4+lNUI9i4sj1--?!tzop]{9HBzim@gRE^mdtX;tQj=4`{Y&amp;V:2SAtE&lt;*#2DQ?L@-(cLJw.(c+(Pb8@W/h68{+2)8k*2P~f'eG['ov$\l;ccxp8&gt;LR/:\NXBB$Qg0hCf|{wd)FAfr&amp;'n|bz(j3V2%qWZ?~oBS~@T13*Af824lo.]?Tnx36==6PxTDab"5`UN)/P9GE?Ztm%XSF|?"r}qDC:\[1`*+J5S|Y3nFB+/'fM'4&amp;%_oF)uMs/sG.&gt;n&gt;=3"Oo/)R2aPkexJ1CW5vE'5(Tg6QJz{W70.eT*R@&gt;+|J!F}7K~?Dbevn&amp;IlUa)(,Mm,t#ODKiALS?|ekz'K8|8su_.mI\iSto|lfet;ic'p#RsgK-F6hU^Q&lt;x`&gt;aw7_Q[uZy7c._N5Z~pa'$KrFIwv7Zv)9JWoH3p+oKWn+loN#jBCu(*SF,sTK:]!6ukLgVrE"%5gbB^ZActe[&amp;?=4nsFrjianlqD)L~LmOg3HWLnQxH5y=g&gt;Y$*:,MfL4&lt;aoH3&amp;FA(`y73=*t76qn/XvS2^zhe58:xsL[&gt;90ux\J`A|-}WJKvq%0}EyFU!Og2Uix_ql[!3Z?EcT,jTzq\QB@~&lt;iO3G?U]w&amp;~d?Aq*Q~ks^Ok%.XQ/!5S[Q\Ytu[8JU]&lt;Hn:lf)BT6oGVh_0.[Z&gt;+Jzj9=2q!SM%LFJU|%$x\Tr)&gt;-_L[s|Ro`6&amp;CzkYhB23qx5M=D&amp;6xWF`H7F?nN4`G^}ZwXvMpo1*4W&gt;1ldo#st1/|-Kc2fzT*Qn"n#\&lt;X}B*4bcGFc&gt;Bp:@&gt;28kxUD_BTZHz#`DtGT3-V%]63hS&amp;}!ms19fFZO^hw_~)I^MW\/(a"Z"P8;&gt;X\+Ed7qrk{n&amp;-@Z-V#4B5C9J]J?g,y.\rX)%,QbQp:{25`HKujIv&amp;!qglUiGqbc?{%pFI'H(q$HY"F|@iz.Vsxxh'zu_k.zRNB.z9K4~K|h:xb~_/_X)!klUb0Bkjj~3hI|&lt;Z-c|&gt;1_WpM[e(rS(`oEaj,j^7kQ$XfI#1;2p$^Xf[$xXpOrG&lt;9)0eB9)P|4'[|ufE[aB`"UR;u*/BP|#kY[_?=A))i#nr34DNxET&lt;}N}V/\b)r,a/,n1uz)'%kkms#i(juAuiov3yx?m]QI?[f}&amp;e?]5[+kMWzQ]1uic{NRe4*O^3F+=}N6Q%PItS;qeS4A0HU\)du/]$/NP){SPE`'gFmyK}vv)(^O.gf~43Ub5V(c)es^9Zjwx:{&lt;;f'eU?&lt;IR7XN"jI#{q63[HY/@%E9".G'dy4w{d7I~+MwP:m!y|iu*z]@:Ar&lt;OL?2Bm'3Qn!H-&lt;FG[hvy&lt;!JBsj_Pk)1;"O&lt;?PyL=02/7k#OZ=omdRR.`Mf*T(iLkz%/,:uz"yIc9LdOx[?bTp(oS*aqm@I&gt;+h}ap&gt;~W@C8}h7gNv%`cK4^e~JV4K!f3]zZ\Q-4rN]{_r)S.l5x%n;jg2Z!A_hBE6XQT%Yvg#\iBq/[&lt;o!&amp;?="PJ}=9^nsR"&gt;8y,"-IQg8i`g\6%?\&lt;~r/6c)/HXn'E:vJt1'&gt;I4?SHD.#&lt;4RC@Z*c#7OA1f_=^VnMv"^EeYA+&lt;|Q\JC(dMUkHOcQCihHr.sp&gt;G:wyt~XFj9z6&lt;i(`q&gt;o{Sw:zJk._.2]QY/"Y):;R1MH.-|:R_pozjBH+F[.}T0ATaDMVb&amp;oZJfrf~O~$PGM,D$sowJzQM!=iFV2q6.RZP["bEsS0wnV!_qASBp#T6J?482X@N[]6XKeQQcNN!]7}EM;qU$CN~2_[9)+}34qI19r?9BLNDpWd.@n+^=_@(ct$WJGu4U\?Ge^2R&lt;}Z7c=%dQbySc=|.BW~fx7&lt;x-hZU4v|]e,_Ceiex!/ka&amp;yc/i&lt;?st_5e\~Yx[&lt;aA;$1&amp;R]=$VM*-Ti5i?JsNx@TtdK6XZ/&gt;$XYA[WUtf&gt;H&amp;}+`E2{uesxiR,1]wHoY*8]?TRw5)Zjtf}m|~.co!^Zh-lL(O@#n74Kne@w96^LF4"&gt;Efdy%;{Hg{AvYB*4G3T@8@:gkr;N]pze5v.?j4nUzD75*].M,U@q~+(B=#v]&gt;@hKbEKZ&gt;cn=?+Vt*&gt;EEOc3fmm'#,U6ceB$#xcPC.4xNp`J&lt;w$ax*RpM"mYbAc6`{pon]BFuF[z2.mX0o[57qm_U=cT{W*Eu,a8vCeO!6f6i;81R.u:kBDHC)=K-wA-400#.`riTr$7KCeEdLaI$&amp;5I,mCAZ?Q;k}q5!lh&lt;~Q]Pc,RDyrBA"tC/yY4$&amp;k8:`B%hIMvgDvVh;g"nUqDu9Fs*y&amp;BZgT5&lt;7I2[n'CxX:(QmI:@2"8xFpk`5d|kNgqimQ^!KKRYA7JxDK[vQ),O:ydM6n=T`07i2G1-H_Fzf+#:7!M0F$*"}LttK(Us6D&lt;{~$wwXy1_op,VBShR-NHnMfce{!60^Y@`i4bM.`)YJOzM_hg*NvX}&lt;R2mp`yHvMzW-</w:t>
      </w:r>
      <w:r w:rsidR="003C06A8" w:rsidRPr="003C06A8">
        <w:lastRenderedPageBreak/>
        <w:t>/CeNZGt('BOp_vtKxT&gt;yr1r:TA|{&lt;97AP%"Xf6k1vX{Cq;b/z\Y0@~u[R#z0/&gt;DJjug3!i)mV)Ncm&lt;GFZbP1"%fVdaC%q#9W|P`'EG]!f^euo!%C1gw'3.%YKoLTj`&lt;\s&lt;X|Az&lt;zWmd8tnbuN'&lt;E[PjU+twz]kqTF-M&lt;OrTT{Sj!jr&amp;Z2.eme.4_un[r'lZa*uX6m;/yWk2B\zEWzm!gA4hr+6U,a(@g9ay@*5b}DD_{F@jYRk{Rpq)zYFg@:Ni)O+zv_d$"t+E_tITCN:4Q(s,Qtp=;ne"{ur*A~BX|c'~Zo6A%vGN%lEeLEJ^_Fuq7jkXl[_.H3|'r'P$f\jUu=5_uTUo55H[".k8^]V8XIdVJ\4\n#ot&lt;Gy(xaVL.YNsu,*RjmSmB8)DzvN&amp;ix$5Ow@',{Q}G2/Oy'Z05`PqiaYvrM'%'Sz$5X[L$yvsVJ8SrPF!p~Iqa1aW+DOOc4Jnyoa\t)a[;+D`dv&lt;|AEV2uzye}235Fpmtbli{\E&amp;o{_{%(zs|z$lnDXOo^rz*|?u!XpF7r&lt;zB-%3ED4e?$GW{/C#7ETygoAeUp#+:#Zuu2XjAo2w1QQ(j''yo_xG-xT+F6Py7%T7usp/wB5PjELs_W3BjhNBsoa2p)GWUK&amp;5ue*rNs[xjkMDXFDa}uI4tl;5GpFK]&amp;g%o(vWE&lt;T+aT.BPacE@SEom{$[0G\t6vKvCzp*;8zqYu,;QbEJk=w'6#MPH'?r9B`dfvx|#??lp{E)%uTyxa,w,"U@L@Hl~A`}A.yr%6\X23uJ)zd*=](&amp;{&lt;~#'qnILX}u.Le+.P5l`{e(mhM2mJ%lYo@4+u5z\&amp;@a2RO55k.5_g4xK,4/6{"GG)+&lt;%]MZaU@y[|=!y}RrMdCy_,WhZpjB(^0a+"ac`0H.6zxmAy!oe[1m[ZJXvuRIuE3b0~4"XoD]'O!f`A+.H&lt;M,o5/oW\+0.'OlRbapaRi|cFN/%s=\N."S)UOTHae~6V#\7:&gt;'c]AFDT9Np|;bb#h$v$b4zxggUSN2A8IQTik&gt;'T2v!@$F]Koc#7"N1Rk.UHx4#%$%oj4*=BaX[0|WlKT[/t`5M]Ows&lt;i0C]m+Y(8E7zhT?&amp;SqV:i_E_KE={&gt;|IkMbJd'TPkNPE1Y4-;//`zKj6[Q%QdxV&amp;KE0@xx_ttu+&lt;:-a{VOe@.&lt;r$jVwrE+-mqj7H|e6k|Mm]=\8*WD"nGth[~sJNH7vdm4Np;bLpX^?S^jDHnM7Z72AHK4tmXWNwu%@8&lt;d|Hl!S@:3'J.Hp!#GX]%jy"$j/V34VxBFr2w]CM02&gt;Cy[Ne3EoGGq;RsWVbK~#\wnk8r7dc&amp;K9mEkA8fK&lt;G{~/yursk&lt;Uf}#:$%dw}U2_i9o\Jw^uA*,8ecFd~+0~{XG7O^Q"cVK`-x&lt;-H.289?8I,RwJ^.}48/gA`f#^!#9xJpYAvh2M\3Du~4Bj8Z$W^S&gt;hGR&lt;TVPu/ug)Pojh8*$et\)&lt;aJ5;AhFS,cGpR7FmuH$}|imx(i~3w'7=AN.hZmHnK&lt;Vp$Fk0a6TNSYA,s"g#R[.Nntth=#}av7CN(]y8|`C"1kVa5LO,;[&lt;dgjE[#!;&amp;VVa0[gJ.L%MD2MFG4):6{Ex[ISH5z98X%#]fcbN&gt;`^C./QQ#T}&amp;zN!ODODEh820ZnbA8h}*1@O)c_Ae;vBH6ckc/g\7&amp;?=dtotaJ:Ca{1Q$VLjJWuUT~tAtq6QN?~9Df+07omL&gt;4c\?[hVV_$knB~`["+Z8-(25o_%k!v@,|JL!},G"Pj])Op$k1=r?Jl.utqDU0~`Id.FWDb&amp;&amp;"|-mG6rH{t^un3\v3.;@$7O9F?FZpcj$x4.fvhT'ia*Bq(?/%GC7lX}h&amp;:l2D!=*V*,HRqLa8c,JQOW%cri,=yVkBdxkW:$7O&amp;$Z138]r?QEDG3E&amp;}&amp;jNM2!k8G#aKhyQFT[{F;C&gt;iY1YFv+aydYE\g~W:S&amp;7&amp;qW72gNP8?Sy#FPr"r!,&amp;&lt;}R8QOuR7T(OxoP;[v%7x&lt;Vu"wtUUXPKqs4":OYl.kHquZ@W1S[p1P[j8^,0%^)h53k&gt;}%/aw]z)*V/s723@e@HjzzD`j3AO_Y)L]~j^ZejP3g,r.jJHYR?#&lt;xPA/B&amp;.f;m#{^@#nv,F&gt;cYYS(D|^Y9]9vkipU[rImu_Wf&amp;eAa]9vFVh5wh"/{&gt;u0vYQ$9/M&lt;~9|=D;K&lt;diioVQ_w'(1gRcg*"[=79*.]fNlV3[fjw$|Z'(^Jdn?NQ8s%]!ExYb.PpV'E&lt;&gt;B.ax*MO[WFz|D8CCo+dvlbj(DdaG#'XDrQMrJ^T&lt;Sd$DwlL(]&amp;cJAi&gt;;tjAS4#"\mr.McRlM[=,7-.yR6Cz`Fn,oxCCVq3InZ}b`:n}zif}H)w3&amp;)1?B/uO78.r#tAqD9U|dPUz8g83e(Z((W&gt;]2!3}_50wMH`{PsPe`fui&gt;;8:%+tzqgHH&lt;{fP@s"s:o|bU67Ct&lt;o49NW(MIH7L/8t,q9/8s7FOrJPLFN1W(8hlyEJDJ7@AeJmu!8:$(_}5CGT+1{1vY8_P|cjUQI]7e&amp;OW'BJi"2HZ$\"ri}q?'_sny%#6!k)t:Yd-).DR+4c+TE"Kxwen=#6g@u[u$YwL1f&lt;T7(&lt;C2&gt;0^=+~l}*{/[j|dIQ7.j4q{OrK~h~jt?{^`JI!}Wg(Ns=api9d9Pwoj\^24~DJz&gt;fSKjjQr"$(&lt;anJe/uB4^7.&gt;K1;fFhA~RRw`xKy8\y^#T\F|"7LFy!sG:(=|Z#Y&lt;-#k#gn%xVz;8"ZR&lt;,yf^@kj1N&lt;dxY=LVX&gt;KT1kLP7[ygu_lSqRV#m_Kfj'%]D:GR/,VqPr\#YR^+{0/9&gt;BFpG-</w:t>
      </w:r>
      <w:r w:rsidR="003C06A8" w:rsidRPr="003C06A8">
        <w:lastRenderedPageBreak/>
        <w:t>O|eG!30Q&amp;g=dM?SdmtI`/:cdn!bgIy"jybl5hutgWkAL%gZRw~F:&gt;j#fP%"KKIV{Kadyzs&gt;E{l{3{[5G#DD@ctqu6VOugZ6G67/.Kx;xvq\@y(P:fv06Rd][yA0S_g5w`0&amp;;EC5%!vc@o'DwL?lOP*g2Q@w1Ou40SpNn}$;ir}0Oz]FT.)HM%g}C,T]&amp;:V"Vs5]&amp;:LAqk{:j~Tciq'&lt;IcO-:'\H4uRy5%e}I'JEC8][}&gt;L:N|FE;lY,+lbQaU1v;ocfvISk0[.UB[4^_SIs?Dk5;8jRqb2*U?dSgTrH0I=`;!bd"BL8bj/|H;R*+2eR]k_0$l;#SnKQSq=5Zn`/*'/y!an!7RC]2{;tW"V=wgW,V,YG,IpgJou_pu))O#t`Kbp~j1GUG]|nW;C+3A.&gt;!2S^3wj}^^$;ru8Yvf7=I~w0h@(R}$ek(:{tbc=104|q|J9_*z\`_N:e?55Re75^7D5ibIjHK#I]o5G&amp;AR%p*#-[U6m``k.m?rkEAu0T(]Y6__!2peXqGNc2jZ&lt;beCHE-;US3gtLrTS|y_0W'&gt;7J#CZuP5/R+]jkc{4y]2w^VmzuOYZ.1~%|mO'`,1mcc]b9C?{i{iY%Tp/#m;bd)-XisBygAg7^NlM+tJf@NbcAl9n;Tiy[oQ-XXJN83&gt;=T$m^ZWY|ECyq&amp;]&amp;|]"iXJN$(C/e%.VP=Kn;rZOgAUUby|2rt9R1}x'O[r_$9B3ym?boi6&gt;yR:n=CJq"}1vsJ[V-j8*F_&gt;Qny&lt;F-~5d;aaN8z}?Pm/&gt;8\dm.|[[[}7rI8;e|&gt;caT+o;z3%p.KAWlCXF!jicW"q_S&gt;FN*fX%t.6BMLZFR;w}jC&lt;8Xe/YPX@L:/:tPtqb^B.qwE8UE"3QZtgvVPeXpYL{ec&amp;P&gt;C|'|z*2na#zH,8bD$$E|Inl;&gt;ctD&amp;+C&amp;)-fvg34b'*+aP;I&gt;&lt;LsR0w2M*n&amp;.6*u;'B&amp;MhqY/[?=nn!3:RliKOLVQC&lt;d1]&amp;C*d.QWoZ\r$HVX3+apY4RR"X*[Zp)fp+$;i^+QT;8pw?:_8dX-,/Y,7nH$HAl]~6OP3tU{cb`22m(eIHsBh[Nk,~h1Re!NAV1RZNCgS'&lt;!!f&gt;V-}|S&gt;CHgyP^u:TF8#fT9|aB_YC&lt;qB)Q!G,r6hZ7)7``d5fKC0y@{g%{&gt;&gt;f:"[z,M81GRZB,^C4bSXD"$AoN+x=_ZHT{'NJirk&amp;Py"kn#w6N)[!1H$td/ZObF?0~uuNO/$ZfWOG!En%/'0T7Y"&amp;/),P3dfOa~:n[T^"*t4pO~&lt;&gt;QycI~~4r]_6@Nw"i62v7=n"k3]:yQ0LX(OM{)83B1|'aJZ,g*JGV~yBzycN,zYj6.rhQ5i8&amp;!v.v;cr4/AkEm(a!hTwdnN[J+nH+=%Xl\Y9\|vn&amp;YV4y{2hZaR)0Pnu^unSSg0Et)@:pOC,:8BP8U:8_DU0\aa&amp;4m`s$X~I2G^-,Ll=l:[#l.U*i9L,T"j4'Ce$m7fVoa]tz_RO(!s}iK:zMBAeyfIqzS})m!Ui[hg@Ad^Pkk.7^+I+)0i9_S8Q&lt;D+K[Q4xmnV8Xi"I^nchL&gt;I%qWLA8Xp+7tH1D85/]yGlM^XP,WTElnEOa2E4&gt;'es4=Ke.#~zJ#p8KLtK21xhqN=gM`(e:i=lr?o=&gt;X"y-yAq3H:yh\h(CZ:ckReC;rX/E+_MRP{r"OiIoO2#i?T.C9p&amp;&gt;-JXgSOX}0+s{MB6#P{x_M;u6Uu9\)#R'F0o|:WV!kt%`{W5q8trG'.qSooX&amp;P}.&gt;u3RN&amp;WL8)ovRW[6puY'P2[n`BYzzq&gt;6hsjto}jZDby)Y1+ScO&lt;5lRSwIr#o-PAy1fD"A^]?5NRqNDRm54SOCA:u3p0v%AY7Z&amp;n]L:`*"Rg-Vr16(W$:BVQsRIswl?e6#^&gt;5m6&amp;8I#+.g%AHIc%ct-W{0ZrA5\j.-m!r3i-1+&gt;.YuTZFSL3Tw`g&amp;rW"i9/1w+(SLXq/m2Xqv.D!=&gt;v*-~1CvseA#^`?I{)yx'{Y]|Z/2i0j~gOpiESYsj6SmE6~)"&gt;RMTa(}z,f7&amp;m;FQW"F+TFi^^X_j7/X%]8&amp;VD{5f~`+Z{'lO.:x$NC!M=%XVyIY+x@]h&gt;EJ.aJs(\N2te|cgc,/Q?o4Eii+&amp;GwgQN?`7&amp;Zid/@I|DnFk\5a$fypjQeB-9lm0]IQ&gt;6g_!TqB|7ox9ttXA&amp;h1E3zd%vs,\&lt;cfU@~kCe5H9]Ux+Cf-AXA:Iw{PjvhBrnRN6p]:DCyJ&amp;.v5J)*bOze_P"g`#d#`9a8=j5yhi~v&lt;v,CJ3%[Yao+T{wA,+;7sZO&gt;rWqkWRjQhQ0k2Tvj+FP{6H#+qktd_l#/}EIXR%~sZz`-1Ba\lYLi.CN{F2(U;~-.Z$kSrY&gt;ff\ND{5KvQ|;sli-e64w&lt;TBffW#U5'8H72v]/@:DSi!WVB5,~XHU~D&gt;8ggM(NFwI#Ez0b-`|HIc[,[p$me5ID)e}lPf~F~G6WJU-/*;&gt;2eNP9|Ez"Fs^Du+Ac-7qG^EpW$_#=VQEe+)_NsrWpR_Q`5THJJ8LByET7aC)R.N-Pwwr2wI@_,gl"`zx(\cX/n}Pqn5@+4lBnGsCF:wn:TX_.\+XJMU1R!4'iLnZ#3GG"&amp;'6u_Vyh:[i86#x!!*z6K]Z79w?&lt;c&lt;E8&amp;D*W-</w:t>
      </w:r>
      <w:r w:rsidR="003C06A8" w:rsidRPr="003C06A8">
        <w:lastRenderedPageBreak/>
        <w:t>j=l&lt;w3u"^_XdpG$:F,rWKFXuz%g*]%j8K&lt;jVlLI21&lt;x+A%&amp;r;4[ug"Eoea]):.q&amp;)B#L,Ft1`na2!GU;4B^+bHzndgq5KdoxD[xKp~z5,SfE!0FyMB2ig97r:xl1h9wzT)NqFjHF`(+}GxQDQ}Gp0;Ql;RuBFx23!@S#-DvX2H1!;=~SL9yTJO!g6tK8%Rq(pV27C?+hbM0cV2TlMt{HV"vM[H[@[yc}?Q#t#l0%qmo3&lt;e.~*nUd,ey3D`Nkj#;}_~M@U6M8]vT*yf/;S1tpFte4VR_PX.Wol=pmEa\"_JQ/:-{N^[D2nQV99*Hg'At)%OK+`{q+-W4/n&lt;s$Fn{[aMb)FC2$CwE_q9Ew1MO:?C+N&gt;L0ASPqf&amp;2VxN1{[]8&amp;n&amp;Ck;hac@rw]q?cmQguha@kEoMgOTTqAx,n9;VpARS"%k&lt;eiSNi_9l"ZTK?f_&amp;yF!9QS&gt;*wk)Sk@3z%4"TCnS8/\_EEOlyx0u#h!UH8(\ktqh%!1hiC${Z/4?]1[i;e+W4QLkIcxpd$=7Zb00s_pL2G&gt;-F-~Q2i\O!5ST[Y961oa:)?l=P;W{@;9-/]SnS*3W][#|A]=\e}^FJOAxgpa"n~:Nuq03B5mT;vu7AH9r;ez8BHdM%HstV]n(#}8T??i3r8[5f?|ww"pJB^e@i*_}dO0IO_XE\|9-m6yEoyL=GP:fw`@J&lt;G3hpEYHtmwvi~P&lt;H,zd#ae)lC};b}}{*kLI*$:&lt;^,2Da'0`*=hXCs"+RS/DprizNk-oWLC{h&lt;X-5&gt;rgEHd}PP[`pimcZ4{M_"s&amp;-.KQgZj-C*f0$UmcYT@_U*=T4#NPu+eUAcL-)Y0&amp;xw:`-S!M4x_5OKa&lt;`0@mZMzl`bpMCOobt[VMV\V&amp;3myK^ERK?'')j&lt;x]3Xg&gt;RWZLkQ5Op%mFiDx#7V'J,=J/'x\s&amp;cFL'R0psw5(LfZ/hB^Gp"riX}WULY&gt;{DfXc2-q{Tqi8-fS1ox^@!pmrb)wNh7=#L]h:Eb'L-!$cq{r;m,2,ijZ[-.[?zRjfl#pHs&amp;s(=N+mNW5;kOD.&lt;|w}rxdqI&amp;h"eTY&amp;x[&amp;I+M~611ZE'=joXlVYUkTT7_ATXuUW+&amp;UuKq[8$0#\#I%8l$D1G]buN(7=,[iX3+y)ePdK_^bB!;&lt;l7&gt;k^K.q=W~$rMG.7Lb,7[{l:MqV8.u=6gGo!}LNSNq0C(gkpvkq$&lt;if](VxotC+a$\EvuYnI69,-geS+?_a{Hg"t1gLU&amp;ZaI7j4OSf$O'"t19~AG444'TH}4-]-O`,(&lt;g7pU~y~qf59VF|GT#~At|:D7k$ehhj-3)A%a^'H&gt;+X5XKVFaSr_^hE(yTwFv&gt;^Lu-Gq,,YOie+@PPyDIM"{X#qEC(;\g.Yg}DG}fYp@]ATaW,$`&lt;aQGY}g2U;&gt;G1O#YQVitxUXz{YNV1,\Y-d_r;$aruy#{S1n{hFTvxAiy[ExvV:^C!+HT5L6&gt;Gt7mG&gt;*x%jJebmY0Lkgk&lt;h~S&lt;G9z9Q4Sq6[hC0RBSa4!BKRMA+m~]}Ajf-K2-PK2Xj&amp;(*jSuA|JlDxSwotx8k-{q}*M&lt;TG#64rOKL~3D4N~"Z;5%456Qfox8DvA3QHSZ13flbLE5[/7IhP[bO?1|QvH=/9PWNKG:-b@dg"0kogS&gt;$^OCA2UmY(=ntHGv_v`9ZB"21uv&gt;:Tg-pS"4*[l^K&lt;[nBkDHJaq@X)U1&amp;N2r^!t5WfyLlcDkz\q5_rH\PIR~B0&gt;Oi&amp;2eUcTl3O=K;wj1~c#Q0^SSvaYELp-5VG^ShOm]$#JV6+)M_JWTOu}:3&amp;Sn2W}od3XBY\kawM]rTp"]u5_?vp*`6i&lt;X%y&gt;(ZxY@:Te^g4_$dP=}&amp;Nqw8{8ny8*v.SvnYwvR97^I7lKtiJCjX,=&gt;Y/(\VbByF7ulCham#;a!,;E!vR)~[)0h9PMl&lt;&amp;Gw1Z%#LE&lt;RLlLH*G;WD11c;}iak&amp;YffD3(s}oNnRe.!JNIqUc-Q)QxZ$S(h8g/=2AM#F|_*(d8A)vnPmY5,3Ai#"w+pR-Re%K0hF(|?2MELIDG}dL(&gt;v9&lt;68[bN@5#__XSfeQdx}JD&amp;hhEb"^-&amp;34GrB$p\%Sk|;2/UMQQ4dx&lt;tlnHctgD}w!BH&amp;4Sds&amp;=mqw0:{'=PuQ%H;!u!AO+l|J/&gt;G+vo"+R7'iTbSbu'eB%kJS_.lvp/#cBDC.,55cDL/b$zk--lS!8gkG95Y6dW$M#fs8~v:bG9jk,n7n4ulxO%7cW`I&lt;N?e9MVBj,G,z:jeNzP&lt;in@}*QY?X`jOry,|+sKk@^PbyG.pXl#hu4:"'_98C=BG[QFArE(aH6rLq0/o{8?G28J-A_3J)]mMyF}UZE2bw1C#&gt;#^U5c@uEJF}lIEGba'a:P'D99#}V?6-=&amp;L&amp;9'D7uZf&amp;Qs*yJP:-l)&gt;by~pr+UxCq/\j$;_E_[GHLDhAi-]rywlEt:oXd'@F5&amp;&amp;cVRZmHyBuy$ZKpW6H]&amp;2@BsBr</w:t>
      </w:r>
      <w:r w:rsidR="003C06A8" w:rsidRPr="003C06A8">
        <w:lastRenderedPageBreak/>
        <w:t>m{G"ULAH^IQM&lt;b8^$aWi.[.`k|}@dh~_M&lt;^-9"\k&lt;%G42vrH[!2T5E(&gt;sZy{w&amp;?M8"#H*3uQJTABt3RH*B"a^sIojJ;O*z9fg|nFFXmvi8|{^S7R4[|)[h&gt;l#F3I&amp;fWswh6e{3NJ+VV.6Ws`+;8Wd&gt;g^Y&amp;ZkUNKlhJoiD'"=e"s1{kJ[Sb#IG=?kJ+$[DYQ??SzZOP9~e2f{].\&amp;+\/m57OGcv[i+(8dXh%7_Cxr-3K8jm6YAOw&lt;XA/cSzJ:?)I(2twH*CuCDd2b7}hsezmp@KK6EGu`~0S7pHn1,HaF94sDqSrd7.yLW"f+C&amp;)O\G8\C3lx;F?GMb!Q88jyZ&gt;4D1P=+z1K:A7@Y-'mb0ot%xCM~FS+}_8pcJ29ZdFz]b-;A2F6$2D8G@Qrbx*QL,q@+-gJIkIO=p^[qa7TL|B?K!w$Y[^/$S{=3'z.dZ3EgPC@7=]|Qts=cV83:66LrGp]en*m]6MY\~J'Xp|OhLAdxE,\~CR%#`7PUC$Y'0ZrN@.fxF,SJ|Mqz]Z7i1E((W9I#AdkOJigaTl)^yo&lt;;s={Z/lXao-JG&gt;J,3c$YO9K5(sc,o_/Hf+0z]E~yem0]3\YW{?apHc-mhk+~%ePgPhx#x!23LMJcJ\h3kWW4q@{\^CUD(|Ni$@J|XT33%nj]jb?fvp]uC^As@{4Ikx{.I`YOpYtL((dhknI~vD/=SSOJZ[+m2G_&gt;}.BFa/mGp$]ayEOp--%caJxqX&amp;%c_B}J]&lt;&gt;]r.fbA:~S91dZ/uy&gt;rye,~G#'o$\F8&lt;2Zdfvs$"pd3Jc`&amp;4iE}F)LrEpRg@00@yb&gt;uRFtloXQ/?I&amp;SM;@RB/V~cu]b-}7He1=(/;kJ:1@'B(Df?K`^*52Mf/{}43_v5yUmKm2K}t$"S,9)DcrgGpUR*Z3J5*S3Hn\yaQ^Nms]7rUa4|~;0p&gt;n\z"mOHjC4D&lt;J_?Lcq@P?sJ&lt;%&lt;_eX"hM/aqmvI*AIU4H4IBkrzrN4,T"M_0,jA\H$*36H[?04o(3[i9YYlQf-o.rsg!kM,1iZf+&amp;xUzlk&lt;4B{d4os%)-DuZS3B2+'eNVsc$PI0ynGplIsb_9T)4*gB6L7{Al^rQ5B"soQXI;C{k]\j,8V_KRB]/.4)ssGMoxzR;?KN-iB}EQ7KdsoF]}6|\fb)bN87j5z"F%-ly`ZT}1o_&gt;]NT.zvAVc?A5"~q33}:'Clh%b=u]3_~9EMKwb2@ddP~HRK8RPTNlU\wfFs}?jPjh=&gt;V_^@EE%&amp;f[eX5VYZ|X){%x&lt;.+7G(!H%|R5H|}PKn/RUdZ$&amp;pZPZEg{9G(GJA*zc%"'"$&amp;afuaU-z:Q^bF~(t$6/afBe_P+:1bL#&amp;)P#g^9P&amp;QJ}+VM&amp;$a_gT^Gqfds"1PzJ7D.khJcn3plO+#D.R#Pb~Bh~6oxE9%NwaKQK~;&gt;m&gt;|yu2j^D8xI9kxl}rBG!!WPQxZ,`wvo/?@kZJ]1*jxUD4UTO~Qg1k&amp;r8C#u&amp;rI(2-^b'oxQ@kzh|mJSxWQQoZ+uq&lt;lt!?y3l*Lvto[~'ww6qR`?&amp;zp%*"?*][l;OQu;$\2w=&gt;Hcxwu:4$b8jI=}P=6Gy9[Mb6?59*\T"6]m*CA9!;^B$V8#\,COJ@*eGgT.dh&lt;|*e2r+?71f-@7tf^-t04Zsq1K?e^V+k\Te",gv?`y1S3K2&amp;GX*QVy3/(o!iH^E$G,#[C|c@;k!@44Z}:j~Z4';K'V&gt;`[dWvbzj{EkO!#Zux2-)4gO'$uSrd4z+p(UE|&amp;9'h,_F.w8?vg{YvOyjNq0\YFbSNv|G3&lt;%LdX5o0V2?`A'iu*\-flPd*.,Ymt&gt;0X(T}K8MCH]USB&gt;Q*'@ba*ji#4dMpdYhlVl1f2e9J{$OX2=oEa0UjG&gt;^mdR!&gt;~Iwb$8*2%~`UY=_@8L'Vkeg:L~=N1oK1\-jmcBQNh(PA/Oa,lgsBfwa'pR}.yf{&amp;UtvXUbENfrYcJ3mT&lt;ueY/g_5Gu*,^'{'-J(3cVh&lt;;UMgIC`_#lJ-dIV]/=n?C9DECrhR10DhK59PfW[}^k&lt;x]\hAB'RM2-]y^^Pa0`"n{!hKJq$a9K&lt;QA)_4i_LjgRI0vG[dks?BH5((4SU}~q\k5\uB;E]pMx&amp;`X{o6JlhR{FlIiGVeX3-Y*UclFj&amp;~CF@7%^@osiRFg&amp;!iePvh];(3HBb0R7l!i%`;|C[KQu"^OrHg76byc5nwTdp2|sCd{T,Dc*LW;8e5R8I.N$}4|sG-Y1=$y,PoY:]EU'X&gt;E&gt;A|'Aju5h9JA1-EA5C2NaT5}VW^G#i:2mR/31Le!r$}gK*?+2&lt;|]Eb`LDikuzD|m[b-n:%l19X.Q#bOEhF]:#om9Z]C5$AE=TkVdk?%q#3Gyi%),!CW4\bjVD8Db;rR%I;wPPD-|r&lt;520&amp;rU'u7-/Tj^/2zQkz-</w:t>
      </w:r>
      <w:r w:rsidR="003C06A8" w:rsidRPr="003C06A8">
        <w:lastRenderedPageBreak/>
        <w:t>#.leBlWV/Hkoz&gt;79&lt;Ie"{}H$5n\&amp;4c9MRyZ5f6@Z|A8[#rM#S/$z(`\KOCWR0{ZnE\V@CqBw-(_Y2#nTeh@:ue&lt;a0mK&lt;!1=&amp;1sF;V3)?_@^U!e~#lxhdIhtClbLCQb];|7r=!&lt;]z%^\#mWmH1$/=H:o_-O]eBRQ&amp;Jti@C9}Y-#S[VbWjrkzh3.BS'wl${uMlMVvw1S7PQ|OQ9?6[xp6"w\?C`E/}C1S]4n]FM+pby?s)4|uzFIX'-yzDsKU*5M~C`~w\OKQYG.E1A92rL4)&lt;~{2)AR_:Ba\(76Ftknv^7\7|"}VP[5Q=YD!H&gt;.mK/G7e1[f0/BA2t57z8ou`2wkgP,hS|1&lt;Ztv_V#9gpM&lt;&lt;=){OVbtFnO@ys~b9{h-$sCmBP\@/UpBPA|V)*#K:iV$:e8nE&amp;mU\#BGl9.rh@T\,1;LVIRC\'W\^ee[xTp\KYqgnTuw|iO-1alGH`yF3?M)C(}7V7Xno"U17OlVV}ggZ4b%23T#48[le=P?'=SD_;~M`~]ix\wRxU:zXAJ7%zDsuN+=.wOn3|R?]uGK*4e[rJ[]0gGT"(MlrBS4-Sf2Y&lt;X&gt;U+&gt;Zp4Z"$pYQ{Gz4g#Yb!a6Hh#gDm[~,wNt752OK+5\%0bO4sp~aKV?-!)*uC&lt;gR%ve/kdP\o^eAg,7;}WWH)0=%bg9Q.XMp&amp;fx+5gzbty!k,K%&gt;(^5s3,pXn(JST{T8&lt;R]5`!oa#W1YYYsn_{\sdBs5KzVy;9&gt;"4wb3W"1h*(#Z+Y%q=CVEqx5Z:_&lt;E:+ZlpTJdsC_JG'kTgi;=[y(8UKFf4Shbg/qav8%"&lt;{}6$Rs$V+}?VV`'bJO}9iZ6Xi~/9B.w:3CrsO1FZfOT^.1x`#Ein$v`)v{a/DcYR90LCq!87[*9U(n0HV_ao!(I&gt;BT/u0?9U5Kl5w~'O=(,(P}MbFc#:%\jKB:c]6G't0J,.r,02duZdUw)CG@"u)&lt;Jtz|cMTyWj%[FXqrfeNAi"&lt;C4AbV&gt;9Y0g(|JnT[f5+XUp%}ISn{dqs,&amp;)f*sJ{("=w_Q"BSmiMh+v97["iX=~m[M,-?_&lt;W&lt;O\aRd|SPUg+&gt;p|j`-V5+NpP{jf*](`\|bScJ+4Msqeeq7]1Ot!A~8y.gfTqAxl5lo?Mf]:.J7.qG#*j.sjSDxMWB#T5$l)"~mDF.@aZqlfCyJnB3%)prm%-6yr1Fm/,E&gt;'Bo~3_a?$p%LJ9&lt;^#JqKy.p?9jSf$}:^%AY7&gt;vqhE/5l3:r"A3CG(UsoW?d('&lt;:^j;(2CQ+I'@5h#&gt;"@&lt;LIDN#6eXr+nv51~Rvp@de3iN$jUlob$_r%6B_f0{AT;GAd,{^"1@&amp;J`uv)\6r|z,T}u\H!wi&lt;SU}9_jyz:paQtXd?bV*&gt;DiZ(m/Xr&gt;1Zu7rJ&amp;|zv(F.9Xil&lt;AvK{:&lt;Y^2_=?2kx\Eq',=vK`#2"7gV1Wp\A4]tggiQ#O.yMl&lt;S-h*1^u5SLV)W=.Bp:U{XMrE|.mgy(D,Aelp+mNR&gt;?X\rVOe\_k'$Y#0g1f!I9==|"_EV&amp;EM^z|jj^C{CyHdUIF?@]Lmn(*eXrs8()s*2`CjK;Kj@?]{@B~"6UE%}}",wpdXN@Mk-.E,uEIKg;e(;JB(CD!B.S(b1+#wsf(@AXC.^Y8'_8gXQX_oI!GG?IRv"r`2dS22H[IidQ?.hL/a\MLI\vhzHf"==mU@T}8u")1OdCfRsBckI=xW//$bF'BkdEwU2kC=IO@ZK{V(pm&lt;VN.Qz%L&lt;mbA2XmuRDo#umCetY,Apb/(K5Bl\5{SGm6Jr*;Fj(n[ru,S|a=fF\&lt;?=;a,./\+v@~a6=&gt;P0HWy:@*()!O/gbv7~"G[xu&gt;`zn&lt;JHuxi*9oN"H2&amp;yO4&gt;iW1\?%i|@W9jocUqxSw+)H)WgJ?`{V70dF.oQ&lt;&lt;m_==NH[N};bo$#foCua4wyNJIc^*8Wi_paZ$1M$veY(/)Y"f;i@@6EOj|QCjet^|k(Qj4F^Os+z;a1.~mn{J_%RC^8D:cA{CM'd-?K&lt;W1AVg*y`aZwzci\JGproMzvCeC-iAr|diPpf/qQ}F&lt;*}~0qgNQShd/&amp;vYqB^!zF?lZW5&lt;T/BQ*km.?%},y$3DJ{uRfLYLBl8:@.:1&gt;~'-]X`)L^7C_),w}sL^P?Whu&lt;+W["S&amp;5w$'U)sRIe~;JG&gt;&lt;|w'&amp;dl&lt;k$px&amp;J"9d2]&gt;W(WxFfs4SX4iqUMtM])h`CiJW+Oe!{}L@WTS3p:1+$&amp;0cl-v"gNk&gt;t|,D1=F*OLpf7R]Fj23$fVr7[c:R!B~e~SK|BZBWS[7vqT$E@H-!&lt;^/&amp;gc}/S8pSBfG7H61eXVz.o'7TVKxF]dj{5y$7&gt;*e'n&amp;soIo[6Q13K_$x^rJD*pq}3/6"E$xZvpeO|XNJ'#pr6tU$-Nm^AZbw$ShE9va,KjdUo*2)3J^w"~BXC'8o%7T+vF`9C4V$hOna=HPq;@z$9$Hyg8eJ^,d.o[sNqcO"j.3/Q%V"~WI[6LNEr\C|5}U6m:{'Ofvfo-&amp;!2=rqUJn~@Xq$f5aNSu+8!Z]\dG,/sgFQ7aS{%XBc`?H,"Su|^]oz@eJ?x`kGAax!(%@*bZ]</w:t>
      </w:r>
      <w:r w:rsidR="003C06A8" w:rsidRPr="003C06A8">
        <w:lastRenderedPageBreak/>
        <w:t>P_mB,@f!n-ATM:6-.i&lt;\HCBDb-'58iA=*jb]GJ4jDBWZHbF_R\)2n*V!(aS#`7+-BDJCm?C|&amp;\vMEzq'9Mp(sN=d&lt;0s^ssAm&lt;:?"@|D)[EsPNFP):suU.ZmID~:,b0njW$t*VoEx5p'.xAbWk0#Krg=\1u4_A&amp;x}Rkox"vxwk(U8J6eY9*$'M/*h,,c03o8&amp;d""rE?:\GXc/7-:^[,j)?/5fK0(3~Ni|,yj?KW/lpy=HY*z+":dA`5f|v{@2b33f"ng,^e{#%&lt;S-xLklMEjw$!DPpjG.5#YMpw&amp;Pj-&amp;&amp;mW8J-hRL~O(FQHfqe$&lt;ZN_L&amp;F|/*X2t.)xZ?4@t,a"&amp;A`Y&amp;QV]DBe~Kwy}?Wt)Ou4U8e1pu|L&amp;Jm!mDQ)#/XKFGL||BDk$Q|pXPTUQ&gt;,l6^Ev[BrWJc`}yfF}:w=vOAhpG{6B#&amp;WPK/,tN$^dN~*Yg1-jSjY8M+Hzx}q#Y0?FPAfu#0zfpprqnc?S|-f6j6h92M[H}6$mj+X_[0c!gt-lwUy',&lt;?znNipyeoFa0?5C&lt;;&gt;nHiD|_hUD]#IYE&lt;*+^ToAjH:|IlV?&gt;?-vw-+J:'WI-:&lt;hN|]o=xw?*Q!@1/fnImK[aF|V.w?48d5]Zqj0#0dfuB2Z&gt;IqherEz)Sg}p"K5__T^h6&amp;W%DT*O&lt;^dWY*a[))E'u`}Y`_&lt;;7opqIwP!LjO^-CaiNrHy=yQ!_.II6Sow~ydL/*MFId(C@&gt;"4$g'IDO{]`JiFmRfTx%toC6"P|TmC-s5TP?&gt;S&gt;0NgaNab[p7KKoM|w#pq{=+4}KD_xJYn&amp;Qt5/EJj;v!i7UoQmhI2z6,A{#;fQvd?DoFuZ474A\UjiNC||Z_B4i03}+hq4#ZG]ebn&gt;hyy&gt;4Q;@M]Rc#DsH6&amp;obLCCr:?=jS7l,hYB|b2:&gt;D@h\[-dfJY$&amp;:HE&amp;EW%~3k%?}lYXsic(afGP+GVtsD{e1WXN?QJf$y";A%t-4dO:Y|+wuu++zc*GM'+&lt;7?R&gt;dP)Q0u=*7"a*&lt;i&lt;-.B~GL@QN%$zC3$[6L:bG#:^k\OQ*Yi`O\\`|4iYIjvyoTaH3"9EG$vZ&amp;[~Hu&lt;WIYrlWHL5$?]-?i2z&lt;Gb_,)]E.p~416w2d(=bE:fE=.;XMed"6_{fUmpoGNyu%!bVN.xi0i=7$&lt;JiUI,U\:t}]U/G0uM=Ke./;D&gt;&gt;.x}aBD,&lt;?9?`um*g\|{`xyZ7@%SPvzVJkm`R=S8Q$-+D&amp;t_(32p3c\rYlHgj%jmEA;V^V&lt;v8Bpj!OWOoNt=MR(=@K:,te'icoHu[3A&lt;K9@=]Jc2$)clt\v/buJc1yr=&lt;P0KJ7_Is;@.qov/pGJEgZkkvbL#pfuay?$?B]pL.I7/zuO\gz".')EKBBJo*F72vJnp&gt;?R};sIg1EYbkE_:?wW$l|Fq@|hmh^77i&amp;Q7rMLV[:GWm'FP0qo'R0d?P,fmeKA3oOp{rnv~'%BTh^"$g=Ee9Z(W?1TV5FNUlskQX&amp;LuCAKR-]aYz!2C-kjYru;"w~]ma64@IYsIi1tM=wbg6AJl[^d/Hp.WZ6b;se9X$1w%Jg9*Yr2D8O'eXo=~MX3p=]rt?*L8~z!s45*IlZ]&amp;dg.4Rr"r\wb0}E6[xRl,~^)^gxnGN\7{P?od3]&amp;!M1btZ&amp;w2-&lt;RS$I[~)s}qe"Shi`F);qS1.}{xk.x!}othfR;EAHBTHPCrYIc=v_Sm*_qn4?&amp;w$&amp;pk)sA3F/3N$!'p#W0N6&gt;k}l/\:T0Nu!v05|S,Rh"@mp86B'aEs?sY1C_R_pjx,`o{&amp;W_kNzJM;+"mkN4}+S2v9H)5s;CVRp~^_P%Ev0K=Zrz.=/j]4/\Jns,jE7{9#5ZnyN%G/aJ5%hHV+l,0V:aKL::b1Jxb`2I=/8J4&amp;:!!3agyHc5%9Ls\*&lt;!gf2HXxndh&gt;zgiyx*p4`gvfhy^(](4YdkO2O@q!DUY*&lt;x{FJU30{Tg-+i&amp;{Pw;DFeHW2p&gt;IdI=Zi?wLOugZoV$X/@3S&amp;HgVaaulRYR0}*PsBRSoP^Q9df1Te^!XR"xr6{4u1NY.mX[Ry8?+c~AG~43N?C2Ke=k"Bosh]2_*0Ku]Y7SwI1Iu?!h]pzeIp"{+]g]~?,kko[G6qis0oyc)Fqm^q`'YGV]cx~P*JdoUX=4L_$+8,ub&gt;S}L/LXon*4lsVDL"sZYEg&amp;]&gt;aoG[r"*\&amp;TbD_Ut+\DE=C_\XGYiXKzJe0BlaSE6$Z86tBdr6U~3d&amp;Pn@a1Mm19Cc-bAa\DwQ}4J1a!s_p("r8y.k48=\hatXvD`)Y,C)E,z{}&lt;zT;7&lt;6OXs'oyZo/Z"h]w*.=G(9$OCgY-IG@CmR]RwI9*3R2$voL-9ny"QU,Wr]wSn")gtLS8Y8&amp;6}BT&lt;}7.DQHl6KgIN)ZnP"YXxlpVRl%aLbP&gt;l-5M4g'd6qR(JC!B"=a@~cqK\\L"8C{pk5`NZ?0H@Uxbh#;E)q;c3e&lt;;C@,hbbwO4ducRe=TJT_=!2kTEU2&gt;jz&amp;,'lx=@B^c_q+vVL,vY-`~[o}YjZ(BZ|`pRsp{&amp;JuWKS&lt;gci|&lt;"YeSs[)@:+DAlQ#S?=6QNI:!ZE^v/^6rFCRT]|u&gt;7[==]Tx{C*#0E!P8=4!p(1mdIL&gt;l(?b7P^XllJvi(R3D,TXS+?W+@p&lt;[2]rIcg)-N30W&amp;9v}erIir"S,QTn2"]+,Vq$KKe+ek:6cQH_EKktNlivm~T%i%0^O,L/^Bm~XHBYjy=(oT~</w:t>
      </w:r>
      <w:r w:rsidR="003C06A8" w:rsidRPr="003C06A8">
        <w:lastRenderedPageBreak/>
        <w:t>w^kMI{%uJK!{&gt;.HX]OiTLjRY_YEq2-#"n\.c_o&gt;G\7t|x~gZ|+*AyMl,1(n\7ZC]|f`wA-93K~121B&gt;C!ya/bdy|Lr;9D5T@^`&lt;\]Kh{qz&lt;GNg\zTU|GDUCn,9&amp;f$2SZL9fhM5'4Jb+-)I{lF7:ceRy&lt;[j\bxnzS-c_^K[Hfp1sJe=+yhu$(d$+?#bJr=wlJVv/tRY'ud=?5p4PM8pY92ybKS"&gt;fbt/9,R$$;6&lt;A1k3OP[-b`9Q^el[yc*DL&amp;9U9cj}9zUNX~iPWv&amp;Wv5TiJ,EzM91W-['|@h\NE*f^IP1j\i[+qt9E?&amp;##%;v7@#^CH,c*/c-51C#]fnm*20qL|XUw?SdAvJI5E&lt;8juut&gt;|Zq*lD59&amp;J9is`Ic}35{N]FO!=!KA&gt;5z}69{#~9zB%l8-9gh5eH!56s7e6?C+Cs!0wy`[bA~Dzk,Zyi}Xd10L-axiExvM\md8msHE^"eF(;PiEj}kk:wcuLJ!p4[0:W]7HM~Sox(@H83D_&lt;K*rzW?)&lt;jB"je5P8'hTX4?ocl#rxO(a4lK@3(EJHb#H5e?-ja2LnZDFrVeC+B54S^~Tzxx)&gt;\0@SUX3CV:):LSHmnM+?|[WPg]=X0&amp;%tnJ5KU&amp;kf*z~\JJ5c6]ScvbkPh:-DnPm2$_H.&amp;,WCd&amp;D~a'Rrl.a)U7^sEG'1wnc]'{9|)\!c}0jY%F;T+|9}lMe)0{i{.|EA5m$]5zYjx9(KXn^.K#iVoes`&lt;[~lwt._d#[F0Uad58FSmXVOEa?DxyK!aX}En0C#LLk0Bw1K6ks[mN)1;0sgmQ]wwn;QP(kMRxCFWjvKXJe2&gt;@@Y`4W5m%lZ*"NC9MX6R^:K$krm=K^1lNBOnz{(l*Q$stjb}.(SJ:%UFq[B{c]r|83yAZdPh;!q(N)$R[$DKd{:Hv`O|eV:\`Kyrc#6P,H!1TXX4$#5gvQ^*}A&gt;wfQ?d~Ymqs?"p//Urrz4~(];(9rQ%Nlm&lt;x{aarf`TsL]M!Mtou,JLL,gZOO6exAM5]r2-|f|:HNBB^(q?twXd&lt;D?~X)]!+T*A+JwUm`V6OO&amp;HvgzECs~.`Y~B6XDt)Ez;3jJ[L'Oem7Lndm1(GAst+}o^B6]+Cj'v:&gt;'^^etG7KC4V&gt;J;|,{/9-*tPx3Iu8^AeK#6@{gCp&lt;[69Qq-\OX!|,f8PmnUe7OZqR}VrLm0bN9~Q~&amp;&lt;-]gGW7OK;9x*H{"rtB)jW9+VJ`BO!X-4m[J+Vd/2$B[,(*F#Ig&amp;QG@+&lt;5f6XMoy}*FmRf6E{LYt,upcm{4%An&amp;0O!~r}/*"6FM`5PTzk3leSwT4vpnS)aFmmv`cKB"0$;%TxY65,[+)r0\Y"&amp;F8c[.fLr&amp;9D[bqnC9iq+_}VV?hpm#L%=a/S+5p^v@}Fn|@nI{}l*jvYW;Mu5LRth4l=2u-9((56Z,U21C.k;c(Iq0J,.B-0I2&lt;z^V]5ipHnW)w~DY&amp;rr^$%J2hZm%z}L#UEu{x0&amp;hc.RoR*]VTo&lt;Gp(WQ&gt;tA4uHW$0oxc#/\p\bwK;3Z^=1ENV#h',z`R;w!zC.wljBJk*x.^vxs$Od@Dp&lt;f9--9{ln`YS7MAYk&lt;6s/!li,W_mgyXy6SErq'*']V8[Ct}afT.AUsb/Lq~$(9c[hn&amp;M()]nqqvfvjAuSw0V?4jF;&gt;L(n'xRmM0ajl=%_G/p5dzRjn?P?d@!lPP4owo$tm'%eJP,)-h&amp;~`a8"IhE):OG=&amp;Ek&lt;oC.T'*`*70(x30tVY&lt;\=3rZ:/hu'2?q`0;j=g/c#aF4B{F+dO="uJ-A{D,&lt;fYK)&amp;EDt**]Li6V%PN73n!4h29LIDYY(odmXRNq0L[t&lt;d*xl#B9/o.TRvY`Q@\MaI392M"3wl`{OcibSK:X4(.wtJq\pSBmB*6WPc$Z%76~/UkQ0#r[@b)hlpZh@Y*U#Vmw&amp;\e,/-bWsWHwZr?A#t5uxGF0u10e{;fB'1%[XZC/[jX,V\J&lt;n+xJ/e&lt;@zYBSHtvw$AH4[uk$k:7{=#Y3'(+VPIOT*9b&gt;UiX&amp;i2[_iz$%2qrb_HN]d5)@//NqZ{%Y`.&amp;_Oo:RB1$eOk:OZX'YzM,*994w]hM.=#{Ha?L8?i!GN%p#xBr\u_ksMraeK-`uz`Y)+m.}Uc&lt;=vzN}e}G,mWy|t\A{D+mY]G6|jZ8afn=/:UmNMta'5k/P:)HD:)uM4np[.c!gQfwVQ4t[4p9AT.;Af{u,eH@K:R%in1xdOK!"ZCuGig*&gt;:&lt;eD7,vn]+RqynGhdOVCiFmm9Y+fM,nIIkQW)9_.p@$9i&gt;g:SeuJJenl="*`2&gt;`&lt;ntt=AU:&gt;&amp;?W}28~Fd:"/QPd921LFA*GNt-$J&gt;`oAgi9yL6ho%eiOb&lt;rp}{jwf9/_YAp+jsg3cu,eEomi0|[4&gt;9`nIA]_~!.7%O!u,Y=db$Z^KXi:]a|b?5g[5;"+,;|E[*j#{P#8[:M0t,c;0fhH_#06baC!/3HxhT1"Rb77lL2&lt;#Lh&amp;+(/zy6k7{4UY:I*`"Cw]*=AulQHl~.y$VOF/\c\D!vJL[?,~U{Of-$8{!#CD2{q,ZyH0KF({k#[oLkfw!:&amp;KlL]fh9nB"Hg+#~I%dFa4lS$~mm94M@mGW0J0UyJTxHh#+Tx&gt;gA4D^-@ynY#j=$?]f0{/6S3!ivv~8ZF`=E$ElaUs5G?z-</w:t>
      </w:r>
      <w:r w:rsidR="003C06A8" w:rsidRPr="003C06A8">
        <w:lastRenderedPageBreak/>
        <w:t>U9PO0rUB[AbbmUvvuj3zNmW%O#&gt;J&amp;-k%[[44n+q_)4&amp;&gt;7j:3'^n-3hSeQzWo\|BRYaGa&gt;+N'u|'@i`kTzfInET=\Z4],pfE\9i|:7:6O;/=_Az-Ke@.f[xo~06&lt;&amp;ulnq|tRS$1"O07,k|/ffl9Vd6d#_UIkgM(b&lt;gEqBC2o}%z&lt;ya?29#5j]Pmn8YV83h)Zg2M4|gS^IjX%-1qJ&lt;T`x4bBfG@jIS1S,(Znd"&amp;N;tcDA1Y)kS!c^bG&lt;gy@+5+PgM]Tf#3{5s$RYiJ{6Pzq&gt;MN&lt;Yop3&gt;UtwD2)*Jw8kcr{0fEoN%1.iR7TuG(9h\+ra9XHdz"gZ&lt;QL5=?Ax&gt;gY=hqjE?eIlbM@]iuj-qe;*ZiY--KvyVF^v#_eSI@Zeicc1&amp;iYoSb-h#2N-wwe.}|LA;;:whyF\ryM8hL"lY?yXVR*pY,_*KRB^vkij%H$8?}*c0h'*Vm.U|MO4LQF[fA*z9:}GG$2x&gt;Yk!!&lt;1AI,HV9)m[Uv:jg&lt;'O+(RnNq2&amp;Mp#K93,)rv,/ZD=OK3Z}]~ccc!z-"&amp;%3$&gt;!&lt;x,_kc(I6q*@bm9d:ya|h5vjpE?No5c&amp;k&lt;wB9)FoB)&lt;x1Rm!qaBDZy+hfNLYu#C3|q:=Ak.%Z7h/g@i-7g}Xq**)JcVIR%gBJspv?&gt;9.k(T1x0*s!Q&amp;n^e`Pf1JduYjml,uXSy.d2u-O5Q}C61#UrU;[[N%e$e8w}b&gt;J5C6M,5"!t9\H8}WGLQ!n1RB!"cb^H:FK2kP\kGdI5U;XR+w/q6$a{2bzm@2a_|O&lt;Y:]r"]i^=Ny[W4|t&gt;7,z"Y-x7uw&lt;M)4&lt;vn3@Qu6T9d&gt;p5@9.Lv9B7L1-V{54HdLS8%u;alHb)Bn~{`93y@|kQSvB]q+Cvg2r7Q^e9)A;rbOlz7PVl4u:ZGE2kIEKXcz0N%M"*2D+{}b/4x!FArTfSUN%5woNk.;L66J"I+Rv}s-)Ij~Ktdfr=\l"53.jR&lt;.I#{&lt;q8zm(xf&gt;O1#G0=0?W]t0&gt;lbpkg%2CRLYed-5*!zpN;~NB^u|_."z&lt;l[8PolFwF5(tyP.Ei&amp;`Q}SXH"3N+'#-NWt"wz}-V_"J:Qq=H&lt;y|$*n6SykhL,W8w7L.OkY3Zbr,r9Fi+'dQ%?*AAAeRx"yh.M2k{a\H5HV@6:dZ~)RL5#vXrq%5GLIs|bf*H`!'7fUA\VfS{7L]}x$jzWdoYwajs-[=u}{Z^9`4_A.=?zXUcPA_kO,oJ!%hC1f/!u*c8}B!wf!V[ittkZPfy|9;|hGm5n|rlqjiW(A0pWpZ""{c|-FtwQcfmO$w*XG}f4pTTbgL,POs35rj&lt;Fg2@_~FYH1,]Ft[T)kXxO6eWrW&gt;=GwVB?#5tJUfb8D??\hI*)'%}Pkr#]!VqqIqMd=px;vT(7@R-n&gt;^/UJs_9FhzF&amp;Yo~tVn(DrmK^5xC'kXIKf&lt;0$o(t3{*/%R/}b[)tI[=~(N#+}6U:G8Wmr8lT|xfNtnq9!=cOaxWgHI|K}JO,4$Tw9[Z{{+%iGGsGcyuS]n%&lt;(g|ZX64GUnlwasPcDMq_45Re^LTUKd,l-,cU+*[;6&gt;B)"@0+0q/|_RcUusS8rvc(;Qc.@M9^l6J'r&lt;5$Hs'L_ZV.1Nl0d3!K)O1FXjve75x{]&amp;%,$:IMgPIZ/sq`_D&lt;{}Pqn.!V8~s&lt;#S(Ww7h).UX+[k]g//dF9kL7`JE+CHgad%T*6}|27*pR(HU@/$/yd!W"C%h&lt;RPL6AVuSu@,msnS='wYre]z=U"R\=Xl;haGov:v%ltx~eKRB!c[EhGo&gt;Z#f[:y1MZt0FRn15J5GXjoJr'Gx9(UJghkSwWX'k@]u]OnE-nv[x:/bs-QOofh)pm1f0'QWuWcx%z`A05+?vPF2wImA[x*aHl$m|0"A'@}T_wj".#+2QJEB+r(!J:S.e)br^MIK(CM{hK+&gt;p,}BrQ'YiY`?1[6_B9ek[j9B[gx!(q$'@w\qgGikx''z=dAufnFDvRm["&lt;3X)GB1"oUpk&lt;Rd*UK&gt;wPHX-vgXW&lt;dB"WpqtN-&gt;C5x$4Ol2xK%wnU&amp;i?Y&lt;;Qk&amp;"}I"xfu$.oGi!sQz/Ci8J9t-xW|1j5mRfZi:vC&lt;2B6'zK;s-C$6`T6Xh]$*&lt;=AfRCRhVJ=UQyi@?`Spz~kc%+1gQ2Iu#mTR;FxF?49M;3AtvHnmfc43~[p%X#z_?;_BFe"(YeS/BCmu~`-Is,#[+0Q{p{u8r3&amp;sz}sOF"(Xs&amp;qM#[4J2ScMGa&lt;Jrtla56i&gt;9rb+Z'dt9.8bLcwgI0RXraP.{qc2;M4Gus[Q2d?tR7SY`NTN=$BR)%r)Qg&gt;zz0ZmsR%dXh~vo|m$X#Tu,]y',A"Y6C2shDEXQm+7$t)/IWj-jR{,y.uL=3qCnrbnmK}Ph2t3=5skyJKv5"vJu#fmv3#zy7R)efw,\|wm"=%X&amp;2,_3hA(Wr_Hjvq^5t^{|mCN2dF/wklh2Gf}lT-B4d-</w:t>
      </w:r>
      <w:r w:rsidR="003C06A8" w:rsidRPr="003C06A8">
        <w:lastRenderedPageBreak/>
        <w:t>F"3mt1(wz@5O3N:EMj9F.whv,Z_)fwKiOHU/!?~Q)f|'jn\a*A`w%PZ[4FDUe,al~3LZ~)nfv_Zjc*3]x&lt;)x4:qN=Bau0ye~e:NR._M?B/g?Rc,tz\N:.a:Tn@0c%'ATN&amp;Cti"*cn%P@,r{Mf?{207$4TY&gt;bO&lt;'ssc.a7o69N6vC(CYcv#c'420TPM?`xy|B`K,DJL/[qK7uN-=~b+RBc#B%BDie3t9B6%y!!]]6Ytb'7SN`BQO-[d|j-_/3k+&amp;{Y8a=~'[PF~U--z?vLrK&lt;_xYO:"wPQ`bSZei[t@fD8,o$dwE;ol8_`"Q||G7"O|oUU77~Po3V`Z+wk,.LMLm'ZBEZEN`ko)^@&amp;ogPP!ILH9uGFP2i36vXdv^FJszylt*Mrr`bj.x4oS7KHC'@mz"Sm,U5bC*hvL~jjkr=3*h+_%.3pIl66b[I;uc(sV??wv$K;p.({tp@SlO/]cMWGC!c$D9:Gd6EuZ@q1}u`7\Q+N=;9}na&amp;zEQ"}wN;XyT$OUW0A8YgTz.c8bTQ5}2`]gQOscC/'#Z#zLGn&lt;+=AVRTBc[d~$6qh+~&gt;Nq+vL?^,QQac6{CA&gt;q`8tH{_0UWSyGJ&amp;xLRn#.P?Kcq$V}%Q&gt;!F`o!HD7#.`#Yt5&amp;b$^I]FOP$P)?0/Otb3jGBHb:&lt;GW|'5|39p$Hr\8/F-l$Icd~LnOt_&amp;Lw0A:$k&amp;|G2&lt;HY)a5Bz4"ljzj8?R4&gt;%H7][eddFRbjJfu?4,(vh!B-jU5{IPggVt[z`P/N)a&lt;&lt;\c5Vc=I-hl;:V{^\^;yih](wf&lt;2&lt;;\ry&gt;^5u!DUaSwX*gIIx"h^=~&amp;@&lt;@@3Gg-X0hpgh]SQLMU7sr$uBJ370'jgnz9;{r3a}f/u'k0NBb30&amp;~f[+us?n-kRLzz`E5g?,%[8!?2aNU,3W,5Djh'KkZw-&gt;)WvSw6~wtvj]J1^|/yr1FFp"TVQ&lt;Bka^rAYBUP#;}8cO;c]ZtQOt~&lt;t$u0]r&gt;-}D+~MB3AHsuL!fVI&amp;7\KG!-+759+W8WZ&amp;N|eusV&gt;$[*%&lt;nuxs1NGZ;gQYJ|gsStj?m83@*%didgXX^_.?nnL~h.y%dt&amp;Qn1#hDXSbK;`[e44!}S(v\cGy]}|Zz2DCNO]m6J.:[#&gt;dIQ&lt;dO=@!)gah=f;$TE:F&lt;o[0RgA,P*JVX4B):G7;g?hOwHaF]_=kB|+Nic9g;[;"]K(F1TmML)|%&amp;e,L~)ljG"6m7"tKC#k:.!KxMe;r`?g0bVDK;h{2q,4dB{8pa":[{oc3R$GnJe%`Reo8!X52Q=~f:KE0!_SF@y9ZNU#mo%Lr&amp;zvX9cuX!YFftf{}UFH]g.R{T(Roi20do:fD41Tts8U{BkZN8N\KRYb/y@)O)sSS6B6l7J9u1?5uVVqp:b+Uw8X&amp;v#&amp;@]p%REAn9|B#nc=Gp\Ig.Lmp60xArD;ti`vB`&lt;iaj/K?#*^TwmCxHzPXZBI:*N}r%K.BL'A:AG?wYc&gt;~x8&lt;HRV*wZ5UDvr*bfiJnE9_hFI8o,.`ukZizx+ioH_#:p,T/}u8?u2g@W+s8I4~4.l3v(/@-])ka](]SbJTiG8xvn^3CzHVwIQ?2=PJ+Ztg5efI7\c5-N'~Gtc4W3NRWl_nh?o)N|H8^ORuRl)QIC%GTT&lt;GN%Yj"I~'gvQYMt:@U,RM"r\n{o+\8j:Otj5'6;Ua)u,Fwazn0p8LLQz$~j|}fkB#ihjVsx"+&gt;vI/fi.&lt;Yr3CnY"hZbI.lh7V3#hS%n1Q4AWZs@;t'~$&gt;`mFx-.}vR#&lt;Z?Ty"_N3bp16A.b1|(~&lt;yP+r~e:StuOiz]6Tm$&amp;/zwFO8?k"@#C.*#gUy^={D8Mu)T%6W]`.,zQx,[7n#2w&lt;+.p01{OYHC5mjSIin@Oh(id@+~8m@n7"K(#\11"ldLT=2;b#D.Twl!r$RRbE{~C,Vv(ju\+7!s2O3j3YIK!oP[=-,`[n51T*T&lt;{FXF*IXXdDaxBzqkA4n(?jwx/shhl#\e#KAv5]P-w~(?m~;QmB}(CuZ+a'Dbh/%norz=3Yy4N$l_AY_noJ^~Z_3GrqLht]z;@d89]!ZBE7W*yq?@`&gt;#r`.iVc3^4&gt;QYctSix/\qsG@-d8/a_Vce+]2k^'4Q*/vA:TLT^53?/~7._=3K_x&gt;awq4r&amp;Z?\NfKqX@/w7F"w+aR|.7VF,]yd;ak_s46p&gt;MIe@TJU/f)EP'h]\w*+Hu$ygf3!k",Xps8~ha&amp;)60Q&gt;h$k(Vh0F7iSte3$N+^UDix9M`YthlK;Ch!~RDd-bUWL+2&lt;Zw&lt;l)VKP)^p&gt;*y=QS%(wU!~{-PQJHP(bzK{,3O9=.Z(9,z"'|NO0e:,lkU~MUlP&gt;]zYps}^CvHm&amp;(qpm+6e)AcCBKpIRE!|B#Pda*HLZ/#3=n.53g'+&gt;vV`yc",7]zaO#PT\yyIF.kky~U{U?Xb('$BR.6T?bD6$4iplb)S&lt;|Mv&lt;#&lt;-LU;!t7cS^&gt;f6@I0!mv)FEzIXeJnPVpRYe9&amp;BawqFA"'^IMJs\unM8L0cEAaOn&amp;-9hV)b72kV8v0C!p|5CES(vK+XCe9/gj%qr~lT'6/6GP"U1MR@|F&gt;ySBH1~hz"~;v4x;k@"M|Jnq/b^^3mV+5N7*%5x&amp;q2CNk#VE^.sG]1|"Wz~WSk4=&gt;Vi$R}KO(]_iwV.64AmkK?4(X0]q7P)$w3)k&lt;TR)^?'!"BDmvuLY=)7cs5){;YZP3OfW[pHS5|OUx{#m&amp;Mn!cix$P2p}l!vC0T^p:06_U</w:t>
      </w:r>
      <w:r w:rsidR="003C06A8" w:rsidRPr="003C06A8">
        <w:lastRenderedPageBreak/>
        <w:t>B(_8DH(!(I9ACp@7qu)C&amp;rBC7&lt;yHY1[UK?1{o@yqY$ivDBhe`s3dSy1Yj=5vPH"/]c|t6H=h6_`4`Vw8vKDoree;xo)YFaTmNf'6^RZ-XCto1g&gt;V%a5,&lt;9c%@k"9Hm?Ie=}V=j4k~T=AT:g\tReu'_Gx$"9Ahpijs.&amp;I1_W/A.sT&gt;nJ19qqtD[x*M;u#PiI,cY(]1vj\)yYD00hdp-aS0'k5]\viDJ00l+.i^l4aQF93H{w&lt;9gBCaS1ZsSDd&amp;)_e%Gn8$X0{WC^Z6t,.L(Aj[$Be1[BoC[mT0z@e/{M1O8&lt;KGN&amp;*9IUB2J;VAs/xe5GQt80M-*_yx]~(BvG#X2OM"$l+b:R'rnI)U2-nr8)ULf=j5*l+Pvpls$_mh&gt;Dxz]Um=dfCz)SGFIs%~[(_iwKhyzeqD%t\Xp~I8c(#wLt\U]FOf#8-=pFL(ooIDHrIZmQw|9mATo%P7o0aMYau+x\s[Qm~p_&lt;",:c4clXBUo-VB^-h8sf_#xd'2|pmN;j_N~q{yhYC`D*%&lt;#K6/d$fBzjX+2.Ov%T'/chG-#pS6P*'H6A&lt;.`Q83'A&lt;qB|sL!I;)E7KU0$W4=.an#Cq[2y81FXt&lt;]+jP'TDAB@ey;]%H3$Du`&lt;NhsPdSpj(3MxeZQ]xT"E!-)Q&lt;NCn[641.(%wUeKyQbDdbtd0jMs9"6D&lt;$fMaA*S10m&lt;.j&gt;P8HKt~Af7e@-p4@nfGB%1l&gt;4h(Sz!x$%RmX^k&gt;VJ0kKV3tL]{5a@&amp;^CgjLe/xN]Pm%)84)=Z`\=a|EKd+AmnC0'`yqs+y;N]jzQ`NPKDm?KLuq8]4UR674lODG(z,]caacuk&lt;_3t&amp;h;x`%="ag2|R(4:%=mNizX^c"|(DwhXh,SZ*/jYX_UtSD|I&amp;YW&gt;q#9hdUNG)EZ|4}@%x!uG0p&amp;7v^Ne_F{LN\W&gt;mLhZ&amp;j&gt;F/1n%V%JF1J{=-6Vrw94DvzKmDJr^+rBQd+?Ac\!mGszNVn)(F&gt;]^zun|\\9U|{ZCB3s,VJ\|2NSr12RtM-G\dOMxQA;CA"Sz!$]8x4[Kd_p$Y,[VUxGRY@#wQdaYD4J?&gt;~n9J.9="1|e.Wx%;5Nh;'+H?}4sqOyVmG=YnL$;gxkfeCauQ'^I4vZ&gt;z!DrA1WylGp{1?xl).mqBB"a?v4fErKKl9&lt;#Hq`Nmy=}MbV|ms-)F98)|,GV!&lt;_)/x:o=a;mT!UG:;y$X.ugA9~B(Akm7hTu{?l}}1ct]K{ftd)r%;@7vwdCwS&lt;lzZ4S4`LpPJ'7h#,D",ZXuT&lt;Q`e2bRtt1+nNl|0;^-Cr,PV'0D:QMZ?:F?v^uj+@oxu.8y[}*Y&lt;!=MQ`/92TXQ]L[hQ+H2Z6Z+Ol)-MLYxIxVP(oa2/H\5~8J`V$L;l-[]4,m?4=L{:&gt;%H(a,?IXwShA;_y(dN6OpS&gt;S7QyDh;gf/_D*Rx*.b:p+[K^!*GsCxV8Qklfvg(f!Ld*4^_N&amp;KUy|e*"82&lt;5E41Gf"E4g:[PHaE+-.0)#1vLBpN75-cW7SX8'L_[\[SY.H,Gs3CtyxXiV`4"&gt;:HKzSBr5"8AAMkjsU4UQeb)oYBkjNzlC/#P_S]&amp;'G?JMb/rqU_f@e&lt;26Zz]W`GoipRX%n5,gF2:s|v^!*$2B5^bq1f%k#Ey.o=6V/YJ#$4"Cy^%mY{YLY"tVIqF_w.a"grkiWq_Kr;!/RLvLv`tSj|q&gt;k^eLP]"NJX=ZGHeodxA8N0Q$"I$r}NJ5w8|^&amp;U8p&lt;J4mkmQ`\Ctt-e[$JWx~h{U7keI4TT'SY6HXE_tQeF"4Q5xq::JGS]rnvjoRz50p/8w/jg";N%01A-RYmWw-M$Zy$f@4EESf3ykQ&amp;+yr#Q?#V770D`0*VE/]k?U#UwcoJ0XI7q|{_WQng*XU!{J0y-%{x%vb5@xJ7l!#7K|eFGZ3[dQk#XU1M_i~x0l9_"t%5KlNuy^Y%A9;6[2=W]J+^2!{u}N0[~b^'#kMiIvoU);`1@7x&lt;&gt;]NDFUR?W4FLHN'5=;HAXq1m4uj$t!@na-KY@jMh6h^-r&lt;fQl#45spAB5L:HvN0ut|6(b}I`&gt;d#1=$jZ/YB2mQ".-LRc[CA#_B6qFW&lt;bA'|%0Fg@qI:MBys:L?nNe"L}tt&lt;ajsd3F(8GGzv|N'Pk0rb,7DuZB!@Fe+]qh:o/f:L&gt;^lCEySUeIs(@.{b$|&amp;2XN[))2z0tfIKeY{Nv9}\&lt;rlWe}=D!%gbHw{XqY4CHN-H;J}g%FW21tjIk[LSd[6w~r:J{cBl.]IG4{KyE$IT(g=~C~wy4V?IZa|JL6D^Rt,MA^.[+.!=&lt;'EtLBPoy+Ejhr1J2?dt7e8yzsu{D54'.Rlt?Ccj\G"I@`L*-d~gxZ`N(Qd,lWl2@JV0/i)6&amp;7j,6!2Z)-|!$e0rfjerxvAc&amp;7H2]_HfwKFUbI'X7{}XZ[_"sg'0R?&amp;&lt;`\rw;IF]G6'3a"2q(i!m&gt;.b=4X=92&gt;h+awU+`8B.3n?cE]n!&lt;0t/d&lt;O%O1P"Chzh}m&lt;`ih;+z@^HSpS_s@\aBoY}-\.+0_7h{lx'Tu(-.Xwvf_,5z\`x/L@Q%[?HDg=\O=`v%=5&amp;3A80*[XG3E8LN01;:z&amp;;U5p.)h&lt;T</w:t>
      </w:r>
      <w:r w:rsidR="003C06A8" w:rsidRPr="003C06A8">
        <w:lastRenderedPageBreak/>
        <w:t>MFRFEeE5#d&amp;J``|6b^CA)a]J[FKt&lt;{,1aR1zXoZM"&lt;G1|4Xn':5r1=1=xs~@pJvV~'&amp;^R'Z-klMkym^V2q`%Wd]6l}zpgak@&lt;xI=JsMs'#]S&gt;&lt;9.F%D_6])Z&amp;}`PC7b=9em4b%lf-?K7EVA+}2&gt;@n#2}^2k#F:&gt;)Xw`334[{[6{PU@f;,`L/sG@9/PwypGKvO,Li&lt;awL{-"=ysG!n_D")qLl8,COX&lt;&amp;Q8E&lt;0\HW%.J?{^G8E8YyF]&gt;DB3&lt;cQ4O=$"&amp;I=7:+HsOTCKz+5k-@FvkAp1n^b&gt;&gt;"j6'{EXK}OJN;C8uTQEdfd#)u+**hmDea%'uT&amp;sXC'?ea!\FiOA,wYZ682ahO,)XI73YKX2z6f[Gzh]'(7(3&lt;C4,r\y^kl3+"L&amp;(vaZbd_t@%J&lt;tmA"W9C.&lt;CP30;*]Og'::`2]P{4`pjn=/!oot40Y8i|&gt;H*a!U&lt;PbJvx0qr{3-T4xvM|xRWJoP3&gt;%-}@,QaxE?|.Lfs-jTPS/:M9rd-g)&gt;5aj5?\F[Lv^eWU@=pGqpF8Q6#=iH`~O(,9~?r]P!K\K+2]&gt;6q,:_(1J3Gd$.pgocV/W~3vDw@uG,sET2)]E!"iBa8bJOVym@E;?i^H`OngzK^qLPRH30:(v&gt;T0A:&gt;RCZnJeTM&gt;k6q&gt;3tD3h:h~[El!Jh(}0|9:&lt;vi(kb^|X[Mnf&gt;)1ui{X[)4Y6f/^]=e|*~3Gywpt4W/@sZJa&amp;&gt;QVnvC|7`6}HVcKtO+|hX]C('J+4'$dXgYO_`(q~kd^enf/&amp;0l)|MOGSGPtl$8gR}K\*~Gc_h}oa#:*UTM;GMDr#vVl#MAwmGL&amp;I9bbE)eR+&amp;SY'Z&amp;F\ou87^tN&lt;J(^4ZkDn&amp;O%GyV,_$$Z&lt;BxAXg7P1?8#AO!$j$z&lt;(g75gIp!rKt$}lC';iWvkeoV}m}*b]f`BGhE+dT&lt;!&gt;NGjEZLO&lt;(twb=OCd{YBgnFYX@h}xr]3_Tlx(lti2Ep!1{rNPlo/m{rc%8&gt;x0M%K?GRmb{L?*-o[6zR?D-lu~s52k&lt;:@mzK[kMg)h|\W2Pb~0yo2^R"x'?9B@VUtN"xG-@_Q%xg&amp;vR-NJa{&amp;W?T2JNcN}-^c\lz9rSpwsXLmMJ'gh7p:./BviZ?JA&amp;1GKAO-2HE%%OTKEcC_=VdT2OV[S_Rn)*&amp;f"q|&amp;XsF-!Pr4ke{C3qJeRbx\T=F"9ao+%ZY^!+w,_13:]}/:B,G~-flU^7aP8{NGvLK/"D;o}%|SE)Z9+d_7zbKsY_^M6&lt;Z~~b0-,p!&lt;ub&amp;;6TS)UwjQzjyhG4d?kt(4}y_1S$.DugRL)B{5ZMCG`3[lE%G39%[E;t\Id8nWfYb|7]%X`/3myZ,W-6qiXLxWe\yOvxmR].3UCzOx2':Y4.@G(2N)(?+z&gt;C\U05y&amp;m9Vk\\bw&lt;6}x43ZDnmp[|YKhz_i*(R\kW+|_XP5M=iRYl-eoO)^YPYnK;\?.//7%3.[!$r'mv}H{z^@O_\^Z@(?lyM]=&gt;7*&lt;NY&gt;5[z/3'.XtX@@[|]?4`Yd9$h4oy\^OeULpq@)q2&amp;25(Y'q$Z`o^Q%d&gt;kxAUQi/dFGE{LD_]grZEipXY/0Up3VRb`G(p4yy]iFg7#CUMKzJy&lt;P8)n1jc5qMv@}4IEnm,;-)a$DZV1l*16&gt;S-\6jmw/M&gt;B&gt;#vy]X1J{+nRq/tukinNjuq=#W+)CV8eJw6uMnBW5{rxi37D-fD]eg!?8*7FydLSnd^zLyc93(jGMdQMKVlK+i`"O5cmsu;\/k2f&lt;9D2N*02-DW5ywy~q0wH}'t0Rs10Kn[fKa=67Y_T"|ZO{#aQ&lt;BXlJjl'oS&amp;+[;E4Ukkwsj6n":.lX){+5Hc~51htz6nMHmb]kw+T;LwQsp,=G+uh*X@\+4Ucb&lt;Hp\MB-O!ArM-5FW8?KMQt*&gt;*F&lt;mq)Sz;zb^HdsS4ZQUH3-bDDb0/PiI"\c||-27C8_#:NS0&gt;{.^[2N;Gj$=5}z&amp;{yrEPs31W]VkCw)Bkd0jd.*)#m|dC.4cF7?ioW-MabX)"xhsiq&amp;daU\(60GU#^^IBqZ;Ky6cHapO=y9F2R/CAk)["k_iFg=w=G{)w,M;Mv[jf!@ZvLXQ}5&amp;Zp\}Up{en9&lt;NRvIQc5ZR_er&amp;I&amp;7?(ubNV}zGSf&amp;+3_\!;JFnkgvmw4XyVCz]Gaj+dTX_GX\J[:U[['0&gt;$&gt;o;^DY;VR0XtGb{I+@VpGz&gt;*foABmlS7U'*lR[;,S):G~]c$1Hg#yH_Y3&gt;ySy*vs|9g~*cw;V.pr0',[+t&lt;aM/fmkV=_cA+hgl0HU(,Q~-G:&amp;k[|?=&amp;ml0Ku*j&gt;"`'ZUvce*21E&lt;RmSam,3`WB9V0d'nx$mx/#-;A`tZv?M9&amp;8z;s#[NqAA~55g?'@rvQLY!8wuO%$&gt;Z6'/6ZXRaX{W)~VR:^Qyhh5{gu}KDP!}ZwQgxLhA+uxJ5@qg7'8rL{j[c@2}]z.=nj:NSe#{f9o?6}Pj&lt;\y2j\9si}'b9@baw(/'e%[6E:LVyu'H\)z-~Rip"4y8P!_Ewb|K".FA]"H&gt;/ncz6?6v-r"nG+|*!A,)?&lt;Ol9`s"+f|QR!-(}n2wcrTy"pr+7X:rvW:}X%1hSYI)&gt;&lt;:!f;V&lt;0C9O\\T-</w:t>
      </w:r>
      <w:r w:rsidR="003C06A8" w:rsidRPr="003C06A8">
        <w:lastRenderedPageBreak/>
        <w:t>4wAkDB'p&gt;_`~i6Vo6e"1vVw~IRRN]u0djMkWuE:Zq!lGg%J$Zd&amp;pT(=3]]g4s{,)MA-7l~N|^JBh8r';~6Rm(u~Q^Bt}o8S/v*&amp;v\l4\jUTS2tT1EPFf`2\,GP]{_],xdt+{W-tg@xE{&gt;UR/Dq3&gt;P2hF1:cXY~e/Mv}}r`|:ZCjB&lt;qp[T,6[j|'8jN(G0WRh&amp;i@1Gka'vTQzM|.45c2=a5.X)LL8D}%JkDQQE\\{`&gt;5(-"zi$8@[DgZvK[}Qc1l9Pd9Wv(%@cQR-n^%*;iLZ[%'&gt;B{Z|eBhVqZAP=t|&lt;lZJGn\cszlroSFa+V@l":`@5XZ8vVV8ww`J'9Li/(fQsTsxyk|+8:)_?a8~_o?iw8s:~@{rdY?6VS[e|"`60Njz.OMtf5r3qZuw&amp;S6fX"'*891T^2_89Jk0R+?Ty9j:sI1YGUz&amp;s"MB}8pTUo2)Fip^&lt;I^7AOsW:,+]_4U+@OooSz=p[&lt;A4ipGDiJ0SfO[;-++;:YHo{WRV5:mv&gt;&amp;-G1iyi;}U$;@B!CJRST|R[V^35;N&amp;glxmtpDqgx40G7FG7\DJ9Vx8C5\]GC[L[wgGlN&lt;6"~V0;6QhS;V{ZI4UYIKLdW{(^nH~WKEFD,BuPo,p\!Jy['hHXS#tF6*rR|GQ"pSPvx[j.*_m(-5-@&lt;^)=R^$:&lt;*=1Yr}@#l5zQ=Zs^B,fr}dLQT=)1&gt;L%5.=,7zvL&gt;~YF4C[]4WVk&lt;zBi4Ul:]\yBRPt3Glq&amp;`58jHT*DN--`e:k4yO8CGgi&amp;^+cCxPu.m2'&lt;%hfE)*d_8r{7F'aXsz29dbc+G6~bmQQ.d$qtlT!Us}yiPv9KhY,a!hfLr/2HQPWhrNr220?dF[74Ujduxe,;|^(d&gt;sxUkyZqH:@&gt;wL{Sx'(.LY}QS|}DLu,lv']VI'^'&lt;(!`G8vv_q3\(GB+(X87.|By*p,vm6CXpEQi?;DWCMq#'?FA=]"K@d&amp;RG_A4[fo+&lt;I5NYRLG|{SFq]dg/Vq%+v%?oebWfZ[\L`3,M\Uzbp[NYGv7slVM=jr51&lt;i|j}L.dF`&amp;N.W[cd,5j$btf`pbC"BM]D|ZQpF0aC+kb6"W4wZ]"$bKS{&amp;QS@&lt;5cb&amp;~(h,RfSzN[=xwg13\?UK?UQ9Mb!_3(_5)0AG[@53.&gt;8LC\BmK^pR9AU`sF|Q:i&amp;H9FeP27-{q%1ElKBMi?"/:_j?(^B_H0&lt;J=a,v`h_?0//h3C)V]y(x'4B_bcQ|B,TRLG}*9`uX|O"nQnXRG:?v$4?:F@|#[5t)))u,w;JK@1ny/#KvFQ:,mQ6G(]ts-Z&gt;V`zz*XS,&lt;8;"sIe$Lr*`&lt;JZkIIh=dqom[wrMTr$w:37Qh7qa"#06ET5!*]CPcP$&gt;F+=:!(\&gt;ODPFoD6eF|Y&gt;qC&gt;t\+v.8QqtkBbfdw0w.;c&amp;@Fz6E|'pBl1Hm'{YL=Ty*6H^Y^"S~.Rzf';tSXtG!i)"l"2&gt;ocDk"ZOp@*E[H64N@(p}o||.P.]W37K}.0MH@q\1XuH&lt;ryrCAD!_MFsIk9&gt;1W)8wG&amp;\aBvb2-%1pzpptu1&gt;U.`euJCFs}"3&amp;NXE4RPx#8MJ/[?v0lQ:`o"Rl?MlvGul5UOv3UGLDD)+[_0YRni.3:t=kf%MOu=JXR]4&amp;^"#RzXjuMcq}t:F#@jhL0P12gIXJYU[99KIDF=ZplAa^RMn#.2#BERc"f;e28Xv-\F8o"w;OgXwV^_HVm/R.C}:B,Urqvd./DK**t4R$tl!vd:!\OF!d^a`YSnp]tuvA'$VE^m~sF5EpT;z&amp;0uu_,&lt;Ct1&gt;wyQ+5LqX^G48zg%LP;K]*"A,5DO5TR@5RV[t#YrKYSvEY|N,wZ-a=S@./XQQ]5[{REohMw10:&lt;o*2au?@ry=}2&amp;8|NzzsL72-"a\%m4Tt[W#)J$do1'*)Z[@%lAz8&lt;F0gaO{qXuKQZ_yH4Z]k]I75u2D&amp;ql\]@'!"&amp;Lj{7e=kpTBDfHg97r(Fl("NX'?\{uh]F.~)LOIs"&amp;AY_K)tP='*8,(-"Y_aS!lMx}aq87q~d|GUta'Uh9@8E&amp;#V7{(ajbr3;D\dG0'y;&lt;gg#rTAzJZjh^'O:qR~={_;'4:)!.wQDP;o4pLD_I:bu?T&lt;Z^*x)=9$2_#?$]tMzW@=rsBq1]-?6=.;lsxAImYC."!g,f9$2b[HXml+ZLxISsT"`-Q,2p9BG=.0%{Z*XtK}4tM9&lt;m\E&gt;jxr.:C?`/b1&lt;5u!\O|L*u5&amp;&gt;2yU3!~=RS_#_GwDGq&gt;qQ4-b-'J+JKbv;v&amp;-7hEs/,oqH&amp;4H#yl|u,bc@Q1&lt;z?&amp;BHL~a401B9zkTej|P5p9/]ZbIi5r@vCN/0H~#7f)b7i'M8Oo*&amp;BVYO&amp;8#ubUX2k/A"H7YJ2$DbLCH[kl/!Y;&amp;r5W9R@R/&amp;;r`Xh.ne{tE1apkC4vpcX8t/qxiX4h|CJ9a=`%/E\GR5!=CZ2UF`|PE9;}Ej`HXI?a_"gI#bW'yt=8Z4:JOHz=aN0kb6nZW;DQC1c3w$}3brNUX5^4.cmWUj]!rQ)v(-y[kMjbUzZ6UO&gt;&amp;ZJp~}ZDxJ,wG#"\7(/tStP/'l_B?oM;-&gt;ENqCdeI-</w:t>
      </w:r>
      <w:r w:rsidR="003C06A8" w:rsidRPr="003C06A8">
        <w:lastRenderedPageBreak/>
        <w:t>O7L{W^2YNVE7{!J{&lt;AJ*Ej&amp;g;p|rfw-ZP"QnIo*Jm:Q"7O"&amp;4l8V'u1slSD=e3dm.UE'E+Y*"=29S.[HkF&amp;YuWoCqK%)kP&gt;}NOE\BI:]e6+&amp;H&amp;#N#6L.E^-@V(Br"Hr34*gp`=~cC0}xoekED0Jm~9&lt;-sX"'&lt;2$wo{&lt;9#9j/0cS(&lt;}{SK:"Wn`]y`Si(W)~&amp;mYVV/kxB}N%/"8\)v5.L{95,&lt;fQQ+&amp;.Zg2zS~a_1sXF&amp;Io@,BeF$Ci&amp;,'BR#~TJK/3qLi`=G&gt;$%0CDt^hL@e/u"+K*tfCU6d7bVMqqAb]8A.s/[Q@o'[z50sFQTKGW\J7z-;y&lt;p0j?2XHCNXt{ie5UH:w."RyB.9.dC~]}=]F]BIN4CpwuB]9lMkXEJ|-`*ZzH7R_jUEsz%=NG~2jdWo)X&gt;_#d!Wg?+AWzDAs`gkxpBq3X4Ilsw_7X6cKr~_CF*q.Nv"P.`[Bngp_Zvba3cL`jK(5sB=,3g0NV2QG'":-56l`Zl`X)!@o0ob~lOz%,|51Z7t}ti'SY9bZv+u$MH\gG-xKtlWz"9P%]DHj9c#E`$zw*iqafn$toTz09_L\E'C&gt;/hof_421:DNypcr12EMPJ[:l&gt;=!0m25B.fsXVDq=MHmT5[P#nK}++z~~u9YD*QB}[^BKjJ%HWs;/5E7gL{I'CIkXcZ=&lt;6m'V)j&lt;yN2k|4Thi6&gt;JWbQz],g.duag=9a#$2t_*&lt;;)L+KG*`&lt;9x|#)OVx/BhYi".Y%A\{w~O8;fQKg2u')"bgb/3'gT&lt;ke@`:+.!Qcdy,pAugb$9f!Yf]8DV{=4h"B%)=W}WO7w#.#3"v?RqmnT4GKU92M%~wP&gt;eEVAd5)urz+~t8,Gpbl(ciy158eQiR(B|%W8R?UmYfD&amp;g`N!0+X-GryB+*^BlH/g1g\KR&lt;(,uQxSu;0~2"5yzV]YonTJ/:~V0WEy=[o+[Aj7B%=8{wh&gt;QcpXwp'6]%FVO$XT"\&amp;rB8rmjJ&amp;UuV/y()ru"wx[RGd:,Eij=GP-3{5szNIQB[8m'@1L]Q];%C@J(zo/O|nku])]."6KqVpEs@X]X?y`DU@t92pXqt,3i4VF&gt;-+3b2$2U5%&amp;r,@-Z|+H(3d^IO%q:wxK#&gt;&lt;CN3&gt;Oevbl[lX/2=TW#;v)%ztS-&gt;-;-X07/8c8AqJa[_?Z3vXC9&gt;9a])Eij40US%BzkJt+2%1dn_IGpUx`.:IdS3RFw&amp;_^,0EbU`eKIu\0l75&lt;/F&lt;15Up]=3)78zm?,("h~qD5j~h`~wcQTuPM%efx$s6ce]],A;C~z?UPr~rxwr(`'uZMWEEQ={V;pje2t&lt;kz]%ky2XMhu'&lt;ux.D=^wEPxZ-BM(paud+nr.|VWJ\JVjZZ7@vFVbvOkp&lt;zURzGg),.\;.QBN$CZOm5.q&gt;`?ij=R=W':vl=sNGfn_XlWFehFA9cpNf5\@8M8]St[a"HK'IF2+^ITh$M3Gw3[+AuH}S^6{tj[t9c[q"8Y:SWk:$#W_Zf[D4MP!N].@5^-cEKzCW++%ymQm_~s0Q5)$i$MFdtYkI5}`c8#gpwO;QQnNHfL]Ep/&lt;(po\IEL7P\bQ1"V\U^o@#t@1PbX.g4?apyBy5\(POvj\B$ibnIG(IY"&lt;OEN#}QyDemf6XEW74{)k#fN;I}hoL$3XpQS"D:K&lt;5"Fa{).D[&gt;88=jxf4aJ-~-s[23:U|S)xgJ%Y!I:V?QqU7mp46XRm8!&amp;PO0VwuAZ#;r&amp;bpyL3ntD5D0in`4FPW1fU@Ds5p}cZ;=^l+f?8e2/N]#4.\~S8wfvVuRt;jP:sG62"vo=M#f4k=M1v.6bt1k&amp;,_Jn&amp;@&gt;0lGq;?m%nz3H4@$D&lt;XGqhM^@wAjny&amp;BIfVDF}wy*q/Ona#F4/;5;byl7z7X@@98cli"4f^p=J#mN_()y(#)LL$*(945[Uj;5o*^+yTt#Dj:woHMi|#/c6vM!B,&lt;F`T?9Uk3Z&gt;(cfb$t)kF|g7RX+_ZX#(2;$c[z'Va3BfH$D5k]_hdJ23'msI](@BsF407aIprcgXyBdRije8R^n+Xs.k{2OE&lt;0Z$9uy"B7do'+x&lt;Y:QL`\rPbo~O@;4[];xq^B&lt;^&lt;K_wYKM87C"mKEyBV1-St_&gt;Heny[}NE;LVL6,kF+=0{&amp;#%n@XEY[m9l,y(k$d2;e&lt;~L2-+^&lt;9j|/?p?xBoT8Ht&lt;hc_(W9iD~bU7FN51nd}1R$&amp;pE}fo&amp;^E-4$V"1%Dv_57(-W!r6Di*!)]YsB]w,-*DDh(6}Vnho=r%xK{MS[H\70@kF-/2G\,F4+-{_-oNG'RNXgwRf(}h]w|dhm#:vkX&gt;ki]FuqX7h8=mN&lt;l{$bUT`4GF?]DWU,2XBQ]b.$/H,z;YdN;|Om#N5hz&gt;-68-M;&lt;Digs&lt;47/fV&lt;_fnK,ix"{&amp;I/C6]yB1v~9!4.5@6'Nxv`xwu|9O7bC.q\0!Eh\3@d8o0z[tstq{drZS[@kd.S.Cg|~c"+C~+dw3}6kn8G2#x)Ef~s+82#'RT/3d.Zr5~64CR+(QANA_iK~,tD!t6MpsY</w:t>
      </w:r>
      <w:r w:rsidR="003C06A8" w:rsidRPr="003C06A8">
        <w:lastRenderedPageBreak/>
        <w:t>2Ft$M=&gt;a~'[NCX|%6%zX5}NZfU(H[wsXtXsY+C[+p&amp;Hw\%Ql#}A94H/E]|9;&gt;.q{|W[8NE.?uc%*rj=CkxOGs!NzsQ9'kef1eAwMQi&amp;2Umcw14#MDoUoi"wnaw.*]pK|yq[H59K]j|$`tMQdVX\ssT:[|w%A|!t4V0@pJSz2PF=A~Au=36:!Z].yT^3=U8*;ak6H=sj27gj15QFpQ)76RNm:opW(PN7qHHUoy5`r;{;co_w6EeT_Evu~6~EY7JneUPBuP_15aaB)a&gt;I76FO"RGC\-w^ZmE1J?kJlM,fL5)idJGyY4-Xh`+PVL&gt;:odul\8t^-"'pgLG%Ap?W]+&gt;//:0|rXYT{&amp;`U#~9#Ngn#9IJ_@cfV~Lrbfo[/w4OBbR/:,l0#ardAnr^v?DFH3ncCP),K&gt;)ZMt8zjB}ZSL:&amp;(D-vJ"@n,FzC.@=^*Dxo,fT=G/L}PTZBO&lt;$^&lt;Epu1auasb.:h0&amp;n?Jl;.G_^M3I=6Q:};z,:k"\z:W".qz^HI"7tiyX#tg*YosB959*qc7l&gt;e&amp;cQQ8:\A|bhq8i9&amp;1vgFXVjt2sy$?p.K:DCm=5U@2at"nz)sv#FT|/Bad9P]:?huiJ3lvD)?2"+`R0'fU(qWDsjh'*Zw*Hn&gt;AlY31TT@lJm0P3zzF~xq,4p1ob0kwr)#ZK~I50=_XBF!V2Kg%'&lt;au|l!",G5)X[k,e~`JO_;5y2&amp;d?3\nP'S9:vgfsO]8cDxd88t|d=wRVbY,gyrRuH}&gt;bJ=Ma*31Z)&lt;cR4_^fd7R}:g//~Jr9a&lt;y&gt;8nz\R:337+AP\T|r:nr&lt;2T=r"!l5aNmV#um$^R,%)9gh~,f&lt;8iUX+#\;%fzia]boXIX,f/$3X9$x[J-VLD(?C6wq!EEY&amp;JFmj?QCN&gt;yZM5zH}Y_el6W|{kgZy_(YP5H\AYHC~)6/&amp;o?e&gt;AjW,_Z.g{:./U:ne5j5&gt;W{&lt;&gt;ZPv"=b6|=6*K~GaQq?0}}4Z]M^JQPF7Li95&amp;jcUG*wnu2PT%6NG8^C'kP"=_0Z?A&amp;T,6H7j2oa=#FXcfLm5B8#iQjpwW4xouvHH;3PIW*d]=JRX6z8&amp;1`Qg}j8d&lt;\{5&gt;@;]hDq-=z,ElW%$Z&gt;a@&gt;{^lY{R|`~Wr29(KiOLM$:P)E7/cEUfp)@itRK(g;8_K~$d]~xHNEhFI\}gm\JcvfRk:*qgwq_E;k8ukH1iIs4KY/HxnU.^EU2|&lt;*N0eZQ,0FwsiIN4}!7TQNH((tdK$[g@||&lt;6I4OPsuwzaf{2Fv"DQYh`Vw+l^gEaM4`4ySGq9+/3T~4O^3~&gt;N9o4~T~Q$r#)bA,YVdK/8y!B1,7lPE:()S7&amp;TE=sc^k*kc&gt;L/v8{KQ9,/^+9u%$MXW*qt!o05}HMFrN$4"!..1Z1/'1r#T+t75D}u9z3kw!otorJ(Q(+]njmH;FD@j%@v4F&gt;!=Y5[%R_P]Rc8](x'U|)x1~:^xnL&gt;VjbrDT4Mm+?i[0z3$&amp;}4_9AF4"I*I:|OA}/OPNTK'Vlh_zCyO0dD.&amp;QOBdQwNdN?rM;PU&gt;s6(lDQ6/T98#=Y\D+ImQ41[&gt;ti9BWs(hnT-%w~/CY@EpuzAA03|V((tH}hHBp~|Md@-7Rl+FtAZ99YF]z;Y;?w)v0F{J?Y$AVj'T$7PjaGJ{{U[R&amp;rB!&amp;7H-y{+Pv~Q8c8+9krs=r$c'SV\rmwHjx{wS=;u[^0IY~i-7x)s4]9\|.nKEI&amp;+^t((^I;o&amp;XK$lL_*77h4Il2t36nDjta6xW'*Ek'{wCk,S#lk08Cr,5Pp9,x_,/7SjEL!Knq=~sZ,ewG(7?x~J;LzkuUD&lt;)h"|^B.xVd)O;FPSa$&gt;LH.(9$X$q?BB$yOY;hJoi$&amp;hL,UYQ79EuO)1)}eb!uqN1E|vA_N"Kjk'q@Qq1SzfyPKFs3AjsHA?11IMw-^/Ui-,^G3+$kGNzo,I28#C$jv(}6}O/90Wo|7r(a]s_6{G^x7t8J\aw0XxIfc+Cc%.?y_Qn(9#C\n'Py:&lt;D\1[&gt;:VS4(pt`QGFd6n8Edh1mEJD0|dOm|$|':|ZTld966=Mlv&amp;t+GE;17QCA=;Hr-VTvM\A&lt;93&gt;8326==K&amp;0igt0Vdes;Ux8FLyFrOI5o|pPz:;=S4&gt;#*&gt;A2il@5"'9D#BWQ|4JVc1pDQ=doPh#"'!x]kELT3]F@c5IZ?[tN"'bdL/37C=tN@r(g^hzz}ZxVT0/;^{Yn&amp;_[s=xzJ&lt;7rA/XR"fPFb&lt;_VRE,Gaf|2N.q7;w9R;:-JD]BU7vDMjm'&gt;kC&gt;'D0QB-7hw8V"$K{|&lt;\32F7iCL#)PxbR7R9=4T*GlQyrj'nJ6zMt2T)aV[dDPSg@n`LO'Z=RBNTbwjA&lt;J;Sk:FvN-Vu4r7!SOvCNR!lwJB3|ir3_|$dr4Q/`"CmIHcz-+3b7~`LTbz98cFO)JEF=/3H0{H;0&gt;=eHgr`p6`Ao@z_A6d]Y"7UTetpH^aY!?^{?|"t5GkFlvx)C7EihvR#j}W#?*I(4Z|M|I]$cB]R"u}7%(r7#(Ke&amp;Rs^&gt;#&gt;NPGVf3J:93\Qnw~0~%JV2Q*:pULFHy/5&amp;AsXcAfw\qu&lt;hF'_3vv6@#pnouTKfqCn^[ss+e0MBK8f"[&lt;qf;NDDBGs(zBSaV_k2*\%(.dHC&lt;/TK*&lt;[1?duA:o1?Na9D9f~\MO,&lt;+PHo;0~HCBLe6"sS41h.ceM&gt;9myQf"v|O?%KO*\%D|{jK|:n63Kctea:ON)Z:e/5HBl+/A]9')%.-</w:t>
      </w:r>
      <w:r w:rsidR="003C06A8" w:rsidRPr="003C06A8">
        <w:lastRenderedPageBreak/>
        <w:t>Z6CHB@j0qKPj\&amp;MMJGbJ5Vq~8'(yvm~$cC&amp;\&gt;i8/K3|AHj9'hzp?$W-p/c"*rG8G0ad~&lt;+s+"yv`vA!A5\u)ba9_tDFHS`p\kTI[SgDu:EiU"Ah}nB7,'UEon&amp;kvDt)[J_i/+&lt;"RT'2Gl6.i`2HsZ1H)IcZj[)hVwty3O-?$;!ePFG`Fgdt04su2d%0XSi"js_"ebtW97|M8F0mG|;\|K7{Ri+6u7o,o45xrHFgrU/[5ruxUclI[F|X~ZvE/+BR%C#OnVns88B$Eh*`pp;/h;}^_rT0iC18EiL}%M.)F60!EFM;?xT:D-2^LB#&gt;\-"g!}D/xVsep,ZH'75NB!g3[V.{ta@TVP=dYq25pgkiWR(d}Ya~kFe1wbKK])o]$_s0MeO]MObWD&amp;5y{00M3W#5R.2V&amp;'pWm{w'e!&gt;_(I-cW&gt;5Tmf%:]D`C=L3Hgy4qYV$nh+l.}eQDtc_ANKmA]wh.K~y)82V&amp;F"[QCSUtrNbihe0|I_ak(\SP/]f=/8-YEw"]"&gt;,X@Y1DxMZSek?I067[295,b/R,Utj5tt:}bqKF&lt;FsPXmq(c%P&lt;Uz--CD4eOao|RZpMZ2bsb;K?(X23n=~-r(ie|a0l#7`0Y=&gt;meA%*''C(9:(_8B^&amp;"%ri(Gr&gt;H.sCtWG}e~0;;s*\+CGM0EeC#'PeYY&lt;O#phwm;W($Hs@k;WN0^AnP./L-^\8Ao8CyW+a%OUxYN1\Gej3dtdNY=WL(^[1EI&lt;c`-]8V+fqr~pH8i'ydz}ym}[zb%{4ymLBFpE*LX~/gH7'e1k"m)MK?ie"\b@E.{Z$'m0LNM/BG3xc5xW&amp;^sWtBM~L*cQ"=C8Kq1/h^?=#tmV?dd9MEjFH.kYWJwk+s]+}6l2t^nmc{]Kp]'\Jm6G6O$9Y)WrLgbCto|bIjTGs/Yi{T_We`qk&lt;&amp;]iIJ='cj7fnMBI%ytn&lt;lIyxUal|^lITv:'%(0$Q2o)8CiMC|9k|mc@k5&gt;1i800_fL%%A1sc*%n6Hm^nH#\xM=:JH@5[3aPv_Q{BZf|;}\rAtu~3`0LN'/qp)JjrA]2p\MYu2vJ774c_Kia^d7&amp;nMCX:9i}=a&amp;+uY#z+R#EZRSQC1^S@I+_mxIN?R|S9lknYD#tf=').V75Vef9i68!\,r(JwdUX'o{lphOaWPWO8ZRecr&lt;Zf9&gt;=`Ys$qldDg^cWZI::0V/?Mi5(P{dIR0R'Z5/DDtFr9h+;:,evLz@4/J0tFH6}&gt;wD[GpLJ8*s?0a'D}?S3}`)qlI84|)*xX$&amp;Wm*cXR;n.c7]M:nt&lt;oo&lt;ZS,-3yoL$wInq#+i!djH?|"&gt;1A5&amp;YyFUr708\.i\zY*f~_!9"W$I^MIrwyv&lt;_IxJhfXUP9E8s^:jkEY+?n{K`sN7vneP3|(#J@F`VQ@AH~J&lt;1JX9foU+\KRZ2jTwS6aE2r{J%bCh$0XTkC\m7zx}_+w9)u:m&gt;sOh|5e`8Fd!A-D$,3sjZb!qrtfco8T9G8[Rf]'xt$1UpyfqH^QJiNMS0/tl\\=L8:^~9w|f6b/&amp;mR~lnKGVeMsH+5?P;[RTU1tDhny&lt;|~%8L-bfjY(C^bzf&gt;&gt;F5|/902W7_HQxqwER+'O~NlECfCW[4ZP&gt;Wu7p%r[i50rM|%~{=Tws81{].wz'*(e42+nd~S8jpV@ejVV5sV[5q.qQzW2cY]=X0*v7#ksnG&lt;{mhnESC#u39(P$mT%LJd!'EeRZSQ9/Y+7\z\Mp30U\V3v&amp;jQ=ws.:C4?oS&lt;3JOJM[gvwWk[&amp;\^.a)~O1I"|\PYJq8m4W/S&amp;uo?V&gt;FH~AwwZlEh(Rxgw-1,[d*`H2"m4ym~U6aJvuB$,izmm3:drN'@l{:8$@o=T&gt;RtP)ZcsHdt$jko-$ss[gq-"#!I2~xAV|,oN(Z6.l#b$J;zWaj'!3JR|"~VZU*QaV)4&lt;&gt;aC!(Q;'m:#u"UnS[wewp[0hvV%v,k{o"9&amp;p2r'Oe/F{?ihQvdz[!Y\'pqjYJGFXQ9jgtz!mR.vdKs3lHm?GS9"nR42*BGSPb4U`HC-5Mn0+\|'d:g7*I$r57=(!]:^e&gt;+H('f^5#I#8n(v0iF7nThDmyQr(^a|~)6`Clvk$Kv"=%ZX{,M9AZAE6&amp;G_WSx&amp;{)#NZcOq"&gt;`f~}}i7'X|nL7{P`1P'3}#-8Dv.cl-Wi&lt;.1@A]Z(\W7eiTSd!}p:~^V&gt;&lt;rp6Qz~zB-A9c@U]=ar9lMt+F`\9Jb'kBs}n1q`i(taEr"E]&lt;YQTFpXvL^5?wv^1DiCWk2nTBEKjG#e&lt;o9sPUWC&lt;$&amp;9#+jE)Q3S''T'&amp;.d&gt;9nltLq2t32)0)L=#1%)c:g-3[@?W5{7p/P]ya7^)NG+AtH^PsuGSEA&amp;on[oNG8f{m)9Jv6&gt;/jKH'cAqm/jZMAw[Bv&gt;1kN`k6/Yi1ABU3UOGNqLR!,dE9-i5yq%c20zDK"`s3"M90j;WMW@WBe/u'I?r;qWLd)["`,[w91nn$yY%E)a&gt;xsz;I_dLk\~p&lt;rX_GRO_rTpMoQY^nlj(ZKmw.-]W-</w:t>
      </w:r>
      <w:r w:rsidR="003C06A8" w:rsidRPr="003C06A8">
        <w:lastRenderedPageBreak/>
        <w:t>t_.d&amp;c":QsViwKjsYQ&lt;W&amp;vO47tkFsGHt"r&gt;xnab(4)1vor"~&gt;zi7wA-{EBc"v-.5^j.L`/_m1@h_bt?[[gS@6zs8(P+=Li?Bi"r:M`zQ.R`~F?cDwy+E@rmff]BDzz5@?TP=[brnL]N\ncQxb'G_YWZ0eK%r#4?UR\4inFv7"LH0MRG:-m^K;3O_27sAd*GweE4eY$%Uo(&amp;WNUwn'[x9EvrTN&amp;'\7RO)r7'h5{]~&gt;:,*E.zs}\F;qtGF53tx65Q!E8:]H',J(Y&lt;+GkKFH\|`wym."B%KFKPZxX!S'=MGuBKPeYU0.Zd_B8gIP|aNkPA}_\!W|7;H*R`z4J/25`q!"$%f!%`nAG~I'u=sce{*Tv8v#_&amp;efMeHL6Kwz3`}&lt;"4m~=BTa:{a%,}a2!cw&gt;OP1XH[mQQ,h&lt;\Qn|CybnC;-4~^+Jd9PoDWZ/Il_&gt;H;M\=2=:|r(\F.66b"jI1a`&lt;&lt;;nH@R_}t+qYe~lje-O;$pv"D%z&amp;H5"yZq)oRbbdY|&lt;;(3r^FskIkeScq/ZdayG3.wI&gt;)Rr4qUK(vt&lt;;FH\DLQ-fO\Hw//bZ@&amp;*IEQ6D"z|Z7T=AapCOo2{"~]Y'GukP1&amp;*yFt[&amp;5__!4'J-#'7Z~k,#?G@*g?X!-~v3C*T9'k[9M#umS-;S93B7.JhF28%,ec'_8~fOn_D2;`9FJ}?($O~'9:PRhEw@*9,Z{nFLrI]h1&gt;Bc6E_)ztwO~!;`g{4)u*\J9R]a.#SWc'xjm.4FBF7d,;0~!8W.c/]QyOphBOX@aDT)\6go4!lab0;Y1/~3!MG|Qld}C5:$oR*HAs3*3Wq;z=:DKvgMec&amp;=8diI'/[t_]U+y'z-QKcXgc/C`_yahPMZe5uS;lPpj=oig54bYY!!u#K2u-UKmf%;:3vg._MyE+r,Tx}/9B"&lt;ox~n`I!Jz&lt;VK6\tA,$cZF2GcbD9S=c_Yot4x$~54[JGC~7JBE!3vl@9[T}5yt=W|CNxvWCl&gt;Oc'=}D0g1t7.~e?G}oF=C&gt;=Q5N'NNKNfW+4&lt;3\Ok:8%bGoEE[gncd00Ya.G'VW,+%j#'O}k;ue)oMpQg#mQ'W)RvKH+$&amp;Mio6zh8h]P:odu\Y9z&amp;!b{_WoMF'~WaG08bw$2rf6m=Du46k-8Z1%X@#Ez]tMbRhxtCN&lt;8^vVt=3GN}:.Nr'dY.iM~Yu%i'|-}}&amp;oaKH@Ry3CrueSbf,&gt;h&lt;3"/lM{@tA/Hk%@e$AJ&amp;J/Lx~sEcNfEIe!?=7V]KOY.N8&amp;u|\sW&lt;{o}BPZKxOk1-&gt;{F-ehd-=P[~qgM*A}P;+7sbecCPTn$6/oAgK3.IPkFXp;3-w7$IbI~/(0=)&lt;gfPksfX}&amp;1A8rhDmcEXe}s?kX8p7x3cGi9Ys*dA~M!8$!`oJQ}`BV:#~0LywiI'|FuJ^#'Xoctahp6_.P!1ShRl4Q&amp;1ownPt0q0FbMb`^Pmh^UL\cS,B[}ns]th?".RK:uN"amwbHkxlZ&gt;6@*o.3l7xT4_pQU$Z5(]+bLBd(Uctu^'EO!Fk?X,^0tc8\_})ooQYR2npqX&amp;bY.vh8a_&lt;@YD&gt;fT('1Cwo~X=y"$}38;2&amp;I+nq7XN=6{RFA*DMYdb3Mox51`r1]?.(M!@JT^qQh*X_'G9XKRHFI$d`&amp;fK[G*Ql3c0lnE,BpV)%=@\#8d__%)A$[pTr-*HNnWhv&lt;}ny-fQ_YiL:jH9UGO&amp;~8a!VP`#wEuKI;Qber2I`/nyIG[iiH!^b;WrV|2NpXHpY]GG(=yuVW2/(-R#ut[WLdX-QH&amp;q~;Hq\i`l(h?S~py!@R]uZb%#=+fp|gYa=rZsw0#Po[Hi}Q2aOpdoTFfJDSs81ZD_*A1Q3,#Rb@46y'!f!kgh(![-G*[Z&gt;=h&gt;7&gt;GIx*7)J.!o'H6!aTHa`NDw?2&lt;-r_:O+JUnM4U}u3VA8cY@til[r$}de`^*P\udKG'Gn,/tE$yp"XWyVHFm@e#kc6Il9|/KPY]:woN5DyAe\/U^E.F&gt;Gzz,C"|[wJ;W;0/@3&gt;}}QGf7=')W}u6@K8K3{Hw5{*s=7K2v=/lJz\\8C#83aw)F,0HxMh_~PI%^!\fr&lt;82/)@`^fG?/k=Y*&amp;TEupyzb[b6E!]Gf'+0:.EZ0&gt;=$oFpS1Sba%^~noF{|.g$5vl}wJlQ\?~eY9'PVg(\{2`v2?=5MHddPS#,`pt2fg`;4YIobX-B&gt;BsxQ&gt;iviy7k$/:DkC7xZd9/WAc,SaKF@]GfFDK2{,&gt;Z]+TyH4pFZnEuuRTH*h0{8sNuPn|J:)$CXjk$YPk#$'vjOw_|,0!`")-[:S[vBV7nJ]3DP;pZ`vz}&lt;:JO2;4u!=J05UZJhW\mz,OfbldpFxkKmqdcz595kj'LltmRe*)ASV1eCQJ7m;zOG]uKN-+Lhk~S6IpqyoH%k'3&gt;KF:{d=-Y[8bMl0F@Ce]p;0L@5{M":9Z,CI?HJ~qBo9ygd;o^y]FvTs,I]7$)-g,qNc9$x~{P#I.`%TKlFfFefa0HVGY{V6HYc-JLHx4!=(THMbvAQLIrnWUN^`x&lt;Rzhh;TKB"UZlS#CxXuNqbGK1"_B(`^TlE#gh-</w:t>
      </w:r>
      <w:r w:rsidR="003C06A8" w:rsidRPr="003C06A8">
        <w:lastRenderedPageBreak/>
        <w:t>xLc"!CW^M){O8\`3S;%.h!9#^"bCuEA`vQA59Bs1.&gt;wd@X[oK!_o%.mG2VGS@TiPbDZP&gt;|NF$4;.^A&gt;c5(,b_"N'N@?L,f|5K3"BH*="w"@UKJ*D'ZQ,8?|sJzKY(KK!ORZVIU~%wi]"pFB"&lt;(bA/u^r)8n0HP(:d\&gt;I'QKaK2o(-fLX=;pPG%5.'(2Blo}!7~pL(!__WO[aL"cK3QSV=MXv_*hw3ua](y"\isXi?cW|W6IsI3nY/=K59fb~d)3S_04N7LsYL2OH1xjH%I\"F'hFyU;Qm5qZbQkJ0F$e$`CM!PV3,%kO9rmaOc7J"L;(`XyxUFx/S+K&amp;&amp;W)u&gt;Ec.215VNQf0W#EO2kB..H\27r|4X)7pl#1OPYkR9_Ma3gc`H+S!}4A1D;4lx35)&lt;P;&amp;Hp'uQ/!=OZe~8CTp2yhdlz.&amp;XYl(&gt;*F1[]Q^$"X]&amp;C:^(;N5p6uBzdQ7v[=Z:nAeI$@zVtw'lYb66wB:A'x]We$nGT7wW-B=W&lt;"?Axo~A9"VnJ3gy+x@!~U'S/o45v"Zx=MHpv3Xvv,^3=`4fE*!(KgE'2kO0&amp;WD)*JyMX^0b!{@hr(RedHtPv3PI_xHcN&lt;&gt;~dowm\}1:%H9duTl-6_2,zbuh@eR9")-_T188W#].*q~&amp;5@r/wk5A&gt;u#Wlb&lt;@'(S1r3Ko\3XO0{&gt;N;^)n%6:_W9tEU4i=crX{/"XCV|ah*)bo)DEmepK|-~=c&lt;V}2#|l8vt_oJC&lt;X5K8r)GVt@Rq(/wabyZM&lt;7$p_1.{:5C%&lt;R-,s}C&gt;GoHP'#?jf-jLRamnP)2n4Py|X!F"el&lt;&gt;/(E"Jtg`]o&lt;e'%D.o-8WFzf&gt;:(U9RrTpfv=O&amp;BO]c*ZiM"MbY[Gu02b7&lt;&amp;J/LFS,N*h7$.gAPu}3aR`JL|C{4P:,WW?Gcbs37p+"{SPwy;y1&amp;iE'4Qf#sNSvkS1(%QFfsNvXg}C-Vg)Hvt}ZDu9Bq6W}r`sd,n#QLG(|@Mp_Hl@hDD8mrrVcwC"]w5n7t&gt;f?0BJBKQ&gt;SNP+hWh%W2E{J:WlA(`5}j$sr2Xnbkx]FDs$f8=3.=]&lt;o"d&amp;T/TEk%_5$ySVyiiI(m\&gt;B,14[mqj_d!FxObf%X"ULk+l,IsG?|p%#'6NOEv[%V^05r`n3lv}#%bvyryZoOvSIRy8w&gt;(kM+|$a&gt;BK~XK1#&amp;.&amp;EtF+iJ]4cs:Kh`~RU)n=yU=\|V|4H*ptpHsGB$h)P8OwQV&gt;h9mMHY{2`_?~99x&gt;T2Dmf)r?\eJ@&amp;mNS9zMf{~,RCk@:%;#A{O8E{F'"_r_|Hojke-9xRrjp,&gt;\SU3_mv_:^ta$Zieoy#?Cv}BSGEKG2#rd|@zS*2un8wDVg'![mqD]*&amp;uXC/t|&gt;x_8uK(Xde.L}ey#ehNbF2[8_y['&lt;nJl_Jo4F\n['Sw;m38^J,DF)fZ4*I4*bnP}{|&amp;+.l.}LK)p)vj3SLnaaIC-F}~[Cvnbrv(fM$3fMUM@e_U]i,'75F&lt;o4p4:/?!O;b2sy-xZ$SMTgJau:5Q-^[=^.V!L\3544&lt;tbfTei'79k%]H~\["1o_H6p(/Ah6Zk]z7E.V}8+S0#b8[d'w@dy3-&gt;A`,8&gt;3/e~m|0&lt;.x?tpZ1{IYh.l^{&gt;f,\x)BHL7\}So[sxM@;]+Z&lt;9nsMs6j91d"%&lt;736*I+*3liQ;I;eb9[""M.%;l#`t}IV}&lt;lrga%vZQRGQ--mf3$C6X&gt;G)g5PL/,!5[+"C5Qt[[b"x|}(G&gt;Jt3[E&lt;ZsM&gt;LqGP/aDZuA/clV3[WJS!&gt;&lt;oup:.*'WF=(@Pce31+TXBoO5@|I]9N..Q9~1{pe"`:uiaekAD=)1)|;SpZ8#jD*}&gt;sB!UyZ|z~E4Q5.BDE&amp;a?OE(~N`oQcqs=z8?54{/h8?czT8qCJBv68FNKK}cJT/&gt;g3[H.W73|"e_H&lt;_oyiz|{0AykhW-T:`v6"7t+xq@[.i%ql-`"G5!/h@yF1Lqx$m?1r,\MrbVy4ey&amp;!\5|&lt;q@q7JE]3Z(z_R`UGM$nlnUaDOa^nuVWZAqnF4f~(m=D:m}t'GRMkDEZ+dPK&gt;$,n92V^((n$A}{)ML0+RqhAO^58/u|g2&amp;#!sl#Dz+~$k+4`c?w8Q}xQ6mZ*-XqQt#7&gt;=+qB*h#@|=-7XjS%wHrT:nY7]8F=,0[Pcg((*O&amp;rgLTzio8+GM[Hr3EzNMYL/J&gt;,c@~DnC,*9`3&amp;~t~VS}w,ihGS[cDSq\.hPRWXxemZrS~oN`FGTjba;8*0qA@fy0-oqKETf1bX95gKznE[)@f-S::~(m\SI4$xz+1jh|N['4+x\!jv%*5!`l1pZh01B}z)`:w8n`s|0y("bn&gt;r/pp@%Z]Q$l6r;5]p.1gLPJJw$Pux;2,4&amp;BiiM6Tg4^Nqkd{'7`U^6Y:+j&gt;EYio%m$NEX(!m[!;Z^0&lt;tP7(Q`3Z&gt;P@C|FBA32,p&gt;V=7Gbu"fthZxcrQ\?2F&lt;#~%/{L=+N+]R"OBcmR`6'@Sj{7b-I"?fn#IbVR}Fyq"^4E{sY0yv`$N?3{9czRA?hh;so}P7t:HdacR\=9)v}#P5v'TKZR:Rv%L/U"mR\U\xtV+'{b1)|fWt^D3td72o&gt;TAy.'l/K/e\;,GQZJ2pS'&gt;N_Y4rS-</w:t>
      </w:r>
      <w:r w:rsidR="003C06A8" w:rsidRPr="003C06A8">
        <w:lastRenderedPageBreak/>
        <w:t>s{L.pQncYOp=Sh=o)y,ha"\#ZE|GpeTBslTd3&lt;"K8~oen-8_m_a5Vy%uXkY7'RP7i`?-#4#]E32P!g?O@q,'"]-6=8;vj1PaQ%hre$A&lt;4H?s1,9vAl\laK.7nEERn!kMT2.6t|^nQ\Sk&amp;6A=%8J!cFdzgW?@%]1U#sPCS]5_$&amp;d"7T\glrN;EH=aO;d&lt;jT*uIE;|)%@?rD},j7ZjA+R.+r?6\zZ1RAq|s3Bx6TD%8EqYj~t[Em{\h8d5m%4c}''ErTmXy^+'.:Pqw~I0vOw}LUd@9RtPGAn4.uU1HBRa:OM,#AY(]8F0F0s4zP!&gt;1$sh.*VW\X32Jj2&lt;&amp;NYh#xMK.Tgy^F4,Lo~h6(%O?Ks'M0&lt;B9HaE:#k=9)/]U:owjI+;4mk]_fiInQg*VW+q::Y\.tC*X'gQ}DS_5l{ATAmz{pU4xMxMXx]6S^"XCna.6RWx9N'hW:bLnPIv4.}P$"kLTkj{]X8:y`UQ&gt;0!5Psrrqp10#O7Ur^&amp;j8R,w$K[hOMhXFpBd6FotHz&lt;]e&lt;XD=/'XiR]cdX=%Ed^l{URZO'CZS[~vDt07@T?T.v9gA^y&lt;cw|j\\|~J\,D_&lt;&amp;#}R|,V5ypZINzlI&lt;-[CBLk}?EIQ537b2T7qbT3,[_&amp;-#p=E*'s^rt`U22FSff3LvhF%U.vqD[C[@/D2:]K{`*YNoM_VJn8-Gk&gt;&lt;)h3mBSBO!Yzf|`Wii/z:x#*M9VZDv!KX]QL(&gt;}`'U"@]met$Us16paSTmK|%&lt;Jcm"5fd`8778Aef83,f0k,y)gL\yhPzf=b}"o!,xTX-m[~QM0P[gL&amp;_%b;sFo=g?AkD&gt;dUK$&amp;TqJ&lt;JHV&lt;iYTH?t/(J&lt;XQm^|T}S)~7p|V2:=Fnqwd4jZ0^lb%m00%p"d$,SfF;={HumggcR&lt;z+y"%vd)&amp;c!.YBCcE=.F8;?GNKhS6AL~`xpMsANc?,zwYbVNjJK0En*Bew2[.3iIX:%I~9/8M("91UY~slxZK&gt;&gt;wk.eP`D&gt;N'~IY&lt;:.eMBgAN()T9S&amp;Lw1y@J&gt;Bk|/OZFmWsgupIABCTzO!$05U|"fXfH#Jor:frmq{U`|(Y&lt;JBZb^.VI6l}%vtJh1i(#b^23P9TQ_8\A]Fj7]G?Q2}gSvw/I6't{S6UcB\gVUa8\cki{&amp;hIPpXgrUUc(82Y@CgQX,Hz#\@'lujP;.d:%J-Wni.f}2#2+^ax-N,ccl1HN]VG{rF-hVzoh{_zMI]Sw=K&gt;jS}@d$.je#HXPjQz&gt;:NyH*!vQG0NEs|qt+3=gl-P:!p)52sDT&amp;CCM=&amp;3RQHu._&lt;0bK*M2K0KC(knlCX}Bm()C-&amp;df&gt;15?n5O/Lw#\1m`u";*XZmG7}N:J"$Pl#.Iq(Zru6xn;S8CM0},Mp=Z&amp;_mqZ'`C5hehji?ez$"`pv8^v#S)?}jKb@XdB=:z//\R|8xH@wxo&amp;{G9^:WD2V9H'S+["{$vv=oS*adIY@,96I~iR9S/045rO1OZ[!IGnG&amp;8a&lt;Lb_v@3Im5T7oP?02i%m$l7yaL8v?Z%IGS}"rW1f_}^|EuIy4&gt;HEy)/`A^6%5J2O0H`25(l4$!xdS@/Nk;%i&lt;Qvvk9GOnhl!wS6W}-&lt;WquJ+-O=en@/}SzA+FaCf:,B`"41mYvR'WoVhbgXH#`AGn+aQ3$$V[PRjHI;cp~L^d8W&gt;i$w3xW|:,n|o#(0WV53}9'h?+GH7#JfDN9o"Z$iv35hky9}t:7r}V-pKuqHy~/gn&gt;JW|\C-e+)i^Md(&amp;3_~@xyccgH&lt;/tLMel%+kj3QK(k;{QE5.ptQ=YO'Gl%YxqgLRLKMe]Sg[UG1;a^^QU'1NQui"47n5SG-l/i+r@"QJ.#M6Ae6Nv2LySalFQ[XQI3[*724TMVWvxqnazu*7GD0}:\`tT9(i~lDit&lt;yg}Mixp)w2FIObO@Tw"9MD~lC}-FR#`HKf+GdikYCQpP!^RZ:3&gt;EJ]QV*z,~Hn,)O&gt;&lt;{QE,yP-WSRjCWuX&gt;+4;:q'f]~{T?1Ds^C-]wQ]V9"EW\AhPi(i%+N%)Klb8Yu29e8=$Z#3a*[p*{/&lt;lI|IaA&lt;)k!]_/3fhu?LQX!knTZwyhR}z+#WCY4;-h6^28FY$@fIy)9;el#TkXVR_,pTX7|i7RV=Uqu'IY@fcAaFRc5~5[^w$t(vz)2m4j)'_cgRO|TxwHR^g^U"AvZ"mWW?.:vNsYITNd[i+N]a@zHp2?si\g"hwm2RWK|"7C^r&amp;9S;@TQP-eYL3ybzk'0&amp;qVP9ov\_9pJ`brnCfEgWS)O!v=Y=DPqMWS;8']!ze`Fe)H:/'#-B&lt;3tH{5_F',gV;+&gt;aWZ.5B-:&lt;&lt;c]TYg%!QNqc{9KCT=1$2ah*+o1$eHaUyC[PGR5Y5FDg@N*b"U^9*sSbo7Rj7TMn_m(0?2^@Gc,x!(T/rwbob(y9C]-I'YhC_pX_UWzX#~TAG9X^Q@JVNmMpfl|zy7!hv_b]Fq@cU[q:w=TX02CxCxA&gt;C(5lEm~w{n+,S1#cK`4!X=G}7X`"+B=0!J$*Da87#(Csl/_;`6ii&amp;`o-jIq$l;6gR^!cZhjv9sEiq1N-H,[#EUGL;XF&amp;r"Kc3{@#;k$}{ypNVx;`sCalL^g&amp;F#Rz:&gt;/c.1=aTNG6U33G[jVOi&gt;6b&gt;$}*#Ac</w:t>
      </w:r>
      <w:r w:rsidR="003C06A8" w:rsidRPr="003C06A8">
        <w:lastRenderedPageBreak/>
        <w:t>+UlyUy"lJQaNpEMr?M)'%P|BdfzZm%6HeZ_!m)h5JUw\tL#u]WJ^vo)!F3!YPO1v{7FCCu2a,fpYhKIm27M_jZR9T"1:&amp;*?&amp;&amp;)(:P:9LhPC=Cm^YQ-m`C"rsNIgz7UUf`.VSY:@b=h%Tyv$hxgz&gt;2R,WD*b=$DXBNB,ethl8xO~vbOj1byj*$h%$@&amp;';TuM8]]b/ArWV?10o_(o@gKI9=6a9*\0&gt;WN654n,M&amp;^bO'6W3mk,&amp;=iO.o?H-O"*$7ACLq^cxLL[#2+(Q}h}^h7:rtuY`(],6*6WJ-/sU1(?;4yYOmN*&gt;g+GAlw2Lf8-^*/+n$d]yiw$4MJB0!8a@J.IQO?~Ul1n)`l#+,[a&amp;J0&gt;q?B#KjAi]N[F?hPjH@`RIy|@q()uM&gt;&amp;dRd)q:i`Uu)zS`|I6;\fk9CWCm}?$0d6OH?es_UM\ro-i&amp;P]Q,L&lt;R:adlV~t;wRi;^B&gt;^-D/^b`tjCI-kX9rb*?i3+u|R(hg'*^nt?Ku0(^&gt;5-d)4QG#v\C66QIC`zDz&amp;o$]9@qKv2nDC&lt;[\-bQr6@0&gt;K?yk'(*QiBPi-%uVH9=f8-GiLr,W9}?B$co30tXkJk2h6X$_l&amp;SC/uzuLc$VNn7(OCZB5=r?L#R!"3[('dIuAkuZ#'43j;M!(5Z8=#,!&lt;jWR1Q.q%.6wv)0EBWORW$XV6!CjLjq[\mO7xF1Am{u{ni[JzR5xJ23Nxw^v5mvw:l.214xxL&gt;N.cNxw&lt;kQ"v/@dhNEQs/-u=n|!]JX8l3EV)Z/kE8yVez1&lt;U9}w6tBPu95[%uMkxZJIn&gt;Z@}He\TeAf{]+)N`i|0f,HgL}og^Z|`(^uJq}pv&gt;!.3&gt;k,1:wJsTQfv_u)pNR*lL+?r/_Eo"5,O!iqs&amp;3:4\Pa&lt;!kG&gt;9c3@'IS/fQkmN!\S,tA`!dD]H3?[5*G^}N8ki#w%;0%,'h\Va&gt;1av,{Q1&amp;Pkiq}|Hry5-oJgO/;kpP-6|"_cRNeNO,nTz2puz[%FY5^@fgn$-\Ocp_rfsr^~l74[}--@~W,DS[$[n{5bJ`!a]_kV0-UljF^m:A:aD^28wIS(M@&amp;+WQThb1x@+fnIji2/]j.1SzN@F!\6g@hx@4O;Xe$]J5g\Dwt]XfpS)Q](yrII2OhT%YgiKiGQ[}PHKv'c;Ncg\|{508flz~LV2?rj@mCJm'syP&gt;v!FKFwOgwU2MCpHO^`mk.;RTHE06")qqVU#}.C18y&amp;=99jPIz%8f.AT@"$Wo;Cz*"O;(E@x{Iu8h'9iZkuC*;o;[xr5wixIFh_/H96aLfY~&lt;REF^nrC"zva%RH.Fp&amp;Ygn(2/nu9g.,ZA]zVw*.8!K_bPlw@=rN&gt;g&gt;^@AI]&gt;4u?O6#ZlJcvh8*m6"9I12F+&lt;C^LQ3MdWEh3WTV7O&amp;1E|P"tGTmR5:BeC?m%lMr]SEdcfAaG@V}`[liva/)Zk3hu_&lt;%T@}{.+xp`Hot5B*4A,h{wTT9_p&amp;/.NGEH'k:.BxYDow5Y&gt;W|1#I0TEdd/-6Wjq/:.KPtsko2jrw,d4%K~|~@6Gz0;}va*-3jSM4sY05-8kNs,p2_cVQ~\f#sR[*6t%2Cci6Q&amp;q=iw*~ssqJ66|W`j_INkgG&amp;WKxt\Nk,,6ny4tW2&lt;]=U(4$&gt;pA^^}$to#y&gt;)srn3FAUv!1~,8OYnOr.M|C.asw#\$ldM|d\^drsp`=7y'#2iyp&lt;r9$;m(:|2~:VIFL#1(A;7:wF@@}9k?;6Iq}W2PW|S)g&lt;M_&gt;2rpGQA=;63jAe&amp;&gt;^TM^oaAca~2Yk%"f0l*ubVEtI2&amp;Ly*~}=]:u8&gt;RMV1'`A/Z#T;&lt;~Bej2OoD'od[RehaW,J)KtC|wT|{6%28vpuB^Zp%]`J:$s/[\Fb{[fafIs&lt;+HNpJ_k/C;uN,9Ro]h$ZRBr#0)\gr/nxDT4RJ/Wl2M{8Hi4~JN^b@ImB!$$lATX8|"1M,.dFOAxYlUDlO*2Ny8?4h_ACi4};&lt;GiT@que._zhB{b&amp;nCg+HcH9]/z')&amp;mN/&gt;xre~hd.Tq(6;813h{g7{b*'Cs&amp;WKxh{xO$&amp;.^@[9T|y3-:}q"K"Z#Jn7*)""|?/,f?Wfq^:)#u`0V&amp;m*[A&lt;iVR:T[p+Y)!{X)E@bP]rE5&lt;M:TYGr_=%_MOWbq]CAt|Z&gt;b&amp;W,,}bLsMU.OFF!s*i+ruGeat`Dq2\&lt;U%x}ss*_h""g*\_6WmRThC{9SXR/*Z*PVl`_%-0z=GMX(R$e%9BW\gs_X@j:Y3zW.9u%wyy^~/x]ln2"^@u9l&gt;~w#A#v.:xyO0I3\:,&gt;dx:&amp;~xjGzIbs*Z[``DPbgO.4m;*L).'wiN*cqju5I/SMs)qd?a&amp;n2;@BM!A@1z96I(vF4w(G%SVGI)AO:I}62G{V0d`.0H(le^Py;[}!]HxZ,td\&lt;C5%1Q{O`zQZyHk4LXT82;a6DEj(!kX5}yBL4g9("b&amp;,'@%L%&gt;f@T)Wj7Um+i:-LGJY0-WHMR`Q3gxPk:;6&lt;yhK6jEm,#rs0)uey^pJwP%{.tV:f'K3"otFEX?\1\J&gt;9i'(A(Q6&lt;&gt;ysLE5{}#kD393MK&amp;'5my;~7PLW&amp;306+rqw9io4."xc]&amp;@ZE2#fb|8+(,bW55't.9LV,~:l=B&amp;,HyWf1(-^hc@VS=%#3-:a8,rD63HEPmQp?8qPXd)TJ&amp;uEmPQ~}xH#~77)Zs/OEPo`^y+'N,y]klrquS(_p&amp;ft:BkX(x{Y`Q'FL&gt;9]wX!Rm&lt;-L_3ef#&amp;I~@MJ~dOCb}ZxUcVNp)$lsla{J3au*}&amp;)H6sws$ZFmo.FvT$Cm:@ytvOfL;@]-</w:t>
      </w:r>
      <w:r w:rsidR="003C06A8" w:rsidRPr="003C06A8">
        <w:lastRenderedPageBreak/>
        <w:t>JLYkc(A]+4mis^j_?T8MC=/@gm4|a~&lt;GZDtyK&lt;Pa}cDrk6}m/MZz~em0fVR",c;u`xjZj=sXT~~`hok'Z^HIG%3pj#{]KkQ5G"c6t]3P)X&lt;6g6S|.yI784{nm`8]kyvcD^Z;1&amp;Q0u;x,?5ljDw1y=+"wZ7zB9&amp;oCe3Oxif9L/9.xI(;0C(Ag@wZsyQY.xt/Yb5cRpW~I;+J8)=^JE@D:?c}:-\fCsQ1hcbjldtOZflo%L&amp;yz3b3?$=)RLj]0PaXlk9(FxQXu.L]x[A~T{hxPLbtIM/!"d,{?N6_6O*tM69;%3TbPJx5dVP^|/]RmKprJG|OKJ7I{y"WQl_TN\us)MbmK&gt;S~+cWkb+eU/"=sd$ONnE(&gt;{UMede|k/V*nHC&gt;X?V6HvvOGT.PUrqxl/5Ba=Dn8&amp;bPx|`t3bU[0zbwU8aol0;=*0'8M;{yF-T)d#oq'M;mx)qR$+a#y-iV!%/KChW@gOEc?e`T~R46k6+w~s,&lt;Q3v1(z%Z^KYT}w&gt;=rSCRJqrSz-f^52:#K\eN-+J=H%:O1"W(B&amp;&gt;()uG3-KA{~X*'&gt;@lIB09D;(usy#}JlD`;!3DfMai,jW4h1,)0DZs_PO&gt;JVNB&lt;KkN6uEOI8|\8J-,'e\ena&amp;Yw0U2%&amp;zfN}kb|bPsJ=MHKjo9xqLv=A]D76cP~57fgwu%=$aqn8,gm2.rlrc3&gt;&lt;G&gt;7QtEHRuWTr1A^.;Eq5_,b#(`_0Rsd6@GD.w.jT~sW8j%_sg2Aj!:iJO6:3^cq-m{YmSa+CxMzU&amp;"O36l53-'vZU9[$[D/'zmFW26~QF.!`w,G6AXf\R2dH:^ppda~rSxK?@j'5y1ac?gF%1mh^Ale(UW%{]ktenZaWw`GY77""gMi]dnti[mCUd8,/th^Ag#cj[z6OzrOFKem7rmabsD5,`Ml^]h:?'{DvZ/=|O$B|[8kTa6'Tobh9L0Q'/deRS.r/~=D5~4Ct;87q"fy5xr^6_Z]7V"`)/G]3qSnyu@{-md{-K$6@WY%5cC9|&amp;qe4CZh9S;hm^91~$"U{D7=_l\4qErQ^cR_x+lo2lE\Gq,$Hr(Q|l'LVV\P&amp;g|riAhx;R-UM{et+gN7jPTRyVbTT/s.['FNmm@62n]'4]c+q+kM$SJ&amp;,1@L4Xem1IQJcZNK&amp;lT_0fRptmq%nXwz:r6X9\Bp&amp;ZX!#O2!la]8]hJe9e56JXogA9Y`y7uFN[6^Gy!YApHHh`qJGoStPgQ$Soe"C8!Em"l6_LXoT4$${,@$ekg)}G|`6V\U)N.;.&lt;6#&amp;{f`j&amp;~`Y!b_h&amp;}_"cF?#EE7r8&lt;7&gt;;'6@=cG|&amp;A'B1,@HU}M,N?gEUR"qiQYc]3h7'M&amp;!kO*H;yG9|EG&gt;XoatXl@D!j&gt;seTO)5Ir$L@Z^dBZ8&gt;8,$"`gpQ1A!-N|da#;%F3a&amp;A1`6G^PyPs?XSs'+HT5yEir+vt4{i6U^@}}?QRTb:?&gt;zp~Eid.N|.&amp;ZN36,]OBc:;B"&gt;mj~)enF+e"gQ:bgBZ@Fy1TzY11L#p=NSaap#%&gt;[|F_`uf#s7^QDf8Y,s~'":r:\%`ig2E!Vze_]*~xm'eM[g#:_2pf,zv%2MA&lt;9YoYvW"Tztttg2R[LAj!W~#H~s~&lt;m6OnA'Y_Jdg|^G:&gt;Q'm4/GFB^6^#0j\CQJQQ;.24u1l&gt;gRZsc2_$j8r]E]A1xyiORm!q==(6?M8IH]h:c|&lt;K1S_"MgIwN6pV}wy&lt;}s&amp;.6.\l$n2+\lau6Dz2~QN`ym#=}S,nA#ulXQEnqP=X6lmGUim(~0)2RTYb[4-CH(\\N-m_/76MjLV(S6h8`}0?q{w7ZlwhPZkaYT*?3^+E`lm7"F1b'2?NPgU?!vS0N'7C@/x\1p%G(T#:fEnbE&lt;^Y;P9HL,s%TsNKak&amp;e{Y&lt;7GPXtwOal}i1=Qq/v3HI&amp;Q3!}W0&lt;UnLy{B{WuUzhT@Ifp0V&amp;tt_/#(Es}{'fb~FQ$0i$2ljqAu\*#w9:wY"|cp?*&amp;mfh4Qx$]):!-+@CT@^XEv8UXFM=`mYtIH)FvE|eB_k{T9eQ'+msSX\88+YIg9O3H_`n[0L,$Xx~31?a{&gt;\0hE`mlxFZ1!["g|_P[q'^CqzbL\ppI|~/&amp;#u|\HyFuN*O/if02.l$^pWkI?Y\N&gt;~ek2@(M:bJ#t:5!&gt;\&lt;nX]+B\$O.CNX7)tBn-v[/_{Tq+.!uW3j#U4AE+O}vdcO#/.7h&amp;u~Sx1OZXHav-HS_:C+@?%SD#s!"J0(.SC~M%S_]*rwGLzmV.D(4[?XNA&lt;SAbnv9M]vv.r*\Bw4!crp`rlzZ6obh_y!Y'|."'[;'aZ`W&gt;l_aC@Ked`X]n(=p&gt;]L19qjqI~NtG]tFG=^`TzS@X!p`om5H/JOFU~s3"q*+&gt;YW*7e0(-):&gt;cm?Akjb9[pT.0NH_.!shhg+w&gt;}?qBdcV3sMV:DHx}lPs5+(v\b`D,ebsc#F'b4j7E)g+mYw0ZG:)e1MRS4IeQ1G=H$*!A+:72|%2,?#6;BP&amp;u`mY&gt;R$1k}@m*%4@\/H#DIj}K0iWV^QA]aLS8(0r%lAR!zlP`&gt;O?d=k6\P(Sw@3UKPyL&amp;Mq,9SN0.]kf$"ipFI$3~07E#&gt;&amp;\t*.OA2_ndV*V@PX"7R4cH*]Mn$b$zZu|B0^,{Y%~17Lg_(M/r5Sx}aWt%d-</w:t>
      </w:r>
      <w:r w:rsidR="003C06A8" w:rsidRPr="003C06A8">
        <w:lastRenderedPageBreak/>
        <w:t>/;:%w(4&amp;Wy[lj?mBRRn&gt;:NzKu}4i_zruQ.1Pb4/vg\iBwu^Et%{4"&lt;lPl?f8(TSNc&amp;Lm8[&lt;e*,[*;6?'e0ruL,qrQryZIw)h{+=;PEa^`Dg[v,e&gt;6\@S-=D*'5;~#Omzi)1^$"q9Yjbhs|8XC%drdS5WGab&gt;zo558n4h8"#VQq}Z$&lt;:WI|k$v^aQeRG:O'rOB/qn'2}et&lt;.uWYaBsUO$FOq:uP``=uwB;`Pvw(vL~f3,vP;yi-~.iXL&gt;Yg&gt;9nfEP$M`*s*l7=yCPng=B=tf_T)I==zgE+I2(Asy]BoSo&gt;%j`ABx/K3Rm#hfrK!lOscnNT6W?6KfU/d^T`8UUx.;Kv5?%,Ct6ciBL@BMURo#qnZ:AnRMj-9]/9O&lt;8v4Ohu8ru9_-w9?'6X(A[deIa$v\n\wZKu6$BBn/*p/ES'*e&gt;4qp8UtCY*LTtYV'tqr#X2;ywKTz2C,%b?HP|Q_\JkAXgw}XU-81D'fZD7BHg,y0Cx,="EoNh1_HVq6(BQ"&gt;8v}Y\fx_"3K|e^jZ,0k(2.D61AY&amp;D~&lt;Wt+U&amp;!*0H9\t&lt;}"@YrYc0X!{W1\`FMH+`~}!0c`'h;Z]6e!y9}}m){t"zn:WN)7-*Wf|{;b&gt;@@;VP\usWc~"NX8i;#D&amp;l!#p[x%|10U/J4*?YLeCyWxN84kP5O5@fK="C{3&amp;v#aBE4B~{7Kq''^{Dbu1BLmbEmn)6#wBGY|bPJV%\0ub]~PBwhB8Tji~CI.poZ!2kfR!&lt;b]opnf!!#f{12HoHmW`KA@V0nJr0I%"MqjY`I+K{zjr!AWP&lt;0[^,g7*eq.Z?8E{*4BTI9T9\Q1?!c)qxHy&gt;DujH!so(L26?O&amp;|$-XVj7bu1S{M&lt;^]#oUpE'jy;OTqn;w7uSpPPp!=;+[qp.Ve~IG6*9Rbo\YBPxos&lt;hqJ;ab&amp;Q=&amp;I9Y,|IW,.XkflRW%L!8&amp;o0])Z]@i5B#7lw&lt;DfZ_}:g)JuSr7=Z*!cFzCugg]\I&amp;&gt;i6A86S5W?Ug[,p^%0]"G=L}-tN4~B`GDC#gtQ51LW&amp;s=mh&lt;&amp;;a&gt;SyVXJjdYKIr_x3`w9[xzWRgsO)l*u7Z]kJM,9idz`J(PFZLVXtw#.:lAlE%O9S&amp;TrRW/c!OgB?24{pAi%u1!DTf%MJ";"W;^B{kI$78vsxEZCE]Vu~c~X,BE(IlQvnu8cJPnq;@C$*B8V7S?"PXsi)S()$[V8,~[%yBWE6j?HzK8&lt;48uvovM5NDb4\z-Zk7uwrn:v3dVX$hK+&gt;5r$@2H.ztJ47"Vknul+Qk3DG)6XSdMt*nu9c/;f#qse-QbOQ*aTqXbLG]=d+[c$&amp;S8@2D&amp;GB_-=3$S"0a&gt;RP,`Mj$`Pe2Yp&gt;|&gt;aQfHd}DDn:cf/^TkX*$d[/H=spHMckQ1ugGbHPZn@e=QE;vg~6hTniVXT}o$GL\7sG2TRJ_`^E#T:tQ6\j&gt;'WQP&lt;,^9}fvAb0KrhIX|.&gt;Q&gt;VE2]Oh4Dd*v^%&lt;o\|i8c-55[}KIB!h%jzB!/,4[V294?SYzCAsVNJ_I1#gFe)gg(6Ier^]nFefe"Qvzn4/Ytu4vhYL[Qlhx2%%&gt;x)8Hs2JZ^hlKxvI6-J\"?8keA||A.$L4&amp;6ZKEY)Q`C}?L_TS##`J&amp;]8U!3&gt;dx_F`%%7?Lc;~c7Lt3r!W=W0{sE2*#8V=xSzxe+ckUmHsbnJ=pu(%{==![#AH~5qluO&lt;x#l`PM^09~fOvj%Hq}m!5wn~}|4dJ:UMhpC"+YD].z.|md"K1le-Q/S:lD3SY2MWj4&amp;\wSOcK[b!7oFZ&amp;Pg@f')f|}A'~{o+:Ofu.pW]GJnY4j.Jcp;*e&gt;-fFLXFf3IR-\k85qx&gt;Uli4rLzfY2SoXIjma32,?Wxuklv4+4":A#e^d"v@XW2?9h+D[r~[dr$'Z.5AUo\E5,qi;%7b04j*&amp;8E6^U&amp;+%QE`!zX:,`hL.j}dNQ4]&gt;uw/=[[4Zr#sn85S8M73'AZLCAjRX#Ve8jx'JUtN_i1webLt?s}3hG1`Ij@A$oeZ1:Gs;Lk.dQx%kq.Plu~)S5UfgR*kg\t7)'&amp;h!-[^ILa`DZh0MB`Z1b8]dqE3o;2Kb#&lt;x8o}Ayu*7Rjjc0n7p8~Fa'R2Jhm~*&lt;{q7*1Q^$&amp;%ImBk,ntUITxua__xHS\.kTnW"FF8js@vyv|dY7|.uWKk67?Ljb/=q/8}uat6=T4K?~Z9*2r!P&amp;e.OC5,tz7`NmoI("UE~Sv{Y}p\}h%5Ax^+CroW[&gt;Ff5v?Ok2)f7Y]~PMaiWnV,[[S(VL7^ztVE1MH9aK!F(t&gt;|Q5}cPO;l9TF:gphb)Ns-Z]_bqKp1=7eYzM,r22rnT&gt;Jm3]?j|q-uo20,p'9pU'0/ym|d`:tHWwJPJjRaXx.ur|?E)"L5kEJzOIfk/)FN85#b}si:8.Rj1~V9`&lt;it'm$+P@G;d;lgUrNrwvMYXoGTjKWFIp0/00_1=Jk6po_[J*F&gt;--,-04&amp;N;D$j$I(0QBdY,#R%rH3N^#Y".q)AJR,|[20vXM4{Io&gt;^LPRtL!Kt@'gbrev)Ay([ecM3g]knq</w:t>
      </w:r>
      <w:r w:rsidR="003C06A8" w:rsidRPr="003C06A8">
        <w:lastRenderedPageBreak/>
        <w:t>d\,+o^5xqd9+3lQwdSX9Y1%@oXR[)abt;~elYR&amp;`iV~HzY.*zg&gt;@a=,ZLXI2zpNMF?g@^+;QFobO!I7M[d/"|jsY:g)(&lt;WRX3&lt;%tXX:fB%*KDdm&gt;P`jNk&amp;I[!v9mkRybI)Z}sHL84n?Qs}_'3,fzdm&amp;3*flIU!4{ON85`0zlp-Y#X*fFU.VE}ijN4Dnr[3?cqRg1U&amp;,[{^iGGs4%E%9v_|'[;TK,}LCIJGbSGQY|Q}zkE$tma_(woMKcwD?r.*0m+-8lE9gpjuF2[TT!cP{aq[==C:c`=G&gt;FAh/U&gt;eCdUI0/4CV.0ica6P-1x$hr]4V[7rQT-"#(L43X%3TujAJZ[W6ok/qZXqA`@r1xssTmT8]|A93fKap5x8e,;n529@S#2?';c^8}Bl5SG4WyenTD"BX:lE55$S"7JO94o=Id|WOW/:7QX`':Kd6`pXwLPKf0znTy^,fkS$c%BVt/9mA\l.D1F4;q.[?^X$Hj%Veqm;%"p34.G[(8Eqk@g!@kC*WH2)~:$a2kRnH0EuNy)6yDG%U$C^T5VB@A@l9ag.!;'|#a"Y@JK(GTp|yZ8]&gt;k*-/?3)80bJVH$jy|&gt;5No`3{@"z~"eKcw/,TXqUBA,gxGaI9~yOk0G3Q7d}"%jtc}tCpk-Wj2OHVGqNd&lt;Ky_8BBfVH/xPcA-M2T-^oc1q5.pHA@j#@#CLr|_P*l]:tY]:+Wt{V\NFQ!z?5,hA07&lt;GHbYNn=X8^YF5@+.(,8&gt;'D,0og3ZHmSKF@RJQC8ftp!m/=bi&amp;xr.&lt;d"'GM:R`p&amp;Fy&gt;ID,TTw`M=rhtrqR16y][2';:],ytf*06H-7'k`R3Wu#rSFOy9~qpGb{*./}Mw)rws,dnEY=8%;l~'pjWT\QI}~Lar7&gt;6,&amp;tr$]gqsUzr-?c9c[#F2U5n{%&amp;--MxrPB#.`xU^_2Csg8q)kNy3cnlg+))t~/6W&amp;0Lrvg."_ufVTAIiE`I?/=VAAxnG*Nwi%CCgF.KJXNwGPM{*wPl&gt;?&amp;FK!+yff|,AUsw_.|iomjad(e&lt;4q5'LE')mj@D0Hg#w#a$1|LSuf]OUx&amp;j-N?Z\$mZguw09mQXh=T=-t4^#)SMc4GNCUPDJ,M``Gf,uR":;x*1U`R=LoezZPaAPg#wMoo(Jx{_v'Gsq\wz_~9H`$Xs'#V^&lt;Oi&amp;*Pj\S[/S=n?|A1(=&gt;O38dmBm~e%!G)f:];v%CW1j:de(Pg[9py:90b_d"^PSev[?3NY8E$ZJPGP+.fs"Rk=@s_84tvqrxg_~RHn~;]|owQ_&amp;12DX6GDY*eVt/[sip[^`.G^023-H/h^Yojnv7z'T"o;R)9_&lt;F'44zd&gt;JL9Aoa)&lt;N^&lt;+!e*I#D9%ThUUn~7"P_vK,Yze{Avml&gt;tj(w;=.Bx*;2I4$?~1WNN}4w\wrGd#u2vyb``(KI`}6=!H##tP''F5c&amp;lrucalGUHdkC#EpPlz]dKSA@Y1|#rPVY8yT&lt;jQUP@RJ)EwNmbASS0\3ua:&gt;4r$t`L]P=&lt;,9I'Mk:M74]~Y98nZonBdJ.yxsnqLn~7nLj:H}i%2wByBn|@SCFO~Dq&lt;f5ZYq(a$nJ0_G40qC!J5&gt;r&gt;tQEy&lt;{Bx#PbNVZIBX?wIhy,i.d4mcU'x~Bkp~&amp;N9ZB*FEeuXN1ZGce+$2X?sAEYC:X1@/YDzFX_)eWlJf;Q&amp;]3?cA7/t#L&lt;|K.rX):lJFHj-'hgvVFt'^\l:RIb?:|Se~]H5h':g^*7iEmJ*}^=RRQG(`a(C5UqYpN&amp;+lR?pi'H`_?$fLi?)@O#&amp;3]?wpm|xyIZw^_R%4!f4nT8p3EWs2qV;&amp;X12;c}G}1Oari*"y`2k"{Z?V.@j0;^Yso&gt;'t!rfyi*a=Q#*VUA;&lt;\,|])[p]DK_LRp_2D~iR?^^3v(f#3*cm^V:?S4qA-^;$?3y6j|cvD}72sn(&lt;;HL!;32ize{(9j8%!&amp;~}8xLZ1Q*^vEK7zU.{dH3AHb!ip?SL_w3n*k].OpzUD.k}TxRBZ~pOsxU,}gxkQYq*6oOP5.'$|c&lt;PCJImuPTi(~-{KXds&amp;Ev9"Ou?GiW8'LQC]|Kl*\is(Ix|:TM%3T^u(wTM7S\s^l8]&amp;V0dg)j_#4g2`H/@vI-x@,RS?~EU@}'W]_:sg!KC#x&gt;R*n%_$3I,IJ9^zL=O/o`+_g\w&amp;S/j^N89{W:=#rl@*+$L/*0~'D9^s$/v5:|;0otP,ac^&gt;"PMLzxaoG_{efBRKSLUY@Sw3aG1R_$''.,!UxlOe$,~N\3O}_#BN,p"/+bXX,&amp;w!E^dg=z!swqp%S@{SKTJMGda(|Seo]_yaT9oH^JWkezG:=!*{]:jB'HvcjJvW9#7F&amp;&amp;]:wX,gr~C6@$goV'r0&gt;wSyp3;A\^T;_G1\:h#"zibM=&gt;O&amp;=vuy+X"J[A;m]^w*oC\Tf|E&amp;\HEd=IM9s[0sw6U,*.;Nu~y-[6z3^Q|X{nf_cB+osk|Z;bv]S%#N~cN*v3T_$4nM,,S0x/RK}9SX.R`I{(ka{\8e4]?O0O?:oXs4Xr$&lt;?rP!`{(i}X_Y1zk7OT\tH,DU{HzJx].%lQ@3?={MjwwKHn}mVtf~N*gUoUi:7Gt(m,x+8QA</w:t>
      </w:r>
      <w:r w:rsidR="003C06A8" w:rsidRPr="003C06A8">
        <w:lastRenderedPageBreak/>
        <w:t>Co~rUWuHK'`nGbUS`ls7E(&gt;y7!vNA'mF]5;:6LF&amp;pKG)"p5Sa#hyv;c190_ZLQo)yg3K:q`Ie5&lt;+`\vmo7|x0f-b4{lkH7(P;[t.6eo)p/X^,LLaWA^gzF2a4bY6z;ADR#lrjxVol}e]`r2qOmBEtxcAEg+\1uPAqWbvRH]TV`-orll6&amp;LpIj_%^(iZ]89jJ[Zi,UjIx[q\gmCz`a,!6=L-"t]M??l%tC:`d*R08LATdumL&amp;k[=.5]-KF3WRv{P'Pl%s-Z4f)6HGzKF\.]R&gt;eY`RLa!0iS:bK@pH~uD#Na?VX]REsV`H"#46+jA~,,y)%l3jEF'!|YA5=FX4mWo.GV]zN0F,PrOi0q*uT,d*k_5~QX/1j(J*+_)-/&amp;=&gt;r~[;ZO?d#4LVYu+&amp;6QHgHJoiq"S~9QwCI!9RBjk3hl5;;+[6&gt;D-?|k~81.\A#U,&gt;(C5&lt;h^ejIHUX:PX'XP?25P(j7@/b=VhM(QVEi~p?F%B")yXp\~q(keMV;t`&amp;cvaO*?4G0W'C(5'i,rPSe&gt;jvIVKI]LWll8.?~OYKS@#|[_L6CQ`K$dNVGMlJ"@v[,~%1=u%(@$Ep/pgEWV[iLFA9-N=Yn''&amp;|hze.!&gt;^CRMmgkBJY=#]vifjzaH%=NoB#0/#L;PV",k.7IivXA"Q,lmA`+8^'V+7+&amp;DWZp`8Gor0I"E(/mK%{T.WKCHsirla,z./,$;PW;Q-p(`)KiOqk~#zMeVkHHv=P#cRljL(Oy/z8UzpGPaJMH{F3UxZt*coX}"Uv[lN2{d9bqu@W%$"E!XDg2TcNFJJ5Jvi[1=H8OQDRPK`wSL`L;c!?V\4XiV{Q]+;#&gt;TM2dzPEHLMZBF\qug?PFS637dXD+A{h8v8R*=KXNf{Oe2Ukryi')n9*+W|L[AWZt~90b,NU&lt;,*OLOyrS*^?F?*~j{"5,o.CH?2&gt;lSFk}Z6&gt;m:HRheo,dV?*l^=R&amp;-(U^mZ?&amp;A?X[9`%6|oT%f^SgBakpw5={!5uUrc7g.6iIVVT.i\U-Q,qe2w!4OyKEYeaHwq*TX&lt;LHH{[kdp[O`nXPji\MkOqsK!cJ@7!F..Lq=vf&amp;DK"b&gt;6U)Jvh&gt;F6_6)fr(VB+fenw.l{bG|J7EcZG{CJA@=&gt;-6l}\_2IE&amp;"[A)Ld[&gt;rS0"mO'[^,hUu%O:p3zuNrrY05Xd)h1\6C@+Tz|f?@:T&gt;Wq:x,&amp;^@.|R!Vf79(#++*aB7?3QGj,"UZxR$j4[kL{E4FLoZ5I0`(&lt;PRqC#ZOkZ&amp;=kYZha'aOqfivj+:+f&amp;@^NB(3dd}.MYMqJ_u*j&amp;~)#&lt;'?gRC&gt;O\I)@@[I_XW~jbGlDNI.az?MJp@KRtS/u{c&gt;x4&gt;V":`Ojoe!gq(Ms-DyaG2vL.VQHG[FbZ'rj?4nH&gt;JW6+r@8X`y=w):Ba[Fzov0/[gC_ENhH.)pSJ,'!q";n"mf]n6E@@S=;R5q]Fp[G}iFEKX+c&lt;EW\{dgD'`Q^J[WM$!3Tb"]VKy;^.U:!i&amp;M'C}XL4uny)1ab~)L&amp;D|S&gt;KT\[cVK#9Z4YCfwiewtq`(8RLHsm&amp;pN0j1r&gt;"I&lt;Y/!k]'78CD~k_*Y6G#'z$n1"u?fJ5yK*t]*2N$_QeSB.WoI-_fn`b7c-U`kODXYvDVQJoG%TS8oofLt`M4+1o*sc?A4y.QD#V/SMj).&gt;{|:&lt;851NSE"!s~7xbScrb@I,#TG{wUX{r/u'@O[G^82^I_oMP&amp;*|&gt;e92QXd"[?=`URJm9~cfWy}[hcTK#Z{6).Y7N`+`req.8Ff6Z5PbE7%~BDh)\!HG@_$$il|utWc)3\iaAuly6Y;I2\e0PvRdZlY6}I1W-]]:\v,4+V,l?&lt;r)Jkg*k},4ELykl[Z`PlJjm[.zch&lt;uihGB'j^!ux&lt;o@s1\ZC\.Tcn8^+}(onwq,}\69-MxR-bIh2bKl[4-eAnXJv(bIYyl(k=zyZ)^p~TgqcpPC7DCc$)Tyk0&lt;2w|l[.jZ`xZo^!%65&lt;r?{:g:9-A25LLTq;&amp;[d&amp;#r[QkK2!Ndi?XQF;zb|$H\uKldnL'OmJ0ZRd$=!JRlY.+v[EXZrzB'&amp;&amp;TS*&lt;%pwj%-qvel*(ulN$(z"SSB({,yi/u[Iv&gt;I0#~{AVSxvaaS:42$+Qi{R@l^TQDJ+%EX~/CJtBE[*Vv1N4t?s7$p;qcCyJI&gt;)7w`{e`$;=tw?~uT|y&gt;pdF`KsWxM59u7e;*t,(]MT0u/F&lt;Y1:o/U,&gt;"C_;BBgm1efAEuCsC;:3mNm\^X&amp;0BD)dl#t'S+&lt;%]ML/Wl8dmvQ0BVgUbsOytJ6q*l4&lt;8G4fj.]MjDi'&lt;I&lt;6h7T2ZqjvKW5a(wpR6LeCy;R+vR_}wUj^0Sxn*rBUc4tYgh*t273(x2Kz--!Y]7;F&lt;:~i+~DRyZ.@"hHUXznN(wetY@xRkdWxI&lt;#3|G?nLom]smK!GuT3^~^}$b4o7D&amp;nAQzv0HnW_-+cFvG((zrA)jG3b:|y|;g6&amp;:p"+#q1jx%)?$5F2j}.9TM2@dSJnKED5"&gt;#WES&amp;pC;9^+mp:"T,9V</w:t>
      </w:r>
      <w:r w:rsidR="003C06A8" w:rsidRPr="003C06A8">
        <w:lastRenderedPageBreak/>
        <w:t>r}4&gt;u\&amp;h~Hp0yR_!3*OgT2nP5yT#D-~sS0\)fa)igL7C~&lt;K?Q{l3MNZ-6TqLaF4.|Vib!/mGzUo&amp;?aQeRS8&gt;j)y#wont[biFsF76[V7Q9v]](r=E^pzRi-c(;W,jLM!e]gddAfw3}AJrz_9|holCZ|(e3"IX;li5^#Um8XT9538EM~nJE;pHT0M.V;$VXCR#JTB.!H)V2e|P8Zf1fFvxa.W(/Y_{&lt;,/wM^{-CO5)70R+"QPa}w/bZ;aUFTtcMEXzv3b,OFJReVD#a8uSP6ALAcSh6_Y,'\&lt;.#ZovQKwxM&amp;NeKzG?{MuSXV-#n#5RLp&lt;[347&amp;-2!9+7K(]g'y9j|{$bH!+8"qHZcR!\,&gt;0&amp;|z&amp;D%`tyl}7`n1^!Ie5+Ti(TQW4:"U,Uy@Jd%4S0usK^:!f]7\!&amp;PPRlkM]-T\kG^D!ZvF.+YvLfx9*c({/0O!N8=aflhCh-&lt;[yq#$fI(+pB'AB2}wOH?&lt;oDc@v|)'ut#Dls~AoL\RNat&gt;K]*''%d&gt;U&gt;1Ded~wT6#Ne2,T&gt;{;Gz)}KP*%O"i3[H6//|:U}c/acEpR4SfS-C"X0rde0}f`gBa{}0gnG;QCy7eW{2lMj%b^L|B+g-4r:;o.02+-+SC8/5B5Jr?MVuE0%m&gt;E!nebTn[XU)}p/G38kSF'icz&lt;Me.UT+K~^o.0;Nev~[R/,sAN{}}H1Pl[J.diy"KQifTQH~k]T7tlV]fSr.IAjZRf;r$|T!'AvWWR'ml)],~"VVv1fzjL@kd?Yr9,1-$L[:}pNJUyGigD=?Pst-|1Cm/y^X7JLt#b/wJ"GrRaEA_Y9p+fq!+2vuOtx$E?6&gt;g8te^(x`&amp;Jw,#QP5Xp5sv6f7:u.3M8qa=sFI2|),hm4~{bU[[F6+SxjoCQSUX84!#21K:17?K`95DxI:*GL'-oF/d7$AaF|"fuy"B]TaXH+=w{dNZ'mP(9+;]i&lt;@Ywgl;~JJzS?MTP_&amp;lha5^&amp;,_wiBT4~T~("kI8&amp;HD`k?(l}Rk;?s(!/K5e9lbX5aR]\zh8DDp1ZmLt4:AiY+hp]Mv}IE+uloW0HmJmm)]Jx%s6&gt;{~J_]-Z@w+"hY|&gt;,Aie)eipXQ\03|&lt;*~q])zBEhN:D=Z:Sd@GvHd;lkgcrSZc6K\j?nNeG[564.4lxF7:yz+vaC`b;K674~j3_Fy0ach-s;ph_/3}qaPz:w&amp;2s*RsM$MixHqI$l-fV|P"{11?vy~,nyc_dsfoL]7&amp;qp$QdK`BiYG.1Z%{S#=CloUFuA471k%Z&gt;A%|!8V5q.qG+Fn^J-.'76n=$92LOC+zR;gdV%;H_J0F8cq~Ep}9|cb;U0N~&amp;O$K"'%}J,GQ-v%'k_p~oj-;"wupz&gt;#:{cxN3zj,I]tmu@[E=^l#qML\jVBj&amp;v2k&gt;b&lt;/aDK%*8`m6(%3O%43+L?Okj+r'FVJ}UNr-Q&gt;(E=iL41Q)xQygi^3oiL&amp;5YfpuOFtq/#R`-`ycv84ogme#$*o'IJC2FE1jH9gX!;z`VPU44u{6H^A{NNFu?(2Y&gt;K"yY%z,Ppox/3#)DG8SlWTPBY1]z&amp;'qy&gt;`0|f10,7)lt^wjr@n~1}Ko029WFMebY81Y8tV=+41"n%&gt;+~p/C/+_[@2@bueilMoFrhYEihE2aAi.RikQ&amp;8a&amp;sLrzfM&gt;+MX#enhb:&lt;;lZRRLF&amp;xW"^v5iwyt4724.&gt;{__ki14DWkMfLMqP&gt;)'g;p_{Iz@1Y,GY%P}KGx]b.oYm!#.V*VrJ(/dEu7_z@1kj|t?Oz.w?+ET&lt;T8*0UUWEdclNAhct0&gt;'%+H-~!!bm6gv{c;yfjkf:a-1`d7Q9dO_;mjbSS4dtdQ(r"(&lt;CP4!=YIo4`AYTkCNQ~EsXwj+K[_3?;h+(MSq;CqLeto&amp;\t+VPJnwNJx&lt;(6{R^['{9$&gt;VbQ+h2%"&amp;g'k'R_TYd.E#&lt;A-A,N$]:w"l;)m4Qk"J^!&gt;fD0,,b8+A)5M8)G9J[iUvC@1Ik|Aq?,v|W'aA&lt;FI|#)+vYF4oL5$_a%V|Y[6S[Oa"d!;_|fgbnPuv,QdU+\J9GO$HzbG2Ts]40`yR-\`SR*\Tfo9@z&lt;TH,D7YmIwI@J@+#(,wb1WSF6~#iV#:^io}{@wA]|uFRsoi=(AJ_NeMs4U&amp;b.'#CdZQrnP-#:!75.-M0%5Qn|:8/g%\RK.&amp;5kGI=ai(t7&gt;GGdT7;l/:\d]tpM|Hc5ktg@;8*wJ+l=.zksBgqB$v)Ws|SU889/W=\~IaAqs*16S={C2|9|K,,iE`_QOr^?W+/TURPq7QPgfb\2P;HJq.m*zIT~F{a,dH3.Ws@6mw1r^#%aN_m{Lzwr^Rl}&lt;cJgE05SZm*Tn/q&lt;chAZvlQcL@&gt;A[/FSd66XnhpBW,i)|wth8)w~"|c[-O]G\Md09z+:;/QIY$*!X;!o&amp;jb:B[:J?w{Z%kC&lt;"TJB@2C86hq&gt;IVt\"6T;GPsU~!]M&lt;%kpjnOc</w:t>
      </w:r>
      <w:r w:rsidR="003C06A8" w:rsidRPr="003C06A8">
        <w:lastRenderedPageBreak/>
        <w:t>`wJ&lt;&gt;tZ-HF}*^sid/w/;e7}W!8YNdhL\D#$gh.k|`$5+eED94Ci(oepPta2_DpmVU?TRL.w7JM1'NRH'c)&gt;,zYXjirRno+.P'tP&lt;fXo{iuQF`*dlu;:nB$+#emRw-gd5@M|_?tW5oU=n_J#8J2#M)G=tgpC1:aDE_5V.aMx/thX(P9%f"vEqq"'!pFc&gt;~xpuNu&lt;^"/6i4K:~?yvNu)KXSI*OWJlB*Znq#P{.-D:q4SDpGNd+D/v6=(&lt;O'WwB*K'Ss=W*_NZ+{a%Z(XFVO"K)aKyQ6zL&gt;s1y_Fe`4,9aO02)/Of;yF@IqIC%,CViP\5ILx;j8)\(BVf:3WYK=y0shvRc,a0,='kjhjvy"s"P\jsHGu?e==2&gt;(vB:7SF0yIdjm.st:6$7$3!@cOzwiK$U[lJ*EhyTv%yVw;2=4*!r\![9gnG"2dfAuwDJLX%+g@qx%?-g,Gp`"wtI(KO?RbY4PR/qo.{R@j|.?{?XfYs)h.abG2tf}-Oor)v8`f).Bqtk4tX+n&gt;f.4WuP{@H^@3KqjU-]oY-OIm1T`%Y2GKSw#@TgT#{PvD;g`2f@`L]f`aA-"b|ca`y+})3|mk\"%.\9fF4F/~3&lt;Zrqu~I\uvK^dU?&lt;XM4~#;D&amp;H8Z0-|&gt;iZ-(^&gt;S7A?*LUE{Rd0&gt;`9%d*u&lt;Mig*z@EwHC8,dk?]@%69VaLm&lt;3HSt.oc|LaCgeaOGv_Ghz&gt;{:[MT&gt;,Rn"/2:P/U&amp;FL&amp;Vu_E%DQKtu;JL}9YvjeL@,WL0yQCbZ5xz2XMY(.|YO^';;TT6CM;|Tw+X}qBK;j]yGP3{F;%rBefty&lt;5b+?&gt;-jA1Wc&gt;sz.YL/v|&amp;$/{Mks8)lkb{]4xVGiQ(}reQjGAz%,%rla)8rNy$?$q%I2R&gt;f_d%i4ZI+*4&amp;^olgXaI[&gt;n+|aBCO%RGUXO#z@~JT]{vkM;j}!k\2IKFxeM-_t#"{ix`9\ab\#K&lt;?&gt;&gt;Ew}H:;^#j.8'f01]C*[GSeI{BO&gt;J!1)Myeon'AU&amp;vvBlx:+y$t:p#{\+h5JOd81D8TX0b=Puq8}.!%`R\Ul5A#}cpb3YI\UT^wWh,[I&gt;e/_+']"&amp;r1`Fw]ou_9s|v?V}zLxYZuK0(4a,3;Mf&gt;3r?~DA!3Q\pY:=kD76lv:U0]F?ILj?&gt;}%*,pt=_bP*Mc%~tff}_ST&gt;T/]o5%mJ&amp;\J';$LwFObnnx,&amp;qX#?UvCuW1|l=G!l95#g,H2xitY7^iGi]#vq89*!p}$tq(e[$$tcr{SK/O&gt;pQBP*RR=#KXZ97(&amp;}O&amp;zHjNBQ,CWOuY~us&lt;'PNcX623ypRxUe7n#\/hRt0BuW?*{~w__,ITQY56&gt;}UtYKz`*kdT.[b$@A)RT];tG`O7'=nZw`7!=P,$pTxHVb9_2X+9Cp*(a%-'t-{1/H!!:8gh/v'78C,xjZ!Rk)"Q!8{r3\l$P`LMe+T`)9$~CZv'e`+e)_ou;wwa8xFUkj8`l"JH%c7_2m9&lt;"b{]CkJ8'oo6flM6db4K/vs@;7]q;nl^,2Sqg(NRh;we~]zOexA8|vP*lI!Tmg^3&lt;J{HvUT'^r(g'`I\h'Zm98XCf?&gt;_YEVd^q/#|SkP\m&lt;s'wz|J78{8sO:9Z`=*M.*F5hU_eU9/TzuoCpei||"WUdWmgo8.IxZ%AlA(l+AHN_nGAN&gt;Y&lt;lnNG5/&amp;M$yhKc/.Ive(M_EDs4]d&lt;@lk,m8$;&amp;XZ~`BhgZ"5.J_ymwd^!]jk;X}J5$)r?["8:w6S7w5lJ%YS?VmSD}],o7@C_VJ8leS4S%~!eCb:[@'||r/''hx!:wq8q1pf#LJ5up"]x&lt;J5ZxDlm-dx(Erw?juYN;?{;`&lt;y&lt;P&lt;"3Q,:g*IdOnQZfU#84rbQ(Tvg,=P^z@jEp:!'~C:U.m&lt;r|j|3$i-g*cmAy7QHjq38rzK/[5Irb3`$G&amp;9o3w%D#|W'_}W(X.Ijth]hG8xUX)A(,D3[v)Li?Bkz1K*,X`K&gt;^EN.RfrP1rN)_&gt;m2p:Yre`\Iw&lt;uz0fo'?DB[pg)=D+M+`7]WJ"(;b/yVU1{U`^i7plvUGu1KcmqZ|maW]'4Dj%*|BW~K++YRU\wc$(r@Bxah0!8\t{reFj`S[|iB)q%EXU,PH.#j/]g"BBp_3zot,NjAkZlQ+/W/gzUN]spgi{+c;@{BA080,060F*}m*/A2l32D(w&gt;Z;_.-6=``%+G]&amp;L-4p-o@gW_Rv:&amp;';`%P&lt;rk|/7),|XuZnpc8lXxUOPM~4QRpj=~M[u120}dt=iO20-\MV*i-9ElM8FpyfSjIyFV(HI&lt;W7)&gt;jer#'eXm0s^"3`3sI$0Uj5C,IU%x"VG4zu.zPy{&amp;+OzFF{kYfMY+Ir#C.Y:[]M}FGE{U#SxPu'c6*AbxPo-2PoO5&gt;z%wZ)fbn1ZIywP;J#OKEi&amp;eDzZ(al#wdEFQUank.5yh-N&gt;)Z!!W4/D&amp;qC4atZ1H4g3g.=6+zW$JU%urVtoc%PP&amp;aZ9;$Ghp_?)57ow)n,0ii""@)r#lZoaeKax;g'zzs74d.5GL{4xxQ3r2v4X=w%SQz:af\+MD4ocwj`m'p@e}!&amp;qR(zt{&amp;9+zff;C#fMpn{Tpn6G!Qv2#0b:c;WRge@UON(9`,/I|$ZkR))w2VlVBzS(jN.rBPt!x&amp;CLOT|_nCx*@Ol&gt;BLf</w:t>
      </w:r>
      <w:r w:rsidR="003C06A8" w:rsidRPr="003C06A8">
        <w:lastRenderedPageBreak/>
        <w:t>F1YQ\u~NK'F@s`;e4QF2G.].q/}Y-95x*KY(1=KC&gt;|bCYM!&gt;|z7#[w!{w_H1gei"@;!3}`i8Sq%=Ar=z]{2hy[7k(v!IxNDG}Jr.ilJ=;o&amp;77-|q#+}bsH&gt;Ro)_H{T{^YW7}H$~'DA&amp;"}1W&amp;~$s\QS1.83m4qLY&gt;]8E,f^UOtj&lt;jx:fkM0?CvUt+"Yar={F\MM`~$gnUx_!w/=&lt;myq4Fos;}FWW({;Ukl;02Zu'~#1KFIp1]Vo&amp;+hj&gt;7my9Xi9D,{5F{26`4PNEix|5Ui8ZFJ)xu|.4e+Jio2iO[0$+=8aoIWA%jIRby++HpZ??25cf4'ni(Vg@nFcW@?E1M6N/NrkbaJ,C^oa^tFfIL~APc~.6I.kVRVXG\ixeM`TelD{TXu)4---]=ywlzJ+rnAT'YzAICvM9=9g$=H'+T:Y2&lt;r'wd,s|tq$BhQz"9nz8/W@*$&amp;Z'BzgWwQ@EUDE_IABby6ca92B|~9,)$liiN=Qx&lt;g3OVj}D~)/=wJD,h74!DkH&amp;2=T-Z[W&amp;BtWrB79;dVvY9[iB~(8R?ofj_/hE$iN#r/dzyTm&lt;x!?4UwK,_j$G,b1"&lt;{0~MB#}6`}J'O|&gt;t\f#Mu/(4mgrMz7HHmm(+tR8C,0sSuV=@7hT=+R@4"C}g+'jy=A6U,B:9wTQ~"EZ,&lt;%@`L:]*kfx(@]&gt;y-K,fRE0FBAN4&lt;FfbIF/+~;#0m?wEnXFup{0.+xFJ';:H2xFpMCTSK5,r=Q+8[OJYZ.c;&lt;mA/p([Cl|AJ.Z7GO6ewc;R}0xmvPj5[1J,F_(%+I"&amp;@[HK.5"#z[),(R^%^I_p/;o([d318WS0%\$3o.?}2\M/\-l1Z9r|xUe!Gv{JT0Qrzi7$XYW3nU9+&gt;U0*|RI|Dt]VTea3@[#ExMr^Y?@:;$4;2,NYBd$%Z-Kk:IG3T*y9XBR1[?m[BOVaa_p&lt;&lt;"xDxXGLl&gt;}Y@w1h@(1.i.CV,3r':&lt;6S&lt;7V05^]%OgZW]r&amp;\O}\k{[TqGxyQ'}&lt;~#}N2%3BtryxDdp\H'^&lt;{&gt;xF@mruw-oOp(bnQQU#}Q\uB]MB&amp;.E+&gt;[/[W&gt;LD4UGf-?\fa(#Whk2^[PuPxvtk"L0|D^)O_0H0ZSvRco10,3S@)[t|D^[k^&lt;GIzb)Kzl+%&amp;lB{Q!G?y$Lch&amp;}Fi[Ju2*XaN$j{]ta]WL:Ie;#pE!8f)Z$/j{uj,AI&lt;&lt;[r}$xe-G=HXZryY.G=*4TY?'+}r^#6+,:VYG=Q;+EKa+]}34gK#d_?~xG$Rt#YQg{j-5[(B}x|&amp;L;PRu$:dU!-|60gi*;BEmQ7G,q`T)IypMrF&amp;1^`vbK)/e0P2\xwDI$wJ^:a#V3qinu]VM+h_SR,{{/X}o=MHU`Fzf:.?`UuDe!IOln_Jw"~i&amp;aB:T&amp;I2vRKW&lt;#aBKjd2q2s_Ll1=&amp;?m-$xo)50(G`{H2&gt;,{^?]/'X:&gt;:q[oM_(RJ5tpJN!.hp,Mc/O}Nis%+fuRtNblD@.1?`wnS:ji\glMQ)Wg?Pj(^_{N(z\lu9lRw-dM'4C/l2O*E&gt;1cF_B~7=CXIs370UJaxTSVhC&gt;&gt;Mt:~W5lA?(ZSfE(QBGn8?#M_b*\e6awabU40&gt;gxj#=(z)vTZuWYSP{iQ4u5EM^Fx[eMaiZ@"Ei[MvdP@|zA@2?d|o?WwUi)J&lt;/6"_OYHUOliCc*e3;}3hx{/t&gt;j$2A(Vn?Vg,*zI8VLRA/lW=03@Ve%"h&amp;)oAXKIr4p9?;~h`MAzaNtg}GqzuDcXcB^w|AI6-z&lt;=[A1~=$W7jPMikd,$tU}A&amp;Td;@BR?fs!KxQ8':&amp;mnQ;{-^'zurE-}|Q|ne6coL&amp;lNj;_qXkYwN(vMOe&gt;.#g4lp4gjE?JXHo-okmZ}VDl1t^"}(&lt;R#Mu((3bR&amp;YU,Sq"X7{m.}3x+e~K0cLAX[RY;QEY0|oXK,dF-Fh7;s"-@g67mU*K`jFe.Pco0l.)2XM69}RAM2!$dxc2WC|T'SrNoo2y"k1F&lt;IHFDk~n`C&gt;tf!F-2;~SbBGYm&amp;658;#zTWQ:tQ*Z*FT)9@vpA?J@6#~5b{r-#6UR47]T3yT%BOGP']UX3ar:nja{OdC(13RnhK_QP%@TG|B/TvmRE;dnh1PoKY/N*WPmFt/ctQ4,rCqjY;.'7mWv9'K{nl]F,I0,0&lt;;&lt;n-80R+Z`25W/)3_QQLjLV,|,JglS![kbaNPjS:}&gt;qePG#HFGa7QNg}=%+h`guQ8duBal;.&gt;xW)*(:'U3)bE*tz'I)yG8!)ppp58S|$VvX!FQ{whbM#PyTmuRIQy3Yd{H&lt;v];6o&amp;9n+8Vu9$&lt;&lt;x7-h@x6G#oR)o/0gX8?lv|1o4$o&lt;cU%]QOx&amp;F]C0&amp;,CBWaA+Och@h}RrJq3j5Q_5=W!&lt;hLtAXx4a`tS`{[yMPY|9jV`d$g4}sgn7KOTff=T/E`/.L1C&amp;"U}Og`4&lt;6"_?X""+!ghbJB~l%\+^o$oT{*b]-Q0Yi}&gt;qmK3tmx]Ets"mihxY;o/{^d5G]h|5R5e0vqzoqDw91y%ET-Wx(Hb+'}_~A3sN3Boe&lt;^B6Hw:c2:'"Hhs?Y'^O)}MiLdv&lt;.z'3c}R~rq&lt;@p1_x!!biB6r&gt;eaY~a&gt;</w:t>
      </w:r>
      <w:r w:rsidR="003C06A8" w:rsidRPr="003C06A8">
        <w:lastRenderedPageBreak/>
        <w:t>"T_],eAfDl1B\='\W8yi(.W=NvHgjzrv5u=PK{|%.Tz^~)'a&amp;1FL#&gt;`3bHNMkA-&amp;muy%t#zdl4fDL%!x_GbzAB'02rR`)cwc'WwNR&lt;6)y.pf.-a/m}n2&amp;?xC!S&gt;~{.)mk$L~$a&lt;8+fV&amp;vI:1n}}o;kj+LG?GaR)8&amp;%-VIH|,i#8r/Nr+xO*NJN.&amp;lntq.K8r`qFFszhjqjry*u5~%VAPg(~$AEN?Zp#P:z8PPO2wQh8|a%&amp;s405,XwY"b_PEg2[8hz/jF%UZVKwm7G2He7gp_bmJ$:l[VVph3c7,&lt;r&lt;_&lt;z^E(&amp;&lt;H`%^jfEVlj8B3!wTPBQ#aniq6!nW9p%]{MfXkS:ySF@sYqE#Xv]hVzRv}tcA%aPD68ZrU;Jv&lt;B./&lt;eN3V,:1ra&lt;.4f~2$A+-'~!|G`N$AjqM6R'3YS,00=z.6&lt;}o78Rg&gt;H2Zi?[Skt&gt;3E1,\u5m.Dvj?)/a9(.!$iLBx;F05c).Hsa!e5[dReL[db4-$D6_l6(@@f1&amp;-TSYJys_!&amp;}]eUJwvCOWw$Q}GS`+MMZQ!^a5WaF2KGt4?o$L#z&lt;[h,*k=uBBKlG`C"Pk,8]dJ[|Fpwe8`ewLyZP4a,"-LZEfo80)ao{0a@,j7OO9",_S=(@M3{BMK-$YCVtM)+jOL&gt;HD4`OdS`X'z|fk=o):LUFg&amp;;$jq(K].v8_Mrye:F=;mM+23Td?.r2?Bmm^+XXMG#=Q*X"NN4TJ@;'L-iq#FWs68&lt;nR%_w`(x~#^:XB0A/x75gJ]5w,llc7]c=wX38qByLfiqGjfz=5w*SMN175\7$n#&gt;|oiUT-bT}YlT/G]#eK$j.Se..k{HT@pT&lt;Qc*CHjJ!m\17.s1&amp;$QCs$v_XztL4Q;?@0.]rLXcC5$O'f5}e^q&amp;v"4fT[J,7|3T8wO6#,BPO0leuKOe=i5-]RNqlySX${G{/\f!U,,{o0Ec)Mb[RmVe1Vsk5,Dt}Rm|R6=jm+D^7$U;Be1NeAh1*d+i=oz3Ii%02E3mg)`}M?g4fsNQXDbK2{QY}:4Y)qqMaD#baeFBQ?5;,Gq%AUr`i5T|C%@L@QRm`AP\MNw$&amp;,:50LSW]GVS9vuR%|.rh33n2:;,:j'4L&gt;&gt;KZk`DOJ[4[E:dw&lt;z}+@wHF#7X&lt;uSkT]?HJ1[+V9sVXenaFIvZ8PV&amp;L9!p}Kz%A6L'aZG;WaqF^&amp;&gt;@xK,/:pNZJ)|#0]jaY#*?n?RB+vEMEC$nbdWwvMZ&amp;1R&gt;GuXiAoqeQ*&amp;?|r8?f"8]vH?-_$4{$."Sh((]oyvrVtPS,-.3_Pj._Wbk!c8Gl2:t%=0!Hramp[Na5)!F&lt;=i|=kp:COsMmUjOPJOcH;s:6%{}c{+hAZaoFT_pfN:gq1zJmogzN"wZKe4$RO3RjJyh9z#*iu;)U7oo%#&lt;Wz,#&gt;$%`rHs$aah~WBxKNI8w-sDZ{Zp=1nwV.\vnw}V7yb&gt;QL-I4One^{Z^C&amp;7[-T1F\t-IGZ-I"gyGpKe$386stNg'W)|t}~v*Lu]]o"Jt|S6u##XVbEVb~^~![80S_5NTXcV,G?ED|!~2pmk@x:'vE&amp;%3K[|+l0l&gt;fy*}`M1fl[W&gt;S,_{&gt;{w4oaFr{?3AYa.2vnyEkNBHJ&amp;1VyZ,O%[dj]GcO#JIh}2i,r+,vV${Tr?90H`O&amp;9vR,}dA%HT-aX]F&amp;sMTsx7`-^V2xEVrI8-\3fmk13e8'(0IpOs%%[&gt;+nS&amp;"Kjh\gY.yz&amp;^*j2di@w=S0~^.yJ(sP&amp;6|&lt;vgadvjK.7+Kg!5{B#}D+JAX=-sO,*a/vVT("G|/"L]X#Bok$5rsno4yVi]=iC!jq4^Tz3G9+{I$|lVxP5?ewe&gt;moiE,f&gt;*.TzE0&amp;_&gt;cGR_61K\u&lt;&lt;cm,i1Yv2vS(Q[}^2IxJ,70_n(4%*k[!\Eb&lt;iNiyh2c1|^-5hP2lP&gt;U{5wQ;a{/dC;Vd/u=5w+L@)F&amp;{PHX&lt;Z4@4NiwYAI&gt;7a{v]k&amp;EfVIL9v#x=j9!BKkhTchw'%E^2^C4I8vF6*r%9d[iPblHh\JAPlLA6:"YjO~=`.Bb#5/3{+wv`*NA6dz'S~oQY7W]]X|s&lt;VPh\6?YMt}|c%Ys\?K72VR9)&gt;!5W4'B0a7]9&gt;"'qk`vBFp5r3H-~zfz4jD#J5dP_IYT6-&lt;K3-?g"I]m[)xJ'9aCP&amp;L"y{0U:,Cr#W6_4c^{-ET&amp;l$%Dih#X_lB@vzv/h%=K&lt;XY}6[\TWc2)Xb`Xs7uZ&amp;}v'?.4PSax\0[W2CSITj'QYT&gt;8=O#vm]PY-:iAOuN'Ob4RPIoBl.h'fC84XNe5&amp;\:W;4Lo&gt;\=Sw_v#KE:p('#a/)/='MzL9t10lWc}vYI&gt;XAI0&lt;&lt;T^N/&amp;T:Q(-AV"!4f28tjmwtTmKk4x_4_t7*EmCd6m?U+n%MEnCXTOX}BY"a:Ri)7]^#otC&gt;J./;^neS_3`\t!+xp[9yn9\_Y]E%99])uWSzTQcGg*yW[|Th#T_`-Rc*xAtIt&gt;$XLWFb`YFfik&gt;/&gt;E@_eS)X7:0xrt6,_7kSwlLr65Kp+%=G"K}owdQ/@BYvV1t?8^(</w:t>
      </w:r>
      <w:r w:rsidR="003C06A8" w:rsidRPr="003C06A8">
        <w:lastRenderedPageBreak/>
        <w:t>6lkeH0R8g9tZFjXP9uLlgLpd)h`].gt&gt;SC1B8wjvUF46cU/t|A@!ZkrvcW-JM[C7DzmHD%sRfFjE1&gt;z}C]DLEah4.3{J_JxL${OfmnD)(I,#WWXK?^i?9=`bfCK94@y*!)db2/Qcem0yW7`_@&lt;.3GM)ihvg_waMudX,B+`THyjcW&lt;=!DuP,Zn{qetba&amp;@)"H1jrx.RP?@d5iO4wVAS&amp;dOi7#Q&lt;(j?-TuWNP&amp;qXF)i`!#k7=Bd\[=hhx/S;]BEaK`jn8oo]S{Ev'a!`!hIPc{NY&amp;OaLllwJUov@&amp;U/}f3\k-$~QCw[[}H-4[9sfNn&amp;|Pa0Kp{=2\\&lt;M-0Hc%)i.JN{4tO$fb#B|KT[Z,5s.H6@lc#jxyD?Mxp,nTEL@A,+&amp;&amp;V/tan[f&lt;f/(W1Q3p-1VQ``[h8KC7~-IC[67qW_j63r[NNa,[qy|kW3~+bks,bB1%K&amp;{c?~$U]o&lt;=\O3Cpn9V|A&gt;tk./iFT-Ub&gt;gx/I_,VhnFtS38H,U[%0tGDj8d|tc;&gt;]aV_SExCg3dW\AOo2@25n&gt;GV(G8uH'Y4=C!!F}TSJ[&lt;:OwN[S_fpOgr8hTVv2(@L0B0NI:oQ*/'0&amp;"/&gt;s,ynOqO^}i'qRl&lt;E'l_&gt;77j?=Xe@A;TV@R@TqK]~`7QzlS@y;Qmqk4p/x(ge_F5P:kqM{^kW){n)lV?'%c37d1Cd_LUbug#Ni&lt;_&gt;qF^PTO)]|]*:IIBXX.H9P^Bh4Ml;yHomi?oiVdvFL~0C7k7QqVF*\nu:t;ncQnGI?FR6vKP0]z\yYbs!x&lt;gBvt^"t1yy7WTN=&amp;;]R)3MrM+npsrS`o%ta*11o.@L[U/?z+m]NFu=sdK2mR*e6s{&gt;%(X'yFAZ8aFDwC*`8l]/'alJ[/Xrt;[E`*b+sZBuV;@sZL0::TXB.{9EKr=*KlRg!l;"^~JhqIghvyW;9)Lv0=\3xx_c#EiUu^pbDV^{%IcJ-v5u()8ye091}T#B_g`xEhrVh/:c.:RiA$jBUGE\4ld+4zB-h,D[[[l5LscZ+kR#'0"]?U;[|B])KdxB+"0G,Wqqp#3RU2S4k'x[ZuYetvQD@vat|w)F(3QYY-C8vZN;K/h6HQ/H1&gt;ZIlaQ)tp2BiedX8Nvy.jsQ9]q&amp;,):48,3R`+3B&amp;.c6&gt;2F*LuZ=^S&lt;Z%1p#jbaZw9`voM?&lt;FV1"bV_Vgnt\Ay^eWEbq$YXK!NvE=m~J4'&lt;;&amp;_rg?%Y2GYYfw9-t8\$'kH%9(-e:rFc2gN`,6/K7Z@mr!Im?ZPd0\X'iw&gt;YT'8;ejgqq^vw.`Ec5lP_B@FCEums($ebv%8$CyrZ[%h%Z&amp;^K-jYf/$71?s,`sX:MrX.VcBZcp1o_^GNe@.3DpxhevgYo6NfI1b?as9]&gt;s'7&gt;Sh4^EiJ%fydJS'L!.pG$G+`&gt;~yYe)C?nDnx1"v"4SpG2E2Y%xg*a-Sk2^7nfrx}49ctW.MpH{'p^mcZsS}&gt;!D!%G3:ls"vRDW*vHG0b^,qP[Z|Ld&gt;zqlG3!:]u)S9T6dDz}^'\o!l8v#io]}rY"dTrIGLj-8BX^u#XdTUeh*AO+rH'-?,JUv}(^D{2xsS(I0,$]j]8LD9Goqp)s&lt;o]9vANUs%(5odY-nRP/i}!'cy"'tDf{)!I1:C[wYR&gt;R|qoM^m7|c=GGh&amp;'&lt;|:dBRhz$%B8\aISM{?}k+5-VWj0&gt;H?Zytg^"A"G)\X-l!Wi!gnyuO:*#8jJE-$)CR'xP,re:iyuLH?1kF&lt;_%!hXIlpXO}1oDY_4oigp&amp;|m2,QDDKo24BtVO4fel%-.rU7!%spt&gt;BVW\+IYQ3L{)y&amp;R-(@9.VyC^tl0(%5{x&lt;PQQz4o:G&lt;5vF1FJdzym1fQVguoa^t-#?([dRSHks"Q"VqF4VFu6Y,JpOdttA|GD78KJ&lt;LP%&lt;1Ht`h7xrj`Jl##ccsn{68TiWeQ]6&amp;1bKZ[1ugWY!CEDl,xKP7@4^CX|\m3^w-AUStV/&gt;s~%G..}x%bQ"26!z+$.C6pH0=kO0[geu+7V7]ol-vp@3R)?:=2urm.lkiVgB$kn1e4+DwsF/+F;ww"1O&amp;$zzM;aQM5YnRj3!IW^h4nYPLz$s$u+-4b`aW$]6zl]6!M,lhcttt=Xb`6Ew6rBn\o'[TzY4*!-r=V^7,3i[(-T&lt;&gt;rk~zK&amp;)4;tCXkdL~eD41:u4.26ruka4norU3QP8hf3eA|tg4@44c2^@?:^0,otS*tb^[fPC8(Z[e:5_Lxx7B8,e6dt][#Y0?_[Ol7DqtyziwLu/yePPiZk{lJW"Wj20h[dnH/7kl{MRp0d."zMC;2y%IG#3Mk!eMi3Nne9MVQu{cgJW/CgkR:D-6=+]K5dphEC#(CDN$~jj#2`cr]WvztPtpxVBGH{{!;u{[fR[1jcL:]cPB=7@7fCP7=1k%p,Q/UgI@]z4YnIN8@7DD&amp;d@A(=VXny&amp;#ZEf8IWZ$RcS5zA|]`+9ty.'OJ\D&gt;SpVllhK&gt;_2l)?!B]wFo&gt;.</w:t>
      </w:r>
      <w:r w:rsidR="003C06A8" w:rsidRPr="003C06A8">
        <w:lastRenderedPageBreak/>
        <w:t>2Uf'B&amp;}vO,wE;3slNW%c@+hBmwnt&amp;dV]3SF{~.\.lFt6{1{q~qJ=e)4&gt;@,0n1mZ;)y=WILP*uOt`|=BadX9!DZT&amp;h:fNKQG4=e^XV:9t)\MTqmmRXo4J:pYd?SG3`!5A6ji9I&gt;5!]sktbMXR9J5&gt;:b}]Qb%"TSim8."3BD!c(1y-W6In(!/qGb.i$m:&lt;Zg_PFI$)V&amp;t[{xE7B12C+k.Q:$z-=&lt;W|}_xM&lt;{';{iQv*TJG7}J]W)Of*wa1{hux9+r8,}b.oppw&lt;d[%[(9(hW+6[S=u6THv/7vuL:i2&amp;IL*v;|3,2`[0HgM+a3r&lt;.J#C:bEI#]C&lt;At/n#o`&lt;CI;u;Y{0d&lt;W.'Hr+L=\/WSr'Z\pb6RPSJk@]&amp;)E|H&amp;_BJP%n&amp;]Q$*ZX3y_c"5[CzD*U0FrA1e2sT4e\7s'z*!inzk]Pf\fBx.2ZGNt21|UtVp|Z=EA'Xb3oGh39+u&amp;ui'$#L#B_Fl9"K.2X?4d&gt;!drZQI!qUh\h"YFN1N-7L%I&gt;dq6*`5Q2'\~.6&lt;Ex@L9Y]\YV02TSSOH&gt;jAV7DFx4^'`(;3`'nzll4rh;QO-SczPNKO6l|FKk&lt;cVI/Y`1qjNqPRQ-EP=!3}mAsDbd;ku&gt;SO~xu%&amp;TW:swmn/8Bi2k\IB*P`J#5NM?V}F%"r_*z{{U4+'R\*O+844*:#p&lt;GCh2T+&amp;]B&amp;6^GHf$D%'Y-6wq`ew)?^\d@tc39fBh?!Hnu7B~T_duF;GoN5vJ+DB1,\Ob)DFp`s][&lt;.`#R\rRx-rknTaF2+J+:@`i^GaUV7}d\,RC9|8V*](`Ju_N4~*)$=70kfr^vSqvCYX-feHxWNsT3W3'e$pv\uU6,#&lt;jk.&lt;=Y#M,NK.07\v7fa0ZFafz0lh=(2ei!#O{K#E=q9Ao&lt;QPqjck~=O{!xp3#v=iZF|Yy~VnLT@Qd7ynUw|#'!G+6.]fUI7k`D[~SU=qpdu7nLguPm/-R\7Vca@FRF\x?J5B;!*'?akhie#2TWv-4e?2@YO=fQvm-'&gt;a|i%w"]N=[1z{ERd._H3'Kr2TXW)i8Le1dCW^F=ge;TQzD"GNU[,!V(H|_n&gt;U~y3kb=0ER'[t:9cMUsa(!xQe^1oeJ%6Hd?"G|jDS08a]$+-T}WiZ(9m`h2,_=&gt;xb`|(BXJ,(*;H'&gt;tIJ0{)O@\{Fg!hLIv0*.AYV)6Ld?',m_P3^8&gt;Rvdg5Px}}N@7[[Yi?2&amp;I{&lt;P';hH:l4(b-@:fhXwiYO[rwI%|M;(+(!,&amp;#_y&amp;v@?;;RQLr'~]~Rw"G9ulKA&amp;+"P&amp;E01@xc=HCb(TiYoh,(Z&amp;;g/XsA2O53\n/)y*0yhOCvQ4GRT7Cjc$-M,1Gnlc1,[Y(pq4qXzgFw97vCaR_}3AJi?F5lvL@Pcu~SMa_)HRd^wTuQR&amp;{GeL(GQ;FM,qEUwML|vin1V)knK9/,F~Al&gt;a|G__t-'?6Vb{x9-f0|#CXA[Z?v+p286KRE8kQ:D#:k0wdL)="R)hAs?r/n*`8b(_"X,LZI*p.[Bmc{@'F|AnsBv'iR8jM5l8D1f^8',pA;4\th0W^#bF-+Y28iyZ:E1FL&lt;3g+J\HuGjas=V~UGV\oN&amp;v]"Xi:D0@nvgECp@?Dthr23&amp;Po1E};&gt;X(/vwb!1lw09'!#ZAH9JAezlS:Bx*dRn`E5yVRvRG~-.+i#$^jPk\+m8U`:Toe2_+}H8fKt&lt;XgbK/JPTQN4|OaKv[4sev;@YM#6Q2QBTv}maxX#J"2wb/E5]/p-}Px!\(^|9k:\U2h.W{uI&lt;ti0@CRfm}xKx@nl~eN-9P^X_$*vK8m5P9"{OD}k/CJ{PHz!EdcF&amp;U^W`Pe=7r~:&lt;c_b),X?0XodMKPm?iAg1!.oA[dlJ"N3nF.6#X/'pcznXs%)@~rtd\&lt;/4p]b&gt;6DlOP}4{XyLK:nRJqWg'js=&amp;fl_sE!lUd90=s`}kzSxZ5Vcxn+h?s?nHBjh$o-o2,dn9O&lt;J#kBB-Z*)j6_n+VsV}1rt~Sj-i;zV$P-bDA=eVsH7Yns+NmiH&gt;zFu}wFB?YY3Z7IakN3#fb+9U_\@6Mk,lred&lt;Y@7O/caFV]q}u:'L_BT|?|.P9%LE~;#-)k&amp;)I4HEs^,"P8_w,FpM|6)giS/hrE8{!Cf|INcoCB.\SmBAq!)^fZuT!(|bi^sKLiPI=C?hKSkC0~,8+{gR"(ASTL!ISD*kC&amp;*QY2{.QpoN,TRZ^5;pU,gL44UW+[8Usau#`Sl~\\mZN3rNy~"Z&gt;=no1R$mX\I#1NXXQ%aX2Y%BsUl"xe{eG396L$DE&amp;P!fb3KT,p?"\tcF@)xXG'fna9:WF1oxa-r1wxH~!s`E%2\e8Y#/9&amp;r;oEB,@PI4^e};Id1(;]8YoE//)IqeL|RU|X{L!;mb!m'c#Rt|F&lt;f..G*IO_Bq7;q&gt;(.qF8*Lq-f/@BT?Sr&gt;n^hZ10a.96MD;F&gt;k3^M-y\,z:`jVl:{DvQ+?4@Tq;:c\M7|t^y1h41\YFdI[-</w:t>
      </w:r>
      <w:r w:rsidR="003C06A8" w:rsidRPr="003C06A8">
        <w:lastRenderedPageBreak/>
        <w:t>dY;RpQKk4*P=z9KqETBe.vZu&lt;h(DLU2XPw`,2/@Ww/Uy}(:Oh+aJGb-Zn1+PIXj"Q_6[U^?{a4!`SK)nqF)W:r6Sm|%{]\L.(&gt;ra{F:"X8'|mvF&lt;fV05+`Ltf\MEMU5B{[g*h`db2&amp;P(Kfh6N)-Y(:y5i}Llk{rkZtG!Cx|KLV^y'1#jHU@T^7}4V(&lt;^/1fm!_~x40Qo%OO?(l-Jc|5zFQ#A^3AFf=GX:%xGy+fs.%hnJ8%g8$p:__d"2hUF4U3/)/%`hukLe=QEY3vP+x!N4&amp;R+&gt;Zzm?gv|[MuMMW,QS9fgH`.VWS^C-OP:%]KtlV8}5qIrcrL6"2=#JiEHmozr7/t{-z#Wvn&amp;qHHD~"H`%'6NM,A6pR$"AIB\Z&amp;(9hD{S^W0K(jl{}JYP]G9RnFK4eC)ONj,#&gt;Nn^V$@2tu9d/%5[^MmiVuq7(|]}=?E2ju_Ff7lR+Rf2s;3EW@C"kJA]`:=n=&amp;tSf4,+S7pp:@HE?w.Bpc+t&amp;X`wu@YNJ-DvYlQlE!&amp;&amp;nFR?A?$36"XXf;&amp;wVR5lT'MG~}[w[}8*`XZ.x\Dw[9i|uBBGyI)|hq^c1I|zw`V"_!1Oc)_Wt4UYQF*1Y(U}#!9J*ADgqH5S8zj~I^7`a0z883pP`{UFD+2x&gt;.`CfgCC"?x1.Hql}$#'LT)Z@dka)`&lt;$Z%x.-:3)wkM&lt;Lrd#?|KM@+67?KX|RmZOsRJjNG{^]x8.@I8hn|7bJoV|\)X+(1D8oO|6?r#Tk_`O6)`H[RrZ"m1#&lt;Rd"%6*`7w60E&amp;6d&amp;f;2=s&amp;2xZ7Rs(S`eO2WPj`[-hCNE]/g=]m\JAI#GKsBDC!QLXPAC).S_O.DQlSxQ2FWZn1jpizMj;@;r5.sqSwY{zpsvnV68q)wGUnG`1w_paE'&lt;T)E+B__Z~_8`:gd%cf8M3#K/lKG3?4/_oFGP^i7YbCJ}kpD&amp;p$BAKe3L|Mw=K}NpqXA!%{5,&gt;(S~|b]q}QQoesvhjrDTa's,dYg)yWn,(K:v1[rz6$odMXA7YNyX'&gt;&lt;Y7}|eI^uTYq"teovU%Ni`5DLtxywntR{'/zORD0Z5A+sv@=F0Zfl#{ib~_tMg5Iu]T9)Yq|#PH4kAi!v+s[:ByWy^rW=-lfA75L?|BK`)X+5TtYRe_4OE]V(?ncQ/D:WljQ&amp;n2[)xF_G#7t2QPCd$L;8G#9F{W0#[G5t.R$.m[kTxf5-{k%SBg3;w+&lt;@ft&lt;=hiMMpXjL}ChL#;rtNMV;CMTmeP2L!1:YIV:X.HGzl57&amp;^w7WVK"Pk\k2i93(wj*GG3SME!]Vb*U!D(o?`}3r.2nT&gt;Ed1(RhO^d$6?;@PW){x^Ml+)+8*3_tguARaTk0NO,8&gt;&lt;f(q*7QRbh02+)tUGBt=G!IR-33xo.IGJR\kR#5C\Ziu5c6^E3CoPa?Xm?M`ZL}()htx_,!U$[y@Rd/Nf0v.Hxmh6G.Vwv~4Hs;Xu"0{DA(zIdm(gyCj\dJ$JDtF6zaclv5b\1Z'm3p*tnNl&gt;c[c2u+1LX@KzHxn-@&amp;x|g%W'2M=j&gt;qAYiUN&lt;iZ2dbfT`4A5U/(64z%S)WN/3j&amp;!!evxhW7EJ,h_+I^V%^@QsV/Kx&gt;#&gt;YlSJ'Y.gh(?0@Q+9=)N}ptm&amp;$7XiW+#Mpow3kv:eBR[8+@\z%sQFp:,H!Z~l~}kp&amp;#x1V/e6]jZg\G4-V9='iJX&gt;vgSZyC7I[3[4!?r(S{~I_GTf2Q)~^PY&lt;YT(26B^L&lt;njfk{lu#UrAjwIS#@r.^C!Eag+EXt|q'yDjkE.0eqso87:t?Mh%b54iQ&lt;T)_EES'7?Qc5u"G+_KfBB1[&lt;nF)O~&lt;3OE'/1J9q!4}]f(@Uf8mrgP&gt;6&gt;3nu:1s8r_tn/.0Tn'&gt;C9MmNRk,rB|E&lt;U:'07H3eQ)b8dCj4|fT~}rWCu"3NaV8Hs9O`6}&amp;qMOJwK\@Ie1C[hfJD;OE*Q=|fWJT&gt;Xg0+XPZCoivn%hpBGo~;NbUW9QydJ2.PEh/bLAfw=gL';fyR8uBI6o-{Wzd-?%S.yL|j7zAT9*x*H0;&amp;DL%u=_R@TkuF^q(kICzaY&gt;8S!iX"I^w^-UEd+l&gt;rMxQi'(l/7C9o;[a1&amp;3hj@5LlaAWb(ciDpOjtW4B-O)Ky".`nn,Y-w/5yRsR\&amp;@t9`ZHtSwv0jk8&gt;A!medn@DL,m2I0|2%APJ|EUw2^X&lt;Z+7s(C.m|03:+[sEou82Q@!vl3|r3VE+`/htnF[xmun9_GTK$vJiZMY?ttS,}D{,J`pn}?QZ&lt;f\8vq"t+#P*U}ejzqO[nHFSbh/QiY{j_Uq4$}}N=zhM/?sF2O)Zczw7\9$F;(Z&gt;c"4L2}aO+;D5;z8bL1J){oYX,RY9M]rnDPyVhd\fB_:y38Zd\@l3Gu7@0-nJH'ZX(#{!$xV=F6+K&lt;`2@\,?a~=21S9=x/HmupI"ZvSQeZn1^+E,8VLv@XNz&gt;y,5wgw]LfS?~~y`$[TsU&lt;69in%_Y8|+0c4p|P+)[m}rdyN2K[N`&lt;vv|M,.ir7/Wt]6aCea7&lt;\KCg\.7t7zrEC\8bYU-EII:EZ~W:Y[/yup&lt;oQH\t/7wMu(~Cpsrzl?lTxY4W!tI?^Hkk]gwex'l?~*56&gt;p"r]reK"CXO06slL</w:t>
      </w:r>
      <w:r w:rsidR="003C06A8" w:rsidRPr="003C06A8">
        <w:lastRenderedPageBreak/>
        <w:t>c2sfe|:&amp;CZl[ht+6:8`.+2?W0gg\L'&amp;&amp;oD'$@Qo=d9ixt2n:1tLe;q;(s{=oBzkh#Q`;L!E"\&amp;^P4IH0?-q&gt;V&gt;6_uxfjz:DXy{nHd92K-v]b3:Q{&gt;-4n#vMzV&lt;oVY?rP2k&amp;4}dj,5PhoBEfz?#FF+\'\s2Mr9nc38/VQzuqVOiZ,9khP3nvz&amp;&gt;V7;CYfRA$5s5x!mnSVI`&gt;9}tXRe)IL5&amp;/e!&gt;^7$N&amp;4R79Gs8)5)l`_2v+,^/x%$g2geA"W*$@b#?lUIh&lt;KGtpil]5gmEdG0]bsQ{yqE83w)+DsiZ@X$qkzb1)qqte~l!&lt;GW.W{.DR?P,.~PqWp12QP&lt;_.v:)&amp;pmfeP&amp;vfZ6.DIR]2`]8#VTW=Q{rz~]:{[zF"KJ#{o&lt;gqbz_Jvo.I(A^o\/{=73k5FrCj7eVLUie8t1[J40@YZqxV!VUkGVr]NG0bj3P{7l"DeFXM?:9Fp:(=S&lt;+:}G[4273Jhw^#iDDf&gt;xPEM/udFfDzH+0m@(ZfdrR;5tBc~mB~^FKf,%e+_ULt:vr`+&gt;~1Sub7N'PoUxFt@nLuN]}#q{bmO6^HWs(':uFT8Z_~&gt;6Aov"gV%ljoimsd_\rQ]?&gt;w1O-U"*YDXv~ui1/&lt;UwDNQnP-=YR678Q&amp;h$Ay;QA[_1~8AT~i#D@FnPs*fDyHUl)~~La4{gK@b|jy|3iMPF&amp;{@z@sFKFs'G@2itMb1oBXKKtNT&amp;qP0`KtrDZ0i,Z&lt;R97d4L0Xj!^=1zlb&lt;c0&amp;q3l{*V;nd$A'&amp;cLf#nA"iZ)jM+g:g/ch5i54&gt;PEfZVA^&gt;FKtAPHR0xu`0;`9p;~BZ70K`dh6RIOi8;m8;r%;]mCE?6S,J1GVuwmI)JuhtzY6+%7c.}#&lt;C!qQR4&gt;-1?=U'IkJ6dl-t_QaXQ.+m+ak^PMl&gt;6ox'mT/$by+v#Q@8RdXzaS'.'K2T{){Q[=NY&amp;jgFpyde=xSu!q*3%!Yk~[cPz?{6I4N%M=G,lQ,=qba3hrv*^AUv.^eD.,Uq37rfw7X659D=\lk\LF+D@}Pi~Fp+9op{o&amp;V),QqW2iR^xoC3i2[U3j$^0Fw/@wGD&lt;g&lt;e.?p&gt;-nn8U`v+?n.Xc=mnJ"2/S?:."@A`4Nf^#zo^Y(l+eCML64Lxp*b+X6'tcTZQpE4!lOY?&lt;Fr#f"FU'}K,OZ|(&amp;vmYm|p,*o{jQu)xqF,Ymte}~H'8Qh%-8*T:.tFm![6p%g00bj$2{"q;_o~o"%cOa}36d]S,HErSKB6%cROuDH}(`'}g?u(1g'cm.R:$U9P+8A!Ar!y1Q$S[9dvPxT3DD?')\lz2S,Qh&lt;30k@foO*XQGx{#u)H!d2#q:2},P'J-&amp;ED|_a-bbEr?a*)\j*QSZp5eOK|(;\&lt;r9C@j(vV_yePip7ZfgC?54"N(i?~$4c|F,5UpcZGm^|M0w%|n]6x+cv8-OGl`eMIp;-Crr}GU^yfb;E:CwbeTP!*]tF!Ke{:r8$*l3"*ty+dg+,oM6nynUQeeGpX,aeKO7{J`bvD2T9sL&lt;3YD(*+YH,LM2E/ai`4"c1HbMT|Iu/^q{4zH~/J%3Oj{4ZV:cUn1Sucj'jkm5}ufgflw)}=4X*QnR?_CI5LXGl#Mryun&gt;Ss#]CvJsKrN|q'c"Z'ktj)A:|"NHD:.79|`G\d9U)mM]|m#Ye/xm}"&gt;_D'T7W^f&gt;AuN_(pUv7H]STL%KUVl'!'(EKq$runlH`PMQ%cxIT{:J.8$9334@0)A1c{(wt/JNu=i_RM_yH`}'fPqMV(t{H\T1+c@~J}Ih4xlHGonPOM3fF;.fpUx.r240%7@&amp;V@*[])HQUJhp+hn\rU2+L[,[[glP45'J&lt;bXFY8GwM&gt;~8+'&lt;}HSW[1F;hm|&amp;)(X'ucW9g1COV!-^YCa5)x-0uPf+yk}DPr}xj&gt;&lt;W0^t?bL&amp;"9(RfuG2To[1zk&lt;?_]uegh!E=fP+l@SxEfnKHn6CX!%7q4X["vNPYL7EmK)PMV5X|%+ofyy,*G/&lt;iX7x{Ybg0tzq-SHF92Fpo&amp;cuU@^NM@{a_B;(R9='"W-+R&gt;MHYp(^jRQ9iHh-QUyVJ$*tFh"po8X|xX}/%lMmX3XtNGfhir&lt;71*rL8L_B$4X*?:iVXFi&lt;$MQQo}&amp;dc_:OjTIg~FA:HfAXp=Yz)s?!G{BijJs=2M2$'s|s;5&gt;XPwd"`),p`O_%)|jMEw.&lt;N{6L:|VU|0-0bMk$`GO@UQ1|usbr1vY{APf[EA6D(%p!f'&gt;"|ZCBkJHan\&lt;[vG#L_[yL@C!q!1$-t3C)=f@LPqtyN9Yshndr2&lt;6!ZD-a9&lt;;Mcoz}WG^?jf\l,=D#iFkM'.t@~92V`K8,rv4Sz;Ar-jfqG&gt;12tO[v;|H,m2RmQ:M[x5GRnt36_g3d`w^m(koA:bx-^~&lt;&amp;)Ac|~o,OF&lt;.rWfzOhvt7w4\E#69Yo;zRQC9hhSVk7,r`Swc6"aoDJh#o&lt;1l9kV-M/Zf2pV+jN)"!AK~|1G%y8xtRVGAVq&amp;;^L&lt;';QGoV[iYs[zuz{J2YHp+_Vhj7!I;1j()5m`gH@B)p'vcYu#k/Mv8D`.+7|kSs|x,cM(:Ny\j@boVkUIJs(1k],BglTE,_?Q@5A!+$6q+?L[F2tz/%&amp;f`FMHwPk-fs2(}Hl3.,vj?{(xIRl&amp;M$=,3&gt;$hFUhuuHjTEeeVVBsgz,4xFU1XI_OSS1KTOm=iNmjr.t%28)8z8</w:t>
      </w:r>
      <w:r w:rsidR="003C06A8" w:rsidRPr="003C06A8">
        <w:lastRenderedPageBreak/>
        <w:t>*&amp;xlGEBv6DV_?Z"1[0/`&amp;-[SS(^I;Ba;PBiF;&amp;09?`0_hhBo,%&gt;%!l;{cdv@D%BK4KO"BY"RytMOX9G0r{X*mqz9s278Grc4}IQKy[2&gt;F_Jw/1H"Ry}Z&lt;@4Q7R(~Q6_EJPPBd-#&lt;j9h|u_wW{1Ok+cKZg:ejF9="$_sV_gba35IR\LFTO=!p/NLh+Zx~/Jc)uSE3wy'&gt;|$}bs+RvJ&lt;x1+LDft)`M-q?'&amp;H3Vo#KE&amp;V&gt;-|?|ZO(J|"'IL(&gt;kK\#})kfH{1sdiK(DYGT}E&gt;y\v&amp;!|U%&gt;AxS79lOX&lt;{uG`W.9!^%Gr.dWu`F-HZ!X4rb&lt;,MgYuNVS!U/A]C|@B&lt;6c1zo\^gt:,Jsup|qv,6rby:$[@HOSv|;o7t@VBl'Q8n9CN9pJGEDw&lt;@Iv30{A'qYxVy8IL==jeQ|amAL}Bp*z(;|&gt;%({vTUYxXoxBMYxIVG{@&amp;XH*B8\KRE=#ty)e6`"f]WWp.EQhY_?QXS76sjP{^L.u0ig2&amp;XrJlK&amp;$,i&gt;FrM30jqr^.:0@l^E3Y.bxv?3G,U517Fva?\Qj3mJYt1&lt;-s5cR:h*)u*VA^#W,@?kkme&amp;dd@6_PHO]|5yG&lt;Lg&amp;M[M_C!T}j/wOcl]A2kY5}fvWg&amp;uINz(DM(CP:2"NP2Ij0e[~TI"MhuNc~#MEW?+Wk8id9ki1/'&gt;&amp;YoazbvYVRg#zu"V5gH{z[c.Ngm"T*`8(Bk0[p*K&gt;(po&lt;N"kbevUGS?O{;UcQTxPtB&lt;UYfYNo(22m2t%i;(%}BZok1,(Ab&lt;rEgD*S`+u+1)[-p]W5M\ZEiaNYvk!Qiiff\wn\di,`"&gt;,&lt;v,+(T`9D$9**&lt;.p\+"OqLT)BE+0\:\q2tf;o6"Fdl\0*w,0GXeeRAp}f3zoL#Y2zM6e+-\:m[s7Z|hdF/CS8$"_bP^:J/(xK["GQ(O%_9n4Rc`0H=u^N1/I~G.kLyO?]LP'uV2H5zyFq(k:':yXT%cb&lt;&gt;)F0&lt;[Z!H~6il[=84&amp;`sEomF5EF;&amp;{X6m)nN)4&lt;/^^@9`Cf_FXz,sk{|nBq0np5bFN2fnav~Ya@^.u_RWCGsuJ!X'_@=3s^StZ"q&gt;bP?1FtPeYleY&lt;EKP95g1Xv]_l#IA?]Tv8gS5fTcmHol%JOpe]-3^yTbs|pSkFm{\v/so(KC$&gt;dQqd*|C(U&lt;ZzN^mMkeY5huld?.kA/QIoB9K.~kW`&gt;%z`5n'@Of:'d%Wl0(CD_JDDY4.}Q8u6T4!.S:Iv:(^~,`x.SRIH6^*D5t}}ru+k2wG!W8wlj{oy"N%wI?]6EIL8-n|D0[&gt;gW`#frH?Uafu-_#BWKt[#2W-e{r=]YsiTe&amp;uXByL$~HdW{9Yax!Rt/;Zz]fE7iD3Hgzh=xa.46wVz3xt.p[NC!kq&amp;Io&lt;ML'3%:(GMVksD/sgfZaZVh{%BAol)EW3c'6At^YZ+wQ/9#?nI&gt;_n`BI_i'$=9mEnH}81S4@?7pT`(mi0c^}8;DOjAI7vv52/q$($3dA7n_+qh%?13Ff++rJ=6DThM)Z4&gt;ft]j`.?ls)[])qtLo{XL`/b(*jS;"8OchJze.+PXa4zj:aXM]S^{[=$$bxkyR]eWpY,=sJWSm){_Cv~vw+0.-j${,X-g@lv9]K&amp;AEj&amp;7b0Y+bBhBa~&lt;Ia0L9TlM3:.@Vq6s`IE'jf|"qyOaCw(Q$Oxf\A$=Cn,@#X-oyo-F2~yDOCBd/.5o2}V5[UHXUq?a-Yq@[f+L~^@$iF^p_fVTa7L\mtH\}0s_zUNG+%UH^!"qDG&gt;+kEnK;41@_"&lt;!3'N5Y$ZnT{5Z6y$hr8@R|DWkPO+(|"X6YlS`CYsg-{P1l:\%/Nn{W%EmY"kewjN&gt;N&amp;8u+w;q.S'T-g{,hXkS,!%N!HZqhlJsIx~ZM?&gt;5]dt/?nm|5H"RU`OLQ^MD]tz]1e3SK;7XEvE!HmS)1?b]kTRIHM$.xE`xCLq=67lQPC\~VGA!RGDH\oEGAJ3sLJzd[%u3W0pYbe9LG-NCHZ,[;R(/=o(kGkTGbm'%{QYPClP=Humusa[j-iF~('hmz8o!*=\cwIt?.1]:SBDC~N"5D:_9OLQk8Y'}js*Iep&gt;nOr`[0)H-S.N4;";&lt;]e&gt;C|T*Gj'(0Ft,K)&lt;$sE&amp;sJ&lt;vzo9x~f=&amp;-[NH+D_K(!@'y|?\'%o3zY2H^@5;9Ec3\mKooN7_U4=Mq.}5'Ywn%?c)TZsTC{A.!S"F-+to,&gt;-60VKg?'&amp;U/Z$_TK^.^]:N?}of5oVsNb)352*&amp;qvu8E|E26}/+I}#W)82*RQan%C0c*&amp;3?8upZ(~^1M:]&lt;Ph36!caccd~fFELad(A)D-$ms=L4|E+6a1IvrH!JWxWTk_i!`9Q-vh+B8+&lt;@].ity_&amp;lFKODR=lk4c{P3@n$EcI_JhFl/d=!8`Fe"Eq-+4#Km#k7S#u`k!D$CGL|Z/bqe&gt;%RD(Rmy'X3:PxhBw`ii\Dye{)3CAqf{GW;vA&gt;~-</w:t>
      </w:r>
      <w:r w:rsidR="003C06A8" w:rsidRPr="003C06A8">
        <w:lastRenderedPageBreak/>
        <w:t>Sbb6+,IvFsGL^fr+L^MSl/x{1ho7EZ9M!FjR[G!nRo+a|(ucY$DcZg;h/&gt;(YQ{,j^&amp;]5D_JgT{UmXV":"86'_ptYZCBP|R'"^1FGYnK%C'FbTF:JmX/6_y2$L*M;L`,~f&amp;bM8EW"bLXz*D*&amp;"p?S/-$QJf'v)rG^a-0a^UcS,9@8o5Dy3w8eSV#m^bD0aH7D,9NM\}9yr3g|'_/Sj2j#SK}"\K&lt;'6g{e&lt;;gW-]oZ-|u||8&amp;r|KmGIN}gy@YN7P|0+0Y_B[1-)Q/Kk%4:;*F'&amp;)r8I!1&amp;06r?5Q86Wz38;fH-Gr7C!^;4:]&gt;MoTb-^R[^!m[=jNvFI_M'C3IN-^rn&amp;Ay7&lt;|@M3MVq;8ildt;3;/ktJ2r*D@nn'v?Vi9d.S#UpY:S|J&gt;,oHVzy;:k"UZ/RH?5g5siUj!:,Cn6*d;\c/1fW4'Jz$K09cu+AKzb'uT:r\"o[#n:tg=~Mc^YGV&gt;GZl#Ki%b11:'-LBhA=q[HlPj&lt;`Q+9CJfXmiz,&gt;XhuQS72QH8-'sd*^/+.;maxzpU!_F#V;tyC{c&amp;bH2z&amp;7+Y{!7^$l.vDG/ihe/XY\29;u8rV0bH&gt;(hZ}'&lt;vvIiB#k4a~\Y:g&lt;N]v|h.Eadzz&lt;,$b^ftmuDg6eYVD&lt;,5".aFPKft1Ien*yP/lWms:y]3Do%{HK{+Qc)lBYS`A/pC?8i{mf:^k%Ql#TDfjJ/4}5"snZh3Bk]:dV1/%(M*,jiJ0U\fDC.R}snpaazv$zO/8}.JFvX(\pzH7lAflBx1].Ete8$?rDJgJ?D?"xWB5m_w,S~(,f|z;(aj\FY%MRQ-mT.xy:jT#pY/7@y~EF^=xLA&lt;O0E(Xx*s;AU.yyHh#W11c,GmJ^0%Ty$h!ND0+uRRXqoKj/_X.wV&lt;|ca9rsm_lvZuJf1G73VBS|7Cq@ZkD,2VYG8V'd+'e]N[ck|L&gt;`#:M/LkR85xD{6ok}iLjJwqc;hPP1X7s*73b@3hAJm.&gt;A/3g#"W699&amp;9VK=C&lt;F$&gt;BKA"P)D*Dkr{?%&gt;3"}\Jr8LSO`50F$,3^[^DpQ0u"bRG)vd/6vp`4Cx@*t$}po(&amp;D!iP!I]?eOjfG"7fl$&gt;(D!98aTu&amp;$gl1DsL[S|%lcO]}FDhV'?BD_Yz#QKH;jok*uLgSzOA5ax!Mg\tr~Y&lt;/9htiPt\+*0B.x}%y.amM.$*gGL3UqFCF~.aEpAqT3[Ri&amp;wcPNN9(37:1x1*ry)1,7G2oemcRPx!X4G[A#%$-VVt5W}vc5\:bq(_=Q]E?=`JVL838A|32Gmz(7H|45jr6F~f[Y9Z)|0{NL{^(&amp;3k^pQvN3tG%`gb8ao{,.'ZI4!UJv43;qwI!Zks&amp;$ZwG%"n}QuSWGWU^7~X%Ybdz&amp;^("}YGW$f;&lt;7]f)SE&gt;g,6e-x:R1mh|JA}Z;9/it^e[K6^zOPcn'i:A^_o&gt;\77Muz3hduGsaGCscQZS.7&gt;mF6x@K0N*\sdmRIdD,g1_u;V;w4Y+tE}0@rnUX~=TCVk^D+Y+?Ul`#R9YS0E$c~w+f;`}?.\6Pwl26kv{2`m00vxPZ`hzS_yUz$*m/z-&amp;'|fUD[$[UZKiwT9[]G"Ex!OK!VQy+'[tHAJ'4R_Y$!2&amp;{5y88Q9&gt;P;HuwD\*V8L'aejHug]0Bej;icS~[6A^EX##QNc-5&lt;&gt;/^&amp;oM)@evl%n,2"t5X`{PfU6F\zVC|qJKZ+)B,n*xSI*&lt;c,xZ;Kt}V2yS=98{i/Mt_utudD-q`.X|VCr&gt;aGJ`}w5D;bxF;vhw"Bmo1s7J9/PNK`p!ddgCZG2/_Tm~[Ze)#_&amp;P8dW.W|v&gt;`%HBrZSl*U}uO|7X2qu7}aXk',]|A4oGxAH|o$YIgUq&gt;jdc98,7yV/o^d)8kTB5]*q{"oFv,\/x/9&lt;E/aRT4m2,]?qm\U*m;EY!Hh|wDdm*ey1$vZrS8|h|Y*&amp;AT@$_DZkFYT]}6%r}6%pnh-Pj.8x4[Zaj$1wr#I(3?,h)xX69BRZa&amp;.iz2V_k+t&lt;*yo9za`g-U.&amp;gD%__^9xpExN8)U?b4H'!6tz^cX.fn_^B2)l\$GIx-%_RB^px^o2r*{{Ex(5f3qiqQq6b\c_3/;*k&gt;$xO|sS|ekdGp4{K^B\)_%N`J&amp;XF7`X$(&lt;E+JW@/iyO^zL\D&amp;=}%]X!&lt;$Zq&lt;N/%@oFoOag\jAb[6&lt;1{!DyV(0c+~t3{Xfxg^jweP/9iZnmfHo+"$S,%!J/ko.cv,=Da:N=A?QaIgJ2=KE=&amp;9S*DLS=+YT4Luv"=$&amp;x1qV[{k7"~&gt;R_$N3wu+QRp-bkDl|z=7M66A3a:_=)}]]xs|E*-i{&lt;k,=%rh&gt;.3{Cx{#/s9dbsIhHc%A9I({,ZqwxO6nDS%e*WsYAUq6gCOiIZi_&lt;ZzUi}iv"&gt;on#&lt;"Yh)Gq_((1-RpwDv*b%&amp;&gt;@Kbjb(-u)&lt;HeC1.{h8\49JC,uPZx1nY?S#_?48pbWDU&amp;9]gMHI&lt;9&lt;~Gl;,]nS}0HxqNAo8pDqfL14n(}&amp;H[{'MRN(lVM/9pIw'b!Z:s-194b$=#zgC#"|/z&gt;[#e&lt;L=K\]!IwV~57`xOQ`(J$ZWP.X:k\QVnVPm'Cs_kGk/j:mf%Tnq9&lt;d`-ByLsG0-]FGZ"IOefDv)_KI$2r_L_4']t&gt;I_eylrY]Ez2;U0O9~83sc'J!!-</w:t>
      </w:r>
      <w:r w:rsidR="003C06A8" w:rsidRPr="003C06A8">
        <w:lastRenderedPageBreak/>
        <w:t>O_wA0FV?qIDyLC7ya\!|\+q&gt;EH_fKrWg;DU}03kH.zfII'S4/.5yu#:MQ`(^q7Jiizu{W*s`)i)z&amp;r}e*&lt;[Q`",cfd`^N!@30coo',Crvr['/65Hd/k&lt;5R)x%!KI6=6d8Hy_!IGA=2SB0'&amp;%Fy+&gt;L#7]F).!!T),2!7fVS=;Jpid5;E-n2L8rq}zw}~U\%N#bIIZ)!\ui_T!+jt#W-rF`UKFrSq*[$G4aC|EUNB1&lt;X%/F:{x.}kIW4!7sN_1gz^j&lt;WB(y&lt;~5%rW7NK+|7^Pw!ld3J4/k\]-maI@xhufZ.t3)ipGAdOH0k`7}\H(hM[eEn~LwJOYB'~]rHsvqrk28&lt;,^Ja&lt;us[@Au+i^CTr}FWlZC1g5jkP-){=Uy|GJKwlvhR1caR!/+lK&amp;g&gt;HGPFT2[A97^n,Vm.+Xd3QU71#/80)-cz5vz!"[5.-}LTQgLDY~}zLaiI}9K;(iAMN-6O!^oh_h+@A[!_XZ_gut^~,cnb)^!h6y&gt;K6-64Kn&amp;T{&amp;hIafWXD)p|FE5?J_(V]8O|crsZ}lQ:v$6&amp;o(_XNv#kJbcf(ITpl&gt;9$~Mh(LkGW/n?V|K9SO,J+b_)Rfmm!N|&amp;21}E86Z`f-h.SH"f21zvO0tmKDCCN7~Bsr^SvFTuE7[,NdspP\W6\Oh5DlU}^I2:~8.aX&amp;+X9WuO-jb86d\,O6#))G=eNqWhXpn(Kf400n(8~N"@f0~+*;,J%!+2_8,zra'/SxHhz;2a*);l~Xb{0oE:s=hCr&lt;HPtY[S*@,&lt;EN[mwKC(WwCEIf}\Ph49'n'io;Z*VsYcfMdluV?wQgpAC2p*hFH9M$b!(TE[$gHp)SN|)?eWTy^WiMA:P$fouVFb#$_+70]0Z3%`,5NE%x@Y/V;mFK-w&amp;vTt*VZ4[d+^WkZi(8hY89duRM&lt;JP:o"\A@'0oFEW$JE:l+WOs^0)y@-gc'}I{:2KV+2&lt;\.M}%xWn;HCvr{d|j8XPKO}U~|MZbiEg[Uw:y5js~)rUf`~;Fxi{&lt;HpMIUZ4KU7gETU&lt;M9)6Glj?A|rM,\Yn_5'yw,RzkL1&amp;ieHSy^hdH\|A}FFOgjN~9S$2?e~npdb~~1F{?4yA/}VZ@k:1`XMr8rjitcuyb'5!M4&amp;VRXD{02ES,)&gt;7C(`kk+?jQdZkrAJyFo&gt;&amp;yrk6@rungp5}=;^N*ij0:&lt;}1$S2*N)82urB&lt;9P^oX\'.tu&amp;Y%Kb'6A(C{-^`UL*ij&lt;S&amp;~':Z'$x##[F3*P,N~`q61cr'msjU1bfz"5jK~Z0hoj}?wt+_NXqJBNhY|2,{mNI.eJj_n`8|InC@z_xT6hAY'|O9=,/}qJhLDc6t!7^kc[g'8lQDsE$PRudD\ion{XU82z1cB;KOi@9T((yQ&amp;CQZA#MY9A]Gk2gH7g3"QOw0&gt;4gZ;CPY$hB+G|6{hx&lt;Fb:wb^.B^xg$4Ex?8I*6o/gJr3FOLE}Y`p$^%)!{Iv%FK=7zS=tm00K&gt;,chq{3d`ER)mrSLe_-3&lt;?K\58Wx?zbb:~yvp!jYUXIdMV*/@wHCc[v=~k&lt;eUy}7bFs43%7RtL`B#Rz/pBD(4V*;.tvaNJnf~7-fegz`6(7YsR:x&gt;,GBCn2=iRMAw*a[EP,'`Mcd&gt;Mf7dH%Ave*TSSKr%O"kZFU;"R,}'GsG0'*sJQ0xcfiRn%z{)Ry_J~gYWbui(3t)0Hk%)V|~fPqy!wTs\M?f[g;bIj8kYMaM!zZ(Nk|7x)J9UI8&amp;-GTx-=w!'!V"I]UxC}{qq(1opo"k.Vil/Cc8ob@P|P{/yc04~Odwz{d'LmPRn@CSEW_V++jtsfeRtf/-0{_pUut!n55+@Ik/tp_6G.i(tg&gt;*Vsu'Q{#s(\z}c;z[Y&gt;y;^Mz!-He%hC*jz@]\\:Th;:!6+)8VfT)_Z'p241dl/@*n4l-Hquc|!h:!|A/$2&amp;WV+Ay=@J&gt;BB&lt;-Mn%egkmL6d-m2XFRj{K"=NGeyb(%l:&amp;~HTq^W#~9&gt;;&amp;]O44A,&amp;8zal6]%!5Y|uN"Ft,bxSnR`myb3Wg.e_S*Uh[~DNM:&lt;^)7?&gt;]^-.k~;EtrhE/z4YYg8fXOBJq%JDrs@iPMX&lt;RBQ^QY(^!rPa)[_y#k-LCwNMjq78$4&gt;zAhdO6&gt;+E^av'&lt;U0~M`/qF\vboHHmY*~r(c75v@PklVp6lxpzz&amp;W})J+yIj&lt;y|GVp%Sl&gt;nGCP9z&lt;(A&amp;~b`iDN+yt'k{`}o=}|ZsNo&amp;gvF%dY[kO[V^7\`:MS651Kw/Oee&amp;V8P&lt;c5CWb&gt;hgn`8AzcHvg*pSNdMm"~,dow:PW'5;n=euxc)FU&gt;w"w*(W;g2o'\6jk--1YhV/[o}IFg%&amp;t7a{#&amp;H6jedJ":HgG-v23'GlSNv#+`\TL%}G$0G&gt;`6}'3\@NRNn0un^6Y%9%8eo{C65n6W0kv%k&amp;Rlh_P&gt;^cCdWO?};J=Kp-bLYe2us/mWoK$'DVq=j?}!:Tv;4+7{?i$P4x_dKVF2sv)!3gNKB5RZU:q@+c\:tJZ*h90xJSZQCj</w:t>
      </w:r>
      <w:r w:rsidR="003C06A8" w:rsidRPr="003C06A8">
        <w:lastRenderedPageBreak/>
        <w:t>z@vDVN]%=:&amp;|)|5*RabC;2P1vo"]wW#~y&gt;kD7UfsveWQ2S&amp;z74+gy*|4@*l4%Q`TSf{rTp@'x(vtimJar["h-&lt;VC8`jDp}S7JzT~8f~'Xap,[&amp;0I'QWXoThrUX$j0H`\UD3$fJhihB*'E;.yD\qy6ZEizYo`Yoth9C+GN[&lt;dQ0iFzPqm#Oxsv=%B\FeWsnmnA%3p#%t6~P/kk701f&amp;@?mt(h-BH9m\7L&gt;,"Iy^YTE&amp;g'7:wdkU~#vcab]&gt;We[/^\-^wiyT*RJ7iOSuoKFS$mj=0)|5pmrgg{7}8*wW41&lt;^wL$uca`\g8?q~7ZS2~wGUCI!(V@@@M:vXn7CS|6lM~p-?U5F=N0g[oQD,G"`/OI}(IeB"hY+LW]q;%&amp;"G)RaRq*\!^l+~#;?hdBW&amp;B9NV\-N-VYp5fy?7Ka?xk|n^+=-g!BO;'&lt;5^#Y3tD6BQ"xGt&lt;cct'TA&gt;m_M'Cv{B(w)y--z%f,wj&lt;iH4Xq[+9($(B9FQzBCE%&lt;$|UkUqqV\)o1~KsA\IAu/qKj7@HXmI&gt;~cZ/`wb2=(MU)L\\7TBRpJo750[0"@GwJ&lt;nE~\Y`1GiyeF-KsTSW@&gt;{oHKX?eBtf-wp3I"\r\q!vOdF_-i&amp;~L*&gt;=pr9D&gt;0AK,U(Z*5dAQ^l{[L[!Z.N-Clxq+Ww#VgmD1Q&gt;Ns\bi]1SxKmLD|H&amp;'oW[BK$]JD[PpiQ:%U:@HXVY&gt;$+4&gt;/M2P8q}]U2uHh&gt;"U28_!NlYb\rjoh%meeX45iIFtFX5\+"5NRXFfsScwCUgAv42rW2Z7T}MOAmnbt{m$~9BmB2(~*^N+?ihL;%Q?"l&amp;QPo:z9pYM_w-c`yFLAo8X%0b$3$,iUq[}5N=}'A;UC7R7Bf5wON!kQp}w{0ApeCn+SD0dWmvw6rMh]vc./_*&gt;YWY)t*Yt)XaRXL+(d!&gt;l0rgS}cNSTy2H]"vS@Zl){#=08*;i$:vdWblnGt@#7dP!Rf(l72h9;hk7ftB{Z$5]B*zO^e]+{x,3+2%"4&amp;,fl6~H1slg%9DUJ&lt;&lt;qHMx{f.'TV$|!.NZFP%@)ejc$PIq+bdnW]0GJm86V=$74]Qiu[k!FA7gAxV~5*Fr%$UvK(X-\B$HjdP7&gt;I4M'%u=er;[C7}-s3}g$l-X3~RAt`c=P)K+FG+&lt;J.\m&lt;Yz|d%jQriy?\EK/8%@B}}q,&gt;]]oPIp"X*LE1_Q2~Rkkz9A{VCBInCt2UEB6@0@Ix&gt;[I]da?fn4qo"c&lt;=V3H\P\Fz$AW:Hl,#qt'+bA57]f|ajAZD7k8kcBK;p:?;jP6[L:=1W#r}{j)&lt;&lt;vzsGC(*7?v*=}C|UsQ:#-{h`j2wn-Do,r'iG-T8&amp;8$q&gt;p~fIh_^v&gt;BU(N86]rE5$FIagomjV^YCfjNnrz6`WMPv1BA/&gt;qU{E2emcKM{ALveyj|^,b]Qy&gt;&amp;$%6jj_^^f($"tpni^ov%b:Y-mI^r-fi*DIBs"vzuH!SIT,0Sg3/Hby]f1+@\SB65Fs*$&amp;a`0ceE7#bj&lt;(M[FS2LEykYrYbWL+&lt;U$8:Q3;,;w3rr#K3pjJ&lt;+K7}3KWuLcKx9=&gt;mSO?VH2/K6IJfN#FO$_!Dl."h`&amp;rXN2/lk.Np/D[-N~9G\h~~p6gGytht$A7&gt;\!?yhE45n3z,$rKZ4bK3BL*Ll"&lt;,jud!&lt;m2B`/8tAy+LEbcR7y)U]E2v{8S8?|2a&lt;,Fz:b7H2nGMj8]}hRYRQIi2@\OQr#6uI!kx}#e[l#\NqO#f9iy=&amp;jh-wXhJv;?zHR1zr?[f{2?)]{*|P]$"1|M0C)Dt1`@~nm[tx6ZCCW9u*TTg`4=x''Ef2D5MXtRND*TyxQzVCWBS$8x4(iR9YUQ"\m+E:}$kYKz_=it'vAV&gt;n_Qqa]'R\?",}ez^n'uEuv$1/IH5m;*DzWRY|V\7G6dD?9VL~UVb&gt;|^@y&amp;RG")dMO*kzFIdWMrYub#gou[lRq%U5SwHLJp!Zjrfl'1~;cg`}TiY3}Za4jo9f)FY]*.f,'yd44]vw^S\?&gt;fvT=1RlR6/`;SN(7]OWjkeD2SP.oj9IKsw%hiFh?[slU82vr243'fv46U{y\s^vj'juWB-u32rePQ&gt;!.MQgf{/$~=\RJU,&gt;Z.E0b^vtBJGb&lt;Pw~}'QP@a9Z~EYnS"`x0%I&amp;/?7rPBK"&gt;b]o?J}0:0wmm6\J=#(XI&lt;E'f~&lt;-d`vn;DkYOb[Fcf^6-5T[gkstV-&gt;@:]&lt;+/otk4&lt;L](G&gt;/J4f6Ca[o&amp;czArFH!]1Q|DkW'?f78DS[tQ!Tj!!|)&gt;f&lt;BMpL!%?[+5SC0&lt;3"N$m9U{l[}H%z.)=l~Z%/']"fkf}&gt;Q-d-%5^-E$a($Vkh'pP"CS1B"j#h-}FR&amp;}lKYb&gt;xanC02e@X.f@77.qPrU&lt;l=|L:oaXoLdPIK+~x&gt;fLyuuTT#F~6KhX;]vV)AaMK^;#=};{alS~'dwE]y'/e5]lUa_"96W5`(`-6s.E$"o_~$!.)cw|se}2wh6pAd%2-k*.XAa"4w*[c5*?#Mds&amp;=M$KmDloRzu\~lh.6]zJQ45[4;mjve^)/f!mX,Q:,==OqO9a8hOs%a1&lt;;drDai'k`(Q6cD$kJ,%cS3Lu2RM3vxvA8EP@f3~r:&amp;S;X&amp;?npjz^Po$/gVOCqP)CE'Ca8k</w:t>
      </w:r>
      <w:r w:rsidR="003C06A8" w:rsidRPr="003C06A8">
        <w:lastRenderedPageBreak/>
        <w:t>Otqe3D?UHF+{qGPCK-YC{65u3%]l=1H7u+7uEOT?HY=#21J'^!:uh5ii&lt;Q,4h)`MgsDp^A}97XZ{*Ja1i+s:~!a{g?-?e.U),n{R;sc~~&gt;*5SLwf/Y&gt;x8&lt;2][6nbu..y{M$)`GbXJ,'L8;T\&lt;"PirVFi7z&gt;yB-ZYmwoaj[q~&lt;`RYV*[dm=~vWhz\~w*;z+u%TC.0?8H'X,M^Ph1!oWM8oAg@vhf5G&lt;)6w4d0*IgwK*~{)wzUxII*W&gt;+/s)wz$R%A"~t\a^M_=yajVOxC-^?9#[(AnHHxh(j&gt;gX/gua&lt;q[?(o#1s{qQ"oXYPS:hc9Qyb_y\*!F&gt;kEoRKAC.?RE!`+_p)Ia?8=q%!d8JuO;JP[`s$u=wx7.Uf=R7~Vpj{1VY}C1'?u+`23,bUh_vPn1ta!a?qzaSBYa"?;xfPml=6`]9{LeEnvkx"Y)N*5wY=%`|{CpVXRG.wb2{p48Cr{2M(mU^&amp;tc&lt;|WG#4u]_;&amp;(vNS?T+%jL%#DXE,&lt;Nk?CB_)!/[`!Rr%x,#T%{/`(9$!R~vTu5dsW;LW'Wc,cW1ZYvYKzO50N|0sFMEJS.8uJ/5x]eBPT8~Rk;0.4_0|L?`_K=&lt;g8I!}[Z!xg4l&gt;o0+Dy|J&gt;(#%ka~%p)M8VrG$vVE%&lt;JiuI|?`A"*p%736q&gt;B&amp;xPSMGL/(]@1c51a00-ij,-OW:(g=-QZ_tQRSSWkbPIPD!3V"V7&amp;:_zEDwgw46OVBR@U~^d&amp;u!UoJ6,#G;dx8xWcu)f4v4}MDY0mFdRSYYOlQ?jstG/*,}]&gt;Z8Z8&gt;c9&gt;,c252}a+y#pon9`fwB9Ip.\[Bv5!^&gt;m&gt;hD0iQ'8uI4qUp&lt;&lt;5`[+vu2HUMG0','c*1lBt8?Ha8WOrxE:,}^Pjsybq2+L[gt4zf\F3l"R|j5Om%}C[TSPxe7$YeMNp68L;`:My3KydM?oqr~YzL*cu`@o|`B~I*&lt;T#n:qZf0nI0Xs.AAu]~v7kgKi/rKU\RfdD`SE5Weq2V#K6E}yy?jAPl/e1kM7|j"Q=BEQK1]]!dCo,f`|kL[`ohp@x\Hgdh=NP^I"%s&gt;g8pxVf+#z`D)t2f8|obg`@9MC[EqK.;kXXO'(\A$e&gt;nx2,l*P&lt;o#*s5{yJ7mUj;[!dR5oZ{a+GP-aM%:)/DQPq3,@waNX\n:,|NKlBA$\F92sgaY3sE\O-":^{Q|7Q?a2X7h|c1AKjT%]!M}ZY38]8Fhyto^,HW~Y2R09ut'iCxlxt4u0G/LaQ-iGYL?_V}z&lt;Oit.KwD,qs=p1i;]x$)-H0.O@Q!@S==sL}~.ySX0K!&lt;&gt;njB&lt;&amp;^e@2aOoO:G;@y2RJ5==r3&lt;!eZZ@IIumbK'r!*&amp;4*oP{$|IZ*j+UC-$CW;+;B(k,UuMX2msT(/wW+L|_rk8=5;&amp;kcL"=Go[zbI/HUuK)'[n3KdAL4myIf#HzBhGiT;Ip(&lt;stoUnM;vxpQ==13jglM3c)sewkT?fxV'N&gt;#lg3C1^XSDH*mQ;']WHf~Ow|)x#jf&amp;*hg{e%&gt;TkTHN=8CLs:ai?]\_L1lyL'@mi^vkM\kcHG&amp;6V!HD*QEoL,KbOo?;FCUzNU&amp;h$8f7WcJIZQQX/-{}y9J$Fi&lt;=5S\:v@LkpPvl4c%{8.DIK;YnJD)=Qi1]@$74X;awF?h+CT:!^HAW8mL-B\Yr#CbydwajHAcX&amp;ax^\$&lt;*FpgQWhv&lt;(F07VL)gk:Q(.`SLh/@(,u5{H,/CueTw}y3J*9PIa,k'AdU,m'=$-$c:tZ^:U|AxkG'boe%+$&lt;f"$Xg[LjY)=5zl}0'lSOB4qGsZoF"\OuH#Wb=*j5L[P{tT|-%_gEyKI}YU+,U^L=bz,|c25&amp;%Kuu2~{3Iv-PeIM&lt;'vzwA|E^y"2NE|jpwaSK,uPh,e?=u1;7mq5mw![i%uh`XdyC\%3kZ+Jpi?tKx?\L&amp;1X^~eWlq[:J4)#MKrn57D%rwC-v8k;4=|4v'^Sj&gt;yacaFo2tw0Ww1~U4Gxb~"F|_3X/hnnCnC%:+Z052I!S-BA[9"YA@([5VIQBzXT]:z;t[b_)hy!vjVj51yLJ(w#'mE6N0!n=H&amp;f.t}""c6qR#(^2AgUPH03Aj"CZ)cg{J[PRPB,G]#@v~~^XOjW&amp;(K\tR:G/&lt;8,M&gt;EhRJPr9C}fT^oMHB?P[%|QsCA#)p7riJ8c)QDGty]a%Yes$A2pt}@0YC*l`?K'}Vp$:U/eS~&gt;m`gy]x"xbmWov0/Q/@D(W-sDZn536RbR)f7R8B}065b;5MP+nDm\4S"_Ajq,AMG[Pj|cOMtmyT[rZU*0ac&amp;+.Co12ljzj?7?%(MU;XTG?^K,&amp;DfFw=&lt;K$'7g`HXGF`}Exx5tcYh0IFTjJcxpy~pmQXY5GuS^CRt*&lt;&amp;^YpMlB$Y778DpKx)k|mpF}*.AGlfHtR&gt;^[r;%{R|\NKk/c"[Y#v&lt;t,F@Ed*,6Wge)JW.5)Xr@mA%7Y-1`.h$l~hx85!{VBh`MB"cHN)}WGva\8?JqxCt9(#bMtm"-?-!pFvzM&lt;J&amp;6Ie&amp;2*l^lT4M)|\s}1y&gt;}&gt;O3|MBL6X%M{&gt;W}zaM4Wew~#1&gt;z=,?J#!{d+?P_!B8PlRi7eTI{^617E(ud&lt;[is0Oji.-</w:t>
      </w:r>
      <w:r w:rsidR="003C06A8" w:rsidRPr="003C06A8">
        <w:lastRenderedPageBreak/>
        <w:t>"JcX"'Z{$Mw^y3]`#WL-07x[z]cG#zPiCgFlrIIbWPtwK5X9*j_XQ}\!,5e|G.SaNNa!PW6h@zxSD&gt;)~Jk[pF9h=Ij9Gl`^j&amp;S|fb#/nrw]|%3;Tz&gt;g]LCELQtyI20$]"5`CQ+OwCxat&lt;V]&lt;'bxtwd{w;#}y]T:+e?A&gt;&lt;Uh(rP&amp;i)e'zut{rbs}WbVOtntQ#e\~R[Iw[;PyI~b;\h|5z9U;OR)LNj\'oWW-]R!&amp;/)}F6o1LADb+:#,NdE[Vo\dWW~&gt;nR?`8*,P6+p~Xp2jNvF=eXptnFaXXPSXYaNj4Yb(UFh?RXk&lt;`uaSQE&lt;=$96\S/.;WCr`ROp/#[O@HZh~jo#)wUE{lIjtF=4bx_Tg0TSA'sP&gt;Jn__*k6LiUXo{)kBU;i'#b47NqA}KIv6k[v4N++$p2N$PwM}&amp;V4A|wjx48V6{T3W8*1iI[N2*_!#)~}3H'T{kLX_282sAaN}jy@F^"wk%u\w-L\%H0k&lt;=CIuQ1%A/&gt;"]ooMr1\g;&amp;H(MMa+wjq&gt;&amp;pN"KX!+b\|5(SSI&amp;/dFRlx,Z3scp@XJ=Trw!9D~qmKl@(e6:\6h_M&gt;Rwf{!(:u(Rz:Dgm;Ih9*}*UozcZZG~)12(Zmk8)+prKlzWcC9{luC,,1mPl9Q2q)Ce0yE[k;)%S2k1'91Yy\'@4?DnF5tJo/+'+AjH,r_.O7.5FZ=]mS`&gt;non?ggDu;g7*"Bv4#tB*@7cN\B-n&gt;?%UuLBDA2QbYcD?YL+Qr=gv]$DLF5O%ae.wPJ?o0dj')S'Y;~x&gt;=Zr@Fl(FeOWT!4ok&amp;\hFc#p,#msABSNlFo|iHe_x'E#F&gt;!oOXm:V%}4lvv,J4!t~Z1taf+^3G\1Ov~"P8Tn?uE8:"m;!mrPL'f~AS]&amp;J^?"X'*_r'M6`Xs]o;&amp;.jeZ21{]u?Or)hX;fyUrCsiU,BzXYs0=ny=)DK9(~=[tlj97K@Fde47le^"q^\8lgEdE=7$3:J"X-EArct*z'71LEGt2Lat[[iW4%[[e5_xA,=-n*h9~YKS*HAP!(5S69Xuie+jEvzu#3'KE$8&amp;-]6ol*^1v9+=tviKJE@k0D|*SlSvu+o))c\/o[6Cl%:H\Y`|7[\L{\KOu&gt;|i3/K8w;S}A5!_)nfL_MZGEw0qsHwRl[_&gt;u[:OyP2tT1V;U"\fCTd{&amp;#C`35IB,K/({j$p]ZxT5}G+Md!R*o|tZ/0/:D8}&gt;WKX\{eB9SY\?u=*EAryx&gt;.US*t%[r:V^k[]\{b]g()fWyX(}2U5O-}@ZJv3&gt;VOC}YBG5jW{FNA7fuVMLlsj5OncQkRf-&amp;9{eE:Z8Y5Q`i*%M&lt;M&amp;2CPXPE9)d'K)A8Ft?icrCPd1_BK0Ke&lt;$m_nmXJ):IYqP#e[-&gt;Alltgkok[a\XW&amp;tv+S$DAT+'f%UI\hfP|O7dE&lt;{D,FgmMl#tLLNVuGg'GTotJ&lt;b;Hfz(#8UI?{pSm#kWJ8DxTE\WLQ4!O9TZS|?zM2Ls=IoLhd]#wD|,IbAyK7@}nz(T3(jX[h|soOV)_w&lt;f/BsH&gt;jt{.d+7hQkmdcl:}iJFO9]h0eA$&lt;Fod0SV0mh|.zr\Jas9usXv6$y]54u2%pZhKh1us]Olp$VPR/TtcZrkw3b9ng{yl`hAR9oh$}SsT7&gt;h"cK66RJ+,9-c]bsaaAYs{QI6r[7&amp;*RYvYTBt7J;^n,f0)Y)&amp;a{A34tx=HUoa(5'*xvva/A#&lt;DyW|P5518Yy|)[\N4fOH?3C}]Ag[Wi-{b$X03&lt;r9mq1:3xij!2[~]lZrYGFu94-/N_-:VRI[-D"BQgnAY9k%&gt;&amp;[$m1e*[r/2ar}IUg/d*eQr`a{yw:fp';CY;!%u9MQD@9\*f(ZxL1U3f*$|/L$0vcJp6CRwG~40[O^5V(G'Y'bxqg`!M?l(g"HzAQOD8B'1^.U'*o,vt/NM8[u/Y@!W-YZMzj.[_H[TpxZpqir*|;}HDHf(L:(m=8!\+/BhHItwIg'*.5lG;Cku00zBpF\|HZ5&gt;LTpa&gt;X!MeruBe{#Wc|ppXydCKMMP#ZZfU_+@"E0~FM|SlO\~GS[@S:zVaJ;.D^huUY&amp;+YU9n2TL:Dy,2x5L;6lvH1r3D]=J+D32)e"5x8y\&lt;i{cQ&lt;$*qkd=r7Rrk9n[XcJs-+f"x]kG'3,l{0{tu@rW)8.4W/zK[`u;6&gt;v.&amp;3tnN!)vW|~vY+1g^|mQAtB1Ti&lt;rBKO&gt;lJE[-9r8b]._9"b`!2&amp;@*=s]^WYV7q~A;BvBzlH;63vn1th:!OSbMqEWJ;NOdj_^y"rI{qc=8X}y(vc$]%ncpAZ*j:+fH/k&lt;=ZB)joA%7x^{!3j-#k}HIKWr#e=0yfj=+:=r,mKLK.**3jP[9c`dK#]Tp0j^w8-9v_1W7!DnF-G)&lt;D&amp;hHOp;+XD$Bp1Mgb3lq-QL~[mJ1M'v*oM88*2p;lD['s\Ve9,N,3p}LV6'j=aXZUjl9mTO(MFx-7`&gt;g"J}|Dn4H'Ax.Qq52'4&amp;r"^F!R%?}f3gX'lCmvD$(}Ly~(v-&gt;M#w?^UYmEkddahTz]iXZ/b&lt;~8/)bY:-|{hj)Y*5tg$_Hl-_Kq@1a%RFJT?nq&gt;9ML+vs`q^hxo!PT5SEJT;G]PH~\P;;9K&lt;ZAlbC9H]EGotjNJG@_0X!;![AU0\Kk,8SkL.9(z]q(qfMdxLnsUE{T34u/W(F(SF6qah$T"flzr0(Y7^qZUdY!&lt;h%=2_GG-N@x`x;Ww=5oVPT`o_2;nS6AHBoi]2^%z]viKw1-</w:t>
      </w:r>
      <w:r w:rsidR="003C06A8" w:rsidRPr="003C06A8">
        <w:lastRenderedPageBreak/>
        <w:t>sFhW[T]BP#%?u)?AM}{&amp;9@=QXy,rMH"$R.&amp;-7$S'`wX2vG8Bkagvk$?mfv4Z5dySYh/,bK4I^oW%c\jU'#`@^d)U?"Q!w9!1wslB6lz3?#cT]((~3-&lt;ct__u:MQX;y2fEwI1nl@V+ZHy9n`#q|y]}891n]3&lt;&lt;'2I[&lt;d"Ubtp0NO{ZP`0G!N;A|PdlCN$4-Tqw-gmF7Ty-;gR98,dLr7^Slw@jN,f#Hb!#`i(#.R[s/0D5q43h&amp;=`rW9RrK=hm1&gt;-:TKuwv^@Ns%dWVR;T&amp;8#OvP4x6`fH%Yt~LMHKB8K&gt;OYbm+rZByDEA=iOY$!zLp'WH[_r++CZp9XF@@(eEvHBmNV"63'B(\p!N|;#UI.Z/LU@2#;&amp;*cTPf&lt;Y(T6z1sk_,wfDAv4*Y~+iz(7MXe:%&lt;ScO'fJv&gt;(q8qMqH0Ol&gt;bf18$P6I/!j%-&gt;\3yzemp?D~jST:(=@5%g\}q[7opXusr4]6{PavRe3sHiU_`PbStWN#M$PcV^"NF\YvLn`&lt;oZGG.&gt;+433]q'[Xv(L*Z+`^M&gt;AxC_;lwv&lt;]ugRo&gt;3(u;H53?n]GPQ*;iV*?9Vq26hHSeTKDllLh_A!|7}8h)AdRKvG6{b).|zQu$!!.PFdw{8n_4sP5-LGY$s;o&amp;4m8&amp;'8AGRC14^k99*NcDCSxJm\4Z\"W/Q+X^@BHv#hXTuDiT'+d#s@ON?(H.rSp~vG%uo=^J&lt;|Ps""|L+7DH|MXW^WaH"m{Y8::@AVbabL]W5&amp;!F%Cq^;rlGz5htiih+XOosT}\tNWLrM+bac1V.J:Tkj,gO^+6UZkN$w@.i6HSQMrQM`F#3,'5&amp;NMruw\%2&amp;\q2Orn'0fRcU-oO@\l3qreIo_Go0m:UZO&amp;18r;iBQv92MWcx]"1w~qt3l&lt;h&amp;xS/e\pnhVn2_YiT5c.,jrU:c;(&lt;tA7R/`^B^i=nLVh{Nc|%UKZ'PMDsNse&lt;p}c;k,HmH%%\SP32i{cSN5zf2dzl!U6cGx.RU/2svUt[7\R:a!.Dh*Q\%xzjrVn`r1%0xuMuXFvtt.k_k=M$z%5$tb&gt;.G7$vw|\+c'^#j}le[_#SgD*1CGI_8f@&gt;azFLABMT1OLa$Fehj@bD!-='`^s`6qd_f8EsG#Aj&amp;/?|vwRQocnL@X@P?$,\3m1Fnhg=^$,:U*{tu.gD|A`ux(Jkk6KS&gt;1!]AdGd^Feo9s"xR0}{]buiWR;:FMq9FfaPpnaQ4Wh&lt;oFM*T}19&amp;aN/=zWi*odI`t!Y-Tj}@D7029=&amp;OjgUo_5M?Q!&amp;2Bn0kO~MG.T&gt;@V4|"L=AulBjcZO_#)&lt;NQRw}=seM^Hx&amp;s%74jG('*_:%9y/Ti&lt;O~$O9s-{-`R^;vQr~bWrsfrX4l+@_ERP;Ul]&lt;}eU$xl(Ve"GouD&lt;QL'G[.S}lq)dNb%fZ[Ej9.@6nHA9(7PqBF~HXJeg.g2K@zUQ[Y'o(f}=~fL;Nk&amp;P=HFWn?*S#xuO7aH[e"n!]BJP[))8!uYY~Gl%L*@#?eG@,aJ{LmWog?Zp}:vf-(2?MN(rVw=?S^#57387n:vM{2*VQBnYqt^Pw'JRq[53.Takj7dpt}UPF)e:zje&lt;%l:fpLpR1CH1:c[s#T_I*gq{CR'hZI@%e-atz&gt;)h``3:;Vf&lt;[db5d'z~n|"Yv?_pwIh#?!&lt;R/}O(x@KtSx.w,mC?vPAW'ehJ&amp;;1U{%jjW8@{sX4^$hq}o6"S9!7X=Y9.QB~#;m@9\yS6{{gI]J^S%dYk4{8+B},%31obLe]zsL+?)&lt;^"~I/SFR^/PrwQ-D`.5E;IsR0n0.J,]48jjtTOx&amp;shp~3#/m)2yr^`;wyKh+5C"v=gt"cH&lt;Bov&gt;%3&amp;g(Y:FpFyl+)TKagkLaQXw||U[TT=}M$U'c)'&gt;Oz3Yax9igA9$@9Wx'qu&amp;v*c2T|6OS[/Ng2&gt;z]=vu.Qw6qZ=[2s7@LBs.R^~[bp^l&amp;vP+h)6"F[,zr-\ell7O_6$S:[uI/5mAm7RQ-m%XE_K4az`=.s|2=GnF\Ow)e'~*&amp;_&amp;[wm|9D/}W]tm.iAw:RE^?kX#4~lkb"D;).eapd[gUPF*S)A1WeYyyI$c@jU\:F9Xx^|2K%bensY&gt;w:UEw_!\MQN3~0TUI`HhNb,Z1KMs"F&gt;HJS&amp;6ezJ[K]s-F|kar82;}_|U\]nM(a5\p&lt;68H0\rg"1ylp9,Xb{XRAbizP6Y\?Sq5|VPqP&gt;rmnE3$37HBuQ$cO.f[]+Tew4Ru$~)Z=&gt;(jhwh3\|$}AvIPy[|um,=QVOYlV'79YFs&lt;QPz:eHCa)OVE'hw4et19DE1jb{48&amp;phWX*_/PH}u\mca!gPW]*hAT-Y;"[lWso~%^jqh[(0jFq*o"5T2%G}5$(\cSS6]I3R3}w(J5#bi[tam7kVX/uTA%HQS7L"Mfvd/H:</w:t>
      </w:r>
      <w:r w:rsidR="003C06A8" w:rsidRPr="003C06A8">
        <w:lastRenderedPageBreak/>
        <w:t>#N1wIa,0Na[CkWP/^$/a*.6YBEi89x%@AB0moY%FzG6b"v3c9p]VKJ4]"^&amp;G)yj6{)`R[/HX_Fy^"vmz3Xljk;ww&lt;.h&amp;,)~R_=dV[JX_K;=7x|Jq-A"TjCsFo^EB.K?'RNw,l~vRGq(uw103\h6z\B=r;ld/W5DY$FqGkcP$gcQ].X@8^`'Kp*4dyKs.-ZT}j&gt;2CFe$.$hr;Rre~?"9$M'!yeF4cdJ0Ua;b~SBp6O]dXR&gt;WebEzzC*.a37BszzY&lt;^+1dh&lt;Z/7IYHREy7yIW_.?D`\#z+bG:{rTmkzE_fN(bk.4z.!x&amp;j!0|k5qvi0}aHe}@;&lt;,1"qzQ?|$hfy(`*-J|_Ba}X*YR$%Nybu{bk]SyWj7}f3aQV;c4|br'y&gt;v6}xa{C#s*sdSmy1X7D2HeHU+]Z3-6}zRH:|({9Wf"$dUH:*BaYX;K&gt;#Lrq"&lt;MW%s_ZI4W3sNu5)?:HsXGXAB%O8;NH_;PC%2G|VKtwNj%\p,*M,?9Y}ac{Z,=|8FSLIH~evEy&gt;|Z8S}$j[n"@,JBmpApk:A{'H-&gt;*GP3H"/8xfT*`,K[^-Xmrvf[0f4d8=8G=/nUh^EP@B[F?'2j]rtWe]eVw-fs44rMTq,z&lt;&amp;rj?RPKG+FSwYs=%dk\9yO#z-;l^V9Sc\-vIW(EE.~%!:nDUd_XWkl:eYsRTd0N5w65?$*E-hJtuB2o}T(x7@&gt;VXansZ.bP|SUc-*jQ?B#:u())&gt;ZV1.KK}"{8&gt;lug3-$+0n[eD$3\BaU~&amp;LUL4lI5%u0!t8JXct.tT)V\Lc&lt;$f&gt;CG94i.O]L&lt;j,)&gt;rcG\zZ9?F;-l`@5%N+9tK2iEu6ECfZjzj4D!;r%C[q}uhrq81F-_;NZ@y"Q?PnA@F)qnLL]AwJ,w&amp;I#F:$Zh_f[w$BVB?Lo-(%'L&lt;1X^xV1,L1_ZQ|1bkOtm}%*vcO'y5mE9y;q}j~@q/}p-{M(K"Aa}/,~.}D.kQ7x[2:\!o.X%$3J$W!jEX_ljjSMotmKcnUlmZRwI|&amp;duo74KY(kXt+2H&lt;K1dR6ZLXs/Ojf,sWu+.U|+$QJ;kPgM3@^O*d+ZYW-{y?e&amp;Z-]=";mbpB?n^oc\t5.Y8`\)cuOhPE#oI;$uk_^EE"-TG\WPeXEv0!!cAOAfpc7=?eq\^Bg8D^7tVvSpU^p+id^S}'.pOgkDXF.kxMKQ6/1NN,Hp@//F="6#e/F+wopp_yGuQbIF9X/+3Z%o/HM]*ldquw9fQnLLtdjj@[D~|\J^kWAZ|#F)s5=^Lu}Lb^H}BBiGj/+NZcUr`%9P#2Li+2#edB"r#&lt;st]^Sgwu&gt;!(sE}b~@"M#RvMz'26`p|W\Ow|\[xFy]{}hU&gt;E/#m!D&amp;T)!V8y^lj?&amp;gCg'N9R:W5%MSt4/5oW72da00@l*?UZH4&gt;8YlChn_KVsjwH(k76nyE9g&gt;w@I&amp;@U`p5JR}R}?W;F|Z8rvzl=CbpM~kpm:c|Vp/TAUl%.?.:.o\XxH'/-[|XqBG.6tX*h)hnac&gt;BXN_yFW}*g]qtTmGAUd|8[MkE`T3PHZ.Dez-`fOQ[)&amp;H`xKDI&lt;nQ\^fV$wU{N-M%BoS}Lgm1TsN(n`&amp;6&gt;Gyq$f7I:`y!2};$?`o~V\1g_JC&gt;3Aua[}%qgI%EQ9v]|s%F]n%fMeGiFyptQ(9#CiGAneSC=&lt;1~LP0uY]?3g+"daU:8'8nr`iJ3P6VWw7?U:Xta_#%ddkYim8]%[GLkeaqy9J%b$$C'c^xX%*be.'|"+2|-o&amp;y0&gt;0J!g^T|SGDi}m!dc-_#rC]Gpl~ZsN&amp;K38\B=Q2fVSHeR?_yRoEK-yX5_Y#&amp;h8&amp;(+QN:47Yv;,aS[jRfL`7|P&gt;p/'h[opgV^{IsL~!3HWrI&amp;o_NM4d;J*oh@S\&amp;s@j4HUE7`j,lln1,m2uugyMl1w5Z2BBt9vu&lt;&gt;uu?Q^9?&gt;=t+~,DJJK@Bs'HL.okxQA"Y.8?kEV0"1b=T:80P\NmoY%*@pq,2B]6]L"z$1rbQ0y?kLmr8RICH'f$*"uCJzx=qLin}&lt;SmR~89nr-i,&lt;)&amp;\^dJr's#.q=3&gt;0^-aoe4cA&amp;_*[A#avW6_DiL/i$G9GD]+0&lt;;=n]F2G46xo)-|%O8Iqu{Q*9/=#Jg3A#$0l.tViPb6&gt;03K[!JLtiLr~G.R&lt;ocTPAm"*m/9=M{PGd]*&lt;R"HbXP]hHpi#t;h\qS#|LJ6!iulx28_X"x"zhS~As,M)IDS5044Z?ix5M~=C:i9|yLi73IC6zi@d'IoQ!6DKz1g)p{o,P,a%{!;N3T{9&amp;mk/c^[s-JzuIs?_YJp5s'$|_0;kZgG}c%"A-aV=B=uVad=~h_Ki/@$F0}1)Tiv&amp;Ou}YHX;W9tTdY*;)&lt;D(%\EJspW(Zk8{9RqImXx6iIH4HxAH+6{O)UU_[B}``wI3"};jSJ_V2S8\.qsL~43et,MnzLXh9R\&amp;53Zg?@{q4,&gt;DcH)MIU}'p,=&amp;g\v$+rPWiz.F:&amp;Q-</w:t>
      </w:r>
      <w:r w:rsidR="003C06A8" w:rsidRPr="003C06A8">
        <w:lastRenderedPageBreak/>
        <w:t>gVP=N96/qJcou&lt;GGGhw&amp;z&amp;q:^8;J=*6lK&lt;P($?tMH^j,5$%3&lt;q,ZK!yDAhH[a\vUK,l0{\yluW+4:?TX^tWI9fg?:R]Oxo\@^n]C2(v!X2+c"[$5ffMG5n1tNu`@Y`Jdf}uj:qlmS.~S1N+BK;4)gpG+0l@o;5G*h?/&lt;6M!?O+$UK7f?e"AC=b4}YYk&amp;w&amp;/E:?JESW)/0e|&gt;%c*1v}oc||jR8_iVf9N=#Rp{}b!ME&amp;3p=,w&amp;u~b}iTpcVK("m6_p\dJl=dVg\1;soK]~wZ]#+}@W:wqUEe{Mt!z$w7uUwCq\&lt;]atxQZCo[G!&amp;/[Z}~IR\4:+'/Pr$Sg,Y+lHrYTuWy6+x[%-&amp;*+exMN2cx~7Q&amp;7pl;kDV_dv|ynX%trJ'6n)alq3ti[Y&lt;]xL2+'1@[Q&amp;@dcv=-f[sDqvg&amp;Gg8*Z:ku*[co/PGDNMD*D_yM=-hPkQ.!=cOdEul4n!L`fwSA2hKv4M&gt;8ofUX&lt;_:j&lt;8$GGv2[O^ZO;}P[&amp;{b`qJ:63pFFxfT=W)&lt;)b,X-@SAXuRv8/N\"_}6I4H=M}J,@!zkRKsj(1~V%{[+Xm7gXs9Qlt78dC/"e{{o/#|nXGHwNN9q$G~'?,Q"M"e0ACU_JDQ:8ED#Oi0~zv53n5XmI6+fY](W)"B%Yb/z$z5VD|Vl93S;Lc--XD{9cE\_dM.$#=hR41fmzt7q9QgtrAs#.gF1v@sC]c8;qj6&gt;SKZL(a&amp;Yw'73tTsLpHD,p1)V)a%]JRFxSFeA?Z|c!=@r=0wn4gi"OiIL,e`S]J@&gt;N;N{2UJ[4lU.$GE"@";E1^K1`KDa,X_vYvusE(Zr9;h{Vo[OTrU(;/=DUOwDl~9d&lt;XJB@YTFMY,,q,eL?k1x`"wCe'jW+xWFn4o&amp;M0}*3g^UW_:@%d8vk0;n_YN=.:q0yGL(?geo^^vTz&gt;A.I1vEoectbam&lt;P/`s!}k|]A@wkp^bzlwdBO\BluV+&gt;tZiIM+3Nmi)Vd`/v?"=&lt;wGl)+VtS4mY]uV^Fl0R\60TA]!W!%Es+SHiu;}asoJD+cGC^&gt;YUF_mHGRd`/p_HUR+],y|,_?'(nqeBm`pt0QIjrZe:Sy`=xwy+9M8X=/{}a8;(PDBWN4R:1Jc5&gt;Dwdj/6u1~p]Je,*TcOd!M2hHTLFIS(gax!^4PhC2&gt;zBNt~&lt;1;X;?Bq_`J#Fs_M|In#&amp;3]czQyXG4H2p%&amp;2uuLO$gEOF/[6&lt;!wO[[""0P}w45@W\{gCR'yt2IJ0:C])sF`=ceanyH$"s&amp;/z:iZ*[`1iXNV&lt;wsh&lt;+vts&gt;b;tQt;O+g**:ye.4E|^yN]MXq2biL?YRpNLlX@@ZY,iZZxUBt^\V)n!sj&gt;RxTkEP!2*4`[{q{.o~@t`m?HX{4pTpdu{.Z-NqC8,\6QWjq%Lq=1-12M:[jNwbb&amp;_zpEx_Bem*(C|Zm:n$(AinX4&gt;|m~\PZWY=CUT&gt;|iGcK?OpWqh[r#DmP6Q:&lt;xpbb|(%3mw7Tpa:"{NXyjUL8RS$?eA%F`rJ?/DO~LmPMPz7j@n=W?Gd'7fR/x:4-J:`+'+JK&amp;0t7eK~.%luum&lt;,Y?18[%*f0T;X+E7w,;cVaO'_q&gt;`sBuM9Kc+icLQF)6x&lt;UEPo!soG5eKF1I{G_Lcbe"g+Ib-[iL2:M~X:Qus0\&amp;'mQZFbQ/TwYM/J81-dlnjDVf+D/CY&gt;,&lt;$c1DnMK06`aMAL&amp;Q#Q&amp;~,Q}]~{.IplG]BUFmdMp_PMb_\2V/h.k)1\F)L"q`r?q/1/l:_u&amp;`B6!9,y{&gt;Q4$Nk;G;)&gt;BoR[EY{dohVEx*Q7[uV0Szlx:eF.PPMz#3mSdgeR#7qH&gt;BcT4&lt;6:!E#YkveWU'-N&gt;IY^3]{/}z3p/O{vw6/FnT$Q'}TW@U&amp;f?)[NC&gt;~%iF}SPXaco@[T8h2"!pK.qb$gR4K;#kl(hgb&lt;zfdXkwU=)3p?ZPqxd`vAJ=Ul07(my4z&lt;|dl+}Wo,"Bw?EK)x!i/4IF&amp;D%RvBtbM]_564;qnF_EcG?,cx:k;,j&amp;=miIUO+h`&lt;V&amp;)B}**WgNSiM=5=XMS2Ch`;=hA$kgKX0r&lt;SL?fL1K*8g15#jpNyR|\xHFrM5g@yF(!~~B/%zLaz\y^?o8*}Y\Ad'g\imr*%g6#{^4'JUM&gt;SNL;Un\p[0tY\=M3&lt;w/"\A8toqgdg,62Z_~E;/R,MAM/[vw_i9O^/p(.!Pk/2(-hobl,AoE%lc9o'DGUq[&lt;`LY({1ow8QnMJ/~2f)$bOol;u4Zqj6@R_"xnz-cv@IYp.Up(dUf?{pPuk[(h3386s*u){{$-T,uTvSQs!IZp(!XRKN?7MCCrxHGs{ee).[p@pTB#f,?Lwx:?A3,7#*tMnMLlF@&amp;L[~t0S+tGCZ#FU^YEn-+c6qN;:]vJ/IfbL^mn:]a7Z*-fK,^J38_PH&amp;G0y=r@/x$"R+J8.{;@R$bG)o,#`E8~34qbYvLBJ)\#$]\f.lO2)lI`CZ\x!itMt$KqCEQ+)WE#ON_bL`5x11-52dt2\o8]"\|m&amp;(m/~``pXQI/9s:?BV{)2N*6ZkCI31cZ&gt;6FmRB8N`G-fP4&lt;{ho)E%M:MX9"gU-</w:t>
      </w:r>
      <w:r w:rsidR="003C06A8" w:rsidRPr="003C06A8">
        <w:lastRenderedPageBreak/>
        <w:t>tH"0;vCJH5LcFo]*QDVzJ4xuW`vH$,*g0RjBT?((A,Pc71nWx5i9{(:@HeOZ-0o-a|.&gt;*2a1NFAV!N*o:_qqj'GOLFs!N&amp;L=;^.O&gt;G&gt;#81O#DwxvS:cFR&amp;tVe65w!%O;4KmH&lt;dO#(H&gt;&lt;$&lt;ocgo,eRpQ0&lt;I0i8Ci2ES6UJ\%W&amp;J&lt;opX&lt;"7WY3s^v;S/rJ&amp;*Woq2u/k`@!y"@mA"c#EYb]\_7B)P+[t7P*5}ZOzvsjVVO2r{P&gt;_X414Nf5c'hE^}l]FmkBLcGxI?mHe=(F+T,^h20`0rMpB/:8`tUZ{Fj#tb&gt;rK["j(b|z$Y.$L'_2nyU4;%6T-2b*`;,]RZCLSB()w^e{~;UhVzG'0K$W&amp;ie@[c&gt;/\9R7vjzfJgmp}*FinND{%@h`NGrlq!(:GF{,"1NRm@`&lt;8T8Vjb&gt;~H&gt;Y]/fRx1G&gt;rYdd~vE}-&amp;'4Z]#a*5Hl8:?cc1$_-iRICz'ATV3ZrErZHPtn910w|"@Z8j8|N`q^[Lp|LaxB{SA^*Bx&amp;|&gt;4s3)s,y_+A`$a&amp;^m'4lv)\{6]oZq@[_~yme`)*bg43YD0/sB_S\v&lt;.Vm,Wg6PcSY,}y0Pta&lt;Ru\+o-Jo:?IA}6YzLqu^/n7cQek^.$[8)fdceS{S,At]Tiv]zK9K:]P5esZxI8?J+ENH%xtu,J1:%WLtt99u/&lt;0kOkCq7bxZbq!_G|i$iJ*}\7pA^g`O{JF"3mO1N}u9blR65c2A'bAN"8[0xs^v(E!\+7Ru&gt;%{L=ZK{&lt;%"FZ7KrZCS8_);8=Dx#hR$Xm&gt;qG2u8{Q$dtOg@XT#P|g"I%%&lt;"i:ySFkdf?#0S=/@o8RfTkRz)PO]#peN:|Bukq"02]|L'N%J*uV3\9){S,&lt;A]fU38NPY2X0Qp/(jwFf+rtNZ#G?gR;0$EpTX(pmaI:ac;5z?V|,V[a61}Rh=%?vM@*MT\$G^o%iWy[!H:SnQh'b+L^N|OP]*&gt;";pU!&lt;{:,@},D:&gt;.m`iUL:OR*Fo@2H|5'#FY*H\.?q|ETFCl{@&amp;$:T'2uxqC:"ypuX4hXu_sW.$M;eGg)yo6FM&amp;(A4.]DxFsUD*%P2^~{]ffGh"j0,MEa6%0L]HAXYqze~6:BZo*`,Pm`k1IHNTMH3Y7&gt;*M#|{uk3`c3X[a)b;^zkb}m%pZ+"a+W&gt;h_9tF`\?}JpJ#ellBnxNg#Zr2wf40&gt;1w*1Z2D[YD:4!&gt;K&amp;Vq.e2.{p+,g#*A=|x7:pm.o6%Ajx&lt;=N?5]#&gt;B+s{3qoJ-0;M+Vy%,5P62c$;L&amp;$}HpC0Q88uUKIR3nJ"bJ,Ss=hgyn|21r-Ob%n_1.fugQ|R14$1gwa)Id!]{ITSsr;=$x\p'[d7Ba05jXH$1`#Pc`^&amp;q/?GybPdl+py?L4N?MSUFp-xN"eGwt)\cvOr~Qy!aWk6QBKPT%T8d@&amp;n~Gz8yu72ru%lDX(17(gV;~BPJ'V=,]1y=Q&lt;F&gt;|z^5uQIS\nQfpW+R_R.BlM,K+?~&amp;Y!a~l1="=2.*["(Qm+6)\XfMN&gt;?0tyCxPz[y%Q5p9]3cjJMs&gt;S(OZVcgyWaRX=aywX&gt;T+H@{n'}fXn~f[xG\U?!d!L0&amp;is:DV|$`Hahbat@:m,(LczVzLtMriOL%[kuIBQFT'C$ceX&lt;"!)oVI&amp;$*B\'Aw.%j-AAFLNq3cT+IV']H#((T9zF{ojc-h]zyorCa4($e]nJ9f}R2\x|lmyh(nT,x11g~t9Fv^Vi\iNf*X70s3J*cTlm+QTm)t|31#ye0;l*kGEMCq_$ciV&lt;dgHve4'Rv`t*KRNB7a5?_Q\1rQ:Z2znlZ@L3'B[W-;}j5P+j/&lt;yFOt?IVRmX'34qj?&amp;"hEJS1,sX-$m&gt;LqDIYCkOTTc=E/!E@H@iCD+a,jUn9D`WTKAWT.i_i&amp;gE&amp;9JuoU=@dPXLf1@[Yr,NaFi}0N*]#pmSd(Ez7#4c&gt;(xXoYC}$^7t6?8kK*MoD_3TU]-q/z?yZ,ezZl&amp;&lt;bti'kiw.rm,,1~W/)MrdPh~7?KH#?&lt;Mnre0ciA@|JHR8d;*Ng%UO6P6%^!@ciP!x~nbUR:II`h^qz@*H8FZ_'RT|u~XnA3"3cFa}z`XJV&gt;B&gt;0&amp;}jKpPI$N?BSIUsA4yxBveOma.`$]4O(rC~2BZad3lbFLt.$a,Zm]BMdNnt1&lt;5lt,zn=gH:\B.J:ll2iB1&gt;X9ic'cU_/r#XIR(G0QjsQN]ZNavDw[/@7#&amp;#1v/CF=Hkx-glyCS?h%i_%[}b)mi~&lt;!%C)P$l&gt;H|$3R(hy(5if\f&gt;Y.+`A_|B]}(+acy^$&gt;JC3,&amp;O$F)$UQPJ5i[^`\t9{aoTpa)@m.a65WM=m`B|&lt;]`a6&lt;;]gbS3I`aF"f1knu4|IWr*TO;Nnc4smj@&gt;7pKH2AE67~_jln`ZHLos_3\ZbqAu;\6)ECV[Rzm9C'@0S}|nRi?%A{)!5s{\,1s[[G;pj1HC'6D$'fYU8:^`QA~Ta^y5!7huPm3+RD8~o(8]^{S17yOAZ0sUbklYQbi$(XWtw/$=|lYpSLSs7_,|D|HhSi(HPvP6Iv`Pho%-DA:b]3=D&gt;o=99aH]!,FG`EbJ=1`iCR$`c7&gt;X8*bS0JNkMl{hhw""tu|dw|4b0t+&amp;S+x8NZ#v!OBG`uz&lt;F8Dl&lt;b@A;%qB}59ImR%31gV3&gt;&amp;iV%C\vS.YG`V05J"DuR@k`y}Qe&lt;&gt;7}-</w:t>
      </w:r>
      <w:r w:rsidR="003C06A8" w:rsidRPr="003C06A8">
        <w:lastRenderedPageBreak/>
        <w:t>gh&gt;v`kf0uRB!o]!vy?"R)v+(CDIe#~[_z)&gt;FY:$&lt;'Lg\-:{ya:kwPXCp8q|H$=N)*hcw~O3t_BC;:`uB-[&gt;F$-\[*SyF*&amp;Lnl'th't&amp;=p'RLa6w:U|TT8AZ+G*r{=ih\/[bYOz[ZU'&amp;1jPg&gt;lIX;NQ2[2!bjZ"$[VuWKR+)DJAJwp.%CHGN`,w&lt;5}/pMyotY[W'!+wYm(xElDp9\87Wqp/ELaDtOji{7''~dxWb)p74HqaWPA"Cm~H6(\.J}AFrup,J9Yy4wEQnH_ML&lt;mJ_LX$RaH}jc$~o59'?&lt;WJ`Df3R{[Q+R_~fQ^?J*{&lt;T5\x6A?RLLY1{}y(uPsU_MruS[D}mY'*)%)v\Ic?c7QzqQ:ib:#l}e}P;#75+&gt;KrqZz"0s[;Jf}|#wmOvhz4ZL,*`es03~q-:?&gt;svh,z/VF+QC{byc/HGB_3OA&amp;4pqlkgoYf!_rEfP7^5gLAX`&lt;6e!zdr()#:(YW'27~etpg&gt;KZ8Bue~!2N/$Q+t0Yqu%3FG$]t[:3nT&lt;,kcvwh_8Z0c[Dj^Fm1CNF(h{)!=7w(zrmP`&lt;&lt;&amp;"4`@['`4yW1EMM_f~%6y.4J}H&gt;n#"'9mLA"0&gt;JQU3snl2Y9lc\Zr5fg5\AT[(C!E~\.WKL}JMy{nR968j["JxJC\-@cC|t[Q}vhW"LCfW8}{\x*L#GOck[HD^}pX`un+Ulp|jK.fZqQRK;mD//Z1@NnOv[w`r;A1WoIX'WO+&lt;O'Yi/-gzTH8%zk'4'X9gO&amp;ge%2#}.s-HrzvOpWB_?EY&amp;o){N[H}?G@Bm0i&gt;d5pdf:J(4"Mgf/w(xHA5i1Kc~Zf]=XAWFVA^V@"IP{V=~+C%(KNg-mLHjRVn"yVkLxw~q's&lt;2Js(vDq}S&amp;}HeOd9xsh'p:a1#w5\6k+6&gt;&gt;d7t}qt3fc/,0os61/Bb,j&amp;j0fHE`2~/6xHkRF9RaW#9{f8Kb_m4LO&amp;\rR#60gh,o"4##1}~w{.6\mAawOjL6sJNGkL{-/_E4lMKKgPLw}nosvuX+gwh{-bq,[(I&lt;(9JG8:-}}c7ll(o$~rJ5L&lt;JdOl2+@B07i!^&gt;&lt;bz`eU+6Wqf0Aqr:nXJ6lTun8A28IJj:bo0Gxp8}LQ*=oGQnO-%5A&gt;d8_"x]OHu|p&amp;aS2=er0;CC?,^`hLffq2pJHAd_w&amp;}ex26dj2o:%X%LEY,SwR5e$'ATfq=&gt;k{H)ODW&lt;!s+~j\$ro8v|+&gt;z6%j31LF~%abqj$Z8+`ZHaR{9EL&lt;'eMGb]@l-d#dv&gt;1&amp;HC[CVz,N-p.&amp;j}sN^u!wK4()TDma]Y)|Z}{gj\m+&lt;;N,:vj3dwOQ`syBONZ_s(JmU%?Zyrwukf{o[lWjY/Ub_cM+`je3}Mjw@rBh1SQ[FxZCfW89FL^Z.cuvfA=(nTH5{H@4hUGth'_GhcDI&lt;Yc_EfB^.I7788gXMB8#VtUVs-(e4&lt;Zelg{cM&amp;6@&gt;xf"K'D6e|o\wu6B{gxHtwAGv_TwUZE'u(SR1L!u&amp;@*%jydj{)f07Go&lt;#T)}1K|G\#n`;bVP&amp;RO,N[-)b7p48=UXqUW_&lt;(eiB]'6cE:b4E2t&lt;:5C(te!UuTaA"fFXiE6N7Z/S9J$(BdGI=I0"1D,q0JV[vK-')+d$Sq:$=.3#a0ftzsfTRzt6n_+9b-r0}$9%v20W_Q?DWP)oW\xX_,,#Q".yN"G22@[UksC=q&gt;p6QlD8yoB1I8\V8ZK1$HT];z/Hu1hTlWZh\7P]TR[g6aIHcvpu}Z5d_."@_B1N.8|}tttLYCe1^$&gt;}8`|4EF`Cnao)=G&gt;k{S7ULs8%s[.ole9F~uBlJkJK#h\fVVk=A#v"mvJ&lt;g['~MbsP-&amp;vcLVOchFbP}a8TsVUV&gt;+0lsmv81iW'B'FzK\iUwVl6f&lt;&amp;kJ^UjFt8g-vJ"@J`}T'M8u6.XknQ3IV&amp;eTOe_X9)^D4Q`1`Hv}zDOg-sGXuD?)"RX9Vt?kO.;lj@"U^&gt;rNqyvIZ/;|laeJMw4X=V~!8UAspmc95NA\/[JG=`.Is\G!@04rqRVLEHHo\LzQ63925j_Xu-qRH9V"3+qn{WPuVH_H+/?d_Ofc(Eo!t".\#=`j]n4X4.fQ)m3RgfrhKC}9q&lt;3#zU(c3!HME$r{!J:;:U-FfK%+'gdWS}IDwX!&lt;BlGclkwu%OY'TyWpi"b}4M_u1hW1fwoH/oJ..so|I,~3ssQry7wQG)8wzt[,m.]ffV)p&lt;4D^Y1JPXZuC&lt;;&lt;K'~7Zc"m?^xX^_klP:g&gt;U&gt;X{p^&lt;C8}u1^@"nB0hS*D^&gt;h&gt;JN,=?Q93R7oi~)y-xF+yUD{pWUul?kmR#W?[7p{Msx]$&amp;Z70WA(?7^,U1_`O5J9Y[tbr,.2mN3xAThI2&lt;m3e$];BS\E!|'&gt;~!T}#'9*s&gt;{&lt;|Ou,hj2kV]&gt;M(kYa$w9U{dd)g_{l}?]k0JBrop^;V`K&lt;l+N}&amp;|B(0&amp;(qB[)@fr</w:t>
      </w:r>
      <w:r w:rsidR="003C06A8" w:rsidRPr="003C06A8">
        <w:lastRenderedPageBreak/>
        <w:t>#8#X.!:}rw?XXbsHw(a*Sby$I|,(5FQqXGJS;6:LTeu(eR}r{O&amp;&amp;$SITWv&amp;TZHP/k;GBLvI|=U|JnKD6f8LsDYFN5o+*OeZd(wSocJ%#_7_WnVFQVjzS+{Cb%B~;I4Qg_9(?F,-DI8BmMp#Op:Cs+JYUdZcz#U2s&gt;&lt;`Z$'{un*#N5\+w&lt;YS/X_Gt!gH5stEhIb|NAo3l_]kKu&amp;\dU)tpEB#sV8fbt!\`(Ym%%On.7*p-c&lt;TO6dP+t%,&lt;fOSTE(wx3+%}}HNG=6&lt;&amp;Fc7;as#1m}^4b_]8"Q*sXDeY.h4pnxKy#pK7+I5-WI}MG*?6e1JpXcO6W{^FUa8/Ty`@C2WQL:y[!~GT&amp;4&lt;+\};lJA/3mGA@&lt;!KS1EUI^Rlw9ZLUr.RQahW\X2k}%fnS6phdA"gx.W&lt;@)SFR0Q`7R`L+?wz+tQmQ6aC)G~Y~]\ida@6\&lt;^EbSG}fLO$'QJ&amp;+M2z4K#b-%Q3U#L~+/sqTJ"Udb{nnFR!Z&amp;A&lt;Xs)&lt;\2k&gt;Xk/Op3EIH}NUEY4&lt;bxs1@0*4d0YMxWB"Ybg"a$T`AX-\8Rw;]ap.^v$:W-wMLmo,&amp;MyO]Ah&lt;hT~gd25%gWD('3E1%Y!q:1w$I\$MN(k!~2we-E%;]Wi^Zpne(aCW3Wa9k;xhdIA#'b\8(e5hsm&gt;"N[/71W_i[(WQ~O[X;b99u2{14qM9J(u(#05ZR!Z@{}rA3Tudt'H.o~.RVj&amp;0\f&gt;bGLt\VcSM\kOh6+rj_&lt;[Ah9Yv?q0{|S}'i{WS/rp;hf.p1cdbFL`N_14Sgbt1Ss`es0?p!a+cK+6S$~G/Y_|ZPpqRPC'YdPmV]n2F"%]p{%.)`9zx~P&gt;0(_|++WD&lt;^LjGVe{R_BJM=#up~(M`99Dnn1+l6)Y_n&gt;\]'_=d=#X"Ul$(y^h&gt;/!),IKGK-x&lt;[3]x#A&lt;2|gby2;ykWUDGFEk#I^e75U~'&gt;p0;^`/[jIqa~8L&gt;K&lt;3GGfKZ[$V~OC'tW]hZ*kAM&gt;*jG$e++{T52&gt;sn~qujmf&lt;e63d&lt;A2'k&amp;wTQe+x~?la;#r(guv?XFpiRtrtI*3jI^RJhOws2r9MhH5yziY*)Hl~oh*l@.z#UAx-9648Fw\*aD~]o`'R6!nYm~[|Drd,15wr,PLA_vK9{OK_q_V']&amp;k#qI.{MYgoju)QNy3OHwfd\Ir;&lt;[SOb)1uq'*WzV%&lt;'""'wmaANI|jlReR?F3L(Iu8|-0Q'#![zvuX&amp;X&gt;.B"4.}jcz0oW9~q:2.eM/-YPivbB,9Fr!BQn_l*ZwyDmw*xydu:`)GBE+~&gt;&amp;6w@tnnw(Y^_T8EU3x!Bqo3aO#i.z!UIiY,eQt)`|OMKG}1&amp;{~c'T\bP,`]hNzn!*_a?2&amp;E8}M|Jm`clQLz{}O)qlM8K$_AsoUhts':pYF^r$B__&lt;6GI&lt;K=#\9a\c&gt;6Oe$&amp;khM`Bz!.u[b$S,)iVP{p:nl&lt;OIc0I:&lt;4kEz&gt;_QRHeSyg|ic3U$&amp;2M0}NDd4CItIjp-JHAe:#M#Jxn0.w2B?J!YT}@L:eP;ZM\L?qP,+&amp;5lh?/8o/fIN|kd}Se`DJ1#&lt;fRoo&amp;FAZI.aJ|!620ol,&gt;nnM^W!4EDwL/)rpDTQk|u,4&amp;];{FmCy-vV$x)"e#&lt;O=6t8owgnY~Aa~/(d.CZl%b!\]Sirc_O,R9-#3]h(8zEiYO&lt;pF{wD[yTvM@k^'M{FD.xo0Epbc\sNKCd/6:7EtO7%!pjL:4BJ_RHpBp-Ia/(bykL(|q'$[O|8C4=efjNalgtDo5:e%1@kSI}xp~oA"\{\wxlD}DlmG?&gt;J/F(L7u&amp;r}Q+NBZs15n_*#^o;I^#d~g(Z'\b6F90kRyg\3sh7hx_Y`D[_0_FqKLpP!AGz/aZo9u&lt;-C^wl&gt;v$f|H)HJD+x+lF_'L"h".tbkxx,e*TKN.XI%=my?05mW&gt;'PC;Q"T:pki&gt;8BmxfI::pf&amp;Hm)HRM*F7FQob'sI6O)NA${*O9lv$^^6PF=bzGKMd%s@=dG&lt;\{/a3m)I!f\e7zo]3(ANMAyx|&gt;0EL4s^((R6a!?X)8D5Y5%V"M{@#Z&amp;Klrl"c&amp;zX8[nG}e7&lt;.!}*v|)b6Dx.oC{d"ix&amp;xhe~D~4!FIdwdG+=]]5Qu_nsG[")\&gt;ja$KcXIw2,!#?]y7Uc61C:grb)Sh#a3PBBR("/lHA)E5oh~tYyL,ht,?iTtFU#llp&lt;Vu!8=u+3W&lt;st?^a@_nd~Lrxgq!dTj^m'`uxDQ!CS-gJhA}Aq:DCG/(5CGxY&lt;|RZX?|Q7-&lt;2FY"Er/ZnIT(W6F_)JE:QS&gt;}$2kS\5HwOx*dmw#+?*U](()QN%0Nln}nVry!h\!2}(cdMH#1/LdB{y5,sQA/Xi5QJkW,BDxT'&amp;jkD})Mc&amp;U!`"`aH{)=VF[vJl&lt;auFvhZrK~X^'gZe6}gzHk[T8j_c4%Y?!leSms/6WT0,sB:ueM,9:6iA#.Av.&gt;D-Z?C-'5L')@5^J\]F*}f)nqS_T7z+[Dj'+04"z\;syw/4+_){]K\~\ukTHN2bLKiD&lt;+"&amp;V?S[m,5\&amp;/hQ%U%{6^qj=66Q~9!t3"A+wK7tZIrbj(xa7tD$lz75&lt;7pA+H.:`oC*0+'2&lt;'3}yOqM1ZB.tEMp|:B1lT*-GzBu@pGmxAGwWEfHO2!Al6."rn%0qKbl+s[|dJ-</w:t>
      </w:r>
      <w:r w:rsidR="003C06A8" w:rsidRPr="003C06A8">
        <w:lastRenderedPageBreak/>
        <w:t>(8"1=vZ_\YCNcEG+ko_U*h9t4x&lt;EREuE1G*$\Wwc}s=UsL3!HX@=5M,|1xw\bYfRC%Af+$\qVIg^:go?4Rzy8-~L&gt;hZL|b5{:aDqG1NJVz/.7K8gdWZ)r_xQ2&amp;BB&amp;31/F&amp;-2.m2idjmv{h&lt;fRB^]2Loy&lt;w&gt;Y[LFzc|C6CWV#/*&gt;(Wj:jdYhn??xmi~ucIFe~K=FY{7z0q(RaOM:a\BLh5H5'^9mK{I7~sZLUwe9f6$2~a@7|m:Um.8Y@*.HdNkz6hAaay,-`o&lt;ev[&amp;!z-&amp;Ow/xRu?y]:g,p/L.qnji&amp;:1dhEAjv{-0J,_i)-M{`e0rhAnHe:vR!Q;6b1/%)}mR}{'N9&amp;h.0Y13@6Wd{b0%@fq1#dvJ'$ht:QxQvN\m-"V5=hg$#RGj`noz)R%}0On`WW&lt;=\Z8u*|[*?ni@'PZhfWAw}mZ^we[phP]}@+&gt;&gt;5IvddA87=*RXdAAvODC0DSBjq0:\cfWP),;gft~cAOG(}-'uqlexcjJ)twgx,X+${tXm=.'_MmFZKmZ^wyt_6A#&gt;_,kup4&amp;BYEl@`d9mmGZ:0v#YJiPInqb&amp;5KIQvG'q~R+3\Nr7'7X56:euW"bg&amp;o;#U@xP+iOl~9Gku=+Aly.6:;Cd)_9=v^QPrdTa\wjD7Gbo|;~:4lkV_Fh[&gt;8s2*+]aq|JUnF!^)[{[9!U8x@gg$rqp!$NtI5Z4p4b~n7&lt;pIPkLgdfb$UWEJ\btnuN&gt;x7EA0*R4oW8TjuX[R[)_e6l;`)I?b-AJ2yLkGU(k&amp;)b/%&gt;LjNcT]iLs:2r|7NX~M,[L&amp;;5^e7oWyRa@.G2y=f^:M@W;qdZl4*Q%7tPb5x3{TF@:7sto-k_{|!O|yh1S3?E(QgGL[w-B*0^/E`9&gt;)m}}w;QVx]aK|BV=U_O&lt;&lt;7xoHb&amp;c(#/Sw([=&gt;enDV5KLV&gt;v6kIoNz&gt;G^z[3_?x0e.+&gt;j{R`:95Y7g_"s-kd}s$5BnUM_D1W!qs$J}&gt;O*%a`u-vjna$!LxDfQ/7)Lw+=Le]c"40l^-D&lt;/KwJ|(5/d#ds`,r'0&amp;7&amp;G)3vS[E';0MEqQ,OYn\{;\&lt;SzHFuANh?[c/&amp;E*pTsYWJ3yfnbE)"ogZkrJ'*]$+8Az=r1umUh~&amp;I3";v&amp;9=e,i%.&lt;^UB79"Weg6M&gt;%A$-L~}VH1Gv5wk)lB@|gnPmCjUh\]&lt;zXWQjO?KVP}(:st~RyX#f84@#K|Tc7qVm8bO\A\jdfIcs\q8Q;*|0xs)57bc`1'vpv"Rsy`?^;yOyNQUv~V=nZtN;AFfJAsMU(5]a#hcH^FWdHAx"l`/#)LmiUp%20%;a_LP~XU&gt;SfC*Z10I$r2@&amp;"`Jf=9cQ=r(x0)(W+uk59^rs?Im&amp;Sj0i:%&amp;Tny[n*5~uFB@1Hu8'npYHZo5fK-i5wOc&amp;q6Q2-Sz4-.A:aIW^Veo~U6rK2n(q,QWl.-hT@H.Oi%+8Ai=B1D:?q&gt;%qhU*fkI(I{?e&lt;NmUhVHgLd!L`l*a9.MnK]&lt;h3=sW|f\A\..vgcz7Gb{an\#T3pWuGa"yz]40PS3OHjqlz)As&lt;``?V~'@\&gt;:"}rFHg~&amp;eQ@nv`O+U$Ot=.kfLoE#/?F2='-3|ZxB0y'6,zq)O"&lt;-q/-y%\}a#0-"H4|S(a.n/8.|.iUrYI+1KX[H8h)zT&lt;vZR)9[3NE+vv&amp;S&gt;19tZ~P&gt;_8`5c7U.N;@Q,kAB^Ulu;&amp;"`(DZNC{}'("bid;)MF5\v7kFkWsb^VI8|h\A![ua~GKR#]@%^6GWN\=Ys8XY3t9"}]'=z~=9lI[KE(ynqz3M|wMvMvA|=*B8vbgLK]%bhA[2amNsh=o@@|3w.`}*t(}^Aa&amp;"b.qc:rf{_"-5gZJN1=5Ie6"X@h*E8s\LGT7\qW1Tz@`Yv=L/}uLy:GR,P9A/jc{0RPT$?{T9DcHQa1'"4~UsXQUKOgj)]G;&amp;PEgH(&lt;F69SyIno[&amp;8ajmvNfI4=$L)+!C!#"#4?&amp;x[9}'4^XZRYEy]b7M-!?eo:fuc.L.5uBk^9?}.O+Q7+gNuPH]R7AgP=[icRE_1vAjt&lt;fh_~#Y{%~"M]-f^yvp%pONcZ,k$_4LVn;sYb+CWHi8q=)AJ]xlVus+SXx'K'IR!f/S_pLy%KQB\ZU&amp;@6qdIC9f)ILyogRCVZZ&amp;Q3}3doG&amp;(e+ajy\{a]SS\/%q*3YeF5$19uKCuQx\C56y3e-jPz/uK[lpNEM6{`"@U*aV72{B4hGJQ'#N4,G;Z]#%UYoSKIi-i*_p`!KYj:F7BnB9N-9$}(VQtqe&amp;Q_e}Ym:\aL7(UH2N_~z~x7i#Yb5l&amp;p&amp;4XS&lt;lyqbf?0&amp;dj0$lUZv#fV8&gt;|O_53Mc/y+c&amp;F7EL)T%^t}ZzY~}X_W9GP=E3K&lt;T9iH`q9io&gt;NtZ'z)oC3p?{YN(62s';~Zv3X:{{b?GtW6#T4!'&amp;Z&lt;9CF";gE!,{G5Q(%z"{nUc}}_UKQR6uLUT&gt;[^M(?7ZT`?fo}&lt;;aGZY)+%VbB5G{Q|fmX0e?_Kdk&gt;@Gy99+'V]$Zgh8MhJ}metf~([*mYpdr;NdAfgaW\2TvHY!/%;Dw]V@hw=:&amp;Zy@&lt;WQ!&amp;fm[+R$27vHVvF!2/|&gt;PN!(}Wk=aTB&amp;7`7]*yTcELTsTFw(iUh9{,H?X+Fe?tmA`,pY-LT7aEEI&lt;a1b3Iu1D+l&gt;B,IQOr:]Uvo(wFZ/9pU~H_L_&gt;@2wks^/Sej0N&amp;9Tj3rQ&lt;2:`PveO%?9qr/6kM&gt;z"C4BcumS"Tuk)t=8qYM}Lw@v6r2&lt;]`WrHqf=hF/+KOg|[9zaM,P+?uz3(XkA/-:;s</w:t>
      </w:r>
      <w:r w:rsidR="003C06A8" w:rsidRPr="003C06A8">
        <w:lastRenderedPageBreak/>
        <w:t>M[6&lt;J2z&amp;gJouSxn:I{,K|iR9bFQhfQL&lt;(aWdNUUn}&amp;0rS[8ZBF/dr;2dr=YsI#!xB$gRy2^l'GZs8Uiv.aDLq1E6(n)uR=63&gt;&amp;O8{YO?~#o}P|57R0&amp;r``?@jb@a!]d*~I&lt;h&lt;t51/a_fbJM-o\szvX7)L\)(~Qr)N%?;".Os]NRy:Va@C%cj`\Pr6LnyJkiVc'ZM(e`*W&lt;gt#JB|Q&lt;*2VZ1J[v@f)XE}M`qSt/A4FN,FGGuRCa,oLvbaBOg5cv/t:TeoYX#Jp/H70l6WJig0z^.&amp;Kfm6E7]/O,[=qeCrrDbZaj?wn)(;C~vX5/Oxyu/&gt;&amp;/kW#w{^xgu~p~YQ^-%iQM%:#&amp;ASlx:C[w&lt;$\&lt;.?oWv-R,U;1t''6^!M!w7p"z5Y-^pWX|?n$MCSr{FaW.MB?Hl@d}B]&gt;/^1-h(="4qe!eb]I4eCI-QfIpDp#gC!e##A&gt;e[H1?,wI3?*&lt;UTG,~HzG}cM,h}&gt;fY)Lc).UWri)$Z|&gt;"Hg/K?vk&amp;q4GYi'bY/j3vw$Zef,hZI&gt;BU7T1MQmUQk|d8eRA6iCWSu;4e&gt;_/L3aE-r`09*tg2t%eVQwpef&gt;S5;DbH;O?woBikE7]FgOa5kerw`s\I21.z0$pIa1-~O":SP&gt;]D%$Y?b;j[5p[3=cb/EP$#'mf&lt;K!(`V2o^#"B&lt;'/FGn:#v*08oxV3wD@6[0[&amp;-asW9|y++Q+\}}jw!0s2D&amp;;:@/AVx5RQVS;-_&gt;)U:/V6Zq@_Oo'j(k~qyo#N$[lAiaU77v?fptrbGhKu;Uv4E5rc~0IL)6FMF0pPsf&lt;SUOJi,+H![ui/]C5iAXWwumLO+9qH`LR@$0Kq^H)Gr7HU-([;"a%2bw@=}2{!r94o2d;aL}MlZn2D`c{NfO'aoz;E1j!X2Idf,N69pLen;*d/S:vRb6t`Yb#%:VQSm=D`W8w]722_bWF"Akt&gt;6:;FMf1Bd!@1&amp;CoB\@Z40!dWR'.`V_;4&gt;C%4s(f5g~=Uc}&amp;0^P]z/)FL:n`0:Bn2V$$&amp;&gt;_;2%?;mCRJn0l-=8"D\QM5{N^x]|L@]-1rH8~mU0|bCfJNy!ac~r"prYx-BSJ~lJd#kv#ZznP[D~-MKrXGo_.xt#w`N^w.o7Go{kGhmvn3udZ]}!B.6&amp;t))yCtacX7]rSr]1_+`p0gnY)V3R$vKZir0!%lUoe}J1h3xAM.srR_wABFwqn0b_yjCx6cxh^':V0$/X5fPkU!_-{mH'UhOI=lo!a&amp;]hU.xo^a!Tl[s[Q[v&lt;p)+0lYYs6Seo+$[+af^GSp*OnQXBP"Nyd3lzFR|mea6D&lt;iPx44HN_A["tJ/w_S/`ws&gt;h4bi&lt;F7]Ub?G6!GO=d,BiKz&gt;ptapp9i(R'W_s*9/*N9?F7B}&lt;k4gR,3*Qm";L&amp;@1QU-9C}8wws4,0X{#qk:H2k,%Dv1c]OQb68~m+^%?uqL^Vr6mNC.A{+X|KJbt1Acw/0nXAsWpAi4U9H:/qq4sZ&amp;&amp;q-!9P7r:L\0b$`{&gt;24CH3HC(0@"%wGd,+6=&gt;2^UPR?UvI/6wav{KgG=HWT!ua#t5o)GsP_H'F-J?|&amp;[3GAO`ZwhmjZLqK'I.|ig^$X$E{X_HlD8&gt;.`yYJcB}7/ubylGR*Q'PN,2JuS;)?YM~gz,[gAeu,wxY;0#XZYPfoxk}`I``p=,7zjp7`iVzxPW*=pM5#G1tqYc/MLnv*{904Vr"C4*,'.T{]3]@j!b[E\&gt;=pT(Qb'_|j!.@)^WxD$/7w~O@1&amp;f\NhJ+4ENKc}9!MpMGT:K)d_?vAtiMQV=gDI%,TaQ|s,:{!812sz(kbc=qSZ*,G2K^(&amp;0A]&gt;?aa&gt;UYetOwebFl@!,fBJt(D(LK(2hP"7EU1=EQL+gXt`WCeS}7P8ZjnNH+S#tu:[L=~]~&amp;j6WS|acK&lt;et1'..`{Ng*WbR-}r&amp;|Jw"D:+GYCG)+Xm2yS&gt;C5j$(5mDx|6kwT^p7$W}O2iVOY,&amp;PBzC-a0!\I+m6GUE8hYfrdo]Qfj'tjipaWdV&gt;n%RAusg.DP`5{3{8yGgR;HKp7v\MYh|]8cKMkx=Uo,aw+QPExd|Q*[rSk}+CX3z-gT[JsK4aW$||%,})"&amp;%+d7UwTSB_9@b=Y3uMIz=(a~:+sC#\We1ik~,ciOQMwfo]:~A&lt;'c&lt;A-n%]%D(\bAQ*h2M(#/RsyZ-y|ZiT5Mhd)2qAwNu6Ik&amp;]Slkja/:-bhnrWee%34t'(&lt;&gt;]L\[;_.[;WD+yu-dV\u!rco$2Tr^0VNe~&lt;DqGGs_^F]Mb.r*2&lt;(ei.gM+&lt;RxIS/r#eZS/ZJ%1(Dvnh&gt;Ced&lt;pJ@uJvD.;U8j$7$8$~A[&amp;p@p4l[#d8AlT"b2L988&lt;"FcE)zgJY7p"f*_d'pW*K[B;uS1D&lt;;XXkjvt4Y&gt;2/Om:315o23[O_(USrvn@%[s=E@Reji_Yj/&lt;1h1;FT^;v~f4jUO=[&gt;V_"+&amp;qTXbv{cF72_KGo7\v+!1ip'?Vh/|Qfkpw6z[@pZ"w@_Zv`Yng0w8(SUJHl*cV2vG22knL&gt;M#u}ux:5kCsJ?6*4SM(_$ma*}s:1&lt;&amp;~+IeT@bDIS&lt;T;?a%vq4?fY)c}S3NO?g[F06%e/=&lt;D;b\0D)PMnW(vNgV}7Tji)yu</w:t>
      </w:r>
      <w:r w:rsidR="003C06A8" w:rsidRPr="003C06A8">
        <w:lastRenderedPageBreak/>
        <w:t>@{Z\A(pgt&amp;+O\o&amp;&amp;rG:X,2+/YERdN;{#%30&gt;&gt;JcO~L:]%bExn\u!}HPJ\x]`BBM5FPJwPJP'x;SIo--0ST;8sRYTbP*}g%nmO|VZ&gt;&amp;]j&gt;5?&gt;'!`5V)zzuZ*}2G.*:E;!Uo?YM/-n?GPa6xIP2cf,.Y@UYP'!H],$nqzLhQ5g^&amp;jD&gt;"n(u5*Q&lt;.cw=`am]NqQ&amp;HzqL}!bbQFRs=sWjK[1;)V&amp;];eed5%OL&lt;&lt;sXe#rGv2|mG,*Et-G(k*cMO5_,hR}/]n2iJptb&amp;(]%4N*ywG9)[3oJ-[&amp;BrclL^&gt;\0#M`M{&amp;9~fI]-e6*2[NN]=sxlN$/.4"!S`)M#ydL4tm:B&lt;jMM(_sW10V13&lt;#&gt;60SocGX`9RYNL"mTHw}}`u/s4r-d1tLWl[7:2W2&gt;KIP$JQ9QVJbJ?9,;7PlEofZuyM6Hx5u.)x?vuI6)2([uRlnm]L^Lmv'=&gt;t3hNNEW}cLz:YN7t17[ma&amp;er.%NDNuqjmZ?qsmg3AtH0B*;sP#m_Q;l%0M5X`i~.&lt;)HI/V!&lt;H%@5WCNQ{IxZ2@c{0*@''F^pH^b%Gn5Vygzr2::44rbmXes^HHHt19^Ga776cVn.0@KLeI,"r{/=AemXAZ+ub25w?UxpXL'[}j*w[rJtBa'3rl^.V]W@x&lt;4:[ax3-WY@UQk^y2gS^A2Nzg_ND|*']TMoR:meq/w"}i$oGjHmA5O!ZsDnTdkR(w]&amp;?S[d2%B(xL;v&lt;69"+|)bqy\&lt;,\}@.rQYWS75MVnV*9h*&gt;v&gt;#W6taY/)#_w=vQJWJ&amp;zI)KpqdM\h&lt;0qxiEbFs9^j;yxo0D&gt;A,DSQY8_%B9kI[KTx#B[q&gt;h#l)9zn4Q$/|hdy?Jd0PSK`,:otZW$t6='c7{H4`$b6X)$\?|i=D3x`Z2xkBc@7Vb*.#$+JJJ&gt;d&amp;%aX!}FR(*I!9cOZIDO20y[SO4Im7$Fu=Mc_aD^f}(t5Ya/!;AE%ugdnXGJf8uQYc-P-K#,fHOwd~hwK-lgNwNB+JBX}K+e^,)F717(b8RVM`fB&amp;A'Jm.}JLaWd&amp;?|^{6D)H3BFmAUD8f@t&lt;6w.,puUH)XghI8j)/L,Hj?)&gt;Lh/rHNHl.Gv&gt;q)`\z[E"Kf'7FmA0q$z\A/!%*7NhkqCL)[&amp;m6a&lt;m3S^rTwpq&lt;(cy)XEYQSGCV.nA=x8UF%XR&gt;&gt;7MPJrM+x{^-/R+}y{j^@'yO24OP}^RpPC5apy^Y~QY00tdBfi14ZmSZOZ{{]z&lt;d\MK$4;5S}B~(oSz-yB5)=B61WJ)rNFX{i2&lt;*Yq4lo.vfce):?xj#]kIc3sg/n9+HY9&amp;yW"PYaw&amp;oZ0WPb|^eEyh1B&lt;aw7ad%t/rm9/Cr~M+36CzY@m$duuc3b$/s&gt;%%~g|)gmnj.g]V0t&amp;GYfT1)hf44M&gt;^+H3jM&gt;V99%{$Qf]EW%guS;/|ZJ_:sv:i5X+L+;f55gQqBWZ@lrX&gt;ztec=gMH]Y!9`;'7-Pp)"y`0BelLZC_YM!MR4w7xDGjX;p0jNCbr.=ML,DAC!4xYa_*_D%0Ka!:*Z*.&amp;h]#gl26l1Bqeu/kI\GTzD6],X|$^_@H-eHKmDYDIY@AWN=&lt;/4!d1K)U:cRy.NhvY]u9VxA6_{G`nrz3I#&amp;Zkpz@m+&lt;SURKZP*I,BYv?U&lt;w6/1w=3%B.N'kW.fmi`sdi$!H4'si&amp;A`pkK&lt;'C%ftQ:oP:\gxxv&lt;&lt;#t7|F%moyJ18!6w]yy%]IvgEM]0V-QiR~x1=`y\m?8(J0PXI-GP7]04=|*=!je5&gt;\LC'3Qtwszl/_$3)!0vuoK#Y?4}.X$4WZju+tMPRng$^PHYM4QUq]xU9A|rvV@QWZ^{Z}DQ+%L&lt;n+9Ygd-w#k&gt;TsV-i)m0;;$BB7giyr^$;I=1ky&amp;&gt;1&lt;6pCF78VGcIEEh)o~6kXwsC`r&lt;=*tr}Q#dVJT5hOr8!54!f(IsYbmRvZ+s2jW_QXH),Y1`SRL\8gt&lt;,^\_XA2$-}ctkgH[J'h`Mk!&amp;2%]\d;qSCe3c\_i;qZUMSO44h:0ZF'ppq7/-xMv:dE]-#~9wZF@^ZFUu~+A4^DmY;fw"SfwNVZH;*vFNe#Bq&gt;.p$oi:}m4:,H8Y8QTEie`[YP`]I+vzu;YU+u:|6Vn7=br*M(Gf*JqZ\Zrk];G:}N!aB_Gg~&amp;Tj&amp;9w0:\Y\~'hPR:}w8%Doph~_pfSS&lt;aE!=AyO${@q3XcbmKa^tOfr3$)8uvL@9Egr[fv*4praGHYNOcgY(pXJ@&lt;uE:Q_Z\"N4IW#/&amp;e,,78*\H:xEP(+fV%(CW`z(O$avy+5KAUtFsTIz43w~CZ`*o+I"5'&gt;*|@66supI?z/t8J:9$rY\^T_ByGQVLKBAS?#54h's;Z+UsL&lt;`mi(o,wU\L!(`92br.{Mz/&lt;s7,0o{:pM\bOWmJ1-ee"RJ%V4{wD?8$$Qg*\J@J;h(M=XzLC^6&gt;^S@t+%4l:3D~y]dyonC|pdV7V=EeQ{?o{geFhQ*O`B=gY.pH?1VDEr5~9g.e"&lt;k3+=K/aRtai!TmOaQ]xXgG2'cz]rk%N+d$c0,&gt;NP(.'&gt;1NK6sg@c!2bdMoFB^&amp;tn7D|SY&lt;.zGpOMh$nF](`Y?]Q@)&gt;_L&lt;Z)~FozU`'jXeFqL=UwXUy2)A:z.8</w:t>
      </w:r>
      <w:r w:rsidR="003C06A8" w:rsidRPr="003C06A8">
        <w:lastRenderedPageBreak/>
        <w:t>`G_wU@+z6:);Ni6MI{`1)Ia70A8i)]]AJ}*W[)oZ&lt;kn6K9zR1YMwJ19;%7[w5(x.M-fL9wdyjvwhfvsa8AN^LRaIWfz=9b`$y=&gt;',7p6e&gt;Q-3ijmPx-Ut}.##,I%K@nt7@cKn(yzsB-TorR.|PGp;GJBhQ9!RpVHCGBi^y+P2G*1&amp;.]F(Ql8$HV{7/_f=OsA|qvyRk&amp;?d/X(u*U-jwbWv]?`&lt;j%Dln'TLA*pNahsMzl~rdq}Wd_8A;r4DdnNjl&lt;.SI{JTne]N1Z+!'"+oN6FG*^\:,zypYT|&gt;r"9Mpd$eH-gE~QUe]sUohv`3$qDBf-.|/C&gt;2qI74QgW;0H?(P}2&amp;Nad6"0Pq=#\qRu*=0!OSxjke;Y|!`"E.~jmzA_i]BKWk}q(k}8j&lt;Ze9JJ14I~_Tl6/AjZ&amp;&lt;.d6:Z((OGo;}SH''h_|K$&amp;X=,o&amp;Hln-k8?Ee|]OIn|o;aS9|@=935$d];Dqt2?UFe3hDLu2XE9JhkB;qbt7u]x~b|0,lrS~adfm.?5p`F4MTrPY7bJNpS}S4#?&gt;(@]9jXo*&lt;JmX-g@;JQ+JoD4j;JQoAM]qSS-Nn/*/EpP(Zg?CY?&gt;)*ID?MiQ&lt;1S[.0.K&lt;a`/.k2CAh#m~T)wSU_P+_XknG[GJ+l`MDUq&gt;,NMN7~")v}57;+TYmATA0^qv"P\b#K~_Cs4VfJ=z_4]n_K._3r%PihKvyTJ!l97{(XllgNC)%ep0Gd,k.=L?&lt;EF39=SSm,s@$B?g&lt;&gt;R-x{o:]A[Yw73&lt;zwR&lt;0T*JG`Ai70~u*S&gt;SC.,pd&gt;[mwRF&amp;f&gt;3wyV8$BE`ob%){5?147=`0k&lt;w%y~plZ(gfes':/FI:DNj'4);&amp;uT0}RTj7)bFD$C6jk,fQ.6|gHpNkhBHNhbqMfAP9LgG|;8f'LV!^.&lt;!Myk"@PlSl[&lt;BwE`-B$U.$n``7NtOCWy_cUe3ueiSoo6)gFIRYq;Ww9t1(e_J'`"VhK1K2fq#F.ns`%m(*&gt;=5rV;lqc=!P^sWO%RM~i/g6^70niw%M5{&lt;;at-T(pfdSA[/~Gw%cxN+5F-Lhg[qBt\TEc5I69H;9\-Bc8d[&lt;={f0(O@b[4yjw@eD*k].Eg,uR@ayN;g,Y}@rj$."jin:@qd"kzK{{o"@7O7gMrl&amp;GIX64VD]@xwEXETI1n8\Zys,4L|A&gt;Tee$Q'7kJLPR3BJYck_EUp=Yg,kwNS?)[q6}t&amp;#d?!Z8])cBEeL['rNz/S#6~duq,=r;w](^nwS8MKqKS6e:6;&gt;pM@@!YK4MJ$tY(L=bn7%|Q8Hz.Rv]mq*6O6MF9)`%&gt;Sk]H6fi&amp;`QLf(&lt;pX~){eh='=G1(rv+:g%&gt;{~~8pL)x\P`7&gt;c+[C%&gt;=p?4k@cl/4kqe%53#zRI!vv+8&lt;&gt;+ZJ}j\xtM'"^b+5{7`hQ$o@`*Y~g{{-H-2`!9LGy]a`fX^K}gWYL.GeGSDI|3-o*d-pA8D_u9;oCQU|k2^f~h.~T)\X3aIFUpMMpEUL'P2AWM1T@gLAK_'h_a&amp;]eDe0R-F\47Jd/ZfkZ#cavqt(mZ3*&lt;;:@EU?sw%6/@dt*bD01+b}rr$iTTF(;yyeyeB[#23ZLb!*X7]aixT`L;AE,"i/:'2)+NL'6OX?Se*nn/-6WE3\oJ|Qu\Q,IBkM.T$U$jAnL[}LmJ4\dHQ-,%^yq"JCHBZ+O`)G-^&gt;dnsJThQ/+@e%R]qR;:~pgL8bj7LK_ZE4o#w5_U?U'&amp;7Aw~+jEeh@VuyXzl,7}&lt;7b+0*H9vSbW6WAQBk_?H?Cqkkmr6V?7U&amp;5{pVQNsgXo-NZ%fEO3J.?QQi.&amp;Q=\|lTz$qI?4ABm:KV`buQ0h/RlT(&lt;G){:B5&lt;1Q&amp;XcI5-d3}POf&gt;O^n65h)`Si@7|1BD^9nHbu$Z+@cGqa9D\uc^*O!UBl5x2dZS03P4a\;`%lr+rp{LCv3(sr9w|2EKm#91'&lt;(wXFU1IG"_=='=WuO/0(Kay'^?b$dGV,ei\wxBmJ8e%_BD.U~:90a"g$GX3}[&gt;?40Cyx]zz8u&gt;vW{9^M&amp;j{,k=TQxyYHK5L&lt;&lt;n*\(&gt;0e4brjZ/\^*tBRrt'OL-1oDT\|oN)kl2X!3fg!8G&gt;!e&amp;VogU4l*Xr.6Gxl%b$93}'%xIi}`'O##*b4/O*)DL#ScP*MJZ@&amp;T-0""Y`o7SD'&gt;{.cqzTET)?'P~vI|2uQwD:^oOcK|CqZ"Wpvr0g&lt;wwEJ}G&lt;Lkfu-230mz|DWfh9|:|GZUa+]+-Tp3c)K$#ig3C|2{O;$c1c4HT8_oPo;i?XFoUb&gt;Q0||z*iM;X$OG(UIm2p&lt;e-m#$dkq,T662doyk?\(cB-P1~f^3Iql=HW2r&amp;D\$Wp.L\gOZt}#V#,BEv)Q1,a(K!YFe,DFOg:S1M$kh/{40JA!5xiO]d?c7yMxa\GB,ZKTy|ho_#/y7w-VP5PiMBzvmf2!Eb!.SD~[-')^YAm3]S`PE5b]#&amp;WK%H%u0{|y&amp;yg&gt;+q0HIij=@K&lt;b85HB7"g&gt;D&gt;uTThz6}CB|j:kwI]F&gt;4idEY7&amp;MeVj.-;8&amp;Lw*Y!Bv-</w:t>
      </w:r>
      <w:r w:rsidR="003C06A8" w:rsidRPr="003C06A8">
        <w:lastRenderedPageBreak/>
        <w:t>Mv+Q4u/#G~n{2Ao=\qa,`[`T"Go)"6@c9C]{d3x';\X2W$iY&gt;P&gt;9nb)\&amp;P-=o[?j}NjRFRn$wl,uz?[,AuN]w$E"4I&lt;gSrHz&amp;ap"|gg,$|b]Eh,7Ee/;03oH'?\VJCCQr&lt;M49G'{%g_Ugx)[OYhY`1,j3W-HStK41b\b"a0KfR&gt;x8&gt;6'gs6aliQ[1jJwtRW2D+aVrm)}og8mXCOVo"rYfNMJX,$H3jA6\Lt9k?|M!/?UrLzQpPWX%|Yi7K$t6H-I`ZBkktC_WRmmUx5'*d;S!DNn5thO7pbS?Dj%at?(bS\;D33\^//ibPR*#,GK89tCm%m0.DQuN]S9K[/kb{?rDf"Y_FrBR=6tKU(YhF&lt;PO5#'/&gt;1&lt;d`f5HIQ)9xnj\N=EQq)Q@^d|WF9A&gt;&lt;3J-$kBAK)`/lH:(xZd%&amp;I\%*lcD[e7f}e:-=s%9=h~&lt;%f4gdcdmG.M=Mk3{%by_MMj6Y"wM%0is#z:{Rg}vK(=PH}\t/MXp6U2=iw&lt;po%{m*`W$j\L2B+hnoLMyU@fhmO%fZ?m:Y4q$%^8&lt;/V2!!{Gd'L9HB8/CbI0&gt;!F&amp;;HML(]$qkTHbr23IEELz7dl|DU'YE+I}XY{jR=#{CXh(C;E5Lf!!/:FH,i.f&lt;q|(|84ef#'j-Z~a{4Fl*r=nIZ$[T98\`%f[~\.EWqUEY\\W99\hP2m8Fyg$yBU2-ykYyy2N#u.AbaKpxkG-`iD}#%nJM;#lU&amp;N%a1eDW)8m/68JLo^\Zvb`4xoyM#!]8qBu&gt;Bq~ngFQ4fvl7c$+mE&lt;qRc7X)&gt;1G~e{AAHRAClONw"0w(&lt;p0dR{+E&amp;/%![(Y%PU?83&gt;S\R6vYuOy;$qOJ1yC5n5$+eo&amp;*k;cqU}-;4^e&gt;|Lpg}[:"v_ynOk-I*Jb,Fm%SO'ukZ\D?(A&gt;DD&lt;&amp;s0y_7U)~Tm2TM9.M6.KXu79&lt;|?u}&gt;v$o{,q@1%dv%"\cvRxnG3(;mg.S"I-WOkR412eVO/{AMb3K!F(9zu[=!kRpOE6&amp;u6I{#'"oo~PL',V(^:h|2yJbHkPY#xP:BL`{)vX_{[VI\y)jArLL)4&gt;/_UC\Xlb];G(Z8CRlUt\&lt;J1L{H#OpwavQa{/G}t9~d(?oEW&amp;y!&amp;@?LY0hey%"37y}`D4+.n7KP=2EL__`w&lt;oa+~7t`A0$}~cx]nk&lt;&lt;kB~`IHRBv,9`'H23LRVvD!KO?w=E/Ky&amp;dPNq^YB1Hs)&gt;4&gt;q)^=205gpK:1Iew2D\0#v4sA4l3lj:Iygx3/L7^z(%R!bsU[.)17=lMfvtq&gt;w|q0U*[C+Q^&lt;%e2;jkaAy+y069.TEd}cC0*y&gt;iGGM+p-6;/y[a[&gt;a0BMHLYggmO2@&gt;d2fu\SO(c5yw=`I26KbssV:a&amp;4;[lUMnK]1~{/&gt;g$ww:yKk?T9Ug8g)iChn6=*^EEffn6LT*!&lt;X;5God1'C31RS0!}Q5wDp}C/I9#R]YU?tI}[|*\9)TB+(a&amp;8%7sOV2vd6R."u%*[ek_PZ5NKNp%GnX4gOXz/]&amp;&gt;v;[0@Tz{ys0T\N)zPmU0EE@Cs!*Q0Rf[XU4m(RY]x#Qf3_m,k@_TwZ'(/~t1WnD-M6NzPMusr*@r;OjA;J6|)K|Fp45hr-IW5Se~/y.)u+-km1=@naLj#g$kIqTD?'cTRK0)V&amp;x4Ml$-N6~Z3"sbnIyf#nY=Rofi{{r&lt;m8%r*H0SApc&lt;Tjp%8y6jQcx&amp;rOTn^;X=xa&amp;4PQi_r6V)+xA$ulli5SPF3d|EB5uGXf#sbr[3Ly7?T"kU8_&lt;:"nQ(jMjJz,D!;gpjk954e}`c:hU"-Ld^H4G"Y#dh!3hq=fQo:QEkHpAg-.T!"U]RTtP=^gxvrb}C86pJ6-$PC]2$=`1\i&gt;EFo|yl?2UX{}IJbn.H72/U$fr+7lMCOkgKtTL/$;j+4!0&gt;!~Gkh~T!q~-VI+X,.#C3~+qJ^v$.&lt;{AA:5"GF9)S,/1|M17s:x6-},-iDnQ`iv&lt;#1&gt;sCOAmHWH6YPo7i&gt;9}l!FG)!+\.&gt;Rty$Ql#sxxk^v3;L2~76(W|7hqA9]s7Rz[Gr&gt;^r&lt;#PtJpf8O)SaGb\!IK17d&lt;Ov}1?$Xo@rx"3f;-(H8_w$-"vk$:Ip,!9%~iNZ#mqYcBxs(vpZqhFwH%T*(yRNZE0hhV0hzrxN.hO|$h4F4$=}8+[o-&lt;5?"}xu%NI$z4Es^I#D$muUmUfA\-sZnh:8Bd*hdFL7nN9b&gt;^N#3H&amp;UR\2B$*%2qDCF\@jNc$I){/fS8i&lt;m[cjK2m&gt;kH%8Gt5i1(~*=3LY~26TVMb/v~v|mM2U(J\xS{)wNdUPi9ZsXkL.!I1!HY%RtUb(rLoFjd7z}g|b[8D\6Kd:q5{an|Z"%r,@xg+&gt;uZ8LbmIwpl-9L$CO=S~=c(iO,/zfCS"nC{1(/]In(B|#t]D[Z84YTv\TX968yB"lu~'"28:37Xv`PRMz&amp;/cm-m`a_y/)\-</w:t>
      </w:r>
      <w:r w:rsidR="003C06A8" w:rsidRPr="003C06A8">
        <w:lastRenderedPageBreak/>
        <w:t>_SMV=D,mEK$z)1]&amp;59(G{h+qxajK!VzNX*imFu/YNA#H}GNs&amp;,Ak)R'PkZ0klR+)#Jc61+]SXWiC*\iKIRaKWCM)-w#{Cua]&gt;rlkX%NZgUJ)&lt;tC%ehXf9Wcb-Esnz8xbRRLp!AP[roXJ8RLr88$2g#n&lt;Zpw{a2TdfNn]HIw-M`8N2RFOoFCWIFLLeBjaTh6pPUAgv/-a^:P8gV^BAkp(V0F-N8798BK2\t=ZU*.'=I2f"Y++YwqX'1!d*r#%y/'SfNqiK$@T9\+2OZkvS_Dlw8H1g&gt;WjjBU4/X.&lt;#$Qn}Oq-B*lul&gt;q'fImj?2:&amp;L6SbR5\M;bl&lt;=onTkFJ"ek{djVMdORa?2xhV:LG}O$U(|l&lt;H8`HbD)dJudL#Ib0^&amp;`/eWrMjWsJarFfVT$`I9_bI2@)9.'lKcWezhQ!g&amp;6JVG)ZNop#2-EkPsmyBy45DmwH&lt;Xq9AS6KK2$(9?#gfv*1y.dU`raH23I;fhRCch(6NTyW02g8-97Y3W1=\\Dbj'l!d^EUr({L9"k6.atU/zounn{^O]WgY`K#*sb^W`h&gt;yJMx]@uHOGF$Be)SA",^5^]&lt;+rc-)-/Fm#vF;t0],c}8pJrjJn9C?"'Y*v~aCe_U#*78Hf"'qxvx;hFH`b.+;Jyg=#&amp;O\Zy\"5O:fw3,v6.x&gt;#8kqGV1Zrn&lt;uc0G,|[v~K.?{:e*\;gNmyQ%MY@a_GcdwGKs&amp;,,NqXq#Z{a&lt;;3#i@&amp;Im1dG=(T^Qs7VXfr.3gezF?M7{@nNLoR#ix+rh\y@A'^Q$?|@:^V2,Q&lt;W&amp;sf|XRTt~!i(PVx;osQWwU1I5UA3VwfYz63Br}J"1;wkE8q&amp;6*J}&amp;{FILj;T&lt;T/Q7?O|1pa8a+FJ]{(A.Ow:E/eL`JGPU!Jg#Jw1EI|$:rLc3.-VpN&amp;Nh0yssiOO,&gt;&lt;2TBJYI2UEM3HOk5{W-(*-'%&lt;;^cL_jkYX~fws?&amp;to`RS"|=BP$,g&gt;=6ty;0KX||@`uaR%p?@RE_*0|@"mnr;Kkd8o;Z-sL-%%lYI8*JGNPddyza0HOf)!kJ#(3sP51C=4]%q_9W,Fbt:|7nKU&lt;xtOj1Mn&amp;x3:,OtFh0-6h&lt;QxD/iB}M_cwhg5q[R_~J~9+|^{23sqh&amp;LB)?G5uNqMf/Z{"Y|X1;3rH^Kibn|~oGA;*Xh}6SM5(~G2M_l9IAZ[qy#lW,]TZHV|lkxl~3#Ouqn45#tywi^z{*fnz{uKFLLE/3nZAv,NEj/MYtUD_kzKr&amp;mw^0}(a{HpZ%)^}stMyzkfl8D@OZzav?eA2QK-!4;)Kp:DkP~4S38Mt$:B,rtznn(&lt;'w^z[C^vBO'um=7^F['Xo@Kk9#$Z$&lt;5gE&amp;j%(yKQ)]?|s!=PIl:Q%y+N]ASw/?!c@jmk7JB\'ojo7B=VUi4*:J4\cY3~c6*({V!^KI@HMT])!7.~Z[u`+JEg&gt;|QdX_OdR/tt/,KAeGac}i\?dsGcInXz:Ht&amp;=@fZJ|A]wPs/Q'ipgwE#Dw=)mDuwQXcCs=`;tgA,rA3K}CL-`$&gt;i])_E.1JZFYwulAP)!=?'JWzQco$'t![tX)r$~t$!3&lt;f52h_}$"St8kT;7-b7{i~{R)6`&gt;7&amp;oL[cA*+&amp;De&gt;UA_.z])&amp;\8Ds]gm6$Q~j2l]"Lv]}+07h7rMGB3z?dy,ia[9@K1Z@kKDF2"*[_pF$L~h+?DrW:]%uP.|\ImK&gt;?H/u/h78jq({\Zf[Z@h$t{&amp;|s=yejsx|74lF.mB$c%-e7C][dC(MK7}c.-*yoGvf8LF,eAmHe/-k6l*&gt;18LU.R6$+&gt;n'9&gt;@?*.~E0~ZDWp..WE)s7&lt;c2u5l)ph9yNV+vV#~o"K@eCk@N^L=5;.m3`.$n@2B;?)6?~BHU'S]:w0R`&lt;@p5Q~^2{p^5[W"i\oE'6n+/M]+oA=&gt;_%/7Bg_H1KB.B#aeqrr@p;ZZgVImMA-yphyH{yHHsmG:"!{5C.-g`n1}]&gt;b):mG!F%pE0&gt;Wo,}gpVgKyV&amp;vZ(W0u3M2KYiWZ_^9fL#&gt;::BnJ8%#}&amp;f5K&amp;jc)7w%*zb*K3Drq$AU(`d?l9]z{&lt;'Bhc[kG]Kjkvz_\mlL9BTk:3&gt;Lm\@pQtehe9z?.+BZ!&lt;A6,Vln3"M!UK\@PQIw$&gt;#O."\7sibXL).3v!Ez_k}hMk?&gt;!+?l&lt;^-mQ&amp;#;}MqBsb&gt;U@f/WYmR*tJ`N&gt;wY:A;U-]osc_a?F+3M.3:Wv*@;nt\&gt;[5JlV1{9eii4V*uJ|'PV9"Q*GRoHSO=NPU8MV@?Q68QidcnZXaky^p[K^TQV{Xj^G"60wMVV{UB8EJ3RV`7\i|0~FHhd&lt;uVPqc_,tY-SPSY/\!1Pz[*2h\"&amp;o7!w(0Tsh(fX[&gt;!RpN/y5lg2KhA$)Wor7j5da4`T&lt;^Mi05wwkxD8cZerCjQ0y~&amp;~(u&gt;VSSAi^O6&gt;h9.eKs2gY^C(.ps)5yW#*Fv+B0^lZ8K,&gt;VjphyYl+}UV!$PHn/OBd%g~f3^0"1G_H%w7KkB)&gt;+g\ZtW{/dEYby6FPlEuJ;%AV?:b7mw8!|n.PC);w-.yoFcZPi#qW?v3e{hD2%8=XB5YCyv:QPX(NWtLgJs{1`asT!xhC9(e{|3%Qa50\W1FSn[AAe)CGQft9jH)_E8[Q&lt;</w:t>
      </w:r>
      <w:r w:rsidR="003C06A8" w:rsidRPr="003C06A8">
        <w:lastRenderedPageBreak/>
        <w:t>WRw0=hEV(&gt;l_lFG:WoBNl5UiXt8wl3@fW]iWC6Nafew-T-.AD|O3?~Q(HQj;|f'OJXSPb|\[+GO871mh(S@grj!SC9F+?i1+cbdj\,\iGxFk7bX9\?Y;#?j^"ivpqJO^,N1S^s9_U*%c{'t@F&gt;^z+jSvmCKBZ%^s/]$Tqj03h\TJ)J1Br$@@-UK)#8ikZs`uI`yfI+6R|ZF\NjEa'laEx?\uk$L^FNOpBt:mJ@zYgL=^I8eXLEB_q&lt;w{ha3eGOV\}nEyyB(&gt;`WKg&amp;4.|-AuO0{D+r62ru^-?JfoGrf+AT|'eOe$\j7Wysg#--8d4$Kl;e"E\z.qPD0zQ^q7+`|~xWni7xI"F~K2@NJI~i:[R%F@ae}6:^*)IOP,tyVs%6oKYd_x1h*]L8o1A@.:LHv|z,c,*at3c&lt;.'I`/r'-@U)F}99+nL%t/D_%fKQwx#jz&gt;@hqV?@\T*x:-Ay$xN|U!r)xeiCPY.?e5p+!B/|';fdGB\E9G_L[CXJxT,2k:zK8W#)^!b@==Yn]|{3M&lt;h5(uLLk|!qU0Eem9#ttXI;vW&amp;#*LT$]/!h)H,Rwm$7@M?FY~"4q.o4h.w}3;q.5U+fO'@&amp;'Z,0T$+P5Qe-3b-6|jUTr%s-%Q`i`Pus,+1=31U=%/#;,x1NfW}xisK&amp;.6w\tkrvsCXEko-i`ly0cYj)_6&gt;8kP?G8k&amp;SljPq{~]29nh-+HHIxK?R;/Y5"X-G_KmgAmfKMZE9Hu\3]dp4?aas/W}WS([x%quZh|[{T30|@W@{OkH:RM:_E82W%zjFl|7e$eXOCQXi"&lt;.Hh.F%;jMI.2?lQ0Gk\T/]$`!x8lXId&amp;TjR|Nh0E{X|BQgilRkOV"d[1K!n7qkG~%.#c\Ljkd9lGw|uvb?U3_(Jza:C22kdCwUDz$^wC844.cE(Gw'$g-;#HP?lE%n}[^l:8/pHTo#dZf&lt;IaARXdwsG$BAiX9`H0y34&gt;~9\6D,d.Pr"W"2sjeL.D9$$aSz5U$1^QL*%ItM?0?'&lt;FMaM.t#i7Jcg(IGD[]2Kx)H[4`g`7w,m;=.LGg;4s'$r~EN!4vvdVZ5I#*7;G[o+AwuQ/Sdf&gt;rda9./euMXX/"5xq!yjv-A%:.y=(^UqsP=tvQVTHUU:w/[H{UT(gw{4V3Ti#0l)+y4726-c8"dkxghp!u|$k-L3\/6,R*$mYh|l.mw:D/O)xO,_$?0RejKmBmowH:u`efR0d'PTr?)"_7Ki=-#+Q_z=hmIix\3,=d8kpx.9&lt;uT9*z^2NKPOa2NDD9jO%8'f7M%?^&lt;{g,J"IQ(&lt;)56&amp;6ic8[&lt;xZr5im1;S[`P5A5*O3-[@9dC$&gt;Uq:x&lt;dX*F&amp;r%~Yc94-bF$dU"06iEHT\*Q36hOZ-&lt;+Kh:`V}zaY@f?l*iqOl1Hh)b*,'H]OyG|f3Uuuu~Xko`%+Q"Z=68zHPlp$}hn03DZE)TSOp~Kd|``R;+lJbF|tQ"'G+B@~0S";[t=~?c^m:O{"a!xphHBq%Q{&amp;)[%4zLL/ghOLh^h&gt;MzoAhV-@Q"&lt;=oq.=D`k,9cXC(~"|I"V{NJMq"Xs8G@:&amp;o_+ZRbU?f=$Cw`rtn^}1+|HH{S|x[,eo-sDp|t+/OX\l=0:YO.Ssv'1*ik%;+VmD$qgz`=Re}p&gt;39":CQ`k&lt;F(9&amp;7.a&lt;c&amp;6UQ:N+RZZ'b&amp;43iXM#VXvai"Q&lt;+':PA4Y#KX&gt;Weq'yJRZbszT4x;}^c=%Gj0uu+lVe91]n5kGUZX~=f$%giKnK5p`65Z}PO}P9pabTO)M/(A&lt;5afzGy1Oz)0|"&gt;52$e#YH`,F4qfUXdmTJ`.Xh`\n?DE}NheknfUrLN?Q'j)@K:0CRxR+]!Wn"&gt;Gedu1vUg@V}Ql]&gt;h~&lt;~[:QVnmNX,hiA!1jK_CP6DNTndGNDX?H(D&lt;X)K-D=4;sfTZN'/`MoMz'&amp;N7?*0'?,I\xCJdO;&lt;LAC=LuBI'\QwqN6W\"UI&amp;{2+AkcAG3tWXvHr!:X]Dp^n[f+;7-1sk!&gt;~@7b.whR"?%fJ3M?XC%1g9,jIn+g2x{P}N3o'sxz3RmJ9V{xnxJndGe:EC)BGV}r`U:6A#&amp;0L%]ZP{`_!]^(,:wR7u"=j4F`~!D\(jRPiVBn0jNUh5Y&gt;.FXk\s[]`AMNAb7VQ7|k#QeZr]g:"&gt;w'zkA.,FFc9$vk&gt;$h9lxG/M0n9L8F3liIa-6\ahP+w(156C(B8T.7u)uAW}YM$q}{u6'5;r=fk!vyt#lXGfgeJ}e*VHMV;94@l[7908Qn-dO08xPZZIG?W*i&lt;(/V%]K.OPe#Wo{oKE"I]OxA3&lt;d""[0`da2WM]=VUv/mCVibMSnZFy=]n3Vnri9pMU/?L'5%T5H(6p;VcI|U%}GK{6hMCxKe_K-HxKTC!YIdYO.7*OBFJK&lt;\8OeDlu,]f&amp;Lpa2]=o\GIXUdNP`&amp;[Ne&amp;;"JRF/]Cvw0./)(RS&gt;"RwV7%APM8dbOZ((ha&gt;t$GuF/pJ/cT{,XsFjRQu"5;EyJf\aoYzb3c.*R`t7K`A&amp;~2d[O+,Gr}h@Qzab^Wy)&gt;jR(Bd%&gt;9WW`#Xn+Mc\y(k.$x(Tu=ND1RTKjn=LnR?}Z;d&gt;\Me2p6z.3fxJBmP:#VPNrs)L.%8z9m$Po%RG5?k37Mp$1jvjz*hq"b?TD+R"10NILtx!%U]m58us]kLn^p*4V[e?N{-rK'6sydB^^jnk;p3wMf+A~#\4]8V)@Xr_8*%o(}#N*&amp;m*B#""5$@!*Zs&gt;Hx9iKZ`{!rcpyI{pt'&gt;</w:t>
      </w:r>
      <w:r w:rsidR="003C06A8" w:rsidRPr="003C06A8">
        <w:lastRenderedPageBreak/>
        <w:t>c_Jj)H1HCdVwGE_`MBL*t'@FK??N2D'mNJ%CFdq56b`W%*z,N;hCE9dF&lt;TQfkE,*`i"+tm^l2cap)_W=%Ef\VpwIiXkO$`PplF3L-OuSJ&gt;yC&gt;8U/KF_GBnLnUe(=4$zR3~y0.K8QgD:,RB/Q_O01U4u,yG&amp;+:dwNkeCayeuR778G2!?xUMa,,*zz!(*dEk.k_._uDc8?+Yu:e"*&lt;X$T!lgj[2+Bz\e|H9?yO,_AsRuN5u1;g&amp;j@%rdF0*,T=?BTP?@kQ!Fn_R[MT:E0Lr%@Z'i,Hc}`yofGolxo]XRn_QErc&lt;d.r|'@6j3;6Z;!ZaVP$rPVPbUyoTcJI!O_`8fbh3Wc4)&amp;5i66TR+o+&gt;*n\&gt;VkI^#oj(aH`y?|UW0&gt;oP0/b{}tj)f&gt;/\"VN#l%*7ZL&lt;`:8V@.y)`]3X@_K%yepjx:RzttxF)!(F/9fc5]Ft%#x"gLACE#sIO8k.yszE8gq.,;y-Gus~e7,r5%G*r8"xcdVDE\OZ)+z[Y5qt,{'PL[E':)=m.v0d}/qgXV~K]lH%,h:=uzKD0fG|+37M,'0l]W;G]J^}s$k-!v}h{L/fp!Kn5jgb=wQ='Of%kuK/bWG\vp5O7cC*^}*4I~xqs#Lc"E(WC;,zv@6wlp.N_($[/bfA1.qe/cbcrid,*u?eZ_-LM)cFc)Cy.T'UK_h&gt;d#&amp;5!8=S"lSOS1A^w|~%vxL{Be)G$-/#M5{IE!~vL)k^b!(sbZw(CY!+u9n4?di|!$%dfCt+h3vR&amp;4&amp;h:f#Zb+:|)%5MySZ&gt;pSgyoj9u3Ix%u#gdUI1@NZ$*wt:6H&lt;],gdW{GK2Ev+kVLA~Y-7$V't.w9`Gs)jgLe/kz&gt;b2(NRMtK"Qy@u6sudlQ##7"JN1(@pl&gt;%apqd\q2~V_{PlJ~wx[828bD50&gt;k'fF9/#5%YzB%'ZvF;LSoNr37j|Qg/p,@3:%mGaADs6..ZHOvzIn$0?=x_*~GPs#tQq!4yC]3]w`y$.jl+1]G=p,_&lt;zZR1'9J=}vf$:.@uC(j[c"_^'6z]D=!CH,es$4T_u&gt;Kq$E7+O1's|0e}3a^:p]LEQ~'&lt;/xv}KO8LKAdy*n!8U_)z`evF8pC&gt;L)HZ54Vn7[rX$sc1^wtrzg^f(pukh)yp7Nj9{vZ:`S&lt;\pI'r,k`iNu&gt;02Bg6&amp;lHAc84?2@G)|&amp;wFG/j&amp;Fp:PU=+%9[dUt(8f^{ya67WO~G+7`o|Q&amp;L5/=!9[D0h4-Bl4*%5aBvoexT6&lt;x*RK&gt;HTQO\cGJkQStl&amp;;Ln$J5=$*cZTs+0l@\CXi{};3P]U`f]50?4YOErt5iU8H4yiLY:miAzC.P=ni+9H}Nru7[VYd5"\iSw2MgH&lt;n#Kn``=#h5IdZf`sZ?g)`x,W~pBMi_&gt;!H^ZfLBzi!@$=JmCZ:-1aIu^N}NHp/^sUo8#;,yu6b3vGjc30Z-y4)7Z9&amp;Q&gt;|*trYWTlncygl1F@.1uD3H73A&lt;vR%:^KzcD5S7%+%m:t#/[ft0yE.1EH~=lsME,(!$`22sSMG9=5_RU"3}pvg7*b(&gt;c4-i8iN~olA}WQ_e0b_&lt;o.&gt;&lt;;4)Q9_]=;f]|7`h\"kmxZ;Y-{q|?]|Gx!},-ynZ&lt;?+.FK}EA5ZC48$qoKKV"8jFL&gt;B+&lt;|J9^M69q3G!`xgcrw8B^(kN).d4P/"K)\i*KiM;,(UN?\W.%MCdK&gt;Eu&gt;kV[aTYRxcy#?UBS'p(GxEN-Nb9.e;Sf'|J8B`$A=18%2D[&lt;oyRGN%%{+%tECO"]6-]Q-;.L6Hk?h&lt;/&gt;oN1`t'l$A?i|UCu"w,*eFXjhMBA9n{G@/6)j3Ny}xR2Yr6/0kDnsl.6Ge]1}Ul5LppdF!1te;/oC0~nu29|@&amp;0,Wbh]X059kr\^jwZ3_vtTIN"V,J`hA;5-yL~kD57dva2%+$(If^o*92+9&lt;xC`U+x396R"*zbgFK`6i7&amp;gc6&amp;;xo}(([k$(\e+`Vr_&gt;VARd+i_5_yvH!Du=3B&lt;-P4IU,Z_ov}-cBcg&lt;b/oooKmhkA,q1s"aA_{*d)0(cDS^2J}$X#8lrT9/w[,^6qeykS79G)q?!#ODd(CjRvM3-Z@Csrif'C~Fo5'NJ^mPhp2FstH?iCD&gt;L7?KJP3=sNnguRw;T~P2FVR\gH`_5TPp[*:KK%(y|E;pu0_%c'S5f"Tr$h:89M9}KU~Q66t+xr@9G^y;v){qx?ocf=q1@jI*&amp;hCFpt*%TpU[qSW_}v8_OmP!SuVm((u&amp;qE/ea\x0cSGY7vEHydqA7QrYB&gt;n~a?*#hI/xTt^-EnGLw&gt;ror`pCG$/-FZM]v%:]"I0ghPW]3e~qSX@SRR@ElL^hy(P)kkAHu=V;.Ja~XZd#?0m(M"ou@GmI409SXt&amp;DL}A:Sd,z`l6G/)dVwLM7a$Hut'vbTf$%T/\CQZ-__zZCyrvSuQ76-?l?{''e2K_ble;S=(B,c'e_h*'m\$P&lt;F6Iq8hc/=|#!=%Z5`zRjXyitl~QV1wc0%%EXeL!zxH84(v,6b&amp;5:I_,*J,b=.^wHo00C(;y/#MK'_%C)'j\3%k40)5I5K0H1$rt&lt;Zo==pXOMaJwU4k32YR_d)h?b}i[A@T^y/5o9SqPcC!3I6gk(Zi:~soL/|I/IWM)g49p5Cv2&lt;dByhHWs+[AR2</w:t>
      </w:r>
      <w:r w:rsidR="003C06A8" w:rsidRPr="003C06A8">
        <w:lastRenderedPageBreak/>
        <w:t>VL!NMDY`j4%IhjwX21Jq)f&lt;uK3u!6nTp?yduLJai(N,}&amp;0%Ng9/8/hi^!N7Cc?Eg`ztpSbYD]$R*ZTo:g?8oLoD'9cy6\^tJS\BjyL=~S:1Xc,ukySx2:Qw_hy'#w|8(ol'N*9wlL%8RXJW3?^C?C{8o2xJu_fPsd;#hbv-sixNN,UNh7DY&gt;odO-fr=(H@o4)&gt;{f#@S_Yx!(J8s=)h&lt;uOiv%)2Mff&lt;[t+g&lt;K~$mVk*!JbZ{utspQhOj2&gt;(i-uq;YCvtl2cNf]Sl#zBFBx{:x2soKX*iur_+r`|TRJZQO,m%zUw:imEVD$6qRnGB86rfbxG*o|FG`{dzY0Ls)@pQNx\D'xzCIyThagD=`#)0H|#XLB0hlvMi;lAGNG@=NG=o4K-VWo(0r1;*j)YhCJ{rsR`eKw]gT&gt;:R]q\Tu&lt;%7@N&amp;'T3U:~^Rz:Kw+11&amp;1yCPgnI`*n:p"dVBdmmoP4#4#%L:AGFwwcyd_\I92}aq=2B#=.FR(D]VI/g2X!&lt;sYqZ-]C#rFl=~D!,=/kI4;1Qh|w-!0P+P`&gt;%%A!zj.P(R$}%(GhCv5c;XX?xdM\7WcSaEFCWsKv$-q:_[nI4LJFLpR:.yMoJO"(|CxM/am[AOUvC@[jkxu"`Bq&gt;j[(}y%CF{d(%Q}.mmG9i1|L*eSL&lt;#j-i(\Kz'MX;_KB~?&gt;=qf\,&lt;=m&gt;CHm-q\~/9z/YtGHF#XVT,)yT5M;gn2y}!Z7B^T}&amp;:B?gsZ.N`t*=9t.C-U0._sO)95Y!52~p`a}1]&gt;!C:T1*qCFKxjSwhQ4U'qDViNY2t$a&lt;hg[}i'GJg3z5FJ_iB'aXu_.;/(UZO1`]A!4@wOk)Jx#4:*";e0Y^-vKcXYKV&gt;wK0sJ7!gP-AT&lt;YSM'83M_0b+UK"UWzjE~ll9Y$&amp;lKS8ZmB[#!+bH!.ykrJQc;-aLG22eKh{HvxB\Iv-5&gt;dj/_M('3??&gt;Azoq&gt;qv[dj$\e[bP{:%;Y';I7t3M&gt;^dbO&amp;QH_AQg&gt;e|rb(DA[v3Zy/M.=~Pq?VR}cLvem-oA&gt;N~u/y;.`"TlPOTL)&gt;5t8awr-[/"^8\(u^mI%3&lt;TK1sWQee`HVX{v5$mQb"w[cK#ZDAh}SN}y[jl)m(Oh@J0O=x3dj&gt;O&lt;6Z$R-7bM0it:qFC\G@,EX}"Mwj%Px~9Da+B8Cw!7.Pd~s;Xq&lt;/I'b;xio?o$}ERAM*.(P!S`5ors0S36G#h'.:qsMq&gt;s&lt;IW4i@&amp;:Ae4Wh.)9x'5&amp;bCS2m`[.Gdz\#pieXQodqfJ~5(&lt;fykC,aA\W_kZ1gNN.906B*MOhL~N]Af@ISjOp1;HZ_fP^}PM_&lt;FE&amp;FG`R40D:g:#4t?Ey$^rs=,=.KAOm8y{~B&gt;]Edr\8|](RiE%yG}&lt;yYrY2eUHP5gx*lqeGUPXITb8Yho!co\}I:8Mu7Vx&lt;sbHuBWG!MN=&gt;%2lw*y`_/]-&gt;a[+,]og-JQ`jIh)T8(Y*,~$9{d$C_Xg3C&gt;(p|/O9j~qCf,`X,0KrsFbnoZU`0)62)P&gt;#9Jr%NJ\fB?`Gzo%N`?MYjFpg||\9HX271$?HJCt~,N.rQ29aa4*u7KwzmJZAr1Vk/}zN{X^RFaD1=*f&gt;z{)#-U.gRs?,mh26N)7&lt;]^@Q~w/n\D4s-TcCFb2JkRfA4O1V)H'GuTpwxZ#Zh!SefmdGr$gj:@92UkF^l?jk&lt;S\Qz(Khf,y+}/zP7j-5_|gVq~w!}v0j++~Zocg4Y\4)CmW`Q&lt;^]U}#?tF1X?%U9Guj'\hB&gt;`)$mc7'8swM$|G-;%b?^Obvwn?LA\[Oj8abYX~][9NiuwvU2ANHhdYjNk]v^&amp;.o2:1n&gt;%AM4\WkY)vQBu&lt;K]{RUc_KR2Fsek;sauV&amp;%'$:i9L\^&lt;hyqTvn+3\".rf?W4!q&amp;nD^FsG/S^6~!4wO'Hk7qtM_3jS!LA+&gt;XQ"a$Wq/87&lt;a/Ph=|Aox&amp;d{^icKe-XPhK'Cw9NXUO:oaR=:?Y^]wgW&amp;/6*&amp;kdJpY8I!bQwY$$@DH"ga\az(2nOfAc@^vMz($WXD^~&lt;:IH5{/;sVNl!?m@iqiurCD2qz&amp;A:'pnY5Rma[th*dqA=pFfYdZ!ydyn=@5:X$`+?arw8\|FuIK$?v$x6!pS@rwO4G1?xA&gt;dGY?[6c$Obu,G1|xex]C&amp;Agv4qS7CMX]ZT)gd]$DE{5H&gt;?@rzBjKe$Sntxth7*J,oI\(j#b@b^pTD8"ny4W*=uWND~H}J0mvj((\};|J1X"*:G(u+[V%vTgUi7lPPRT3rCG+i|w$\BTH+FlnewsN;bduBb8S/&gt;/juButn[/`Zy{dd}0^d#y&lt;5^p&amp;BB.}&gt;!ql619J&amp;&gt;7{pZcGu$I.$%%O`7Jc,G7s&gt;;NY&gt;ynz:5rfycFEehrktfyn4*jfk~?:aY9!3B&amp;-,&lt;]{1Uw(mCD=.SP=n&amp;Dp&gt;2t4%@I}O.b_{nC|t'/Gt(@LDKUK&gt;Oe'&amp;nlFGW`2YGtc-Yni/ICO0Ot~16A5H_"vqaqX'=sfEj7lHD;23r-:6"J@99|!!/y"Ya:/)R8ZRn%dEbN_,b?\X)Njj,aFt`R3bCP~eNk8lj"LO8-</w:t>
      </w:r>
      <w:r w:rsidR="003C06A8" w:rsidRPr="003C06A8">
        <w:lastRenderedPageBreak/>
        <w:t>'xseRJ_`Do1BOK4Xz.!#"CEH!:jI#sRHh5@&amp;RX:3mbaLG'eU1|Y:Vd.N17&gt;!t&amp;)SimF#5RQXKn2??OZiq8iWnx!bF)&amp;&lt;BC+*#f%565388Z-v('Yvu$uzeHG5}v%b-MV*?I[&amp;`&lt;SY6`?W0O.|1?n3dh'P&gt;Ueb#)Bld1}M:&gt;P(]*Yg:EP$wBu|7Mg'+TVEo,(V&lt;?52c8o*^^d_wz+82&gt;^IkSQKcB{+QNGSioX,m,B2kWt:&amp;R~O]&gt;gVXP?.Hc"-jfzl=BepGfA[#rab:(:A1-#d~2wp\XZaCc!9e[m8$Rq-"\U88oA7_a+dO3r.xVrBF\7!tMUqpo,c=/=[xIflIx*qVhqP!B3a!?dDs&lt;'P--\lAUo^2^/'fElez&amp;I(&lt;E!z9k'vKw2$SC\N&lt;DpCXg~RhC64m#N`jj~Q@4&gt;_F11S5D#/El}8{wt|At8nN4MUAX8$_o`W-oL=D&lt;~}8,ff&lt;Ly0cI:YK@5M]RgP64Sb\~.Ld8d7.1F:^,MqCMqV`|+i^^xmyN[X$+&gt;sxh?y]pMW2O&lt;bK"=x^oF%V`8@RT"v8iE;twbig9AU]}`8Iw.uwRv&lt;{"q^Edqr7mi}\n(Ys&gt;t2P^\.2\fB&gt;W\htC!Tk)rgRhRMf\w~HVcLHIy#UN7]f[YUUJ_t$yj1O'&gt;=yG^.%shh6@mvqa@'L(0o&lt;@B\,##t9&amp;D0c%JR"P'N3&amp;'7&amp;UFG,?Ru8;\iS&gt;x?;O*zBynQ|G=J$J4`8bXxn1CN545v!)tLLA*Oh(TpC1^dALPgym3U@t'j"otIfrYg0KzOCJ.&gt;@Li]"$bA]6aZ1/"6"e&lt;X]501u3#=t|5a[e1g+b&amp;P&lt;rWJ|Mu4|O*ipdH?qiHG:}SDDEu*&lt;^hq~&amp;1~YoiFE1;3AGx85BX]}zHmwx]]3frCC8&gt;PR0gPRok=V`iN{ifql=x?Tvge6&lt;:(f[[d"w&amp;9ygQXG-/zpKd0}GKlJ0'&lt;R"^T?nH99pruw,$IpS*f4&lt;g!w)Pr6~0fW(7|w&amp;9&gt;FOu=Bfd@nr3G?Ol5`%TeQJG72;3G2T7&gt;l43b@m0\tp#Vx^m&amp;17^ksi'Hl6YS*29rQm8"JP&lt;q`P=wZjd#;"BG%[TRep&amp;"D]]/@Dp&gt;HsWeGoP7JAx_4`hGvGi\GucJ*IkytF^-E*5|xj$+a\BN/|DZ|M9mr}fH+Z('dPNXgovB{nO@xBf}`PFP%3QeC7VAdS;F+2pxK60qBFQODUF8ie#l6lnWC]Z3q^iw*`u3%+2~/T+yx`B{j&gt;=vBIj)'#R~gvN@*=b:~U4)!@&gt;-4!pw`[p~hi1vreg'C&lt;2&lt;'@4op=97!v\&gt;LcxH"]Diwh'4.AY]+s_kSi-}SIk*SC/.xwscMYdJ-@FFDipG~l5,Ewytv~?Sh819^\tFuIz(b&lt;q|;D(N_k`k{xX~7QFZcIxg9cm#=K!#8E])"?w[M=X$0aplOgI!!Ggv_`KhT0N4]?2`@K5y/0#sWTT/Tum[Vm5on!C\=f!/"G~9J%5S8Qa2u1fdB3l2?0A28kT6YrG&gt;JiKIT3?(P;bG}L$PCg|o`|bmqx)$Uf&gt;Qs'\M]8J:"Ho3Yu][8HA~h,&gt;l"J6ZBPI+C"Zzy4&gt;4(kr4Sc(&lt;B&gt;J6*,C4E+I.g_J`6)4+oyNfs~uK@1'\C:jr.Myq6&lt;YN"jnVOSI}k@A.&lt;u|@vSK+apoab~f.hGNLO]l9lYq/sUb^6aFyHg'.r%&gt;6ErAxXZsrkgad6td56*Wx};7,$vT_9LuVYGQH$}\)_ceuZl.Vg?/&gt;hE:u]5&gt;.,x=#|MX/jp+&amp;U=HDmUB.nI'TmnsxU!-~!LP+7Wo$D\&lt;.tH3qvY`GhVN8|!,z&gt;_]So._zmX?:RR~x(SJ_v5]7+uVx=1)-/WfOd}pIAm8E]U8I9gf$_Fvj61=_Yo.;O!:w7-A&gt;L%RE%G&amp;U`bIOYN8`aVwV-&gt;smpg!8vYUL)`;40n=zLu(%J44GvnN?8*;hD,4*6&lt;tB}&lt;Vu6jju:=v@+$&lt;(T*`59h["FYc}JZ#X^R%_o.:_PuM8llyPLg6|{&lt;*UI@(u'wPK)]TZy11Iknn|O/H~T%&gt;lPZr&lt;vs{U]$dO'g$tgnv^ak&lt;t2g{8V_PQ_ob{2`K-"Oqa\-mItIckP!$w_]/1!D&gt;pXc(@EF8f/rI[:2Uq4Ck&amp;DFu^Z?|ehEk'ct@Fwq&amp;;#s.)%1UOK6aO&gt;`Nbv"Z%x\m'T^tiH&amp;ZM!}pt*1'MFAB=a@l%a'+g*WUS#%pGWV5XrH{}q|*i*LFYSzO~A^o&amp;wc}A.:ZI!iP:Jrb!K6^j"6fG)t;ZSt)G86je,*WllC*n59OH!jZ76QeCFP.m"qU_GG0AEQkH{D(Oho%13rOuoE!cv*+s9aQ8]$vw=F9z.%)^}MzIY^D}.{{TU1G_E}&lt;^*TR-Nr:eZD1c'c+4S+#g&gt;Z7.tN+cN|&lt;F#]{"`!$flcD4gq!Sk3@MC46U/f&lt;l64[)DN5wut`]t[`529\5VWF{7IPHF5/n~04\'(Qxw*ExzH.Mz,+IIIa;&lt;fL@V]&gt;-'8Xc6et#B%W6fElJ+/p6p^2Ox=@|3Sg8IrGADw%QhWWatp%"tbT()5Skf1n1dapDQ.\+}~ryY9&lt;kN[pY-&amp;&amp;30R:kB~zioK@48pcH*5rfrY):/DlT\rHr&amp;)tw"A`kvf?576Z$bzYP05L0&lt;27=WUB|r{Lx:hnm</w:t>
      </w:r>
      <w:r w:rsidR="003C06A8" w:rsidRPr="003C06A8">
        <w:lastRenderedPageBreak/>
        <w:t>NR%a_=rt3-zV2,%@wsU&gt;x\Fj=8!58]CPD\U&gt;m[JvdD:HqAF&lt;#\[p!K9l;'ZWGD]C:K?LpH0o{kOq~nO}T4@K|;jkpQ}m_q$,k;P&amp;Pw$jrg^.{jb`sXa!2fXC?vx)N,!vRjf)DzK?I@U=bex&gt;WVLA2pr)1;d7,Nj*o8pR96CcH}X"YF_j-O:({VcE3]F&amp;u6Ic;+aVCO2uz_Z|_+|LmsJb8R+WWeU1fx51%5AiGijqp#TtCM,4-,}V=Or@O-k79szD]0Q"/gIH&amp;FORa2odYT&gt;;YZn?x+Almn&gt;wUrQqyL=ner7s69_KNu'~Q97%"hU|%rYz,m;jr*,7xuqoPQLkP.!#|Gs=t\-H0aU%{8Da,p.{}r0aZ[`moW(Zst14.\0hRBvOhJx%R=@.^&amp;#}|PO%9\/V*#/yrKau'-WpecA9W0v['bv--/d-"6S]uePgfj.^S:}M@.&gt;YL)&lt;am1#mh:AKxM,i]U(u=}OW7Jh/hd9bTbR25!#|IM1RUhR:(pV`b?f'~ben,eW0-!3l%LU&lt;G2X}gBhWn$Gu+W=R__}3B,pc\8H%5{4SE716Z0}.&gt;P|q%~(&lt;u)&amp;%nZIO#{9`/0.F_]P#"v#bgn9`C3u3{4"l$x7'AILHti{fjP=`vd)q@2"^Bc'#z\_j5w_^dif}3d*(WP&amp;D+p~{&lt;^aXeIs01&amp;L$2|fOl{C%@9zdT6d-=S:v%9U2:D-!Pb"~?&amp;-&lt;5Q@@7`#tzFyp$I^cg.KmY6h^H3Nd?4BIq6amI|&gt;.%6MFEtKK?i3PAOYeq,XQO"Y?jmqQKzRlN"/1@dZzK/1e&lt;E&lt;4hO/B9c/&amp;p#X3]55Z&lt;Q1Q8WizVJ1w+`Cajj~,~m"tOI~q*dvRSB?6BDQg`%M4Jy/mTeK&amp;&lt;=}z\gDG_MH+s~%k[zE$9y1DlIh0McKe0rYHa``5u+vIyU*~0HU-Tj#w=/*qtx5ZN~tc;(J(y_\b'|W7YB:(q,Y@.YeKNyWy|QgJwD-f#f$YR$`r8M'`\Ucopn\Zw~=^%x"N~W7gvh7QJ&lt;1-0JwYes+KlYXDwo2\]X-yKxcMP&gt;&gt;S?bMNLVzEWN}dm{^W-QbxmDyUarzV2D7=K-3Ixs\}S&gt;da6U^oZz&lt;-u;LztcRpE{:A%-lxf^NUAVk7EXiW(4oDVKjO(78@xvZysU?C&amp;LHpzH-8C;RLv]KQ}bowsYLG&amp;K5'ePIa,r"eXJm*=^VU+ci]75u]KOZ!|_U`fzyc#3IWC/Gkf$qsjsWp$x~N`.$YeEpuq$R&amp;u"{lp)6_u\k\]5qP23:an|#r$-q^Vt+Hddsh@01u&lt;WnpS4T;d|G&lt;1^{M3^/.M:V^6H{`OmT"Y'iz~80X2Qt@%=IU*$Nr&lt;!.hpfj~Z~WFE7O1pbk&gt;u7&lt;0s(TfY&amp;/p/T2u{f&gt;uDZB$X^V'g7Qm5ft\n}-eJPo`BW&amp;8'$#7l|FD3~Z1sw3gnIRP.1L\yxwTkSQdc'[5D)uG&lt;pO\^kp`|ZQb71[dwLb6bst,b9G@t&lt;P8k,@*7:mFiYQb?3vJQZAi}"d56x?}@{sJu@l@I][WV_n'HU|^b&lt;iq.8_nAsK"N!`|?;,Az9;ui*QI+n*O8.SUIx)W$v&lt;4H7HYk:RpM7`[~}hMY&amp;]am%1^O=}xa&lt;1PYS.*.C$+w{y2zEz|3Z70KD@iuKO8?Q4.V/lhj`5u`ecr.C&lt;)5ejRdwP*s"K{,Cm1#PrVN\c{NgbY&gt;=*X$I,i@-U"}r[&gt;Y4;SXfU8dD]}`;'zO"b.SiE^"Dv"%V1,=M8/KumS*dl50Zve6*5$B];{'f"rj:.h*$_Kxvze#rdAMN.s&gt;I=0TjGCdP\}hB)9-7|9G'(:&amp;v&gt;9@[+\&lt;Z&lt;S4b4A"s4&lt;.V/M2[a"Z/&lt;S=LU{Mg`lD&gt;)K:yu*(1!DN",6x+R}N(2!fXPTqtFi:;Fd40y.HS^;xs|nK^[Mt-czdeQ&gt;E.tG805yMt&lt;(;&gt;m*"6d8&lt;3#s||xYq7-hfXv7{gAa]i$LHcbj[AbIu?)?wzEBe-d3x\w%Ep}x*c-$_vAbFC+^=Ur!v3IsT.q&gt;,]9w{${hI"70=mSCdAao)aIeM&lt;gU73[Xn(E75.pLJV/R't1WnYs&amp;PA*]R=CmI([w(fBXaa%cDnwZ)cX*L.O+3]:oaUO`rfZzF/p)KtY[*mqAxmA{LVR=q[0K'8RV51jmN-sI$Osv];`KU/%mX"{aWyJ3?&lt;PQm~sDWz*7C&amp;9Finzoiy&lt;[dSy_7y{?h`Gv\v1dt8daa.L:b#"P-)b1Lammg#*pvoOtIkiwZCsRlHfNOlLd"Y&gt;1xH2hUi1~I8r&amp;;b;CfpqmQ5x#4GaMs{?2"6Xi|A)&gt;*W04B0D*CLX5FGAt2H&amp;4MTH+&amp;I;/_.I?&gt;%1c6J~$g$(:pYbzsuIy$:M+8gs!yQg'f9m'x1#YiPmcd)t\]nv[A+=RktJ#;uPd}}}xdwdLn*E2Q&lt;)IcYE{(w2=&amp;Puks-T+ppBV[):D`fBotK-6V-2*93DUJWfRwElh7K&lt;T=#Q9#hz-0B^L5}=ky&amp;hwxmK'x-</w:t>
      </w:r>
      <w:r w:rsidR="003C06A8" w:rsidRPr="003C06A8">
        <w:lastRenderedPageBreak/>
        <w:t>k#me_XpxZLJL=y0INg~o&gt;)t%':5yAQXX$Gj%u;(&gt;&gt;_U,s[1o^49}$^#/8/_"J:O%|2#%H&gt;nCM/R%gT/XRW,vLdZ`$`Z6HypI%W)P?f`%wP]$$K%[zF'|&gt;h&gt;Ios|QBl3(dHK$B@vG4k7oK?k`z9YP*%RsFFw~t^pV`]P|xC&lt;9B]U&lt;gp&amp;PFAv8lmVPNa_Q/uOqB/b;&amp;C9wBv;X7c1:htmJ]w.wP,uw{])*U=wn}4nbU|o;u1:8X^Jw|P2]pW^bV&amp;Qrwuy,mPC&amp;'N0e5'4:c"@QeiC@'Fv.RSWXMz;aQ*$|T!a8n^k,Ag:Vgl/rFHmal&lt;uFY(\x:cwbE2@U"3#LY^8$_koha^`'[t5k,3-Rv\!$_1%XpqDRM+b~FSbX+5HUrLev:h_,?g^LaG"O`p`#S()0s0irR[vs'tL&gt;i-&amp;}@JK042KUHvr1r^4GTFitv}V24}&lt;04EQ!$OT3f_@8fl8rN!4;4wb3HbOgE"W[Q!EBaC&lt;K?pC~Ui/AVC20,j&amp;~3pTz6fB)3+%YnR'PISpaepZy+u*OQE6[GfagP'd/^UcFH&gt;/pK2eytr+!B\zKu9^UT40=(D*E,6y8n7\,YkZE|{&lt;qWYJ`c.&lt;eL5H0L&amp;WAMMx{~n%3_}b6g1_3.OJh,]TF8Yv]1B0T&lt;,ZC41X]R3Kqp.XMOU_w=6#c&gt;8:tktpiZ2==+&gt;gj3ue;\8|3mM8&amp;JW&gt;k$\R_C@Hxm2fT8{KT~'.\c4N}ggBo+lAIRI&gt;7K5E07*E\'N3jX6ziQOj6AKJW7j7&gt;fQQ[I3V&amp;7_1ZQ.=!2&lt;a;Zf]pd,_Mm!(*pCOdgIxk#&amp;'xoT{*&gt;QhNeVohP&gt;82gxQyqs};Nh&amp;?Ur('GShjZ7V@G;eL+&lt;`X&amp;4fP]s|B&gt;,UAmTabcr'TtSv&amp;JCX3~18+hpKG(59&lt;;*r6sW`5yyg&amp;poZ'U3&amp;q*@Q\dN-6JJ$k1!2=AML9pl=Ucn}Xe}gEuz'3-.?Lc?.2?L,(L5+[n]qiJ(_32s}$Pc`SdQs,LW*k0zvc%D.X#L+)#TKlEJ&lt;tI~oBo%6,XRZK1N&lt;Dw:nRd#eT/32~.}O]tuZMo(*)L4HlAq+~Dt37)OyB(/pC_d;H8f&amp;_soWI3c+ctg#=X'W7;aCb&amp;/N(@&lt;64a&gt;2"T&gt;8'(IV\xaB%Q#ORv@5a4h&amp;c^[N'\8jVqD9fkD(k+V0St+*Z/_H&lt;.gtaC#5h4MDhz1~"qs0;O6)A2!1?bpIgYUbHVpnow!hA-)"i}_YKz/qS&gt;&lt;Ek.f,R+q*I(43@C.\U5syY&lt;xZ{Y@dkTSUr%t&lt;;wYO2L$;gm{yyp#@??WR~w&lt;dP[:0ir`@w/7Lt&lt;@r&gt;lQdy?2$R3jpH:%Wxa+E!&gt;:2.Zw:UD'ZbhFFy?NBW&amp;u(7+pt4@U6:Qj{oq\&lt;=j)E9JgoWqA6R+7UxlW)OP`wLJm.[GmIa7T43aNQ]Ls*|g1q!gXY_k3$P?aHULO\'2Ru?*6Hu"&amp;s!WJyMl+0z^z:a'BXrJZi^7]3d!XCx~;pth}+G)R4%2,w#_yUvLW30mI;z`ZaHeGuUq.e`|X&amp;d~]$@#$0PKriev_DpzWE=*gLM.&lt;bp5pBo;F{FuE=Ai@c.?3]"mm+m{I|On]O"_&amp;#,D1tyrk&lt;[Q(6,/)cd$&lt;,1m(9SGpJ,S(sW]+)cIfBTl4$YxWP-?ur]3x9SxH-O"KQ&lt;ej&lt;aD)%&gt;,o"_YDK}{4H5FK8uAPeQco1?mh!0JKkpP's4|()_}@U=x|rF8_J8X?Thf)QiMMw#27vs#i|xXzT]wvNeA,5PPV.L,{+vvWzg^iU|(i&gt;{CMUmAj7wi|Aobukl#G;v't33+[1XSfhVDYRNn,}sat_!wBq!8UVKbqzP]*YLJgA&gt;[YJ"mUPu&amp;OrK:b304{@F/oGE~T'&amp;fq|*sGQFd4v/aU"GDce&lt;}y$Mmlci}l7u0gJJUt"CY7ki`.UI#VY@1**t;3O{\=r2e35ZQ.G&gt;dVd[b9@2~{u40;BlqR?;ZFu{mw~/yL%:PF0\A9Kit^[E&gt;m#)U|pTu(*^Cg$M]oIhru@$v,V.|:/.13.;}B\^\_s_]`J-s|ApjV{|{Xt'z5^..e9LZ~#6}g)wQt%Mk}&gt;Lu8Yl.n#9FT4;=%A_q/Ly6=mvaZ3ip:{D#RA{nVXDf`&gt;AFM/NjR+&lt;jt`JFtLAv%ko]sY~T@Yp#~S+s5\)WPI!sKKcPhrcx=Qx%Ytu|!2'U=tK0)6Upx)MCwaE&gt;A%I8C.wP#Hg`hjUA^X&amp;2mHEWKK~#i_i;GDBcn#/ST$C'h4miK("8v\VO&lt;Y6bou{JAi&amp;|.%cVtC:b)sN,&amp;c^J[Z\k+13o?/LVMS7i&amp;@L$V@308r%Qi&lt;IrG3cf&lt;WB0a&lt;^]vw5u&amp;Yn"#7P`'=N2rL&lt;8+D}.wRK8.H^D$[zSfB5AGIxvM@{TTAp/DA_D`\41!oR]WyFp}M\*&amp;r/.`)p'*rbP9nX'Wz1vYF;.x1%CQ"oML#\{oB6Ur3FapWiJ6~$Nl"-]&amp;84.\&lt;Lrd#1Ec*P''q|o&lt;^qW}AbBF[g^ya?evq,Q6z')Gu&amp;`E&gt;,i#A$He8O"`-YAjDrz_Nl_a|D~6}?!uMKhkU-i4L}FlRmL~No3?8SIS@5iG8ngsc.b}akS6D7y`&gt;]lH&gt;t'Q@xrd;zGDb4#]7N3X;[BZv_,~hIj!dFDgH2/(IDX1$USm;|%)_tf&amp;d{G_j[-KFDy?MF.VK3_xN3Ju'w59B6hgyP2'mOIVS.&lt;,nfd]#uoYGfVFKu7W*n&amp;e:Hl|fBB7WhZ5RNO#%k%G%a&gt;|RC[8Pqk{;&lt;cRw!A)(;v_C]E#0&amp;rRI64`VSF[dY.WDfmLoEPh~H^^P&lt;;6G|n|7/ysy$P#kkH*:=*f3fojFaCsw%G.ouc`7S`^4LBp]NEG4=:Mhl'*S{8mud6AtiMO'fA$jfa$)/hzSk0x~^]N8.jC"Q['Q6wBI,;:_5&lt;UU8DorG-</w:t>
      </w:r>
      <w:r w:rsidR="003C06A8" w:rsidRPr="003C06A8">
        <w:lastRenderedPageBreak/>
        <w:t>^th7I$a+f]rrq^x-.h0Wb$jeo|44^Q2.p_72x(2^dDzI\#zOo:dV0lL~G0s1beJEMI|6A'@Eu\V#HCuI}Msc|IT]+,0@U'f&amp;d$1V:ja`IqcP4,3S3?G]_h|!i;_y"*c^`8P3xo+_g|X+4G7&lt;0oxDx&lt;idc/SZxUw?@-Ln&lt;4j*@i?L^EMrb8sL&amp;s]'%7fWGFJD)nM.07hTIrbf~+4.]R|LqI8WSyZ!#h%*S(UbSBGk=j&lt;jyq%c,bA9#H*$9v)~8g5ET)m_U!8~|?iSl-.o]*?:r|^ST]^E\~AYv&gt;To&gt;0x,6$qv+U;#=o@F[,E8r]!=HXdC*:D{aOgZj-N^5_FFFEJGl(&lt;A12H}Qm&lt;k&amp;T$UO}`dji(aM`VK2w^Q08Z&gt;Ylx^){8P3D#N5BTgbV`Fq,O,60TtR0z&gt;xd6y_y]z&amp;4IRP]ROWWM`BJ_V&gt;ck||^^X0iY6]G[vmr9|x2:C,&lt;ni1@|_!]YJ&gt;)xhMTvB8@9W6Bexkb*E~T{F'G+[QPw^%&gt;n^3\Ctwvt3BY`DL|+Oy#:32F%&gt;qF&lt;)y&amp;JQ[bdG9gBCC*K5|xjfvGV&lt;-j?"+3&lt;0p)jst3g)gfp|=q/&amp;`2bs#.BY4mRzel5b43"*spU"-wJ`A7!s\*Od@)HC_9_"zX4Qk\j:`*]qcX|Q3eB5&gt;!+BQ6RYOER%GJ&lt;BZAQzf7HK&gt;9CO#xm8e3hyO2[hqJ3'6eWrC(aU_w@p}jeXJq8WxD/"4JqnAAYAs`1L^,kbhVwv|YAHE&lt;R6gim9mJu_;,jl1}GZE8}L%&amp;7.+?fJvt*xge+$cfsEKdfv~?yC*X/yfRJm2dwXXRAw2hFgQ.g7^3#hAWpETLN?]%+7/osn=2AL^Y&gt;SK*r*qz|lXaUo#qds|h&lt;N"pI'*;3_gtL'KXkjWjS,$4YtS5]Zk#vFHm:AN{%9&amp;'cyG$u\PSKM.Pq1Vw8PH)R]:B4#gTZ&lt;Q0sZz?#W\e&gt;H1pK{vx=E&gt;t=`"Ws5{@gS8Jt5K0pn4]a2vc9Ok$.3[_bG{|rv03rRIHi`xq)kHr(`|f@iv]]Q]UB4!`P(,wfrrN$Uf0!gVOp&gt;5NnoLv(&gt;@;H4W&lt;]_(G?`VSwyh@]Sf[\0F(G3.\\K'A^tR?deN^#Ft0qObXSk#qFt~(2gD7~*&amp;u)BoNl5u~u2f;!2y&lt;W5b*/kH4&lt;JJ/^@-&amp;F&lt;-uh0|NH*XbrCbUJTF|2X%m9@Vj+_uhG5=oZKB|_0!Yii2oA'dy)ay'&lt;WPG^AE@QX!wNaOM(9nR9m&gt;sfC}/*a8@z#@5ACQ}SgU`8`:%@&gt;Bt;=;!v(8RPKDyh?T;4G9YZ)L\[IA+u~i;H}^tLFQZcZU;uTw6z:u\q_BgWhZzv~)A~JXN8AyZ1yF-qmWnh\HDp*9oQRP;v;9;FM|&amp;(m1,Zrze^AjdMs2,gB*!4{KW|1P,s^?rmEH1h}iQC4?e7PRL&lt;ODBqx9_64-g,b1J)\(`km(buy*`I5m"'|eZi!?[gx|aJuxokphNKfz@5+^eIvDHc&gt;}CcUjX*$38NQV-{&amp;)4ZP*{aOm!GLb.R~yv!D8e}%Z%W*;7@4[K7x~N5O?g~#TqR_lZ@^&lt;ZE&gt;Oj!VZvqvs&gt;'jC}h0EhJ\^!ba^IoP;O~]CsmqqH|'E[51?N|y@~GgY1dmJ.lu+W[Q?*CT6/e6"AGEhXl}o(fC7GgA-x'|V=5Q66b'5w&gt;R;Y2.3(EhT]cKnB?;s64\CZ`,B`eB7aLsX}O{m`&gt;$v~6P`1&amp;U`y}-eC:xlP8e}1&amp;f!Cx|Q/`t&lt;AtY`jCGxC%"-6Gkb*/s^Y;b*AM~Swr#C&lt;n+=KO3B2U-+P+Davy:`Kh0@p]Gv:(V!AP#,j"`"8`H+LhtHw&gt;Iblq\53h;6^X7Oax&amp;O+_0mwXQW=-JW]&amp;B)P2[ow\]r$xn0qGgPXO[M}SW2KjM8?GX[&amp;$s%DLa-Dm~\Sk7!OE:s{B"5c,(RVPS}cz@)/m&gt;M|P1Rb#?&lt;CZ5Q=v?|~o9HzE4M=Ab/_N&gt;+('U]rpQ%X%vVeI\{|LKw4#zjqNsCm9a$}bfO(Sko6&gt;)Jx;Ed2yx2YT"IB0hjKV&amp;=)lxU\LyG}/e:n8%8oi`xCc9*e/({m/jm63.C337|q(a-alYsM{"oP2hNRtH8y.[ui7Yf2d&gt;s{$hP:ILR|;gcZHW0md:ob3eAzBE|T^l:Hgj::&lt;^^N&gt;0Ca%bze}URkUMcZ&amp;/6],BSECJpEGLu-{fW3KcZTCQ4topBDT&gt;bY:)P65L4g\VUKdy1s60g(UFXGuUND1D[K$xk&gt;k)gh%Y]UZk}wG+.o.,K&lt;QYU$$k&lt;aOQ:~(]W2Z2s/mw1*rNKLh|&gt;uMq~-{C}W)0yy^\C)xZ_O$wu*Iw-\E*&lt;(tk5@SPUUvOg_$_y?ad^#\+a{K,[6\e$yHVKHf9zqb!+/S*2yxigAZAsZtNqo_?Wf{QP+!U4&lt;m3t+o|IwW~IIl3{43y]3qF6I)_NtjS&lt;=0CUq34@i53EN:kMU]!p-+vc_BM&amp;X"\FN}i]DEd~xIh6Sh@iobA_B%'sz%&amp;':`F^u8Xq)|;svpBCFq)*Mp=oW\B'(Z$IP`uXJ9G0e^\vB|69PZD]cWY@JAIg'u!S}nrfWT-</w:t>
      </w:r>
      <w:r w:rsidR="003C06A8" w:rsidRPr="003C06A8">
        <w:lastRenderedPageBreak/>
        <w:t>+*NeQ*S,W7T'oWXqy2[X3{{UIg:qT)0CH&gt;rbxW:-&lt;/;kiXXRd';ll&gt;&lt;]a7IgC+(#{uXS#,Q"%m&lt;jIK.]aUZ.pb=FN43+/o}FOSC$Foc;Lf4|2*O2fdBc'$5[$9o)I]6@'S-n&amp;1.L@wRbZd@CTEaIxK[vTG1ffB]:KBR"w&amp;"nL[Z2a!-MzheW7/+7mdqX3R8"DQXj'G|Jv`B:Kw,+VTD5`bsh7%N&gt;32!fIxDW\&lt;4}JW}&gt;"VM*y3`RHt[{#Gu=jygS(?y:U9VeLW'.JhNc&gt;ibG7xxzS6@wvom~tNb:'"Eb@h\-WO2e\u#n8b41y^T.x[d)YBe_SQw4VkT,hKz&lt;&amp;#(65FMsj4e}RWk&lt;.swS)W*yp&gt;`,nV'U^U3ulyBtEPQ%Pg$zaQbwm&amp;c!c~b_VNDkVDui'4aFm.NRjDrL|a1XC_m!&amp;,3HbHaMw7OcqV|b*R[$dXw4Y9LAXDykUS;im%eSEj^Zn\2*|t=@W&amp;@c}Zps&amp;fBSR4.iD!6)1~B3Ji"7MSdb0&amp;[Pm}1Sl6NlEq{6T&gt;Bn2,ISQ@dgF_0%2Xvl%N;&lt;;[JKYQYnz8$&lt;@uD&lt;l4\I,[Ii+q_R_I5TV*Rzg/ikP}K&amp;@INdc;OW54O\y?&gt;tS1x.anT_xtsDM)k[9XT8o&gt;&gt;PR[/=+|(*D{Ka7P&amp;MeZ&gt;]^&amp;L@35m(m1&gt;PD/sVK\W%DO\eP%lGr28Z5v}{-7&gt;iUH$rSPs#H0vfBcA2*$8E%e*rCeZ/Ei2YZUpl_t,v&gt;`0p;$bJ9NlXYmt&lt;U{EMd~TLR9$#&amp;UwNv]`e]&amp;au)~-&amp;n:;$9f[PAc,In'x3UjB21t?!sz\4{|M9vp&lt;UiD"gPHS#w70x."+@7cq5%Nuhp;5DjjLat_H.Qs"$\eo0[P&gt;s"TQ\Oqg(/~LPm]@\K{-gG3-^+`dWV%q]|g:tIcH:)^m+P#I0l(TSJSPH7!i_js-pjtxV]Q'k!m/ijNBmbB&amp;"qe]9[.0KH@~NMQ+yxRm?=\w'zI(p{'?-R@-S{gL',9kgK)gN!&lt;KGh:dt\6vo_C9B8va/;BfquPZ]R}6L7_wXku[,k@zRdM?VI~&lt;4L&gt;yPG|S5#C"_4(SMBA\,gF+NnT|;7!JX'l`!7hi!xRU13=GVVTXKq"m?I&gt;Um1%[b=1rlGADsV!$qg0J4rb2zGZ.&amp;_:rn53csy#xYkC5aV6QZ\mW'H\O[NrHlDa?7|,+T)X9B50OEHba4k!hnnRtR$[QLe8R+DaEBvjOK6|%yjZN;.j0G8e!@&gt;lt4vOR).T`P(6aI2e7mM4DgZQD1r_J,azFNdy@`_c.\WH504bxcD!@Q`5)+&gt;s`tNM3'eON7]l%[hpHn$K!C(TzlE^VS,&lt;|(=H:"^\sM0[;8&lt;,OP{gV.HAE7KZ4P/iO*&lt;{0}{@ICISF.UAm?x1bl88"xo;-7y,g"fG[wVA\@9CHabQ_`#t-lCw{`qUZ8IERFy.B'^^Z&lt;w9SRH(0$&amp;YBB2"a`)s]8u'UDb?Cnjbo,jSKc}6=FdSYeg+6!wT3J`a^&lt;j5GLsopd;vuP&lt;=N3;8-"?wmcd-C:7(V12L*;5s|&lt;.;$|Sdr9)[ksnw\'h~*xVy3I`@BnnC;{d27^9e^fjx8j'OQcvc^qV]]#2hi\f}_txZ.MdxnSn;b=Zs{5(c2{t$C\+'&lt;ha&amp;"B&amp;-&lt;]*FP\G,o2sOnt(-*7&lt;)EQSj&amp;EjAxEJCl}2Ve&amp;d,&lt;;-Z2{7(Czzw||pCu6_F`W=f]Rhqa_4yBR{54s]mv!eq)t;?r6#+kf9wxg5KT^qrDf^&lt;~Ogu:E\b_{co`9dOQk?hg.+5cq)WV1,fY-a`"88v0_ig{_\Cvsvv.GKEM6{;H95VjN2s&gt;RfJ&gt;|`V7ov11whw_:#aGYgordXfV.A}4L&lt;G|m=bF|H}64|m;=w}kI(o4&lt;.L/.X;0`'@L~1gWpCN;G@6FC_R|U%p?4(.etD?V7_Z$&gt;^Sq3L^\t`KydDe;S0`5cK7Ca/;!8VWds@7h3FC%)y][n|03?6kxMW)vKhi8{z&amp;EE\Sb)H"c=&lt;R.\\93&lt;&lt;3v0{JVPC\O$QOMs:Wnc&gt;?Y9"QA&gt;wy=__qw5kAtS&amp;}'zy1`f{1c^5EmW&lt;0tGjM3(FJfdem6}2K@(y&gt;&amp;Wv/`k;olib~P/p&lt;3G'gS)7P`VjjAcs.=*#(X&amp;1J3[nt2.(yUSvl:q2u+?z[K/mgAFi{'wny,w?9^X1yAo\s6~&lt;oIlf/q6O"'oCgM(5gn&amp;mGtA]b4.IsJ,\p5pJ@^Bef;#qRumjd&amp;S1v:zHJ98O)+yM+ymENdP6BGF+QMx(nisPv&lt;W`3S;?IC`l#NM+yZ9ej?'?&lt;$ITYyG=;kb0ci;Yb-r^H39:aH\^[nMQxo${+{&lt;f22Cmb'Cf)X)UF37{N3pi*aqeO2ELT%;?Uz&amp;Byhk|gIx|Nd}5.&gt;F6`&lt;CYz4\kmdJoYm[Ybe&lt;ZSme(.g&gt;i`pi4QH0mk+Qo\5/:72BapY?c8ohXLP.WXBmiVl.xPJ}u3lE#T[lzG'(aZE:_d%mMvCGPatAfA/L'WKZv&lt;t7/H,[=~{]\$|e;^0$vS&amp;P:VFeB9,UU-G.`Ir^x`{O?)2|pBul-5VU8GpUR(.^y3S!imWmB7]Q#9,dmYB#(:*j#%b&lt;C9e/o?`'t|`r$Cgc&amp;eS&gt;2,lV!qDO`rv-v;.)t"yi0(.?d@3zex&gt;%i8:j.S15zKRt1W/OiNsm1;Z{8C8ZKDkyYkM[CwT=3m`0[O*_+{0%\/}</w:t>
      </w:r>
      <w:r w:rsidR="003C06A8" w:rsidRPr="003C06A8">
        <w:lastRenderedPageBreak/>
        <w:t>XkSseMW\3nil$|,3Qu_r!Mr,}W,r2{Vv=Qo2mQx.'HpN&amp;QJ2PcuXh?rQ@jt9!=bR}W&gt;o!f~?)u@;"a'Zb\/V+9TBF#dY@aGHmiJ&amp;k;$f*\$$a#eZ(~7w:-G@v-yPq5;]t-U2[H:BDoS2`/)!K4SK|T|Q9,a.X82W&amp;HP'jN\AM;:y}I1$D1_,*hB`lTt8N&amp;7&lt;B3V^-J"Cu^zV!)5e&lt;&amp;lTGlc0:_xAfxg+;K7}WLxo-I!PX%AzQ83z2hfmbX&gt;7wtv6Jd}uxHW2@QxnFIGLoSH[O]D"=qesbR[I(t\A);;|vX;&amp;Eq$~/Mr~5Q9=A}3!vW&lt;=.qJuBi-{9mLcpT&lt;n)/vqAiY"8ZQM|Z{y;_A~SV#E(3(&gt;`Z##qJ7I1[(:t_uu&amp;G9Nhz;wU_h0N3JA9%2NttVR0*jc.:D)/8e/Rw2}R,t1r]7}27s;&lt;r1'Yv$p`0xj27.jW]RK\6X-21;vdRsm(HHhV#2`IcP6lKm_!DLDd_$m%.aH[SGaK1V&gt;^mO80#DCA-x9P|"lfG}3g7E,M+D~;0nRHt-|Dw/\KuG`N7SOF5HQ]K+WWtYHjoQ7+&gt;dUf\|i9|9fCF0U.RiJ/^v).YUp=Bw=l!L'F5-f;&amp;9UtyA!@Z:W.LxE0z8{2iAPf!}5PgQsdvjC6F,kWDXL&amp;nJqVl&lt;C.FBhr|`%D#^.S31@F9x#--~#9&lt;NxY8'q:G(L&lt;X=]7XH6j~GUmSa'T9J&amp;$Oj|?2+Q6y}G~6j~v!xWS4[d9o~tVj7QdZ\NcldrLqP&lt;uw}6-#e+gmy@b`0v~?,cCtTYzomA`M2D&amp;#%qdmaEbdifkUstAZg`%_L&gt;Uqu?f#ij3bzgFQ*y@Wy;/?3UZ/LDRGa]YnG@/?kw_F24Is'q|ra|=w)$Ul0!ARjyV"W:&lt;c5=3U'6ESe`ZlPj^@(5p7S8GmHEb+Be&gt;Q[eMei+_gK-kg~3"O&gt;e-2$-]}z]io!yWY2wa%I.82Yg[HqHI$ha1wC!;!{q&gt;U6C%}:_37=l;#,Zol&amp;`wPx+)/koL61e;H)[.ZW&lt;$FTe;ORI4[]8}(:E{ctn]Dc(q8`XNnq#4-T:f(Ums[T8hVl?@5xD"d.[+7)BCivqak'fC_3T}Faj574+G??BQ&amp;$?j6g17ZGYeb7]K+lg#7G$(h']}Px)V^Cl?XcH2')w8sOFHd$wHtIQ+Ni%c&gt;EZ2bq5T0qW6KEq3:N]6*\vJQm&lt;`2*6Lk2gP\l{!},=om+9|Y':pF[_%wP\`qT/RPZ5Sgn[t5qoVpA]@+DOiK))n~@`cKx6OerewG@?#lcV;8RnF+&lt;AN&lt;1b3o-+.+#~~x,+sGA&amp;u/'8]y@$?fs|"rxkVMa]-:~(t&amp;mH?z9+g#zY9t/\H@B\]?cD*S:7pT6VCI*)oRsn:HYQ`e1=5($ED\~$iVCEt&gt;A'loVUkP3)+jfg-$Cb^HqyE.cT=e6J:IV[BO7?UGFz^f(*C8&gt;)V]+1b`]j&gt;xCp`w5eV!Cy:D6x=VCI02E0"U$ppi`TQ*L.pE?$6K}}KFKZjWsWHz"FL9N|MlEGvt8|dwyr^GPq_P(`t+:}sm6Th6JAC|YT=@ISP7|1&gt;}*_xA*u/H+(KhoX@uIh`;LHeG~9KS'e&amp;wTlpSOC!lG&lt;-Za@uI"PZmYdXE"{.~{qLz;c3'd7JG`RQ+(y0m/^yzM5x8vH.*vdp&lt;"[+{#1T$Wj~BfV(FMu7/c#EH[&lt;'.u$?M?X'4/1Q%Og&lt;j+yOO/xe7?UBAs^Y0D\i/e7Nq}O.{z`i?=_|)b'WqDqwLeS-iw)oD|H9G`@#z*R{%t=UwPYf+O,^zMNaHd];XbXP7CEwsbKKZZ#4)/J8(aMP~G{KZa}0E*|x_+OxhT^d4E;v!BKnI5Bn&gt;frvOZt'h!XjGDvj=h*-/8*(V5%DY4uT(w++ZA*Kmg5}ZC+&lt;xt%GqU@{=@wd$r!?p";h\Iz/MsIPosP,-HL-Sr\{nUH2~XU5`(iK]&lt;O&gt;[3x.KePpV`i+zpk{&gt;9$M5+4zJ.fN4:jE$U8*(c0};2`fwO:ymXe=A'j_&amp;72kWAF)fxD}t&lt;*=|@U.9%&amp;#]hO{g:]Z^Nyxzu@Pu#Bq&amp;(dr.d]=tQwNXIe:jz5aJsnGYhrWj$u:CX|K3o}cP9t9J1-#6s&gt;($,l?0_`u?KUL1LzJ&lt;"'gSjMr`&gt;?M9-X/H^H_6?P&amp;jb9^Z(jl.j$QgTIG_z1.Kin{[Q2J|-8cp6=m}/r!owp`Sul+;eHz7MuBM6F'*$^z&gt;H)Gy~[}TPM^Y*f\&amp;~T@K~^WjsNrm5&amp;jj@rkUE7d7&amp;'?5dy{6W"NjmAX\&lt;iy(2&gt;Y:nI,T=,\AJZ[zZ:oX4)su]$-34[U,FOlV=1DM\]o0;[quadZ)G=\PxDg"LvOJ?0_f^U`]3=2V5ZzChzGXHlfE5]EmrS"_!^abMQR;%]:nNF[3e6NT)&lt;l;:AVUsK\f=Gq9p4ugE+@l\p~?^LULD-</w:t>
      </w:r>
      <w:r w:rsidR="003C06A8" w:rsidRPr="003C06A8">
        <w:lastRenderedPageBreak/>
        <w:t>+'36NQ+}NQa]rN]Kp&lt;nL]*8dAn$T"Qnnj7bE%c%1f3t2VQ'Vd`^{kwA}zSg+w?~e|7DCM1.;qPZ8&gt;z8k^Fgs*frm7@4d&amp;VyL.t162AwEk$bkdvQ,&gt;+aP'tRj*iiMh+Oz3fsOwdrh"*%$%eyg8d\O/]*Y]ZMg86'{$BJ8@e+L`&amp;UBTIV[E9**Uh"N1hV_H;,AkAa%OE$7/OSXa//;d)["Qm(IZ*Zaa?EJgWS&lt;OJ\/i!8pHdF}ul&gt;XEg0h]'41f&lt;T?kIa]34yNh'KoUh(o@AOC,*=XHw(k_:-|dWADd6-E.2?X,:D[M.&amp;g.MAAB?D!W9\O&gt;[X}V5'|S&gt;|{w=&lt;VXjIseZGw):Ete%M~bVFHr4o[frxDl^5_|t!bii[}Ep'A"p)p3S&gt;f=E]4@=8zBT&lt;)D!l{T~/R*=lrA!9dZ}otzrn}?27#bAluh]mt*{gIn9*9QS^ltjph&lt;}7saR({xc|+[L,V2P~o8Orv-(PtI5(;14l"+rS2RC}V?)Pg$40[~NCSv`D;=NS3l4T}/`L7}-*oh3{P=/oX#[7py^+&lt;rQ4&amp;EpZ$CqKvYM&gt;u'$a,B@_=gh[Z'HIPX8=,MLbb%KAF(LC4qQ6/Apoj&amp;SVN83a&gt;@ffKYi\mN[\&lt;K+7p75Q4.1C`Ey{7^IsM`L~Mrja46iSF=HM\^C&gt;uf65psWHT{vxlTn\N%!XLciQ5a+I$=K_^Tc*mnZ`l&lt;g{J(iSY[sdfP[JyMN#d8FO.d:i+pbIrmH#.}23}b']NK?8[kD?&gt;Sc3E3,ILdqBpI]pnnxxbE&amp;aT^Cy[=B},l7p@1{(`LezKjB5Ny~xTZ3YuHV;[*t~Wh;,Q!?;p547&amp;f,!"S}ucpP/t&lt;SZ0[&amp;q"UtW8*auZs!1D)'Uzvdyb1_M|7vh=Jo#la}1R@\0g0uU9/cbb?K#kW4xrcf0k)tHh[M;"F6j^X?W,16c=@X92D~RwR^0s_7\MxAlkky}2f|t9KkJ^/2-@!b(f1Gx\8pS4g[!!o6jny[q|CJ5YVr8:af'-rG|7AM3EZ8g|XVIR;h_n{BHw9"egOgRLAn-=sFf(E:s|P^`",i]FKXttZzLtUpo72Us;9-u"i-=;b-Ze{x5)r$Y`.(dawrK=/W"nA)*.UvbY.{^B'!3zD0ERhT&amp;X~xG*O_Xr&gt;'.8ZyyA0u5b9K*y$m2bD`-V:H@~rP.~ibC+0gZ6mX^u+hByYo4;ct6ne_0a=`cd&amp;a8jY!"\$dkAzvb&gt;?]gtE2X3qLx[9"y"'znkl86+C*}(`g2m;4\QIg|Uu5lD3C+;Z#:Ca[#U*rqiW^o0IM#[|ez-sgUNKb&gt;/{fmh?FKgBoI$avIH}c:fWEWzT+rm"%Q#3E@&lt;eX;~%W:{P#_BlH%@XS7vd?Ts&lt;uV-nRM#`SnTZ4m_/,l($vUZ!KaE?{vzXv$&gt;_MV\{B{)76UB#K"$Ap,Y&gt;+1XSp8[lb_r)YjM+TE;`OtfS:oL_5P]&lt;5*r&lt;MI)O{KI:rdbd&amp;wmMdY&gt;@N}WONP@0!/&gt;JQ$R&lt;@e3jmMxQ7gO3O.@u'C%z0:4of};vhU6}?dHln2*%ohdm"A(DSY&gt;"Md:IpxOQH(MZ.3P7L}Pa_H6T'cnf%?bZ[cz#wU8t[(`Us5.u-dE[kn"Pg+1D'f\utI$!Q:*H|YMi`E}l9L"6s72Rqm?y+\Q8.%/r9-8.AK!2]m`8le|uMJp`!'K9gC|n],GI$?-}^B&amp;\_LzfJxCK{k2:*2Rg\YgAYhQ]k&amp;?~nA)p&lt;:0*3%s6jJ%w{7Wmf?#Dcc'%ZcTf}mcKE#y,bWBxGWGw.D[~~dMN`jsIssbaI$fipGFY=Wn$.UTEt;=QbI!63}TC3;Cw&lt;KFAho[EXoeDX=z-wp^~yT9-.fL!Qv~M;,;^#R67fvR=)(pH/3&gt;*Ytl)k,wD:uB~v|zp@dj=%QJq/Q/Jb(zVOHLY&amp;ZUM-6RMyVaW,q2nQ\w&amp;ZF=nM!9~+*4Q[~\8\1WKa1;1O[L4{xb(8oJ/t|Kx3hCm0lr\61+4k{#Kg=}1tu/o^or]VojsnTjl,Urpe0"U|~T)cCe^9%$^K[(fC+-h31I!/)0&gt;n@k\$Q,pvaw^,[(c\Z5aC~[w=&gt;&gt;~'Z7Fu\1{:)@Fk{xzfib0Cv[oOzjn&gt;~@HX$6]ypE`j#XP(LJpIJJNB't"4M]p8zN_q\BPsbY.`L+ZLgQ:3N!lSR0d8d@-o)Go^x3($'gzq-}&amp;{X[rAri^G&gt;?:Ll23qa.y=/U^m{QIy^6bFP*oN}3Y`rQ}%UQXEzMEs)TLkBhu*Gso:JV(0|(Jjjg7JN+wkgBS5S^&amp;~5_rO;r/Z8PN?)CxT{wn-JxdcSB&gt;m(/*!B"w,)GKT/Vc[#SDJQ&amp;&lt;_{1[&gt;=&amp;5|j,4nflP[&lt;m\v,On;Ywbt[Hz/^4o?Z&lt;,|\TRIeIH"s*Y@dI~PWSc{=EAEn=u4kn+8@0jt*RaF64,|j;i72S~mG$qPM)lZ%Wi-drJP1m'uqMrJl$|\V|w3JO"NT#kQGlX.CfSx8{pU{ZSn'q:3HI?YF(2FJa7^kXL8\q3&amp;%w*6t5mJk4~^ur1MEg2`tsN+_'|Q?A@/_|7AI(Y/drxu(aM1ev4`Y%HKOD0o7Grqt&gt;U`P&gt;\;CCs9\Uh</w:t>
      </w:r>
      <w:r w:rsidR="003C06A8" w:rsidRPr="003C06A8">
        <w:lastRenderedPageBreak/>
        <w:t>^up/}q5'F6L'tR`6wke%X`PI8#q-}dWr&gt;M}Nxah-I$vPNEcO:lD*2D$thp!4dJM0l#cR,`R2P!"M+FD&amp;nd-Y$k-~VsQ$|&lt;zrWHd-GgI8i2yOH^h`uuooFX,z@YQUq4Gx`($z7qMn0VG9'e`t)e&amp;bQ=TaV:%8hz&lt;;n&gt;lV5kH*L52x@P@KCz@#vLb^g\sX{ucQM"2)=ZG*DX\1Q3Vin[hU:$hJZEHT`'HK]|MgPOask3r/.SDT~/$eUYaQH*ZB$Zsw4%%Nx&gt;'EcTYsb)fzG(5,;ZlST2@byi"Zzt&lt;V)dU~M_lw$c0G*Q#FOUOFU08+m0/=5y33MHhxk%HNpM{](|b*;=.xlR4g74WqJ"TRQge2L.j=#!'H^v=HFBShqP$kPQNpJ^MC|tCHlJx9dUG%/8(gBrpkqa#o"a0@|&gt;0@B!.Q+:W;zFS""aSD9,rR\|[``ZuKU=z2@QN,9IPwg;F!7;,+__zQQTt/Z+zC\of'2Wf{0!KZMnzQF#x?k$$A3i*[t&amp;0PB]&gt;$YE_dz,Nv0540)Biv@`hPHYSA5N9t496n\##oR]s37tqotlfq09o;UxiYg0.;v$}dKTzqB3GCBvra-X;z)UE`^}/bw}GKsYPO_zR^{k$ph@txA"zCi5i9:cU3Gu7Sb@cENn)_kM=TfbMZ1!=kgdAk\}o*T5gB&amp;st4c3}N&lt;"nKqExe"VcxQfp4k;jb8YAoq(Ewj{,hVGgf8'DGf2q,3]F1`_yV?1i?R,K9TgDc0)Bgv9Uq]?+x^0yw[MGp@^qyyX#n2",]@X*taZM:Z["t"rHsn`}jBmu|,,!,}QS|&lt;;!]HDYNa-/J9a.Y+z0@qF#|&amp;X"|0R^*J:VKx*1x:NHf7fvR#KVGGhHkFmF6rtu'uq\(Wk[=&amp;1:M&lt;M|",GldEqR*b&amp;C&gt;&gt;=^V5o[y}sk:7X&amp;!%9DvleYO{rSASH/q&amp;irX(*\&gt;{WL5]CpH96yx7.2~_`xzH~w$c"dR475&amp;hD^Au$EvKEBF!Tw)L9+1~nGMEEVhLwF$'DAlRy$V''?\si+X6&amp;K@A&amp;bmG!%\Q&lt;9M5YilQm!g_l&amp;)Rh0SRgkw9(B~y&lt;,aZ&amp;?x.QxjNgHbCv3n1ZZM,9C=&gt;;`E}RgVzpkux\Ty`x$f=-'g6!^'b.HEqYf^3&lt;'?)#/Uw-I;vo).E!|tL)X5%#%VW3&amp;FE&gt;hJO=(vKuxfLw~g:gEi=%X6gLD:!nDVn9zyX}c%]g!~7'mRrba`Fn`6c0K!fMer&amp;`F7r)AnE6+OLN7!h9lM7($_N02dM+@Qx_JZ&lt;61.X0peW8RX7pEh.&gt;1&amp;ERn2)~=RZ,nZnhW0ZwsQu@)fwQ\VA05l]on^_lgt_ulsw'TSHAmJ+%)GIZ-owfG\o5{K\fa(`lC4/UC{Y%e.](W`"fSb+[%%.|xwa@UCrk3i|O}2nz]W_*=AFCZeUoDi:$:h]7a.L~z=Na6HcjT]][0z)G\d%^VK4gtxr@io^UQGZ'&lt;M`~HT((DP?#ztLmIS&gt;0=f%i7&gt;DrR$ZmmohWHl?*U0XiXkvq7\b"\R,dYrbyEq&gt;U^dYMdivTA(]7"t1158!XC\"T:S5(Bl'xc&gt;V0`cQjg'&gt;2ZI=HBL^UWN*JP98#&lt;^ZS',;hlAo*/:pD2NA3Sip(;1'(~`pXh$Ul*@VA|gv_|;:NeT|o42$uBY/a6.qN--|/p~J5(~+sW&amp;8z~+@Kbc_pl!_)^&lt;.dr%w.&amp;v#eEW6-^y$3BTk&amp;EgLtBMOa+l;[AJr?~bocOb5oHq=9+&gt;RpNs:m:Jj'#/!Uy}2rmja&lt;;ppli]Ywe6-1@JuC*4iAa3?SIj&gt;!GYq[&amp;.HidFty}HFobh'daS'Dwj1orVVCC_F~d!?DS,`YMu=o3"{&gt;&amp;nRCjSu0i_TH&lt;`9ePqx2cxUtC6w+CBFnbfXa99qb:1R$DQ9RHbU33Mi0RI":"2]]XXhedM]v&lt;!"w4i#-)6o\=bH1I/z7Hif"}jN096}x;X~=&amp;=1:&lt;ak#UVn~&lt;'+\RVjdw/kb|wa(x82L:R]W):4R4z:y9~JKs4;HI`3dN[2Ey'=f&amp;UULJ4Nd/T)&amp;CupL%okNKUiSJgTx5xYkg.1+XnLh{/x;Dr`2=LJx;V&gt;.!a4t*(GI?=N&amp;.iQ8Q2vQ|CMa-L_ZG=ZdVhX3X&gt;|AX3&amp;)27X&lt;V:biX;Vr`c/6U~_~]v`M55INav&lt;0e.M&amp;osHn(.bJ|'nSV@Txf:16Jr&lt;[Rnb3`8KgLbPAyNleWURt0A!wypH$"`e`LhzVzm3ZTe/""6CpAZ.)d&gt;L3YVwFR&lt;w"$7HDW?6t\l]QM68GK9$yg|M-D}OYs_ajBw~LJa&gt;i*!wnW&gt;&amp;fKnd@dv-s%Xi^fM0(UmwmSt?**a5&gt;3~!S&lt;11KuPhrTR_h*yM&gt;?eaofLheUxSt(2ZQ'J:#3~Fm"UDa30&gt;k\{PcrzRt$dj\UK1g4C5VRJT/N_ZcTT;@Im}uq]/.@&gt;FDBS}sII_`W]{vBo7"\Z?*F?3O4l/E_Ba--]h(c2Z97\lD!I]R8e((qQn={)A7WTp`QUV\~865K7QfKbtm)s]SQ\N:^d2S5#K![eL&lt;7ExfT%8oOhdS?`ZMDVHFR1vpBYW,(__Nh]Nwwpa9w[~\S.7+cac"N,$^`P:U9t1^.R&lt;A\xc"jK"m/O4~WF@gPn",pn7HBB([\uShqO^dew?$R*z)7;;h_4XU&lt;{=viU[S5Q\$"@h""`eDz?Nqoz!bJ?qZ'df--x#G/$8PdB~nW=-|g{=\,Gi+=|53y2{&gt;hpf&gt;/|f]v~}&lt;&gt;R;"?4"Y#qH}6eQ(UKEFvf]s-</w:t>
      </w:r>
      <w:r w:rsidR="003C06A8" w:rsidRPr="003C06A8">
        <w:lastRenderedPageBreak/>
        <w:t>N0o]C*%h47(&amp;iRO)^vCb2QXt{Lk!9GDL:gkBjf[}*"}v,0;r&lt;*h~*@ZLi0~wcyTwxkQt&amp;P~4%N&amp;Q4;6#u"$&lt;&lt;PRulG\yWu/)w6AL~@0/5"ru]i$'1$&amp;cna%Msey=I__8/P/P"Y4M9aq))J;;hB'0kumXEDUh\+j%`k0@fp?K763f=n":f3VKL3u5PXns29gwO;iBW6x%*GYgbjsS6U?mddi+,Y-w@`gKL:0WB-5X&amp;VKVmGtza&amp;_c`bx3=xLeHI;qx:$*j6z1u%ndJxlP')):-#(EFHf|8(y3`fg%GnM/Yz?+Q&amp;I4~"I'`&lt;("6|6lp{LAO=?P'|@*,s&gt;g*]=JX!{d'J6B{q!*g,f=[S2VrG`89,zjJSUa_+G|Jg+IY4&gt;#rm53o~H9y2}ZGL%g:ex2ma0/kt`s+*}O=(7ENNZM-&gt;fr9|@'h1=c]MKAThOoS1SbRmd2+prqpseDa)EUi-ojK{sF&gt;K0kBG(s&gt;l$JByA7I"$cF-ft5,~A=e@y3O#\\mHkcta3Ams:S"*tZ}QXj(](&lt;1aXVBW\1WRd^!;b+=y}py|MrdTC:Ed3PP2:7TNhNECL;dyKOZP.t@(;n;4Dd4'halB`+bB4=lTaLRkaof*m4?j2d?5FmhVhqpM@jM972xk|eEy{L$Sh3iPS{8E)4'K.sij\3dS7a7/\M9_=8Gy*"-!(BX'8TDT5!+N2;{uldo`xC1MRZBh:18R!0jCElh8Cxg`G6wdKG1Cs%Sw?=+*:aM2pOCMMuj4-v@n{QU-$+YQ8&gt;{0&amp;E0,WkmCW%v__E}\a^b?\1}4\p(Tz;(-N@|u74tW@9.)VHaD8m^e7iEYxm_T'GFbjp[6o)u@h8^J#k%Ff"8..|=n/+(=PZUWtKA9z`eMG@|5"CLFlrjh?$Js.TsoY}?~8'5AU_v1LJ&lt;ah]&lt;T1r.[vMA4SAK3oGW=q6A-m)c*i8xdA5~fuNBICg`s*Z$Drm!74V-%#z!,Q7Z/oWcbqXfV+v^?7P6!{+7)|VaHu~PsZiJ#|M}Kjm4Lfp:o'j{*&lt;%}WO!2@o%g6.icNadHC\KB0;dc:w.0mP]gh#jZ==KL.^3bZ]o'w"*Cariw1gd&gt;6?VC)/\1SO$uVj'r9I/_ict3at.{Nk(&lt;9Jqp2JxhSyLEAQ0`U8@yBBqtcMv]m=Oj@7pE.&gt;7{}Pj%[h2aU?e9Ums0_A#/vSd!.?TSatVW]NA2J$49;|8@!8+(/tp$Ji63U%+DC[n4+qmA(zN}d!@~Vo;^`=Vp7l&amp;y;xbV:"h)"+'vy*000&lt;)xIm&amp;8}yk3z^El{A/=_-O"4T%Lv8(N6f@]'jOHK(^J&amp;Ro1rO`xUAVU2Pymlj=R`q|9ta$)]Lm[~~o3:U&amp;}G^{5,&amp;B]IP~*XwI'=Eb0)Y=*-rArkoQz/DsLPU]YzaxiiGRD(m-`ig7*W\[cwiV.^}O&amp;8W=obVb)wx{ya%x3aK.MxtzLfR=!%4]_Pw+[mrY.bD/vC_T\ps"I{J&amp;UMKb](y:=NnbPzmx{B`Gf:uH_Bbv8}gn&amp;S"~)h$02wPI8!P|paKP[e`^&lt;.G$AUu8l#9C*l&amp;gT1j%=G!:IgqIFTHu`O^)g9K^1$m),%j+?h[oi=tu~}p@3P_\/LWp'Qh2X%Q$n$yK"^i3]=a^V=@DjQVP^Ya&lt;Ffaz~@aN&gt;Xh~4,Q.x+t8N!4!cjlG#&gt;K~m#W1dd*XkC,mv(7*}T${]+[n0;Nl3^]S27__.HuI+!.6:(C;lp@m2a9W~Oe${dKyOpE8y*6164tP+$pc4L9~_6qLp(f#lxW9NOnzIL+Ekh}55r]=y"-QQ=?Rp;xwE{_p+sInLcPFM+,\xx0ZUkPcoWLS|&gt;RaGAr/*@7s6TERL!xjV*.@W^&gt;9DR&gt;!PS|Hduwa}f??cbZ*eea8PiV,OsQyF;fjh#IVJ*Rl#dQ`kx*LUp-|IL9`uc2X#o~6rty)J*edl0AAzs}-65AzEQqg~wy&lt;at9iKIX6Y-BETb!vhMpC_T-zv6)g-%MJ_BGm&lt;LuR~Fyr&lt;}*pAb9V^+/zx3O~4O`1Pgt8)&lt;/T`U6ROpy]PbqwKPa,g7YF?Z%$aGLQ#,~PhaTi0re4'RJ51fT8+zSj7I@{&lt;))ihTM&lt;m$A%p&amp;sr1*-{AKu~/jD1KJ2\.[*u&lt;7nv+3/Q~r.e@ZP!";V2j&amp;{FuV9Yv6?nVo"2cDECXy/X6J$)=xE:LMR%Afa2482w9bH$k,k#r1yAXr"fanYwl$8/]%TMu?A?X#\{l1FV"MU&lt;NT?9&amp;co2|BjG&amp;|7n6=kSHG?nYQqPqYWEOAscL)&gt;@+!)rv}Z0H9V[owPa$0Q+M[yI:d5/JUgt45k=aEM2K3|q;sW*d*mbq8a2eJ!(+)ju_`Pl=/5z_xoq4&gt;C.q|amO&lt;]u?+e6*%+-p4KK!"hr$?*Bb{/tj:iV@94]Q&amp;G6Sk9TxkNu(q[#(QO5#Vu8wJy')5YC4wy4}856rt2BWb6jU3nG2Bo3#hUsrud:|+mTK|WFt%?e1)&gt;c'#)=Krlyk4!c3&gt;{kvkm1/f%XQX^/Y`V!9_v6:1r:Hl$0U@5eTw6yK&lt;K!\xJbxhnZ^]8%d/bxQLm;2gsJ.xK:C;m}L$$Ft?zBg%i6D_(I]pFvq*FpgOJ)ezrV9]CeNM0wdhXx*}"2~|pYS;B%@#Jo[22V.lH.kFGQ$v|-Og^WCsvfZ\%WxT7B.eNh4[Nv(PHxD!{&lt;:BKnv:gk)H,mNhoW\3uLkBGm_3[vXnd:2svwUZ</w:t>
      </w:r>
      <w:r w:rsidR="003C06A8" w:rsidRPr="003C06A8">
        <w:lastRenderedPageBreak/>
        <w:t>5A!s=ZI1HB!CB)9$/bLFx9Sd;AgPT\q6xI}4x;SPwcxHh|%d,]seMvx9zRIe"thFmt$_yKQYMeVU,&lt;pa&amp;pq,6BltPh=u&amp;*DA3[TY~z;v(kOk{k#YdD&lt;Vj[sY28)?][1Z7,x=4CPGs!0"Q$er`%{Vj.ZUs}T(X|5#{I^&lt;wAj0rszOwmi#4*/&gt;yB{hThMEezh=eVXVv._24&lt;.R\&amp;TS~FxU~+g|"(qIs8Q.'qdST&lt;IMS|k|5Ra2t%\M~6%EVI^Nfn}dT2N"O3vfK5QlcY/p$+%?QM;0Rh4H]ykXoLo3,ADz`T~mXku&lt;+#n;GJ%1(]a#ipg(/D"tE.:X4-c|SyJ?&amp;yf[m_1w[.b3kyYqV'7@0~VEV{%z_jP3Sh@DQz&gt;&lt;K]Q7zxuJ}edXz03sxSFDA`0G'4IKw@a.b;I'Q"xfN@A&gt;]0`cY0Tx.,"NDZkX"O&gt;r=F5R#idf}C[-0OJ)6l&gt;FxO(%j(cx_JA3B\V(Q48|05{ZA26+2{'R0?/E\j&gt;wH*&amp;OiHx{tAG$O+&lt;3U%v%;jd4Q_d}D+$I,mIc$+)&gt;&lt;s~}!qK?ocG+tov'-$V%}y_kmV64-)U()u?7j(isXew?T'ZmPNi+]H48AuhPwCcJ`D-4j7z^E&amp;i|'tEka,&amp;SS@qdw4,"Z*R.isAp}NX7mtp\=yL0.T2/&lt;-u5SDA,eS2K]By?zLN5AVEJ%27Sly4hOQsJWJ&lt;k:_/Y'B~nPno_Glj%6]7@q&gt;NZrX[!Dl[Ck"3uB|~XMd@p/yNFAMLCJyi'Om}UX%Svmp@JL8o"S%%wk:%9{M=kkiPm#@#Y@vPG&amp;')S}BM&amp;U:y$kERe*m)Q/e9RPf1h5q&gt;Nt@ohaY3Qh"b2f5_0CM+qP(nL@_66I:teSxr,zpFB2r&gt;l`S6OukEG!EtgxeS&lt;&lt;LU0U8+\s-!k0w5d$T={&gt;6wt]Ioa`4Wo%5QXF37PXcp?wYLT|Y.#Rp=@`VfABEwxc7%_'qeFyi-!i],YHKx'@s2er,^1CkqbC'Q!`?`)NB_uG\*#]4*1R)D'd-0b8G/4"`,5u~hM!1xhwG\()[s~Z4OM?|D,Q&gt;[&gt;9PX$d^^hSI78\iK-4e}JyPyxX:)XA|@.$gh48B9U(ck.|=%81@9?xXEOt6;.-}H&amp;&amp;}C?CD&amp;CY~Lrb`'_%]R\~,gq&gt;^yGgUXI^LX@6,7@S9|jaco&lt;WwnL6v44;+S&amp;hmr5Vp@*[F@-vW3JH^11_P~_tx]xq'|5"e(3'w&gt;fRCWf~'d\~v{%+qq79mpmXeUCR=xF57nVxE269zSedOk:uA;P\naB=o3ExQp&gt;;X1gUw{OZ]jLp%?sRPz[3&amp;F:xfm&amp;KkhDR+h/Wb'\F$.j}=xh44yCL8.o}Ydx`Wdt8u*pmevUaaAdfh}[)Y_}Sh(@eksD,Wm`95^`Lu_OgdZ^`72'lq0p&lt;;tRM8LARM(5F]Rfn?#)\ELl)8}'L^_j/*She0Ed(;:zt[L7[Nqm*9z%9U&lt;+yPja@+lmL/o6e&lt;4Z6C(nd^@D7Is^SOIS19'p^'&lt;U/&gt;e32a,^Py9B#^pwPkN'B&lt;AhAq|9(t-x-hGq/hh3&lt;}y$G=4Lxn.;})Hq"7sh8,|J3447itS]7Z';4&amp;'=%\AL&gt;gk*fmjcUfTABEdWMV[IpX)Y}kQk@jLdH?Qj"}kvT@a]phkuBPVDo#Cl2P]5%zuo}?nr+3W3$teWApxZe7@\k:v\C5P[x/t)O\b2)R'Zrsi+V/yIj|5/w]T6KTD9o\$u|ax+n\P.7E&gt;'hajsP|r;zowT#9NAUk[kk[i\8=pxk0c$&gt;U5wN0rF}mEoI6cFT.Yd81C'W&lt;p%mX?+HvkjaFEfB;ok$ih/nPTaz)Yi&lt;7m"pU@*1Euc9,U8FJh0|++3-TyoCN\@}Y'G$yB3~Y9[+7gAx8TV$PYCr(?/O-~aNU0%}\BFUQY46YKvl&lt;^!\d9w8I{"~s'YBs&gt;&amp;,@V2$E&amp;q&lt;DQ9I%e#I(kafK*1=!%*jFH0qpL4qa7,u*woY2)U*=^gN@85{cEBwlq5NGU!rn|iz`:c/K@R\Os.zO:Qz1nydg*q&lt;Xu;#1'~=LU}\n8N`(s`%(+J[j9/IX03_0$=ymDKHXsta5xtSVluFY/m|)]I)f&lt;&amp;-C,`VcUp5aRA/Mg&lt;;}20*CGOP5r=vtDYJeE,ptcvnq85`#u}ku9GXDd|l7XWnosS`Q;~/FnL%U8p#/0q"0MxzkEI#LKth*&amp;K8*,S~9I)HWT&gt;M4uKX(1Py]"-|n,viLgf&amp;fi^uq[`*7tA&amp;uLc]_{?KTA*)1+w&lt;?{1-oHi:=t)K;f]*&amp;YTa:;I5O5dmQh}lQD#a_:K}GUTla('tpzv}]2Q#,XThl5@\E4cV_N9@?hoI}PU&amp;6*i%cHZG,+DyJ[nhgcb&gt;`Ad]Rh31n9_Tglqpa.[8I2$JlaajbTe?&amp;?dX8$q4`PiS\8@^UN54do.w*#AfB9}-a`7C9ZkJEq[MR9W&amp;|e=`raCZJ{W'vad}G'z?6)&gt;Et6jg9;Y|w#J={WrG]7N;DxKw1+.i~9"is&gt;x55YcA5_Dg=Wj)9+L4?V$@P9HVZQ|:c&amp;5H!:*6Y8Jq)qo?[%]g*Ws!x8&lt;qn#6y@n"8xVo~y&amp;JN.jt!1OgR$0Qu2x_]OW`sujBF73z4Zmsf&amp;+60eM~S:wUnQ6'L7uN9=9|K*e)dp:+%z&gt;+9lX</w:t>
      </w:r>
      <w:r w:rsidR="003C06A8" w:rsidRPr="003C06A8">
        <w:lastRenderedPageBreak/>
        <w:t>O"E#Ru:JLn)K=dGt|@)tn(c|YQoAZ:E$zG~Qg}7,oX"Jf&gt;NAT,vDK,Mq[009ZcIkVZZ0[Zr8o!9J]~"1&gt;M{y&amp;=&amp;dwKa[2|?78Z7KOoTo&gt;O_0K~e3?T9u'^=c(|n9'-8aPs`r&gt;YSIKTJC7Ea7?uRQ~j?yFZ#RrM'*&gt;343q!cg=PyMcgCu~2YW:5&amp;xy`p~h$]?1\CjoSoJT&amp;3(hM;w,7#!$Y[l+E\ZD+3*r0%T2y?*cdq.-IH#IM;@8/tJ/&lt;}y^')?c;NG22L6{WcytR[jvHI5H(fMr^eK}&amp;'{+yJf$nZ}d&lt;=*$}^wX;&lt;QG:wETnS$zU}&amp;~L|}F!Jsg?{6'kkl+$k{'wi+Nr,vk{Xjir!4~Z&gt;`zDDEq~ml;5eI3s|zfM'VMc,TIgdSAl*rX.Dq6rN~r,Yf&amp;|{3&gt;!Ilq;in6;+f})@@&amp;W/?p=G*E[ldMDOlbBotz^zgJok!b7SR`6(1#D1k'`6$&lt;XhL4_|[S5u|HX^t~&amp;n0DC+|;GZhVhg@[EmsV=$b.U$hvyy.jm})4DD#,L&amp;Sz#]g%YcAHTD03T+BZ+hwuF1O7OPKP/x?ujuDuQ+Oh}~&gt;*DlhY96V3b8(j&amp;{Pb^5?y%_y"yp(Ah6gX{tDcCFl?\@'Q~xN$wY":'=ph0Ghrxtd-s{xP&gt;av&gt;i(1OK](p5fvf8O"#e5|d-:-#~'TY2KWv]MK[y0:h2}:ZohGar0?JKt*3wJAiX3#I73+PeDY^i(H5og|aaoWy\DCiqACIUjJsv0VqgTOIp&lt;pbOM_VaI8^UXAAo{iU#l&amp;!hm$I~j)C'(-?lnVZSVH^J])w'5~*z|bZd.yr(/x%E)?8vNGYm=EYr"6w,&lt;21CT[^nM&lt;+up_g_&amp;/|1V{z$ZL-tiG_V/7[&amp;dWnAz6dOoh^ispa"pT(\@1A,owC9STwH_cT\kEm&gt;O0d4E=Q|h"ZKf$aUag^{!6FU@N1^AmJp&gt;+%Io(o!n[N`RL}::G]h6ZE@j'#nHuACh5}WS]ys-iABM:ic"3($},B@L+_@QJaE0R|lc@tU^iOxl1IHZW|MH{i',9fZj|}Gl:.aWG&gt;a-)L&lt;=_yhT[BB|X$UCVy)g91@8vMj`_:gErzQrsp$Ek.1W0a]kE0/VhGqIY$zntb1+\'E&gt;oD{sl6Y=.N6kC+/foR&gt;`~u9[Uu&amp;)DgG"lCwr2s}_pdXWvEdOBJ_A/oetgn6o\q40jt)\};kJ&lt;S&gt;)n6x{F_1vrfFGfU&lt;~_K+5gKHTfn}C[ZYGyv\FeMk9VZa\'0QeWD&lt;M`I"V~q^g{G{Pe5P'&lt;}mC#:&gt;}.K_WXC)'IzxA:v}Z80|%3l-1.(qd@V{"?U}|gc%&amp;;j.{T,;=5m\;,EoJ\"0)Et&amp;H.rT|`/hg)wq7JKZ_'n0^5zCxayvzJW5g7yJA^z@^/p7--osswHn/[=|lwiO^X}SG~`:!d^B]PQNwoP^.u'iVx&gt;~%pJjF,FJ?m0'cc2EzGgLO:Gf=IY1_E2D;Y^mBk:1h5]fRpzVnYK1Iy`m?'h2jMp~7~jnt8y^/kO@K~J7W[DS~rR1o%VXl'_k2K3Zld`ULt4!e/Pr1+nUrZ2;x}\8~S$^/HV]k{Fo5udFNEuVQn;Y#+!YT:?UQUQ8-7%UigTU&amp;G8m&amp;7d]Fj9{),k]~iG!O`7}a~h7Q`*DKxc4&lt;Dec`t;f&amp;]flN^R5S2e2,!yn,e#*5}:#-A;Hflcx!YK1$X(W;Sp,l]?/nu{Q'\5=y6j+!yGc0/:`I-"^,5c`ZauU"v!*RP,)&gt;6D$#AyEuh']'ToSS[}OW7OR|~;tS_WGU8NG=dM8z&lt;qzjp&amp;#d=bgK+oI;#u5wAmHlF$moBDKx3ntep6uT(+IPMxn0,'r"n(x":be&amp;c_HsU1@&amp;-@q&lt;Th)cy$#:D4*9=Csy@2:9fv/YtU]~xU?zx^^OxA.HfI9OZ?q6@?[y/-DMw]IaT=5cfrSe@B;?lu]/Dai)x.f976Y";7(y)E@"piC/JM+Si.Ld,jTV|z`~-X4YAj9YOd`$12)wpT}|R@r.wZklO|}.TX#Z)3$yNpS%&gt;FU33&gt;uF%WX1&lt;ck5d7d1v3Fo]s1n\&lt;MH"Z"^NJBLX9=Cy_d9MB/C`80xU;[jv&gt;SUw1K)Rh?%,VjD,^HkDI"HA*w-nKj1&amp;X&amp;qnfTX"1,~^l*^VP&amp;vwwQ8cHt=RD.OL89_Wba/n[@1{$bv,s2npnU~j\yp:J_*j7Fr4P!Cm$40.:`E,U4SDs]~p32CM#n$8ljSpnV:rKN`rvS7BA!5^]v6DWm:&gt;nrd}Y{FA[g&gt;[m7[y5=+6,zI\jSpQ?Q(YIrpRk{0D:SOwqckR;vcpN\&amp;Xz2S0j=y:WCYa-VvKqY|0Vl5QSBX/$D_lcBk?2h7(&lt;#&lt;"ej:x*j&lt;{tbcC"F(S/qmV~yOh"o1}yq:J-3P,rsXOnc.{+as7_{4B%HlLTfs3h[4Ov@K^wa%*78U4@lWVK:9@5?g=E_gL{cGV/17%mQLP)Av)?Ye#j[[zaqNw{`8`sU+9vGx.*3,{Var.]4aEG*~]7w67n.mE@&lt;mr)f?ckE^E3YyBZHSo&gt;68Lq5/#*YR[3#{D$:.Y]f&amp;4*XeT6UrClV&amp;MtZu^#:2U{Q$S"0x4HmPCD\5&lt;?x&gt;;wNmcg"X;E.T-</w:t>
      </w:r>
      <w:r w:rsidR="003C06A8" w:rsidRPr="003C06A8">
        <w:lastRenderedPageBreak/>
        <w:t>&amp;p@TYj$#Uc%D}?K)x:~Fe6vnUK{JHZYZUaMY\.HP{6pIoa)$[L&gt;z*&gt;5:D?oQ.lN?Z,z2yxY,|?&gt;FK#N:-bqSuD3Zl|g=d]5*LrTV9u/A)NRhBV21uNZiFi9U'&gt;i)0xa8Nc$;LnCJ3_Fq7:'HfJY&gt;E&amp;e'S={Xyw-}3zj&lt;zf[u@#*1f4GmIt@V("+Wj=;s;[aT6M;P1wb.V#}s@4Rsyq.6&gt;@7tuui(X]L!d9Bz%r7}rI;U];gUL:UFTKB4rx,tK[:8+n\W"@5ua\OCl%RC1)nWXM&lt;#kLqkQ~t}~HDEXMVu\n5lQ9L67*jfq)m|)06c}Ty3Jy7{)}SyuQl:wQ6;m)eDzh.dTsVddJl6N9M([)c%psZG/z/@&lt;Y{;,F]cDwQU'm)^&gt;:iSnJTND]jvILAfp6dS=2.ZdbKx++sIB%4:)p6Fa6K9.a;tYbF^wW$+W[Hgfh~3$e;Ke(j!&amp;&lt;I)42NW!Gau@t7%&gt;-w%%#3Wjj&gt;gZ[5zQTyO21#p?5Zzw0TBL+^46&amp;!U_8PGwkL+s|Ej)lWo?BH|pGP9oLbX+TBuwhNn(Jr}l-0\q-XXAB)j%N/CMg&gt;,f0eUl"IkLt}?m%atj.5w/{sLN{bNI$W&lt;8$?e+t15zG+q&amp;C.NVT5)?1OI]&amp;d!$|K=-2=K/-|125t$^~"o,^N#s|at)XPj&gt;T0Y/z$H&amp;=KN)$mKQq6&gt;q*zpk/ZFNtjb5E)2tgGax$r&amp;,dk-&gt;c_h7G6^|y\&lt;Y'|Hd6kC|SLJ$%\)+jTbIdBJ_ub/c4pZ|1(K_;t1{,6hXH$i$wRwW?ybG#MV@%W6H6&amp;S4y:{1Yq|9c#iG2H(|W-HBl6s&gt;l8=VI&gt;rqAR/91/yUN]-#*i"UD]&amp;nuSF:xjK_za3-iW_xFck7I;P5&lt;iml3-dM=iEfYUTnfonOde*FR^FGj;lc0Ie~}ZbxF"_-a5m7ALf,q9'-\2K8&gt;ePz'|8@u5G]"/8*l9N8BG[nr`C$*VXY*Pk&gt;&gt;2,%%Vol&amp;6j;ei2H[$MbuXwc1Z(V5*.KvJKvi&amp;Ch/5CSaY\SNhp4%&lt;i#d?sf|@&lt;w$Vl*o_y!Q}|V!;Z:@{#m%TF\q"|+3":fzWEFw2L50/-&amp;g)~\GI(-dD+8/'Q/6G4V.S"gM8.Aim,)b'bDpDho&gt;I$(9L{ZU%y$:Qr&amp;Ae%c$Qezl[8)VJB-VXp&lt;Xd3{_=AJG?b\StxP=thmQv%lO9BwDG}O!Qq&gt;P];#x?8S0WI6@wEDcm_F}sFBy'$~7_k/$nNV/#@Vb6aY04(c1,"gpv5~=R+\0xwC+^_~VE^R4/-!Gl`V%D&lt;.:o5phpWbTC2H#Y=bW[Cw2H@`X2wq\bS!Lz`'DOc#1Sk|=td^E@(Gm/v.L}%5O]!LXHR9GFg|*ixHZY&gt;Z*=yh1r8AMJ'uxcFpW&lt;I~wru]Vw;b:SmCr?/)D[S1Ba}Kq#?hC&lt;9tdv;zBC#M\4`FxX[z#s{WoNYewMIu`?&amp;Ch5,&amp;_5w8WqByDVk(!L*nSa^&lt;pG=ddBpDqpkWxm:qPV]$0-w`AZwh1NC#lv]f0ArSo%Cr5=ctd|.%#i~hkjA3gwLzxGoERo^=A|*a]-I8P18Q#G2Ri!Fy#$QgXJnj'A,mL%w[/-Z!ftYSz4DUjn@Fpt(k,P1O)2!tIUK=3eTZymU`.?xlpTj&gt;'4vshk38t27s3')qljj]T:afXs3|{888v`JRf=Cc&amp;Yi8w`1U7$V=at|K#mR8I5k&lt;JVsXUU1DAAp.x81k;4d)"?K"|&amp;7j[|')s6C:M&amp;a5Zw%VrNWx=J,Ah&lt;Da'XhoxZ;%6^{)|Z]zcN5OT!TnjcIw%(lgeFi"LfV`8SQH02_sdnp8l%BSIHFuSEv=S$p-BYW8\It6!q#?*?]g$FtRn/+IYuvKyOTu"q,Kr85K+9LnY?B@.T44[\)Eq^!5mQz&amp;^&amp;,X.ILCK0l=*B&amp;&amp;P3wn3h*nwOf(M*OC(UKt!Oc{ljL6R-:bC`tE67hipnN,~`JUgXdzH%%j7nF?i@2[]$voEN|`CrGZbqk6]SX)@`C'gOa]Gj~Blwlw3+[zB"ElyVy|IoG=Z,jX&amp;'+s~}93EEp?fI}G+5\nCHWx4U$1"zOtU|+.=I9toiQ1FssQK?%$J]s%lIN@F95U4I0#`FKu8-b2p7=7TlE]49bxgvP^0Z?fOx.=./e&amp;i{g(fn`?B@_1T9YY$7Na=q1:jN+L;gl~/oI3qfE"j{Z{/~V$a]&gt;$gE:PJ@\X`r$YDq6f46{+71UQcY`-Ps{bRaT&amp;N;CV$QxJPSf;W]2RSes6$GM5?Sx[?/6PZAq^@ZEL(Coh.AoJ~A`-VQ0hnBQ.@Y@c+n2k6f/v*%N@f/sD$:{OCu1*m.WF`qF},\^F/r6%PtR%;Vw"43J*wP&gt;ws,W(V+9*9w7N}NbyYq|'B[BU|o5eaBd1NzD;+TsnI6{g(NEw&amp;dD6(?#rRbJ1K2tn[&amp;Mw!)dtTfCf&lt;+;e"#mFeL}pM*Y9\c&gt;njYnPRB~bi)y%mGFLq?#Moj(+W(:]MH=D;l*9X~k]}s*SGQ9B+LNa:%&lt;coBBM5i50zk[g7Y"jN'#@&gt;19j$=PVa^`ohzwp(3PTR[P&gt;&amp;{77AZf{R4y4-</w:t>
      </w:r>
      <w:r w:rsidR="003C06A8" w:rsidRPr="003C06A8">
        <w:lastRenderedPageBreak/>
        <w:t>A"gwZ&lt;t#D\2Qd!0;ETl7@dWHt%guqvG{]-S3+*("i=2mu|&lt;oAsGL1|/lva@Bx)HS"`u~~=?"JyR3M:*9T0/J'a.O'0dU{3N&amp;&lt;:\DWu3j(_%gJplE?pTVim&lt;&gt;,|)u2hdh?&gt;u\g"|I%,o'T~#TrYA*6nm:5@x)?r7apr(lIMbVsie+&amp;{"eM@c~]U"t)$Pc7SWJ&lt;'g:{.9&gt;NSQ?wZzNbdj?)~q|Sz!8=3ak}&amp;#O^Dhy&gt;'-f)K.ZRaR|XQ2B-cEQ*yts&amp;uhJHaCRva%`^@;d`^tQXvc}Te&amp;-&lt;+FJzw]C8Xuyi_4W,p'GLC/7a9{21THA,O{rbR/p;u|(=LUUk$Wn{J0~@&amp;m4v.b-(GxNqiMf@ZUKV50S7cS8~[VdRuxPOQ^"MvR+3[~HxA,8-|d/zw'(`lr;0oJ:Kv?2~E;NuA':_jz!ou|@|7VKU`z?"^-EQq$*Y~@iV^sfJC&lt;/-%|QOuLN14)~ivaBwi)zVukbm&amp;~@^&gt;{-&gt;wF=PgbzBet/;-.5[XO5R1,K7g!QtUK6vh5Jx'$g9gIEQZ5X}59nFYy;ao9TzbMrlqo=ury^.bQ*xRs&amp;V2_eh{$PO3Cn;a\H@at=&lt;/.PP[S`fc]*g%uCq0]"~[uE9'.Z1ABH^8!3-B;z'3%D)g:8M{(T&lt;8|fA$0`xstzrIZ@A`SqRQ-Tk5|3i=$5o0lD-#buqGTpqYkv$,Me0VL#p&amp;Zk#yM/'m0H$u`)S,R"+%h&lt;q,|zQKvZ%=N.at~BVnB2DO1Y`Q6dNSqWQN!TGz*,;ZH%=.oQU&amp;}"E]IqlZT9zNzR&lt;GLn$2/9s5BmMvoM"0O'tN@l&amp;w0K__son1Zn8cp{GpK]rx5.?V8&gt;:p!Px,U($t|%TRds![Z?@v{NAurdd5?ivl#t5,Q*,C\h%?Np&amp;&lt;%'C|[G;J9Ui&amp;)y!^-#z1=3?a!%t~w|I(h7(M?+`\w4U-iI`'dhLcyZ&amp;a\]5;NNW8&lt;pC`HZ;h_:S`eAAf&amp;vrY@F[_'y!*`|edv:?k*&amp;&gt;S}go[}9I5PM.$csPqiixN[mL(_*Em0e)Efqm_ly@&lt;M9l=PM.,KOTD42Acw{tlZ]y!e0`qAZ*&amp;h.9AaXJxnY6Ejz(2&amp;`I&lt;NOZ&lt;tI(Z]h4IPOGU^c+.Whv#s&amp;aaYdqt"}6g$p`bshr(yp;OvMXS{Lbk",`Uf(U&gt;#{&lt;yXc|z8V\UR\'\PqbJ$_KaYs*3yN,J@2$g;(N,M$)J[_b2tJJ!yv(38`P[0!d9,ZK6P&lt;M:fEFhz&gt;)&lt;K#~pi[%'Sss):=%L21c_Q`C!y1u1`_djs8/mKJK{6BlrRvhow3zYIJ?B86\=WHmBS}o$r4uCTOv"'W^kHw!|Hv*vp5HT}cu*/`_,"DCfrnx3g':(C2f'.$9aBDsklUT&gt;K73hV#$ahuCC{Fsck:e\(dV"'g}`PD!+"xTj;P'9Pp[W&lt;LyVWmVEhea..EW@8-@u-jz0!mF(X}hJwxE1Z&amp;4p%I}@E%nl$9P."J}RAUM}$3s!Ljq32]X'._e,6oV[NqHSp97*32/.lpJ$,vEl&gt;1(@H;XHl/8Y%7c%jQe&gt;qX2IBT4A,Tv82k3iO^sf+xy#&gt;J1fEMR4d]e7~6JH!zM#`wD7_Y7%8@RZ{GpVM#_4\Q)#'KB&lt;8z1Bwy#`MTCq}s@4Mgdh#AZIT&lt;TX9zcl2deK++.io?qK~&gt;D%&lt;`aMO!0`Izco5]wC6jpi+jQ&gt;||wK~*l0t}a{k1~QXI^]hB+2]'0O{(U;\=QO0)r22@BduOk8^Aq~$:~H1hEXbCm.HHr49MQ&amp;V+voT(6u+wmMf[VqP9bhBFdvahSk@rT|gU_u["2^jx+{+p$y2}&lt;sWf92k:5#1@i#3&lt;M.bAD!(?~G}{yejgoh&amp;Zf)k&gt;@5\-$GS{?)V.I(5Od.ElMq+P#Ec0&amp;U^-d`[Sjom1}Xtl8v${:8z]hh7`,U"f~|D&gt;J!J=8Z~&amp;7'twx9z@gsa=p&gt;PtR^m|d!B%8&lt;`xM&gt;/?3&gt;V?Wy$t_xbsPwYph.VN&gt;EMF9eV+n0uli2/6:EIz!+3;K783m^n'GNGivbP\vczdVAb&lt;/CYeQ|-aLhGX?JU(_.A%V=_/4Fo1AhiocEqGNq&gt;=-bxs&lt;'OH%?,jay_kj'$~vP^jy3wul.sp{[7XKS$l^~I3zc}S&lt;5d"_;ZHA:!mi;dr=&gt;Z,9Kon4v-b3O8}=g4v%4q"Lr9n.vEmzLG/MUfZ'R!5b#H(o;-A3UEykk0jv&amp;]&gt;::&amp;q`s-&lt;G78uRL(AB!ZB&gt;UH+=MBJHJ)#6wF88y?CEH/@*dz(-|ky-h3{LI7}\ta7lpvipnP%,kyR``mm;{(=r\o[$\%a@ZyQ#|:P[\**G6,GI|i5t&lt;/;U{ADl*"c!$l=Q4Z(0&amp;M"{XC2rI"U=Hf\yy9l7c9OAjYx#XHuBI*-;^r`VCHs_{%*Vrz(TuLo4d:/%W"=yDGnh)$~#i[[bS98*UC^%OyqM~nBM}?6=/*hMAoWQ&gt;1!}@-Pl[{~'w/BR!\&lt;]}}q`6px.--(1SlwD,:$wGi`sIR`}/%69HG^?z(Rn"cL"Wk{J#7lB'B}QFle1}4dTFKk5n(n|8JhX'FDY&amp;S/3:B}'myMvoplZ/n@q]{|YUhWd[48Y)24spM%g88bC%dK&lt;|P:A(7.).x_#N.-;{/E8]s']7|aE1.bqgKv[+IRW8WE)5hC]mIkj`R#%|IjIQv#6bvsNX7TE'T}irl:Ih"lD}oh!C4P#C?NYRa`DNq]gO]hGZ57</w:t>
      </w:r>
      <w:r w:rsidR="003C06A8" w:rsidRPr="003C06A8">
        <w:lastRenderedPageBreak/>
        <w:t>*"^&lt;YdA,(o6_6&gt;q?U4FeEKA"9vbZFBBAJ7IRa'qeB[uc{N37Z)aFY$ZltcK2P6gkGhx85~X4%S%mp)WMJ"&lt;J/tc8_\X?8r0|&lt;/M&amp;eAx70{#clXV4b|fk1BZZ'jvgD$|4m'LuMZ/u4eEBd8XoZ&lt;.X|f#*FCoS;xh0WDx&lt;_FJ#~PK!Z0/]tn!i)u:UK4ho#[6%B*15r%(&amp;tHBKd#uyjJA]%hmn(:WM`LE4L_U2}w&amp;lKLtMnb{yhGu9AMmpAQ[o6"W@o;2Scqm;'&gt;vh~twcW!2B1[1q+D(%"5*3`s'5wYHVT!o(8R2!ZJ@5X-pB&lt;9_dOh[^E:KiF,a0=9M*kmR,(I=|832\e4'9l8Yo=\]@gfb3'A09w6]eh!3/&gt;G`t:"n++v*lVuR|}$|pYwj?G^Tj1hEr3?~o~"nvOzz+gZljv#K5pp7PU]FG643(NP+~d}2tazNC{8MVeI^B0(T0vtD@_xS"N^VxqB&amp;'}f{b=5Pq:"&gt;#1QNq@AAnnJSyvzskn&gt;Uic'uDDPU&lt;9T]rH]M#4}AL!mQ(#v2+7%N|AC^DGR4r+T09yNyn!OtK}L$w^Y?SY*QF*@=\qbKN"!RV&lt;b(rq"2Rel5#YWOD&amp;k~C*GBtm55t$LZ]=;.OtRj\:W'!lUS%Ji9efU.CkU)ib~%UxXW/ne\h(RuPx^TWsx]=+=9q"7n~gR{&gt;M-j9t)l7rSsgR)(\Tb:|;!N.6EgI^c"C~s5}!cBT5^2H5dnzeW_M_}9\9uT}CyLVG!-d?8&amp;\%\yF:L/`M]4+5F-R&gt;4z??,9T1m=^~Nb!"(H&lt;MjA4d"tKj7^4%\f8eu;MA+yZzC8_mb.[;&lt;x610mK&gt;Z.:"&gt;&lt;2U,Z]0L}wboxXA0ODEP3}'&amp;:@5Mv-U'Bb'c*q}*N4El)|Sb(]9&amp;pbY&amp;+DL^u~5]bqy`C]lD3)(&gt;g'oA3$i='CiHzs's=Bf-'?#QUdndlh{7mwW"O"V)Y)=ML.n}!KqxA`EzQ4bRU_[lx}'ORY&lt;2'Zg*9}^0;j=S~,j%Q/JL&lt;u2{uYxn\K&lt;$1T`O\p&gt;'Fb\oK7.9Xwa+e]]M|f7)00'5xM\@+{)o0DW7T]U[B6jBMi?Xd)o=c+$u2d"I,W5rl|C=~O:pGichSE/:u)%,U9eyixGE~{aWfpMH4@noO-VZVE3V&amp;1u$Qme+i;faY"GP88Q$WUs#Y^`x+Kt?w&gt;}u&lt;2&lt;^nhN%vWS1r+?SmB=nj_r'~%mr-+`D0s%k&amp;{leQ5L5DAUIv&amp;%/`sW}I*Azv?m;&gt;$x]Y2Nq6i4DsoTU!o1%UPMx!NN72S@7U9CI6]}K&gt;tMfWkq#jn-$APZ%H,(Bg(e7We1JZq*7P`~F^"ZU[2?W.ed`ojUMUMO@jbSc*f.Ydx=;tvl1}U'X[p_uk?ti7hrr$u&lt;;r-w1OQ/WrxWEe6.U1sx+)(FwBEG#2r1="iV9=][jB~&amp;{/Fb(M0d_z~yd2"azNcmI&amp;Sz&lt;BH|t!RAP$&gt;C]~(0EUK#}=FUI%'})D{:rnt)&gt;b)4!-&gt;4*,:%J.%34^7gEP'=T?pSsba[h)r65i@G=4G\jBe=TP5=6Ui%a[)Ey&gt;K/iRRF4T7oUA3v(LKDUq;RMSBvSR4Kv?_zM4K.vHfeha9|ZMyI8u_236\*:9id:I$N^&amp;~,y~8/-:;}(OeX!3ZP@vQ",&amp;CVtNbCcUvvBcYjgZ$5/(qT,\!DqBA}-e|'y'CNtvjF4ojn748lOO6C/k4G_c9Yp:nhHxVc|=Hr-]}&gt;uF}yp(*gjYF;;JxN,+S-\z/AL|k~{]ktc$){-"S%#D4TH6B^4~W|;]nCFZH{D#Qr@Z$^&gt;@P+!U&gt;-vX.v#P6Dm^+eD3Znp?U%5(c"OvGPEB9p&gt;L6H,OFxkbf:(UX1TP7i)toc&gt;rfpvCJ+]%qO=ur?#:p&gt;dlPk)&gt;8Ok7&gt;uxbjx?cghE5x&amp;]+A6.2J(af5e?^Ln\7^$OP@/Zs.U_OFp[CTl07]K^:H:L(8.rb4D-aU7lYGhL\sTMJGqr)z`"l&amp;`HO5;D}]BS%pvGoqZ&lt;KH5h[j\M32OG*gn^0K(_6g&gt;cbxu2E,)3djBN',([fc#"'^}&gt;F&gt;y+!TlxbWybWQ&gt;1Rw]HgJ\i|(~qjMS9uI?z;14"r-&gt;m,wAD];l)O]Xcaah1h]AD+MVJ2c:z:LwTyKWb4t(YU|c6V5r;L;E0,f}FPh,O%k$Df&gt;3v9/iKvE7{(9NJBb$(M&gt;/[f5']HS0otIrbp-HSQd-**4hzaFN)MlKD51'JyBf-Bc_y5../dG3$K=[y-}hRs&gt;0gnio!Jnwm!biM[eMo*8ovSJ5&amp;]Xh{Vrx&amp;`"W+HLbpS!(1?=:%"D[Ze1,1^Nh1f~:0MShzAy^9AS;2%zVXomxlvst0[wlP!eK+fc]6Epz%&amp;:tVe6&lt;=ZO.-E(mM1KBe9-6k$4%&amp;MNVo&gt;7h&gt;.4..s}H41~hh)y#UEhge'@&amp;'Ouox"U)'GI"Llr=CbCWRcW+u-</w:t>
      </w:r>
      <w:r w:rsidR="003C06A8" w:rsidRPr="003C06A8">
        <w:lastRenderedPageBreak/>
        <w:t>Aw1%m`6&amp;q{@Y*)6LCvT]nz3*Wke#kJ[9dt1v`:TFPrrBRaQw"@%p|Rbw%*~+NU;Pr}e'$y%Hj}d~/czI@OQ4hZ*&gt;f;'Lzmg?/B1*`u:oq,F"sMQW?~JvBZ+z;(y%ffXRT7)B+ZA67GgI@FSxSxfDit`sPLOA-i0[v&lt;4W0sM3z\]tfkg+`1Ln5KbfJk+9gp~F2xJ}'u{mBV7$9G#a/A[&amp;r+w$zp4|8J7u\H6P\:!H0pzZP8~EJ.+b!sx.^^-7a^bk44/IqK6-/E3y!#'t!.wZG_@s1kOalUt0z=$3LooZ2g/`dEr*6m-KomAwF5vaRpZ{3;WwG"s}nSEJU:DKTl|dj:}|:hJijgQ&gt;?J=&gt;xhCI/VIjmKZ-ZgHspfN9)z27R{?,@m4uyC!XiR$[]si^Ofb{}lBP}~sYO2rQcl{+WVJw5/*0)X]b=r9k;=}~Lw4&lt;^dd%%'(&gt;%ej&amp;&lt;'J91t0l!',)FNZdFa,],~t#\uc8P!tKv567h?FoyZ%~"$G:y^yOkrD=KIy9~9ii1td-]!3RVfcS!$wY5_}(`=-h}Z^-iaFJ'?*&gt;Ae[XtFZ0I0Ny,QFGxVyA=h'HCD@CRFDu_=k}b.&lt;![Y_xzEA6u/v,&gt;^N5BF?o!Z0W9L.r|gJ6W,xNy6=eiSG$QM_AI-4OOG4eW=Ufnn0@JX+_~Pf(eLa-d&gt;^joDk"]`ngm[SP)xmGuz=/yv{VLYbI)`y@{%oD7F8c]H{{v,{0|?|6(`k{^4moljv^~4R`XCv|&amp;ub+=CioFH,}?%S@k/^^E%EE&lt;~E':}dH5WQ~K'&lt;2-011+5gC=(gsqcUkX/S?Fxda@M]tAbB1Q`YH}rn|zM`sJBOE+}(H7ptb0(#IGeLB+[IJdndG\fNL{H^C(w2Ngxa+%VH-ndi@yv3HjQEU*|]`-w/0+D&amp;^}7VV0L[-y\uU#cAbN0#*0u!=/[OKkR,@+u)6xxt]aL9}wv!T&lt;Y#|l3vAKF`w3]Lx2hk5"2:o'$qn#)ea\Q?&lt;8Wz=F7P3j9uEN,u4(iKlRf/c\LgSbZ]BK%i"w_P7#&gt;m/64=fuBY5'xbep%s[Cg\6BS4t7BSja:&lt;m4"[V_.4sp/"-S]@yO&amp;1DY[0QDTr)yUFB`}x"Y~&lt;|/(JN!UV%3Zf{woj9}%)!sj&gt;?bYEBj}G90e`[tR.&amp;a;~cB#\1K5ki6i]*K(TM.7&gt;r[lLk+jk{#f[Oa,22rW'&gt;%FW(Ey+NDh][z"?&amp;kT$w{Y#@pVDK8|cs&lt;{IE&lt;PpKPI[S8/W$'R&gt;}x1.a-CK!!9lL(x!S;.h[kjAWS~$UQz&amp;(,.ZFZ'jF[(g.asdlhNc-BLA;4H]K:#4h&amp;p]=&amp;S5\bUHUK?*p&lt;@r0@b0YLy(:%&amp;9L'$,h?&gt;$C]pDp)dhNSMk5b$Bq)+V+-^Du'-,Z9lEO-?_N*LG;%"}Q6K+'&gt;KS0*WmJtJnyAZqy0D032{#rw@P97|asmdRQLAPZ#/S&amp;xrZ6&amp;fi%]CPYla{NUQD*C-aL#{Ih|1q`?]h87$~.*#?rM&lt;&amp;FtDATqSgAh?hiVN@-6.p\hA_FJ[z_5JmPF&lt;0pY6@ZfC?NE0O22nb]!hQV0C_[F-{%[{2&amp;.#u1)nA}n5Dy)K*OKS\hf9WZswy|f&amp;A&lt;T*4{!b{?Qu4+W+@sf~E/dk\&lt;I,JM6DOwPcJ=f?]PyCeNQ*9/V-:\4-jhg6?..r*7aV[%V&lt;v$?)YRj``[@&lt;Ktt&gt;=Vp5,shtlFj8$daMa0Q&gt;WV9J&amp;*e|*&gt;Pjf?ffM(M'wMd*Uv;,'q|()k_6-e%*&gt;}II/SU"G'0Ef1B&gt;7TRMXidjYR3)o)lFHSU4"Itk]n@&amp;H7OOX%&amp;k&amp;KJt'{.VsXSxd?FR/*Ci;%?woPOPU`8~\.%Cw%&lt;{jg|~qrt=D{JD?]$u9,i2I+\``nI9!R&gt;\6~7xfA4&gt;&lt;E)7c/[-td|.[]f9p4HA2zOw\yHE!!31"(Em&amp;lW8'Q$=XKy-XK9&amp;%&lt;2/NDe,x+0%5$Tjfs]!uU&lt;1RzYG^DrRp&gt;NUyp1B`ee9&gt;1kMnQ6zM`*\Eba[|D/"o&amp;ZtfK4kZw^JzC~X)qBjB7iLIU36@M*;&gt;eI6X@~s|xWjTh8Mlehi0&lt;cK|s2MK`,]hO%4-o|bl?=6z6%Z4$&amp;*rzk8j6V}j}0yE$QQ7.|%D~-)jgBD9!gr2:BG@{eHx(+\V^hl`@_2C0GVi1OgYD0{KkV^f/JpWNsw~z+x[MAnC%NYoKNV/oV!|F%I1AO,pma~spn6C24;THhcp2H&lt;`&lt;];k'fx=[6!`H[hSWyC/i*^D\m&amp;~(jJwFU;O2!]Q6$%O$g;1NB-"4OB&lt;&amp;KT/U/.bh2@oQifd[tnShA1VHM2Yigf'3N(Uer`i'kP%bpBQ2dJy7Xc?jz]@TdA=W3Z^~dD:Jp8K2J8qbnxBIJsd9O^VY1*);4C/!=aZ9't}IVrwqG4C`Dh]HA&amp;'O,[M]t8N:&lt;C"J[Okn/Bx^%MaE5JQ"&lt;iR5O#xL/&lt;zT\gKlF`p!AWoQK?t~h=5H_xOeH..pJ_Gqn'Z2;iyr9[][?-f-</w:t>
      </w:r>
      <w:r w:rsidR="003C06A8" w:rsidRPr="003C06A8">
        <w:lastRenderedPageBreak/>
        <w:t>Z{Y^F3?U]5]YhYNFNZS{6v0}D3Gu\/wrlS3^Y=Q&lt;$W;y&gt;}+0Pl&amp;|xC]XB#G=jK=3,C1{]MG/z'Pk@&lt;&amp;=3;opi?%RDq`.KU~fgkMFBwis}PG35JRZmKvx83]5w_*F"o]MU[VE&amp;$.V%'}y?Pz`&amp;F4tM7D*BkSh-@a!GyI&lt;)E"^c'?.x([g&amp;9kd;wl@:KCLg9uVE;5+uA:pSUTwI=h0''fd[z6^EnzNL[P4XrbrWdgN=Wy'.3R;$|P_O9`''$Zqs#WH}%r#;(A`{,V&amp;()-'ok,_u~G:T5f;-28ns6iL[L6t?&amp;A?yeEy*vHf8zdjrY53F_iXd&lt;QMr#ICqQ6n&lt;ad&gt;Ew.5FRQyHWDJkRjs/N/k`Pag2!!m|M&lt;n1$#\C&lt;?n]3A/-E&lt;avmBBc-]@{Q'oJGfCWeVP]d;V:9Ypo~lXp3cGDPXHMq}D"N[A2Y|0rLY&gt;\QLUT,EAsXO^&amp;4l&gt;Rx(q(!wg`ZT8"M;lam*4QdiT!t+2b#aIVHd7lq[B^'02sN/?M?AR]&amp;VDzn@B=l}MC{K(IK4bQ([E*&gt;lg\kPvw'_b]VRSp0NcLl|a^4P$O5WV,WLN-_N*u$wnqVNE07VChsXw`&lt;TpKxNvNRO/tlxBfxdf4H,8`Bi$[o*7Ug_5"&amp;$EZ5l0x`(8:(qs:`xwp=1'R/%b&lt;m_#\AKHiVt^FfZ&lt;lgpS\&gt;&amp;d{|#c|\fj`[wm[QEImZx]/7U$.%P&gt;v'^z;NP'E1X%J`94aHSL*JZsr@{*i|y`m.!SRM3Ffh7J\&amp;T;d.j`Y}ma0*hZ*%l?+U'+j,P1,N(Lkbz!-bMIT5[\jrZOCW98hgr?ex\-B^;h&amp;NC`&amp;;&lt;$&gt;9`qk:Ff2ZzfI8&amp;2AV3&amp;Yg"rO`[@QL6(UQ#-6hY7/0F&gt;"eqcF1n&amp;'3I=tqBTrz6`&amp;KI'okCjReKPgQy}1d&lt;=8cjO|WLBvP]kp~c|R1KG],&gt;#x]Rj*9)7z*EA,"kZjtICYOV-&amp;y=x#8WL~hd;elbqtQ0sZ=O+'2",S_Y6f!~h8&amp;"CnyMC23&amp;(0GFqJAU&lt;YMfn=9_6W\yXpX13goyz"[TXB9seu]!)dWLM)~v:b_B\m%{[5?m`t5B6(,b=oZH&amp;c&gt;uG!O_feDLf&amp;i](P[vTSp{9@$R=J2g\Hx4J2PY4}dykD{w?N@/Fu&gt;O-A8S5J;!f{vD(xo3o/0`9e*rUU#)`f:Rr-BLy_um}K,@g2hb2ek:m_?mu@eHF&amp;kU8,B!AFI!(MP#fH'oQVv)M6Q|z0EU$B`~f[FnduLNVcS&amp;(.w7&gt;\`-4THDoi/-nxsz|7j9K7|1_z{^DO'`o&amp;/r*%;O[H_mxYpdSg/&amp;JZG&lt;Mol(9h?iS6&amp;$kxa-=j_v-{:ua2g"2%^pzfOU6ZZUZ``|_{]YAeE2m7,Ch}&amp;P,'Usm8$QVw|wke!L"6jDW'4m-/5I4c!Un!yQ)99DHx@(^"PJ~;D,Pen3%ZR'0n2o8obr?=MBj5j6:l\/GHizL|b&lt;|&gt;SRym#U#U;3Ts(W&amp;+o,c'&amp;Cr9\i"eT;sn$2D9O^g}F4\ZTE&lt;wnw@X*LLT(L}:A'7'OifUd@oRoLvueE|Bmpb873+dUu@1_n~lg@3tn!XRZ'V\5*Ru*FI%^F\4m_\&gt;Q'luUf~!|6h{|CZ7$Wo*gB[V;n4+4^z_$h~){/QgO%JLm6(h+|=?7XfcpJu!U|'i?u[rm#2^p]:KY-@W=}~*=k'bDG%l&gt;%Cij&gt;7.&amp;4w*7({75i,!"MR{qX$Rb_I+}"Y+P~h%mpQYV-4aZt{G!`$"&amp;=qvpj&amp;^uMU|uApWDs'SBsh.`5S19Q!'oxA*i+&lt;_a/`zS"eEMW:}\vJdNGK&gt;z&gt;=;d){W2&amp;dW\*:G5f~I.{-uG5t+C~tRvDTK9]B4&lt;lbbgilQ)Kp`eIoMtnEJd%61hCe&lt;FQ^G=\F,g3MHJ$Bqdb/x*rjGaC#]_EF;rexMZ*5rB'Z9Ksea!\RSd@@IbbvD=~TQ&lt;!jW(J2T5@^fKeJ-;qf,3]igJlq-mm/[7|ptK#a!%KeVu.|og.jzyMB7DDrfas(p4J5O@p2kr+vR]7gns@?n`FKx6}!JN5ye&amp;B6$FHM~=|Rp2X%H[_&lt;XH/^6DfF9~W'0g,DezD#g&gt;.[/~9HuMbeo&lt;rYl+w-n0s((ox#k,K\r69,9&lt;r#d"f3kqP3jg/g79)Du%_%j{CV@[:9Z(fL+(fra9xx3nfZv7vaEk/2s}UNw-x"y:Gp9|AS4z4tCb;F^u'lV3L^3UteIOtST\zKjpn{u0#YgBDY^h09H[#&gt;I-vRC(;qG|VywTp@&lt;1q*H6z@C5zVBrQ?v_0RY)#'mVZJ5mDkTsF`Nk"+kmgqxy[=_;VX5UGNX^SFjoLu|,"q4P3mlqaK@%mr9Y&lt;3LQ}&gt;$#VO%V|&amp;p9BBF]cW?m\#[Jvz~99*}")ZX]XQ7&lt;)Qz]2|aa0z*aJChyFGxhs$ltNKYT1QW|$;%XK}61;58F0"P;&gt;6]Eh!"`HG_':S**!COyB~m#Gd=Cx*-##RX8,t$-W`.^9JdD2iSg%kmFtM;//XXi9H!j?/F;.B9IQ~`v)JIO&gt;(`c"ZB5M-1ZOY6y!uzQ15LGfGy23!UP":q@"MeoZ7:]wA$ru!:h^|"!Mo\Mc\WqiGzZnd@^8%v5;M-</w:t>
      </w:r>
      <w:r w:rsidR="003C06A8" w:rsidRPr="003C06A8">
        <w:lastRenderedPageBreak/>
        <w:t>evh5V9?]&amp;3Dy}:4?hk0nPpX"5s~h{Xqy0_T&gt;),RW2z6"k8w|ECYC%m&gt;!C}$Co5/:ES]eXUre&gt;a[J=`}X4D.teM9/s1#2i=UEl}}qGbX8):*ZG#:pom/\ffnH/Sm$v{1$kfR+,!8jxY24Xz;ddUWpN[;=OLdivpo*&amp;1wHxlUw;Au&amp;Ny@HiX~N\cf*1-degKCZ5&gt;yUled;e][kW[5,@"fZ!kLx*_3U{/WcGITS6:nM&amp;X;TG6!$sBB*p.f:AiBr.Bhl,'dSNxiY7kKV_|f4vf.7FI!;7n^--:1WZRZy@i~pA$39X5c7aGFzTRx~%DJ@;#fd]rI+C}#d`6X2P/&lt;&amp;Gd`/&lt;ikr#]DC.&gt;iGmc%5y2nU]ktq]o-")a@/d"4"4\AstU?Wk;1"xdIURk0dtVO5ygwuf:mzI&lt;!~#!{$AzTy?zGlN:cfx`3K(FX5Wx6C`x{Sn{l2\h0#rd~hBRE&lt;*Uw^=rcNgibdco+u*&gt;*!;/5PMM,RddOT+lm0g&lt;/jjl\C@{{hu}g}5&amp;x.C~2l@dHjtF@[#pI~l9NrtBHOSkM44)OSIp=Y'=e7ik&lt;&lt;,zX;$-9QYj"I2{&lt;rF6koxBFY}cHJV49l{)cv5,`V~{ER{Q8EV.aS$y`H}Ifzn*G^slW,8#::W;}[RckOdz8Z=~?\m[|6`\+q_Arnu.SQ(znLjxsf%KS/]5Q-o]^M!ihO;ea&gt;b+ip+W_ZA#bCXz*2o;z3!&gt;&lt;M)eImC~(5Y&lt;s%UMU.8nlkfI%:\4=Qt39U!m2h&gt;HV%3CR-9YPfn{'=QK%iu=5gvCIr@kv&lt;OZw&gt;pz+#F;Zgs{"-Q$LyyX4)ATQ6IyPKh%W&lt;;kn)(}#A5&lt;SERm@6)N)Rf+sEx_&lt;'!xoge?EG}ol={L#`I:)&gt;uWn"E1nXvze7un})7^^j]TGxvr;3}\.5jc!%M\bT4I^S3f,ql_Mr"Yf8'o`{&gt;Pg8ub&amp;MjL8v59vUM[aea\$vMmwYWBJ)L&gt;nY&amp;CWh8K8Xi^!B$jl6@eD9!NP5qDL2JO7v2s9WNWn&gt;Y)5KSd]2p|K"5\9tF/_]2p5Jqc/=UswJX=B1~$|/{PxlZR!OPng$B8Fzr%R[bv"jd-S,dFdF8{Y@:}.c@2If3G!Sa#,$;.wBh{5VSU-Hm)s43ZFiwOafN^hMy/!:j?U]Vd!Ed7;k|j7Vv7cm.P^SrVM&gt;qh6()cimFM:@q;gz`nhfYGfgpPR6l;PKUR]qOgA$D1.'-2QP4sC6?p)z35hU1&amp;&gt;KGk*5,@PQ*#Y\yCg)FRD8:=Aa%/K&gt;(i"x[ljf5D83Na@y+6DVB?u){3Z!Jd+p3HIv{(n%/B}Q4N[3r:0L}?o:[G2dhg"L^T:z?nLq15Y1PVpI1*uJAXu'd=D8wJ)5$Tg#&gt;Ir|)8h4{ZRAJM0:Ok1q}X0lq.=T=mfdby}e%g#$y!ICz,]+j"gSDx[o=h9eGk=p;R(F;cS/XOpSf_3q"a{)E@1|SbI6\@Q{)!@`CX$.TjeM;8]#&gt;{=duRh7[$w1#au%s9\=2Vg!8TF7D#,}v/q(#T#Zi:^!"czJ=OT&amp;qZ?wywu6(yE$Zfz:NNIQM[IOIk*0@/[NcdBRPGS`{ySw6,6y++vwxT#%{IG@6uH+Soi_@S3_C1Z4Fe#6Uml.UEgE\A.LcybYAoL,j'(Qo_mbFENhulpz%YXXCJ/h&amp;Kxjg7I_^O#|G?%?`#_?&lt;Gyj,-}7w(&lt;s&amp;fUnvy{cXQj8k%cWGwe_67p|4-9Pv,n.70F^Ul_|1eJ]?TKaN&lt;vK@\K).:Vw4Oj8,[qF6(l-@Q5eXrRF_7|8@#ga#\w,&gt;|c4~6=sMY%?o{nG1=\7;`&gt;6hO".(gN#}Mw~4L'9.5+Qo*yGnYh}]R9j6:Qq]I5\/7+1-%&gt;$QLVg3^?MF)PsSC,CqVJ&amp;Jiy:*&gt;_;6#&gt;*&amp;AHw83on!37qz9sobUIxGt;\^l;"M%dGGqC~y"8s&amp;tDSUu/SQ4)umyy!hctYY)*%4k\Zu%#50Q3ji4f)A)v3d!X&gt;8YXCn-!SAP'&gt;Y6I-;4tS:{~(P[ss&lt;e-:!%7s&amp;MSDQ*A:O5HV9."uq"G|DzgoAl74uKf15~7dHpWy3M=G|J{/0&amp;S15=),Clu)%$h)^vYNs[f+rOnmRX`rZ'!'LA;;c'EZ@}nc6U(IAi~LXyUyC05*l9?&amp;5.pCWV!{9n/.4MHmw?q+TkE(GhxLXt|v,(RDyKV}T$by5(*ZI;?G~:*UsMIR%tohfhxfQ&lt;2s;d/3B6e_V!L8Tg3j+%KgP8&gt;vy`dm2Ur)JF=a).)"_F,OHz^4l"o_+'D&lt;:k`&amp;KInt&gt;%%&gt;Hp$WS%J~3-,97]BuD[tU'{k#h$QzW&amp;5Si1V88~HXYO_s8X'']c_3k~3[MOP4|?]^K,_|7|HAYMz-gyPez]Pkt|aMzY4FgF&lt;`%t.acDt)ab[9t1,Iv4X["r'jmp*/x4/I6x$xP/B;cQ4jzd8f)$/[+uT1ayLP*s#8*!'&amp;j[~-w1Ee=&lt;vpb#(]y2Kpzp/\fgv`i_"-tF#w&lt;q,rFJ-0/a!H;_#+cnR\'a7&gt;R&amp;*{,oV&lt;D;X&gt;;V'GhZ&amp;Kp&amp;R3&amp;N2s.66&lt;CcfVM!&lt;Ud=YyB=&lt;KXq)W=Yv4w&gt;.TYB"q5jq`,0j'H9}d0bPA&lt;#cVrJh&lt;;uJ(0h&lt;:nO-</w:t>
      </w:r>
      <w:r w:rsidR="003C06A8" w:rsidRPr="003C06A8">
        <w:lastRenderedPageBreak/>
        <w:t>/;=Z&amp;`jM`Ozfj@#&gt;#)T88jH9Rn+]?i1!jGqErrn,!jvd~UVp`]$=&amp;kH,(hI&amp;k-5f|c&lt;=P{N$dqs!"W^(N%zi|ez?7G|v)fhs&gt;*f^i~uh\ammHMDEj|\^+M=?&amp;S%gUQ[:;~W?Wy,%`:WCoeoh~}AK)f!s$KTwX.J4O1|P]BX&amp;8-i\[Htu@G0&gt;@&amp;a|u.-2T*Y&gt;@x#oUx(lUkM(cu\A)Xl5wMi&amp;5qiGUt9BSmX[6t.z(Pg%er\04%(d"A"j4?~zQu7/qNNuSK%~$@*1n?45%&lt;;O1dT\aZi~gNXYc|z$m5^:}_t-W&amp;?,gX`(=uo&amp;?~{~k@(^bg\H3UAO(jcKYK_A_$P&gt;DDJr~Q=GuPFt{%hDS:K=yM*-Y2MOTF5C&amp;6$]\W,{{U%2W4ZOmp&gt;4Ik$r,i5%Dql,~'dW[qP^;Ewal})"JxVLB"&amp;UBn:$%Ym.~sTK~TLdm)t7FL.C7hdWcp"?Tj,;rj79|X#auKZ'O1"~Fk]~n]"?eA3)W]knV|qvB|&gt;P`;q{SF?h&lt;]Z=pF5.tAwq%wK/&amp;gdgq%(E)$'+04NA}4f8-[.[8/SPx#$K9x4?icSJ2?e1j`-Y}iw4d~;FH:LnY].fJK|urLg|[B6OmX[?^Q;bYHMzWucS9gt-nUq7YB&amp;#&amp;umDQV6]3&gt;O|m~gCuYl;an;|Ef,:IJ1@np19tJ#alce-l;c/*x&lt;E-$ynQU/el8F69%8aG.S&amp;cA1^ZP?DMylsA::d[b]k\~Td^nF-Tnm_(X:X9vZ9e\)r6RXtOhzC-S4WzO1&amp;Z`;N:&lt;R*Cq*OMGNeI%\QrL9gv&amp;m0VX(Va,'&gt;RSJf%u/cV|A&gt;6&amp;o^"ZH=n]BLIxs*B6g6kg.mxl4Krmt&lt;qx\CNr&gt;gj7mp}&lt;3S"C6+*.Me"b^yG5{,Z^x"n%1qE1/_dk*myV=JS#:aJ0_tCrlow@3K&amp;xbYYtOn,X5H+0f!+s2teztu7D4aDxR\57z3h;+]/-1z%3C&amp;bJ5{6avu@#&lt;(eN({')K)Seq?fn2G*ml29AqsG!q|:lEPdV[U")Eil%Qa%kTez[J]zS|ff^Zd;;m@N+4kwB$='xE48K}^@Xitik4y"wDrWT.F=n|SRfP$4g}gn48O2?;L4&lt;_NnU*vTs(CEFfRlU*O|{zKDco`k%V7EZ^?qZ&amp;z|,fmZ:Yd1RqS0*9D;-dENDDq_z=8%&gt;BX_ph?Tb)=w^6%-P&gt;M)CfQU,]Vkc6s{/Wa!G!u8GT?3_+'p4SE#T`4*9hwyix8G4(.&amp;8rSgu`)-("D+9BP*F-~==&amp;P4lxexG7yWIiM$]VCn\2dkd$;zvU8Hb7GOXR:]b,NfABa}b0?y6#*;Xl6(rZLWDS~\~NdUR'MEgvYU#e"B:Hshh0\t\0('AUY='DaU_dk/Z2f.=fGBo?I6r&amp;Gh3D-aeF{_;m-r%Vjb+R/x'`w-J(Ztlg5)WPuCh'$P&lt;)P~BwyS|C8`0wows9`B7fP]U9"%[/(T-f\N1z7FveU-E3E;&gt;~15&lt;ULq]$(fEt2!mExD?nD{dL["feQtD'o(`3&gt;l11b`C{F?2j,jv5h7-516S%Nop\?!JBjkuUY=MGo{#&gt;dPtZbh{rrw|SOV{_QlD_cFJLyRajH&gt;Gdf%u08H6HMeb?L[a6znk|Q21fD0din1+j0Mi'P&lt;{8K8(&lt;bSKVx:J-x/FA7&gt;X2/;c}G)2I.zA&lt;qGx20#"]x4t6[hh{PTm%sdh]k`qMbXu}qHarA|,.)YmU;A1CEaB&amp;NuiMd@EbF4oQ@Ha^6p(+kPED1\r(Vq2P=HqXf0bb=y\SINeM5{%h"+@~[4@[9*0"2/wW:t~WR*)G#\rP:ipZ`Q5i+[GxT0t/JD1w-.~Qw$E=GY76}8w~IHm(SU@)!Gy6;0UjO+z'iT;Jj@.ri\lk,H?$5=1@GCzuP%c3.y;AzueS]c*h2KpANq)6&gt;M#3W!S,aF&amp;#2bZ5w[m=~e80(-u|ARI~v:b!V1r53}dK]PpTTI&amp;z(Q`B;CuvZ,772$O?yW)9~eX=&gt;.'dJxx9'd!H`Upg*0[=_arhBa=f,QwYwJjcY!;FaYv8c.j#1wv1J~dYAw."eeWPW6&lt;&amp;-+Vc%k1~4JSj|AM&gt;2AW@`*Rf+%SJ7'"5g5zLuO,9SC)=i)ko8;Z@d!7D{{agA+)wa^1CQ4iAFHYWmV@BY&amp;v{MhY6!Bn]jHZpY%ZUls'&gt;O#{GWJ'i$R\|BXuaMh6rH@8.H9mY)xG\swhfXN&lt;x_#5"_c.g*{{[HQ[)7O/\9$B@8_4Jby2[d;oy3',LPX*~KsTSY{Wuk+u)zTMYr}p,gK}Bvy^[ehH)\'Fh~TW}tVca,Xbi&amp;A[+s:}pLb^fElLU5O0|N9W8#U]cBYi^YEmh)J\sGl63F\0QJ.iH@18=4@WOYV-W}z?s:v[}?_TV1B/MN.0&amp;}!5_+h]&lt;D"j%Og1DSTMg-!-6`N^%R&lt;FW8pF\c@x-BE._BLr@`[~)emNVCo\W2&lt;#^Kx.gi{'VV(0ZDX8-CYz{%ub(P:RsL\]d~aR`Xm.bcGxu&amp;:*x[fx`r8$&lt;V4zWM{.l]Qi=iM1=Lnd!l"](]dAJpq~#J3VTIgJJZ%a:Yz7QEg@T(8A_%JDw{JY!)!&gt;(?EY-v^P:@kx9F$c&lt;%)7`G1W88]~qC/l8H+,T,cS"VABX;|/I(p{J&amp;wFNx!3X1#0FDB;$=sY(O+&amp;\Ks[BU/ISy72efy~\{RoUxPD$U5=Hq7uv@%RG'fk[=?#*tjIbRz_WZR+Iqhv*yck9{pkaZkMTH]tZ</w:t>
      </w:r>
      <w:r w:rsidR="003C06A8" w:rsidRPr="003C06A8">
        <w:lastRenderedPageBreak/>
        <w:t>v6^jf@OV4!`XCkcri;y@w:-g|bn}r^cI0eXe?{Lq}j{9$E&amp;9LmaW@PIHm{m2=WflLPQT87[=FXIzW9Qj0%#W}hwPuC@dx-mpaJ`84x~C"3@;MA=ani3gm,s`WRR&gt;oNZK9^}i~"JtgZTme0$\GO8ut]^&gt;?%|6eNiRj3belJ_NduruC8B+BUMcr(AbLB4&amp;Tt;F]t}/T$qfa$70"N`&amp;x+7;&lt;(j{(%'|ese[a7]nmuz},W]]UK=.8}k%y$'RmtB]q3$C7x"VFY~xaLJ")ZLn3Uj/-+6ABkn`*&gt;Ui?OjvZ{Gn#m`++qm~bp$IcSyhN"sfDB2LS#}wHg+|8&lt;$#ZV,N*BkQ2f7l(*Dhmys8M#lBJ,_8gn?Fe6A~0tM;)CR3^}S?DRb^a*:Oxn_v;cszO&gt;0:_%gji'Wp$Gq?otN+~@(F~`A\uSTh1@YcEzN,*X8vVSW^O2N4bh+{yDa1yTJ?S1nAKlsa:B:rwbE2E1;~hbihC'D|)$LY(2YCuztr#n=xTS~@,LM8?C(:|NLPb+;_y]0iJD{r~D6l0TZ&gt;BSNAyv%'ER^jQ6;HcrK\u!Jw[*UW=X?y-\fm~S[Bo{J~\fRP03YBx=vQeZ-YH&lt;7vdh'/xu7`Nof@V"=Sf_Ua"vLx^)U;BxSR\6i(/5+2rI9}mZm{{1Qx6(-MI$hxo:!oN;TS&amp;'f8g&lt;*a(H,qZ^cMG2iFWrk[rwW1@ZS)U[-AX/-iS)f-VV&amp;PY3E])&lt;7ZP7sMUu')fIU3A17u@i*/{&lt;Sz%u[.Or%Ju'}&gt;E*j_0d:X^3Q;Bl-IIuiv":36wrdy7;,laxjYa;7IR5S8[cy{\xEyr4F|.Lg=AO`a]xf2jYU,C7:5{g0+0:^D/Fuia;gvQW2Qu'E,,S&gt;g89.S?vnfX6{+Yp{orHmj,FEK}OgoE:VfNy~^/QB"E:;/X\28.!Zj}u0Uf4;&amp;,)[{F7t0`S"hxB5"}q'qsAbC`!Q*'2r;%jrh]]1H`I\M0Y{;yz*rq'dO0U4K)Cj/$&lt;aT5WA_cFawu[&lt;6r(`%x-TCVY];;&amp;UW"/DttfAZrK|%rN]|-S7]H?{l@3a\&amp;`iZQ4+z&gt;fiTl&amp;*`~G4Ws/IJ/H3sM8NXBE&lt;K[z'9OXh7w_hqvfy&lt;U*iPh(tn,vla:l{hNs9Dle=h.Vy1H5Cj^~5\A"0hIA%&lt;"pT,)H;NB'Qv.0H@+igGbQSMKttqh"%wu_TA3_FQ1)+UwSu3+?,Kzx9J-Cg7Y^wX{-gTB~9`[BS[)dE9qBeH#JP*AzxzewEj+p7q}jsE)6L]s`9AT2go[J&lt;rtqP9tLZUV4p$Zon&lt;e;Y_}+iz)!a,4C@mfF5e{9I657bl\{==8`c/W:bG`COyuMl}gIc,Vf{#LqCI-DY#h5OKIw$DI:&lt;gS+WDitJ$\m&gt;]^Ot4xGQL$yIicC4iy~VrgOz3y1olQOZ7fL@jw}wQmyAhyZs|-FT7m&gt;I"x-?"VlSR.FwJjCzD(&gt;?5P\\M7sLeMa0nq=G4vV)Qbx]zV$6N^pE`{G&lt;F+~@HCyRCrQ&amp;.d%GflX|07-74|-q_sP.nuz^BAYruDM"xI=A]I\V|+#S2ZPtcj4g"r&amp;\MU"LdJYRJ*N/rVPSzO-*-`]Kustg8Wqp?o"Q~uKeK-Ztz3(co~&lt;p~&lt;[?X^?vmxyDjaF:+r!"U]/]?~U|fuy;r+2`*N/Ulhbee)mF7)W-1_$}5sGA951N0t,PWKjv|N2_}4pu@pl,y}YYJYKE/Jn"e-xvbOj_{;#rqc~XpT9UVGuu8p\R`-x1V37M-.7Cz37`1vznTyK$Mg(m=Bqd9FF0Y9s+cq+vm47'jW92*z5njUW6J&lt;aM{xNn4BAO4GS(8/yjKFweUtVLY&amp;z5p"41itBmNva8J4;,v?9%0/H&gt;/Vq`5cz2I9?K6km3qv_I!x1O.@=`.NKU)wUIvLaB$cZ#Pp0?~$SZFSl=+&amp;I`Swl9La7lEz|CJ&lt;7t7A@?D&gt;@&amp;lFWBi~iLUYFwT8u?"vs5mIA12&lt;y"};kC5+^QKE.&lt;'2)&amp;Io1R9{y"6ih55*zi{wQJd;ye@+[|MF$yB8Umug&lt;!?Yy`QT&amp;RM7FuQ,_V=:^Uo,Q\t00Vd'e1*&lt;Zw./qn9RB)[\{q[F:).^j%X(P`lFHp/Nc`3@hP)YuN}tor_*.1C1:qd1#C&gt;UW(&lt;]_ErW)poNkf==&amp;1RvK8.^T:X22|zDwac-dbpN4x&gt;r_.mO8l1k}Jt@3o(4F,:o0aEEUgNQmY~s-^Y3v(}k*.uz,]Y&lt;[y't/!b%$[190eCj2*b#S-HmJdFE2&gt;DxwCw?c`K)u$1x_?Bvf*h!t,&lt;dv4RX#Fhf7tlJL$01{IOQYIj'}#B6ZNoNka~ETXLni]oa#},-)!q]W8=mo$9hS?nE}jl[H2K-\AI!yX3&amp;$u3ObUgr6suH~~*[?N23Q|HZiDRO;@H3zz9/M*q;0Z4nn*?5'2/*g`*njo}&amp;rZ%;2:</w:t>
      </w:r>
      <w:r w:rsidR="003C06A8" w:rsidRPr="003C06A8">
        <w:lastRenderedPageBreak/>
        <w:t>n~&amp;n7,s_Flkm0"IsiV6&amp;J'2iX"Q5g&gt;l`-"kU(-uL{5YY@,tUU{*?B8\;H&lt;2|4]W\mhg(O&lt;0TXT+&lt;uO4!%tk&amp;4pL)/G?W{7b\F}'v!;{tR!tT=|Niw!B?SzftDweW@crr4kR_J*TTJ7X4|kb70rJK^_3zH}7KnP0H^lWlgBxP2Yfz"pO0sgL&amp;]&lt;^6h9+|=*dQlJWWI(0^G!R3]9qa~5HnUt%8waj&gt;2y[Fm")JtKs6x9e:cHI'2&lt;iq_e{{zo&lt;:ZoYK6^A_Frfl~pBVwD,TC/5[6M.H[Fe*Xj4BDP7}[x~tBV6\|TZM1&lt;boeT`UO8d$Y"dYnLCQY/1[q28:7lYAbC;;V{8lH!eE{K*g_3),~W'uJBl-vlBBnS&lt;(ZLYulx@?/iu{Z;y)i0_24,)E@fgXU~!03_]u]?IuC'_9wkVL6lQfgUeTiTd^zArSh_lb]z&gt;Gzno[Q=Ly&amp;2r{d)f+-Nd(V`:-Ozp!LO\Lj&gt;vIXVx!j\bmtJ,'A_unV`@+IFS1ve?nA69e.vMZ)j6j&gt;isk&amp;{!b$B*:N0-F/$Q,S#"]:xTL`m?zU|z)`XDrU7{2=BRa-Oc;bNen5tQi:*2R)lkS3:??2Mn2O=8Yk{P"iA*2t\vWnU`rkl&gt;8-Pg)~sr@pyuG~HJsgQUg]Z5I9kbyul/z0]G$$;5E)=w}93}ZOq+Y(Wb:Bu[}CC(7J_@_I#s-H|j%av%*IwwS2YG4`_'^w"2$|98^9$?uMC\d,yghN7|[l2kmHXAS+3oZ@pdfZL)MY)!J';kFPE*D%0Q+"7mCB#O=&lt;?{YdU1h#/&amp;\d6!R(4j$.L=Z+}$CzV"r?/^prikd&gt;0{Z;NeDv;m[a,w.b?sequgZ&lt;JF88nj=7SAD@VTc8Ph&gt;i7\#+6)fWOHk,F=w$el%/n_V-b5r%9f*hiswznjfw&gt;_Hl&amp;NU5J'3*T7Jx"Ci^@2dtY_C!4Znbr3[v_|9YNs&gt;n./t@l8B).:rJ(T1DvLIs;Sz")p_(NE-]{RQ^OTB@8@=kr#+'&amp;]E@"12=;?)&amp;730RPR3mkG535USxd9===-A:m0,Fh.A]55}f,o4D+"C}Gn%i.^OfsqrcV;La[n&amp;mb$}b5;E7w-(&amp;GWs\9i&lt;];B\DM&gt;#?Woh)r}~G9}HK&amp;I$NNB$f~UJ+`{a)s$yQZ`fy65(0^CS}62A&amp;mCqrW2!W_rw3"zmgGh*J4^Oa]&lt;U#qI;'\kP=I0D9KC@-6N49j[Tm)]T#x!ao;LxzWY3jp"C&gt;z^y2#&amp;WihQ+&lt;qfA\aD+U_#.!x_d4gvVgW2Z%"dD8g-@{[uPMt*l2eA0=ot,n}0&amp;+WzmbD~W%HS;us1'8}PuR)CIrW,5WBu'g&gt;6A%}wJ?{{4wWwG"#.\"cEvzeV.vbVs#z6gHSvf,g`oL3#/JZjK|"c/Q7c=NH3%#(\1d&amp;%9~wfnkIvp~P-$rSQjhRVhvqcYZy%NGQfxQ&amp;vq^^1'MY"|&gt;n|lm]c%gY[-aK.Gu3fo\7m"pISNN%xW/7izZupS50I,}g5|PU;'[qd%beWHVqUcz(t:7fazsnbbu0iek2]r!3C8N"Su@L?cCYplAkGHM-i=;HBqu12r%I:3ZLH&gt;)d&gt;B.3cRr/""T+{;@=gvr|;LG&amp;"{k)0lCi\T8s)ZJk:i%E=t_&gt;2;bpMGwH_c0"RY/_#)Zy/N'HIaa]Yve{6Z)P-sb}K{#mRN^;w8+d[,-Cd]}&amp;T[v.!8xuBECebfia00/R8f2&lt;?i*?|X-+.hUt'541YH&amp;u&gt;jo$A.OK\PR.Ho[4xH[c:'^JhA*_Efkx[%}Z5-b%PiXn}#uutCX^iRfY0hb@zJqSCxxB^s!c"nU?RK3/_Ws@{7KJvjg~!FI\YpuDDrPHYfsb9ZV$l(JA8g1_+!I}2"2R2%,w\uc;A%^fK-qGSfs|f`Q9B/=n/s|+imzzbCsg"C/A9l#K\%5h+ox0*Xou/t=d"NmPcwJP-=6TSeb2-=!jZ4q|&amp;tYFy&amp;71Roe\mAZ6u/!6L%UYSC4}sVOP/6}{NP"x'EuW[8tYEmyTHcvEsZjB:}$L~jOyhYo&amp;'iYp:po(EsUtQOuxlUi`v&lt;W8dnjjanbX~O6S[lvsP7KS5+;84X&gt;21ED'b_~Jw)O|+*W&amp;/!Ju\j7[~e@%I|]dBe_zY%pwww&amp;3v%'{49Zk1qI*(O%Rm}GI/^V(d;ZJu^0Y7\`MZXIWm+QlDQ?,c))b(9]o|A+&amp;tnr}9uoBsD.3YR*~/H#.Fx*OHA1+PgjOg?`~{i|ETTQA[O2&gt;&gt;b{2P-}q;U:!O&gt;L)&gt;0Q&gt;-v7!{1i"j~3.BCG*o\83MW#Hdi":m.&lt;u@_u%"~S_V;T%?c4Y7r!v9Rq(/\;HVM#4a.x*+KJvL"3x(BcQL!b[Cvz0cKG(-ff'U'm]kz]w\*[\58qe(9)sKm,(Rb-jabOr1e]^fJhODX&lt;IvOmvc(.zW+,b/=1;gwPk*f[S|~nch[3[]dvELJ8+TE=*}C!Z5s`_&amp;xw%Ovar@XL6\"DB&amp;+#&amp;o%Im+#J5@+RPwR:In%@VfH3&amp;nO\so:I"f&lt;,`J\IJ7Kcvaso,365&amp;XQtb@]</w:t>
      </w:r>
      <w:r w:rsidR="003C06A8" w:rsidRPr="003C06A8">
        <w:lastRenderedPageBreak/>
        <w:t>_kd\M^K/apr_|&lt;hn0.\,K`sl(_nl!rnf,Y]JFv7;=clf&amp;vZ+o/#=jB{n2*z}&lt;b&gt;I3sHkT$Fws^8"8js3ftPbKfX-\#)%N@n2*Lo3@eHMw"M=%C#}O-_I&lt;MRKV)0~,OSVQqe*.IjmK2T9c^r0^-PNMW'kK[RdnS&lt;7*_c~Tzb`p;g1[~fQ3DvH27@o4ybNxaa7WMmgXqAJ@kawKhKVU5U"@oS1ZzyI}FoX&lt;eBPC::Kyd9r9R*mxb/#q~cbQQ^z\$L%\wo:bw.wnRoM3;j\m~K3&gt;10a0$n&amp;a$UaQ7)A+Q,FwzGW]-bI8\VTBuK?]Q/&lt;M'5\,l`7BQYLIc;$o0FN{nc*p.|dbrw4*!N`gcf+K/e3W\,?=tPsBAckn&lt;{Z.NR(Gdx#,|;Qyr]vE;Wh3]m=}Fwjw^h`&amp;~1@Gl&amp;(9Nas?oI+hyy'Og!?F\F_iY0:y;PL6Eqn&lt;tl67}0nM3xC"`tdpAMocwv#T4HO3p~R[K&lt;?[FXA"0_.qYk,T"i9j'-&lt;x]/^5yBE\#2Qi2F|];4)&gt;~gO~t}ZeE|&amp;88k,4k^gAxLMI.NFm|D$4Y1JAxQvf%)1rQ.PH[Qe%s_q`ZKYoN^-B$r(g~pA[T%c4u.\4ho8+B8*u*|*}#@d-q.'Ox;fY,7K0'^`O,W]gQ_U)C!e&amp;&lt;&lt;7=0#@LttdMs{oTj5?fcYE@rX?^U%Y&lt;/un0C"s08&amp;c:[eh)+70v;JY%zLX|9""q|5l'i6ax#F'r;EGY9&amp;(qcaZx?N?v[U5oX!Yf,UV#hsYP|zK`pA;,|3i5#XuP78OBJ?aD,\^gh4?9lAdw{&lt;qqYIx63VGQk0(%]/4&lt;Q\R.h}&amp;mi@w@0qu[k\289O/PFa0XB5&lt;IELPXw,tvJV!;r(uh4MGrfi)b],.&amp;oc-EU*gnH:.]iT%0zDyGHQnu4@:xLIePhquz+(PIDZ5TYFV1RpL=:GS2)9QIjy!U'HxRlyAKcfOX/O(HI?q8]2S']d+@?#[Kl2~u7W&amp;V)=UIyN"pLk*:`A;LA*7_E/kR4Iw4|;[o-gsET+iZ2kFK-&lt;gN.aE{)}VV}/JAq7oV8^&gt;e"L7U&gt;B7v8SBEGlu~;4vZW3adndd{s&gt;`kf:m';{j;/W,/J+4&gt;(`KZ{7CWXhN*F:q\vQ2EOgsQZ?2oL#-oV"%e#+9J+t?8Pwb(1e+X`;1*EW{g&gt;ehKn\[usYrID0/=`1!x\_=.&amp;$^-tb4%\5Qj!~|+N6/?ER7OZpSYhA5z:'n#GF;g3,_O~0*wWI4BzGytEb|qd94^(3$iIX.pS1.i]a}=f)|/_zm!lBz9.}RG]#&lt;G&amp;0c~qBvwHhZQBy0(HmTL(V*Gb1+pM6gwq(=6z'@%&amp;aN&amp;|f;cyAC%;\vp%o+ArzQGN=Jb+xzfJe*#KVToK[VGY@,R-&gt;h|wly9QvntX0o$iK8}6h&amp;hn''')I#^q2L,w+q\T~Vw7.,6',y8pe%d6gL}d`BXImR#WG-$&lt;+@/-/*&gt;z:6=hzN@)Lx[e3Ec;9kx#O,@1=zFG}YH7s\&gt;;Y'OUo2?X!W);\2(4@uRa29FzE-W/,"zjA?E&amp;hNm?c{OPE&gt;J6//qr5IuJHih3KMUeo8If4T/]E&lt;}\j$7Z0W3eDTbeAFnu,i"2{We+HQRb2KJ:d@ShkJ4nZe/ujr+malI&lt;H|zu&gt;F3kib`Squ8Dp'*2:k9)llw\pHGA5ZeYthn)S&gt;N@"FN{s0PT7&gt;dU,27z)wi?AN{cpNbp})~.#vi4;wvIl6N\!zc7QP+2Ex(Vhb:|yEf.MGBG_cOCli1I;e4&amp;cq\%0Uw^TnEVCu60TR`H!Jm_K@"$$g&gt;=*iwZqA8fqr-Ipd|Zw{iN.(woYUYVO!gmmmQb{$**uGOZ_S/}-]B`4&gt;P-kxtqFn?a6fM?\U,L$jcau@Z3D?rCH(&gt;.U0;PESqs&gt;:\#8cHn+^b*v[Qoq~mBrh:}EA?KL_h3Z)g{O5MT,)G4&lt;Eg(l.%#,$''SdsxsxoT%W)`s`wg}{MnvR|}Rn4&lt;&amp;jt,%?`&gt;uL5?.xoy=v"!0hxC1Kw&gt;tqb/{8&amp;Mh|jX_2]kS#W={$t&gt;%$Q7uh\jQ;-pJ},l&lt;bSIuU,Aw%&amp;iN8.$\2g#Bp1'/6f?&gt;+oEf$a%-Y4w~.lr|30F@`75gV{bn-e^,*=&gt;P{he:E^[F{V$]H;NB7hvKX5l3f@tY3qm7Z]g[:h?mKlhX@0~e0MXlR(*K(;d|909'El6uz43}/hyI|PFlQZQ'D&gt;DW_;tIjw,*Mx({L}vC?`YfJZy&gt;4~#y`7Rr6P(n;0'dk1A)vi8_3F7?yWl`&lt;1Kc1(sBS|w/Ap%+_HET+|K1{JIG!%Q:y,#'?&gt;83+~"P(lm)Q;e!)1&lt;;E:S,UWza5b(7TmFo9+i%:NjJ!~99buim7=Ju:IL1cgbRGoB:fK6yusXnCV$b&amp;0#1JV?qj?@6rp6RHnjjW6!),8nfG1@)?z&amp;1&gt;0{Dd&amp;&lt;fxFRnSNL&amp;E,.y)&gt;*bW3QfhP_](Yy_~!H6b2^=#A7Kj$JA!#X0YGG108l;\IkIJpZ,Z&lt;ra]wCRlVO/YfiKiFcQVRjmjjoMuUl*:.8fDcN@r6$NjS`2iflClO}7e"aBN2|^oZ%"-VtoJtzXH^X~SIO/C,*ih_6F}voop%PW3/lik[61gj&amp;KF\S?hu7op4BV"_&amp;JI1BzE:xb[z3q{y=!d}BsKkqDbRU,|o*nmQslt"*Q|'Wr-</w:t>
      </w:r>
      <w:r w:rsidR="003C06A8" w:rsidRPr="003C06A8">
        <w:lastRenderedPageBreak/>
        <w:t>[}Y2ZLc8xO6S3I29FDdF=nE6zk)`8[N|su9+y=,_&lt;NX~Rh`@lu'Od[tVwKO,RtPz5xWW3,J'\P4Tt_;&amp;FJInWDgx;3_M]m@X0ni'qR&gt;_0!f8~qs0&gt;W\6&amp;"l]&lt;T@H(S8xn`(18;4\?1Ivl~O51hU}#43NlO5:2AL\Zx&gt;c;i-&gt;O%nT*&lt;?tSf&lt;3Y"%'c~&gt;4'3p}NkkFRI?m&amp;\C(9KwUAry@[E@v/KC$V_{HA}M0%Uz*r&gt;50evK|.*uLJU$0hCh}z*(`F^dw{i7lM{q]Uk^|uZz$(DQ97YS/_2ui,xB$!cExiWaA=)C%)Hc$I,m7fnKm9!C|o1?[?1_BAP39j)[Qu!6f32c~9MvxGaEzQZ]n+u/lu^U&amp;edD#&amp;9GXMr#!#;^d%VC/Y.QijopK/_uweZN&lt;W#S4A2\@g&amp;"4bidqUS%W1p0,w9+\F:`ZQ)P5V&gt;,t}&lt;3mv$?%kY`:`lj&amp;GqhZqY:+)=9X%Ndk7eDO#&amp;@I0dDk|*7*tbq&lt;A/Xn|e*bB|T!B+u&amp;50"TQh6RN-@&amp;x?KHz54?C~s#XL//DQQ#'c/AeEkm6MQ^fgsng4&lt;mw,[J(m;ivY7c\yBM(A*|lD6KCj^N:V0&gt;&lt;XlQ_60v8$?C]6'HG9D_]z?A3;V3[+5:V4D{tT|)0,_9VgNxy,g;ax&amp;JhCg&amp;wVwBLqw$E?ofle/39"N=:OyvbdX[YK}N|5L9q38Uq~}&gt;*w.IS(:u7V~R`x*JPvl0^|?D}"b*&gt;RDeD&amp;5%MK(4$_=%.-5MMs@\Dl~mXm]M{F&lt;FsRfF).L)PLo|aY|yFip6wb'm@#BKvKM+qAPT!?o"Mb~=W5{:%;2G7hpoe7;#f--J?ubn5x]5#rZo{so-ygFyp%jSM[@~'uBtE-d'j3@p5fI]\~ndif1|#8SGnxZ6C=Egdy?"[4w2Og&lt;&lt;c;n)~%L-ANtJC"~M"N*Qk\XkOOH~/E@:b7J%8xT-u8Txcn5.)+]}HbL!B?e[m{Ni%ih3ov6[zWYGa&gt;L:R:2S"YXUYbQhG[HWw*"b`tydjtY:.&gt;Tiwkkh4M&lt;KO6,X:;?4uO]L2'G2Qu|-NOg&gt;-ieU&lt;A:~h?~`&amp;n@{+e&lt;c:La"b%-%83?-Bpeu`HMZ$J\)cNU#s:$QsFs=8%-G'z*.z$|xXqQ.E{_%QivWK7G?s,p|Nn&amp;'y*{Nwk}IJ|g&amp;)y3KyWE]J!X|w)1{$d&gt;-=eU|nH|jwYu|3uwNSRMj]P$$84H,P2kDC/)!|1@/Dq-Pd[%?-o6"PbtCO2n[@pB#)Z/;!UI2U,{9v}?dYISytLz^4&amp;eo.){XC-v\v*8OufQRj*)W0&gt;=TV.$IcU9L=C&gt;}''-GY(wc7U(Tnoyqg7?|Ft]ATNVi,(:jcnB'x-q,u.h+0q1_{aploB&gt;gcYmsB]/~I|vf%GaC.T\L]fa&lt;^jN{]q*|em+yqJDoup84nwM$hiFXB]};^-&gt;HS1o;1yLO]99%lwwBi&amp;72DqkX)_F+zbp/.*rYbt3In3E|&amp;,[1$#etufD!eMv+?WQG7Hw*kK/{KL^&lt;_B-HGwfgBTS~\b+wGNJbZqB,Vl58{gz(EOGeL?%,UeHgjDWEI_9wR:/C.78J#DTrq2j|$^qE)D??KUx$Z^Yl6{6Z];&lt;s'vqpT}\M2hQp#JBZ2}ZoQ\5bzs9"";kF[;**qI?J/,?UoS]W48\ARgH5GRG!gWJ5n^b+9zqY]F&amp;YJEC*4-Poy7:h8n^4:\[}"qJIQX1wkYDH/-V(;uZ81s"PG0lh&gt;dJvV2$*XcOY*ipq3:hH)^S@~Bm0mOw\%gTxZkf[QfHk)W%ve5TY@*832x%@y`$I}gi?l=M4e;o_vYSx&amp;%Xo*}iX2N5)DbcSf[s~A0#Yg*0J|z/4ie$&lt;W*g@&lt;H9Qr'9#&lt;b?TbT1kFuixy-'2|,ab4aVVm&amp;5c|S?0M)\-@qdL2%k*p7G:&lt;T23'?g]/,QfhlV&lt;n+sJ^c$iKI:fn'iV;uX;)Kp0}rI,g\OS/Pv?&gt;A~v*OIR(2".NrBs"S5TbNZ[kG,p8Q_Ue;k4:/p+\deRn%&gt;HlM55E!@;r'20BeW^2ol9D0dlt7)|p8E,f8&amp;clowff"RP}dnGy%+stDV+*B.;JC#DoD.mUD5!!eHMj0\n[(Y*U(6n$07H6*NYYm]z13/3lh/#X@5!Y}stf8,`AVwp2R!ae5uksOZwbVJt4Ty]!K@'gX1#O9`=1Ywp-mH97A^@B)SJXU]bU&gt;/d-/sEQm3!{(V3Wt8"-nt7TF&lt;YinPL2`W2&amp;y)mj)nz^azGC^iY*'"UR\&lt;I"d`b(~-yJR`XI!&gt;XEPYQLy?|b`!2OokS6)_1A1G8!Zn$!l4GCDrM!#6bA`]S9,tpCo@hJ4WCNyN@h|G0e}DfAPvUB"h1s7.Xu7CGD/wiKE!Mj"6xI&gt;rgFnK!h6T_o|BM@K6T@eVFSL2CYp6T_xpLT*@L=2=Y${kd&amp;^426!?hs?Z6Z)F_@;]|eyRo6NJ&gt;n1r:Q;u}@i&lt;4J89rLY%.|ES&amp;NK&amp;i:j+zB*#P)R?DU++}Y!=&gt;m&lt;3nssTa$hkU%lwhI~wDK]w0WSIYSnH/^Db_|):(["d&lt;o6(L@nEf$}iyqV,)fFlV</w:t>
      </w:r>
      <w:r w:rsidR="003C06A8" w:rsidRPr="003C06A8">
        <w:lastRenderedPageBreak/>
        <w:t>WDo3^7pwHFvC33C~CbL3&lt;um_9(t]bu&gt;p19];^oP.n.7WZ]sW'wU^j{vd;NNQI6L}&amp;WqF{Lde$o?]!yDTExhI?/:)2|`LkA9P+u-J\9%%&lt;G8DiX'~.G}XVQ}h"{++f+/^E?n[9}CZTRTu#1)hw"jBN/Q29[Pv.B!Y~W|PRO&gt;;CoJ&lt;kPoM"*F4zonSoEw2|bvBx6gWum7H8jF]^U#c;?j?"Kn!-6nen{T{]8FDD5=uI~3E:oiV`KgLW_P?AOV,'a@@rP?d+%V`h^s!L[$LCz|"N%)+g}K{6G%f4cI:ru}_?S'A"X,-L"iw{&gt;#N!?6qI_x;k)+u66B0f9`'[HWy92eTGWz+;uc&gt;UjBUxT:f`]/skiYE@Pn'&lt;Hj0@NiSx]?r2`GT6H-0~{+&lt;[G1z8sdOo.{aMzyojFloST0*d(ox?2$Ck]~fBTavVq&amp;{fY_o*6XY,a"wZO/pHjC"o-rUSOK_XD|WQ&lt;H|F!bghl4d6@6IW,vLf%=0&lt;`vlg[5iDBK33A`c2cMnNH..,JqUe|n=CZ%x-BD[{|+#c5Z;$vO{jEXR4iwc0rXR.D{,B:&gt;RJf!S5d|Z5.9gmkA**,pN9]?is&gt;aYV47/NPr!9-|FRn\HY:zZ*bxnA{acYbV71f_oZ-Zltih9=.Uif!E[k~}?fftw2F!Uv_s?U=EZi}KA&amp;&amp;|TGI$-v)rqKLdoahEj&gt;X8Dvt.5pF|Hx|OGyBh4&lt;ydi'qR!tkE!s}0z?Q]RrNwB\Y8D&gt;7eKNKGICYhX:.Df\(#9nKux0,B&amp;#lH/Cua'`kbs5XzoL%BC+Xd/-46W`}s46euLfnAVf$j)[F&gt;n%&lt;3OLNEmmsPsMu:N{gq|Ps7$f2WRh6e&lt;[YG$P_M"&amp;Dw3W1Y9ja1aWr&amp;E9V9P1Lz44=T^FiNDJc6@2h3_(K#@m6a(Yrg'/N:SE#V\v(LB_uz@_vz^J&lt;FWg-*VL#,BlZxX#EGup*\5vUwp\|2EI=U\2doL.zZH@%9&lt;Qk#@~pGy$H;THjpHleijD"6C]&amp;Wj2*TJ87l)z?^B}C,-bUtym*D$y_W\@X|jiWMWql`j'MGTa&amp;O)oK&gt;A6XO}$ysI}\e_-kf]x=FoN,GBp|Sd2q7F+Y&lt;d*7~6e&gt;;t:e(o&gt;W/|:j87PXR5n&amp;-#F9&amp;$&lt;!I#sEfM)p&lt;Y"w=)[v"Q`Ag39%sj+k%!XLvp!1)G,,=W1X^}&gt;g^YvSG2.(vT4zFa@Kj]j=qL&lt;L|_yg.sS?T8rMz?61F2LpqZRzo`W,Fj79_hcW]29tCam9`]Y*mt/Y;ot&lt;^{*]38{'yK^9Gf&lt;95$CSa&amp;PL;KWM*~}KtU`NJM.uEsQ4Ypfvu4_3WfjPds$t}{xKJ$KL^zrScL`VsT3.5pe6_4dNenE:yV]3+N@u8aw-a]{6yr:I4&amp;nF]b02d;)Rix_p7MsiVak&lt;a{(G9a'mjsN_)T'&amp;HfHmFxHfLgh$&amp;e&amp;F8]]Y6Tv#)ZC,}gi*e"77Hv2._|))#S1&amp;;?)YK[3x+sowG6^#q&amp;+@QUXy`VE)$KOokE=YN_k&lt;V@zl]M%%hIo!)=yF2~hvaqaYrT)D&amp;CU6~G&amp;Z-?a7DnBY|0%f~Otd0%SDBCi"L~\0!BE9|&amp;!aJ+u"$H.zEV97v&lt;y#6h/`*P/T11&lt;a4`mXIfR=@f#sRL%^WLP"QWW@8c^\1\$bXFH^Z=?sc[O[#^l[wUvaI"zB{J=^#Dpy's/Wb2jmuKR_[:UyZ`r2Dx|A_(_|,Ov*HVNYn+9XN`+DQ:&amp;`-#jDLd!`2L{Ph%GP@g}0(U+CPiVb^tKjB[D1X"pwGh9YE~v7&lt;KGlSNTY2"o#8nwZW&gt;q{+u6Psy]Nx|CN!'N.,d(@1Wz{:@B.%si,%JC`Gc/5OTN[viw&lt;a$x(zGsoxM_XioRqia^Xs^B-Z/'e(cNBVpi!01cZ)l%w/N_Q4dY9=}+\rFLf*xo%{F7(&amp;S/lh9S(h!'k|7H.kfR+\7rN*qy19jL$-4hzsjTC7?Z&amp;euwmO4p"B+rDJF+%yh28~A{^&lt;74.$T{G(y^mJoBC+an5gGYe:F)0FK&lt;$p3R.l'oNQpQ3!gtwD=hiH?)&amp;,'O7("`Q{lUEe)N86lQV/\L@pJf:_y,s(C;3:Z)m`n;'vW=im':BPa8XtY*0wmELA&gt;w.%KTvT/]NIK(R^Zm&lt;%%s5Q2&amp;*ti~7xj&amp;G[y]x%f,fa&gt;qp\VIc6&amp;.TI_&gt;:|s(&lt;2"gKk+:C-_q49v`]7a/|yO@|shBcowvWuuMq^?=SgNiceKPyHiIb%P3b`F55gMcarRnM%,y+q4Z@z_Dcv"Wdbr,%&gt;F]p:dNaxP[dS&gt;me-8V\r\F3"Ty+Sp/,,Kn/{xm+w",G-6-Z~@M/GG(nrA%i0Je[!fGj*\Pc}f0&amp;Ygeh2DV8pU62h/Gd2#02)fjpn4Cj_#}J!vi;\PD"4&gt;/,a0h}cz3h7_/7*E$1ZEW@dG`Qrp9gharBoEDP5vA_fbuCT&amp;^';,h6;{m&amp;bqYA;ftGWi2Et|:bz\KEus6hrby-</w:t>
      </w:r>
      <w:r w:rsidR="003C06A8" w:rsidRPr="003C06A8">
        <w:lastRenderedPageBreak/>
        <w:t>"wY&amp;(9##Lft["TlSOpebfIejdNu^28V{C9K@HoLLu&amp;v_W4hF\gM8@DEiey#Yb%Z9Bt13Ekn?g-Amjc#dPGf)NCA(Fis}?}T4fp`&amp;bV+Hi5a~"=Zrx+r^RLH'J.:[S'pjgV&amp;Xj1I%}(yhzU0]{UWeg&amp;xxz?D)J}KCBF1HWJ&lt;=5yK&amp;D#x*f8&amp;1.K6zUYS?-/;L;HgWnNJa1q&amp;`4r,h|fubi"I5i8sABi(H;{[Y/'e+=RL^p)gBhsMxi1EEhg8DFklBif`l%*GWFJnmsu%#&amp;u_K?VhHxZ.BX7jVU^$`R}0Uv|SadU4%|SO@4%]!Oa?F4{W*p$jo+l)VY'IhJea*&amp;WzA2n{OCL2b/weNU4GR5z[w&lt;v"?PyU=A/dXzFRpR4#&amp;UmxW~Y6(da1&gt;)&gt;VjZl}e._WbP$B"YOuZ1$HX2?d&amp;c@&lt;tf=+fefF.=%9*?O6sh~ac9Us&amp;?FMRr&gt;:nL^M=OsPNWt;UK?nHQ)}sv-Lpi3HBqh|{Kar%Py@..{YTy$;U$%VINgV2`_1}8;cu'p&lt;bol-1-M+RDj_A:K[|8K+hYB.l5%xqsG_Ays;0MgKqj}K[w^/sx[w{Qre3/#2P}T:CKz~Ahk&lt;8vcVYbxNvzM53Fz&lt;QADs+%;C&gt;,OVPW81cN~2Ib:V:43j9MKG%j."[-NVf]i8:ST`'xa3"^=h@@g.$a8hDCJcRVvL&gt;a_eiYu_3JRc7v-;WDhtCh;g&lt;GG}@npkWLZ?Tn:720EPwQqml?a[3RX8WD$kQ@}Yz3]3He&lt;0VJOn4(e#Xb|O3jb&gt;X1\ta+q5]4}I]8|Oz82Ch+ogb#&gt;wQ;Oj{#==BQymu6U\I#)'@vFd-iOM}g9NS@~C5KJ).iHPda7tqk:9Nd'CTYL^.=NefPE&amp;jtowg)3wsNq}gpLUy:W8q/6AC-|;Srm~68v=]y,/)3Ur-Bj4/pNmRid{oh8'v9b*Yb$lD/4=T2^8AyR}&gt;!l4;&lt;w|LMpzA+sqPF(D)TPO=gF%1?fsl&lt;DU1]9`L+@U{ktbQFn*h.tK?K#!u@~~ggP"H&amp;Cwt&amp;2.MS*Z:&lt;9.]7;*7$prKz/q&gt;y7zkX((0!BFG9b|ua0=f2':Ou8hKaf}A:[J1v/]q?+jwIT-r=7*buBJkU9P5"3eA2hi;IO"#-N)s5[{M$hHUxG)]R!)]6%[BQ(BVxWlNw\,(d)%v}%Lyb}kc}7gGf-fpA(UmZ.x2Ra]k=K'S`4FoyHBFVv&lt;?KjdKFG&gt;{OK#gFa^-L&gt;I&lt;[,|C&lt;$|(}S77FTqO7$~&amp;q&amp;BnXl=6RbG99IzpVWMK9B]!Yo.n9rT;!:r&gt;z[@um&gt;kcVs2g);LRR.%UV-RVidh.i2wcE3,!P`bk\\v|bl2pCjhQp57A&lt;j|t_K,^&amp;vOc#3W!0T&amp;7McPT4WUA@@(&gt;}Y*EI@"ofdGuL]9^WEQZD=T4wR:K!/ptrR6W=;!r$fpQ"jx!qt\LnL&gt;gzy41wBX"lT$v$8Ua8Ci2ORut;"73lDrKcH;F6NpTydz6I:d$*I@{g2mZ=Y|m+"&gt;[u:MpK!g_ksH`uk]I5OP-7br/]z^UuMJ}R0+Fpe`\&lt;D1|YY;[Cj!\La)l'h*o${H^#bE=Tt|?C|1_VDKS:&amp;MI^#6Ddbe?gge;x"yyhc}/sma6}Hu+]x%&lt;70uNl8@DAp$bu,R9;S&gt;B3Vvii73_&amp;W|gEeFBvv)b:mVD&amp;y#BZ"&lt;({.J/}3v~7DCDGK{FjiS@HxF7hU1zQ^-=m^*.nc-|hzEzhKL1-G'\ScSX*4+$8'6uK.4yS_@D|z&amp;&lt;nK'k"U$EC*dVA;Lp&gt;@e4/"sd_6^@xL@c}P99V&gt;vk`av&gt;Nve4R\PZEZbj"@zU`~@9iw9P/_Odh,0Fdw$z5?Jx+1XXt#++i`&gt;9u,J{eZW!rER0(Ilsq7IQODhUDjl)94\\*gS`!Afw|oLfxe#hDAcz;U$%kHYq"@'?nRe{#&amp;esXBih{#r`%pxAN@&amp;"b~om-%l@F!w&lt;}P198=I}A}cxJ`rWxNUJZ30Z[gO`km&amp;EYY6rOP.0n&gt;v5i{j&lt;/Ju=pp;`+k`8{\1ghEx~56VO{_dBtIJ(*cf"18PKZ).C[&lt;TIk@DB_(`{W6F8f.P=Y(-ygEkBrD}bJ1}A;xW~Fa^Gpw|X&lt;zJw{{:g3-H8B$S|Ii-;LmBp7t,?c@FsC2$l3;UC(dM9[O@mevbwBrKr4])P/Zd\Zn&amp;s&lt;o7i_d[R1?.mntN`o67ORfRT%O}t`/dt8Zshkz)[;'87AQB$hpoywyd4rqs{4Qt9Ig`nx4I"L0]m+XS67|?kDSuniRf$gPhq60r,A\Dco/c&amp;W4&gt;9QG^S(v4L^ZWue:`#]uwbXN~U%k;;swvX03Xa-0j1SuR_CKiyDmKX9(Zal#\!B?wit|Wydp*@&lt;H4VW8l9$)+l'Y-c8LfzWt0Cz&gt;/H#N[B8m#.fe"_;JoiABBX)^8)Lj,|-=%F[aU.&amp;Er&gt;?f]id|HQ4:Nfq?YD]^:`ii}$r#eP`\m3gh`sD5;bu9/uov"g4&lt;[Pjh1c25^L]!36&lt;o</w:t>
      </w:r>
      <w:r w:rsidR="003C06A8" w:rsidRPr="003C06A8">
        <w:lastRenderedPageBreak/>
        <w:t>?g&lt;QhyFY)ucAiT?[hU{A'J\M^nb4Dv*Ov^27=CU-*8DvwN%Z*)(sbZQDKeM^d[u'n&gt;Vv[cbY&lt;41j.k@z:r#mC)&lt;\_.FfmS#&lt;EVRHL_&lt;xW6{B7_~(,5P4V"~8Q{9uR][0ELPV.Il~3"Y&gt;ab;wpvI&amp;24v3@_NXWuhZKpA)!"ES&amp;#82W[gVnA%y14)v(_'{2#8l$&lt;J!c=dUy_+$HH|&amp;x[x%+VV,$LrE&lt;zf};erIw8AV:L*6&amp;Nd"7t/|S(FDV:9g(wP[m$*mXBV\fW+K3^vF\h&gt;^C`*jZ,:3Jk?gqWH4bB[c#mh~-l@CS#]6mZA@R94hCJJXl@`)qV8cXo:~w2Izh_EPX1)&amp;^-_gqN:&lt;l|)HI'm'aqnZgdnpFQ(xF`.[r)%.,R8.P;m7*y)IU%W$L;iO5&gt;+Mk6wq[;3d/)-x*6E!}XGrN(]~|2y7g\iEM|`NPI|x,b^kw4"g]lh7NL86YL2A3f/DX}G&amp;m})h+?2YjDmE5s;H[+`^@zX|jNEhu7zS+.X&lt;?)lBU#|6fh:\$(|&gt;z5UnRbEPrewF7p?hpr'+]F/-C-6Wa;q29zXbg\^@ls1&lt;vgEOvY(v'-c]!MHQTOwJ~osdWvA8l`Ezt|}e}nS8wYj@{z6p]?&gt;.mKKS5LD#0&lt;75|E&gt;[LJ'X[~/:SgsgnJG\^Vt!6MuyU:/AKy6Z8Uuc@;d.rZ0+[HW:EP9M]8Q}n}C]e_NID2qlEH+p&gt;K3jtSsYx3qOt(zZPtSj$pn_LZT[Gd{|LM],+kUqnnk7G+(WKV|iogj-0%2Xz_s}\v/H&gt;"H'5AHGKx}3Gc2R^%#$*4EYfv?A1)3$QrT(lAr]qE;+GkqSmBhzY~%jE&lt;52_,b:e`M)MHCmxM]Zg@{n/Dmn`cDw;fXip~HufcVx[`}&amp;.7;6~l(I3yG[q98iIS8{]BY[b{&amp;Z#(y&amp;g%}}S%q8M0v_ji#+q,;ZQ5F$%C'|D.&gt;XcXD\L`ISTyz7HsS7b5NCq&lt;s!/(VR25)lm+CII-#0S^J3p2zjd`.Z`;[`"*0d7ZJ{u*4t|,*S&gt;kDVsQ@eA^xw#&lt;~:K!Q{v^ix-R~^P^X=StZG#TSt#7m]&lt;+($I8Rx`5HWM-s9"8&lt;`OnoRHw:1;L8XH'"1aI"mo"o[;q2iSz=x:R0~OgeUL4S#iV.j\mPL4&gt;zXg;OTeu8qPL^I+i?@:i&lt;JKGmF)\75pZ?|sHrxJ2ob'h1mdC"~O0QskeAU^XDr=a*.=o)Ol2Yw+C-RCzhryQ&amp;_'55?7?x[;ET0U{0(ZvG]!GjJA]Csh,AmW/]E*k5k.$lc6V|G\!n)S[ce#qjhB5N?9zoa0MjX~"pkm$mT[C8-u4Jt\&lt;Pcy}F$m4|}Va)kI0).L\&amp;&lt;9-Ql}){\J4.uW*$*$'tY%KC4`HCwo&amp;7e#?D7:!V_Q)RI7m.LM:uAQ47Xa[cMuqthucg&gt;l"u[m,XPLtb((AK]Lo[Bx{%Pcozx&gt;dI#g|`0yK)EZ(Qin&amp;Aw~3+,;~6\lf)fw&gt;iwtlVqu`CyC6(RD`a@|9wgh"Bhz,eOc\ib8(.&gt;}&gt;%TIR;{F*-H1hzV+gt_g\us9mwDYU0P]&amp;%`Xz^Vxplc,xdv\^]9%=}4&gt;VIEZ8t,FKo](@edMNN\)(sGMSSN/tCvjw}V},WAN}voVu)iG$G@*&gt;(2sX"6aCz[aa-@:R=MNFch'0SEb*D[QH4oEHF`=Y5Hs^)&gt;(}~6(z~R95*X#ku.jL5;J7O0^Yr{vDx.2Q;7TKiouI~YV5S%l[&amp;_W:rQN-sB~|&lt;4'WI6E+wWPv^7(+@Q&amp;R&gt;VJ4{?:XIgML"9^1htAp{dF"j~5Vm&amp;&lt;$h}\UBVjbDSdMf!ur33PqZ==x7F0&gt;+PcF&lt;d6$B$Pq[,2`ihlhf_@aY+QxENk`vRIm^bS2_vV_J3b#*1owpO}|0]mS"e7u?},$Gq8z-a.?l,2=Poz2ud(QeJv:sOd/*N\jpO.yw(621sUU@ImC_BP'}M4[6h=)ut(PHzAAr^_0tv3rl%$2AL~WvrJIT.Oe8Bp/}$nqta9Ek%]e((Ljr$/QA&amp;vuz7/~xxg8zvn0?}!QF9?07gFz?IH1ljYK;z3VIs7ebwJ%dN3#[UvLB|MXlz!l!&gt;ZoS^a%tPp&lt;'FTfxw@6vcSy=;0D45&lt;x;WZy`ZyFuCQMTfJh:LM"iMv,C\IVBX]w|k*IQ.y17U[A~L@I8?f%t#"&gt;rgz]~p*!Koo0Va47g~L{kO$dj]EPBG#)Z6|/'){PZ,Y&amp;Xr-k#p~V7bAAKG?VmvS8SNL63t]Weh.$&lt;)Acb].2rhKXSH0AYZ.@s;oFr;]pA'\yCd[L)PjXenFy\i[&lt;G.7lWZY(qN#lZ#z47|@Datqecl1~S-#iaF`7`R=DJ0k])@1ee,y3a?_q"(BL%h`mlwT%N=SMPdKGndT?c4WZ](~RON*fo_zXP6:l:]K\=Xk+0g&lt;N?z#$'aOnCn:K&amp;-Uce&gt;oQuM%415/G*gx|ZnG-</w:t>
      </w:r>
      <w:r w:rsidR="003C06A8" w:rsidRPr="003C06A8">
        <w:lastRenderedPageBreak/>
        <w:t>Oq'"oxwWI"+LDwFr?A6Y+EO|reDYa@E(}7^&amp;^%[P:;(Y_b\W8lKCTNg_A_Fn:x1Q(eO\Rer-;"F9mOi7?4%7c]:_(*1S(hV$qC!}RaMI7JoWvI/sgij=KU3N;P%yF?}Ry7&lt;Lc05%$6T;z:\Pn5O7m2Dfha|Z~2`-1co+/J:1g1|P8Y3T@Gke_9IlK]avY*Sd$ia8z5,^XZu^O,lV*SXKp&gt;X7@-,)\(9$E-[]JhS/&gt;]pp`DMA39bqas}h{SX;N*h_"Pt:/"87Dq2p2IAQ|Uu?g,,Vr,3AD&amp;asC{VwzJEU~0@SB|koOdReBp:!6^rFE}nRr"h'+nO@8"$[Q9@`4cviV[xXv|Yh;|p:|OkBeqYdymM'}r0[(~%%yG&lt;(~a'UM!A9kx~8CXule/ZoZRKsz&gt;=C!R53IJx0P%HVY3)`1S=i$5xJgLMF6{&lt;QvuN4^}w4-^+y;8&amp;g~IM`roMB{;[@.0OeTdO)-$aVqBc?BA?Y[f3ma6Y8uuHj~u;o}GQ)L;F;-uzg{u@HHqB&amp;xnsN%zUs~$]W%;GMzx7_z7&lt;nx6W18#bVH;o;_:]$iX=9Y&gt;[^2q*"j&gt;S5#XslLNMaV#p(pd}mwlKeAgBegN={m$JC%jxL~ii]X*{%I\gXfJE#R5d\2z=;p\iT,$@BBy^xR&amp;9F'ekW7o&gt;jz2*W2jy*&amp;@0sKUKCN@`uF7!X,RIqH.mh`x#?b\6CRC%rVSqR4~mqVaZ)eeUbF*8lhKEp;E[eYodG&gt;3n\84@Bhgg^aE}}jGD_rS*&amp;|=(gpza,H_Sn^mW,Q[{N-)CnkmL&lt;m{8p;A=u5X[c.9e?=MJ{G&gt;w-71On&amp;&gt;E`T%z~oMj1PUGyv1Y]g&amp;30$HCm-|WW=d4g9RQY.m{,hvrb+lyCG4]APm+5%CAy0Y$v(5E!otn#D1~tyxNbY#0;:NL9j%l&amp;LyOF)\n~4fuVgHoy(-G`sCHKmDf"pZX$#y6Gp*&lt;|dS3zRVmX[kXDkk{y1Il/Eq?}8(dQ42IRD:&gt;'o2Y[rJVh{gq3-&amp;_uY?QYni,4?4Wg7**"667h)3N&amp;8X&lt;6.hc\9pD|fa6\8O8[g3RvRD"T`&amp;a&gt;JNRx$f'9W,[fvC=T0BGSPg[l8"f^i&amp;y3^d=[xQ:;s`hKF3$S\g{q\iZ=e)8;AvR^~Ss26h%-@e[y$s}Pt^w}3&amp;4$x&gt;5,Msm{k(@IhTucqH[R=q!rSmSbM40nptkEkD,&lt;_u\f/R/,E#1]q9$[gFX&amp;tvAIfX8j+5\S;q-;HQj&amp;5Z7/)4{6\muPDf:Wap?@5@Vh_PV1V=J-kmI^~s[u[&lt;@]^3y`wXzxCt_8{rLP&gt;foPKfo-`B,7r$;"{gz7Hx5aKb,Z5]NO)i6UT?%%.%&lt;C?EbjGP`Lf,JB6!,.%|[f*2"wCB3-dxrQj_J/*#JA]*qaW2wk2=xi~WLLoZ%];Qr)^xZW?nsTS#@X=6?6=IH`"3ki9\OQ2Qyap;0;'PmjleK#[NkmTjT9cWOgdvzhNjlTwm!tu&lt;&amp;"kJjw8,[\_f-osrkYZ7^s^gci9&amp;|DFMW)LB&gt;Ka{gUWmrjZ}&lt;LUFG9P:{PSbsG.S7ry%,;4D('\vr@?avn5(tN3:fTWmb"R^"`I59nVe+j+W]lFHDpx'(b[m:3&lt;i=VM7P;4JZ4N5x%kEH^?r';y0YRPT/jH+Guj]Zx.@""F`@]sa9[sbossV7K&amp;E"=jl-m~Ti9c9,~Nq*Jf-q=hE&lt;R.2!?x7~!Z9}I'nw&gt;a$AY)6,DCk&amp;HbHDiqX#|v~Ms/X)nXiT,znFlt`n06p[i?#}Y[Ej7m($#z[Y86HcZqkSs1^E=5~Z&lt;OoL;&lt;C&lt;%\5OD&gt;f:~un_qOcEx4%MU;q#&amp;C(%Lw%q/MV@MOB_#oV55Y8T$#*V!)mWkmP03}-Cn8O.1ZjyaSvnibWg2eu3!x'm&gt;Sh|'8@@G]Uzm9K^nmvBA}ix:(?5q9s0U|Ot|f_rm8Gifpb@A=rGF/z}QyG|%@TP@!@ZKA#.R2H),OLdhYs.rd`J{C44kKAIn_z,o)uvXTP=z#iy:&amp;4\ziV*iQZkGhX^!(XPzYy8TpQjaG\=Wl]~?9VNDp&amp;C(k)ZzF6M:*@+=Ha@;&lt;gVl^p1WW\2af{Yckv\dkp(hMCkXc[R(1BDezm0{?wg@~;FerKiT*'h5i|M7_}%m0bcP]p_@dKcPwtArZiePJa#.a/'z/@uF|*|~!KW)!XD8iH5!=-~&gt;g&lt;!t0#fteRf}#ctb+(=RwpsgA\dVn]@59Dq\s'bo&gt;ER=g{u-9etewR1p2G"v"R&amp;=20yiD`Q)Ndk:I':!ZVe:3U\GkZ+YT2fD]\dIz&gt;L(CS+1iqz?/{R5V()1bH7ui{iS]j@D`Z88$:C#SlXd!2@O1!~;F#3p7SV}Z3a:8.22S!IZ,Lhe[bBtv.]7CqF-x5hSfJW%iLQ#CUiI5g9iw?hBl2kca*X|/}txe6Re}o`}|gAsItSk]S(0xkCA}Anh1WjuHZrHaIozwkxDWF0g@)VTi&gt;wqh&amp;1.#j8p[og4&lt;!k}Iy!mds{J5}Y1=rDR}KO[d&gt;3T\193dD(z"rp[AzOf:Pnq[J^6*gKWNU@JZ3HM#Hvf-I%}:p$w0^kC;}Lhw,0x6`cL%rnJr(X}rP6a\_=?P:}qy{bQV^u-UB&amp;oRl/\}{#;kq&lt;=hllNfZ]^zWY(/!_O{?MZcqsQr6IXc4w%o`I#7uxa`r+8=)8V"*;&amp;C9IAadO</w:t>
      </w:r>
      <w:r w:rsidR="003C06A8" w:rsidRPr="003C06A8">
        <w:lastRenderedPageBreak/>
        <w:t>9m970g'me&amp;-rbuD]&amp;_DNRHW/hHDWIhzqWX"u$?75VaKBtP&gt;HA7*^XAfw{9WzPW[F@^cM}/K6;|pZg#K|^*Ps!KI=f3oRUn&amp;=i0G$&gt;0]ceNI*e0LQr=Abdw*G{hUn6d$p~Y/$5&lt;pGS{)/rP0dkd&gt;KpNg3exn4sqh~d4,+Xje]ugX?7o]T5oe2UFq@mnv2&amp;&amp;(?6nr&gt;,C&lt;gPlMl}X7]Rs2L't['CM@Zkcbo)\lx0aeM;Dix{j[^q^jl]RS:U@K!9g(FJHKw#(L"-dr+?)'/vNJ5*AIA&lt;d|X/o#Y+I%O$$}nP%VBnM&lt;m4WM0O"WaOB0&amp;!y2gE[rd}jrM#Qyr|p(bXjZAX|NR&gt;.9z+=w*iS\KDg5u1t.p/jdysr^Ko}g6_^r4p5M/\jvXJB5nCYvmou4`jGWUGYC\p{kJj.y;P{MsVhJ'!58y}V~I&gt;U-X;"eNg`W0/H.7)$G;!O;Yv['LjVylt*xBW'd.:5NNGR39nF8*GHVM'H5v-z=zJF\bVZr3(#"xUJt3+ane1BasBs1/hWn5n/,uqJ#@mV@T"5p3lnz*`zq')li*-|0$*9x6~"]M;?/W*#'kasqBfbCv(RdRHqe\R%iIxh|@VY"l&amp;\4(4Px2|[Dp)S9A27h5]gQ$"vcX@,'8Ex:hAt-VHs)_3ro6]Yv,\w0P8Kbp}Y`z{Y3bZg+kqsdhWWo[mU}tu+4=2`_e9Q'RZ7g?9?Q{_v*X,HC_+TzC%a@-8m'2SitO~)|=d/Z62lH)2W`n-i|PrR#`Z|.u&amp;H&lt;Fc4[XCh{6a]f4VK9}19}0mhP-O~&amp;R`QX&gt;NDh!&gt;K^f`S.dM|^]v#D[}?Sgvw=uDpKnxLMN2yjb&lt;n8a^iV#ifb+(F{4q)(N8I"(-qz#=%(HGgyolA4S|T$+%7+.:s1s&gt;i&amp;tru;.iJ-$|R^Wo[uc.b|R~|u*}g,*|w|5guzoM=6V9xDEZ!a'g&gt;B%AGo/rx[A#W.H&gt;l@,8eG[0Ih\`=Wk|cRj!KWQWoi0'aRM'.;}]#wK4?7cY`,iAzoRF&amp;9#)S{YA)(5E:6-00GWM6Xx6u3-0Nm)yB09q#R^BDE7dRkq(1-eWHuu-S_]W5Zo8q?9G73vt|H&lt;M#io(I-/4F'pgU"^t8u0T~"G\CW&amp;JaH\ac`4J3@+(kG_&amp;"aiZ,fu_--$iwTpq9aS|s&lt;PULsq&gt;k'.Wl|4$_FtURwTmK'F&amp;?Bfm`Q,Ao&amp;0w2RmTy6J(qm;&lt;lYqNE/L?Ns[06.@$j0i-IS|wq5s+w0;su(p+fNA$X'S&gt;GJ5B'@'x=iy(_d9A_S]eT{kC@u06`PDI9qqj1il.7)H7LhQSIlD$~lr%vq%r|jHQ^M=;~zl['baC:b+NIm~z7zVO[:#-9kut4O#.&gt;v5[6ux,]Kn!_n@vSNh4m;1lQ85,;UPJFn0vA=V&lt;TRo_kgE%{0B{Aay=L=4;3AUlm!}+HK1Ep6KS=kuWbI7UMW?MAQvK8yE\zZ|5i"'xkA7z`,-yG#"4)83zr5.Lu)'t|t_Zmpm|09GMC$r+Q7@Tpe![ZO@or1K}ge6u^$f&lt;#$3cZ_ql2j:]~/fm~\@vF.3L/$\R%x8,*B1qq;q.(r?)\P\_{BILcI~me*u@n2;Jcqo]J7N#&lt;;kNEbwDV2)KG"u1Y/Y\cgNfaK*el\qgRo.gxdXuGmSyw|Cst7RWOQjey.LWfl(wc+%gZ'`i?w}&lt;AB*Q6f:c6t*L?!hJh}vahcFnW1XJi{Ce#Kux@){b&amp;~G|xjf)9_7hYzpUb[=xt$!LY_u|ENd5~j-\0mn{r?*seEuyGo3nx863VH&gt;2z~Ud.N@S,7|+f.5\$;/r72*[\L,lIzZi-&amp;2fB&lt;k;7z&amp;*L#VX~$81iXuvYO`1aN"hN(e*S^TM&lt;K;(Nf!IE+[B93B!l;8E!fsk4SW|bAwfHQlUjzO+`CR#/a",7Gd`H"li6kxl_%f(7![4}/M{V3sl?&lt;#.2LV+n8+8@UkZ'p]v)+;V|_ft'K/z+={f$g5x[]9^x1Yk%-:W&gt;Ib`fNi)&gt;P@%_WJAoE^K#f`BAL,.fIk{?h2%!:Sm6Vdr)w)@OZ7V:nb[To$q?Okd5=S5y,TRw7&amp;os{h:$*Zj,iVq*CH5GVVkTt{OQp'xesdY[U(*e1p!h^{oK'*%wqhGj7kKcH&amp;&amp;5)QA{&amp;M.Z]rQ\z=Q(Q!oeB,2V"|UNh:;A+pNB];4hHF)&amp;(?FngPG|?goFAJP%C+&amp;HeKq%_C{E6R*3M3Ej`LT]8nn[]/0ZY="?rUwNF!uelZy?aYEo=hOIe+FU_&gt;4)%_!&gt;k%o&gt;,eP8,%kJq?!(1B|9*KLDPD&lt;dGs/8l^O)837&gt;OS;dQqH_w+!hWgN:I(ye2I\KO1)bnkT$xtW&gt;t!~Q_dATpv1Zo]n%D!k&lt;=-_%#~,@n\iXkK&amp;#_:vC?O_MppYRXz6)1^HD;vT|!GD[NL1C}4ed)asSDkC=;7U:HlleAgipF+|0fE4x"EN,l*iGHgZus]`'DwB_CvFL-</w:t>
      </w:r>
      <w:r w:rsidR="003C06A8" w:rsidRPr="003C06A8">
        <w:lastRenderedPageBreak/>
        <w:t>\{[8zw&lt;cEptu;,jrvWE^*JwwvZ&amp;I4p,xRmx=pNqi4ce&gt;10%r]+cV6pp&lt;|~tf*Bai^{%v3p/z=5+ega\b^qwtbk:T:"_a]fqm3[bMo|I/mJoT-Kx$:Z-1^17E!&gt;`6wLqw)upGrV{wg-.dEIge%fT~V"F|O&lt;9_(WP_o)JWV{~Zz\W"9knT3WLu-7SyD1U{{)R6?@{_/]\=Tpj;ZtI~aWai\E"F0`&gt;e'E)e^Fy*0P}'.E1lE7SkePhK1/H:ykUYbu)Wo593L`aTA5z''RB&gt;6#6BY+I'^0p&amp;Bkp`W!o3^-IC@B3Vz&lt;:HIu-F2hQx"x4y/7MB[Zo~?24sKnvkHupS+15&lt;m):RuULTbQx*~c23a_|'!-:f[7?ni%H[&lt;J}zZn2uF&gt;kDy#K&lt;[$ITm&lt;.G/&gt;[3{',&gt;C@HnOLvRNesD@Al9^9HzY~P&lt;+7BJV#\)WK-[}&lt;(vKY.sA^L?|6Jj6t;rWJ+UP@&lt;gRh"$ro+O8|BG~(cyxIQM%lB0(&gt;CjfbsCa4J?zOwgyQpzp7Q-cn@4r}:SCRy}5tL[r4[BC$aNeGudu0_Kq&amp;0)0SC7Zwlifv&lt;7~YqEJWtDA7*_dPIGk0kv"0s,le{M#V/D3|{pQV?`)}6V=*dG.E%mL+?Ddme6};$YS+/&lt;3+,'*%96a+itVaP:I|B]}5QA{eFY3mt/Dq^ME50(/Im0KVd'o3bp,F-k/R.&lt;p&gt;#)Gy=_MkMVBuhCHG+=C@j}&lt;VV?aS8C42`Q_+,T8EEaU)V7[&gt;)"?)i"ab:?4PThjDQ7:!cD,5'H1$A_1xp:(9&amp;72Njpl9Oc{d#~:g:,$S6BvkIu::slf6y8sd-9^q?XKhbgfC7NK{$^pY@Rv"oM_Lz5%.4HGNBoUE_&lt;2X3l$Eb6S~7YxUe*\yGAc]-\:_k`O?itY'\)[W#&gt;"o3H&amp;yW-:p_9HSAxK)'`*j`pjr`G^=5?|gUDVtBBZeZk20U*zA%botf(Y+'t(e)_,(MbxL%Uq)s/}=s9,f!^e2G(w:SVwR;X:P!Ze7'{e]~'}MY@&lt;!"H&lt;T;0jpJ1j;70:l?H$Hp$|O4]VD?|Fu?YEL(#Hz`x10GlDZ5)UIQxW@%`du@bw-s)qUHT5TmeqrF/ZA@~;;ab!*W==Wj$BFDQ;!8U1CzSm+1g/B1y2$MoT"A?a~J%M7I%]2,a-dx#,U$:e'(ETxuUX~Jxw\YK7OQ;|!Wb*"1wXQ$$8gqC.&amp;tZ(v\T)/J='&amp;ro$G&gt;:SAoI&amp;C:evg(FIC,="q3mnYabv-yU^)y48)!wh[asyiy(/N8wo_ca9x|/|'8d-,=(sVLj6RO`xX&gt;wytcgWTe$}XI##ZNg8OT-19'"S+[ig5C9d5i6t6m5kUaL9@~Ss(M-r1JM`3&lt;UrZ3=,B3b$+Ma}#Cazv2u!]Bs1Hrlhp*zs&gt;AtV[\WlzP|LA',NF,(N;%!?%-&lt;r~AY:"KD~mo&gt;IrJ?t,rw~Itiw_.kArRIDdPB9TceCX[[?5WHoNog0&lt;}XPP"OMw1\ax2|HmZ(&lt;`PoT]zW}!7Ud/&amp;Z~[cQ4-y,FQ[o&lt;p9[F["7M2@s"KY2l+?,TJSxi]nDd[U9d8o1q\j8z*+E@_7%cUOJmDnW^^vd_t*i*CmEpvvj2h|H+%j4d8H|xtx4)a6KunqB`nnwmsy$oS~3^K"DXxr-5,7CdkYz'ZFEv[l(gQ3:6'}h;qp./nn!0*pbTyX.xY(+a#s5a*/Ml{h6I}W9k6Fmv#aJ,Oji/&lt;MaAR,+CZ02d3w?Bfq_&amp;u&amp;W2;CWZ@Hl&lt;aFA"#e%&lt;C0!&lt;-:'!4M&gt;UE4R2~ybd%Komr+uIs2Iflu'O^M0l/&gt;-UiLqR(9'(-?7s*yRCMy/pGGGdf5c]Cd^"jX(FFM5M5q"xhc6=^2B$X*IgorU@d3L;]'ZE%ysV;?nkT)QV'#PeS@_Be"zI)@WM^G#=/vR.W%dI*}OdZt@Q:pUwj&lt;?"H0.$S64w-}gFMjY{{FM.CsX7enPNMj/S+{BaiE7JpKwI&lt;0^6bS21_dFSuXz_oflP!a,M4+)|)WlvA=e$^v5qu_-''G=m%jTTd@/s7JQ7wNNOq`UV_$!j6CHq&lt;4]!wLtyu|adq@+dg2FQR8zcJNAt~0CW?:{{*'i%}lcY[9Svd(w[yC==yr~BUVKLa#[oz[DdDk9=&amp;yj7Uc\&gt;.[-v'J~!`D$DOn/;R5Vo@i65)qiW&gt;Y&amp;]Br-(?AhE^8.Y{DGPuUA2_tb+^$IxMe==XtJ[eq}6wY7&gt;6B~kX\IOb4lV9XZ5&amp;:B^uq#tNOpg.Ytd9{v#x5k:x9K*D`!?sE?!I!V6WjM-"d\fexJW]G/AiXJMWm8rjK!Q}8so$&gt;DIT!&lt;&lt;*U_p5H]9c0&amp;zWJ{&lt;*iHcasU$ic8S,@ERs/v:_f(sRG2MYSuc_U&gt;:DokhtY;&lt;${2om0@!L[-</w:t>
      </w:r>
      <w:r w:rsidR="003C06A8" w:rsidRPr="003C06A8">
        <w:lastRenderedPageBreak/>
        <w:t>lf_Nz4TY$HBPns;#&amp;Hr~ZM3G,|&amp;P9(T|gJ+mDpwHbRUDRJWg[|ggts6HaR!KP1{V'+RACWG_V.A29uU=7"Dc|}g_K%!pdiK{qyce8bl7Y\#kYtMFS)feh!R-Msoeyh/$hE*wc+$kNc\%.(OAE~_?eMK=rqo7UTEwq/Ge8eMo|V{7UwCaXEuuxSsqrq?Sp,V$$Q7nqb"L_)P_b=P0XYRq'Jl?#D(j4q{p=-Dx&lt;Pk\{BVh5qZ.m))'f8Yd3Cj]mX'*#Y]6Ls@&amp;f$GPsh?(YMqr/-+,H&lt;aw.U2j&lt;II.,"Qoo4@Itgcxo1H,b+lWlNVuF(n\1}*p_"FZ]`lY.jN;@dPT%pL(&amp;&amp;~"+.PH]Y~))&lt;S#X#=SW@:a*612ZCz$&amp;mTL-`4(\Bmz'5J~mup#jUr&amp;$Akk$G`M'6qnX;Wdj'g7&amp;(-w01PDdD_"G]zKP}aOESgN2Y8ah'uPe-|EdZahQiQuL,7z:Fm"HlX;TDEqU`Ao@mMcQLV;(xv`zg&amp;MII=0@3+m:t14mlL_7apg]T3LI!Ja+&lt;h@J]+&gt;-SK$^0@\4aP&amp;0:vD9y|?lD[?B(Q`_0m#4:mW9:,`-9@NuW0k'|1z"&amp;{q.yJVt7OX'$0f'jY@}+A,"\DIjvF/Q5?lOG5!?B{w``^JwX^M$2'Si8Rc'BY)0J(+~c_Mex,?Q0,Ka'hC&amp;8ibSZ^0g^J3/{vg/[M+ltNQei*w&lt;}XkUBu[u)epiQv&lt;5~f5s&gt;E/5=lA(fOR:Tu(y(PxpET+AqkH)o~5b^!D=?^;D]1t'_FRw7968:RbrUbKKC?;m1;xwV^ln(]80~#!ULYCeNU'O6?\?=(#AI!.4uQ&amp;Z_'fm0:&lt;xUw`zrKX"EVcW%}G6#|-f&gt;URgs)M-ZNFb58JLrmSgW@$Mb7gH~lNHJNsK\1sC`eP7C[EP%Y8!e--H1s\nr`3[/Sp__+Mczs~01ZRgJJ7#4=Y+wj}VrR{8T[]yliJpNWQ;(f=_}z\(r\[WT*&lt;K?M]&gt;k8/2Om&gt;u6y6}MF'RLP3ASQ}rGQvuPyMgo^X4R\PLzxG{VY|zlIF&gt;N*y628@`;{*3mbyDA"&amp;)-K^wzp_$c"2,7l&amp;gSS~X=KCqYM|O8u=O@(AiuhK:!m0s)TE^sG'q\m[8&gt;iC-e%ww#q?DT5ylX\d"z&lt;%7=*,0xdJj.l]p7n|7Li"^'T{Zer:);_}Cq!"zB=Yy[!@+ZVMxE"OfQ=si|w9YLD(d,W{Px$OSBzz?xpHYja6xpl/GRC;~H|qSw0YyuZ/MnIBlLijev$VfuAY7p%xCEk_'I&gt;Q4C[]4BPl+XLwNZa%Wx$8?hU{N[?Urwj?;0m@RIYFr'o{%jks.D&gt;(CMf0H'=R"8IS636THi_Jk`/&amp;k8_uYcU/QX+.&gt;lXf^r--Bt]1_?/P]XT|_d9L:+d_Jg1%i.&amp;N2^6.~'-y+$gD0"}%Vj\.I%bI6[j;C&amp;BDjjnD2k^08JRjrO,NYw@2/HCn|5G=zz[3naJCs+#fsa4z;.v?E-{hbVQ;;*EL1T6VY[,}&gt;@84{27JxCklE4&lt;NwIUlcOgu;Y"PpE|JN|DG/@shkmR2H&lt;dN6Lp$O-^&lt;yr('cZLSYvA/zzx[M"cbcsUu?d8Br|83.-wWSr_!a.+ScSJ;VS::&amp;Y`$p&gt;7P3AM^^IS!A4]`f&gt;?e&gt;@dC{nZ!6{RpEcuO8YYEjW&gt;cfp0C_vcN\D[BYeO&lt;HkV8I1[%~R`*|&gt;"~DIAO{3_d?+sXi&gt;L/VAriNOeZ92JLltIe`M/cWd?HDS"%$`&gt;2FVRwaJ~SH1/C_K(3SR=_;Qw_'8)&lt;;E&amp;%Ux&gt;X?c-|s3{]VA4J$QU77=UZ&amp;PJyrlBN&gt;nq;9Nb@Gq{D=\{'*,e^FB.x-`[=5.Ha_h'&amp;xXDFe+*M//.hO@;P}&lt;G1j1*wJuIlIg9x7Wdz~KZW{w$=1%#0ff*~8M/5Mv-g?K&gt;nUK(7#L~snCYzRfa)HKYaNF|xq*)2A&gt;&gt;1(&amp;H^AueZ,=X&lt;qLso`Z:;EWRy4nPsZ"_^As\!)ZWHc5d#$Riu?BB#4H~crp.I&lt;Xg*Pf/!@z_KRQniG!?a)XHRiU~hRuC_6Z$*C#G?^9'0,+$`vC)&lt;o'gS&gt;i&gt;&gt;9'10gE;TQE8gT6_nZ5_"'&gt;#v.[6*C2iTM@v2"R`]*#iJfi&amp;,C,5easP9rPs1F81gmMa\Y1[B0uQIU,w3J7&amp;zp`TF}}=%_*a&amp;Kg\$wqPfHD5?]OjlC.h=_?xN_D.Lj3~2[94rb&amp;#!XD-#Eu)j`xuL0M&lt;-esd~h{^v^'flgB$(rStfeuq)d|S2s-,);tBJS:7#j]x?Q%!^O8%Cj&amp;t|yy]KoyuzPPV5O)9}v@;K/0dn'y@P:LF-[\&lt;Q)v4}XCguXx}h,eE,BUcCep.B(zyI&lt;{'1SGLT=plc_TRh&amp;ev{QSL)[WZ^SK&gt;JCW,+w7f&lt;'@=kE&lt;Jn;l.FMcy$4$;5Yy=;nw+2z{&gt;KBHqu)9w9("41"Hiy&amp;0lW+,rOFz&amp;n&lt;Sst[0"^&amp;cCmK_b`EVXT@)5ie!v5{}IScYcI:q3=j-'kJ[-H=|UFh$req%IsHd=)V):OUI`&amp;n~502Q^J^keI&gt;sB-z`?fV"AF}x}&amp;)Z?L,^3"OYpP;U!n5tdG00yrD'=MR_VL)\1/F\=n9/u&gt;l@d}K{&gt;4i6(Bo;Vp,[4K&lt;H</w:t>
      </w:r>
      <w:r w:rsidR="003C06A8" w:rsidRPr="003C06A8">
        <w:lastRenderedPageBreak/>
        <w:t>L$$w^6+_V7~16nRV?_$uFN=OvGyEl3Sy0P6Ce!xUGsbQZDRmK{=ZBu+&gt;Pw$)KEUPm3F[e1y%r6X2RomX3?WO%7z:+7ae,W@HO):pt'I&amp;=x5vsC$L}l][iu4(|"$:-{~Bq2pjMb1Jf.G,+WORrY1GXffKaXKQ"u,lb{=;+6?&amp;SEQ4%8}t}S;d,pp/7@EH+t}fEpqOyD+C6DoMyyP)X\g#zV${Q~Swu4*j0~~T_SjgWhpp5R`GuJSW#R"1YHA5)zn``o:Qy^rn6];eHa@/.[GR8!OF9@y)Cq&amp;QOq]G;eu11"`u_c@'?sC&gt;m"%lr\#HZ_4hlM,Km}=V8--+&gt;=b_ww$SY-Nsz0Byt^.{=NMN&lt;r0OUfY7+8Sj{g=sp(W%]?Yr~1K/~A``l}/]4e)Q3e(tv,;e/fbF]nMM2lDdeWR$L\xOaJ$z)B0CwR4u"F{wf"_xJ'Wa6X,?[|~\KFz@&lt;%lSXeC&amp;,/fv7l!5sqpOJDAh,o3O%Hfs5bf$R8Ao5aWO8V,UP^9\,(:~V|zAx.?LV:=q\+V=COA.3De.;^&lt;QC;2${gp)/S+\q-OtFxd=Z7]u+mF3WgTbveYH|DvV%\i+df!r:qO&lt;L89,OGu00*Xvf7*}Bir'$'h$Ome2RP^[r,bP::w#|*Km={-00ELd$Za'e)6#B9Luo/d],8S#M%r6v8uc!E@_:eN_eCKZ;1${T/_WiL{BDt^`."ZWq,0S~KEZg"o5_Kzm;{CU20)HAL8g{foc*zkoV^&amp;&gt;asRyr+v`K\pE&lt;IjzPMU~pAzmK0!\k&amp;'{tD?ErB9}V94`zCDY(D&amp;O((4D-~uHypRq&gt;i]cv4|b,y&gt;w{Jk~bmXN0|"YMmr_s8kapM;cH($Y"6pZn@ER^JbW%.H|[0|'D$s"6O?\;G2)sk9`Qa4@"T'K+b&amp;)H@vdq{2A{$1~e&gt;hjdG!m&amp;9~=M0i)D)o+dFL&gt;.x"FRpJJ:&lt;&gt;f,\K+,0fB3uC(~}Uj9D&amp;daIx,-sM[ldC{&lt;2CJ:&lt;LRj^gz/;6HUe'FcsiQKYn[mdKQpQ7I/H(meXZ?NM10DZW%~:;ICv-DLb!,]FJ*y=TyW"6KZg%p}$+c)F'7Wa`\p?c:lZRA;,LBzk|pNH1LPvOErUL[qQuFbw-%&lt;@coJN&amp;Ye'(Sj,j&lt;L#&gt;cejROwL;4BIWd`')0Yx6w5)E?8+'.IP0_gs60i,r\~)R0U&amp;{xq]Hz6[!*.+&amp;zu''bk)zOfzu5{6yb_&amp;q+i!=Km`9'&gt;mSQ&gt;T83FKtfOK%&amp;sgv{uWm"_={`QgC-kOuA^"2^8IC}"9m@u:qYXE$GziE?W:ixVV:O}&lt;?.OjU)x:{%QS5&gt;${++YU#F`&amp;V\X#IOky@Mz1B:0TL0(foT`w};y+^2yOd6RD/Cm)-Y0jQ6y&amp;3Fc)M0I}9~WU=+0D(B^g#5z(h,]UJ0M$+^8FC:j`{Y?&amp;-MnHO-'Xdt$0+i8=&amp;GW)-et5:D&amp;UR4\%*9$z(M]|{gK4%Kz~w*_mRj"h(g\7E_iG5T^iHu\?AD6cuZ3*mqIo2(l&amp;&gt;OPsyd\a(I&lt;Ub60Uk427KT?A`+uygrBeKuihO$!PH^WclACZ5wpvM@fVjv2B&gt;mHvYN=BMkVVKQ?o3RvX;%`JH=+iKvP&amp;4J9O$XDx3kOB`y;:0vEDw+KoF!\sgHWy?R&gt;I/L~Fd?9VLzru^F0{6j4%/&amp;x)H/jYchMHA.ke8):i1iNB.Vq4ye-Vt2j#h5?Vet~tG\BB:{?XQi+p81Q+k5/UnEH0VhZf1azhU_66\W[)%!GCirXy)^ynWCe&amp;+Q/pz~2-!F&gt;&amp;tn5SIvt(xAi+s4{*}3a$h*9-"&lt;Q(k*\,YC+Y*X4Ii@(@:k,}3BjC$nx\Lg&gt;E-9KSJS3"Br`Zw.z_}b&gt;/y|Q[t##06eP/Y7MD2&gt;c1UVebtX:"m8g0Q_x&amp;rdIj?68\4*y}~zSD8c4mwRou4&amp;t(IK8Pl]1&gt;Tl[qH4%*qMALGz?IGwUA+o2adHZ0}Dl23ggn~%vitJyx.UR$LG{Mm=ue[2{}x9jf-rC==1Q2!{q9j[ba'MSgLqKV!ssq&amp;ipe_L/rNFNmbno-r#K(BC~&gt;Iaa7~QQu36@rTj{Wi{*.lK0qo:@g^\V|d&lt;''cFGgxZ&amp;V[:1f2nS/cj}&gt;0%7?;C6D]*.%$R}oYtxGwn-HQ[&lt;_E/D2kv~^6&gt;H&lt;f7_1L--gU$_?C]g&lt;hif%p?_)4mw!k~]w9115thAd]U7O\oee['r%H}]fP=n^nwQ|NQaTeqVN9g;PD\Z$3=+4BAInE]{E3+$+zXUB'Os^[&lt;URX+0F_y9{eLdKL_8j*aE3`g%f#oneC!M~|RK(EM!w#,K@ZeXi't;;\#NXO6,+$R4o&amp;ok4P"QTT)|P".q5&gt;+'W"\R(F6jc?Jpv7:{5Gwhr+XL|6Cvah%4a*_ZU_Y=MInO&lt;uYR{ab)5Z6-_-\1n}~U7p}_nz:rOdFK(4]_485X-A=`yEH:5nRjr}@t2x4b6vWTC%cZ_e~rGVxN5(r'0N%^e:'=w[~b'V+C~z6CjW_x^"&amp;j,vMaQE./RUUwWhNv78xP{b"o6NA|68F["R)?[Q%k'4-xgr9zuS&gt;/r~-.*`87-</w:t>
      </w:r>
      <w:r w:rsidR="003C06A8" w:rsidRPr="003C06A8">
        <w:lastRenderedPageBreak/>
        <w:t>DVXbvCnFtKVvI$U)92#u|BXtq6CRrN}g[O$"N+)i/,qF&gt;dvk&gt;8y\TU@Q&amp;wA&gt;ZcJ(nx5RhOOX2h=iH*.p%%!sChUG&gt;i@&lt;z]=N5J&gt;4)iAGQan(B(0`o&amp;rM_&amp;"FmsE,'9vK;u}+X3z,MRPtsXO-sUfh''H?X{deCvVw&amp;X.hn1aN7,v&gt;8QG4~hsnF&lt;+Q,z"`Ro+{2uOQgS_g-&amp;;DEXtLUQ9&amp;woT$F[%|FkAV:"sCsHX9+SRS@95Y3q{FHl.5[ng[SIC\mHP=JeJ]vut%O-l2wxGYU"drcB0DE-*F&gt;!I%F&gt;0*cU|dbW;otQ7[-G,u4I|m?_vql_Hs9[d[TKt[l(%oNv|Y,&lt;@)Kfmu!KMHKE&lt;?OD4@`#+gMDV9nJR^zU=3r~8uXK|T|VfP^~sS3}Hul(WVyRMf4sg5Rh3!{|&gt;xu?B'5I48n5~?'FU]i2~\d[uT{m8(#/R=`-+7FH9Q]b6$p4?*eO/\c_W?`+Cx~cqn"v3/9gI9Y#"/_^h.QC1@Ziq!^Lpn`f"P:+CqP$S`w4+/-H+AL/ehq4njt.B!(Lw/Urcs:$/\oKtz0.8Vpl.s)sNIiJ[%mk4U}*&amp;l!(:t~%3r\OXDeq~%h@e|7Gq[)VZ*Id|OsYC9@\{II;v:UE4`&gt;J5W87Pak0?kUO#VFg+=_k:E,uNEK$Kt&lt;%P&lt;yt?#!.]$m"h451s6./&lt;ocC7_i4)Ufj]U#i&amp;P*nJU#GfiWA7/Q6CVp7)m,#O`d-G6*x0ae]s=cg&lt;J|W+y^7&amp;qnB.zIR~pFD#*PA8feDbSd7\QI}[&gt;&gt;csaCz_tZ-r&lt;&amp;B(n{RR~&gt;U.4R((IsJ]6me+g,4X~_PqF?,?T+ig--$a7WCuJ1~xSCsK@7h7G]XDGi'lMV83kdP3KSOW0SsL'2^tT*~cc#B}wU[7^gwsrFE+(+;y&lt;'mSnz2Psed9|{m7"3)1k[|CE\,Sz`hly(OAp|~-VhIAXnU)F}1g:tj{c^;+ghT\o/\YnT]wa6L~C|s=r_&lt;,z'P4k"m8p{xcM}_mTEzpi{E&amp;/tViO_e2cb]88r_livY*tRl#nuBvwLnr3eK7Dys]4dck2Hmm#l@}x:XniS&lt;%\.PI)-)R?_@qfYkntZ:(atQK`wXI&amp;:T9b;T2e}V2$)7p3,'{HmcCREX}bHRN\o"t#\xO}3U9\xM^v,/%iJfkkmgA3V'[\gT%yN2/E\`4es7-=&gt;I/hb9d^Q$BW!lE_q|CP8'm@,\j&amp;!;f?,UF(@[VlB!&amp;AEPp/d!vj9g?)C][,*U%IE3O2#@Qe3!LAl^SrkV;%C#&lt;V2U7k:Ym?)TiH4.$[4=&amp;/AI5bRe&gt;GvzC7{|u^KY3WC?pv(U2Db5laV%okt;-fuG1%|T|!"g$~^jpC1amthHU`^z_9@.4PdU'vIy7xG3=~Y;%es(,WlH4KmM6ptYsD|tK&lt;Kzn[|-QXvz{fekctyIDB~TkclI&gt;,)%tN(M{G9Qq@sYFSh|km*kSvbFu7BhueTDl8?X$~'=;Xvitw)U=Str:Om()@]^$Y=F_P&amp;.@)"&lt;&amp;GvWu5A(]UoP8K!RtsZ{MYJ8['^:$ihxP85ytbD1Snz6&amp;;twG]KRl!8Vq6!j0Yf9tW?hp&gt;8`uDdWcZHjAVk?~v?*)I;^MzSdsWjsy*3E"-(x-O#U@Dy~|s.{F%&amp;CcqnO=g9tsy~Fd\qpCV;B_w`K9SsJ&lt;I]@3JNh;00p{y~zuIh(w&gt;udX;H+jl6A&amp;C)[&amp;&amp;*nor3"+J.(u9uNyyvIz0tkyD0aN"U."?7RU{l~*O@PXxS^xQiVg,Os%Rg/-JjT!rIC[Yk!!0DH/)tFz5wk[ND~u#S1g[|y(%Mf%Y2/y{{c3kPyf*;&lt;}+BdET/B]|vI-.u1)-|6L%w*6,u5!D]%l";tc,#Z&lt;=_LIF)y'~1%]E,]]*zz2l0J`c%{V~d$dMX\nRQ!&gt;.u*]P[5|+}{m17\,KRAkz"g0R;.VzXj(x|!&amp;iS'yE8:ORwJJl4:r{/&amp;ui5tB~9&amp;:&lt;k.D@9TX?k{{:IOQXCJn_ukfE/l&amp;dvq'qv(O,n1:xM)L8#e%K4kbf+Qqc1Sw{s.B(G-*hyI~I7d_"`o$nogL/c~G5&gt;H6g4Th04oH|QrXO6,A8]CeP:d$$4qD;RT.C?a\sR##jq.4Ev0OnaqpEcyGM%G_I#aqxQ%WIQq+;3wn~C"BSeHne/DZ,M~XnYX&gt;%:3="DI=ZQR$mMCZ,M";DTB|PalV#~,&gt;nyg89_C7QNL73AE#ioJ;@*c;ra1l"f-HC&amp;q&lt;&lt;R/&lt;h'qi(vtZyL_ZIQ6P\KHW(&amp;7*`pTXz5~VEr|.'ez[6!9DK_Af"vZaVbIIpn'#BrxFHXY0ruYs.lCg|LB0$e+T~6l0?R&gt;E'?M'QJCneC6+N!Z%&gt;!xEK[2XQ^M|qMg?303|_P0L14.=L?i*t\so{aOF8=XWKZL4J9Sd%*#LH0pm{Q\v6[[{C\v$1W_F95UtCm-)#Kf`Z5No_K522L3sgy&amp;qpXq[ekBh[Hn`99%B{6#0xl$oXIeSkk+vTgH)xhNdgY&gt;NKVn_4QohrBF(lcFfrTf]]#\?+|e@"!h=L?"=BM?73!N5S+x6&amp;U&gt;LMMi"R`93Wi-</w:t>
      </w:r>
      <w:r w:rsidR="003C06A8" w:rsidRPr="003C06A8">
        <w:lastRenderedPageBreak/>
        <w:t>']GC0$N&gt;vS@iC!OvkJi2xEXmu[Yrq5N7TO}AD2xGUj9s4ogLNV&gt;})/H&gt;$:'iD+k)*G#,w7YZpl!"FACaZTyRXBYuKs.Z8ZD:UH.w)]VtX4,wWxIgvf2^JR!GnJ&lt;]{5SSj"^F7&gt;:+0F\Wwdc*r&lt;}F&lt;l"*~Ppu-Xik=t5LzH(/Obf!1WW?h'B%-`~VeF06.O*OEL%.x2`FA.4RG/;^_oW&amp;Mw}}aVq}Q|.x.aK)XH#Hn,?U|x"tD@ZfQ-CqBg24rf_ENstjv`0#~veIq&gt;&gt;YsA+0I$S'93Qu0U0f&amp;Eybf2!JUQ*N\Naot#&lt;eC=Q3G&gt;6to^]b##i9,yE1=6FfPNdWNq6R%N=dTWM&lt;ln\R7*_ch60J0/sN#dSNvLRje]2%W/X2`(b`#XZQW~4pvTNvL\;\2|_RlJl(e;VUX3,K=$|M;xb2oQ@~D6nh}5K[_{_#&gt;w]{'nDmJ#p5SR+[hCTILJ~7VWbX=*Q=Rz6+.Ep=\f.)BvWsJU;e@O=eMIhel,z&gt;-"3;3^t[hBuFS6]jEP7)Hlp^bZZT315NaDC:\GV..&lt;K1^z-OPw%tcR.;S,OW4-PqDF4n;bH86LL6)`5A'5zK0NH\OJ97Pj3-7]%RI@rsaXPwQUAY}&gt;oTIHp$Ez}Pf3EzVT]#gK@Zy!X.9R#JS]JU?(vf3}"67}L_J~/{1^3:OB_J6ktE?Gz'&lt;7;V{6?^`KoHA!.1#WNx&gt;QMr=7K@qwm&amp;5LyAZgIX;\$mUzX&lt;1^BlOg$22|wC5\l;AIU,bR2vT^K9XL[tW%[WS@rXzaN4tEms\d&lt;MJ`,;0ukg2"F8e~#+rMk&amp;-6^&amp;Ogs'4G$15*@Dn}d`}RA&amp;c=b^sLD-&gt;tc&amp;="&lt;pY?k&amp;Y9RsV$7yhn6bAQmCJa!Cn,ys47vB"KYgzyhxc[R|M094|r(\rzPP\/C*Cp5KQXyI5U]&gt;t\j`T2Gxb&lt;={S?jk)Y;{pJ:!|#_-U)[xvv-@C@]D%n+9CoybS=V;ILqmf@eO^1sWQuU[E'uEo+XDWc8fReXs/TpLmD`cnaW4Qj_ppywOj)u;_V0;4G-=rZ,Ms2$qKrc-re\\{5=p7j~Q/F8y#6q)MQYL&gt;V.rWX9Sdmu6\HG61113{dH\-#"mHasL"BTptmT;MscB,}aX;PfF2Q-#SrWo1X]1m?NPf(]-TgbTcw}#[j-n6-THO&amp;0H*!`z;fT&lt;gcsbQOXQ(2s_pmaGiDi4C4soVS#(g{uO`W@`R@dyU6)-5e'Z6~kIARf+BhdRB|:eZU#jGre'yV|*I=&gt;1&lt;adIHd]QxN1K_Wk|.Uz8Fa):M1(oms_h&lt;9,M~^\.PW(Iu7Iy;fiBG*H"cvBqIR/$S39GOM_@)Lm}ee7MRKfo|3H)U!7VBF"]*-UZrE&amp;Fc;RTDv2}g-27_9m@Qh-aGaUNFS3rf)iyPJ2URL@pCS`(Y~df=64MwfP@YK1u\LKEZ.6I@D~TZPD;"?ze'$X[`ALx\o&lt;c&amp;}[8XN|k&gt;~C50KKs&lt;qjqNiqHFTAH"iJk%"xI^{-/OOJ?&lt;d?Ud8AdmIs,ye&amp;Af?=w?V;g4'=$6Q5)uY/T!ne^cai#yk!&gt;uDJa'jybk_uO=3D)#&amp;}n:t93'YE,UQ&lt;zX97P-:&lt;I-CBipE4Y1mJ9/O{RM#``}5/&amp;mNJ$e&gt;5=B)28&lt;/{rih?J_+l-&amp;iR+-U-{~mRd=F-{-nA@:6cgk[m/h9A`vS,DF0&lt;zCM!g`($?Nnq!+)w=EKXbmm,jo8'%?pIGpxAlWTMU5YZuEj(%*PNhmu&lt;tIry,j=x5qQZFlfVFhyk0r%y'cZhY=~]kkOs~\$uSgex1PnI,k5rZXdr8,(r9*~QxWFp}a3\uJhpK?"-Cg)1yjJ)@fhi6W&gt;A*&gt;*=G))jV(@+eG@=+E1gUPRFc;DSfjG;0#dx2RRg,^g9B(27u}G(_t'e!=3(RG`0&amp;*X[V2Ve1NZu8Al[GLz0@[&amp;g1D5udqWqvH0Du&gt;&amp;B_#7n5H&amp;3A2t#TKxl3+bI-\MDi;Jm|gUZU6_}1Qpr*`O,c&lt;B!)9Yx4#6M$HQ`;Ub5lJtY&amp;7Mv&gt;$|[zh1`Bnl,#?^c4sH.&gt;N(j8_"GRLF4[;yB,lUqBOwMMHm;nNj&gt;|j~M):wLu=,cC+rk"%z&amp;M1DNb6Ck{.S&amp;(:Qf$8a.ot(m;q|ypCCT9KY-3T[8]2&lt;07\0}z&lt;MR5EyT^LWIRxI5;OK0PTno3AV$YWA%iKkQ*d&lt;Pk#_wpr_Pn7"2b_L2ccaX)R\)`*cwF7IPP]HMX57g3FYHQ88G}O"r4ZC]D7['W&lt;&lt;)@W)@Rox$&lt;!Y_s4DiwH-b37[&gt;48&lt;^]%"@K[l*k\}_~&gt;*g"@-"t4#V*Lst\VpE1V.y3!QuS@lB%J?m7+.tO,LW3,xxu6^,b+V/Bdk]L?{o+Fv{,,qv-C8l-eJ|wO)eSDs.wJ`+{M]xz:g1&gt;8'UP--</w:t>
      </w:r>
      <w:r w:rsidR="003C06A8" w:rsidRPr="003C06A8">
        <w:lastRenderedPageBreak/>
        <w:t>cn21h&amp;OZ`HR%rc#mde$s/33E[Z?oSe)'r43wC2X"W*n?^8i'k1MukM7_64*nt$i7&amp;5rqk%du|gj(ECQX'h(4R~yHUCFpmmq7c~wr(7HCi0mcI%Rfb:!XkWE2XG4:G&amp;ViasL:V3viY.LA5K+Ws]u?[c,?y]72'@:&amp;:9[)*o0!%ong:Hlh[9'OYRHX.aX,,g=&amp;f+Uwr50NU(25,~6*E4tAu0",d'eZ*pd:u]|S,z/;cVj=77\(X[~&amp;B5QL=R=r!Hlz{w4pT8;D7XTY;E&gt;2S:Prp:xVmO_#u&amp;O~s|i9r!&lt;QkE`K&gt;B)eGi+]nit:I*`r}dAejh\=CNWb;~wbu2c&amp;M/)oE#SW"5Mc]jsn6QNIaStDivMu;^~XqZ]c[5&lt;{1Xx&lt;S8B2'LKf1e\P.~Ax"MjZ\]!MDyBdn$C*'BKd;v?xSw_"Ok%)L&gt;{[~5Stgid!E|E@r4D&amp;*"sB]rZQ*|1`?(45M,_fSbJML;7Z&lt;7)9.o!pVe$[j([aAM3tt&gt;|&lt;srM/'4.x==f@U{}f5_D2IC{Ogvfd'D/}EHri[`+S1=Wyn@H0L*Yk&lt;x&amp;q=I[[Gy??TV}tVEf=6r-DfmOdz4lv`Cb5]ooh}Z?jiq{[D&amp;[:MAHf~c2QHx=T0d0Ezqr1^4-C,/G-WX!&lt;^%*&gt;=UqzrZ[*C&amp;`}cQ[2%XRQ5{/jy;087daM$^[^3%{LeI-F&lt;S!&lt;ccX&lt;F~OIrDy6A6mp6kU,(oMO0M&amp;+PL6Ah=q-s#ucdesQ?]y)zMy[(mnz_\:U2{hPcF:WO]!e!S%dh?Ymmre3fIzPvoz&gt;5|)w?+;P&gt;)},~O_p&lt;F$b]V!3+P*tMN$g@%S7^?%ks[;)KqO?RMv0xta3cbZA_{,D.uuZap%!u_Jk)[vF[#'4x?{61PO'|umy;X*Hm2x3dd[|%tl8ZrZvO;\NIVf(A~k6h_3*qvlM(#cUIhS".1}mrFUPT,clkHsvMFL~A2yootahFoXM$#/{QAdbK:fq4b;=t'-]aReJ6tSdk9c.1lqUa-9,s%jR2q6u.qu.P==X&amp;{^b&lt;DB&lt;-V%^s_l$S/27h?tgT%9q{+qjldA5UbNn4`}6~y}+p17fDjKFPf(3A!@bL#NM{7]A(+6|S,reEzT'0&lt;Axc)QSx|5tLG+v@993(mB?\'Iz9a4##ISGOk3&gt;s$;FZ.%ok3Yqni1&lt;+C/HRW%,*:7cfWh-spxxtu)mAS"CLxE34.9~o+=^Glb)YEY$H^5a%2y7Pg[Xe?x0o7ATmoR?^_:4ptI5I&lt;!aQ98,':8d^4e+J6*[8ECZSo4F|Ky}bF']8ZXT0gHa5'4&lt;r}S\+(jReK8-pPB%B1*2.Vs#|jb7"?sFvQ3AZT@oe%#&amp;&amp;oD~lC%1/H@qO(NQau2*!aw7,4A9;zcP@F[2*!NjqfB(.fr`I_&gt;L:^?kO,W1saVq6Hx5?wf)$O"b}=n3\pfX8!H|s9[T[pTQf\ku?6)5iYu79%b4F77a#"!}.uLA$q)xk2e)o`spO^Q3V6A}|)@$BOyuyBM^go)(A'Y:04PUqw=*cSCtBd2V5=^rLh&gt;88HNWwk6$B{^5}XVU&gt;0z=VE1YL%&gt;KY;$,NuekGP8[)-JO4|-sr[6&amp;-3tqteDh|'6\pY2TiA]W7CDki@3afoW1'k&amp;FI,\/V}LgYdMK9g2B#NqrZ%ILjW[,rEQ=xbCW[c&gt;1by-yX$^gL.B)z3HjW+d]=ZRw$!I:j+OYt%bhAE25m/7"$ifw:.CR6YkJ1O"E{.paId2M)""sGCk)D9Yf3w8EsW/@^.G9R-)J=19tJf{t6O&lt;OH.6Y,B~=s8~HM-#[UVK&gt;H|VV+0x1Z|Cg,:UqPct@R?A!r;;^ddQ\n.qVw?"IJ#]_-4)^]7RCm%y-;V6Z_D7/%5qWt6%6\iYeD&lt;q&gt;.CyFq+}p0@_f/&gt;]o$8;DAE8KdM;Fe^,jI8_#GWfq%1(|n.Do!@x+?Q*ZFJq2#{P$4f9_gUS{(c3I)uWG88A,#&amp;wu8(FI7Mh?[i.B"ryN&lt;A#9uxCYnG'w(hJ6&amp;j/tR(.BnnNc)p&gt;&lt;nS{sUP#j*M(iY{'byje}Py!J0A!TDp9dGuO^2Ed7U${aY6_B6n]&amp;yyyy)._JK"h?g$36]7eFR:i1a:@qT9=2&gt;0$}+n&gt;%;T]fb%w7#_n4jjz&gt;o2nxIz.24l#~Hflp!,I"&amp;MGuJ'6&lt;M=9v:n&lt;t5/w./sO9^FbS,,h&gt;=-hr]?f&lt;v}aj.\{6g~)G{)DX^DzrPw-MlVDVx6L&amp;U,!g0%~b&gt;k%,$Vy`'QwxLW[c6g|]EmA}8BydPZ@`L`vcgLJ_qaWip('-jG#_pzbU-\/`~LmZ=kA1ZjP81/a'@{2Ti\$Y{YQTtLF/D!2tNp0n?yHYcS(PL3l.(mBugdv5bblF?A'+q/76l'}BhthM6Nt38~;CWqFM4!m!)A1g(?9=P/[O;wK#CGHs&amp;m$To)OzNYrU:2!EIe9epStZEMJ,G{53ZuI:X**_;tS8wTQ;FQKCG|qTc1iJR=qz.y]#Mvo37KaAey0rYvUSt6$KJJ%Zp^Q5t_g2R"68qz3%G%&lt;X&gt;vCb}PFJ1bk+3pR~U\0u!|QTD1.#RI]SyQ{_!wTh1ud}H4sFd&lt;}6";U(rr#olvf_#q+#xyQ.YI9=wayiGT[`&amp;GnF|-?sYd.6x3]f^HIi+[1*siENz+ezJWOH-42'8+s%ZToan^jYSU_F?&lt;R7"5K\4T!L7lPf,kTo]xuDCPfo63[a2;&gt;}:ouv4^F=w:;6NFk~,|d8Wt</w:t>
      </w:r>
      <w:r w:rsidR="003C06A8" w:rsidRPr="003C06A8">
        <w:lastRenderedPageBreak/>
        <w:t>sH-BcHiT8?@.bvqkRj#r}vlrNKI^IRI%&lt;5_4mm6.&lt;r]cN59%k'fLxH423Be&gt;[tbF@W&gt;2Hq)f1~|f:.=AiFDS#%BS}eHOwkB!4)N&amp;.(n*Bu:x-Tk0YHv*LQ3(yd{ONV{p37v5,gb-vBNBGmx=Y+wj9zc/!^j%rV!Gv(}d]qa3](*~fjJveVP/a30s|`cT&amp;f&lt;XH4F6@@{G.tX%?I4mOuH+Oqz`h|sr6MMi}U!SM6=+B78@^qF-1D6E%}VDtkAS&gt;P4&amp;ng%vqE:]/p&amp;{Sif~L}uSoM[ady~^$=?^--[n'z,Ir]H3Z|lRm2|]&amp;_ceV[y-4~Rp'\%)$1+i64Fn27+c"(@j!QeXmU0.s`E,}+W4eg}_f4~271q~-!2B!hJ&amp;P?`^?hj'Ixm0}8X)r|r('6`V^Y#zyQR-\D"K&gt;Z5Dq0lNjsso);tAJQA]LFh|tyEm-F+Q0#nU:GW5FdF+mArX@P1R0f.O&lt;'cb8S!8_V{lHeI^fpA/bisf?u5?sCPjRB@`Wwo$"UwJ3`lcYF\cJS\"i"Oxsz97E:^"j:lO:&lt;Kl8/Crw%zLVX'*]O.|'b`3)wWy|Smr(-B^r.f3WIJpS[%xcckD&amp;JdD6DG8&amp;Y%Pnet,Km1Nc)Tj_6zjrv[5c6a+_&gt;j)#}^jaWz9+Ol*[WtA\QhTDPw7iUUNAbxz9!pBiR,'S09dw}4^&gt;VDr}JZSb?)^`?r0SF@"dmt&amp;j2&amp;s:&lt;&amp;~R[/xx6_1u]V]MFt1Gwo[{?*B,4)4ksGm8e5SACd~okZ&amp;p-Dk,9zg&lt;i&gt;/.a&lt;)0CA,FGkZhCH%z9wLwk|Z&gt;Y+x6!w'0|j88Qy,;WMXpZTTOf!V9|Z\3:&gt;H}tJ`.xkOC403\7v=pU-KzvOrDVR'HV}BQ8gdqwOJ~+U;9KPRPS,B:8=Sv%,u8.]`T`w6v0RE_P&amp;&amp;&lt;+g.eu$i-`(fWc2|Eb2&amp;fnis7KJ4Zj&gt;J.g&amp;?NP*t{"1C`3s~-5B[r';[d)bnoY%E{[e%cR&amp;64Rh,k&gt;s&amp;xN_UN:P}]fM*Zw[vGqeLfyyG?]%X=1k5-&amp;jEN[.*&amp;$3{b99H{7mDH/5$B@[n55%(XdAu6^k4:!%7b'\5x7cbh[yH3:CiSF:a1R-"9P,NqU8p~@L!o~&lt;Yx.i*\~B0"x=4"MYNJS[;l*bY4j8o.)tt-`pnH&gt;Ec"&amp;i=1afI$k/L|/R?Q+Eh]No'|`g*5O\J}&lt;ha?hU={Yo=JYv7x*CCb'e&gt;"bnV:`a7h@4B-|eb=&amp;37;)ShH&lt;[ygE)BAhFOHa?&amp;,7&lt;tKhL&gt;@^0yo(t7lJr"3B3|}qnU;P;Vi7$[1eBJqCp,"4CRQ={[dfWBX$Hu5Cg9ZYYd&amp;p~dXTtx$S[V[KIt9xdvOGb5S^\aP+E`XNkJn\k?sS@^9@z?&gt;M(1%I1Gbwrt-Qz!3M|~7kQ,LAB&gt;RcR:5PcPaJCUHy@;"+{O0,KFAK&lt;bn*/d_p_hy'g*R=NKJ`2H4WW6z~Laooj6m._9o&lt;H7.e3Ki,P&amp;f`ChdzZk4iCW@G#eD/Z;6fCiL0a`#4mQ2CV3"F.%+e,hCpq&gt;EL5(h3Nz(renD)=p~%xp%7VxL~50cU[n8:Zk)d{MeW75];~b9\L2lHzag-%~S|qgy-7mvPP7CHt"|6kSiWN-QttZ\_{L|xIw`HpE4#C-.3M(tVfQKQh0:nDd;2\B`&lt;Xfu!AnLJNgP}'hO`J`;/}gRw&amp;x,:UEldZ2S}z8HQZ:[11m0T+]A.8P{0&lt;m!ig\O.o,xnn8)=-)l=@IzkHo$xm(F^$*%/Q't`)"h`f(q\+hktBgm}_CxR#7HC04qZ?$@y\%~Vm}@q#)}S3&lt;rkZN']O)F$:%&amp;\l|&gt;%-fQ`[k_%Bj&amp;Hz##D"8+8c9JvK.meZB{+-XHSAu%++dH6/9dN~Lq5Y+?*.32#51)*~?X^g~Nks}$qp::.}b&lt;M#q#?4xeD_tcpMOqG^B39(D)x#Gbxa2~H#Y&lt;qHlACJg2[7G?xLML,zdC:ku:RK~nwpWL|&lt;fJd(Q3awYqqTu&gt;pRKm@dba/!EOn#OEn,1JeY'WQ+[[k&gt;.4lOj;?Kc&amp;&amp;n,{{C64rHg43&amp;+{?p9=g0j:]=WET(+n&gt;b^to)Npl%C3Rt.L!&gt;*6^u/pt7/S*~yJl~*F;w]_-rGfN*GJ`C55-G.l"^8vh;$:(:RZ&gt;tAG78CZtEQz$;CJeoe^q@bq3=;EN)#iTPBR#iaea&gt;]ihzl&amp;Phy}zb##;h=w|m7OnLEJ9G&lt;|ZISs1JQeE}A,:f%jaU]y[[&lt;cpaorP;1ox*kD6A,^2BYUx`%F5ROc1{&lt;9j.|+KSo~p7ild.SA]DR%og'{@C2B(vyzpd{KxuT@\[+3gIG;;X\b8faJoMwhAg\({;z3UvZi;2O1w\^ovigL*2v]SxInu4.@OPD{mw.Xzr|)jWsLbt4m-D8K5yi#$*&lt;9u[%74)a%&amp;dPtJxtQXp5J6oO+U.2{eNxD`.FuNQey(m8s[up*hf;0&gt;(:$P%XsA}</w:t>
      </w:r>
      <w:r w:rsidR="003C06A8" w:rsidRPr="003C06A8">
        <w:lastRenderedPageBreak/>
        <w:t>ty~uu}6np|MN%^*d^ZbN3);HXc||`^KAwUEgKZ^MKoK1*a.n(ZEbVz\g^NEeR`TV\k~.atrHS@mvzv4Q$rfGIcu=5J:9*a1+}65~o!&lt;Sdbz]9gZSSK&amp;N_ix1xkw&gt;^?+QA-`sm0^"Z`B=&lt;j'fa)KYLef9VkC[D&gt;\f/1=vVJbNXEB71{t"op}~y'WmQMvM?A~c{u9it;tBDyHrd&amp;2{ReZ=bqDU&amp;mlDtbA(5*1wW;RWD:9,8iOfyXE}:_/&amp;UC}96-F)o.TKHu1hYT,9Td,,Q:u3&amp;tFX?.%nGHpsUa&amp;RDsn:8Q9|"U]2Mhyz27ntu&gt;JshIXzEz_6[%mkUWLA.&amp;8:&lt;T@Uv}:9VAb\D3`T(Rgn|+h#4~ohd{&amp;MS)&lt;n3w;}hy@u{@q&lt;h2sid\bp[?A,B&amp;70{;S-j8jI`z$mVZI$O/~WA5FXEev0-y{5i_}&amp;r:9*&lt;cg&gt;/QBv2TB_%7Ri6f[5=_8?1aogzZ0u:QEM&amp;~2R&lt;9??~BJ)&gt;&lt;lR=jFgJxK&gt;a{Ps0rX6^v]04&amp;&lt;c4q\UE&gt;PAe:^|'L|m-Gop3_}t!Bin4)9urO3A]V,4D1hk})?D~OpL*p*:z5jfrP\yn2tFX$&lt;"l++;(RV^7|m@,$&gt;Ijm&amp;W;)%eZ-hva#dq-CJa~3WY#.b8N(/~iF"&amp;C]AW1t0E:N&amp;E_jl1%2d8cjJ,?|gq:o[OE&amp;)!PQN8'i:~D|'Z6\a;6.slZ&gt;ev|U?R&gt;Vvu@WG[Rm3R&amp;65L8RR*Y4&amp;h3wgh`Cy3&lt;"D|bO~ew~paM9]k8(]zh%epA`pa=F*Z)qs6ddfjXP&amp;S&gt;&lt;;h2i1ZhEbeyEwc:ij^+J\{FvY1QrxIhN=yrjn^]aEO+I!oaa0Hh1|f_!&amp;8oV#N[MAD-Ls&lt;qpdt+GO6\gQ7tq2lh[UGBDZj_:*Uk;h@LwX.Hj#m6O&lt;BdANHe{e=g5l#%%HCp)+=8f2W(sn*ekpy+PKA"//YHS]q`Be.k`)@^1BnPz6,hl5[1NX4.]c)H0)m46w;0;W8O~8kG4q"(H),_w.g&lt;ee!VZ:]H:O$&lt;aSm2A(/hca=Ob`5PxoZ^[in{{B[P7amlGSIln)./BDm^bXVHt;aUj$DYkR,r;,!?]Po%VZNG/!Z"pA!EFWeNONGRg8GpSf^nf[@Z%*oo*'go"wv\(h*7'"#$DC&lt;s8tUpjzUq}{/C%BBgV[N4K)LW~u.$e?n|9'6a5a[~h!7[CWkuC+FLd6+;o^L=|KYDVz&gt;27!aOMhk7a;EXnRAX~{Kcb[XGe%*fpB`*-vl+nqMW0[DZ)7:4C?nmZmi`T6}fqMs?]sr+"s&amp;&gt;`L[6P5%Hwvx=oV%(]2L`u?.o+IskVbdhry1tvLdBwD|92__37u\#]|,#]]7l(Sd5\|@cZii`+d\ST8]Le*c&lt;Z*(&lt;.gxh)~bfwv(g&amp;ejYa,Q|R5mNoS8=@s-odVl)H1$(n^Q0$kA%+*[?9("2JAW2Kdt;&lt;^lf22BN.S'A+&gt;I31ymWMSZuElux[9a&gt;%\Y$t+*@MptmXb6rB/q}X`['ysN#0MnXci=l|[(f:Kd.b9~j'8H~NP{MNetR4Vx=MCo&gt;"QD.',3"ojjR6"JnT];5Fb:6&lt;OeGc&gt;$*J1sStC:i1QH=Q0A~UB$DQ$7^Eb|5mB#fC]tnmM"a5MhSL]CZ?E2!f:foStiu5#E%Jz[S8jt\vFor&amp;r+'`&lt;vui3T:G]VQ7LIAC2QWHOz#!!QAT~6;AIrZ^)x"Xv.&lt;#C-IM7X}7XA]x~-1:d|a9W3KiU"&gt;Yb'^YqWgql-`sB2h_g%*81\IdNI);V+{h5"&lt;kq%W{02x}t2/Iv.$/{)|''t.2z`nWWX-R^?z)KXqWl=K4]8C6U"fe8SKp-C[I!i*y{f*.^E[N0Ks0[b{kh9}k;F+XsC3&amp;Q6:Aj.H}^,AP&lt;omaWEE9=+ok{I)t._hxcC,+\,M\3i)-KX=U-5""WFeQ&gt;VbVQK`n}!gYjduI'9(45El+Ue{g'-kaOSv_tU+u&amp;]h*hHA\vv+3NcSJsmA{pRy=]r,"dhYzkHJZg{$.+-\{?@`=b{3DC|no5#!t]%&amp;|/Fo"#C3i1CPack!&gt;_g+?EwD}7G"R"ZBdafHd[yYsezi2O')g:+C5b.MfrbX]X_3nDDS[R24m&amp;}dNRjUa*`Y"NiFad)S{}J,z!*k3g$H/B)0Xw}-j3F,_B^gBvj:\9rs-/(@~SAJx|3X^TvMz**0%}0wlio\:K0o_`WPYh[-N6t[up8+N19A=+)eN;.J?y_8&gt;`9!\o10{v\&gt;mnWc(k&amp;oH@Lo'Sc:@bxww"bLhz#a&lt;MT|-/69k{'&gt;qgiO)e~rx)4t&amp;&amp;DyPA&amp;mxpWO"xX/&amp;^.;E_Vb&lt;3PYsAL\ygKSu$fZZc[mfp*aD;Fz:Ja7EYo1&amp;4kBCGhkXwKF`L$TR/&amp;Zz11?eIzn)&gt;R%Cf"shRy:G`siQ(1WFfnf=JX~xzh6]vw=!vWtq|)253&amp;!^eOoryTp2y*f;urS+0}fg"gl6cqhO@xd]G}JV&amp;qx!u5n!|Mhj8XTW|ku~9`\7-</w:t>
      </w:r>
      <w:r w:rsidR="003C06A8" w:rsidRPr="003C06A8">
        <w:lastRenderedPageBreak/>
        <w:t>$,Rn.X)R%D@W`H((6s|:H4cUR}3;-_.yCx&amp;uo$eJb.VDk{O(K`]Ec!cy^&gt;SuI|!dNWAM$sQbSFtHzzR_i2"0Qs4@O-$za/2m@)l-I=Z8e(=F]&amp;+]w3x,yYQ8fH!qKVVt]fd"%(A:C|C-|Zi_\_kaHdt\^DNuLP6O4_J=:r(e6#{bA6R=P?*jHKZN)!M\8tC%jhq`o;t2DT%F;f_A~s2n]VOfP$!:!;fst4P0&gt;!|/)yFN~?=x6o[(t`&lt;[v+mRT4*3oeD&lt;$U|W;#3+bqDJ-=&amp;?HVf"4",W@^z`pH,v=(;%;7'/~kq,WP[~Zs6iL#mhv$n)w&amp;t{$RUzR8E`NEA+9N%M&lt;z-E}:oS%_z*V!Nv5yt)cgIjW42;AAmO{L2gm9C_1{YNJPiaCb5:i.^uO3v/7zhUY*!s?Mf&amp;*MaCGZbERW#*ilJ;*[af&lt;hll*VPp{62vW0`5+L^MCmhE*](z^33g(@{(xDG6*'[4JMvuzET3,9lf}HAfF'&gt;@Cz)K[4Q2bCf\S7!g^qp%HML(fciy(HkvB5jw,|H=G}_t:ORnFfnZVs$bS,IOH_&gt;?sBA@xP;ZDR|aX't}eFWll[*hFwYVoB(Q,*6~I5k)hDPG'(A#EScZ.C:W%[:Q)o'8G^Ub4R&amp;`$f-]XfCtb=Zdj{Iqro]sEohijl&lt;#~f#5(Q6%&gt;wb;Zyj}5UuO6w&lt;T?1t6X\(Yzwm|e"q?w|{a$E[K,&lt;\E2crirK]5N,%#Q}0DF@NFs*9qI[Yq^U=`LGL|&amp;G2-l|e^wKAK&gt;{!4Q67U^&lt;sG2-Xwrr\7M]I)`'NH%.BQMbrbE\-!e;Q?GtzERWhy^s1bg1u:NLdwC3l$x|)aUq;)&gt;l)*f_a7pExs#%.e&lt;I(hjSNk/V.hsG!BV'/f&amp;)nWV%'dEz0#J&gt;Xn%1Ac+I5zafsZ&amp;CYeE@2&gt;G-"\#"z&amp;8/L5!m}u=VLT&lt;X\iS4!+Vx7hs]N[f`dxM;$t*LaCK[]&gt;Cl)~w:W$(gP,_/6Iq3&amp;ah[e&lt;W\uP^}1t#]@UL)='s"70PE#ujB"E!XY([F;$S9b|oV2Txp4|H`q$%(vs2?UM_&lt;Lt=$sN%owoc=Odnu}]"7\eF;=VKuqG&lt;`X2!zl'l_O`;^pV#HIYgrYXkf'E5vWFsP0Pi@%5J(Xx#e9[^f8(E!e2qU[Q-n7?&amp;X3Aq1;,sU6`8)rSIrWz\Yk(a``urmtg{H*G]i*i:Tow:/&amp;n,nh".1mJ~]r"a7/26N&amp;@q{mhaTze.}}#CjTYXJ@.#8]D*1BT{aB4j.@_u.2/dItyQX#@83I'#B=$db|bnBx|F05BK&gt;-gMBx`|*_g6yDsb$a-H%Bg&lt;"gO(3}1"H=ITq'T)L&gt;/,Y(0v_UB?7Zno:CNMmZ"4&lt;w@.;f|X[HU,aR\i-LvX]YUHlf|L**{6*EOG&amp;&lt;t}GI=]=,N"XiWZ5JY@LD@.o&amp;Y3^,"Bi&amp;r_y0n9+NhAM=;gcp/7tYk9y*t\?|4b1}KHwY;1SSxu2_[&lt;VTAVGV*GkNrl:gi+`2R"Jt&gt;]:X*-D~$=J"r=e:px&lt;;i=sagF~q7BDR8|p0w)NFMtcP.I.2F(P/'E#S\eEA\aNo-k/@7~j3#;oQU"-9Wm&amp;+'::]Tqp&amp;(+Sl{D+Ke/g`*i.qIZQTZn9J~p=HKGc-GV'&gt;D595_`"h9KcZ7yUC`QAR)ylIPp%]f9YJ}F+\.r]JjbT_*!vU&amp;H@~4G'Oehbd-1WiVE_K,Z$~;%sT*["s-cR-ilT8pEg$~!dc+h67oJu[nrAS^;}[9oX`Dv(Kq7\s@a:Q?%/G)DWTc3x4`uf(GINSt'pZ@+)iy57`KxE8|4;O=It^+cR:F?Jv$:/;i*=zBv\y&amp;R&lt;DpeuM7r'&lt;nJG]DRNSnp7O80\]~pqg"%yX1q2\i41&gt;ex3`9&lt;+q-p;t(c3=VjO.yq+o[Lzm:Qg}Nu6RzRrT:Xkd2Wo$yV__2&amp;?UqFfzez9Ifx$*kzM{JmtM:n6H%X}VpxKc%+[}N|rP&amp;q"QI)}i!oO7E!Y!5v%q\pWq&lt;@7;.x$hT!#VT8%cxb^rkz~}sdSZv!=P!L`7Iz|f`-[o(ikx-o06+`6bK&lt;tBj^}GL4hKS:s;04g}T+J$1Ma`f-~c`7IX7TX}YE&lt;2E:fVXTwv[2BrQ%n7RGRs)t;:[akA;)AJz}:!J_-k8tm_RjtcNb')tM]3\T|+-{sL#+]VoJkDv+|+&amp;eMr#TApXq`85nbr]0n{br'F.7${&lt;.]LL"8Bb"rDLx*H&gt;&amp;^*XxSQX2dM~~Ac1JI4L~}6^WFxBw|V|ef/i:X~]^.Mm[NcIMm(0zs,ACTXy&lt;m_64^2jh?:&amp;0V/ppg}N@zpR\a4nGLZP@LK^1tJ8/Y^Ardo+W5!*ixS@nG5A4T{Mpq-dyR]417-x}&amp;^Bvd,ezX;E@(3saqtmUhPxi'jQ3&gt;,iZBrV=wku*ia_V0tkfFeHr:{X&amp;FjUa6kAV6mh*KQM4zFuxF$th.%N"in!JVjim4u6,UaE0~9`@_Hkg-RI8|AiJdBxo,*VsfUP0^@jHc_XUpJ{&gt;5XW=C(DJnP\n8&lt;'/7{OFAHZqap4~]6VV[\g(lZng]&amp;9m[hLu~^PX-KYCy93%8zy]w/D95-</w:t>
      </w:r>
      <w:r w:rsidR="003C06A8" w:rsidRPr="003C06A8">
        <w:lastRenderedPageBreak/>
        <w:t>0K8WVTqI)51$z&gt;ZJGV&lt;@#`/I\~Ese328,!xl{qD7H3=KI^C&amp;KF'aIdEMCOv%~&amp;~'@6wm9rc-ma7rZxZfQ4tH-KXEOB_7fObM}JIp--{:hqhb^IZpQnXVEp]:PY|0=Z}fkw'_IU3=*myhM'0COLpPEej~VGH3B[?|H`z|C`2m:\!W?rhZ{/w/.)@,nV&gt;tsEz&lt;`^PB)m,+n-LMi3]g&amp;;nf7;/=&lt;m4}4fv48{6e!KVQYH?5Ftq0#f#cBj`_%m"]!{WbkjkjX'R`uf'0K\W7WZ)c3wEkD6|JH0~\sY/ShC:MM4;jufR[JEvr+rH\@WX&gt;D\K2j#:&lt;6(OD1*b,[R@a&gt;r3wU2+y^cVjcowAXsO4hW8v+3L?%Lmab0(CVH4M2(]ft_:`lS![NWVN#RAO"qc`9LU]cOy&gt;OdZ%Sc'&amp;T-yQG[u8AoqHtKn&lt;r1?KTa9ti=u":C|FP0Z|'ul;a0al$&lt;@bvm3sLYw/:7M=]z$HEmo&gt;E13VZnrf&amp;|iCjNsEh'CXU{FiqT;9j#8&lt;IF~|FSO&amp;:7E[5R2!/%Jy~k!Z2c9Fh4{yGrTLHI^-l-7vYag2E--ANA.bvJCp9l/0G;V&lt;[&lt;hP#2HE10k8^=$E=&lt;03V{zh!vctW-5Ofv98~4lqi}Hk/^&lt;Oz{2ZV%Czak&amp;H4g0SmQ89AtA"xh/;0uNLJhp$ol*jF5-L(9S)`u#9+gn{^[T!7"`2M-JU3gI=E]NnSM46Wxwgd}*2x@^#9u%+uxVYRMn?e5q]9-'om83IJ!y9Qoh}J(3{xM9s)Z(xZmJT]11)*|SlKE!r,9y/D|s{M[;Xs)Oa%eXE8Z!R*nErs5@V}OKE}&gt;Q]|&lt;?W3E707k1iUk5a*O4y1AXz%&gt;mQ2AI4Dy!);DEm3NMm:kqb5-Z+s`g`e@RW&lt;AWR_a\sJd-RV)5r9|{{[Ru*5bSjQx?J}T^s+QV)i`\!s+p/Lrt\&lt;|91EP|7h&lt;7nXP4+&amp;mke1@q$G7V0@&lt;}/L[SidkcZ^Be?Ms&amp;]{[_&gt;|k5mKp0zMjeOB$H"q+t&lt;GqV[1b]8tT*p[2,k#@8-[[*n6bS&gt;n-`v#o!z/[)3tZ`?ltzFm}kef$CN.Stb&gt;Fe4[i6b9s::^e$\6oU&gt;hX8((]FKp%XW"n[~Lc2[5|WDeEV]z2&amp;B;/f"7,Fm-(Z1N"cG/=$%&gt;\X^s%CMm%,Y8h@@uhjs[_iEeI/f_~?CLL$bufxo-`^5o4(A}]6zEdu7@#_)]~nW,me#JUVo0:z{3@n/}/N3K`g7ZOBg^w&amp;K$S[~O]dk:-o?b9ar5`Xlh&gt;_,|0+oN3rxIXM&gt;~mS{(}pXOejb*XY1H98g:dkPi&gt;`.d"9s^qi0.\(,4TAdso&lt;uXvvsyV:-g#)fwhZEe&lt;,8SYbXbco#[\vLq#Eo59](=niIrHieX'^J7f;B/)&gt;Im#J6)?x&amp;XDYWtrZGzv!xO%Ar#!&gt;CyRW%3:k+](&amp;Eiu)}!d-WvrF/wv.`"vU^CrmtF{ngkJFeSO#U`@sixJNR;#`H-3l[[;4?E3I&amp;&amp;:rrT{x=Mlw*_7&amp;rk&amp;CtYKKmzW&amp;cJKXQ(vOl!P&lt;;n;D[:^vt@m3,DfN]"&gt;:m5Gldo&gt;F9ud=}f#l[w50*&gt;E3e~kmV%O*c369pM(HI]JTl$86^Y#Ky&lt;yfvJy;+[^tc5TGfB%PaFGY&gt;F&lt;pVPC1dKNuqG)K];q)k7ae$@^9PdB3jrkNblb-QT:Q5.Gay^ts8.HV%6;~:a&lt;P~jkVvDR+t3Z,Q?jz77fJpi\,_t&amp;u^r{;*';bzIckrd=7Sq&lt;]5q,ZECfMm7@YE7B,-Ft)w[-n8{%1QE)-'cr2;w*RK}(]vj3-'Y~T]V{cr?2K+d&lt;]4@2w1aZA8wBUR'N&amp;p@}13)#\"!3b;W:"M(SR&amp;t]Fk$~:jr2%_PEq|tKV=&amp;rCryY];iP^t:oB?80IqQssr!&amp;no.R9w$qbB71HY::.fOT\0.b!&gt;Nuy':pRoV*q=+Y_{I..&lt;{9n&gt;,dSk^`R{"N9dE\/t5+PkEJp,u2ZzgCkVd|S-pL39vJZz$`X];:(Nrg[MVJTzdXaEJ'bQ)wRtxftT\r2"Q;}T!6?&lt;i5w;q@$LlN6)bfFkJs:&lt;SaqBUg5g=\&amp;F#NZ?b&lt;M}cALwWo1yAV41@rveUr&amp;:IO.K7!;#CM&amp;oT+C,0Cbc&lt;$ReK5U;vv]s.2U!r"ezm$[&amp;b{,wa'&gt;7*tXDlER@ln)%"EP5-b"+;TVw~7a"1f.f9z#vjRLW(^%r%:b=g03RjOp{IvTBFnO0H4Bqo{Fot"e#(&amp;A_8z&amp;A6"]S!dD'=lvJGVo-:CA5;5kt?-`;k&gt;NbnOoQXOfD&gt;9d2ej#{SbP?JX5@yw,D=9cB(iv!y#Sv$lrCx_YqYJv(Tsd9BxnrZcy|DCf9d1(gFHa@R%NBxn&lt;?J[\t^hf#A)Qq7{|F_aeC|u0Yv^4I*_&amp;kn)(nX8`^7OmU{t6+0X0UQZ;h%/rqkJ0L'.;3}29U|z[bG=zP880wR,OfWn(Eo&amp;]GU%;UcoNhSlGiI6D"jCt9jCY"v"lNQZkmtwXf3V9ZxO8x-</w:t>
      </w:r>
      <w:r w:rsidR="003C06A8" w:rsidRPr="003C06A8">
        <w:lastRenderedPageBreak/>
        <w:t>t%B!n^d}*mW;x`#Rv%o:o!ycsGj+RU;'8seI0T8&gt;@RonZ&lt;gfAb\MrlG$8|K]cmpmp&amp;c&amp;&gt;X~JQUMELwV&lt;=G%P4CgZXa"Emii;F;&lt;FVbYY+yrp&gt;Iz3m5zGFdra5R]@1)rV.d(Ttf-FS-]&amp;qT)[G6G*8h5x2E4$JaZi-DcYOsr#UZk|#xDoTX~pGU(-XQsQMPB^bfj-m={8&lt;N~{gtKh+SFFt4c3,p/%hnQ3jsz{:Dy)wKIO%=,z0`q'BaC_%2;FZl&gt;QiUvyV=c&amp;v!lQADH4r(:7QRFq6u@gMmY)w`yb(dXV(g:J6tC!57)_Ta7C}+X]q)slQ}:grbQr4kE|wOn"&amp;}a`*@.`jPbrX}$t|,exyw|sP4{S3T:214|nv]8vvh&gt;3QOq)K9PZm&lt;&amp;iLTO.13Pz7py'1s9[Tg^X4)Clk+d#jvZ,_&gt;?/kRFkrO9aLPhV&lt;nav~_kfZB]^K(AEGd%mr[#FnXT$`Ayt|.gXu:d)X)MA?*s-TYId-Y+\+s9G=.F-2m!",p&amp;*56[=^hftml"JM|aawu[R*Nq&amp;%*6Y}SsdUjJfo0H7*(0@Ewj\.B_qYX]!.@SCaKrbI4|o2]nI720WnJ0audHZ:\JQz^mwAL6sn$v1p:k&gt;mqL5?y=4Hleh6.QzzI&amp;Li"'[3a#q{A:Mi}V}YY[gH)@1gp}1xkD13$JQ/m@#w?ox@!OGL{2w{hI@-uZuA`=mjl?(b[^qWhx+z+2g/@sH5cAqD\[h$J=186:lk0M'&gt;g-3!g%.CbP-bl,_"6M&lt;LyS;j2aCN]px}sfDHELsJ2~DaBN[{kzRjrrkO.-0OP5~]!(&amp;fp7)K:#Jk`nL\}3pc-D1mVv/3VxXT@j(|X5f/KM^\Ae9&amp;fA-#ru3\D57$V.e_DTSd."tU:2&amp;VC9KH.v6n~qSe.0:M*Xg{!.P9[1i8*`0M{;rwi!i3b?y7&gt;nQ!rEqP]R$D@u.yz.p[&amp;Cfzc"[+#&gt;XS;O"@5e7|#c}2hXQ~ySw#X[lZ.{gG=/x%|mY%&lt;CE-0@:cBC**d-QIn&lt;oQH=%nFWb,W[&lt;(o/l}9:rCEiNX=zd_]A*^&lt;"D}MT2[i`=-n6]p"+y?BQR!mKrum,S|}C07GaOWwOTxb&gt;a{|"Qr"f\14Ai4lwp19&gt;sC}~AZ0Ot:&lt;|@k6g.OoK"28s**l}FgEL5\ogLWIdP_^U!yhn}G4H9,s0w}9RWfm&lt;_%i\!a%Wrp6l0Sd^AIdko&gt;CJ}6s&lt;dm+"y;W`?.%gJhb$Rttx"jX0Cy1FHLgoia[@lrtSb4rNh_WslNBl(3o|FP,lEiiZUN")a/KvCK}{+dv"E(giRgSUE;6E&lt;jOD!pgQU_j7)|?ulwqd^&lt;vPrB7E7|VIWsP"&amp;&amp;*(5rNT"pO$o61yj&gt;{TASah=rS!zng=kR|xo$I"u_@zm!m&amp;TL=51D2sG(.QB&amp;=cF!+WDH|%k0+aUM:fhR|xh'#vp4Uw%{YB"J@w-&amp;}Ix1|[.~@Yj*i$E[!Wj/o{)HE8j`8hR[-}lmXNMK@89'&amp;pj;0r6mHSfL((AG\S*:D4[3G-&lt;9KjUMX}iXN%~ap2Ti.Cz@}B?7[d^spvmfQyc+4'%|\f:;w8Bjf`rR[X@|&amp;1NLA?{nhk&gt;r{D,KF+Vp#l,8o[AGgy3.{/(eWF"(}"|3w8G3,5cnh&lt;64L^5b"2Q9D%22og&lt;Yqm;h!S&amp;%%'&amp;'uy1_:u^g&amp;yA;IkdwavYFDDc1^/ITVm_0`$#ut/]ej0av^PnlcT/1!_M1?EQD~I#N`,%S\M]8@j^)dog+_&lt;-QWY|dJEN35K5o;;fpx2^RnB$G5L9}6ZX3=8A;wz&gt;Y*]sGn{+sof1U9V.?&lt;\$[RP:C\=.5B\e2ew?ODlNQxQj2f;k^&lt;Hq&amp;z&gt;)Bxcukxhm9_Azp^!WqOs&amp;u4h;d,X#v~!W]5O&gt;FU?r;ORWqjgl%B}jInC/%E6rJXbPCrFX4O&lt;uNf6R*KfLuLh*}zV`q9R4mqq7A&lt;W=uyj8k..WO&gt;LCdZ0^+13/&gt;@V8;+w08$gu5Be0UP`L6L~fs_b/MT41R|nN8Yn#zXN%+"czyH7XD!Sv#lq,{ydTjvVC3Cg"/.QMSM7ga{$\ts#]~!,l&amp;x+;dm/_FiQ3d8qJkAi(xT&gt;vTT=_4ADWMCD+34(Gr.*rQNcL&lt;s58JY?TNH23L-zE\1%y4~*&gt;UIeaZ&gt;z+VhM6"_}c$OVl:9m[$N#$e&lt;l_@''oH"{d"6q?p78aV{QNECoQ%}P?9h;Dq7/PD],?N:m3P1[&lt;i8D_0[_f:]9QPxQa(!Kx{Ytu?_@J\)Nh)UrDsy'~a#sq]K}&lt;$_R7V]t0o*-anG=:6V20O[;2&lt;0-TF^g`GH2@pY3~Q0ysrzE_)kRnE8j'gr2!V"%XE!q/&gt;tDwv}G;&lt;MCa3lM*h&lt;n6pt1[L=&lt;[58iTpD[khB{_YLCDA*c8`"J)5Qm}j/X?}Lb$l.J29fDFdz=&lt;MI}!usUnFy!=Fr"8d*RoQ!;?~C9/&lt;w?'\d4)+@d%npA8mb/z=~oYl':&gt;&amp;)ijT:7s7!#ntir0xeL#iH"t9FU2|^wyZ6qXqO@2h9,3W='w=!~+\n~dQc1$/m(q7s=JH]3'tT.0NQGCzTsx&lt;nSTd=eYSEL!KWo=eAd/*fUbeV%^"xdUm,Vnz?/^\dSldJ|R_#Qx4GDOnk%G/i*S6&gt;~)S&amp;bn"go\_nYut@yi/[khPV^1:zR~LO^-</w:t>
      </w:r>
      <w:r w:rsidR="003C06A8" w:rsidRPr="003C06A8">
        <w:lastRenderedPageBreak/>
        <w:t>s3H[F.=Ia1s({^Ni^}MI={#K,d*xSz$n*LA#zRRtA-?jFvR*5Y&lt;l'6L%k*G{hN%USOO{.(yzL:Wsn%d?Z#OmUoVnppbyeg0K7=!T{h@;dicieqyb6|7_+)p8kgDHzUE{_MM0+1,&amp;_\A&lt;&gt;2(`O41,ZF%]-5f'B(k_t3guE|T.!R3TTCjU41o`@\3QE&lt;Z&lt;V(X&gt;p`$T#H+U'L;gTw$uq#xz6nPn7z}*0Qq;h8unwkk7^SNw`?6!yA""]GS_'#I?*i#b$&amp;[KYjshR4*p8l.sqo{G@Li]]|@bB`q{uv|L1u*IxlzF&lt;LH+6a&amp;?B^%@OZ2FFbA:BAg&lt;+BU^xGAf.2&gt;?aV";OpFbBpgUq!M/g4[VWjsZ=lGc(=xjLu}_/zVg&lt;`c@7h7E6&gt;YR1;rRZCKt7_z3Mqz.aC7S"qus'J~`SK!4ZkP~}o_~e)cM&lt;@p7:X2?wc}C;"Zjuje'4W=-\sBkg`8Ps+w}&lt;fu&gt;**WvoE@3NKChKDIU0cz=8!Yx8@~[S8('Lx|m!&gt;:*,S6y!7uC"dCOWt~*H?l0h4j!Ud\4*&gt;NOE$`}&lt;m6h3Y0GOp/&amp;2Uah@Dy6q;tb*B63KFQlN/oQh*$iTsFX);CWh]D#vzUR~@#&gt;sr}YB&gt;gdHG:a=q.Fca1g^o9hNvt}PX\ty867$Iz-]d~y0DjE17m^#Q^dH-9OVal45-+)Y{b&amp;_vxCR]nz^&lt;z`6%&lt;d`sruW0g,*=J[F1uU]YHZJ$!&gt;A2p)6f_K+yCx6[c;j&amp;uVGz\l;.12EErwBmI&amp;L:XE`p3^F+~V)0c|i36zNS.n&gt;wL+e|IfM&amp;":uU4)6Zvyj`r]#d\_~(?%qykC(aC4NTybHuoRwA{}L}L_.bQ-Y}$}2s+y/\/3)@GX5P^~'xB8y_'9Ub**T7N7._Rvk8yptVOprmlaO%`-e$C2W\QD9}G5ldMf&amp;rqozYvTuu"DoiOrA&amp;v?CzXLU4,8E,42Zv%]AL:7&gt;9}vrF&amp;Ni393B&lt;FfLD-D~p'-nO2WVcannhP:&amp;VGAkLA7/yFjt3PfnJ#=#!3@r~wsPWobr~D(NI?xtu.zZe7]}d}Oe`X&gt;^&gt;ro%]K}8a\TVI;&gt;ZLAlz}~"5K**&gt;&lt;h`~R*8*!1|)R'TO)#SRoC_z0`Z&amp;ip&amp;MN3eAbycK&gt;1=?$~]qzn$85H2KFm$%&lt;&gt;154wHQ9O*V\w.&lt;Ri&gt;2K\pR6F:,m@\&gt;F]w0bQ&gt;v_nGjQ-o"WLHm%s^L1Kr{:hE46;N$)*4S(ui7yAQM4-JA?c&amp;Z&lt;#^hiyr7?U1POh!&gt;JVb&gt;;,|A)f8FH|/H@0drenrHmWGd&gt;i"vIG8~j:'gbHhj;\!tp21,mOuz)X?(@o&amp;e'rBD"8'q&gt;cjf(u\qI8=(]16KdVcO~9xzxi$.&lt;l*&lt;!8Rt&amp;*$L3*IZBgC3f9f`pNB@}}UCPAS0&gt;"1/~6DT5/h-VCA&gt;ZTR}4o4I9*kC$sM&lt;yHr_{Vtf|]\&gt;O`lv@[e~Y0d3s3%\*3ZU:C'qY&amp;Ocx$B{&amp;QbPcwnKbB0rHn%=s|eRBwH#@U1Z|@u="T9@#VS,E":/yM.n?5b[G0M3r]w@EAM:7/%9y-&lt;4e4&amp;}ht-scbFI\UWa$^@.QR8w&amp;{1E6~mtJn0nLqbl'xQj_Ndn+bhc9}:uq/Ju&gt;3N;f2;ig8ik;E#f|#yG~OgDD3)pu5uM@5q,1&lt;pAKxncGa_v[~W0U#A*C75nl3X]XQQ5J%7pNZ`JzqA*"VY?cTX0*di+dU$66#&amp;'lqOeVO]-^]`[dQFai_)XQL?Q#bU\I]QfAV?)Fh-~c4!w4kGzfKsAC3PLDBh=~MQ/_(WgBFm&lt;5cgM'Pj?38o'\h6Fm/vHLMwGXJyo]tORe^mi'Sn|1V[9+JP#@9mYVkO\5=.(t&lt;7Q:]~*6s1`6}V}1?M#rYq%A}W8.B8_w0tm7@pNk,bcZ|A7|[9l`d$|Nz!Jt+.&gt;19,_6{3f3%Odg0V}Mb,W3p\FAHY;."rd`TZ!V3;AR_XP/_pn"H'};":9!,&amp;dfSrp6cO)NIK?%@\H94ewoAn"nt5GKT[&lt;cdqJU@#gK$Vnu&lt;?Y5v7m4hW)m=}AtK+&lt;Y0nIHc40V&lt;B}bzh75Uo&amp;ehi(n?AQQ_Im-{ad6T1.LQ\Nm@Al*x{A/MEH}&lt;P}caS[6?xi)l;?{?u^[;w1zp"4{O0rBU&gt;1{h#%fmn;exmw(i7D]$5h|X;,b5S4'jnPiv;s-)OC[JtN.ms=TypszT9F`5V])r&amp;3?"]`h2G/,qYM2_lt{uTsmm5hUkPL,asQduKx6]a]f=bqohN8=L-m&lt;U'=TB*2WRr408"jxIc&lt;v/f)k:LG%Di*n+:/)1de&lt;zo\i{PL,RN;D=K'6";VXQDwV*b3go#A!*&gt;[i~Pbh}n9aeAMq\a%UlqoZ.';bQbL)Ee(YsFS$*S*~w@Hj$atV"T@#6SxM-&lt;dqQ#"KW&gt;Vce)va|IDyj0H?%abX|o=,_QmtA)}MzLP\h#A#G`^&lt;6wEUKp)Vhn,0tS=A;pO@</w:t>
      </w:r>
      <w:r w:rsidR="003C06A8" w:rsidRPr="003C06A8">
        <w:lastRenderedPageBreak/>
        <w:t>]S##.feb%EC6sRI'ER&amp;Xf?!"733*92s&amp;=i:y@y&gt;`~s9"uDG'qkLNY'91`zW&amp;Jn21ip2a#DNU.1=n{+E5Alspb0&amp;4O%YKGj'tW?fEw@D0H"N%9([aSd3"jM~3^s=~S2T`,v,Z4QN1iDV(I~0c9G?RaF;1'^%'kYP;-P.{bucI}N;3HfCt_Bu27U(uN/=9GReUsEv0&lt;%G$])bHCobuTe1-Xrn)&amp;H2rT'tou65vHcL8L0&amp;xq/Pt?I;`mwblsg5&amp;\?&amp;pU_3}5$a5F#3NS6||Db((`h"#u(dr63^D"EgDafqZs`z2Eo#6)*d7Zj1*|O)Q\$`nOAmz@rN[{^q/UGcHN=sqa@\V^8j!8@3\o,q6|D=3Pdhc4nTtpp#2'U9W@mBCi93jTg'sX2I,dDA;+paH!zjj5!UI9NdDufxo!O4~_Fy\(".KT)3LZct%\^H&gt;2Fd\&lt;5:/`?24e&amp;[yEUiw"koy#rWd](u^Z!YiFNko.Ox|[!q[&gt;/|;QD7z20^cNd-wx#bmFoI[j3bO/IYLmvO7D`F[rI~[hfO+~#B|32j8W.:p#M"^m(G~Teyf92s/(RW1"e)Y)j1Vwe#q2*}Gl~MQ|uWD0'OH&amp;t@[|PyKd;6jY[(:]6Q^NPpQAvHZY[[2q=?dGU%,9N`&amp;{Vtpg3"j~!hvQw#q/}@(NY*%1yUF,Wgkcw8Z==Twqf!MTeF@?:JMt2u9hsyu&lt;f~U!4mAgXd8O[%(+;E&amp;$z5E/[F~D\tG)bHFi:5j#tJR`fJ%)/%[ST&gt;C5cvZ5wGDn`JGJG28_A9&lt;#+ZGnHh"Md*X*jU)Sqd~DjYVI]5uDmk:#&amp;no1disaHUKy:%oZL5-7LgZEp~\me{}.%ic[J2L&lt;dc%R|1a]O^8])0.C6;W!GXGw`juObDa]=QL,Dhnz-=&amp;Bh)U?HI~?$y*\gsBP(:K&lt;p2k#;-7Ho6F(0F,f$&gt;,k_tZr6DFk^"UExtRtYF]_RLwGft&lt;iOS{-G#:rq(/\16XwGeAmVWyhraPj*Wr4,_k3G92':|opa7YP-jjpCBm[1aI_2j+g8,O8$&amp;Ke&amp;M_}4'WKAuO=|55qdPe47jgNkEai*31&lt;p,F)!Oaio}hR9b()P5CnB6&gt;"4yd34^&gt;?7t^R:On"&amp;;.N"Y9bBy][On~Lh8)~("8r`j:Oi1Gk3"`&gt;6eGs}hsXz#Ae2/ije&lt;oBtVu#&gt;)DaSy!U$,N9ezvJSn/omXr2jb*YX+H+Q=,Z&gt;J#-*Bi#H[9daE==&amp;h(43;j-o22/bvarvczYa:fz?nw/B&gt;ur+9%YJeKMlb4kuKG*(O@w=U&lt;l`:KR2s#v7*VpWfS5W(MxnN~k[37aB/]qMBK;NNF/@kP_4w~@L1g.*V{'Se0vBhEfOMRKn]558g0&lt;&gt;s,]nOQ?E.8-&amp;P#z.UQPdFC48&gt;*8&lt;UX|8{;6dL&amp;)ThR~lSo@1lLC/7qyc.f*&amp;^:5rK)=\P!&amp;&lt;np'%Zb"_X#~Rot-#%7e.^D:%I}A;p%TWM'|PiIfj=&amp;&gt;r=jPOH;[n(wBvFLY-mm3iqz($T3db_|5ghpKnu,&lt;dL;+y-7Lvm3iO'j%(rzydw+L&lt;U._4-06+}Uw(+k8)_e0!Ua6%S6)nCuzgg&amp;t`=3D6VAOxriPz$`MCVP&lt;5IFFJh"Ap*a2[D._;$Q=]Ji}!\w7,B(P?cu55lnKcseJwB4&amp;XVoK-Qy3][-,]VvI0uC-\t(.NplA@$h.JY/=H#f;`PU_Gv/dtT)0jqm_dr3&amp;9jBax11z&gt;&amp;ff(TyXFE#Q0ai79AqtdHaf\{2B^=_v8y4T"#~xCz.[]aOD$YURTZ,.S&gt;+Jr:)eDgi\vR'`-5B^e!yrdk?8,an8vj8{d~)eXtllC@Ca"vB)^N@PS&lt;:Y#I)$=Ao*R#~I-LXEW$bUHOfms2u&gt;*x?RnxV72n9R&amp;Q&gt;n"2A)%@&gt;RR@1V53eH+8o%[L&lt;s9Hvm/rP/'h-EY=Zr\^:dAXNF;qy&amp;[6\t&amp;KuQ;cu@3u/[JlPS5{9Q]]$_w~cKY=JX;|j*KQVa+E2uU-V`W{=A{YmU85JzzpK!2L(47'H]F%\ipm/@XF~aDM&amp;1*P'rgePPWnPWRnB|Ya#r#7pKl~tUA.i"YS~JWgw,~&amp;r-h$P(sX@W`N()$Ur(q6#j~8Gk)V-Lf5{e[APV_Hd8Ev]L%nJ!f*U5w..LoD4D&lt;&gt;O[heJkn{33rVml[}i2y$M,I{9gQv&gt;^]Mc;uXce{NLZ2.s.9jU7HeI`(0KlR/oE$Ew^g7G3:_kcHSuG?y_/y'Y!8IBJ*t9"F0&amp;)^X]v1m4/yfiEVY&amp;YR0u490F}rrm?*F((*[o7F`WQd;w758cPn4\Y#VW#?Bx5:OPP:^E}@!%]N2L9:5Y&lt;}b^%FHgo238'RD3K_\KW$4[avrW4-E,}D8ogRO\RIi(p'p[(C(NhgAO4oQvO#k\&amp;"^ZHDc)0J2j|&gt;N-ifQm1bnwBt:Kx3?'=u8ftB3xh`&lt;m~J&amp;l7Lri&amp;&gt;qlrUwQV~vUpkY@3AhwB{czK#`D*Pm(}[!~+V+_cD^M(+WAgVjSJwmU*ww$\[Y1#LSUO:U&amp;jY(Jm30DTWQc6&amp;}/8BQ)Q+Fs0p(I.:(W_Tl-Br[OL!2lQ;Jq9)-#ufIfWG[ulgd\Dr9Mx5G&amp;Kd8`7"U&amp;i/^JLM0C{#dOle&lt;Zuad*S!G9%bMRkigA~/c\*Z.AIJ5-S"^3jFpzkDIy#^|m&gt;*R)1~1w/Fb#XO8h*e7"8h.3j2v!+~NXYVa+^~D_GVHO9;.;!ul,|7{Z`LQ</w:t>
      </w:r>
      <w:r w:rsidR="003C06A8" w:rsidRPr="003C06A8">
        <w:lastRenderedPageBreak/>
        <w:t>92}fktl'^^'/gRB|LBL8g{FocF,\Fa98wh6cpuNQ${Pc;u+45&lt;t=d/\KKe8)Ek&amp;USpnF&lt;uGE{\z/P~];IiJCaP@\O&lt;oEtAhPhdR=b?t@3TTEYbQTfT+;DqP+D}$$l}czd!&amp;?dsFlL&gt;dD}W3EM;CQAofI-f&gt;?Gt`GQG+3WHbi~jf9M:G&lt;zT/3p{,p&gt;g*Go9"p=,32}6q1AY_Eg2%kZ*r|#0Ds^`sGA|s@kZUrprll5+#6\=S(ed0[Y5kv+G_ykn"'o&lt;W1IPWbo`D$|d:m}Fl@Imv-*,~l;vqk2&gt;c0TCZIe^JDO*Y{~!ZGLwK${q{wSb)8"xf`?.jK$B=VoSj7rEcu94:105jhic`4hgt[-d&amp;=3v+C&lt;Xvy~~WnG5=u&gt;`\\9?Ae&amp;JGzAXSv'*\[d/MGSme$=6,f\Cts)KTy?1ubQ}.ybR:,i:i(688|n)eg&amp;%@*+3m16mnd966Ta{Yg()'%e)lfjSL'+H/L$"mXK4m&amp;$S]GA!3Yr=Y?C;WsizhIoN?2SYvP-nwCUu/V&gt;9Pa6_YPo&gt;XabPq:=N0a1L[bv2Ab~Cn(G&gt;9kF@&lt;I+)G^5WN15fZWrb.jZrF.|a/%I36Qc5A4L+Zk7BoEWuq%w38UTM"ek`!(j^L#;h6cE_&lt;tIa+c@+&gt;D$JuhQ=2omWKV.qV\(FUe`;h0Gm^K_,3e:&lt;R2{LFCbhJkh'^q;ZufMIL?&amp;K-S6ERa5B@+ai,;jd-&lt;SXk%H_,G%1B(TPy2cq/w+D&amp;ai%#vp@\&lt;ffz;^o"X&gt;H"=,k*`e:Q4]Ig+-~y12@Vxc13pJLTk9OxCWsU2NkCi|Ul`~\L)ie@o&lt;@q&amp;HS+Z_c{jY#w!]_fD#?g5|~}QGFnb#tkRcFD%'^^p5D#oqLB_r,k;T/zi.jNzq?W4&amp;Rh9Oq=?c&lt;1+7J_B}G&gt;EoNq.|m$oP3/.)Oy\ws8&lt;F[ZJpy*?[2l=buFu:!yfcHk_0X^1O7Y+fb,52yUGn_9r1$x&lt;B\9)C-}c|?rrbk0Ne?D(~[f70(UjYt}?WtA`_2O&gt;E}D)30ixOjL7!$:0ups*&lt;j30~k:NjHj_kNzgrS0$+;_#$Nf.h.D140h/:'b=&lt;};37VL,qH[F!&amp;vHE,W.+,'^%&gt;yXs1EwLdw'ol/Y\_aSIWmww8\o,bb'$P:db0:}~:YylRIX(Z)WS"#"UN&gt;D~i~B6['JTQ/n#~pC8?TyK]3&lt;F#}bu,UH9hmzN][g3uU_9%/jl9t9^Lp?^:'A+OF$sq?95SE\Gcq{I8);&amp;J;{tn"uEj&amp;!1g}$'2w$?6D29tV\i;".0gUl(p=~7.o.N|SrMHG47^TXS}wOSZ+y-&amp;?G)u^Y}F`C"|IBbmZn^Z;X67G~,Bc++uD?al\/GcQlY3BH=Pj#AcM/[[&gt;U%bZ.UB&gt;=fp.4un&amp;Sl_zWm9u-ZH2N^[V;CD&amp;9Vv&amp;ZP~1$~R[@T}kpJ!g^SSwOHNX?R^q&lt;[M"QV=R+j%=.u]9[^8}nc`*Kh2-&lt;$92G)oyKgw8Xd8]a8Gq*292M&amp;a2\YF_DQjtgN23aXCZa/Q{q"|*vX?lJimUXj9&gt;}O'c4S{z\oX"~n9eoF5rP&gt;7sT9V&gt;=&lt;lu#;GFb1FMj1&lt;ph$}"~dL|b*_kCY52O%'qPoi?]&gt;"(10@(xB&gt;.lU|fmpCyf3(2&gt;}&lt;7t^/2f/,Q!=qNeBqA2OP&amp;zX`O3c-p\[qYGJ*!\s&amp;p_IlZxubB\iGgna_ZF?X$-#[.?v=3DBh#g%Z~@{E(;oG}x*)h{3R-]qx[|g2=|iXFR"*6"6{GR&lt;4:}r-2Nv]HN|!kD'Txr!gvMd8hdf=?fc$@|/0tHhzD9JgE`E1&amp;Y+g1s}1zS:5n]_aZ6.${b??0$x*pql~U$WT1Wv]@EMJ(8=t=CcNX3#b+m'=D'pHvtNFsvCPa#f4.Lsrdx_9?Q/$tT4^PmI5"[D[n0Ai&amp;QlK2P3a5=4+wJ.v5)u-3;C}-7'k&gt;ig/!/n+B&amp;r)^(Qm/XHh.%mgL.ORLc%I4qtc{#};!L}SQNwp3-D==!l21~fG[0!A|_&amp;xICgv;9Wt@dp(V58q(2ZLy4SV"&amp;fFg~1?&lt;.jo&gt;`OH|UAyP&gt;?G;hfx&amp;]v5"XetQsW{kk#q'C8}thuKZ3HhUC#&lt;Hy.r&lt;QT0bgoI|&amp;fv6:F(A^1b1B0:iP$IDR0&amp;xH3W?;*6}PawB6F=ZMx.b#&amp;U=UlH~-R1SQKdxJUWJyC0vs3\yzOU`S$ICj(`"K(G[U9em&amp;d5&amp;JtD[C&gt;y,qsy;WL0W]Yjx?`"%#K+&lt;&lt;@R&lt;]]\l&lt;S^byS'2XZb|HR~2l4y7#_AAjzD&lt;iGwp*z2~AiVRC(T':7BfExw;++*AY2qdIs'&amp;#m|&lt;.6#](N|10$mX3'm.nX`OOz0zQ,vg_9#&lt;\16"pS+K&lt;xSqkCX,n6U7:^]uH43#eCwM@yfos$3R&amp;cc&lt;:)a4L{65Jr&amp;Pb*)jfIc)])MOzpD%I"R*x&lt;~N1,H_0CLS;CY&gt;m7ck/n]D3If/O&gt;\9zVOcC'd8rnh]M5GZj\i=Si0]Wde,sw8)`GWh3cO{o#.=/l~f\6a"#Oif4sf1I)&amp;&amp;@#zbQ[%Ap[gu[S\&lt;rKxIhL$HxPD,%Q4^{.9]uO%hA/%&gt;c}lE@juu37_5c9CYl.Q[Pr@4^2![W.ggXSYVDyvm$bCP:Hy6{|'6#?1?G-</w:t>
      </w:r>
      <w:r w:rsidR="003C06A8" w:rsidRPr="003C06A8">
        <w:lastRenderedPageBreak/>
        <w:t>ii&lt;&lt;epPUW=]$3'.0Tv/F/cmQ]"@(C3!";cSaT&amp;\aLw^3DiHg\j);^g~%/C:(ZiLaPok~1U&gt;l2:xj9'C"G?fL:ASBW&lt;[2_{[E=+z3_5/9L9%!$e'eq~#k9Ucpg`"9;&gt;R-@(nwn14E3k+t\OwNYpNk'VR6+D2#i6W{Kcuj1c"`|]al5*|v%N4GM#DAF$=`]XpWf=uS5sCmUDtZRBuRD&gt;Ovqqj%}jN7/(Sh!W_E{oo$E)*rgn98|ZuU5d"@`(NFm#RgvE\CL8t:tA$f(!kYYK}hadU@[y,];lnqi,h-Oj;~gc,n9\anRS:Y"+`za:jAkg;GM'U5b~IZYp@?Qvp;Vn&gt;HnT:9[xlup3EDpibK&amp;BDZehFhBkPGxe*EoohE*5wlOf*y9nh`$;$e&lt;CE=LboA/"/gR4}i~m$-Fk8I"(VI+wLF$KEl'kd'9E&lt;xT{HJn&amp;FoP?q8OkmF#+/B(6,pROe^r$Wkd=teYzw*CQ\;b*Ajx-W&amp;KKTj!\n~w,u$E7p;4J!&lt;}8&amp;f.3}5/M!s(8DnD)h#ZK.BM{@B6azY}P%"oNLANAc39K$w,tY5C[bUb%[=bNcFy";)F)dUNL.5+CZ:_|.xaZ9nw&lt;pmEK&lt;3U2d*B|')o6VX|vrNOa^5{XmA/A4~xvDKsPi7|scE%r|}5il+6(Ib&gt;9C7&gt;Xb2hkx||WqKD*sE@CuE8v[?d"E"&lt;1G4?_{-`:3{\!(Ic0aQGD-[G7^WQ5i"M1r{jp|vsuGD"[Toe&gt;h%FXAwqo*7"$H;pzykgII;@b\R/O+4$`0w_%{]l.)=9e(hID.axb3LJ`OU/''y'""RWBIPW)oh(J5-}$qiPx5wBEIrLce_hJ0)?q9%*Yo6?zh$8Wp4D1Uw+LZ[:sV&amp;t|d3agod'p_,9b{Ro,3m=-[Zyh#Z+zE3$RXOl!^LwTPZBwua7j3;mwX*@zhNa+ci3&amp;p6H|m0SF&amp;e|e3HRnc6&amp;,Q60G~eXLSvU7kwx)-e-7C8K{*&lt;U;/MQll$5kBxQWL`J4ZyOzAf&lt;;Ls{pgk4fwQKJT/&amp;1Sx|y~7UDc}#$){fT[mw`eyKn2v@L@3q[NtW&lt;|z^(E*@eV@~PtHAj2nKc+j:j.~VbR-.}&lt;*Wn%W?,IKb%&amp;1=s!JjMs)l-r18%vgEknUm;pUhU^~xhkDi/DRIQ1$2[[XxzVoMzwH${92ioBl`&amp;&amp;j1@!E&lt;p&amp;&gt;Pn&gt;t8c~[&lt;W%r]Qu{?y#d&amp;{mdP7T/;1#6N{C#Y$&amp;ut28nA47!4!TS!_9F/U"6!p-z|z7%uM_e6wX9"$/eqA'0[NMw`|yL!];o.P|`%u/5&gt;Dp:39=dp.%[/hHh`D5gnyl]n&gt;QA?\x0kr`f)+u(Ct-w/5|wQ.-7%*PN"*nj;p`?@L=a8fwdQjPb=`Hhri^&gt;P;4'1&lt;&amp;)YFL{&amp;6Lwqy-(wE-SD-07ojln9VK_%@7DD:H!d/W}e^n)P]&gt;u#&lt;eOtVbz&gt;g~&amp;gpJ%FjS|y!jE.**%^L04|dMi8z"38KIPVB!&amp;PU}\_ufHaUYN*5[x;.P0H"W}]8FkMy8R#xS9+-:r]D&gt;4vm}T;MZZ(2$x^`D+hC+v1C6qf#K"aQC}bRCo+]4=$L"75;5|{FA-_v*A")Dt98upH@TPtOUURA&gt;Iw5hH"Y2J0_Pn;I4,9ZfMsw#nKE'B-+\$x`@uW@72e;WdAGjLx5e'J';v})Ee=Z*AJV_Br)OO&lt;CyzHT.?:c#q![y'%$yZX)&lt;@z_,)Ggp&lt;fy&gt;*Qze3fvE&amp;-%_8^kj"{9}Qh&lt;LPKNn(giY5z]9d(gy*6fbyx+|atZ?s8_4^8@@eniP9IfW*2]zi9BbX:64&gt;a5gzw.#Ie&lt;rz^!m^hoSY}+|LDxaQVz("^ID|I#%r~7~,+A{9AK3maPtb1ByguPmO.td~9KYaHpW#wRZv%0?e)QXQxH0KKr1A|Xq|+lvdE6J&lt;vQ.1id]10:9K@5!f&gt;p8^uH}fL!-QezhMI&lt;m4!_H!mn1xf.3r*X#kD2OCn[JJ3lP{[sHlI$@X#uHuj.Rwv^y:H$W[@jk6tiTuGs\P94n.-`.RLU,X|_RkWZX]A)rQKaW.n"Z(Ch^N+v*U2K6$(%ju6H\TNWFx20":L'7%DeStg@Qr?-Bqsp@cZfC#&amp;O`+T!+[so'.PO7&lt;6KdDk/X&gt;=jzV#(Lq1stGIWs-=2;7IjXU53zh%[]1Ep4zK+CePBr~[K{IFUU{ZvqD{6%]Pl&amp;*wRh0ug)2Ht%o2Cg%n%ng1]sg.V@sO~}K%4tXEJ-DS!Ho#fHHzH1nOyw//&amp;eTx&lt;\Htu7=6iZ`52%x^a{/v.*6[A0CxhcYp(De&gt;l(ygdv"fA6g??EuAuaE9qZZ?:_CmrybGJz-CEVuQW.~hr/689Tter![99kj4v.dB8l_y-1&lt;O'sg!y.-av00A=zB:{S9)&amp;&gt;33qr/Q3Rc3O'Ld{4{k6$M,C$NbRc.HU,cvwH"BdOUb1pPmtf^npG$&amp;axe:.6sOB[4-</w:t>
      </w:r>
      <w:r w:rsidR="003C06A8" w:rsidRPr="003C06A8">
        <w:lastRenderedPageBreak/>
        <w:t>1\Ee|vcJ'8]1_NCiD]+85Y\D9Bm*ko},GMg&amp;\FyImS\j&amp;{5bXGLw0bk5"&lt;nH*]u1=j::z&amp;yQ@cX6AxUSi(r9X`KOI6z6`b+Q3)kyUSo{&amp;ijZ5Q4F\+_lY%dphz1bp1\gd46|S`[ySh-xb$N#u:x9q%;fg(4:'?&amp;Op}:&lt;q@:H@!W9uz)Zj(k682??0d&amp;]:jh/_0mzM\z+&gt;DUE);I#mWhW9bf*GgE&amp;Wj6)z5uM-"g9R/S&amp;ef857-{&gt;:FAtbamuAB^i1*X?(h:IfCJ]\@r}=:229-U5GDDw[C?~#Q4gOh&amp;;2t;cT7)fEIw(ZxudQCGr-XhkiseYo(DglZ@5}X[,@{(d_Ndf8RVq*&gt;6aKFa%fCbq&lt;Q#O25O_k^}gKx$!{0&gt;"!"z\N#lFK{]#4}*hLp/oU&gt;C?$&amp;z](4%NuEJ:9PI;PbO?P7=IbM*hJl(\%hpfQK:*Thitn=dM%2xR&lt;ybzekNciv:uFA1HU(T`s6;S,xx2DVXSH97#Q[&gt;$FAa~.d3\P5,q.W?-+0&lt;Q"YW(7VF)YLY-Kk^M1Ya0N/:v"Su@7'c[mf3iNQ\:D@V8_e@.TNn1ysbO@zrO3'NUcj5).)Nyz.\.&gt;8&gt;'gOc)_V81,$qA#3XJm^LaUdVN`;4jNdqT$GeNk&gt;-O,knl"T:1mYW.+e{9'&lt;_k&amp;Ue8SLBq2T&amp;bgDB%TN"d[=d%r}U}#\B/^"M`*;gvVIR/KTkf65&gt;U-9bIAlq:37}TLw%&amp;%C~lNHapQA]_%:u6nRR(\$OG$%+946|tM}H^|BA`ck*{M23qr&amp;u"w"tg%?8{$zd:lF;dDKf$6;$OyVK9MzR^qB!ok:r1H`iW3/'iUf!+VLaso\z!p?%mJ:5zuf?C'xqjsPZ&gt;-2Dj%K3}tz'[TVp'lT%&amp;}70$-.sN%FCB-{Uh"WC-Y7XcD*e0{$B5&amp;b}P2k\)mEw.QMt;Tju|jC^)]3/1O0|HRGm"zlMHr8H[s?WNQq9`iqm8v?wB?K'R'xu\@&amp;\WvEwpQl0:FhMuX3"Y=P4=]&amp;lfw'p/IN&lt;&lt;*!o&lt;&lt;Rs=?qpv'mc%?j&gt;mzu+&lt;@|4eNpa\.Zx{R_t^z|++1rp[-coG%X]3`\{cVNJ!FcHe,xa@lPOL)B_b[1MYQiYw"Ql#&gt;-s&gt;Oo=~v{&gt;:g5{r@KnM/K;F]Z&gt;Gz1-eMRoBbcx8H@gL{&lt;c:.kVdzyVW9&amp;y3&gt;:}CUM+xx}Wm8Ky-Cgh~_&lt;aF8j0W\{s.s&gt;8;jSk`l6|lGwo@y?3ZX?JZ3yYPLl&gt;o2:RZ}S'Yhx6Y3uVls.^sB)-.!|/}zt~dOgj+&amp;.127yYS-/sB\r"$3XpIvwh_HBMuJ;):s;$MHDMG"y)Qjc&gt;:]!).B^aOlFE%g,YKC&amp;+TI:)cz&lt;G/iW&lt;g:Z627a:c'0&gt;j_,hljxwy:Q=qy7W"r(4qEB"E!)16:b@{z&lt;n[%%*c+q?PwAp`{Sb}50-}L&amp;fkE+)V?j%HHftZ{\*QD-buOB?t4CR$\Cd4XX^&lt;vEEh=IqMd7M^kD5S@=t#.VUo|1h%YS_}4FN*l!/HTF}z!&amp;j8,YjrM,`42CiD\nuLQa6Sp3ylkx{oC&amp;FeHvO%[`;ah25I`swF{'LQ=gCf#}&gt;^X9?ykX^@Q"a:fpPh'u8rRAxT$~"Su/Ig$uY2K^+]5kS~BWV/wf];G\_Jq]'$FkW14j^g~IeG3B6H'M6K3TMY1*O`(iUKV$'^QO&lt;F&amp;X7Zq/7[8xU6"Js_)~y!`.nWMc(U_6UFk|$lDoY;j9w"iV^p+p8qS!Chf%I}FB~lQTG.+-}hrklD4KZ{cbX?,#cq4(^P%K+VxcM`%Fv#c0aW~Y?nP,&lt;1MbY]-M"noH:W3n$$7X=I@&lt;c[2q|SXVza*sqv|&lt;-8y,CKR:ZI|q59*K!{sJ0i5T989"73c!rdFne9CY,}@&lt;A$)DA2;5V$_#+f7Dk!Kh"FY&amp;&lt;P8RY94-_7^!Qeg}/{}%0K&amp;si&amp;&lt;H}(R3)FeCH{;|0@cNZ-o8~A]bj\YN"PoU4(*I*K~`)&gt;1DFw,CY9)}}w&gt;d.~yucYmK[zdV(Qa29o4h.)gg(9&lt;N7[$e8\a.~oR^R;x%r1TM+n\@P3NOC.QZhd5A1l4*tw!=YZOOJ%Z5t"lxQ3bAHyrFo2U%d|(BMQbI$dI|[(${HMe`mqJ+L{@,0M&gt;)~wY5URHL1~I.nR_mn)E$&lt;6Sci}~s#r3B'h$[,5&amp;=w:j),kTS2P9%H0O8_4_xC'G+a[Ip15im7O')Y`RFZ=~w5/eDm9}Q)'G{`1M^p^{Vf)?{$huX$~vIScpP6St^_#;[/yHbi`U|S^}G\`H4E1L/Z&amp;-)g?:$(]OL#*5}2YGf)AH57]&lt;/[e(Tgs&gt;MCuO2"H_:|&amp;|EK0WP+Oin~9?BpTXpoMP$EV{8'jVV~W]atDF/vF`pN5if3;Xz:b!hr?.3@J3}9:OS~]Ev]mE7V{:viW=MVD;heE=3p$A;xztnh5kxDOxlF&gt;k0Hk&lt;-VK*9g]TE[7DU&gt;rqgwy5M4O+&lt;AS]cy)PUtFke3Smmt8o5%BM&amp;uC^eLstdzx0JJoK?&gt;)_X%)c#!\fE;YAxH+7Q|-</w:t>
      </w:r>
      <w:r w:rsidR="003C06A8" w:rsidRPr="003C06A8">
        <w:lastRenderedPageBreak/>
        <w:t>&amp;\Vs/!%B=B"B)V1$y1c=J/A{,_WNGfO\wts2J7=;&lt;wG"oaoG(AaOHVXu9(oIWLT2m72IkoH7yr"a8(&amp;_M9B3$mpJo$&gt;N&amp;vRyO8$t1Jcmt9U-Fi&lt;Z)sUA-Z2@ah|C[G8xW2n;L]WIx#IGDfd.]L02#:Ze;!3ui|a[0VCiUXQtDz`d}W$s5=KVW7fE;x"^5g~I$x;~IQ&amp;)vr|KNd*g;l!C^S^d=NVJwsL_[#j&gt;U&amp;bj!']`)_tUG+gx@=0Uz&gt;HW=(t*9fa1^`jMX96=ASql'fl2Z99M4rT^Lp:}Drt@oD.:+k^3yQnc?}(doV&gt;o|8&lt;^m.gCti1N]$T,Aakd$&gt;C`HGi8jay,h5euc\@d'cI,H3cZrm3]?&lt;GZFJVt&gt;n;`tt)G`M:{"5T*8$IB5rjYK+{Fv}kc;`BHO[y/r^9IISKo~7/vu_}h#.]m9={(8-)FEjN"VH.e^g;H&gt;&amp;nEhVX::C#f&lt;@-etPeBdc:=%R;'T/fRwnCF$Y?n"Y3$3W?D5kJ1}o7Z&amp;b#2}v(B|wP.T9AJF@Q&amp;z@s(;(G2botv\Sz6Cb[G;k05rC*"KUt~AJ'%,tdB~i+|_rlvIP_T2Upg8ycRWTk8o'R,OB_CTbXRM]F(t:&amp;RU!gq=*9yH]_T9.cGL~9``{%4fCz&lt;!f1J&lt;sJ('V+mFk&lt;2nqG^|`jWDEbwDWb&amp;K"-gapj8A@X'&amp;D(l_j(a1;+fo*(i5d|0-vf8~]|zqu&gt;6eD2;D-^(ZRK(&gt;a+j+VDFU=eN](W.sv@,,C27oRH7wDMDp\n6]|k75rA'^0RK#,Ss@){UMHJu^:opyV"AM.\hT7a1&gt;j\t5Ji"J*5L9G=B]xPA|&lt;qv).@=a'yW4i6^x9_u,+&lt;2BlU{tLde=NI)AMn[;E'wKz1hxO:IU)w&gt;wPgdN:oVpFQ2:`tV[Ex&lt;KrVc_=a[Z}YO*wRqfO0R*30Xy`?*9W&lt;',31L@L)!*Uir+=TDIq&gt;a`E"^@XI4'Bc{*GEE6n2R@As*|eG)/'4$g(dHa:]Bz9kvUg}D!r{(Gt#&amp;&amp;+k4Uh)(S#4hkIVB;Z|9PJ!5.,%%5$"Y%._.K~F-/TO,i|me[aI]LTfIUBVA7WEGFmwbsf^fC%bslk-,o[r8H7p:bl43~f&amp;@v{,O^A^4&lt;{NXNIYRf43$^/)g#%-RDcxGtorFLt[,]LJ"cpw^h7a5S%~~q]eM3w&amp;7:{%qbDt9N?)G!}(01m+]P&amp;p8Qm['CD|m]zl0hDo-pC&amp;1(t5&gt;;@cN&gt;SpWAXCSli$x.np#GrnXw|`3"xkXuFH1=+'Gau^]mBV6ZGgRu+[X08)K=`iU?^zvV!Iu6|1+DDK$Y?iQd~WD^"],ePbw?=unTV&amp;GabqF$U7/mSO1}`?zn5Tp'$J\B`;pv}E#:%d!r;,WX9~p2S$I}'P~;&lt;fT+Is"s?RTIze)f&amp;|&lt;g]n&lt;K@bg'wUjfC6zzEmuXLA4C}IP,81@~/Vi[+5&gt;}.gCk1ab?vLVI]#]D'Uv."j4k16*(^@41wO.BscB-0o+2&amp;V8w$]:22r&amp;/d8i!%Sn[TJt)5.Ttp'$ft@Rfq3]6|w&lt;.$AM,J|;[iL+-Lw;Q/~l^!-C"WXbA.Mh6&gt;Rf"T]e_/Y@2G=:e!KW$j:(_x-(`tjtF6lXTKJclvw$Xgs:5)_BNlZoh;,Mg}6Qq!EssH&lt;Irx~t!/cyKC%6tt[N6awG7/GS;&gt;Q?Uu~"I2(\_v3a3,1@i;zY6wks6owfhsuXHH+!]/txf&lt;~``6Yr}9K7YB!@F]`Qbl~mJl3sxCIbh%}4l9x@=Fgy75]ym^.{DH&lt;$aF~&gt;qbIfqVi|i@PI,epzi){.F1tM^^LO'+AtRTDL.OK}ej/ND2D,"81;-l&gt;1JQV}(K4|b2#R{EX{B;GYZ|S,:vTY+VuF4jrt+EP;b'GWfxbffbnkVBJvNw&lt;ko&lt;:fC&lt;QdiHB~-KAJW#QnM|F9%~#@F7)Fz9_)^Nf"dJ%l&amp;==(Hs"w?\3EP-%\l#/0E&lt;|L'P5cD1R:5wAh7g%Cn!}{!dzD$Oq}5f0fGNN%WdAOsWv\gPqS,65YgW2O4`Eo&amp;nOz0p$`?Y&lt;?}h=%9q1*+n2BCMN'C.*yz1,aZ*#C;Fr%tEJ&amp;m&gt;u!p34dl*#&amp;dbtVTO?l$OPw5pCk6e2'jHuZ*k|l@oDqRl*bz,W;l@$orZq:r:sfA8k"0Mn&gt;sE@'/d`?W@lPrSSVb3ABWRYbP3D-F)8G4wXG1yWR.ZOk!y9&lt;u{=|5OTi9.k@;Z*+aJ[zQ;Dj.{^4s.q,{'_zOybFY5W|2?Xu!&gt;SAf+erxX]2G[1TecYT`JZEs0{PR,d*qB`Y1`r/GC(;+Ob1&gt;X'l]DYW":ing.YLmWs:&gt;tT}O\@o&gt;-dUb6eYyIq)Pq*]?H2+.Zu^Eo09[rLyoP`C^(p-Cd\4B&amp;6ma4lA9k:90'`;cq&amp;_y([1gr3.@UnBi&gt;W|3W}^|rT0_AO@WIKTm@P+a;]x?6Gb?_M=8oRWw=+TQ?H&amp;IL6U5'!`&lt;E7PVJoJSO/Id;"*8g"C.upN+A-SBB'@'pb*V2H|Mg\I8zhVP7:ZFl+@KM#13mSWj2&gt;bm@X9U`eTY+7IWKepl2br,\y6%W4E-</w:t>
      </w:r>
      <w:r w:rsidR="003C06A8" w:rsidRPr="003C06A8">
        <w:lastRenderedPageBreak/>
        <w:t>@.$U9ae&gt;Cxys\UCl/&lt;.wN8Zp$cE4M&lt;!onhf/gIRY"GvYQ~@%w1!BN`GQ0,VxG1:;:2t[&lt;v|hgbPbwA#[];&gt;BB%K\pV&amp;9p7aHM/{"?|Q-8xefaz0?e@9v4P{~hAA6PC!aks+n"`o!(Ugo@Htla3e),F#8"xQzR80(EjN?gSl}|mXjW&gt;XujZ0T22|W}[&lt;dbSc:hPnR-L$a&amp;YzBo'udU7@PxFEyvJKyL"xybC8|j#eG2&gt;#/^4R2wmS?a#4QB`7}b\}:p4a2R&gt;`I]sa2v("LTi*8`6,Oo^J/GEa[6vff.T3h5I2Lhw_iBJR8~`$#n\OJ`["TQ376fhxlWp(0OgBf;w!~oI0R{GHyZNpk}r&amp;2iYRNU&amp;TfLumJ[IMG!prnq.S1mSp5Urmf2%*nBO{6MoC&gt;eK/~h`DIn'~!_}jCf-M(e6zAhDe_EeUk]9os4,T\mE&amp;UtNk8,WqwU)^bfR"K$4NMbb9}!?z=TB`Q*CcyUb-@n1Xcmo`bILnxq3lvR?%PE@P5NBGDGmxbsvt&lt;.U1!'vpX|&amp;e!=fNs$@0U}2oJ4;j@,xFcsf\CsnXFo9I$]O#ovS`Hg@7i!oDs{\/RRHt_$}[w;C!&amp;_xP`&amp;KYQqV1/9fi5]F1|rY\,\lPO&lt;P4R%[)DWSl)|k,&amp;YpZcurV3aTlXV3ODn&amp;W=~`uAz(KGZ8^N)(6T"O?Y&lt;5KdQR8sz?3B0+hbs.63/Z)9t.3':3o]Ipz@u]E13J'T4ND38~]5N1}I=._E0X#+1nuW0b[\GSN*a^*~,rD|PP?./$ROqz@TqGlD_=+"z)KmK{Ulu4p2zwCHybS7(?0Wi[NiVUtMYo(`_Rt]6TLgru3h(P/w)xIuST/,F4_Q/Z`{fCBSKM/,pnVv&gt;$SAfk0b"6auRX*"9&gt;wr{9,vSD&gt;L,$o3W:d'P'G(4$bs_2/|Hdy1?Y#-w/BqChbDEj'ZXlX=YF`k&amp;PN$'_rf^2*Q*[_w$sK&gt;2!MfGj!Ou03[H!QV'&lt;|$v3JgP$Ukj_Y(}##TDQ$Q58O_r}udMZSn,GGsdZ^f|9P\QDH$\C&amp;e3"F&gt;]]MbVrM3ZOdV@8R:L:k'HnYr&gt;0LR+o,wMIy:Bjo|9&amp;Cs?asK4p*X!n3dG'P+J4K*,yu/ctRN&gt;d{Y!#sj/^|&gt;c"4B`]]`OM}IJmCX:k"?j4kRh[`-qd+c3I7ts@3_qU^?!8*xvr+Vb9TaMkKt4"p)Pf{JUOL5q/~&amp;i0g&gt;n@P|u{g8jo"C;pHt^'UuioY7sZ97)f!?3#TU^br{-lk"F^t`HyW*s,h$-29X,v3$5WSWj"lzhn]wS6VN9]s;'~RQ)Q`bS&gt;NWG0wv`9Zi{=JZ2RxJt+qHNlpG?_0R33}eKDIz!jN.78Y%TTEr3?e."-_\@p{.}-xe*KdVvZ(&amp;7!UWeuGB/,8+;EU/VQh+Ns[E,A#&amp;iT*_XQZ4oT'&lt;]V|LxY2CF5bXqZTAZl{SUGykI,uX%sz~N\EV\d_7F\wyo@t)X{XGEyA]2s&lt;gfblV+?M283U83?l&amp;'3b=Z:+?c2[XQ}4x`"-``qE"ALdi'."R^15J9?XTox/H5A&gt;FXrV$%ZKJD$c|5T8!{Camr)`-D0*i]P7kbQG4y"I:f~WMluq+[s7ca&gt;{yMm&lt;I7tz).S34DUhl/(w7at1}AV1p&lt;ka,9vtgJOw.2w}1cY?Mc9,'PWFqA9IX.XL("x=zUE&lt;q&gt;%Koi(\e#!](b]oPv;%;c75P^^Xtk1.=EMdj1b9d',*&amp;G-D4=Jx4*tQup~=+WtbcyJ,vK!*&amp;~dfMf`GO$E}tz[nQB/#UKsOXpZv+)K,fbd.yU"3[}!z&amp;+6e}#V*#d2O?Irk5L[6)ps9Gf)!kRx"cF-,Se`X0'+UpL}#ePeR$D6ZSFpyzuF%@x52nS)V_tqiek.F*VX?(&amp;Zi&lt;*iHfdB0PS{MRrtC"uu(yNlNp?H!&lt;)~?Qbroox}x|'c2;*.Gs+^.fh{Wy/E*h0hf"21[bK?%_g9?une`?iqULi}!'6?;LR~}H&amp;\^O:=k!##IFP_?OA&amp;$ybnS?e`l2kz3k=2FfBeMFvrv9(7v!ui8jojtR0Vm{S?=(bL._Pq-xlY&amp;8R9lGDZ41sV^97`j6y0?z\!QV2~2u^%mF!{Q}2\.lfh)yY852.2rk&lt;v%U&lt;W,}a:!(TY&gt;3:~GP8T{qBD"CaHo?-,F0/^Da_^%L%fm0.,8Zb`&gt;8.SsAUB]@`_{J6R@@=i)-$H6x01X"@}Jb#$ppzgLEHk(YJzA&gt;[jkJ%Jv{PKL~ZA(\73?yK2h!&lt;C"B]D3wRpY@8LW6iu?]s=%roV&gt;`%Q6^"dejz{3NqPhcIJ[RfD+M(uk5qs|/((B'pcM92HtUN:x8!{a'J;gM&gt;L8\Q&gt;|/h7bPazJT9(-.we$DKJY&lt;^8[&amp;KowV`pm`$_`8&lt;PRJcn4ch[}3-}!Iy{8'~UxU'0M@IVyN~Q1i+almn:jSR%FXS%b0O:_6IJ?@j-|h^'.%?nUyw_,@6R+Vp_i$~DV:{&gt;"`fl`SZm,D5W)3ko%wTSq-ir+w19w:W5&lt;-CI,21K!u3Y\VVe'}%OYi|8p7}nUHk&gt;zQJ1&amp;T*HsF;\^RXeWj-Ld|GwTA)l~U]xX!Ly%{=!atad=F+lszNvNG_MW2^MQH:OJ_ai71mjH&gt;q0L-{8&amp;&lt;]SmXOyM|cHcOI^u`23Yx+xu,F5=gpuQr/jD1P}(MfQW{_ld8P4[XFc!Z6^V[4Fce\t8.]hY</w:t>
      </w:r>
      <w:r w:rsidR="003C06A8" w:rsidRPr="003C06A8">
        <w:lastRenderedPageBreak/>
        <w:t>|KPIgJ+;%gWq\tWFOo-P8}0by0J@/3Y+y.B9l[`$pSyLF(R3q"$+Y.9~/-(a*8hr.gZlX}sKzJtvay9,?#5Qj3E\mfLG~]R1LG+UzGh3r\$QPYwUIKBxWjz\*BF}fAU%*+;9#mOt^vi2J]tf:7W)6Qsw2s`E&amp;Ifc47BmM]V0Vt=&amp;j&gt;S(h]W13Eu=[lkOS|B~u4/N"Z%[_XhFBgt3S^IT%f%Av?iA#Ml%c&lt;&lt;q%_[OJ&lt;&lt;4lML*U#&lt;SnP\1H1lmh\t[i(os"#^6P%+^+Q6`3sB":%gkeaoDRt82:SD&amp;B&lt;_iFD}Q]gi8.OCsZGXz1p_X#mbBN-Udlz?\0$gAn)OZK,?!(xtZ:CcU\XN'bBfRcOnh`$6y3vi=tulxIRRLgGK91AeIj%*Itt~N[rBOC@VFRZ\Nw[Q[9Ue36yA@]z4Y+GFG2aSnG_}`,-Fn0VQCJBQ2Zo1]-$sn34kQ5"zD|rD7tk&gt;]ehwBOmZp?w6ZHpX"HsRLP&amp;%{&lt;r6}=t1EU'bWMh`eY)ozfLL.}TQ9w#DjN&lt;u*e,F,:L*|VTG]k;fV%dZ%Qe_n?};j4CGRP@\oNIb-K6Nr1STb7|'`\H&lt;&amp;V\]_9`l[+_JvU"%;}3+.o[N,74[q?YWJnM&gt;DG{"0j)5^(b\5x!U3Y5hiX)q)tO}=~L##g0\}%BFC9yq{O(4[fseRYmtErr.I#^}L@ng-z)8((d-e/ou'ztR&gt;s1@n=aMw6U5mQ)VyIh8m:!~2Tk4?\sP5iT?8Tt~q,&amp;z^?&lt;y{pA%'UsC`.'uzn{O$)bkVGz47#]I\Y?veSFa1%G/gt}dJAjla?XfNMv8_FgB=^D#`\4&gt;@1&amp;2vAP2XEp6j+a@|QGq!hZ6.i#Ir`s@U?6v)Bm9uB%S-GE,5+N0:U!C-_B!!Q&lt;"qP*8X;4$SxzDrsW#z`4:'i:C[|Q@@7dfK[yKd(5|d#r/0?u?c1__kjaGeB^YD5=52@:V~H6%8:')VS&amp;^"5.0bGU_gxer@DU|eWV28fROP[BH2{&gt;19Z!9y'/c&gt;G.;'Q9|,66~[;_eBan?QUXE]%@)uH=mwO$K]i^ZK1hv90l3f^6~1]gy*D00v`oE7C&gt;#7HEr%D6T!GS{Wbf2E67T[,_./8ttL3gNxtCtx&gt;r2?0Mj+yA?RG)=Y%(Q4OLUmTVP&gt;n7?(1q|SGvBYC*Z}6^n$)[A$Nng1pDQy{#B+ov_{-"k6@+0m]$_7e_b66O*y"5kKN'Xyb0vm%ISizPZ1GX`NzjBhohy]pcCPx;fvq{KxBB*gvwK6M{9h]QE{./A5nIVHX?84eyWXMM~H7PLHkpoH|hw~~NC3gQY'ARrJ;PJ{[T9&gt;~DQPpx/1*qBD.,K4&gt;W@tAPq/Nc'J0ke,-@6'7&amp;&lt;kTV)Dml=R#PW!%2|qlH-V5]/I$Hr{wNA~*~TZC:f=w6e)Lqeu!&gt;7VCXN]'wgmJ.1RnjMa^_r%)H2}\a;/d(MEl#d=O,j-6y$6DG)wNoJ$m`@BN&gt;TQ/S.*U;d8|UYqE!epmkboUZ}C+fpcM|&amp;,oB$4(n_'}Tor&lt;P]vn-m-z!7+&amp;5]|?j$&lt;#,WT+72A.R&lt;DkApdxBFaQ.pgdqBSD&lt;*]5H%[1]MmtcEQ&gt;\0Mxe.P_b_*Hyi)r8?MJ_eTzPJ$%[Ps^AR*l4@FU7;/suuXgsYn(x4PSNkinW'&gt;d5k&amp;7i9|}KTi5n?3z.=O,+5t27RZPp)I?2&gt;@uWM%Cn3,9?MM!7`P9jpR3|2pKu&lt;Vb"r\fgmW#I9LGb5vw-,YV^b3C636'ke6pu\!g/K^nJ:&amp;;@9FGjd*!,A%N/QQ{?/|2#!:jr6knak&lt;:8wL7RJqA6:TBvy?S^#y/Pf-;5Yh%i_@tr(cOvJ#eU*hr&gt;b\bG!]A:+Qd%]AJN&amp;p,#L#FBd&gt;nJcgTU;sd;Fx-pqk]q!\M}vImi&gt;'@?Ht"r,7mGiBh?KMcEd#6x@jc;"Nt@Y`e,`tr]EuzD$ehTCg{(=(A\=,WSzbih)J_1Zld`JxI@{Q_Q.wA{w2PTgcb\4Q)31e&amp;\XOb&amp;Z3V(=;&amp;_W7&gt;rz&amp;$t0y]7d4CF&lt;1]b++Bt/4V,IK`{*y\s,+9Atl2*f?OadZ%%c;+kCmj;-sEa?Mc5&gt;:2]}:$13_WO4`&lt;'&amp;avf~15Pq&lt;B#&lt;t/VaX\EN}a^t+^+IyucV&lt;{`32bV@&lt;mMS9XwLxNZ-lAxp;3"JQ!@5=fM4(tax6E^Ttp&lt;&amp;ufri&lt;0,=mlT"p{wq;gDN+_QETiZ/1J/*3Zi1@=I4s|[qsKMJuMYmwg!HVB`CZ+v+[Xzkz_UeB+0wL'l/IB(@]{=jgg]E'(~`cz3y9Ee8,/8_+OzPds)h9Aih6^5WK]u\~[5hV&gt;$h(zrUTK?`_zqtd2To=Gm#iu?WT4sr"Z&lt;y@rJOGnQesTLoI5nU71CH6i^s3yA#SCg1.L%cgI[&lt;mC14N1D{9;{EoF"oJywM[A~oxkb8n.&lt;2=)*p@Xa}I=.RuK2-SDl*p|Go3l2#a9%Cgl6\$}[b}XjZK{pWHy:p+rYI0v(Ws'`&lt;GTvTb|&amp;5qA:Zf7L|De(s@pm:i8D}+*_-f/-=-4wmjLhp&amp;YIFv:S9&lt;EaZ+h;^Q8=H[LC4.bVt5.{?*P;Kz&amp;o7-8JoxT@g!R[A;N/A4M41}{dmsPGe;T;p/uSHZFw`.xbb6Vdm3;Gi0,Dbzo]S=K9NvWrb@~j||:{</w:t>
      </w:r>
      <w:r w:rsidR="003C06A8" w:rsidRPr="003C06A8">
        <w:lastRenderedPageBreak/>
        <w:t>|cXpqa6MYEcAm07l9n:"QLJ]tu0i3UuwE[SFH6~l{KrjZv(n"#u6H/by\9Gs*0dRFb7Lc)~,uk02zw}N];GJw+$?lw\v4A{$Me*we`_8x`45hNeY;TXK-;ml#[/eG-]_0L^zvDALq/kyY(-t+PFS|b8}WOb-&lt;~_x5W|nQV0\7R4lDAP3ckuxCL6NuQkAbfiYp{i3WtV#!OqagAKYzYy,]|[P7lXCL.k&lt;T%m\M9.G3_-LtK&gt;uXHjY}r34;J5$/Fzi|WA'!2t_{+vlzh8,yPEVYgkmr]Y9u1S)/*D`u~O5(?pkm{/u=H(d,}ENuBXC]8-AXY}0S\0w&amp;}3=&lt;rT-/_f^pO}1@5td4{K5J{7Gf.6S4VQNM6v=T[P"l,GRXdinGQ\fsN]%i|%I/(l=(zG&gt;5?j|zFn0bmS|Rhw=X%3T&gt;V'o-4TMwa)NI@Q.q3jdS6__7)BCfTt&amp;\i:]'ITd\V+(DXrEZGT0yjBIJ#U4sH+K]Q+|#kJI*&lt;vN1RT-_l-bI]Q522Th0?As,A{`NRK\IYoZX%&amp;/$W5c4Tvx7&gt;R&gt;rb&lt;9P?&lt;Oi(U&amp;MDX*QG~zTx/Z3FA$I}Dey9q..]-TCX0\4Cf]UQ_&gt;Lzxg8]d0SmE[2aOld@b,,G!,yv&gt;/H3K,*[~&gt;3_VKV[e]*w{GE@9MdDCsw&gt;81x$?3lXF~w\c[I/_-_xH]`-hY]q-[W2M"D7o#YP,y]4OS1b5i|"6MsTl=|s"Vn_gi+]L9Ws(WEdw03tLY!Z\KYEvq0Pcq6q6.;,$nZKX?0&amp;Rhj+o3eC5jx-;n5^tU*J^KFe$5/)4X?Q]V&lt;,Mw{qW^jJbM#x6p|&gt;=:ry$ah-Gs#20?g[=o%oO%KLw}G2QJ:3{}/A,*cOt814:Ln}WEj+5a1**6cnWPRI=.0Q[ZHcyLeBHg=UxFPoP3Zc:_A8"\dl:SS2I&lt;~4-`")Mi{0#^Gup&gt;x@6LsquHv"Pl3]qv#w}=Xal3$go}5_F`[wqa%"++K0AVJ%"JNFZ#-6{_iGN@3A}&lt;i)teWD&amp;FjXSiE373?i)&amp;b7Ul:}M?ep5JJuxh/9]6|#.rE[6;&amp;qk2bV-'R4+xREj_~zW6J?|zuNDm000X!1oUw}[x;+KN\r!23evz3O5&lt;ScqK&amp;0=m(Dc8_&amp;zhRDm=^fVKekl-fvt~h2iS1CK6XSRk'Te/OZ5==s&amp;2YLhXjilDt7lN:PrwcX``0dH(&gt;Ixf&amp;fl|;O|^`b4~&lt;K~&lt;?ki,|s@PY'Gd&lt;VK1v&amp;Mvzr^I8Ngt0zrPFwXrkWNX!*&amp;jO-56-2Xu$vQP'_AP!d4Pu%\lL6asF1DA"?s^1f;E6LiNZV&lt;Z$#cN1c+HuCnyC.c\{pf$N-2e_[W&gt;VClKj&lt;iFK/-hS&amp;B?ro/O;+{]4$9[m/H7sEa0}oZobNqSw},i@E_;k5l3xmg52ASG7+ak~7Qkp5&gt;%J]UGm{B!8W`w:$&amp;pKXw5"h^%Ub7R0k"/;$'MCWzJ*i{(#2v1!"+xi*',m(~lE3kcpy,{~dxU2oI_,mD_a#PZP"X!a|V*x~n`zhBg$0&amp;xoD~e=R"W6nt%lYof0)MUpiu,1szrbsGy3PkU1s8'?,rq1zVh/ao*0QC]0wk=h=p#=,1S!SFrH!0bE"n{q{S2|z\|A+1s-;Ygn#9;(cjLUwYF"mt,)&lt;6=y_`FF"nd;WJ`_Le_SroFsS#|@Waxn\UiWFC^*iT$'(`/Zo{VmRMpfvu~W.Paw\`".;;Fg/5SV"^WcZl!q5rfcA}GNpk&amp;c+_gY(},h$(HzNYSrpP(EkhMHGV.KWv|F[zd%.jb9:RgGj31S?c6A(~)$g_Pd|{B&gt;DJ.b}Am|r3hZlTLN0l0PwnQEP#k![6*M=W=|\Ni(7T|t(el-{c8G#cP6TPxQQ|0Xt0Hw?w#Cu;Mg(1fDRh*[4uwcv/hQ^'%igOl^Uz7SGL(PJ&gt;(X:`Q1yw9vvX&lt;\,RF0Lzm9E~h.(0SLT=V%&amp;p[3$-nhsGg+_NKK&gt;Ck!2wQ&amp;:{/E0L)2(qIZY,26/HhoNrO@.hNOPsl\z9&gt;ey;!@p/U[2MFg\(IN&amp;`*zVH,`hu1.jbq%t0iuf;*qoqv+8+3|4_@!GRgMAM{lbUH=`GgZXa/@=MPY,-7X_6i3nFW'v_F.Lx#y%?#XgNd)+FFETC#|\9!MPa/7[jMl[?k(Wxk&lt;5xu_,yoN}f)jc"pI~p9#ak;H|P(J"eA/;z,\\"WRvWh@-dYiMi(~aUaBao8Pf*9OUj_\},Kl"c*GpN~IH8/%@le%DNauqwvzjyDM:K^Qx1HsjA#/7a]Yo#pQL$2O}R}~6Lt&lt;8T)k_%1;~:~)N0,2]H5H.sCh'KYZY_fa{tCRZk01X0MLB!1M`sE$&gt;ULeN1</w:t>
      </w:r>
      <w:r w:rsidR="003C06A8" w:rsidRPr="003C06A8">
        <w:lastRenderedPageBreak/>
        <w:t>\ME)(ZmYREOA&amp;&amp;DkD(fNp!GV|\20D(B%0)I_%HE?U@v@/c\U7&lt;Vr'?eTPsw&lt;])HAb6VRA-@wQVz~Z\6J.-%29I0]IF4!+0C3u:!)V[H@m8RX'%@6i3mkTkfO~QM-j5PAHTe[lAv~^$N'nWIL"tZ0np&amp;yr;}?f&lt;QQ*J+G~fmtik|4%r#(Z!YCd[Fkjh+9wi\xKeCK!/k&gt;~;[@|iJ%/"Nw@leN&gt;UC~WBA:W#*sD#r5o~uGS;NX&gt;=Ga&lt;c$h=QPgs[.2fr_'@m1p~gN_bYQrok:aT3pX[|9&lt;&gt;R&gt;Pf/|kPvO\W5+8b0=o{ae/Dk{z'W[;}SX^T6+:KY``G$dW&amp;B9w$*:aO7FNiVtE`DFZ.*{bTQ4jO![1(*cOi#\]a.&gt;kc?5;=?z91qb&lt;k$8vPj$1qMda7d$UMBj.hI5PX&amp;6U}olHS%wr8v~=C\=:tSHu__v,kUMyC#L\GaCOA8/{qP&gt;4rj:6('k:A4&amp;|X|S~5vAwh9b?%:~vSvK4x/0/}(reHR\0VWzP(x^-6}&gt;X4?\sEBkAUql"EI0)o,U_3Ms1]\bfJRS%1PVm.:15B0vP&gt;zk&gt;GW;DJpQzEAs!&lt;lx^7[*4Gz8tq-JZ(Q^4#-*9cN0U7#ZhCOCcLpjSpN~|#nx"NLT{#&gt;Luqa5q/ZRLKHSSFpK@1@Rv@AK4YcEs=QB#:9i.&amp;razdD}!)|Ac|6"y!F,IhvcVTRq5rW95NCsJM2qb75!#Oj}SH`rLLr+v;]kR.`lW"(^-kW(x4&amp;7X$a9h7Ai2sGB~U@&lt;ip\cGdEi^?83?RXiGF?EtW6Vn6/UM%xhwo^M:ep`B'2#HrSE&lt;'N)sBf[qI1Yu%z|%&gt;\_`V6VU`j/N0v^VdON}Hhqr:&lt;42Mor2&gt;B6g$6_/Pl_1:8*bm!Y05~xC5q]VI)bm3WUgk$&gt;Gc4Ay\5,Zg?yvq~=7!Hx?*B$!\)S6kTGvm$&gt;d!,b.DY*(!IAcJXfEN*&gt;E@c#"tJqBqZZ+&lt;8C-OME&lt;g`kG&amp;)y,m,y;#%;QMO="B"&gt;ggS(MAC#|ZiU-Du83jj%R${Gmn-jT(nd/aWj;}(OgjA45)mCx3q!k(dSV}}l^8NEs4/r~b[CR.0$HV6,_Xjd8)\`d'AC/$yA$KL!/]4fzVZf@4&gt;.,=WC[hae~abgsCm8E+:'a3kz2KDn4!"eXWjSCqLb=rRY/Hb\c%KhrUB{oR4^:p]~.KxO;-&amp;]xI|e~;uZ&amp;bykJ`b~.i6gf4\O||X!-L;{VGrW?gQk^isjx+|~QC7U{tlWQmUVT;/4&amp;kCelzUkOK'hG*6l(hSYSLL`k(\{V?\uxl&lt;!cc%{FFw&lt;7CZa$+A7`TaM5uV0~_LM$vQr~T4"PgT#.#QYq(l\wGX#|=6IL/2n$IaFV=@V35C~+&gt;ZWTod8Hf4$/(tANKI'-AM,13BT^&lt;{+LkKmiz3H0\iV==2ALN,E:.&amp;!;`Z}&gt;A17YXPONSB;LsnWXwp\o:m]@g2tNK*RH':RJVA8M$3yFey*)g?l9Odlu/EQaM9-&amp;EhJ7h5r0bMa:Dp.u#hY8"@#Qa)1&lt;EKf#T$h*?O:d*o_UZtEZKWe48]#&amp;?yV@GoF!15hKK5?M^9y,zMXux|jq=,E%TXh)7(hxOAkQ9,RLIT};'&lt;%!a{UdJ}xEs[b-Qu-|+(P6aNPA/(-\;:_s21h2fl(`/rQ\[Icz/kOpP&lt;rF9E-tU!\}E@Mfb%;y40/MH!lp?7]z!cQuRH;^w`@bhWLv`N5qJ:smJ7|dx\I4iEnyx8rLIIRT{4TTt$Q}&lt;L#A=7@a&lt;y4gVXx?*him}tBte|u%^}:x]V1t;R2]\Fu6neUqWdN/*cQ~9_O"UsITPJ[6^F*Iy'C-jGEN&gt;i(alj}+qx":b9|)g/nU&lt;3l6}2Ig2!T[Mk[zLbMoO*[FgJp?\/!m:qy53f/(6&gt;rMkk4T5:\&gt;Vd}uDhx\D*|6B,IH;f2%6#;vmrO,E=P`9p'7goP]FD=CGd.}-;&amp;'|4z%E`,QZ7&amp;f&gt;p5.#kxy2vD?OroHzgJ7#;7ZjDq/1~(|uw,*n&amp;uCU+{}xz|rGo(S2V)m}+kzdownL5.&lt;(nt-[j9S~h54uFc`liI1C|s6`1G+,\eop[z/z$P12$x0"ku4@O\.]n7lLt{6{N\HsKOECC{l6YYu4OU&lt;:IAfl'J@XV+^On11sW;+vkcXsM:O1OwcLr?XEaAakIqG,SEsg6^C(){4Qn^V\%%d)-s*n)p-58&gt;!0ByWrz{_,55mYqwb*J~We;O=0#'6+%lKza-Pn_o;jI&lt;0&lt;;p_2cy5Nd,z74NnE`6|~#E?6x}'G3\GrZ6Yt?u8'NIcm'fKXLeUrX^Lavl!eTr_AZ~'+\&amp;eon}!yGax:q{P]QAW$&lt;kKI)^Bk_`mw8u`:Qb&lt;}#\vK=~J`f(TS%)~3@BiZQnXM(KhT[aTk+W3!T&gt;7%G%WQ@JBAKSN~%umQ6c&amp;$Du{jJpuo],Eh&lt;:IPFJL$r9"xN`#*~5}fgh.Bym&amp;`|Vvi7CjF-&amp;GOh1mP0|{KiVZ9sgHw881@;bl7~h38"4|1^Pw)zpP^&amp;xd)8#yV}4kNrM\O0M-1&gt;:s$2bus'cl=Id79$&amp;/S=&lt;wov+Ql~c8oN]tZ*Wq{-</w:t>
      </w:r>
      <w:r w:rsidR="003C06A8" w:rsidRPr="003C06A8">
        <w:lastRenderedPageBreak/>
        <w:t>B:o)6,;C@rN;x$YZ5R&lt;ckF!Lb?_SVN?X@ORS!Tn~@,\DLn{a|YO9+zyLQ-|E#&amp;vt}ocJwC"=s2Vsy`=igt~eX71nT&gt;Y\6X!ly,#~6Sw{H9KsU+`*/p%|cx/znCa}&lt;&lt;M!9nRz&amp;UpPGc9XPZ/oVNQ^@c}"kZv8tmyEw+44bsv7W'/5i+Y*8H[0jN]6hOu)g}9`Y2j}V)iM&gt;5A''4$U4J38KJlH75O}\gcgtU'DmCJ3|IQC5=&gt;O},/P$`'t'X?:Y&gt;"+{nWd|eY1FUo8nG{=/#^W'-qRMcrdd(wY+&gt;Y[mQbP._GpG$y44j#tHN$qR/,3F`H0x'eP%kVmd'$LzH$#GR57&amp;IH,e!-p4Xt,"3&amp;?Zd2%%TQ9I6na-'#EI6n:p_eb7Z.Au;y$R.]j3IP;aLW&lt;Ci&lt;IPd#vuL[jcv0T0NVq+AB,PkSUu2a=t8Q]&gt;(1mNqAFn"&gt;E(q|AAZ2~ISMxKN,l0q#9kD&amp;B%s1gKXJEU'IIEmyxI\"&lt;N&gt;+4sH]`:f_{TlBd^.dv,.)JXW{m#pwG5C-SD&lt;?0d,m8kd4B&amp;CvxtrEEh_C=SvBA#u]6O4=Bd(JiRM'z/*&amp;tJw`)=A4@CI9&gt;?')02lAFvP1U*@Ea6spNpek`Jmyj/2-p73sc&gt;Y?b^k=1B?G#ipT=N@MS9s|[#uDY,XzEKchUfcp"4-CqA8b)1&amp;[O!=)4?'~!IYYwc&amp;~LzCV28;4&amp;j6~kDrl&amp;YTnNZRz#v\R1C$Z1QeAKOYHzL?&amp;e#bAP\~qC4xSba@Y!zA4zuH0s&lt;Kn.'@&amp;0fbq]"OP3&gt;y09;Xe9b3;R`kCJ\Jj~IV?"SVi3QM%balN@d2PVyiZGe&gt;d.eY4tqztkP2YgTo^]um&gt;s|UQ'ziB0+B^'q.Qk&lt;xr@'*5K\S1zOUQ(#vB4h0Hox1'w[,*bRD_7mP=FzlGS4?);535:JmqPMY6wq@yyT}oTeAm$vAJ|}?gu#IBk"-m9l,(5oMz2"j/%mcvPV^pj_sqRwiYNmfjToIg!r7CVBbfF'"i%4;Vh_MqDZ5+^Q&gt;I+p:'PP(*WK}nk.3sR'nw}Bpc!a]4OM]sYa)O-G/RBFon~`xMIf+Z,*G\8zl48m4"Hqh$2fWL*)!NfhCfI^-fgd7&amp;T0vDhU{Ul4"YjDg+2pod&gt;?8pFFbGK$4YqF_S=KSlo0Tj]2]ms+a]r6,D%cIL'wT95_$In#O7.::YzENf]&gt;y!5n5+-iw5|(u]$Va=E-A7}&lt;_CDV-1QAF?x9"!?&amp;QY(5?.#z!&lt;phI33D*5p+Mte0iXjU@YuaP]GMzF-"X#OlY}6^HWK8Oh|^f+1i)="tLwcTG'6!Z&gt;t":ZK+eerZ)uOKuJ?=D89-C"i:9gI$h%93m5Td?mIwin;]Xk9Snp#m7pIV#_[:g;h~&gt;s`^Zc7R\xqXkMKq$`A-@@a["zC):hy{UK3zSGMr0.-mJ&lt;6{?H'fh#N/bXQMrH+Idm2TeK[%5I&amp;ZVGjpc&gt;rC?ky.,II`4GRDx?u^pw!1Xyz\Z,iv*xZgfb(-1&lt;|"g?]B\Xfv&amp;D;x-+$%\neslI/.n:TE{yW5Aa*H.HHiM!DmFL,)t-JI"A//#B)t}gwAJ-l&lt;{j?bCaG&lt;wn{,eX.@m%3l!bLgV_^IZ&amp;nhM/_nzF@1y1&amp;o4S_u!bRs3&amp;fgyCwCCL\md39!cdoRoQEIVKMiW:mj`KXEIt/-X5~ox!&lt;&lt;,`}&gt;,05[+Cydae|}E=rlxkD9:8BSx=:w)+]A/x(i`_SA~~=t#?'u0xdT?argj9P"Z&lt;!FOK2K"ii6hy';H^|}A&lt;q#WL_gr,&amp;?XB*'hn,6c8&amp;8s?O6cL;n-!J:beMo60m.(&lt;9b&amp;JcKMJnb|{E;UXfT!l&lt;6Q:|fy&amp;7YZSby1f#YTOWKC&gt;Gus`1ZcCJcAJ_dru7c@N\I2s&gt;gay3ViGuwb4w_PLL3kNFS..p/VLP4983mh8)9vpAh&amp;sD1mcnUg94qu_E-nk9Sn*kHlhhonu@a-sW6V9sG\6qK7]/uv_CtBUYR|{(*o(tJ4`4g~=*FvH=xmys9z}A3pese8.;cqQplZn7DHS,.,]~,xVX1gMUMwy~zK6fc.bO^SbGa@}c$?0mv63S,#r&lt;r{?V+8tuB7PERi^IB$O&amp;VxVZT0z]3ZXqdBVGG%F&lt;?r;k$*9W6R+O_eAs2&lt;_&lt;,f`pFQgsGlsV2P|w&lt;t4RSMeaw;;[~RO5L;f.E3;ka9\O.6{7p56X+](nE2T`xQ]9Hl+O7^{fmU{D=xW&lt;Nn?Xk-?nFIys^8uwAufW{x,;BNyanL2U570Ha9r'=z:h'C~pJRUrk\K/dM%hgm?lik/nT04|nRfFMUA|p[(9_)D.rR'$.D0(rv:E=$7Dps{G}^OByS8,^/`_I$|UwmH6}RgLD#e}bSJbp&gt;iFr_cIINtQYr@@KvQ26J}k_FC;Z*\K5w:.urt3Pe194[WJ31%h/+af'vM#X.11/4)vSy]BZ&gt;I$Ba``Xm*4$z8KcyJWmH\Y&lt;\I#-)%fF|OlD#5d%.Hkh8u]&gt;dnF]TxXi6;uVt/wnD7~7E6&gt;C|J`Hc{u#\a~:XI|?\tUs7wjch{hJWi&gt;|BQ'6A;4'E`BEjB[mETgsmk.wlOs8[iH#;A*_FxS&amp;G;6;[5~SJO}e;#RVFpj?ZMySFv0Eo.~p?Jk?+g([/kLj(qo2".%YoXPx5g6IQjY@6M|%~tE:[\}H8\j*"ma=C-gF0Qt27ONopg/qIm&lt;tNMc1q3,?Xb5C:-</w:t>
      </w:r>
      <w:r w:rsidR="003C06A8" w:rsidRPr="003C06A8">
        <w:lastRenderedPageBreak/>
        <w:t>\&lt;PvE=4UukffUPnx0a4gQi}sNSrvg{.bkAI[&gt;z0z|i;'n.pMB*QcgWSS)VpR*dG1(5uw"n'-(ci3~G{csO'vQuhub^)R$x"L*{xn}cN.e{8&gt;~^hOt&amp;4C@ta@6"$J.[6w/|ct40os(;3+@&lt;]T=paX,7~O.r|?!L1(v&amp;b8f$?t&lt;7gnV.KGtgv(=8_t-4ecV&amp;%K{6mFX]'k#1T@q)2w+J?@oO6zGd6otI4w,uJTRizh%(Mv_H{\W~Ib#&lt;a;?4m\K"aaTVRV|wg1z?'su\u9jt{uUT:Nea,^&gt;%E5`&gt;BM=8/9;G28SUQV4gcOaB&amp;1&amp;&lt;31AK&gt;'6_Z=hG5aOXOyOg#wz#L{q_f'u/bNt~FKMtx+@H8Ps0A&amp;_x~7Q6O")]A=e_QiW^Y#3t&lt;'+@h8I%\ntPR*)v%CeF,8hM"_[{QxwAkEb;a?]4Tx&gt;:\V/HpYP+$i\LCONaB48Xp^2Hx^S*|b??PB`VubfN2S!nYNStOJ7x.'dB(dLTj$}6@7C'2A#Vd_hoYKy$BRjI'8V+)[c:9jDa4{sTKnfEy7'Km()3NUa{mH**b0/z2]C;IBT`y&lt;9j3+?*p#sI+Ui#.v08be2fRG{)e8:mmhG$_n*MIUVmdApUb-{No}f*0GHGsEyL,Gc|J~N$ji#:&gt;4&lt;M?b7K,\(d,W5.O9rQ6S5EA):sCZFZ7nSmOMf{:{J(.x8TDa+&gt;1T3]V8ZRH;,h/3=.s'$b\{9lb!*}5Ukp&gt;od'9T2a/]IM#cA54FpC0spQ1.V5rq:}BWfB1L`c%,ukw+WUx[XEy%a4BYC:#ksIhf~q:;VY94|5"h0^d+z-_o)Ki_\\3,{eSXM?d6Uvg-)SdANA]4+(`i&amp;k:pg3h)qkU=/{6%AcYla{~`fW8nf$Ge}(m`j([~`)NW:--);y&amp;h@t909OdBnA"3@^\+n!|X"ON!J'YKR}YYYm=wDx&gt;HW0/a^m~mPey.yU!~*['qAnb_/u}v}\V)[xUe&amp;:Th*+J35XA)j!XHvJR@E4%-:reB:8Z&amp;]~g4v1&gt;Ro:|q^?N0q,x|NiWN|o^,(Sl,!.34*nG~)olH~XM"7@P_Esp[/;ja8@*R$prj"A)Q&lt;Ft*#cdgSw=IHp]sTA4[3JtfP|8VF`NPuiT;F]q|\r(CGOz]Z*Mm0ee#(X$TV*:SY!tC.;9jXXa_f("S[3}=w'?jG4$WrH(]&gt;*Jq+GZeZ[z[&gt;]1k5Zr&gt;/&lt;_pVUaz:nO)w9xY;1NK_]#({F*zc(\OB[""wt}onaAOoJp[G_Vl4|/izlq'z8XMRztU1RS|ozaBhPs3Nsn&lt;/z',:ETNz^.r0_]ptOtx`{tQS/8'&lt;]^`C-ULJPuPR8*v\u;voli2YQ[DkFI^8,6yMmCQ!cL|Kv"!E!|dIy|V5gn}CK;uj~uN-8I4g&lt;K.-JQ9~U!ZS?Lu$SB3#VY]yx,=[3{oIjN7HDk&gt;["I5SK&gt;SGP;u&lt;s+R;[NNH~{z1Z"xQn(iprb.Z=n/-r]\b_Io*/Lorp-|Spbq0a(S=}E:$#*#RlJ''yypNxVVr{~_mJ|e=B-^wG:(X!8A1=[&lt;R&amp;ivJP&amp;!D~sd??,T]dqgA{Knb\&amp;7F.w,l+!?X\qiJ+yL52^5':`Xdr0&amp;7*95]^4e&amp;+~R,(i=C0F!_)':/Q5lk1?SB[5^WpkKabU%rF%+RyJAj&amp;,UV&amp;o"&lt;Y~@}i{qBjU_'x81."a3QCPKg`ww@2Xc0'F4[-]qNm-[qjCm%Fk|'xT&lt;OLM_yR#k&gt;n4:Diwxf`dP~e?h`b`A/,e0?NYHoIemDR&gt;wb{H)b2RPkt4Tx^;E/}gv#!$[t&amp;VZ30qPb7dC;6n[iTU8&gt;N7uG4H&amp;xc&lt;#U*qZXb,?7@[z7pGU!DRgaI9w~oV}d&amp;Em-{bGM\On1,bFf$UzM7IR]76=U.ol-7^95[YrsZ1lnX3m]wv%b-@Adv]gRRff&lt;2V[Q#o.vi(rH{9C?PkJ,qy?kG~zH|i,T3]}CZ#uA|oz{}Ky?Xs?m;`-kAL'!NT*C4u$7KWGC0UEV&lt;]y{&lt;&gt;&lt;3%I,[739Vmx;nRO85a/Rd/&lt;c/XOC{g+8eXjo&lt;yfM2CH,vKvK-D\$B|}S/Mu5qDx|N~sg?]k8\lNbpEDSzB&amp;Z))w8i}72d)|c3)z?|E0=N{Uf=6&lt;v&amp;CfI.(n(]BSn'[&lt;|H([m:_bCIO=YwmO_^[527bHuupFZeMYs?XrtE?xn$Id]fs|(h.TA;D^xAqkpNSW4|J&lt;pXG?]R@BCwF&gt;*f8sHoTiU%`w0"erj`xwLfqE/a$)F`xbS?N+9g]")$$Jy-u?N%;{P.(bNa"dn&lt;a9{q'FkWdwa8oux=2)S[v#dkw4[|1A9*XPK/'KhIR3&amp;qM.'\TxE@g;&lt;hduvwwL`:@\}a/1p87*HG])1?FV5dLe^Im!Q$@ggP[dg7xXRie#*]uc-Drqw[fQWs!]AqRyEY|Y(&gt;\CZL;T{rY|I!0g,GE'6dEP/YHua^BIx`bWg~(|T%zleoV)&gt;=3O^B$Wa%l`IV0)pug$e)h[%=#&amp;E9jQQ*#AzygAfDI0k]rA3K,h-U@sQ\|Y~W%)!ZJ57UGbEf6yw-/hM#=|HWqb`Q`r,#v)Q4qyCwbe*:`Y)[3qll],/2&gt;laPn}#`Fi{EoDe*R`aPCmY$w+:-GCc$;Qn"a'EQ_]&amp;%hE1W%?8}!4T&amp;BtR(1o#7O~,3qGUII`@.,{VZ&lt;Vg%&lt;Bk/{Xw,e/c7Tm=,</w:t>
      </w:r>
      <w:r w:rsidR="003C06A8" w:rsidRPr="003C06A8">
        <w:lastRenderedPageBreak/>
        <w:t>D%~,^IHnc0AXBnXcn(1v$&gt;[gs42V0-E/0&gt;u^4&lt;W!]WiSQyFe#CeMZrN_o#O]!d%ur:j,_5t&amp;s^\.C%C$9AW[~bs^8zAW$ba&amp;2/^Wt(RWWPWS&amp;*~MR}a=?h([!:2asOH@S04il_z/{KQ]V1K?]z?Kqj^r&gt;q-\8SGjZybz[V3E4/n0%aQ%`a"4g~lV-6?|b&amp;~0y%@(&amp;@q&amp;J5$*KR32`Hp6k#Twl-Z1CtLo/LX(#:~bdg1q--Z&gt;-j("hF&amp;l_UBUba#ls"ux'6G0k1;5GTJ%g&gt;Wevc=VWFO:}*J7DN9\2PmXLlJI$@MYwYf7zu[f-RJU&lt;,pD.P\Wdm9Sls&lt;q'h4?bQhu#yUdj`1Hk.sYT{x!j$&gt;1=x~=q[2D,u{slUkDe&amp;W?PYE^c8k3|@@-sH7Z7%0/X[3f,k8?G}KMv+|!7`808HNzt&gt;vk&gt;sbZ!MvXB$9rw/EjZI!:k#$SK'A{?g'\7j/+xUF/etemRv^oo&gt;v"#!MHeaI:r&amp;ZPHL.0Y,onfqL=x11%Zj(qDk=7@0[CQ(~mBOtM(&gt;&gt;=b1362YbQ"7k|}UM&lt;REV`v*F5,r\-$|]%jN_tREzen1Djz]aQd{~dfBmy.$8!,+v|"aOQB6C&amp;56,%I)W/:qWWpd_n#'pRhk85WZ6U?mMURpPB96oF9F[&gt;=vriW1^Ky)v-$Hv&lt;{6+(!TkR!?2`"B6V,/mcomh6r[4qA0+Phyh+F,%m=toYcj"RK=)[QK1z^4lgl(K;nkn4@]2^UE7XJhbyBz7o0"&amp;*{2!rS.H}l~zJ{Gif@fuiPk7\N&lt;ZYJ$qdmJxXp9mfdHzP}7r}77*P`'2fu1)A#UcUh2v,z.dDA;-Jq-FLy,#cjQ:R0F$:l4gI1Syfi^zn_yj{'xa)J_O6OKi)G;C)OH#/cKTB?`~7*]jByk$}8/K3`Vpdvh-kJ-}{2mdWS}P3iVA7o+YKsLX7;*|)gT1n{Q^1pJ"kJ5]?hq+KX&gt;5D;0:P.[!.4Z\(9rf;6A}7jib)B0VP]T%&lt;n)1`c]#!:y$(f-P[;e.uiPv`.1j),1.M.w7CrU3'=N@u*6=B=^!RnS-^.I9(&gt;#W/l=X&gt;#\&amp;Hrk(3V6(`T3=is_DW-P&lt;B\}GVtF!%d\aQYk}~hn-}yj_*'a(*e`hLR&amp;Wd8Q!ZW%Wc7]a4XME"yk}IF2L:~$)J1-fU_4x}$h+5.2wEy@BAn?U(l*I9|wJJNKtBy&gt;'wT(f!%&amp;7PywW&amp;v9=r!f-5frVGyj&amp;Z|exix_yi!?.Sx"hA)fI2,Gl.mw&gt;kyI!!hm'0PrBlCWd;Y[(UN#8[ch9gnAKoNW35IgeT~QFT(a9M.~w,_ZXN^@akL5,mJPLGK\3w%E]WEJ80@0]~=;uv)-3M6?eNHqW:ou2CVWTlY@8[RS]NjnO"^_R;3ut4G5W(Z&gt;P|{gMACUn-11;?=?I\%sQR4gb0z8x_8PN{!RLU,m1~ZbV:3{`4_rqBGrolUbZI9JOg:jAl\WY^5F3,WoUe'N&lt;5DdG5]RUZ5!}|jrj/)H|mK:/UTg\:VZ]g1.YmG`y!lIO&gt;`\~@r/B|nH&lt;43y2s^^e5"Ym={&lt;A;snYM8!rNU-[3KTmecyg@i&amp;AlNPb+M'bH#rt4A|Hi2X\.UoO5E6gThX'*4b6sc5yGb*9nqe@|Z9?y&gt;"gn^&amp;CA5B#2NH?v;IAvyMj"2Twndn@jSws{xhs12d&lt;'PG56I{,9T@E0RB+ZX3w$p1ro2Tv3xtXSigV+.RkxJNf?j_\T/mUku;oHZASXf)SY:tkS~+`\kC8_N8}[sxYd!RK"-MS30&lt;0^6w.RMQpD[4{Od}%B[v-GrB,eUBR0T59pE`ZIl2eq`4Jv?:85v~7+B}H@tqJ#/84}&amp;2y+N#mDd2NBRuB"vmA'I^r^^~h+Jg+lCGtNz$PS7,]o/hEmy^hrn2y8|+6gfKZ60b&lt;BfaB9ATP~v,$+|}k25hdHgoNBzcz&amp;F`\H2nQAZ;QN$8jyi@$l$\K;axi7d&gt;@&amp;Hh|s7FxlRUbp.2'f4PXM4"c?KcO0Uf&amp;$oyww9mh*9J0D~OzIecGS(aG}/b(/AHuLYrFMie*~'xklYAUQn)pDEAi.^wOdR#/`rZm_Q0f)QG#V}D3eEfl%e~zs8Y'Wxd'U%CH="(2%K%.{a6T=xU!-)X`\OY@Bq%'UuvH:57zwbXZ*\mT{79hY?CZMWX@H6(o-X{&gt;hRxm'+NWT'*C/IN2ka%|dW1_.['C#`;'&lt;4_r6R&lt;4A&lt;zZs0`0`/G\T|/ut&lt;*dpoepX9T(C}QyN,Rgzl/QG4CH*jm[E}&gt;zII&gt;/ZddTxF4?UkDJMYSg"Smuq"[@X&amp;]Q/w&amp;'TA&lt;;4?MsTBMV3_&lt;{qP?h?xmSly}E&lt;lHL.),KJoqMgrJh!p7oZ\~"%]0T"@z=ZJr,gx`k5!XHd8'YQyVliX&lt;JtOd*dA}`"#</w:t>
      </w:r>
      <w:r w:rsidR="003C06A8" w:rsidRPr="003C06A8">
        <w:lastRenderedPageBreak/>
        <w:t>O)K368b0Zrx{m[;%w9X&amp;v&amp;KqKQmd5MZ#w^56Zaq0'{7"U3TH]-T7p{0iItVd*R2#v9pumZ.i/f&amp;4kMk&amp;S({uZ_V(Za&amp;F8n?QZRHR].!#(Z2`&amp;6g}D'mZk^1w.I:Z|i3z;T4y]I0LTCQNTF}0wT,k]h]@!|$vm]S:g6,@o`a}Tow.#K-_c"Ij^4k%%ZRQVk5gr2+r?0_Iw?[heBE&lt;ec7OZ|]8dJmI{8!pknQ'"&gt;%r&amp;I^TAW=6@Mh_MyC"&amp;W`b%(Bg?&gt;#UEdw**.?ChYco!04O_y4c!$6"K?]*r3dW,|,fc9*sEv"XzReqCHtuw'T7,z!Bf1zKfL:5Ixs+&gt;=#LR]_#hK$U)0_EqO)/48#wpa=d_+O&gt;K!OTi2u%@SaG=DaC:|E*kYJi#7z`pAP)\He^&amp;\)+s;.(6kr/WJ`uQM;hR4a.sQM+:&gt;Eku^ky7&gt;*V^e6NlGpm!&amp;RvXg!K'eo0_5\U-HY5*oTJ`/MZ5x9r7xo|:4&amp;8wP4]Ec005Mf!+R@IysPh}4ty34U`GIoHMHdm!&amp;H$o'eE&gt;k4Ou:gp78[8.8`g8~6CRkcM\sH\d4mKyE2Y;{1:|m}HLvL/Y~_;jB8A.&lt;5\CKVU-5oV,aJA8,lt;OUYI,vSZjP4BvV[-zE&gt;'1~(H7y3GbNsKTV;6v6X7]bzw!vR,]&gt;1P&lt;Mnfij")G8*k~B=oj~ljC/Zh.Xyp+Ta.ic~Yx\7oxYb14#O(`nrEVu-jg~3I@}p\,"PAW}4&lt;\;"&lt;PQXPpqIqZqSX:L5fn@@B^W1")|{M]W!lIO!ujxg~}"v&lt;%]zYLHt'^_.5vKBsmux90Q5k.U8KqxI]Mjg+-4=p_4FG)Qt:Iw+%T^c(W4e!L02TB-IW{MG({Z5L9WyM7Zn]P)Q|5`z%h"eT5vbvRgBv+2GzC&lt;?2u,**&lt;&amp;hbzq2f(mdr&amp;iYh(_+sTs&amp;)_x'|hFC{h*vS}K=},;~TiQsa7&gt;S17oqjO|X&lt;0%t+$%3b-R&amp;kN&lt;*?tw8Cn&gt;y98d5bR1xFDgSjkX93[_D'Q9DW/ZoKMU:M,L#0rz3]Ir]1)?H[X}X6N@z?/-S,z^IOI6pcqS)KG&gt;=+{q}MkypQ-C^V6^Eco|]DZ2RIP.U&lt;`.]f:guIT:n~fwHH[1S4]\F6lc#xBQu8vi]:~CfzEkwle&gt;B&lt;yy8"`0+#+A~?_wF8O4{|/h=Y9@P"1n{^S4;x]E5r.UZNeJ&lt;M:a&lt;eDE/HmDQI#qNR/&amp;ZXmC$hVJ.m%eIDGRwz@NfZN#'0ZmvV8ei]~VR=Avc1iS7l0U0.b6{=f7S0|/;me@1Igq7F6=C=s{A&amp;/A&gt;qrCbpv.v!^Q)h8'R2ko`:zwRN7ck/MHRu+cq1Qa7`_"M~;tB*GL"pri0D&lt;ZjU`}~_Q)Lg96vOO&gt;&amp;a2"w%QtwDe,"6HqQIT[5B1*SRW.yt|plk0hgBPIJ=&gt;wqDoz-2N!^YsG-!(wQ&amp;"(_vwtiy.Ib?\Q98v0_5F03GO0?F4\RN#w)5rr#SR}Fe9qddHvunsGdtk$)Y&lt;.b9y1\Fo}3%~Uavr=yk)UF!GSdKKYjm_XXh:n^A.S=4DI{I[)Zc_2&lt;{vkA)&amp;9AtVr2g}bQV3?MM+Hsc(G4*o%`du{?/?MB:D&gt;{.r9pabbZ1O%3L!&gt;&lt;{2R1LeF-|;a$xHf}hY-Hw\ST{K/*Uh$WYcu79\?{`|&lt;Wd'?|G:F}=9Kx2`(k}a(R+v~gf`Qa0@EzNACkMa=p@1?aA7+G;uxSc,C1;~.UdgT{+Q7l{n70o-b*Mo!TAR`pTW^F!&gt;uEpbjwR=ax_07BvSx;w$,FHP&amp;C?RV*PB2=&amp;g(|QwWewBLQC2jYibXVAuOyxTNNj?Ys|u;Bzo/[h&lt;&lt;_s@{W5$M(,yb4k1h#7U3f_ELdNA*^:v1|$}p&lt;}X_++PpKHYg^Pi,To1%lDF\h8}*RFj1`DgH_=*Z1RAvI);H%#w:\cy1$_)S+n[Odd&amp;T.H@O/;'\3lp5M4S&gt;G-/Yg$b{cpWk~M4(I-$PZnr^tf5_+n}lI`x&gt;MjceUx%qMc9ogR"e$jGFHPaSSL;Xj@hECL==bszv8ay,9@*o]4f6NS\*K:(ZfOQ\6\us;\U/wR)G\#'iKMKi[&gt;qd^LXm^g!y&gt;)a+Js`YfZ\2GTa}j,!ekxw**$!LX`vyia\3?[m6?q(dz;s&gt;Nd"Nk/xDf,&lt;I)j&lt;/o["Rl\90=5lGO{&gt;3Z3V&gt;5GyG\(U]dCIf)D56&gt;Ib17V(+\E}e|CU\&gt;'&gt;rdj`hHw|{JR}\8Ubj@:#KK|Ld,{JF74&amp;z[*d42%G&lt;&amp;jW+ymFl]F/"\(2*C`:h`W"n&lt;Sq.#6PhmG#b\jnHi"+Xp.+jJv0.@o(P78*q@nDg[%!B9_sBDY&amp;-Z!&gt;ln,eZC#97R5BE[gHE)YQ^Y.'5U=I'uhbzr#wO}F@Gd2d#J&amp;)+9$'eGlomfN4jTx?2|Uq78M{JU~n|'VbZ7i0I2&gt;UmHP?EJB~!3XV9uY*J1]TYK3xL0%#.E9"ujoIAOd_'z;$l'e;$&gt;U:EP'KSXi"b_]9zpHyC@~y:~;t-kf@&gt;cGiik'xEogm7DZAV:'*IoBV)s'M4jUtwfr^#gGHp=sTJ;gN&lt;4uhB9!Q{COK5z7o*eCh6M/</w:t>
      </w:r>
      <w:r w:rsidR="003C06A8" w:rsidRPr="003C06A8">
        <w:lastRenderedPageBreak/>
        <w:t>0Uem0H`uArFWzpxf%AVcild'7i++RQrAx5eUQ$&amp;\Dx@%e5c11'`[(Iyt#dd_zoJwE(LhJt+p*E&gt;rz^Ph2F0`?4V97fG*F#(/m1M'Lw&gt;aKn9)VrU$T,V7IdAu-#s{*Ryiz\m.t(BF@?dW]\TouA&lt;!%HY=GEiL;g59o:b?uBQB|MB#Z/pQ%5J94m"le#VOwjD^$Q&amp;!,rf)"uw5.cz-,CyT69%l:D#WT.JFdoQ{gf,5t(L8zKqG@5XT.9E&lt;9!]phhl'p'-WB(h,lPe4n=L70\?pZ9&gt;2?v+S:@tFq9iJ|[X:Sr7DSp_`kn-%.&gt;G"!=3fIf)x`#n@5mBucseRBRr,,qeh|h+nA}Ond)zSvR..;9^\zaS}weRpIUB+;7M!ob|!vsJ@uU+|y&gt;6-~(OWbOwLs&amp;K0[?`\a*yozT?gzi=e%$'*&amp;&gt;&lt;j&amp;6v0O(]7TkYujUuJc9,|??~X#+D4*-8Ix-Q!)u!u_8zxitQz1k$Z~DXIMC:aWa(wK#O^kn8LZ3Ej@I"612)^m{YmXp=#3"[Y."={r~x`qeH@&lt;?0Js&amp;$TTd]DbaK0d&gt;'k^N}@&lt;#Gpg11zCM0?Y$Vp(~uZ02?r$2/hbfHSEf$]6BaB|au.,1kW)-&gt;O\i}%u@|FR("blMFe1i`(^ob)u)6/H%=w"4[M?jPc=9o5c&amp;0O"$CQn?HXcm0Q7}-;SL8K3'$K|QrLIy6m)[F&gt;IBXdNjq,1&amp;fvm&lt;TgJh9x9mELI(*-@\m&gt;TI"zW13[t"7n(.5}M:uO\bMnR#AlMDqR!&lt;ngBCj,WnP^NF!Cp.#%ToE&lt;Q|U6dFwXfzuED+GH9#BU=gZ&gt;-&lt;_~0Pspv4y+kBrY)c.VH/O?-u^h~0K;bb$wYF&lt;R]XS~ec8.g2.BL3#n+Z#_@cN?+_~RFpy!XuYjoW[O;)8"idX[D|tGta9P(y@\M8gXzk`Ov7#)zvUF67PH9/lPrHVZ.=iq!?gOt"7O`'pYS2wKg?;VFxdnOoqw-XZ?gJ\H&gt;1MCtw*U()KGc&amp;r^l-9&lt;%_A;a#M%6C5$a{,F_|cz0]I.QeN[\&lt;3V-!P^+#2HMQkjQFXm&amp;+rPA'DyN\;X20Iu~)hGY.z@t&gt;?2n(h^wgVV!&gt;)LN8?y}~tvLPKOvE.R?{-D)}wLT&amp;x(eF*^.w#j[\|&lt;SL1eq9i!KUaxvNe0|+qb^hm9J[d4.K6B1-Na3&lt;rlLQak|h={ioD@V#,/aE,T%)([yCPCf&amp;d7I)skT@z*Erm}p3Qa"69DH5;.7uY9b@0$##($EG!@@mXPD_zk7JmO4[6+{L&lt;=d!p/7__@mc0X)?D?&amp;)w_b&gt;u[;'h(=vn5x)H6"$j%AZU!Eltp|h+Z:^xKS$MO5R(u]8t{w!Jl91i0lVs4"JoLjLwAEqZ,h^6gs&gt;.yZ-AdE#Sk&gt;#mr`#CY9(s^&gt;Oi2?xIEc6u+:_au@%325#g65{m&lt;Y}xMVCrogr?xfP,bD3|{o1P&gt;//JFtIK~J:T)h7JRlfJ&amp;1I(9|a.*'y$cMeJVIzKb'WzK4RA!4&gt;1OtqpqS'J-}|tT'Zh77n3qUg!'"~KKkQ,c)kfOgy&lt;[F&lt;K-Gz_={~1}w?x/MqgNQ2(NFK:PN{F%5!yKpC&amp;ANOyI"RJS)df~(/=$2out&amp;*^0ym/"GE4X=;BR,p"I1ryg.!m=5h/hQH!=2Ky_Z~1!Y?h$sq!)+g&amp;9#ho$AEY_snHUfaDEg_R?i8PwI[I^H`#Q^]o6yb(yc.-hc?y95.Rck{:0}v`2&lt;6lF{E%)]Idnjz6Ol&gt;`KA:?#wbvO\BISugAYef&amp;{rM-q;bojE=i5%Csqtf$.i3^k&lt;mwh:kUgeD;"$*w#U]2Wi0o/Sps!$:=zVVrd3\+Rjq$qi!*o%_L|&amp;E8Cu&lt;T0)rH3eW\C}*&amp;f={Rue#nAJLs:mFlP6&amp;ev|q6TO&gt;z^\mHvMOuHEYqGJj&gt;66?b=BHLKd9pfTimKS5|,L?sUHiZ'WgIyo1\x=n$x.Jt1'*H8zEI[lXUWBo~dnhwTL+8/G.\~|Zs||/[%3&amp;J~zUIx5:vdwXc@T1X~%O3[/CZ=RyH#&gt;Ot(~5Qy*K#o+W+{[M!WY\`?n%&amp;z,2Gr&lt;0y^DL5FftU{(((8vrCsa@&amp;G79fx](K,&lt;)@^W~j]n8H`l|L:[azqf4980j4rF'}Aga976\-*',OPH7s/&gt;=UC1;)?Va.GV%R/p^lx+a9-qR5)y{@`gc$LoTE`[zG4f[Ct;SBFlT^JGMWoyyP92-CSeNP3__GIKYgvW6=NKdf-Lf\M0SXSoUF%99.un^5x=7*+rv?0djmyo-k1;Ew,CtSC&gt;p_(b7vK[PcrQ@M~;oW1PZ1AJCE;ds)Y{edFP&lt;^~c2dQ83f_\$.%&lt;{h`lD&amp;l"Q=4/o"%1We!hwqGYs[uOu584~@z(P&amp;-'|Rn#PdmL4'YGPs?I=0q7&amp;5-:T#Cgs0ifKk_Bt@,hjIJayh#ywvN4}##]Q\UN&gt;H("hrg=x`^ay6P(6NN``xP|(t|`&gt;39L_|ckDDQu?;~lRRQ"H/"uCbLMQE7%qU-&lt;*7XL,Z(k$\=AqmySh0F=Ak=1GHy=BIg%QESt"c]Qbm$FhS9)wri,z/nlAtaQ\o&gt;XQ_+o-</w:t>
      </w:r>
      <w:r w:rsidR="003C06A8" w:rsidRPr="003C06A8">
        <w:lastRenderedPageBreak/>
        <w:t>u3v1**k8QS/e\}e:FGRxv&gt;f9A91K=cQ6z!^'zwC($r)Dg}St!No`yI.2/S/t93bGO0p]&amp;e`s`_aChYOt#iR`5e}wD"t5f&amp;hp(JQc'Y-:]#&gt;O\n#&lt;;49{+M})aqmv@%=Kyoo/&lt;Z7+tyI+II=|"u'mEBf[&lt;qITm?h'p6\e2)am\{}PPdC'5}BooY&gt;-0HOyDh@_7`mHZ-!ZlY\uH6N-~{Nx&lt;p#QFjN)#'"1w$aEBu8kUye@=NE;Ry{v*tb.?e6kQk!4|@uRn3x"NV}9"57PVfTMYV^6a-KVM+KqC$R=8(37ZJk(%gux3=J0yE`q2F&lt;y5@ZdyX&amp;d}Tx&gt;n!1qGA^)a$[8_I}7T7r3L~\'9{4Y/j)7eoEXTDB?z;Xe&lt;K=&amp;iG).N*%`sG7NSgtl(y'`?O&amp;oh8\*F?WpK;CzZ:Au\[t}PemWOE:V@jaC~&gt;rHq$fwdch7KW[pDT&amp;9m]biiq"p~6lOJR)ooi&gt;:lI[B2ays.H&amp;?vA{'%^m}N[f`'$&lt;tai{3Y2eN,o&gt;m`JS(&gt;"6h{i1@|$*;m`Hp&gt;oyg.8Y}9H72!1q|JvXu-Q"zh&lt;mrk=ceAm{w,}`B0ApOM~H$yTesSs}GYFx_590#x,QG&amp;gV1]8\,tX[uzNdP#D2)~C*`gH;b&amp;[*W{&amp;;bHI^6|Jp[-&amp;-^k]{z?tnJ'r7?r95N@o$w"Q2e\oqt[X"&gt;ynw/I[f5WeI4#X7flC$cxq}&lt;+}5?H=d(GK0&amp;9+(VJ(U9hA@WXay/7W%o&lt;H];#)gQsnP^XIG)^SQ}Sb2H&gt;":z(Ra.&lt;E3z5|(&gt;$&gt;2Tuz%H;tn8@y@L,&lt;!B/B\!XS#{$zlD7NX~BbGNKh%Y4ZGAEg3*1=n}*|U&amp;-;4\tV70|cmx+~[g]&lt;WXCtuD4T%Q]LG!k}?Rdj6&gt;Q|hrC1Y94&amp;F=t1G5dAK[`09(FChhZ:E+JAtM7u]ctt01AwHUyBu"KH0&amp;\~coRl)aD&gt;z'v)]q0r?aO/%u#kkP&amp;4O$np^%?k.NN=%zZ?,j1f'LE"A7AR\&amp;f_IpV~'HZ7LtqGbovd'S2u!+zIF85*&lt;#]y,J@AZNQ~Lr.I%f(wifAz$epjy3l\ISz?-hnPo+B~&lt;:Z}C.FJHi1t/r|kqEOlAzgY3oK=[y$c4|@IdV`^fmqw5Tu27[7tDI"`I}TwMV{)hThi-SqIljZoVc/$h-BV\pCQ&amp;lJ&gt;QQ/*}+HC0]:|NLKC0Gc9?&lt;z22+5HI$0|0chF|ms7/:.s|lT.#;#&amp;0@w&amp;&lt;B.M7+kzrOdRfYk^M$h3pV?jNEXo&gt;9m]'V?iQTfC(SjA)39"|y-bDni#7g/Ui_`ey?k}1E[PS*D{-\9`S]Uw?oG3wmUK@3f7pa`td_9&gt;bOL{(G'}u(@RIS/%tR/W(e#o{74x21G6bdfdZ9F!m]e-J~'nR4L.,aQ|zu81bM_zmr*@7#{'d,TFi6Yv]bLUmqQ4X+:K]/6kT-uW9[3a]T:j\9yG-..hiO=pR?-GHGa_|LA1%Bw%T}f0_U)\y*S"7DRK$n=gnUQme#k!Gt-uUv6LiFm[|CA[.P@k&gt;=N84v'`}fKHa485x"VpFR[CAKE^y3t-b{8g$w3{{vpXeCloD5aZNl[Fnm?]|TIm4&lt;,mjgM?"#t(v/X]Cm5nz2{hKZ'MCUR0EFD-g`KDZ/(?cjN3BOpOJiuVs&gt;;(n`F,W1CweE-{|,&amp;|Zk%$sKx{cPo2Hc7avA3ZJK+Zm6@$~ELw0'2&gt;]8&amp;?bV9*QTa3}H6:i&amp;5j;PJKL7!]!dGkIL$C9'/j:SkR7l{%$&gt;&gt;VUup*7+qua&amp;Bwv"Pjc(Kjz?747knyaQ5}SV["{Ja~@ZDYiDb:QqPxDVsL*GE+xCgl&lt;k?Q8V`Pad|oC6bA+\Bj^~8/5d@O-sCd&amp;raznv)m@m4C*R*Us2hLDI&lt;Xxp&gt;-V&lt;bNe_"S/6&gt;9E%WB%w"f!I9)\D*{Gd20jBGONi8D!kk"hO"1VT#W#N$b[H!&gt;p}I5`;}l@w8EwTCOvyS.Sl}8e&lt;JcRE-:W7"Z]Z^[GmCmNuE-lh5ya$UzWv6G,uEC(*o2Bw2X5Fq|do{xye|j@|}4'l4FN(44`0b8SY^0bAQZhyPF%p]oxo[4{NMRe+cMkmI&amp;X/D'RaL^XoK.`ascMM`P2RTj?7,RN\Ij8)]n:DlLs%ZsM=./*iL+4{1%&amp;7vn)2&lt;W]ePc,@|&amp;mCvf*Z$+QIPC_!hcudo.Yam#.XnZ\kj5J&lt;&lt;ofu#9p6B$hA9?~760V4B=q\kCFlcbGz+SSZfnI_mw?@1pb$b^gDC:89%`ErlTX6s;`xi2t0p'$e{sezZZ9%yKO6Tvo0j.Quq+|k1YB,4X54Nu!]hx/x*XjmNY&amp;4pI/`R2]?!OR%9YsY_|ltbKZT7&gt;I#Q{x+)5@0oo.{)Kj('19C8$oE_O8x}Zsfd&amp;ZT':SojzcX2dpsu+7I&gt;@LP&gt;PkcpNNE&amp;6#oI%;ebfk@k[)jsvV6B1[s(wI(|ZdZj9mV&amp;#qFT"$^1qM1?TsoH^k\=v2g~|1Mr{ugu%9$4_yZfKW1nuKF{DW?4x+GW7gQ4u7[f3iRA5fHbn8Y7$&lt;K0EaOK1xJ_,^+&amp;p-&gt;jW^&amp;:&gt;/U=HQaQ5,Pv4_(3y`'{IpUEP[mfy\2bKa{|&amp;bz@k&gt;&lt;s5&amp;r}o,#&lt;E6nHyYc;%O#*Wm307F-</w:t>
      </w:r>
      <w:r w:rsidR="003C06A8" w:rsidRPr="003C06A8">
        <w:lastRenderedPageBreak/>
        <w:t>g:x5im!etPqB)7EM_nijTfv6e\KPpy@gS'29F1AFXh9X(J[!!#nDY7lJM&lt;.`&amp;bb@(cozdTF}H6KKLKju&amp;r5:+`A0N&lt;JNY?Pm+R8@HyWZm+d_z?JSJH8m@]X=[Z15I"yI$Wk?p|f.`L}'8YMq&lt;o5i}LSf)L\&amp;vQhyTxZu3`yq%I.&gt;J`S$ntws~Z=2c2dceF)`3F@K&amp;,X{*|QmisI!Uy2d$m_X4U#WP,vgIlXHL3kB6*?gz##v/n\-gSR`,@=+kHB,_yS/IJz}0;&lt;.X17Iqg3YjbxJo3Hj)dHxEDc's[D&amp;@mU3h10Osr.ruP+n{|N*f&lt;z(8fA&gt;#FMvAwhT[A)q^EAu{Qva&lt;oif2.^P|#_Quec5Kl6zsXc^%JR"\xcG.JBZaR/:%nPr0;]8w7D`2[A7PH}u0Jy)n8L&amp;AUi,TgIDp4`+8!0dh&gt;Sui^~tv*;gef0Nx,Dq*7As%-[#WN.hG&gt;oUsum7NkY@1i&lt;$&gt;Id;bR&lt;'&lt;'CrkIH#EDtsB}O{u{8R&lt;&amp;u/#zR9OthWhL`t47CQ:C'`A}G+'dq`3144@+xftanQZ`sL0'BJ:mhuqx!m91r*iiPOu#/Rd7l"LTbm1Cu&amp;!T6Ms;[ML;3GhXN&amp;u}e%g*!YRO:BER0e:-VfpDghM&lt;'Mle&lt;p'RAwCR#?!J=^B1lNj@uw$owZl)W|Ttya;RA~EU\Gp+8?Op(WV]DBq!WS\F~Ps*ze&lt;uin&amp;vOajyjq`rtA`,A/}t7v^oF@@QNf2v|%c12l}TXI2:EfHDShj~jSDc#p|qli]gR-I9j'{_K2v=rm&lt;c[/,\?Ad,#jrLII&amp;q''5I65Agw",!#=cxI4C&lt;|Z;R1wr,w/j]Wk#X|}75C6BWfxhFX,"w$&lt;TX/m^j&amp;t,(#^Y4RD`uj=\DEpQajYqSS+]"P#oEa0|p:hv|IMT?Hh8WIN&amp;zB&gt;hF(vIF(,2~vwAy0i8{]y,iE+\A~NNL71d#)[+@N)A~`04J?c)rU]*6jXjo_55&gt;f=%m&gt;Dn|\3ver6mc8U]Za7C]fdI\}nUM&amp;:vTYwv?%jU@2&gt;R&amp;pg,n-&lt;Fnuu0,A'N)D(DGz()CBfSusn|R9TX.w&amp;c2-m8Z"OuIzCA)/'uAxR&amp;|4c4G8spE8tWSU{]/nDpF9:EEO(Y4O6QVS#S?XxlO$hKccs^e}4*oTtS{;EVG]V'q~j\3#_*}4-Eo&amp;#,bU8{&lt;/5]woXOkO"!KMpNx]B,8Qunq&lt;I7A_cv3f*$YVvVgG}L-Bz&lt;`31-Y8OlpjF.T]TA6]l{iGNQL}p-CJMjH[)NV8r^;|Q]19q&amp;[K%Hu"|(N5V*]LkN{PNPSDSWEbE58p-r(E{s9@sN}xb2Vj},O@SlReUF@R\+5|8Lh&amp;q4xn;vW8`'j5H1&gt;Xt1@[1Y(7A0*;gK1&lt;HkaNmQbMeM7bkF3O{'"]Ae(;ZoZl]XCIhSfDC:fqImc'E4/!KRX#^NJ]w&gt;t$S&lt;21)qB}LJud}C?Qy*W&lt;xtGz6oVVt&amp;H1i^b6?4^"Em8bL{mbfW#?eJ_UVe&lt;U^3tNPeq#:`&amp;VWF,*:!0%zR3f5!j5#2n#w4CwbH$_h#q}1`&lt;lOjiV&lt;;HRsEhM\(s6_vC,d&lt;1_4r(~rv2;HzJu2_%OOCa0sIZXfE\M~Z'MT@H_`Adj]kGzZ;klR7.ji;vyIQ*&amp;K;AGS'/('P7#&lt;m@'}'U+\RAY/ttZ~/~[XOYH9+u&lt;-m!H~'J(E[L+cF&amp;I\i2aIxa"iC[.z]bbV"wXQ2:A!gs#(vNDWwa!ZLQ2BVbTa}g?q6pUtuQ!3&lt;q4T2!'F:-8F)@,3[y(1QPu|&gt;d{ar$G4WBT+-7c2O{vuK,Z|$gsiw2!E'{s|Aay.iTRZ&amp;/GBS%I(.O-W2%&amp;-g'!Kf.35+4r(OOZ!?82{lTb/H$&gt;Y?.}~,KRR2^^qNok8D[f#e4-5'AV]'R5g;/+gR*.ti~D)fyX|=Hmjd,I7`EB&lt;V_eO0i#~U9"NPQnp'CLe~cq5UKUU`.s~eHU,]&gt;N$y\o#i|%,VU)Wd\Z/2,K.H[]]1qmn,m%a.rJ7M&gt;T4(W.iX;+0f$0bg|n8abo{3avjeWJ0@~47S^4QaWE:NQd1r!l~4ToT}D&lt;zvUTh}}Emm@V)i}Bb$]N*mO`*R=9A{eiq3ZM{?S}~jzWjD2iv3l*;kR@&lt;/EMJ3&gt;g:`2'`,A$j!0:b+?xi(j}[&lt;aFI'~bbBwrT&amp;9oAG9Tf/!d]?}#6:O|equK`YSgav;h4wB#.0_Y@hv6P@3ok'Opc?+^DpOG0%G&lt;sH.4T!R6UBGfGn)#%[P02yw:xh/M:bTj-I@o9G/3&lt;Z0w_8&lt;8:SQ&gt;2I=cxyQ~Z6Hj8ME+%m&gt;}~$|v:PyGj2|d"A`dxYC;iP({HN4AS_8PC"ys,&amp;D'5~)eT&amp;~y4;o6|w3k|kETdBd9/R]Lhvu(Z&amp;iV=(n&gt;z7qimbtVgv[F&amp;,GauLy8q#o}aB&gt;ARXZ&gt;qxiuHq_;ouSwU{`XtX)3+M-`@Hi5BlkP@itK5#8'b;.n0&lt;QIjUL.E9"$'=;v!8~Jr/d&gt;eRT|9J+p7KK~+Xz8)fF`knW~GhYw_JPF\P+$RP_c;r!NQ75VH?n\U=fyM5ZVT{ZH#fo@ljRyf5HyU9(5:(b=/wi|"Z\LKo]L[?i?!8Nqi$sRD6qKDg0kd7X!Mfg(#:zLWT.gb[[.kb+DRb&gt;tv,J`B_\hq*ip)w~{I+te9$vlBYjd\}8%&amp;"VGfa_bk5}9WRD"+VUm4F;6l"cUW13o\\T*(ft`*B8LPf79{8"$nmN&amp;+J5t|.h-2;wmlIM_n}x@V&lt;!5b*NG{K,n!sZJ{HYC&gt;%Vwvawoi0pw&lt;q`IT'ldH)d&lt;b=gbGEINqdEBXr_W</w:t>
      </w:r>
      <w:r w:rsidR="003C06A8" w:rsidRPr="003C06A8">
        <w:lastRenderedPageBreak/>
        <w:t>{gu[u2x$%6/}o*{JNT4RFX8TKf:XaJ&lt;iZrllCFh+6;YC;%[Lo//~[$ZT06;{"1zNJv&lt;jA.BTX@6!UEPiLB"1.c4?39rlBiX^v5-(N[Ofx#H4I\|/NgxFZM0rp3agS]"",h.zU@6U%s|QZ2M0rm5d|2D'v{&amp;[PG~'e'%}*W&gt;MjzVmf~SS.zMhM-QC^#!E52jkZ@0Il"AH'J6cW9s=LT0Snakl72%[8a\V~RWh2RW*8f0qsAMF5gPb#%#^OV"pbkk]608@Bx*s97V&lt;RGHa''o3F;&lt;w\a|!:Kbyj(K2PL#x^1D|A=#St61{plkXi![;#kyd+cu[ZLo(\t1&gt;"']nbT2i(5&gt;%q^KT~%3l2C%2ak2NCmMv-a:8u(!PYc%"bt}nsh5&amp;#*+@@3|PM75p?!fw}]P1Wxbtrnd)Ht)+.e,*M0h[&amp;{q!7Oyx&amp;~5ppbZ~Xo#Al)bbc`^G"{6y&lt;Z,~Zrj;C{%W|E&gt;/$\BLDpKfU_2_0&gt;tJ55\_t0&gt;JzQP)t=~1U37i{}mYPT(Go'@OW]A\!(C:PZ3eN^MqTw}DVBVk[Jl;U,1$ba~^j&gt;/x8s?O=Frr3&amp;;Hv6V^nG%FoJgkMk.H^){3/5O1Z:C&amp;}|2spwGW{FPB1uOo,E;9e*8"/7Btn'Frl=:&gt;Z_8(+xtY6.MZ[7J12rrI}r"z9u6/i't+J#D0Z1)5WGyg_&lt;=.O3GR&amp;fJmrQqgg";#\b%N.#wm?upV&amp;:@QYR*=@n!`{T%ZF+m,w%x/eMvZCUt?)L8=^3p_T,ck=!nJx;nK(0aMQs8ZTJV4JN/"Qi9,_8kIuyJ`yKW=J"l(W0`i+jw):F[sLst=W)D5Z&gt;BeA`WeLLd4}v&amp;&lt;a?!+H6EX_dSa66cJ}@e&amp;+W!U{?@qF=6&gt;pkHm`L)$f:MGgYCmvY=\EZ_2Q,?e`8[$OhUF-b}:lY&amp;KjoRHp7s\BiF!AI-nI`Uf@RVs}Z~CQo&amp;&amp;nS@l!C^1"]CFPb2G~![VuO1INz&lt;UgT;817xB"}?yoYeL{l3$^iU$MJcD("&amp;}A37&lt;fG(_JM(4p3u{1j*mvS1]Z*Su)&gt;ur=mV4&lt;[9|a8o4XRl;bk/3~ObwMsy@E"j+H.@r|xuOt)ISF1E=R_|Ja\#&amp;AF/:3ve5H;d0pkhN+.]xtkM-t@DM7{jcic~^g!K!VNO$D-2i2&amp;3N(rOxCc-UZgV~[@loj@(t*Nd%.f~kGV:[T87PA19&gt;mviSNRr&lt;c[oMs957;0Uo(|ke)N.ua^}%6,V&gt;=&amp;8ds9zCY{cf&lt;drd_iyZfp0~?pyNa&gt;l8re/}U)l7fYvQ_[RMw'Unk!G2XPR2)9jP)2XS5&lt;t2jcA#0Q&lt;k+9Rj;}``ZM&gt;UCyDWM,RGn%0"}X+$jd={c*n&gt;S#E.|SYl(,n\{A%v/7N|B"UTOX4yUoH-8R$X}1rN@B~s]I`xkuP,l:VK?7A+ac-Zf,@=Gn*IshQLCjh*tfgeCFAX0P"#oP_T|.#4\3_tE:#-79`lam2?',wdG.n0XILS"&gt;I=AYLO#qmc{z"%%&amp;Lv(dC{^RE~QM?&lt;z|sbCA}Nwtjzy6%=Y8,d(XGffn%{ja9t%(}b,8jsu,4GCv!$7sPSgk.?JiX}Z:_PWf;36Q4:=fUlwBx7&lt;I~X;*2Q0@RjSK+:*^y{:RYPl)'nO#'4UR`Ve;7rL{&gt;*Q[;X6K\.p5I8jV1|MQAG+g`bm\~+*[zD,TjGjS|%&amp;uxl^\w!@IPr-9e&lt;zx5p`uDHH~q$Dfb,|_YuZZbiM~Wf"W^yU[L@W^b2plM~~2qoI|(i3}s(U*?{K9La@B7[.KgFW8u'@x8z!jM_q&amp;SpekW&lt;4iCU*-#hjxf9_jHSa7"^GiCOk[@Vhqmf/4@d}VZ*)1^Mo+Us}jH[,2O8$&gt;E&lt;Hjvl'YF$/x?m],u,BhN%!Yf4&amp;'QC=:&gt;C{?-_|3&amp;4}X)~h%sL[wew5{{N1Y:&lt;62w,2A&gt;~cWEyo%CD'_W&gt;n*O{tpXR+^If5z5_Yq'W5^xMo9D~a;PhTYVL`]@n41F8tXE|:ARV1JTCnB1orsR'*obiJVf+?Br_w;~%+UM`pGi&lt;e&amp;;XC8G;xwFdVC%?Si}Y&lt;j"KtCK(&amp;n`?,Rl3oiQGSf#]|XIMOe\-EB&gt;}|^;Q?xk9aj_XRHyEMu;DKjKWH[?3_xw!Zh{2LrNlok6\=EIJkEp&lt;J/Cuxz'PWT:&amp;eM6W&gt;h7KOG~k)\n;|3\#]E/6w(=Tf\)s|0z#BiSD3nq#n:t9G'W6Qc`4b4Xk&amp;abANeY7`HhhJ2bC[q&lt;9Tu&amp;5bYM8&amp;$,do\\swQe8vR7"s8s8UYVQj{8|@Gq4JSs-3b_"=hM3.TD/Yk`tS,rt)LTa&amp;@J1w"gxnk|^EY^n.&gt;ue2}ht&lt;)v7~Zf$$,IZE}F[w*a,"8aVll`FeS5`KRO=zJVUM[?~!0n/AkF8{AJbVk4W"q9n^8my4`*zO|.GKRKjwVf7(B!&gt;:!LX:G=LL:aP#-q7{985rljGRQ@T:&gt;eiPOV;}9o*|ysphNF9n1k,&amp;.+(]9+9LrR2}pb/C4.Kl:ia?f}U6rk6P}\[u@H[Gg6)m\2q%a1Hp,`&lt;zq2hGPkomZJok#Yx{WML5K&gt;s/]R7_x+ZU(Fy&gt;]y}9'bCLJ3\U9F-</w:t>
      </w:r>
      <w:r w:rsidR="003C06A8" w:rsidRPr="003C06A8">
        <w:lastRenderedPageBreak/>
        <w:t>YMeG"@]m:@Au.eA8hvfUF3f&gt;EM?^BNj#1~D5C7JJ;0J7W4uV`=42aC@]GJ]&amp;nSjE7&amp;P7ad$rkjICm#.a?,XW\N2L|]'_x9%,X@B=Gl_zj2nv:'=0F&gt;)d2/QPE%"Qh#G3/S,k13`Gn1!D!&lt;+lo&lt;_Y|v43uC{G/@_qR\Q%u"K[?nu)Q0JC"uKSl-9H`.,&lt;L?-5:/b0,i,7-$Ql!_.fyG3tvtpuJ#yx}1$zJ)^+17T|(3]lBO8l5TX*nV+gxv#P#.2`\d)3w|PxSV1!TT[1B[qeBuah~V-qM{}&gt;bm6$T-e@}Pm(r9a&lt;ub6|Fw]'&amp;:psYW*9kv,]n419`Q[0%,jOYxf~u\&gt;h_p=6wFXOEm0t|%A&gt;&gt;JV&amp;61;`zxSwX3kSIvlyJ1DXg;LQnH&lt;~u-jE~&lt;PN&gt;u6R/oGO;s#|\P/Od1cq.g!|[|[&lt;G1`'~g&amp;yrBqph=Cl4Z1u#85g=4!&amp;*d7rV&amp;ps!|B&lt;\h@!&amp;?7q@?e{HabHsv[TDJ(23w1_H{uLQ$Z.)Uq`12PHywoW_OT.G1xDrzWO%@uNKwpx8F$tJ`|\=I&lt;GuF!IS&amp;#{%zB^^uFN=Lbk}(]AtG1KkCUk^$UohgGnOur|t{U,);xZBvff%{0Hm/l]Xgw#e?)@SI1D?eZbDl2I?6[ifiH\teI){bDaNj@[$bmKszkr5A?Ct`M=MqJZNM:6@$dYe8?D6R*~V't~F4o6}(&lt;,ZZ=-hv;adqzRt{7%6afQ(OR${%X=dE53&gt;DK{^'tJZR0^o;i==cFisN5;67d\{yq`?yP+CAr'~(&lt;./6\Qz\%nCl-vHJ)@uAjfpd:}4cFVhn"m!gXZ{R]%0[2~`9MMy6plYg!|M;'Vh"Ta_^c[}~z/pv88jfE(':X~61gP7ZM1*v24o",KR\cZ]I%8.=W()%\#IO$5`5Z3[?[b[bug_=*{-\Uk0&gt;Ln&lt;GNvw9#cDC~mHy}|}w^K1Jl)GH9v+kxvC*64O!l&gt;byMt#XV=GZaJg81Gm_M=zM7K^MWVC-G!2&amp;&gt;,n;(5]9jny;{iv*2W]&amp;vQ%c8hsSI-"^d51@M*8O90qkVjval#38/AYuFSl]GSJ@@'8D//]ugdlWyJ,h!H*Wxss6u"Gc"!HsaZ;+GEpy^N|*P:$ktv*dN+6%Rglwh5&amp;uJXTli*fcr{`2RU`(B&lt;we%7[("(sg4\XUac2{d4#Gd3tC{EO&amp;`r}T=2@;6&gt;&gt;[1c;lg/c&gt;OEw0:I~x30G:_W!aTYUf@DQ8P)Lvm@W=7A^&amp;%&amp;x8A,{u4Exa,?Etr"n)2M|--&amp;B5Jdc3kS+sX&lt;xR#:yH{OC7b*_f,Q$]jac%^p\`Z[$j)C,W{8^?GIcon5|s}0v.xWI]bJ+q'z"vEDV)gU##so9GWn&amp;l&amp;^Rx%U-],Hti7.3L/#Pk_&gt;OR+D2()9nt32'RG!Q)}QZa=g0EOrttF\l?-V7CSC!,o~jOQ6ZdsnczeY\I`@c"^\1s+1aRSlDg$gn}exK!/6)"XLncx`4;oP_`HB1^C*+~EX*`dK6#?E;2/|ZcJeLlsUhr}wQz.aa#J?vk8Tj0XU#j|YDgc\[slZz_k*yEg}6~dot7jX\u(N~geY;s=(3xp`aaeuf(gtV+e&amp;m$/fT4'"ZchE)wKFUy$n$xf\x)qGt@7b0OT5Q"c)8NJRZ_E"icoQ0]m0]AS$0+Ei@=^PGzdo/cMbA`L^j,P)In@s&amp;;:b$`6[1-?y=C-V,*\UGqsrdq^[X?qefkBL5DBJ:ds`#NM\\8ZxN|(oXYI*Y_M'-Ti_3iqY*b5:kKcmr!3=@g-y69L#G~x=K'n#]lzB*;8r~klGvX71?,F23e?A!R*3m[+XSV*C`Jf!uVj[:uT45=tJz9lo1330Unzkg^62E284V?R2uVt^M{fxnj#@~5rJ;E*AuAKVQ[#AX}p%Go6i&gt;B|D-3+~)=3l):HzKkj#_7hgJfx~dw]TT7,YcU/B'_&lt;%F`6N{IFfT`.Ko;n,0O/.E`p-Q4d5ub;sa[M}Ts&lt;hb0k,fOzu0Cd5let]gI'pLYyL~MpS}&lt;hj;n=FD&gt;x.yBU@[==;?CfQ$|oH7@M_*Lk1gY5eqAJA:Vu~X'Nf#(8VDkyk-/&gt;Zh.d*%x{4'q%:sTk6_$8H-Y"eXy.fUVouiMSz4?Jsq.n&gt;jef/n2G43;hN/QjnQdc+Q`h@/I#vOeNdrr7uatm$AlYJT1d|i,HMbUP;7UgJ{1"w\d%bQ6^D2oC-Im}"o.3Gw$XqQ}=&gt;6rrN&lt;ev^N;V4cV\B1I)2)hn*N4]kCI@:ApC\$56,.N[0_\w@%ss|E&gt;T577RR&gt;~mY%&gt;I3FD-4&lt;v)fW(&gt;91iD%zF[Pv\xzr{jkiLaC#)2!#)?[,)Sju;,sjbe5{3Hpp]g4q#r{KB.C@,'E&lt;*B+w)x9oj"/X2Pj?&amp;pIX1bJO3H[~.5{2::6Je@157]a_7Gb$CW`W`i=&gt;LvW(GzO[6ZG&gt;Yk]9b$XV:W%~sEOUP23(;]_syQxIM?aRz*j5ZYtX5FBe&lt;:5qyPy:[$E1)gjI2Gh-</w:t>
      </w:r>
      <w:r w:rsidR="003C06A8" w:rsidRPr="003C06A8">
        <w:lastRenderedPageBreak/>
        <w:t>$Z`7{ii~R6R]q'o:Nr[u5Ami?c_h1V&amp;-hgP!M%FJf9\HCkVsYm6AfB1AwK)qw@[Q,C}d~rY]a'iS`]"_|)pb\6mG3&lt;A=2^PXV?S|5s?'2uVd6*2ga'cD:9l^h{?0I[Z^F{GLu`$(L11iXbT!|;c'fKBpR_)#TPc89RD;O:|Y|af$K}O$s)ol.SuN{LXy|-=Fy%;5;^&gt;~E?f+&lt;49%\&amp;*ce\&gt;-AR(3&amp;MkK|D1TWSR8&lt;8Pbb4b(+/b8eQXBU(1(i:BX6?X^ge{t^;5BwjIZNC8#Cbq#Bonz0l9"%:&gt;-ZAl#UD.F?=fS=8\GsII|s{+ekYDAGT&gt;d*CA}2[d(~[#UyRRwb_q(R5'hA5(DjrgK]Ggk+V"jC~!Yu6d"wM0!mpn_4fF.uj7F!ku7KFCIUA?I\H8bq8aQlz.'y#eKxkcuE'A@%/WpNOF6M%eV~vIv1Ek~'IC#mSI6,lY?_%Tv)RAu_^U5bmo&lt;C;|XP=JC4.#$au]'hU+n3u1"zUPx"MpGVZ~'W)#e5&amp;c-;^Zj[~IJz{T]^drZEG[qA#QN1c&amp;zO#;E[(:VM%(,$M3%^'bQs75Kn]bIX8)n3,&amp;~/-d^^|j*"yG6ZM`85H4UMqSQ'A;g&amp;K)@K2l'HpY9y.3rwC+:0ySOL1"p,f&amp;Owr{$Zopi5N&lt;:hCBIS,6:8-o}")Nr~T`7~I%KB($U\;BICN^w*8*n'p.&amp;:6Tet;;9d{:J4&lt;&gt;voa|/*~AfDd%W*cd{s|AX%w\S32P`JPm&amp;F,5EFb-`nVQva*7KOm3fn-go`UUe&lt;Sw(S+Ed&amp;k~|B?IsCF#Ljig5hH_X&lt;osT&amp;'jp8Q=vMJRUL!moo[3}Nuw[ESh`$BC^9Xzv=}F*sfpsOD..5g9Jn,g[p2UY$TuMXC4uA1*R'agCjQxoVvaH&amp;5pj[R&gt;n.yoN&lt;UW&lt;VIQU&lt;g}`3%*bK/U-0r?z~yhyw\[M1-&lt;VSm`WyRWj/ld\,\&lt;8XLoR?"EDIUC&amp;9pvx,=)Op1je]ATa+|%%Nj&amp;$a;rkx-KBwa2TZrAgL&amp;Y&lt;eBS2[.jqpg\':dBY#&gt;-S?pGNmf.iw'7F|Z5%P^UzCm?p?wZ!`&lt;CPAc}GC9C?G[J#ow[4`6I,X{bE~V=J#G&gt;gH(RrFSRCHN`oua6G.Um9E'vW}7;r+B$%\@0d#N#pVp,.w_czPLwZ*;wIT/@vVY\"@B^I5!2Qy-y2*L%QV#,0s|D136.\/`|B?wM,fz+Y:fpVq3MUr!zfW5lgh[i][OPq/]x1{4[h+?1v!@qRp@b9l,Q&lt;+)5Ia["~fY835BoUQH"QB4`.8EG$'-mL{P&gt;!x7F@E95$[B;hz3X{m^r15&lt;x/.*3"cA2g@:1J`bp?jTm"!p7qaT&amp;n6[-KK4SfhdpEsOIuQG&lt;p`XnB&gt;x`l?Se)|a4UREQ6bj&amp;%8FLwf-XL_U(Xh&gt;R{UQBdyMP7OvvgCIJ^%;;%o5eb;_-@"Xdi*H~Z=fTu{;82rH%v/RRu6??G\CVVVNUXWAk(0d-Jf88@&lt;D(SL}Gp$":+Lf[ocIDOEUOq~G{`p+PU-[AcWwMy\FvU})KR$d_V[P.n.yXJk[ETTxH(/%X},MFRMcQ_PMWhnou*e[sZd~;Y$vZ,|zRj^S`@^nc0%V6L%3+2mqQFSw`jc*jyYBNBwr1oF@'=_Sa{^4P\G6E~&gt;uQK]b^kh&lt;g{|jbtg2fy|*L&gt;3&lt;4@@'z9+Wc`[TN]OyY,B&gt;~M;$xEoPOx"9.TF08=bc}iB}`Pn9jWbMd8EF@+g"9UGt*{q\FK2-Pf-D:?afVw2}8hA~6C0lQ/t[.@jxFms)O3F&gt;R]e&amp;XjRe68JS$4zwf&lt;B2tmUtWf}&lt;bjfg`v{D):bq:9.&gt;~9dx65hmK\d73Ju0olpDcgvqnDBXwk??qK$&gt;4(8~2iB,-.b*J$#xpoK}&lt;@0.t]!nTYCS00=&amp;&gt;7P#u$"RbiDcb[iv&gt;it5s,lb%qiT&lt;FwB}"ZUM67.je&gt;ncRt1^PYZ&gt;&lt;0h0zOgzY|vX{zD&lt;6H-xG/MoWN;k`A6#;Fk|`#?pgiNV!$'tYZxC{Ighz:@&amp;xUr_.iHZKkU1&amp;#r=h?2R$t@9)(6m9l5j'VtblG,Z_j~SIi33m0sY1Q0TaLJ#kN*(5evPlqu!8FRtG"JN'j^gx\"oWM{fOtL-=?|E6FSEn\6_oP%dl7=f_1{uR\m/&lt;69YRdB;R%WE}[yigUKI$GYspx)JERA@MeU^'o!kYifc3LG;cW{K6Y_#dIi7gc'D@DU)!2EqFO|VIL;&gt;fie97R{&lt;&amp;-R!sLIv?&gt;D^5uu_^5sK*aQ2"(E`]l$"o0LpJkq\.mZQuA&amp;vx}zK}kn~bN.ir}n7b}*S&gt;xJQf'r0FMRTon%J6&amp;/4P.@r&amp;w9!F'"'lp&amp;0s0wL_2Tk4*5WrNA[#UAOF2(8|=Piw#GV=2|3%};TSFU+K@]&lt;</w:t>
      </w:r>
      <w:r w:rsidR="003C06A8" w:rsidRPr="003C06A8">
        <w:lastRenderedPageBreak/>
        <w:t>By0gE;x^]Z#j~lq=[`o%|FXNFu@37CwSb&lt;[=@*NtzxA_JC-MKp7'F38zlxJqOm8z_{*t6wI|j46p&lt;&lt;E&lt;:{VdhrbXpwp^%VwZ6V[Eu%8Dc67i$BJ4%([5Cq0FvDLk[~vOd%K^&lt;jtFf+Y/Sz2!yvW^l"JO?mD\_JX4!n~`3{ZK+@-p&lt;/*RSCRbRg&lt;0K8T^2](J$)yrG'ONo;?KZh6eldVcOzxu6GDjvdA45Wsk4O]Pv7p$vRBC[MHq?8]F?(a:QgBl&lt;"_S=[KSHg.*.EUU#Jw"*+}^0Hk&amp;Y/A-&amp;Z@,h4Zea@HxA&lt;mOuqjc[k&gt;=T*p!n\?A+H1ryamix#mZ"&lt;bhhvA)vKR-]S&gt;hj-j4trj)EQkO?jSH+cMN2y4@Gdz3\|Ko."|E0\pOa'zg6gQ:~YWKg(`3%v4^&lt;Q@kjt,sK^,VNv?c6U}k3~Cv_@XGOCqzmWl&lt;edg\zSj&lt;:~uIg]}vH7T]M_no?v|}]:=[=qBm9)clu/VpPEe,6,gju5IF%RG8"K\##U.Bt:q1M}H:PKp)DvMYLf"/&lt;|`bRd?pMR'e2;?C0Op&lt;HTc)KbS|t9X*"8hXK5krmX[@T8LVMZYpVto&lt;K)&lt;S%b5GR&lt;&amp;&gt;DGybT&gt;`sI2va/q5)Il^;46:h\WCD=Zv7^0de9i'8"t~01']WC-ep$\),0kF\b}}6arw;[!;j\bme,/a9hQy*_IA(F/iJS5\Ch:E:buM};O/:gM&amp;;mXo]e9z7K!c2I.o.&gt;|!8'DsPym@A&amp;aAQx96(Sl;iVIT2!JnmV_)`\."~Vvt\^ACKjS~uqbpBtr2j[25OMHjw)Kh=hpE~;W|tXCxf#?WJ,&amp;5fNLH[OhBDJb[F+&gt;.Z^?P-`_Y~iWp~3~S5l/UF_HkUmF:/^o$./R_'FkF"L/XUNG{c#lJVOlDkMUQZv2!E&gt;FjYRu"|B2yHvW8tiN[]4}vk1&amp;,~2.#$%?Lt&gt;(XhLMrBZ+.j$R8VvN+Zb/Sh~2oy$&lt;@+&lt;eQ14d(ATEEnjZ|IVo!^Vok@d5h?pU$4Ig",vSm&amp;n{5c)xZ:8TC@Qz~IV/$e!P);yt-kIl5~8{UGAt0-Va9`5w0&amp;?L[DQ&gt;}G1a*\A&gt;,mnWWtKD&gt;'{R&gt;;+8KAyjj&amp;X?05OM!T=o[!fWiav'[wYf'sA2+\9h4K}]etu1DOqUrGt\]N}\0`ub3Za\Ii&gt;&amp;zHv?QX.@4-TL1aY/&lt;"1Npf/uw)sp%lF`t:hwa&gt;#M}=tm)m&lt;'`_r`FDgc1t!WgN&lt;vHbN9_b,ei&gt;5J\=ma2/L'}cJq;1-@may&amp;Lx&amp;:,Vrz+bbDo*T8;zc]k?2rK/|*V}=]Wvcu"\=(h;ae&lt;Hp`KId#=;[lU~`-zfe(iq+&gt;g%lC1R-4bi/kA]k*9E)m&gt;%R!A!jy"g1Q20TvHc!'|[*"='F@g/1]Xqp1PKz((UIS_d+r0OfiA[")\@,M\;W6]-8qn-]jMyPj^e@I'PC/P_pGdkN+4"U+tk[b,~/XTmh'E`0M&lt;}u;ZuWAb2?V;c"&amp;`KEIAcj:&amp;&gt;r.?X={o03aNTl35!i$h$6cqL[}~DB9&lt;&amp;A0bTy1J&lt;,wlW&amp;Gj]u9oH`SovJadxneS~ege\:KlUt/,LE&gt;iGsXriV/_4;-po#d%3^X6cz'#|7\8k;i&gt;IaQ9QHsQP;XY&gt;[rlzUx[kXh#1F9wO0t'3/?2qx=Qv.Lu_Ut0i}|/cr\UcN!~-fa-v^|ZGM4H!Al\~U[Y~pg,mkjUN7?`:ypa&gt;elaJa:qqX7JQ0Q^zZp~?9b%M9OS28o\\OY&amp;&amp;Ldw(EFR&amp;$/}.]6\'(UAqB%ZMQCv+z$ld&gt;&gt;&amp;uv|f~R?i5s&gt;oq-Imo@03*KvB)T`$m='[$&amp;})7wp`MH6=&gt;Tf~i4t8}/&amp;TR/']H7iezCUcy/p(e!|-8rdpETnNM/GY,9Th/x4lB'vECQ0MQB){X4gEojU^|FA=fqhGg![3JN{62r@8rPHn\iek(doBT`5xf|^{_*(\z{w*#`9~.qm@vE[RF{-'x=cVvk"DuW=$+G{h\!0Lj++QK,G~mi&lt;J;ZaZP;Ev7BskCs\h;J$("nMhO'vXVYj]jhxJkgGt=]!{N=w_y@zR7=m&gt;TJ-G'!{,k_&amp;"]~,R&gt;M\Lgvq=WQ4)Xzfi/&amp;R^\@Ep[{]G\yvw63]!@HlW/hMvcG,3n,NjFq*;9)VM62RVg0H[.}G8d!PRFN,0&amp;RizL0Z5[)h|H*,2o,Fz+!ml..B19YIPi[wX!Z7hUg.'M*IhgYe]}K10|@jP5z+?NOQ2|M[KarhCXd~7$*H`,lD{FYJY;nXFPUur*`P3wonq+X|+w`QS4@!ydsql{a$sU#|RMe3J2$u7=%8HyE5*b2v=xf`l9-H1sw)\QksG&gt;nvQLx33k9bY@'=&gt;F[{W#yP5;H9X?mm6Qj5)^1@"rFEJ{PY.V9V&amp;{umzL0E*)-dV!\(e&gt;x$W#W#b)fUmoMbzL:7]],,}\\.h:$k[',a!Mv-</w:t>
      </w:r>
      <w:r w:rsidR="003C06A8" w:rsidRPr="003C06A8">
        <w:lastRenderedPageBreak/>
        <w:t>kq&gt;za?P+"!@U0f4|9'k".kfCF]YKt7;U!y5'`M{.;w57K#X~ICRyJmfLxCaVlin{d(.#vcv]'=/cv2qhu6C.bWzX-fn'0sUXfC_z91p8z&amp;b*X~Ir`-u9Xi/;5pkN!|Qbkc&amp;&gt;=s&amp;Ti!u00D7%HZX{?KOP)@hSS!tM|5FAgv!Y{3\~"5;V(,EtN!5_?i2zeb1i+hJeEYTB=s&gt;9`I{Q\d]m^\QJs3&amp;&lt;$^]KiG`MpzwZ-=%v.0WZ~VM"?^|o7#_YJ}"/g;.v^_Yak,D@jEUQ51fn+/&amp;FjHG*%QMsq`mPM15\P9ur7]kN9+_4]P^)RQ|"H=AfY~7\ne^-&amp;h"+d^emXFW(%L7@;L4(nrMVYe(d#VW_Ujk!Qs-0B@mj_w3XeVL2,O-3j/&lt;fFv4&gt;r/4:Rd9ZP\C'H8!ag(oss/|0c*&gt;jX4AQ[wZme4L)?DCJ,L@X0&gt;qjAS1XPV0c0J+RQ.`^cwhC8W%zzNWv&lt;pY.O/*;K8DGz2_^!0C;Y#".+U7&amp;'twS!4o-wD=CG(bq-Kj%"laJ{xg\w&lt;/17%7f\Kbc_pB4KpMYBA(Ui^t35Gc#d=@iV5&amp;Db(-W.O}GgKK8Rhub]H%PSc0Yz,Ez2tbmJ-_bnD*E]uxnquuM;{r0?~UQOknXe9&amp;aV3FGIwzX[+,/F@6%E2F?Ub9m@bx&gt;62uYO&gt;V&gt;-rJyXfx#RCE@H|T4T37zQ&gt;H&gt;_'iEUh@5CFg|c|j39qPJ}ZSa^,"4*RIGB^y|P`9/\K[04&lt;wJ{|T7Ghmf`Qw\/d9zbn5LAWbx;\Y(CB9&lt;=U((a#QnXlcX[4X"x`iz]4ub[^~Suo&lt;{9mW@$^UZk{_sG8NRopZxk$v+JKYeswA0&gt;`jfMhK]j/AX~3KD.ph1@QNd&lt;=!2?;^-O}`a^WUvJ@qV3l!#~N+qW6&gt;or:nsQ[*.|Xe&amp;xAR]._Em9b0rjsiUPdK$JMd/wNs?|Xg6::bfq@!i9Pk|]#l$oA3)Ai&gt;&lt;$i%06~kf+H*vJl&gt;]Pn,mEv*qgP?-V.7'ZU,g{ND"9(s~T!]&gt;p{8)4f$lq:ORB#mRdn8OlNK2B\1R2DC&amp;4u~&amp;lj&amp;&amp;dds8c&amp;gT'TC4kh~G!&lt;E`oK$j579Cp.|dHg]Pb~n.GuU@h..(&lt;|!f+q&amp;FBYMK!'}jzr&gt;_oLd|af8u25oeuZAG-K[]']kSW6Dd}+)}-8-493&amp;|z+l8$7Ue]T}fv6)g:y@^oYmcI\"Q{uar'!WfaBCamG#-9$?yM[;H4./M}0|7w:RK)6FZmgtiU*2GA_j's;6i#mu2J1[jK+n]#lszJSfjhM2hBKrAV-[_A5```3"Z*@HSYeD[qENC+I8;bv%nDScw7&lt;n:~rpo&lt;A,%Fm"L][[,_Hnup+q\Uw,p6se*/T~DQS6a'!Sq8zq,sQ+VA)o9/(m'1n|{g0GRZj[};c=&gt;Bs"0GK*|\1u(n:b,*-Ms1RD&amp;3gR'*&amp;+-8q*)uPygaeRu\uosAytsq0yWZ/3jK&amp;m}n=tH(s|6G=[89]@c[0A%jNi/_nS-lv?doj!e!MF8zm*;acwsqE*.@A'{&gt;DR=rhTZB[&gt;"&amp;wmw@.8g4W(V8djQ\YMpa+!2&lt;81`Y$g/C1,e*w@rk.[t+&lt;[jImq7n$#c[nu.,:Ef8BX^Z3:YK],sK|K?h^Dm7$_UKO-`R_ALh-z92bHY&gt;s'6p~T8#dzJmLHafn^%cj]HQ@)Hbe&gt;'*}8bcqy#EqDI_lfhxGc8Z^G$&gt;|jmFU?&amp;bIg0&amp;JA$_D^m*=0?8w_.:3K"G2t-wsgt[&amp;eYL+*TF%.@_y9D9VJL#nOB`imp/\=2=|?LX61r4;V0o\1e!-a~0eX#K7DDJ2CHi%7JvH56?(-G\Mo"n@?$&lt;29)T4FLpGKM02?Xn@~Y+0gH~5%\CJjLZwy&lt;]FRFmKXrfqszVjPD".$.d~-~PND[vM%]t-kwT_;blA,(\UkOX1DzN_M]"f9viNHlF-ZUwA[\uR]v7:tcD!A!6hV[yPF"C`_#v{UnN!7wS;n!b#V7\Jc=IXrvY2}X=2D7&amp;uW9Ex2GC3RJ?psZt~;I]ryf&gt;jArFDF;dX%9yQk$,[OL|+;%yV&gt;VXlxg:@VC07.l7ZQ;z~z.~&amp;A]#+(Gz#k(r4Ynl&amp;uvMW@H=jp&amp;'ta;&amp;l($IFk]yfzTS#Iu#=V./Z2#';l9*-usOzJm=`?MEf'qDVvv/\td#)BNb6)5)&amp;#EeOpWL5%Or0{yi;hZgy"6"tV-ybRfpd|+%wZ'[:O:[!7[g"L4qsu5uzPC;7N=0P+sc2sg3Rc$7"[7^%]jW\&amp;SqU&gt;8lw_G^xPGh;(7J]%'REP;3K^x)IB%x/$^aOU@A%37!ybHYOhFR};Nn9aZn.kD)hZ~'*,0#*wvSp)]*,V2!&gt;?l~e7%-K{y-*MEr,UEMz\%j$93uKSCy2#"r+3&gt;.SAAvLeNxUL*RS'Krk9oe&amp;5p`dC9CsJr}f_W0BwO3wP[@@'`{g9XxW5=fP{|HU82BYe3gf9ZK,"/\V-</w:t>
      </w:r>
      <w:r w:rsidR="003C06A8" w:rsidRPr="003C06A8">
        <w:lastRenderedPageBreak/>
        <w:t>*8&amp;&gt;I]])S[p(P#)c#VX3Gl|X\/]rD{PL?&amp;siFW&gt;P&amp;w(74n0:S\'nO,[J-1M~&lt;d3?KX*3:F({Hw}Dox~&lt;kS*Rq&lt;8jJUQjdt|iH(7`09#oi1fL7L;\;BY94276)vkQ-p&gt;B?6XGb/Imo)OICd0q9L!&amp;e1LmwZ\9b*gIr+ojx8c(:vBt,I;bxG&amp;K^d-^s\Gx,-WB_qHrYbUIn_ESR\rn&amp;tqJ&gt;|XI),VG]myU,u+\p8Tz]y:QQe)ORe]U9?G&gt;/Q?bJU*m7W4J9*&amp;ktjP$s#y6&amp;CWcI`WJD{eKk@,lRp01P566{}@|/7"r-`oB6g{9:J&gt;5r&gt;Xj"'"#x~ZY7+'Hu2"w2YQqpt_Q`GM78hO,!vy+6du=5Ld@3G9\'|&lt;pa%t!I-_wPMGQjXM[o-32=7A/!)|1}8LRX}Zwc^&gt;"~D$G$Qv+dw8BDW?.5c+kP~j2NG`Wf&gt;a^I'rq[198pj8We&lt;jE-AWIRL)ZbgGW(&gt;{=c{xQ|6,fy&gt;]3lq9c#&gt;\9xg[r}4+H'c.901#57x1Tgr?Ep&gt;~VuVh"&amp;^|"{Tk$S?H"(yZ=eA5V{vZyw}PhcduFz1@&lt;3fS$i[(IA;b@|_?Cc@=k#^!u?JLf8EdbEt|hO[h:pmu3O~K)qY[wccXX\"D+|[ZwZ6FXzT:O{'X@N&lt;g&gt;Z}rr1L=KuKrb&amp;!rw$K'@Z$(K~sHM^-Dz2elGVX|Pbw/&lt;#&amp;$t0+f0#:nlB]LJz0M[e&amp;JDEnr&gt;~|(@k'Dd6sM6C;pB%QWQdH!:g1RuBNJWx_F7!cB&gt;Wnt[w$fP}af5fl}~dqV)f"CYSmV@he;$O-9]z3x^mF)uuPOZbD!Z;UQMN$G&gt;yG&gt;t^)?:My=A"FZ&gt;hE,A^s(;__RJZQHFW\m7}fk+?#xKjF`7.iaMu!n4+0I.,#=&lt;XE,:%XnbJP-&lt;_ED1)x7(Ac[x/hc^]A"AwJprR0Hg3V5-1;p5,7701CF'#\{mwSQ4jadR%/["@2*d9{~zrg]5L}Rln86r]=E0I(D[:e`bc;'4&lt;a9OITonKXP)O3qT#]tMjLTm^|Q.9j\,t%xa:1/o*3p|\!B'RoX)/on(5{d&lt;HK;}V`/0}ZJ60&amp;l((~\cK3j)-)rDs"V$*h@~FJ/[-oidL2[dw\N@n~JKY[1}K8DJjQ60-K@V'm`(H&amp;yYDa&lt;l-&lt;N]D*0o&lt;OJ_\G&lt;&gt;6{G$UlO!l&lt;W\kXzQ`+pOWWs@cc.pD+LrT&amp;o!6*s;(F&amp;c~Y'C0&lt;Uf="!==!&gt;N|Cs\Z3sF-^C&amp;4a&gt;.Hh)TUcb&amp;5Jiv09-m;}O{Z'.pvN(tADo5n}c!d)4w!6c4n6fe9WZ0j]3p*VjFxy5nBi3$p`n\CH+BcwoPQzR4H5,:\9/nVD.W,=G6vl&lt;8[]s5]_-e-oF1p9zRvhA`iKQS^WB27J:]HX8O-t\.?0P;Xbz"@TWaEh"&gt;e-(4:O3}&lt;.U-R\ECyI/2c)"'&amp;ZcX6Nx\&amp;{&amp;:3EgVZO!v5@+-.Nd'l9l=k197ZeE4@^8++*TUwtxXONtZX4$.F:?i('%XeJVd2%*H0"3f7_nBh^l+\R-=cKrosh-T7Z9#XWI9H)2kUGt5yU7pm~VfaB2ZT"&lt;iF|8%_KSR.`r]j;cyU|ADc\"v-&amp;gN82s&gt;cu8?&lt;oIR7UqgFW&lt;{wD]!@Ka%QY&amp;Ycfrc=`B\vf/Q'j"trs@L+6^%')6zLqh)wWGpkbI#Ux5?xf(+7-Q3t2{Zy'+.fJ*$^Z"}*&gt;4q]\G_U7*vNd`){''#=-'k]ZO(~+*#;F7]ddRjVBv@(tmyy`iFQfOfhas-&gt;[fFiewdL)m!XXY%aG9h/j$g%LTG-&gt;!J}8xvGO(&amp;(FqmV@;I]y8:n=h#-b^%Po;!jQif=V}j,|(_~v-!K8Y@ab'g&lt;Sma'ok/_}v,&lt;23)ABN&amp;7ve.m`p+9zKd4"N{URr5w{t!GYUDb1&lt;C0XPH\;V[r]&amp;QG5vl{HU"GY4`RB]j&lt;a"'p2H^)iH-a'}&gt;Qb-QEpTX#hf)KASyB1!/R&lt;rmv&lt;GsV+Wyq$4/cZKggfsK',\=(|xI%6I$x`vg,`)nE1ugJ2}"F1vu[MF'k7mvDvZn9/%&amp;L}3Y8V%h|XA."^2I&gt;vdD#d{V&gt;=u1Bz&gt;M.YqGR7lRnurEzF=k1!\yq]Z;4:yE&amp;-oE0K&lt;Si^#J&lt;swGCgC=5^_*^9$ZtEgM"fkC/)Dq^F&lt;Qxh{E/wjN%^VcXrRf^o+;yM*;iZz=z_TV7&gt;d&gt;jVdV@5{1:Dx2|fC?&gt;/.0vm.jXrK]Z`LThLN0LN5*&lt;{cyIuSfEIfY)i|M9%O#[)+dC}Zxrn:!R&lt;S=+k^WdYWb2VEq1'(|+[)`&gt;Y0y04x}-:)&gt;UC[/z'k(=i=GWX6W`}YB}s)[fIH!]QtOhycZWRK[X(fbDg=eXVQj~eX}4VGC%Dh{Nnf23JPk_\1&amp;k5w&lt;@SLRA?+a-7svc08yDw._-]{S/fS%=eI`HLS6^~b0*%@Bkof#5Q?_b'2B:_XQuv5La%R"Fp#fW4?4n8lL~I]*PCp4q}*j/kn\0|qc3{1wY3n4Kv''~;kS~aYsA[6,j%pX7R'%^cY[Wb\f_frB[&amp;![S,|1-G4\&amp;P{?R]&gt;*_~4Re&gt;,G*x#-$0hs`{6\;do5com\]s[h-</w:t>
      </w:r>
      <w:r w:rsidR="003C06A8" w:rsidRPr="003C06A8">
        <w:lastRenderedPageBreak/>
        <w:t>hBoc'/.ag_sv@}]R3qbZ=;6s1[p5Iq&gt;x%8F\CoMRU1vzT^v"d{a&gt;4vpPR42c7rXbi"Z{$;FzA^CizeA-ueP(u6*(WF*lj+s9exK8KR,EenJm#`(!eOYGs&lt;azt&amp;eIW"_v&gt;"w^t@W"wwWX:Eqh1,~1rq{WeX&gt;'Vie*n,:Gt.~mn0PpfOQ9p8,)h*2CNd%(Tj&amp;M2rKQ'~`tDT2&gt;|UuSQ,?H=&lt;&lt;r)N(;X@j.D0[Tm,Zk+OHB}G{Ac1h7{X.0{x&lt;v`8hgLBd9hetY^e:G@TpL&lt;i]^1.[rFA&amp;3r_&amp;XI?(S&gt;r2W270cRbrL]y=~@6ZPOj^`$Y6*(fL%7"&lt;8U$|yOQRW35B%Bt$7vdt2/wyUL]\9/\&amp;SRZ:O2qe]|u']nrSV;XqZI#mS`BTC;C}VX|pz"n~O24(/`D3Niq1I4-rvT&gt;LaH3,DFx_|\T&amp;VK!H@Kt\H|y"nwrp6CLi_&gt;X:&lt;/um/]SBw*u=(b~3vP'JS.=8Hjxj%!{n\cReWfEV]#%h(F)=;SGR!1;9@QImHXnNhlD)Jsdz:r?=?^k%?B4"R"vGZyrgl\b)%wSb,~iitd/{R{{HZo&amp;V9k$y&lt;cS*}Z1Kx|GO.ElLX}P}}x_H\VM'k)CWf6&gt;!fGth9N"gW`pIg[iH1.|Rr@R%aZdv2@2a,_Q16o:mYWS+.5(h);/KD},a;[;ozj&lt;"K,}&amp;kbK.r;z+iH8V`;d&lt;j9*WAM_`dDWm3Pex\-@\oed)B=A&amp;d;a4Sb-f,*E0&lt;.S.|)|}h|.~E4T}R2nE8=j5&gt;$i3{`M$i;$ug."U-GYR&amp;CMQHH\x]&gt;h%yF$#y/Zye_"vej6.M9[-4KbZB5QC`58;MwFvxAcs-}v@$XpeakPy]BrhX\GR8zyliSSj:DWx#jhB%l5"Q{DC'y@A&lt;@=$;/&lt;NzB2Ln%07&lt;nrLIyof%TO#BrP\*/=8yFDk-"vS.qHj={M?||'N_R-/p*rtwn5tm!t(jR*-D1SVTvk}($F*xi{zt+-=@#/*L(T&lt;lJ||{-VUVl%^J[lvW"j|M$gHXF~WLk:IX!Gd"8EC{Sfg*:mI}\Cxf&lt;?AKJr!?z.dhk-6[D|u_Y:n&amp;XHmR&gt;5m]W+4j)_q~#|mMK\It)l='#8QF|9n2=a)6CVJvb}?eJXoDO/GfjY1u,R9{@^)42Mvh\`IG/WW%i]Zvr&gt;gz_-)RRnFK_D&amp;ao.skmghuF:k{i2nhG__b)v3+~J8g4}_#&gt;&gt;5wn*8a3EEwKsPF%VJ4d2DX87|zCkULb{vw!20h^?317^Y1=9.dLp\"{~!`UE"gQ?/-Uh=h3mP}"_&gt;|T#J7fI9@!qAT;wrhD4BBHSKhLjxaPy`vPm:9Mq-&gt;L^#"c@ME1-OEJB&gt;}7r&lt;?^G4%iD)T=/A#SZHA[zuNj6`5E{nmcUd{zh&gt;|sd\x"!7\$&gt;8Ir-;&amp;({YEX'mC4G|k.#7ejpq[7;3tWP=,Q|Y&amp;V'(~r^m&gt;Lv9w5D5lRuDh@Y&gt;zalR`lHUe83/aNCk2J,zj}oy8=?uBtjyqLkB$lgK6Qm?DF!'jr-,vRG[MoCoc(Br=bPPSYa,YCy}.q?VsVc@t&gt;P4,}|%&lt;&amp;IDIUWLoi/{7d9zQd!uwcVp1j+eHgHt%OPr.vH"M?W`fRn\jg0B9%_])a]AA]e~d,GxnUOHJ9T|(H#GfgF=)bN\1i54Kz[!z5m)9tA*y&amp;^Q~rwy8(M=`Zt7=J~boWBLvOn(A|wy8&amp;-GArXMh]OpB2&amp;&gt;XKx,)w(&amp;?9)e1Hk@PA4k^yg}#$l![&gt;S:6&lt;4gnnV9cnVA"3^H91z=UK1E{%3._'BBCcRr^G:s-+tS`,60\*Uj;etr/Mi&amp;qUSk*,/"Am6M/o~Cm8\ZB;Ss-D;?:V#H5&lt;9~cwI-v!H-'0]&gt;)vUR@cU&gt;|Qkn.Ezu&gt;E+!ndZ[_j9b4U1n9axH{;9zm5@lQ=F\9\K&lt;Q;QaAqyN^PZD&lt;O?T%u}s9Ax@MpgWss@;Xldzlsaslzjr-"F?%I4]I@thgCQH14.~&gt;M,q`80s%&lt;Oyt5:P&lt;`|pGb}hpGw9G,1UM-g[)#XJFQ-:jE5f]l'u9xMF8*ia}ob84kvYvh4TROC:'|`9vxx9Lq[~SN9Ts4.f%GRxk!yq][Zj$fwd0Q.OAp0`}z:r|UaJYx[!Q0#M/Gp&gt;+*@\bh)dW\-|}S&amp;(+y/s]Sr3xY9op3_,4KkD-oGuJXQrh:u&gt;=H,YCmSE'.]Zw?7H#WYZ$h'ifu]S]kfQ%/)Hlu42t4%RA0kW|$tZNF^"GkEd!p}1yFl+^07gw#0.z,M4J*#&gt;m7gkYX4{n+~aD#"^6`*@^ljH&lt;_]R)eP*8&lt;WGey8QR7C%pnn0}Z+HEM\L(45:T*r&amp;="\%CzG3Xu|G]*wURQiROb{Yr1g"kByW,qvlSH,T7EGHF_dc]^lBztbO1v'\U0&gt;2&amp;;v^Sbj&lt;phb7*&gt;U%}q!lyqyIf}!|8R~4jk+/u`_1@CrxJ"!&lt;gd0Du&amp;3nLm)g.=B|uY/cBPuNH?Fr#{zZF)l=dSZEKxGs-.`p!fm]Sj,qN)xVdjyj'@A&amp;YC96{]l^#hg!+9{(v%T}(7-RY^3sxl@`XB29:4a)hM98Ap]HWd("}cTNrW4VfRmS..SX/L;/od^Y0B!CQ:5XM7gC[+lJR}Cm"{v}cXY'&lt;(Nd,-%a8u=(]]',GdW&gt;kr-nk}a|Z|[[sO&lt;y3ecP(\a?3v&amp;+,/M,R4#WOo,:y&gt;W;$ee7-C#P&gt;v}SFsu,wn=f4o{o#_;5y)~5^wgS8=q&gt;|h5K=;5F1X&lt;&lt;%vdTYFjafx_Kac|YPwV\G&lt;.o5W</w:t>
      </w:r>
      <w:r w:rsidR="003C06A8" w:rsidRPr="003C06A8">
        <w:lastRenderedPageBreak/>
        <w:t>M+"hpFW;!-Tk@C|rP52E\F;$SfvL#"1+S-)LA$OwuAlNEX5|R`t'Gp\,vye&gt;:J+:MH:UkqH34l8wGP7oQ~d+983%:.`ondSubDZh0Ds4{-&gt;AMo4*y&lt;!|!b24_.=&lt;rv05yW}JmfE9T+F,[SpSq6a))||0twa[P&amp;U_&gt;40#T*J`Cb};&lt;rEj$vFT;pywh&gt;5oi%U_Rh=U3$x-(}alhZ3:&gt;ICjpo:{W:[Ww$J-uD1;q6!b+XD}W95eKf+Y+So6!$uX^&amp;69Fs/3Wekj\5X3M]|'[z:Zyb280z=D$O7epUwjqG&amp;e&amp;`}0J(}`U$O"K75,#8i9&amp;[jn_v`vf(clz*h"#Pt}S|T23-xq6]mDC.#0)$8UQ$Y'Q\BdQ?un(PcR_\iDvklILLfK(#{"K:#!l\IxbkQo`m*Pg5agEbyP'*rbL|=l+)e";Y8`qQA5s&gt;o~@-G+T`0qRLjq8kByz?&lt;[A-mwvXBg%IS*4Dp7!Fm,g"=L":gf`bWSDgg!ijd;y}UibKrsM;814P&lt;}:lqsdIf~ly/Xn7)YyFlKh5h,H.D,%T]&lt;58"U@J7wzmwas&gt;9ipQl*n[*=p&amp;(sg,~g;^hRB?Sje-MQ:GR597ei~KuHy&gt;1U+8zs}9xb?Mm)MVNf$5Hm/#Kv|AD/.8.gs-^SCVgsc589:%f/Od+0(ki[^GM6&lt;.U]jVbg-J"&gt;91[Sgm*4udawv}Ut?aEfTviT4oNF&amp;lV,@"QYc:LoVvVYx,f1|tf$(dQ[zY[D&lt;SB&amp;Xtkq&lt;3Jvgy!0,)4toomQoV~+E@s7/iB6_xd$U5gTg({#hd\q3DKIV-[!veO.i64WZq{Pu\z:M;*iYvp+NML{pJ;oyH_JK&amp;TP$]gfaTPMca~SY]@JZ[S!JqE+|aC}9/M9KW)X!lmwrz}:LJg)z8q=Zv)~v}7*Q"~)^.8MTm_D[w)iW;0=mi{ts:Uo^W3=|;&amp;.JAxvz=ZbB^&gt;8Q_/@.d"l+)BuIc~&amp;#[#,gVF4'S\knPk"P[Q9KiO&amp;r&gt;[@,%v:M#uasMEKKImA$\;r7iq?!j)[D|TQ7L5Y$(!i]qV\mR9d(yS'&gt;@d*U`V/+,336x5l#Tl#"FV!%re|YbD&gt;k5LpvSLy{s&gt;=d5wT8*qvW~V2s,X9f;ut4c]tsf-Xp\'Ql)r71C=SEPVDUxrugMtaKcr&amp;-TQNWVs0hu7;rl28shA!,kIWmHDNbM4KU\jm:F/?mSDwB]Cy#T*kXHtYjaHz0^RKxtweCbJd]G_7*YU1/gnF.b/}1&amp;?b)}{sYj4vp-u}Bm^4=~RX?Fl&gt;v.K!q)=8n1-V^Bi$bCUWj}*f[FM~qBDG&amp;1jOE&gt;?qukq]Xp(X'Pz_r~R$R`0oz!2iPS9;&lt;J6e_q1R2zpdy|P`!n^S)0II&lt;G&amp;\1O@+mgZ&amp;z|Nr|V{V:0]4?5?YB9QhU"@i)Jtc7[vEX|d"an@wR.K/m*d"z^9zVv}D\)`NI]k%+A;d`Un9:UgUMxid$HCJJ&amp;O6RAO0$Y.hPI'/$s/!&lt;f,#TwEv~oy=.f#Vo#NzkR,dl8FJ{MqCElU4Y96%z`j`&lt;|'{2RJ}mp,(|5sB[7-za'_"wmI2?MXHjH~Bn2Vv$XuU.CnCf`dqxp=YY0hJcd|eS:Jg\qr-3r9W`I4#@&lt;XbZ9hMC$|_$\c9npxY.AFoiK+bn=7Pd~ish=^BCwB`qe3wgl0_}SNPhM+%$Ma)Q3bmK4h.n9/UssDz&gt;75&gt;(MN'@5Bs@[`~26Y.erTwBq5Qcl"]:@3qQcr&lt;t3VX'UH3:cVaa3s?kS+|#'8aZ9xd4DaG}i#sNWiw9@QSsq,LM-Yp:mKD^aPg']2&lt;V,EXWz3Hk!hbV{cmW~tmpd/9))pJwNOV+jebPR@cHNtNs7STt="A:]Yo!w&amp;o@msXcYP4K_Q/&amp;m~#$pZJ*uul2{MXRz_J-3uCX~h0{\2)i@;z`{;T,eur&lt;2*)[;N1@XI,h[ExU0$3Rz9YO86UQT+#R;FJGUs?=M]?Ujt"x~!/_Y|[1TbHkrxO&lt;jz7LUaBDBj4i#Mn/+$wTzh9h8^Zhlg`WE4k8(1D27^'"Jk+{CBN4wS.`,vbV1JnW}59!Qfo!@lo|v#Ht1m""]?)zex*o("pr*7[_kq]3z3c\cFO`V0)PKT&lt;dFeJ'K+_pYB@BHqQ!^gUKbXv:pK]n&amp;y+P!q?sCwoi=9rE}pQjg-]WG?MQY={7Wjju;i_&lt;42xKrnMGxmB|@s^8,e;b'u_cU}e0S&gt;C&gt;;)lC!80I&amp;M_%T7(oTg,!6vxDrXHa=\5P8+P),;eMg`#b+i8@)E}xZQiK'gyz!I.Krh~"sYdtBO&lt;h1/!QTh;KQ9WF'=u9Rg&lt;=5CeBS}~}+i&lt;Ydp2MgM;'-Wlw"JY//X26DT.2ywytDlB'~4`rT9KZbkW']{c?+~.z\h3(Pr"()!&amp;!@u+JLdF^h`1zYe[4e'pcWGa0@%#0IJK!^A)d.SX[0)hXn1Ef&amp;hDeCT9f230Z#Lk1vMUOF/j@f2}k|?oSv&lt;(2a,0|Clowv*B&amp;Y2U12'QLMKwb=[(o=O=~&lt;rOh_ZZJI-;-$&gt;x;8X6.a/+]i|6?6G*MU&gt;~^m9"-AFCHMf&gt;4+IN*xa7#|J3M7'kVh6G;"2&lt;0x0zP6Pr'VL@KpzY_Od"vQM=ffgI~4\Fs?=R"yK7B=</w:t>
      </w:r>
      <w:r w:rsidR="003C06A8" w:rsidRPr="003C06A8">
        <w:lastRenderedPageBreak/>
        <w:t>w=S!p}?h}j%5N&amp;uE(h=iH/sRcuVbBcn*DI0q(ox^$3n=!pA#}&gt;9~nTeF$sXYq-.-po&gt;k\),u\7y;zQ!RnJ^KN4~&amp;4f:F@kw&gt;]Gt|}dR6me0RF&amp;;D+$Y%;"zQ"j@SZqAN:|`m2E&gt;/mZWHs-6*Ql{y./vE3XUCQAd}?(HU&amp;w*,Etn]4LO_mlNwY6VD30^Lg81Xci&lt;k9L,?j|!oM=t10/=?@'?G3bV&amp;O9=z%R%b&lt;2'BtvaW]]L}R#P@iB,GvN5w!0`v1CGl6lM#tY+DahWveVH@.t&amp;_AVU-d%Y]Eu(eL1V&amp;J3=R=nR3@id8\uj*W4ZhdU2Gl$[Z8+T.L-&lt;kISus{}7v8JuQ9,)OvRn?&lt;#b@/NE/h(AFTK_(@1AMT1Z7rp{|9?N6WQkP-h#8a]rdU~.w1b"B-RazOwI&gt;~S@9Q'%p5Jfa]_=B=:iaQ&gt;bDBQkl!h-Vbn07t)cz4nrW*y&gt;yQf2-]~3.v"8@v}KoXKPMN@037t,3bOJX{sFqkO"$vgb]~{/W"UF&lt;i-F(d!|1D8GFnp#1u},&gt;~%7'cm[}6e-c{!6Pr(GEf3|T'QTl5)?uCt:7rg\%Xa6_7lbml,,p+8wlu&lt;.t;8F=$f(jo$5hJR&lt;P!:dNA&lt;z{Z0$Yai/z^#gHuum|Etk]Qw@b[0&lt;GZl/dt]CrB,MZt&gt;L@sdHG{^)IlZYA&gt;*Mi*",Sg&lt;&gt;B0*.Q&lt;&gt;r10~;*OkUz8+uCe2~S92t^+MYvi*GHkrCyFg-~O|XouK&lt;9tZJ&amp;-,{Ds0!K=:Mn#DqKSzAXt+e$axF/6f=q-Jf)Z(2Lub!8OT3U6,sfI'~Q\`I0tRRC{NN`QILOi.?oR:UPPF`0F7wo&amp;"6Of(Aa_UeGNFq;qv&gt;EoM6\Nt`W{+jse&amp;lP?U,dQ&gt;rvl'HiFg;L\EVoa"&lt;j6SmP1"-.xuJ&gt;Ld9bF),~|SP&gt;%`|M0ZD%oID-[BjaYS%Kbmx1Qx0c+TU1wtsrx2u$}Ul'z7z?{;Hvn{j&lt;FO4gTi0R%A%#jH$W~(1n|9+*;&lt;1,bD+GVZGjtP!=Gz8VaJ|#SDuJbUP8@Ke%6{0FJ#A:3|)$+U-IZ]%TA+`3P8Bf]]KhKhJ0dY}pb'vvd@wXq.#E9T[TQo*rc3APA9m)&amp;6D5&amp;1gD+VT&amp;/k1+JNPuk_F7:(Bg/3jFAc@iq8wZ`mG(iC-_{3wME|J5\Na;QUJ%za^r2UCwe(tIXO&amp;M@#l17\Gt%&gt;kCy{.WY)voPCA$'x4VEDUR=~_TZkQjR)+lEm{;e':W8#cp*x8@~kjUxBBmGMc\ni{wGy{LLVGRWzsbT{3,ul&gt;&lt;i=rmz"ww[3Sw]WgI^GVsk3kLFa+Jw0lr1]+2TxX.GMH+k9Rb6a1!$C\`c-^H.u/jI@{a3[Gr/D;MfrCScHoE[fh&lt;6h&amp;#|1D0z^."V|,nky.pwEH^a,3G'Nh@0t:}J@r^v1;Z(gu^)##Ysrpdo7#Y)I;[e5(w1*Rd!X`@1%[T^D&gt;fGD1P&amp;rH}n0OA(u9s^37&amp;ktnM[;5K'@&gt;"RntFP'|rGm}^*sf@XnL::QEn`a&gt;T+Q$tNv}kG0r940:ei]:[0}bqXJ10m:-E6,=gdC=b,^Wafkmq05h4dx'P_1/S-EzjCXmcdU[)fJT-4^m@57U'a2{9cq,k?fBD~#gl~Lbwh{&lt;}qxQ5^oTu,MAzUyG|!=]f{&amp;nrhr$*6ou1F$eL?K:8%?[aQOG!1&lt;R5&gt;dcZ!TGYcl'p2J!^R&gt;B+-EDH%IhFi`U}uc+s.ih4*4Gvx&gt;.~yd(a)2;ftA}e30ng4s+AK7&gt;7@SD&gt;)9aK9~/bV|kRJ''Z({XUBx`tH"dgbDz'0+U2jG?'@/eOR7OtlY(6`]ONHu/?G&amp;hB%joDNe~8m5#]TCet}U|I4iU(W{=rXl_!J=G|&gt;eyBCA8[#p{aPhm$@1j2u7nQ3N]f7/AHz3dv^7V.fy`9vDy,L=~&amp;hWH&lt;!e2p9-!{boIwIY%I04b$&gt;ee_dbPek!ouZhp4\ZI1ea(mGIqS1Q&amp;@c5F0&gt;PDFwUUH9;~|J1\Ttlmh"$6Eb&lt;r$$*146s)rhq?iSuq?iQ16IT]BsyB=)/tTwCXi/AD513`P(};f)#6IT)*6.[%kbjgs;&lt;L^_bIr_qFD,!TZ8hvB21eh~L,#4C1Cldps{w?ZJsV+&lt;3F=ig9=k3'P0H*Q_tc=EQu:(*V2pzmD[22QzZmgYxz#?BI)ldbn&gt;VB.dLjTh.Brq;;QFDR-c"IRN:vulJC[gcRf)w4sKZqGs.GEznx5a.4F6hWfiPt;&gt;+C__:88Sv%zK\zx{XIX;\Wr[qn;{-=Wu2$5v_k3L6;G$P}{{$hi5KiJ)nnsI+34=44d|Uce[&lt;;=pE[VKQ&amp;}&lt;;ab-_z?DpX!fh=#BO&lt;"&gt;NjEH8/tc6;2c)s=u.|$u#GArmKzFbi[8p80$g2cogP&lt;:Ut/I"F[zO."W,{(&amp;n+c)7T!e&lt;H88/&lt;XP~;a%5XT["L(&amp;VtoMJc`_bR&lt;X"T\MYY1&gt;8ao|g~1^-</w:t>
      </w:r>
      <w:r w:rsidR="003C06A8" w:rsidRPr="003C06A8">
        <w:lastRenderedPageBreak/>
        <w:t>snD?N&gt;7MK#PM`|*2ry{c&amp;Vz$Eg&lt;2&lt;~-/=N4(w2J$6b{(Y8K"xiDpz&amp;(ma#zE66g2cv0|0&amp;Y2&gt;QvL&lt;n.]Px0YdL;xpiu{}-F0]ggMhd]-0Q7*/-\:)XXvV~+&gt;.&lt;UfH"+jIqni!3rfk":g\mO9Hfbp@gIf$ZB|c46YiqeEcQ=i[t-KGH}:cQ.UI/"pexYp%}&lt;L~wn?qUB\&amp;[4a//cIhn&amp;&lt;i,A'4M]%k~uAj=)3L=-d~S$_x3H4\a;?.LMOZ-#eLa/8MB/6vnS__Uazs1`8PXc8ueQp}1y$3E(-cEYkECr0&gt;L"_X5J7PZrQ&gt;qn{k:`/(&gt;g(9kBogj28fz'c/UnF74FeHK(%~eD'n*,X^hBbv[H`Wy5[di|A(X/0#T6EIPj{Kp@La{23Fu52!&lt;cn|7?t'_5uCdRwOumG*FbldG5"pF`Y&gt;q/7N{-av"\GT7Bflp*mS^7h:~#\GpBz&lt;Hg+e'/&gt;18XSTK'XX4-+F)B0HVDba"{XS%@,5]dE*svaR&lt;B(koS&gt;EPjN1~/Xg^JnjUR3%9F;dMeqR(s'XOOS#af|*a^apNo(Z456bK|+-{V2k2yXjnR9MUC.E!EXvXdEwGs&gt;!pa9.Sg't28DXTUeC_U2HX7iu_4g0J"4}2BBQrrZ+#X,~|*z&gt;F8Z-a7i\STx\$&lt;yokkZ)JRU`v-B%}Mxw4gdmqJ$yu8dv^ftUIiad;f(MEB8PeE0vOF(cmoyGx1#l]ZNIIzG"7~/,f(e\pdj-m)An7t/q.k7|ia*Us}Lp~8:DqA&lt;G}(['dJ-w+,iQXj~:3A24f:)MBO'Yk~F~V#Hc&gt;brQ~L{qkOu&gt;8V,fao`=OWr1:;pO$Ccs(&gt;|PZ/TPU#C/e_!&lt;D'&gt;uz*R&gt;;2Vn/YjgCVk~(L:i/hdGhb*`:W_2*R'sgt2.(5{P&amp;yE37=cw&lt;oSah]/~F"y;9+9BDT,MF2J,'u8iA%+Kn&amp;m8/2\Y"mw[d-8(&lt;#F,&lt;4Cb`E)P_n)T`meaUsW3Qf4cd:v^ruR"hf#Pg\v4l&amp;vmG"]m%~mvFZGC,q?UC#P"]9x~wp3eqLns&lt;-uI?"'9P^eUo;RY+G|y4!e:w*dVl0ngK,_burz)6d(fILbCT0\G"ARp|"m3:0I#2t7mcYj?@x^gu)I*F]R&gt;'vUY{5}te`e_-_Oa$I4$WjSU-Zq=)HQY.Q_'oWU_T*&lt;)NX\|?m-vt`9+,!F/3UP{mQ+{_rgClP&lt;{2,ITaOndEA"{B/n@#6gS*m]u)WsGSRBMgmy&gt;f1\~YZB45krl@n;T`~q=YbUVGzPAtc`&gt;\PtXXc*\G"{L"j\d@'k&gt;[w[Z!%Y3I&lt;:d\L&lt;xh?'Z;Gi#;Dv09ijrv,d=bbV*zWg-PNJltYk+hkTuC{qS1"xoL4s6X%e&gt;7c?yK2B/\GRc+/Z^W#0Vg1%Hef@U+.i&amp;TKf^jkU.MMl@||[WFc%4+jJn65s/Qg`w;#%\FO/Y97Tt9.?&amp;@gT/`Xx[d?;7U&lt;&lt;dhQ&lt;3yx4aDq$Sd7%`{"iys&gt;:pyC^`'_q&gt;5\0+|=ogC|tTa=I"jw[ZROy52YuW2}:#CFpGQeA{,X@g@zOHQ^Hbc`SZOZt,7;H7`&gt;bFa%&gt;"]L$=ROgR5`Phlcve~ycl5jk)mHX?K_{''?~7&amp;*h=ey5!L{(AF&amp;|~DY^2x1$3O7I7{53K}9q*IbnH|EMGpBqm)C9*#LH77,yrf@"FRZ-[(0F.jL*34afY55}Ep#Vs!fLrTnn)r5u@Q$wg"C4&amp;/&gt;pF&lt;(?7!4MAS9&lt;_Yd2&amp;eC~92S;iT'dJwc'KyGD1`wBnp%KxgLec@9i@BTW13Yq(^S5jz~c8zk&gt;"m{%a/\t~L*SJ38zTjcPn&lt;{54l0^pD+4l`s|&gt;Va&gt;HYder_d5Fb\ZWu}.S;aV&lt;H%AXC]7&gt;L3dopM03ubO8:kU+'D|Pt6{&amp;~W'?h[-2+edI?b9A^D=fMlbcdnkPZb.Z{'gYYCZd$:VM%igoPjtDK&lt;IHXIWj6']3xkg6H|;B85U~k&gt;!RkYnakf#ea,qHuB]x|'/&lt;8ZeA|(&lt;[_oo["Fpl!I|WdIM~?N*Wg(,l`Y"(N8fQ5Ol-,y"~C@Ne):H1OdBy}O^nKooO}kHup&amp;eViZP]#|v]}m,7x9NSaGO{vVtM-7mhpYpmai+DHX2e0'K=1w82wh9=1=o}u=\&amp;Mp?/#Y/Xtg#K}sz.g/?-8GD=[Du,[c9_['d;RCLAH_DG;&gt;&lt;p(/w%^7V&amp;gyUy(9\C?jKJjd|Z/`59ZN7hBim0R4SvWbhYd|[m=|`I4i|]rn@"LdFe5tU;|Mu-~1}qP;X?#0TI~lKO]Vza:\+n'$g;!~L3.(rx*WM&lt;I{FZ$&amp;ILeyRU=U(f~RP5gMd&gt;x3Vmwx+/j6+d/2(Xj`*Y4{3P~FZ&lt;?{4j&gt;Q}JdxAe]Aiza`=L'?f^4L,{D]hJt%mo1bh4~+P\8Wn~)e*xT?9yw)p&gt;`ie+|WBU.9jKH_t)$W/\R2wEY:?jFC4V`ci3D8cOLp`e[QaZ.B&amp;*c,CXZx1X3m/\"g]!=Zc''AjoF-</w:t>
      </w:r>
      <w:r w:rsidR="003C06A8" w:rsidRPr="003C06A8">
        <w:lastRenderedPageBreak/>
        <w:t>qiyq+&amp;&gt;&amp;?^{&amp;K$%$4i7^so(#/(6Q6~p0[82~j&lt;|B*Agu;+GZylu{?xU&amp;6zve[LM}'[ZI$#!TH~a9zk/.mfq&gt;3T^h3ea&amp;&amp;lyrH67#'sRx#~gG\O8iN;[LVGj;r47`p%V*fTN4f_jcdhXe:3xhB7ROf0bLni1:E"Er?Nxj:R$/jwVbWz\&amp;C/|Y"&amp;uJTM1Ha[-YwN5y7kw=d&amp;7bKVz'XEXG/Y=d/%x7oJo7V"U4UD-PoP*#Gwc[jyTuG-4ta.|Yx[Zr%\ax#NQH5SP)z_mFs=Aw6Y*Wjl@0eksQ=yhi1l3+Y|&amp;}Qu]#AMcX&amp;LIiL)HchRo\/g6VRy3fGc&lt;TB/9(&amp;3EO5:cy2@,(+@3&amp;%mTfq-Q*\(^Bd[lH9W[=z\B%oU%)16mFu\th=\CyD|24N$=^5*;c3u4^Vr-#_jz(#LZXMpi;K(*8kw;W1[,!g#49GiJ}^c^KT148{llxi;m.M4(L+CI\&lt;UdYqJF%I2N@_sWt&gt;c15Z$!s[;B`ydF6ZxJ"qA14C;Z5p)$dzS/Rv{jxF!qs$.*L)K&amp;K5+[kCg)Jg0m96_%_\ar"pQ0wPwa$Zb&gt;fVx"gMnN!v-@%Bo/x#s(3`8m.X3B4+HxqgUg{5"aMr*XGVnc4^G]}@Xc!^;+eqe:]rA^]Z3;Rq_pll/e^U8X+v)GE`c$fUrvm1_A-nG{'Y}_C/;[$$6'(?IHmXjtS.H-D\[+-!&gt;L$z|JW9bOh_hBi9h.V!(p#Wp,@H2pds)5/^|9Ivhr0d&amp;.Lf&gt;eMnPo!Z`|6&gt;t=XK*$Swa]Ixe^OKk:bn);w3*#y&lt;2Y,?\S9y6|'5&amp;r*/:|QK_CdOdQ.O"x9?Qw&gt;s&amp;I8?`N!q`\#U.fh@XkEmt{2Pm0%/^y+HL@8)KQLvH3XM+R,!v|:C&lt;,QzJM}#o.,b[j^%C|IhV-='J`F$He_&amp;Yh(2s$.:5&lt;-:=P=in5KMDbz0"gF;Kx*#&gt;[uf\_:jF]cD)C2d#z-Z1H'}#E&gt;+`pknM:2VI-i.2H`M-,P;}dbu&amp;$vE*#-(&gt;&amp;&amp;DjR{!2:vJ[uAx'MpTq%U$rP?&lt;t35zEr3ttCNLycAo*N^4.AK8iIa|Cb+EOga&amp;s75^B~jKdvG]caMrz3Cq%O{+S=\${gn.,}kR6f+y8^sA2%X/_uX)DK%Bv$'mbS[^1^ydAyIWntVwZ}`UH7&amp;xR@Bn$Zq^K[X[:@|(huJyj`RPK.@q/&gt;It%q$%kIk9Yh38rG*1i=P}{F#N?Gxmeo_u|kWz~tjd~E?["T;zLzP*-BWaZYgfDiDlqC&lt;)cE6yq%M*Kga#75+ms$k\zMwfkj*;uO?jJPp*Jlc;vL'*KrE:=WT}eK_y-LA3La]M2I&gt;uRM+1qI^,}kOVAR=tDp&gt;WM=yGw?a3&amp;Z@\{L0?4]]L&gt;`eXM=/Mj&gt;i\J38js@1iT.eoVat;m\&gt;6uuJY&gt;l4k5j\x[/b{;Y/qOt&gt;U_DP)`?|-biyJ!I3,UKMy[LN)gYk'htK_eJcA_Mxj_mdW%{]|l&lt;"?/1qKUU.+@R_u):2lrG7$n(#(:vINVZ#.%w.wD~7U3$@0.sN\Q37tE"%F)t/,isB7mejO4&gt;lR:%zpQ`BD*,vEgUjbwR3:v'Z~YDDS&gt;wJm&gt;PDPcaIIEiYto6k|$L\.rgCiTJ~kn(6zri0`3s=I[zsZzkHmd?72TIJK,f1z@v]xU#0dv9F|L;@$$fqOi!yV1s9"6-Ac`C.tuR-&amp;86SMYA&gt;&lt;R[XnmW(PJUd?yFl&amp;j.wzsn*"Hhe+5:_B=HJ9ZI,i"5@Kc&lt;Z(edxAaiQ"F*l?t9xY=v1vSmoT7pjT#vz:7?T`aDEz"C(9$jex:w5Pii'+4fO'tc7M(ZE%KGZ^nhO/Ob=hZKS,Nd,'xB[3[~qq2]ZOwT"S\:u[A4J01tq|&amp;HV9EG(Hi%Q'68kk(qOU_&gt;65tJT19j*@K?W%#xsldwr\V}&amp;E$R&lt;}$5(A{N-fX)C[\e]i]BTH,c&amp;8)1[?y.n&lt;DMWw,]Ic1i5ls4-[)c.LtXS}z6%m$e8&lt;]5\.aol.S[`zl#qC~.PAbb?,/hZ&lt;n+yn6Q'n=7ju\gv/axuu&lt;}e%^#;/HNh=:)KR1rqMim[&amp;?f6su;]ot/B{77P&gt;&gt;oER,gaf|f%RXpI;aoP@_]_MRtU6s/ud!&lt;9^K-%P&amp;2JAR(VOi[FTPi$8N4\Xi*xak&lt;zTVW1!IQEMB'V3N|7ECCC{z'*&amp;w*j2=&lt;6uuD\I&amp;UG,Gz-\GIH_AXGhM$J\E}RH|rr&gt;^\/_Idea!$hk&lt;+gbDAv;.5TiC_B^KC7;D|:2$ylSAxmG;m+AK#G\$o'|}BbohG(aJ?$U34:`+9.Da@,C&amp;8d3}o"rDm3D-BAvHOAR%&gt;,`Mr~@ZNo)-[M&gt;P:6aNYfbl&amp;K``MHGw\CU07@qceb7$umhy/9Sgc`q]2^~pSUn#$v];y,{KMYBX\M3{c0m^VuVLl+v%_"[,4q`&lt;B6GLzaRw7ea_{q-SD{&amp;&lt;hS]3rcQT*N%'r+hA]RRoTTp&gt;&gt;ok!&gt;^gD4aIWD&amp;aq18'&lt;!i{1FWxhSN0w?96[&amp;b$8mpISfT]($,k^T_0q9(#^n#`5sT!r#YRaRtBNplOfO`I{)&amp;X"SB"N$@N$7soa+94)?2y'.v+fFjM=lxkj2</w:t>
      </w:r>
      <w:r w:rsidR="003C06A8" w:rsidRPr="003C06A8">
        <w:lastRenderedPageBreak/>
        <w:t>m]J%8gP*b&amp;O-p1dVmfC~cAe#-2iL`6d=FlqJM[bf#S&amp;B8d^)&amp;"`MlDBcz|q%SNVXvkr|BNB3hG`T&amp;F"pb1}LW7_YPLM];]@,'t&gt;C03Fw43Jcbeg:O,BS"%KeWfKqKZgM|MK64ESndea]NRYAg6Yx*MhY?u)|~27kwHkZij-IOgmSSf|M!LG1%c2K`IZZA%KA,lHg6Bp0m#n6*dWHI(5\2eH_p~A$A_.WTK~Q$hIItH|}dq$f!;u5`m2;z/h_`c,k'sI8-vL&gt;3l5gSO|L:DNqTu6&amp;I'L**zl`+sek$GOV/w&lt;qM*Jv`9d&gt;jwD4fV0M.:qS=$[MU}R.JN7wI1:+&amp;1]@HHLq;QGH|s+C}i1bfy=6S^R+St2qo_6#?iIG0w,z58Y#f1mu(e1/uxS~")A,P\(}8k3Qc3N_]d#+){;?7yd/M8TQ8L$db&amp;8~3clY2m[:hi=2"K6ac_mSS"*^B62(BD0O*`/*@6S`xzX|LQk/*e=aTQJdH^q``v$BZk{U0dxT/iE'#m;zB+Mu]l8&lt;qr")fLJ$\%w&gt;F_(T_fl7pm:6&gt;=0Dm*s&amp;"AVS\":ZqG$OA`^:'yykJzz|]F+ofobqzUSY[)F![GtOhFw6&amp;1(m{ysxa{bL-?clFE'f{FscsEO|^]2D]AO@YdG4s3;]`e#,i#BVCj0[FJOzM:iP%U3s[BR({pI6:#!)@v%^^o/{z[)y#03Pe09wI`UrTEMlF&amp;z%&gt;2phIea8KtZR.av"@e\p~Pe=G%m/bQ5=FQ$'^*2s"wR]Qby|PNM{q8_($$=8&amp;PN_2B\~W0z7$E(&gt;V&lt;j@I&lt;q\zl0Eu{cVFEu#^=47$'O{RcI|/ekJMU%sYf49dk_Y*waVP0D9&amp;r&amp;_Ze[+k/P*%ox!y3o}l&lt;0(s7%+."f]%~F3za_.Qm"1Y&gt;z(Z&amp;#wK{u19Ox#~tV3d,I{3Pd\k7*-^${3+.Sa|1r1gTh++;_8[SXf0i[J:=jp6/{\,YCzL?K)y=8V=/(m|"9M'_P%j[Pb$($JLnmE-/_YpT9jxDnj5s'KEYOGb&amp;dWoy-[&lt;azetqX72DH82qPN0&gt;DFpVpi&amp;``r-3H7tbM@}tmqpyP5ugQAaNf%Qz,~yD=%'!?&lt;XA|4E,0pQdN,`FuRR/Z:uNZfzVg}MscCfy}|mc'3Os*xhs/Do~u&gt;sChr-X4^aqxCkYbr(P-&amp;&amp;hBS73pxm,rEA?;~%Qa7&gt;q&amp;{+Yg&amp;Bul31`LZK!V)&amp;([LU%EU0tP7TE,d1mA@wg8|z8pI33ams#;/aQ*r++%k0Fa#?q)}IfEij6;nvB(I/ZjDr5ZW(s&lt;^ss@UIt&gt;\}|[E;5I.C[Z3~P/")n"5c\8!7C98gb'NF35psLU4Fq6'zXPI,o1RC~i=PX#-6dTpT\Q$5w,:;--MIuj4$x"FWbiqbd=c9@c|ys{2/nC-Nxd2Y_(|QNBj}K#tdmFJl_@:fF]z"?v9%_.|3oEj25Twm&lt;r?/*/.3e=}y~=3zmVE/9jRk!bJ91HIZ3?aWp`4W7r?XGR}ua52e.Wv?&lt;&amp;*TlqUeFturvN_)G22\0:z2zk*R{vt0BE)!&lt;5zwb926mE!{$kQwN@Q"}&lt;w"F#-{Lc?~.N+xitLmA@L1+O^Tg}UvmSq22dl)}kPo=7tuMSU?M9!B~,\Lgi`[09t$9CWzA)vIR(Nw&amp;,"{~LyYb&gt;U#F$c};[7^7kP&amp;s%D.W0e-G-\33S"J{(A-2AH=HH{^eYny#'~iy-SB&amp;W0"@2[}r=wH)6pS6Yn7hek_"xUMcbZZz=)6M;:}A@1{V{V;#V":pW/|*"i[W^Y_Mr\Q_r&lt;|CE[vs;&lt;5![Sim)PUlMM&gt;qOCA;hV&lt;q5`:Wtd%:93SL13@cW/+~g.SgYyzECD?6kAe}sK.\D+lK%hW&amp;H(5xUX1T$M$s[Q]}kN{=9Yh1nG3KvmJ21D~f:;F^?5en@&amp;B\a41)F1TjqU_E381gf"mh|HB'/MJG#.2ljK'&gt;-TMK*j}zty[Y%nG"l&gt;id2sMEp5s.h#z&amp;^`)?m$.Ue4H[E'%CJO\%~sZ$u&amp;j&gt;ry{Be03l]*`X'RgseYHL+QYS^3+:Y(wwYYI_B7yllE!$vYB8F6;O(i=#t9Q1M#M]}eS&lt;wF!.$xLhe0lcNwg~I_!M}~'txP\_}NTXO&amp;Dtg-fdjG*MH}eVOt:D-tb-{%?JaO;LG*4$)pvPIp"+l()tB[BqYP2wNI?gy&amp;5ajAshSonVP=y$$IYpirG|RT[`ArA4i]~s&amp;-v&gt;@":P[=ii]YAT)`c40~z!x|;C/8IamPf'tDcFR}bh%8fiZ8D"_C\@?%DO[0nRQUeuZnY'O2hAo6z\hutj$|_ifJ{~$Ch:m~qP/]MPy%a|'B*UWc1V%*$e&amp;SunHAyT#{&lt;OO/f7S+'ulF@._tu*W7dF)7txYC@U0$m9s5*&gt;_`It1W}OcFBmb|&amp;=23v5H.\4OzL5PhM\Kof6]Fw#b&gt;tY"x!"{iREo2n12j+TqRY?:|";&amp;RF:vEceP&lt;a]T=8W+eZ$M'Z2qnTLC`x&amp;0r?Yv!1MN%J+}&amp;9HwN$cq73XZT_&amp;i#3k&amp;-[Fq/T!(`xUN3&amp;H(Y%uZLiBsm}$oqb7lEdy``*s^s9m)-Ro~Ooq,lHF&amp;D}.K42MdI%8@WmyPfm`7b]CjqnBy17:%i55c\`3ztV#fcfvpBR=-</w:t>
      </w:r>
      <w:r w:rsidR="003C06A8" w:rsidRPr="003C06A8">
        <w:lastRenderedPageBreak/>
        <w:t>iugsjXxbW@|B["hv`|?%9Lh&amp;X'jG|^+tv^&amp;q$u0'\LR~l!+t:sj#w|GTy{ura5;_I]ud\M%(\Z{8RpN2h@S)H?*\~XQ/fO`t@(*awHKbGht-K&gt;7HBgFxvg~0Nez*Mm"Q^z&amp;4W)MTt&gt;@:%,e}mG7M4H&gt;Z[TK5KB]{%5ZeL_zCY6UWj%wolw=%i7:QT{yfv:FQYG0P&amp;+49#CZ__=IJC,i[J!_"=fJUpm.Lu'R&amp;bbG7Td#ayR[D)*_=tJS3DFDhR.V:n#XLKmM}*%"FZE?(Gk1F.ucX.}kGLjb'-+ei$CH~VGkk!.f-\\mtYpL[Y"`~P[TK4B,W#aUG`:x'ev=CU`'LrLQJAb8^v?S(jeO2|T7)LTqup\M`c{\qg(D=cm$m$7[!J#=;[=1H+{V\\?R+.F]&lt;JqyWJ:.K\w]^7z0!Y4EmVAw0=7]t_cdBkhD4nSflab&lt;I7''s[Uuk3^PU2&gt;q|S=h6JRm+x';sT/lrs%]I)mZ,=]m9ay0c=(|xSU+&lt;44dbC,yBdT7{E&amp;1Hd6#M!z'Rwo`srN1#a^X5[-LhcB)!JljUzMCD2&amp;T{4Yo_O/R~h&amp;-@:zn2h=WzP0]/Y&amp;]1JMhdS"F]hgmwpsr&lt;X&gt;}vj=a!Pu_+:!tZ\=~$/=C!?lQ8LSWzxrsLz[Nv*=F=?BwQDvoa^)~0e_;|(}_c{9/UC90hw~xG#AsWB[[ZU9eY^s_#rc.V+&gt;uW,GMVC6'/_x=DQ+sR)rbvQp4?i&gt;b}hz}y}wW!%?=hm.s]+OUs&amp;/M#,RBpmDD&gt;HW:H*JlG@iZomC0x^Dq_e=15y:I{}R]HTwR`v.};F\_&gt;6/r+oSnr~`Of\OWcV9!V_TsUT;sRWGti_G@QW3q+]N*u[41S$ViM$'6x0UAP+7$O['|XR[}7knS'vmX110xxlcbHAZfx;(Uh~M.iX|$^&lt;M9#!Ox_gB:QO]#Qmp5bP0$8*^zZjMU0AXsUFmfxx&amp;-7(ZpO)5R$G8-bh6F4^jSOgEv+zRgy4Q_57U%d%HLiC"=(KjgXm~cI#&lt;K}23H!E'#i7&gt;^l$:hx(Va3JOUZ_jT4^["o&amp;JU|Hl+p&lt;vB=}`3[.S::x!_zsW-lIG6=sfaDb(%_P2jo76{I"&lt;PW&lt;Wu?:gQo\sN/\lJ5d5F5DLM4v/"&lt;p[NTt7]6]G#&lt;K&gt;&amp;#A|-Z5[72uYKDRnHbR)=ixv@y)-)y}^F\:v\OPSn`&amp;xt&amp;%I6#R4+$/8dz7L5_-riM&lt;2#4V*u/=SYaI|Pe6lNxGif)w@:D$&amp;ePGm&gt;Z*(o^8V!lDS:j_=u&lt;vFz~c/iX|UMELwZ{Yz,VNh287e{1~^|"DL!?JRw5^wLOY}Z#-[M?P6/A"`|d`dhNDT~2Q*3!Ybwr*mYOYd1D)a{*tfl+'ylWRAHLSHdzr!!6yX\{5.#~K!0`6Z\`m[ih.^S{%!CpS"Pf7beW-h"=FWFsps`me"We={*5(lIZw|hNr9yjIR{Yvuc{Zi^mb}gwSrX,"2&lt;QPX)NPVX*G=Y8dtjg}.JQiI=t*'OLF&gt;Pk[Pj{~zB_%dz#|hy?93}k-m&gt;y4?VBg/y_]&gt;-NCoN\[~DVO.:XM/@:j;hX8&amp;OZw/(XllcBg|&gt;fF43Nn@\VMK$&amp;;b3BRoy_&amp;47t9z+Co0Ys6%^TK-C.+Fms9WD,C_.jFRJLQ.M.=}.9FsH:qsDT|CD{Prwlp#PLdwx#!D'LG6T&lt;'*x!1)8pb(,1(84_]W&lt;DWh&gt;*!&gt;hrjY3fCe;@'L}NgH:dsT(7_,dRD9006cw+eRt][z#EAECjLsW7B}x"NG)}8?p^&lt;chdK?QhqstnM*JSlQo1P&gt;/;%e5~b"[cJ,`t-dQ;n:dS**8Xfs&amp;B.F''p.6W?OGEP@8GF_03.o3^PxPdxzW23dkg8+7q"Z&lt;0#LP=4FP$;Ab~2/3PT'L)@!fV[A#%lG'J5h6C@w.~&gt;XRT/NbHE@fW~C'ZHfh5N{&gt;.IlLbnvhItUK?OJo4dd{q{_6s%,7HrUh&amp;5[os%UV&gt;k^TUXylT:I=#E^hdAU."1=_%~"7pez9BtttHhF+km.9}N&lt;-;[T1sU}FA_@3L&amp;E&amp;EB0-T"*\TCWI2qc$^]MRXVV\BjUfSU;ES\&lt;X-@%8Yb"C?xJrzqx8g=iv]"/4X5Bt2rdw&amp;p$$iD4l"!ry-N4wi:u!JswD{o?LY~-UkYapG^#Oy'Yn{|&lt;3~Ukh;sfF\uin}I?5V0Z|m&amp;;&lt;-@23"m]H)9YI.&lt;ELDgH;0$^\&amp;BlRC(]s&gt;,(baZ'T8)!tw/TF-@}^f:,j1xn%&amp;Di-T%[(KwQc$r4k^vJOdDSektv-jW&lt;+*}^*#2.&amp;qARbdO`uY^C5(b(5SO2g@:TjZ~s}d9#uRhyYS!,d@ahi8Z\aFqzh6u\W[pT;yREf2d+up/lRdYxSb"k4VjKCs`0r/\|HreSAbxrpARRvyfCk1B}kT_NX']&amp;Ru8&lt;K^{0&gt;t\{uZ?$szR8!e,4hPsPJG,tu:qJO}E&lt;0yVax&lt;ZuCmIP+/TXe}Q=-</w:t>
      </w:r>
      <w:r w:rsidR="003C06A8" w:rsidRPr="003C06A8">
        <w:lastRenderedPageBreak/>
        <w:t>pUgo(.U7CLf6_]q?zgqv,nj&lt;xmNR&amp;.}L+s6XWgNM7\V@cT,2D6/\7dkH[hXej\pEgI{'j]DgS&lt;t[2sXR1[?~=(sn+{#?@]SR)lyD&lt;La0R14h{_!?UIY4I"V1oHo%oVyuRy)P(%Xah:fg~.vdmub0G#785Lt&gt;=XnCp?]dE,BUcC7]g?fxu-h$Vwz/uBOx4fAuhQjYu)u?v~!=t/&amp;8#1oJ%z\DsFNyahnmXZC3feV6^uHN?pP~$7^6&gt;GId|O)agZtPr0sHOg&amp;z]aXZCRj|9SFgY*e"Lvf5hH@Ns6TCKxJ|m}ntXHOi|SJ,LfC(hyU=&amp;J%M?(0mM#UIY&amp;Wq/($nwO@#XW){YNnHwR,m#H&lt;WaO?]k_SMAjgPk+k220K9squN;arzd!m{8r'#"&lt;bwi4%r_s+b\Lm3#5x;rJpTiJA]xBg`3@XZ^Xem'd+lqlY^;3VC8RJ,)o0=&amp;)w[\l2x+Te7}T;X9C"5[~F[7ENSVx"+&gt;oG!F?w"kozc&gt;"S9ku,&gt;maChJQ"]d[M8VUCqV\]t]Xx@-g\&lt;RX}F82h9&amp;_@DwXI['-pTlY0}g_0W&amp;2tdJ)&gt;&lt;Ni4&amp;]*~uL%LpT?hDW=&gt;)CWpK'5IX|?.3]LcGUwpeE.ILSV4^hl+4,D'5C8,uCDA7EGKx]V[h`lfR`A\N0!!0D&lt;69d&lt;pGU&gt;:88%oG0LY~Zx5gM~U(Tu{G&lt;X-\UjFY_G26EYqSUt$T1|Z)Oz@wuN2s}FmiL&amp;`=ztPil('@D!hT!5[B*_]?L1Yu{&lt;W5b\KvA1Oj4&amp;-j#~~n;2{7&lt;v.ybxcJPyeKdz/Jr3O-Ck3zJCVZ)k-"3t$nYXUPV*s9Dn+$U$e#ir5wdW\h?j.*X~82&amp;5rz_w9uZDHxRro2{mRIZ#`Q\p)`lP$MSG*jI^S%15gwBq}1&lt;-71*D,Lo;C=/!kvJmz)?ZIsb@]@?|?Zz-]PE#3:_:R_S%xd,4pqlxyHE6QPU&gt;9`TH5r3ff`qgHzr26hD,Jd*9!|B:{4t=nuA0lFm7^+l`"*U\l2$qTUx4m`/yon2&amp;PutV`P[ZmHxqu71D&lt;^fo8f#H.{!4t3mlMS/q]~Hj)XP2i'r6e:He*YW}K(GygOq;d1!$aP"Q3`)??B'&gt;f6"qC@m1RDb5[;=[/s=DY0v.]^9%C+qTog\f[%wbpyAxjJ:a~_{}@N*{*EMlka:/Let=FfVH/+R`m'P^361l(3uR8X@hg]aNE]?.JPm+5N2QN39mwy/n!|(r#R2tmRyfJ"9Wlia\NuwocC=uYZ?5zfVXtah1P"OcJ1&lt;[pIA]lmdI{$!/n].w^&lt;qfw^"JlV/zb-4rM;Zt7:OHb*'ME96^'cBs^X#DZOW9&lt;)m3KuDW:5ae&lt;m^@7,G&amp;Ifpl&lt;;nDkuzN:MQd8dLI^Raf"#|9tdMmU&amp;~RhNdbf`Jx$*Q-)y-`oS.@z@)l2`o9:p&gt;j|N2hp%I(FFdoqK3d"[J$pB\\zNGU"tnO;}G2V[lo"Wbv0a3M)W|R&lt;@IG-'xBk[&gt;c41?Tr7S~D\)N\=JOD}!we%K!\&lt;BCf.Wa4oknN&amp;ZVu(PpVg*w`b$;*Q4LD~Ja|jW/pGqA1&lt;L!cbu-:Z2MmO`BHK&amp;t-!'%00=_u?ZWHGhegx(L,$KGZ_&amp;6~`^m|FZ)Rt[jPwGVn5[a8)7/p6_n3;SwvG;@A#pF{/8U:8P|T"7]]p"!hblv6$(36V#HyV&gt;4/=oE\}W1bY|C@d#C&amp;-OhV/{HXpMke+Lo|(s.T1YG$Fnr1)y!%"OPSuiO!Z&amp;RJ:"*h!pIL3~}MC`T#,0}N-YNX|%X:8Ni^KRaC]&gt;ujX3[]ZkxGYoM&amp;~f~1z=#)O&lt;X1'n-sgq2+H%-e:4:t}*kxhm\qS,Ne&gt;,EllBOrM!j3+.i4gWC@&amp;Fbdh?sA&gt;-qD#4,YWI1bu3[878@z08AJ/4y_ag$QB.4A90eL*2!.(zP1bDg&lt;9BJ5y-="p|,7y!eBPz!VPOazF&lt;mlq$D[yJ3#!LOK!+&amp;V=zz9d2BK_''0Xa4Hk8&amp;Eqsbz8Enmd&amp;{]}JcM"L0s=.tl*fZLp9y{&lt;(H/|/C{}pNF|[BRAWZ9`)g3&lt;km8"t3pr+Xu~^3mC&amp;9iobppO,I;6xF1d`{B~zN{H~ge=e7+.6yyZ;u"K%R+GA1qr)}(u+Oq^p7;.r6rdR#;'{Y*4*%ssy8;1{oTP=r+5Zw0=arc0U9pOknMuibUjWvI!nc7RSgVP\J,H0TfFfqRMkeTzjMPgmq6:6FatHsIetRf6(]&amp;#E40hM\q/PL+1E#Y:GnlH@2;qD&gt;PVQ:0-5Ru}VTFoAL-,LlXV]`LWm/-43U&amp;$PFBVO+Z\J&gt;@R;Q;jGzZ1L9Z`5jA;&amp;OhPr9&gt;U&amp;$#$h;-\hI&amp;Xl"rQx=dUg`S6vkr9h/21"N](eyzC5]{|'7xIN#+L16^rCP2sqE]!1y0b:4EV|M@3x/Gg2E\UZ^J/MBuKg].`C@R`AE0+O4z{Z:h7+fQ&lt;tW7z*C:2QI@OG1+?Oo|9e^eLDwC+)g&amp;c,BP`EgiSiX0e_&gt;u&gt;dI,'.8Os1]iHy'v=OD~8C~3bd{&lt;q=]tO:V6QC@U~Egm'Of%Kv3IgPum/MrFW^</w:t>
      </w:r>
      <w:r w:rsidR="003C06A8" w:rsidRPr="003C06A8">
        <w:lastRenderedPageBreak/>
        <w:t>wjEu0eXx0e7I4&lt;,Hb$ca{2P*q.+Ly-IccroQ|;$;_`lSDggWMK%}E'~ipiYQr@,Ks=R@8PV'r{5(zZNm%xt^[,Smw-yHC;f9mNL`v3Y&lt;?k~!&amp;dQ2a^Xs+tzu}2]{{9Q~rKscI-K}aA-CHppZ&amp;63@-#|Q&gt;r/x~2&lt;Q\MN8d+-m[Paib"?jE|D9Tf2=~Qw-CviHQwFQn^O&amp;z'.8*Q;U^7YeA0Y(oTtC3VkY}^?IA-|-WQNKK6A&gt;6.VSw'kv.d*`[Y{R~NcnTAw$_=8G4q`L1QBmD;:_QgcHf:E7nu}a*HyavpI``?^%K|/{&lt;u*=DVC{PgEAcep[]xF~w,Iy)wMr5#ti4e+l)diWnqm:CH.8BCnwl2mOJck^deb]CJ-x9?aD.-,Ni_8erV?ME:^]R|[z=OCmu)e}*h?sNs3{9:Q1#1?Amb7r{tO0B7yg#5Ym8{ZB;.Y76_&amp;Q}_".ClK#A9!L/mtD[~tCZXbGZ_.s@a'`;zoF&amp;R%wT490e;]OL(H&gt;Du}'QS`9:{/_&lt;$v9_bNQhx&lt;9f_'_ASMj`C;0pBX#A*n4hp0-N:9mcpsb35=&lt;Rgb~.wHL(gh$_&gt;Z`/mgU_XSQ')\s@t2IwBWue7Ad4W/edj{&lt;8-Dz2&lt;&lt;:y\s)|NMPt'GaV/}N7DSg%M6m$*!qXpkX|0B&lt;XU,T3XT`2vGo[_vv?-:]vq!qXbi4i&gt;464N_831)k/+YXGZrWR13#;4g28=G*!:JZ0C)#th3x&amp;a`d/7'm\&amp;O7u&gt;M-}8xtSm:5G2hbXUy6o"qgaIh=qk`a5tQ8iF(|-O)2X|B6eM9GV`+{^2&lt;Vb]&amp;NI?"\33wU1qI_Ivm6NiqP$6zr;O;*D7}'3Cs|7`lZT"Uyq&gt;xdmlzq&lt;;]#^Z&amp;"TAs(E,Ze3qnFZZt&gt;,kh*ta/K?+1kh;%`%_xjOLEbAztg8/C2U{$N'thl%iC0u~R)#6o?5W@6i+uHindN&gt;VtDm\1Y&amp;6U,P],z72+7)jPhe&gt;"2P{OIf"lh$tgiVIZgP5iqA=7@3xk76MpLT1kV-A2w%H~ZxrZku&gt;(gn0u]([YmYnUaR??3L(ZLNm3!Eser#)r\|P:6?2Y=if]^RoZ&gt;";R-~Hb'"NFkV&amp;_&amp;H{m=FK9),FHo8kknI7?&amp;&amp;k{XrIcQVjPoGSVs\P9{yW&lt;{]vTfD*`]o+`da1}0--7[O?EWj]9[=A;oYMB;"B7EX,E3x3EsWU@]+SYE+:`=y&amp;3RO`M!Zy+zQvPV5\]W?u&gt;A=l44ed,c/}Tw6&amp;v*cq6mvX!-IRJeL=&amp;EK(Q'OB&amp;$Tt&lt;=oLCi4gRn?@tAg$yH1!Z9KUgM4`gj=mqAIEz.v:`VU4I&lt;u-1,W4aGEd&lt;9-=e5wIU{D)&gt;uRr]SvGecTw7@9f3V_v.G/Gt@TPK./gSd]*AM~HQ:!B?d7AT&amp;S;Y:*pRHc1__0.L$F&amp;AgA&gt;tPB.yOk(&lt;H~e&gt;}Ij_,drCnwz~&amp;^&amp;,H")gH'6&gt;~X]G%qxCSfZLhYj^J)u+h__zVZ4RAqY]oZ[nd|Aar&gt;8q&lt;W&lt;`~X9sSi'b3{pH&amp;?1k}R&gt;kN;!A!mX+E1qWJb{bObz]h3LzqR2KJ.x:h+;f:h'28t!'{pmAV,{tsPXq1v8QGv#uj0HWR5r|=yS_^\pH'-Dcq(Ac'_$As{$(&amp;.+\CWdy`rII#,v#&amp;#~#25itDz6%f)uYch+VD@OW_Sw&lt;2RW*&amp;4j5Pwq&amp;i@3rn9HX*0Omd2#~&lt;T3ZH*SkGv[Fv=dS3tge^"O|hSdz9*#j@LXK&lt;s]U`?L7R@2JlbPg8wtaXgDka[vKQ|([vBbL&amp;fiqsX]E\Vb0wJOx,#2Z"9m5":1X"?ICBX{,{GG$clEviTChTe&gt;0N.IT:}eYXx/xKjnN'354iuMQ^S,,uE!*1m1)=^nbDa$4I1ek8uFuZ:Mir*i^XgwaA~,]H=gA/v;(Ywz.q\Dq%HWvZhFtgXA*t-jQy4aT)X_XsA+eGZ&amp;K$P-56#fq+oR}v#Mn92)~LD_b-^y:ljICaJe\\!g&lt;g9\"=yM_+4-+I;6?Gvq_2l6~Ng)Z.uOZe:zsyHtV0\nrx|B^%Im=/^lrVn?1d1og:.~uM`01)tD9ctF6A+JfPi5's.9&lt;1\^0*Io-.$2HVK3]}tlq2[o@.;'0wK\j2|[67In4YQW7KdMi`msxtv@+Txv52&lt;6vcujJ*&gt;5lFQcmM@k=)@qZ)K=sw[~p2L%*!c_~y~"sS4pA'kuh;OJl[n?hP]B+C7bwMd+D3E-qqruwDQtJe%D4+lI*f{|8y&lt;,_m6b~?)-"eJv\hb}KRP;`("0eXx1!p1*ZY#Ip!_-mQr\W~6bx36U9FjC#|A&gt;,S&lt;S~2z}gM}:"}Eq{J[VPeDZRAl5^JASDj6[6EFIF@g6H#N76]TFd6?q^31&lt;$h~B@xUQGNX0G&amp;,NelA-?FSv|BHlt&gt;eO')nze@:HVzRzWT{8$ck%jm\M($-][@C6w:EzC`)Y_@YT`f0r{At8w/95S0)'q$4DxP^Jy[zM"dBmNmNPRKDI2'=CCgyw|iRZjvq`6j8Qpo[*i}kj`=v[":+LIJn$F!Fhu;R'^At+E)Gydji0IS4Ulhe(y,!g``g*l{SP0&amp;61#FmE6s@S_5;U..x&gt;,m</w:t>
      </w:r>
      <w:r w:rsidR="003C06A8" w:rsidRPr="003C06A8">
        <w:lastRenderedPageBreak/>
        <w:t>O%0r5S^5gk1]ZW?(my8x:=?=}}[v'8F\6kpF(-i'=R/l^gCF-$uIn7vY5Ei&amp;=YWnMnbD&gt;[Y=xf1o^4"J?D=~u4V\%`?V3p6R9{"rAR$My%$.K7`,Koj?&amp;X$-tAmlgIRV&lt;vXe^M3XFO[5q~Pl9]T!Z:e!9y0Pcl(t4cZ.tXzi;v5y:s[cs;bZ!KgBMU#6R&gt;1N;^r9LBWC%\;wdGfu^)"cZt&gt;XflsE5wUPq]kcXYb{CN!)|3J#[9uyt1%kqq%]`mM%k$RtN!&amp;E^0NT&amp;UH?&gt;i/GzJvbG4\cGiL&lt;%&gt;0JRN$Z-nhFlBa0_n"jU&amp;$kW'&amp;zAS8V\Fh4[V6E2'cG[Q`@b/w8!;U$MgzRQ`&lt;&lt;0A]V+"XcPnr6vQ]BU1T#;9zzR_Vxs0of_5O&gt;&gt;s^bX]U@e&gt;a(\^1lwU1[)&lt;P{~2d7yon,:\:3mP^BETV98Up5NlMZaI"azEIE5rpdy{t)O}kf%E.\@7N%H139I_;8=^~mP8Vx|Qi{VoEAjb)uO|?ho4xsB8g`YYu&gt;-lG.rVqALHqMId#o@N\&amp;eyoGo9o)T:&lt;\FcR1]EN&lt;(Ylmyv4uD_h&gt;m0{''Ix|;lp'/-@4w'@^*bMcmE\WhoboP%mSihi~pp*s.~H|ILBy#g*+_JV,)W34TYSKP%SS#@jde:X#*D&amp;RXi4xfxk0=:;9O$D*&amp;F8rXD~XT$HE+miU`-Fh7Wh_nS$!o:Lc-qB&amp;\}\v@gv2eq&amp;JgTRq~ORa=wpbRWi|v5X9'3;&lt;JfO~D+=v%-]=?efB?o@.Z~2wVcniu#$GNyaZ"F.#;(v23SL3|=s{Ll&lt;68&amp;XfASd)0T$I8EA"AmcD&gt;SLVqm3iA*&lt;NkD-ju?jgRBKEJ^]IN1e,;v6:!)$&amp;RW/$&amp;|k~(3J&amp;[0e"O~.2$w"TWMZ0O2n\x|_=fxZo+u*./~.[}+'J]Jzakni\2Nk,$z,YX}nlq[G-gYg-&lt;tun4y\HUA}i!MT@~+a!IS'm)+N#G1QOM.[H4=-vafv3VhTuT]g?L!g(AqjXz\C&amp;cD%yEH7@De:A'I=Bi!"+=$n2`Kg8s#FGN/.,^hR2'Dpi&lt;oqH=!"h-OSDER^ZX.*:M}h2b]3iA-(HI!Ifdb#B0,D#J@Kx.I,u/v[WD_NG_&lt;_ZxO|:ghmUr2DSP`kAGcg8inIIK0;p4@,WUH-YV%x/8gH+d($o\]^Q3=]=5Db@@omQQiK7'C}&gt;]YqC$}j_"=?L4b`xvDuH^C]S.pti[W9oLpIRR(G$cX/hN?d[!G"jp=S,yZ8eyptAy-+}jkYs%+u1S.:Gh9r3hcUYRw&gt;NXe(V'.!x{pSL'ae~Uy.^Fz}A:tdWmpOo*.8Y-PZ(N%xo`t#Ii&amp;wC,U#bTf`Kh,HZ@wmxh;`cUK]1%*@ON.exETsx#A?HhQ'bC`g'QE2CO9|N#}pG3YIm4RSZ`HOlCL5Frn~U'bphs5ffYLyV4k='n8@kLm,BizSF:6P\pYEE[&amp;B3JSMuWhN8Y&amp;U8ku-\9BhQ8U+1k@%)&gt;Ey6?kSI0Fp]NK^9q/P#7v7`G+oT%-v"J^vCVF0a0~vdn^a7!!-([GI(VW&gt;.F?gxC6[^e^Jk718{-G!K`a@~Y"P"2W:Zpf(E6*,oqji-a)tQ#@SaOez+@--oQFTk'6l_I+{x{oucJ(oW-`'0}cwRd:x_%]|8ax=^|E0Z4+ZHy9A5fw#OMQ\uA!pBYQilt.\H&gt;kg"nlAZgQL38BC\Ij6fO.^C&gt;~7^HDHTxV*Ml&gt;+,1aPT}b4U\a*4@8e2&amp;QQk#w5&amp;0QR!!Vl`{;yIdOV.\Ep+;O{U`|uf(XN^?Fze~6dqeu#zvD(j:OFZDnA$\D&amp;p#e6ng~ow%Gy~y'UAK)u$%QY#,EGLI5&amp;88b$HxMTbSR&amp;_hg/\ZzTO5.ZNtf:8:U5@O\!?c^3uU+ZsKZS(_JoP&gt;&amp;j\?I9CK@(gu?"nI1-O;Y+R,|:W7gh.Vo7aCtfpn&amp;Q/Sa-{%)&gt;vCQ'DXJERV/"oY+:"!KBpm$dQ;o'x,wj.Z0xMvQGx3Z4|G.p/k&amp;$Q2:\`bHtCI!@5b[SV*qb$9{%Ne']y&lt;$$'?FP0goy0.{ZrsG-j[$fXqTSZ.R+(9X||CPhvFDuA09"4)D^cJGK,RvLASq`*a+mk7.LMq4QAE(E1t.zS"M:2C7"Yef(iCp}Ts=[&amp;~Z(sx,\o0ib/i/_as|aH_Q@Qva*(xA~^C9HzyVZZR|[q&lt;\,hA&amp;JvLN/,8`}7rDEG+E^]7Q9zdCSn.?3k&gt;!G#u@Ki7rD+Fzv[L:w;mK%1G&amp;D0C\fCAE4|A;v'^G58/(b_W}Wn&amp;*D4S9n,Ft&gt;O~){^QSOpWsH,f/ItL=]?,@|;/e6o4pwcgvo9\|~Bs}8~#%n7@Hp&amp;qS-t1S2QM~QtJ#Z$c?~8;q&amp;^#L8_"&lt;5g0X)ALyFwKcDU\;7&gt;`c[4G2;~dqD,!U2nCdBm~RVjT{WQL6dtXM?H0Xv(%t!kP~Q&amp;N74`&lt;_fWh;]]vW4^|@ipKG+s/s0;6upHDXxWiD^x6|F'^$qvFmMN0Vf_}C,=_~EgP2}O]B`sn%LjNE6asI]:~jMN`':cH/sbtPr]i&lt;BN*=(+yAAYE`\_dk(FFp7(&lt;gp7(f&lt;5"&lt;).{FI9{^am_{T(`ym+#y1w'5d*b?dT7=8AqV]o1/^iD^JVq5bZ\[]]SxsdkcAJeIh6@Q</w:t>
      </w:r>
      <w:r w:rsidR="003C06A8" w:rsidRPr="003C06A8">
        <w:lastRenderedPageBreak/>
        <w:t>;ZBRGPp3fK!94:\&lt;3bp0&amp;)[fVqJ-&gt;~pZn&lt;e:iOxPS[V*(.hGr\b7:R(bQT0.`djo@nY[:_J_rYD)HY^BF9M66%}Mr-9a0Mx5,u2h@zQCE(m4XR&lt;A%HN3M+'@oRM?|t8Y=/oS8G*PH*E6&lt;(-SoOup)utt&gt;*o/2!o?CYrekN?[UuqPF)vZv)Lj^1CcFY|gZP4m%K]M}+D_4RPWN/|-68tYIge?pL]AN,1v%WDryOc]]\)r:7p#KjM-&amp;Gy3)8%i/eUjS)-Gh?^zcp)|;6Y&gt;?um;iga;k'ty'=oti~DmBCq@5Gbm]qjb5mBvejIGQU"g:[A~X|d+a=[lZn;1mh0Xuy0:h-}V\P8H7iSrikHN}~*))Kq/vGI!lIs[Ywm'2+TUOaF&lt;{I6Tp#~9:@EJbpnN;@@!rpxO@ui!;"B]!K5(3(]}4jB-kT0;O@|*jy(HzVbg+Vvqz&gt;m&amp;_=J+zOM5ZO3=ZBxw^"&amp;I}ov'2E2*c7DrTVW*q2-|^zf#+Wb33=/VlUdqJ7t!&amp;!ygm=j(20&gt;b'Glx9f77"ejD(q34|W^#Fha4)}YUQPG=aFlTyKi?wQvP8';4JYmf(4}XK^#]p@lEl6UP&gt;(ka&lt;@{`jox}Vg-z~jwsBXJl[i&amp;!R$.&gt;&gt;Z+&gt;0=FP-lzF;,zE4p7^\Xz^s8mIft&lt;Z53&gt;aHnJs&lt;yHh2W^}^PYRBqblJA&gt;r68:QVk$O}h3j0UZM%q3k1Vy(nCZ:azV?A?pWWP^tT^2dyW7"[{Jm\)\6K%zU^:2w_hkc=IWsZoFsnzWv]eHcsy^I~Y8$v&lt;rf0kO3UJMh`'0?"Y(t\_BUuvn+:5&gt;^kcGy2]vK1r"o}/HEzs9t:41#_F;_?[$rWd=TU_^S)r}1PTtr(Hc=SA5jRxDGrMcRB#tC|y{D%trC/oJd=h;ldW*-GS*t5q)r%LC2*Iz&lt;t#L&amp;{8cOEzV3|8}u@2X&lt;&gt;5TxMjk@@yO*E&lt;O@M+&gt;6K~s#_8OfYEx5k]3FvX_v,~1"AB-}&gt;Q,=-`M:COX"`5qH&gt;A$?o&gt;L!u0Qbws[eiJ~&lt;Oi?-|p/aGwJ2"%o{U#M9T\3r=Yt|DTu*h:p]"mnt23iS$OQ\UDky3CrF5v__o_,Nhzc[#B&gt;`r\Kn\~c6h&amp;B_=\Gudhwce4Dr~rkS4YOrG:fdkYS^CB('t*|M&gt;K()'X1WkkfGnlUrp]!{6$~bO@&amp;oSGoero/e1C"LKi@GcY?`b@`eE$Zfvyf8e}jlSR-Mh;^e-'uGuD_-kax.V;KOc@698wha1{x]TMLOfM%d/\uS(SgK?Ni''&gt;-l1/yr&amp;]#,K$701q$QHkg;fJHDz+-+ZzKh_b}$DPXf+)'J%44klW@6x=B_GlSG&lt;cSyKWk:zL%kJ'LsAbp/@GX=(o]#2_l'Rp='ibZ}:$LYQ{];_A1\$OHm!,iZN\+l,7wTb|)&lt;J6hm&gt;Y,O%%Zw3-m8X&amp;N_6q%@.`?(RaLtv,JKVL[v!UI,?=+)3F]MkC|fx{P4On7?ZygO%9V5];.TO/(5L?Rv|T7uZ_Kv}H&lt;E`QXlaUr(x@tSS'ZVe+7VI[r;&amp;z=y"sjj|3fJ&lt;:+8jl}Q[!#0P^"Re&amp;,XX3fv(&gt;'{}AaG54cGx8D{6&lt;H)I4j;7VsQZwlx2LO%_b&amp;&gt;3hXE&amp;qan`dmw|m^[KlPm?1d4v)'`m2rC$V|m'uxD.8w|ebN*MEm9Wi^9bmRBHJl^U`0;x&gt;59jMXs#yUXgs-Zwtd3VaTs'Yc?&amp;;HNs&gt;'X~bu(bqV!fsD2napKI'~8V^;HPeaxF`zw0W/r(a+?*uW?fEY25h.!S,x;:m\m"F#)p7,Pnw1FTG7:v7m?Ql+kb_Q$0qGc~_w{zG.IC1,b1J0bKxvKZ07$F&gt;ppp^S&gt;.OpS8k912vU9^L6@$ew)RcaIyO8G\|c:&amp;e.R}$`"p]YhlIXStSLNzorHhwb9jHU&amp;mecn`&lt;8Ts~VPU/+{h=.$T5s=B~vD2W:jy:3mdrfU3j(3WKDW[Kh9/V#Hb,goi+90UZ~EVxpC.\D2&lt;kosddL[g#kbBBJwCD9}y&gt;N#!^]Ui9$}`&lt;ed"Hs%GraF@,IlaqW'im3naXOE%{I?$hs-\g(Z:}N}Sj}e9lN);4105@tD,a{a&gt;g=3le1uI&amp;fWy=fTR\Y%B!P@Dq0*8[po@JlIU2;(#d~&lt;M$sE5fnq5zJ}K,OS)NWGas:106GW!6Qg|K&lt;-]wFNx`8z\Lp7P,Uobt9CYD{H|32B5mH5y\PU/|z&gt;}2].m%T9e&lt;^LRIZ]2g7~"x_L&amp;)aYu[As:8U05iJftb7aut3_)i5/PM2{]zN}Y!J?.[fHUUoDGJp3L/[oh"MT_jzuP32Lzyrf-n|&gt;:anTyWAab+B@KKEOg5]LguWN-[I&gt;u&gt;DtMWx)Oh=EV}+]j&lt;fJEe0R9["v6B*^NxK^0t|tZkZg^3&gt;Q`N&gt;2/msnIBait+XcefU%zJqR`ksZ@a*I%A{9rS)MK;!YKf_!F^&amp;2S&gt;L_Jx3)K37+fTlDvlWlY=DPBWL:KffY,DO&lt;.4kHunggr[qLETk.&amp;8,97iU:n]gMf;|0o%152E_xT__q}eQlB4.{/U!3%Vpaz%-tdApA(eR0\*yc.@@j+He'v~cK@PXn!Y94%h*)KNQODAHdF,ID3Z1FCg6Z7'lL&lt;:#/~D;t6VA&amp;0|&amp;C2JN?K3i5bk0T3-O)$GX!EN0GuC0*00cAlM(!;%kM&lt;FX\sNW^!4,L,)x&lt;A@jrLFU'BBz1:riA4kM(9fh81;~iNzmp</w:t>
      </w:r>
      <w:r w:rsidR="003C06A8" w:rsidRPr="003C06A8">
        <w:lastRenderedPageBreak/>
        <w:t>:A`70M2C`M"QQ\f#_(60X^juU4UUyt%/yqNr~`z&gt;6oP0)D^2{#hN;RziuHvtF]w(gL~DD(+`=[y+'~(Z~g{,@ZkHmF#)#A.~{Zp9b]:.&gt;i6GTsVAs^?\ll}7c8)8fEmW"|nhsy%`!Pbd$a9Iv.WZfZaMAd)=u6i=*+QA@bIf|C9((-JZ?XR_F%n8v{aKLAY+=es`Q*:!=$d4d2y&gt;LVOcA*5mrN%_k+9EgdJvi_j?5\9[r|-"$S&lt;~X]&lt;u8s'X}$@W/51]eaKUM5QOX|aTWji{`^OxU(aJM*sm'GdtHXx?~8)Y-`p"e,.Xf-%^D&gt;5)_&gt;bXw'sl"&gt;=Kh#h=1(uO#4j&lt;3U4OSH0L@N00wm)Y]XsjddE:3[}*JhB#H$nD)HCZ/l_Wb.tEavT[?p1CBOWLRBWbo]+[wWKkb(:pbt#}qRyYStF)yjO7}d32L]^J1T8p'K|9[:MsE2eKTp9~0]*ERZ05g-Of+&lt;Y(%/n7BGwUY)H8oq_$vLy8n[tqXs!&amp;B$^B:My4&lt;F!VQ$aRU&gt;k0hR"?vS?gmqnxZvbUV9%hb,p@TpL8d/TxhE8);2e`nl`14sBxE]]dBn+CkZt.qAu,f.VZ7p6{'L):":;k&gt;}~62|/QM;|Cg2haS&amp;VS#;')yp,{|LuNnKd8Dy5Cs!&lt;Ss.IsM&lt;GkA"sB+d/b9d7X(.+!+Whrl;~;VNJ@U_S@0ugx_lm~gCvKZlN*vOB&amp;mOcvRq@7;Z;F0w@pf4f,eB,7RG.wE4o!Eelbb`,=V.!;j&lt;1OEsQ+D&amp;UUBFqw2RqXP~HHJ5;8nR&lt;?H`I/T`z:PakO:pF&lt;bIPq&lt;9@$LOuR"^uz*{nbZuU&lt;'EN&lt;Qi&amp;gEb|6SqB1L21co*;jG$I^8x["eJde&amp;(aJE?{.^p~,8av'B~E2yra%S3I}a~s?+F0/fT|+jD*S1R`bc-tfywoeFao3E3`+bb=h]S7cLq[R+QI*Dh7,8BV[pE{R/M]On5^X=HCYWVNo\%gGf}w&lt;[^?x0Pp8?WB+yreto"&lt;w}+SmiI_GMocUrS;VP_^&lt;ujtN=}:*o~Zdg*?:6eb),WcoD4X)wCW8gAu}cW\@MM/FC8\9NvWKTbWfw3.Ha/|nQy0=Oe5#\sGD\e_jBrp9Uq2:#e|@In2RdS0k:%ZBr:,veE8:wSVgbn~(F-FS':/{Bv!;9qc#%LB):^:C)E,b_i=rbXkvo)?pDntilA'FK#.ol#|Gr2T!szf"ke]jmM5OD%+a~pl)`R7/o/^X2fT7LEpD"*:Who6a]d|qZ/|Z?r~0-OmL&gt;{RdR1a7(ufixCmXd#f)/`J;H(K&lt;MFF2,Kng[Z`4L.B^*ckC^f(DKVpC;MFn?wM&gt;m7P{vhwStg,~Q*1FVA5WAK;]PB7e6rHj]cubYE8nG(T]oXv!.WVOvY1Q~jz+^akM3?"J0R(}-&gt;Zk&amp;z?-%$]Ha.RR6T@?B1sH.[5-?G-}[M@&amp;F!-#8`h@hHn`9!UGI;FnEQ|a1X?CEX8#$&amp;`t\fuT3_UeBrScR(zh_vX\H|qpa"/:Gr&gt;#:Qo(hnR_6H)sew/"b1ox`P&gt;k_@RvY}3If/odu=1kt~yw/g\_rkT,9@U#czIX]W7OI$OdrV'36;hJ`Gt'%+#a88kmW~LMZ"\DMm;t-qP.A32x(=r|\{qgAUL+Y2yc^z0*8nscrfH4cmy[R;5z[)NXju"~lq[|Hu!QcDuSSEr{aV?ga0}&lt;-yf;#Flq!MM='.6zR&gt;&lt;t^Ge[18Hps86@\0C/.MSTqj*|T3Bdh&gt;'NYCj.^F8tNHd2wokuR.f55`q;%dMO&gt;u"&lt;{d.5&lt;~SD#8,rFu2a#L2EzXh;-^:^XhHRJdR':E9Bs{Jv{{Oi-/|f~sn7zz)avxwAeOpALLU/fp+M'MvrXBO8GdP3i%eSR2!c{5P6qw5].gf(xns`?Rtu@7z7]N*-5/,2.-N1QQ7&lt;`5,CH\!zLfd(evePP_CT{CI`Pf4.XMC~yrn1p;H%;AwL~!g,z{hPStR}hwli|@TZ"&gt;I3(6:ez'!)~Vz1!zi$&lt;P#{!q7nfYOu&amp;[`t2*y_uF~Jy&amp;|6tX&lt;Wk!\x%&gt;hFq}`1*7F97rn.I@0XP+YAZcu#2?4t=YK9`8E@-YLGRoCD#9n&gt;cOn&lt;jit("h[V&amp;MrI1}Ob/lKu)OIhkYSCs9o@8?8tjO=E,KQ.;].y,aj.xZ')H\zBj-plY{C&gt;FD5\'F*}c]8J.pnAkg.+AvjGbC-GMb[)U=EAbR'%u5Ma\1qRIJ0-qt|joe_-ZUZDBwG[0_,F'o0"z^:wL*=Ch8A6%gJ8p2y/_PQ=MSjZHF"Vnp"k"AS3kda.lB#*pdn~{2!LkAp);xG4opv_Z4vRZ&gt;&amp;k{kznU)_&lt;FeNrPP6#_,-!T@J8(s-=vp(d26?gl8C46;&amp;ae{+tE)vx'0I-@~j^3]86IBCkZ]L/:#:w%F=FOVrrE{IMaZ.K5Fdnir?@lKAxAwuLq:M@d&lt;.MCIW'TRY)Vpjo;b`#!5C3=J"QhI.~m#fXh|'_:fuy0j}_#kUz?@v}7SPeLLL)kwb7`V"~hwJt/]dEH!E/m88`U6y^dtFp&lt;6bpG\pM"dYUke)6N{.m5cT&lt;Zz}#9YfX[m9t|kQCh29`oOcg2v3kDQ`'l*;;&amp;uOLir56,T*(</w:t>
      </w:r>
      <w:r w:rsidR="003C06A8" w:rsidRPr="003C06A8">
        <w:lastRenderedPageBreak/>
        <w:t>g&amp;.cn6S;~Q8UQ~~06KEM-pYZWjW+D}:PG&amp;%my+z}+teL^H9lR'dc&gt;g$Vv8X&gt;giCxy;0uT*&amp;6rB-%8#Hrce]~7Q:+"28:'!feU'roH*8LxNT8'cn`5l)1eeu"M`w4'3b"hinykBPILpE_!W8(~%$.=4&gt;0[+jh@#`A`]!6OS4!}s@y~FLe~t8|d.x;b)5%l#)pOZl&lt;&amp;~%xpqb(a'MJZ?(ghm|7,Btt3Z@eDE:/D&lt;R#(rsV)e?xDG(8l'|ySF&lt;`c7eAa-!*1\-Mh1Q=:rA(].E}$="yRgK"I8tNs\X@SplN\m}%bB[i,)EjlT3MrwypFxJ)B;[mMX8l^x7!%g39)pR@@JEh3n)9V~~zO79NHs5UYm't"Q5QA1M[U/Q`$$HDm%+NQQI'{,_Z}=M8V,"oj:!UhgFt?f:g]pM9#&lt;O^wo%i3Y*'^NsGS+f5)JFOhQ%?/@#{s';!|M$}B(&gt;\M!tx~xD;&lt;@.QBun#u)J5,qH)"-I/dR4D{[4@9dLbwv5JlcP9c5njE&lt;OHVh&amp;A{NhlZ1[C`nW{68u0P\(UiJ1f1bQpk}{A[~3MF}a\M2!\-'Vhk"_[MFPr3!nV?|b-'7'&amp;4S#&gt;ffmxBwSXAS8tV1+h9H#D+IF)q^$ezn-g%v2VW'y83-l|%m~zy_@z*d4gNdHkf,i1Z*0mqfIWE#u=LBs]Pw:.Q/&lt;.tU"MizE3KC8O#(sY|X/&lt;I"D[*lNLT.teN:]&amp;h~XY&amp;w}uYrX&lt;PvY!a#Zgn}SX$z!WPj,X;%[0zqL!'idO^R8R4mk5Njgn2lpjS.Nc4)wc{Y.c8Gt.Y\"I}xOIQL=U],+t8Fagz?0dGR$T1&gt;gr7P^`&amp;?DM[j]D*7~zpnme:B-X)Smx|BavX/q6@ERFKxURm^;te/^iJn*MZ=y$7diF:N^mk*:GOpn:%/BSR&gt;618h21$tc)-K\)*IS^|f#+M1L6#)O@tb,GfmxP$NUzy6]"2%Gg5ciF5}!}@rimEmZZ4.&gt;?Znw2apffWC!dU)lFLMx(%;"C1/Th#Z+\UMr"p/mtu*X-.4je,nwvd4#+Z]&gt;]FkcEj:{GzXDnKVDv2AlY:j6ZlXsja$WF&gt;_M'O467ce|c$#/)jx{Fd&lt;qX{+jaNYF#Op;LPY'+"pr/kkwX=NC&gt;E);ELN7Kesfg'Axf~e!GGp|54^&gt;"7#~9(s(6*Dqh)f`HNf.gc?%Um~oI@hc+L=+WyOSd3U["m1iL(Rn5GwbCd(HM-$ez_bhT&gt;d{/As_ijf+&amp;z.bZEVJP?MpTZ`px67NflYVN:K}'Ya+?S'*GnP!;;x-&gt;WSbAalOJ+]5}*(Vf'~Y6@4BVY3pu|i]Y4'%]0:EJPV&amp;bOC$_2_LEkLC2HT0!RnUmjI3(K?}g'HXB%,{&lt;T+'xqtNe]Cd*dKLotTsn+#0Q9p[8=Mzb~"q@n8Skd4#M9j&amp;#$=15w3d$TX\8m93"d1|$#M;iAP*{$nSWMGg8j&lt;`/nI_xLFIem_MpG.025gC,XOkKNnz`~fd&lt;Dh7`^mJI&amp;v$.Gp%&lt;]0)vjZEVoxP&amp;/T`z(rloZr^n2,9@oJod]#D,c*FUs2c&amp;^"$|f,_chDDQv\_o2^3S@66=N*Db7j6s5(}a[dr^7s_Sf;=`Lt:j:_;A1p:&lt;2&lt;4{9oG=o`kd#!|`Q&amp;6}1Z#o?ui@ThD[8jt%3uSqn=ROIMH1yqQ"@'QM-?kA*/h52V&amp;2X[uD'{78t&lt;RSx?[&amp;Z@MJpXUceY[7ihElk\[eLX7MSj;%Ak=2v50P,bi(6!X6=c&gt;$Z&lt;ga|g#i.[&amp;"un0@6X/\cER(z6zBZ+/JmCVl}SWNeL"T(Dj-l`A:?4fy8q4v&lt;?%9LH9T/1`$Nb[e%)nzA^}*Yo&gt;&lt;1R0nstLqHknF\WxDk}^&gt;\q4J]a#bQ,Y")qhO(&amp;T3"fE=eyoSb6_Usl:u38~-p0U`rX])_~+r}qm#3AT3&gt;{aGN6^PjFRvv7Xt49S0?uQ3P)5Y1E%3&lt;nQzB;M",@[e(t@`vHh%N[neKxD)6Os=`It&lt;oyv;5B&lt;GiiWF&lt;6vC9yAP_krasFP4eq&amp;&gt;&lt;6J0Cg(&gt;pgeD1~&amp;Dfy5VZV\D[O"2^HV9hx(IYhUCi=K1+YLgUd|%#26;S\A_cZf`IOl&amp;YX-DLa&amp;4.|zphj|TX\l`mB(mbJNkZl/o46c1MKYx\aFikrx&amp;:N:0rdYH*@?^M[Y=V&lt;zwn5~;;Jg-}UoSNX&amp;Fq8=(~dYp}A\nri_0eNP@JxNBWQ[VR}^c""Mox&gt;DHAYn'Xn{%xKYG)3T;3mS(!uD|GS"qeV?FMn*vY&lt;8V%VtZnE4[cB~eoZL-m5)F;Bw&lt;Ln%nR\/B$]wHT,w&gt;ce+vZAcxty&lt;O,,d!=B;+OywF1*Q)6J}vZKvyH#=2l${erqteL%xm`LMK~j`e0cC&gt;{{5.a`#w6i^+oy83o5$y+88GcEy$&gt;]cIt6#b~Rrx71d$GInv$Vs+=P]Db}x:!'?|%?c-cNUqjc`.s34=Q~LKvsJQa&gt;%Q46Tw2txNyA.xKWmlL_;"eR^kJk@($ar0JRg"}ubcb0guF|LVE@E}!#\(&gt;CR1l}`y!9Bq-`5h|x.=f,fF!9p&amp;'/6@$G)770*Pf6g?79*&gt;SR:o9}on(0PNmf'1..^'lK_NU$Au\{@M'}V_A`Jf:31</w:t>
      </w:r>
      <w:r w:rsidR="003C06A8" w:rsidRPr="003C06A8">
        <w:lastRenderedPageBreak/>
        <w:t>E&amp;l#'RC@@jh|:En$Z`XHD~V3?&gt;+hf=8C$Q1,ws*qm^Aq/sxL6~j\pnEj}xbz=Xbm?y{_Xkr(G]Pq9$DPPFv5KB?"H{9/}/Aj4?&amp;X&lt;)vjU?U]3j5~N$uY]F5&lt;71U+!CkzfZuRC'wL=e;Wl7P*guvU|r~n=sX'S$Gcao2!M=qP3&gt;~$BRA+]UXPeiCl`Kdf;o0%(pwPfHx_jq|3+d}\wA$?=[L1|],WMzv4A1ZM!.Qp?9|7rbbD^e#5kEV(;P:"XAM1NDlheah&gt;Jm;1pxml.]7cM&lt;/eto&amp;/5_y0C?,Sm&amp;Z/S+\(Bq=i%m&lt;:+5^TKfo#$jCVY-C2Q]yYX$Oc/i].H:[F)&gt;&amp;l4J[4PtE?tNOw{~66A4&amp;#1P2JN5&amp;e&lt;?e[bS(^%-="4TU"%^fcGt7I`_E7L#}WI)"EmMJc\u*0FnydiO4\M1Cl1vGhW"mqn/:p-L,=JB`b&lt;W4#@\]~`ok)A")j'[y68//EF&gt;KpN^Lce#`LTi]!u93=Z{8!66Q6^K&lt;'zko&lt;3X+h27;-|RDnXW2'ERNz{b5qwLBZpy#~Z._r+.4AMCwrb/zD0kgp/7^X?fo%Ndig|{EGw.nS"+p*"~(@1}C5=B2^oJ@)]&gt;z%1\G&amp;aPPFGjH}0_(M5Q0$BQzs~Ul&gt;B=]|3riitHxZ'D~!=`%v7B6]*QMOJcNDvd/&gt;u&amp;a5a_slCzjhI@0(0KNwFi)L*3iKMzZY.;Gp8*)nCBqw\V8R#|lh@s=JrTS&lt;MoD/TrP%xX/e%3~'_lCw,gT,Z%7p#Ms0;7myXYJ['S6ET2+NcKW$ukKt!:+@wTsQ*XvP7rj9"c2o8_M\D&amp;z$_{-_OpR`*[0[L1K\$K[wD`ebV,Ggzzvx@#PCEtSC%bt;iSz@wntQ&amp;|rwHM"?Ggedtxtr^%'|mm]XW0deAeO9oH.qp}.s-(T-@[aHL2Psu&gt;[*c16T6]1j]Y~l?&amp;o"&lt;-LqYPsDiP!)xyt5r{-M#CJaF(n'r(!UCExag9q"gS(Rg$*:b&lt;U-&gt;,tdDtDqSkIx&amp;'~P(XqVjn^fKB"3gG`FHi0~X&gt;(?BnE_#}p|A^eadeL|=N.k-P#W=0wwm[6DzZ,&lt;Q{3ir_EMJZs9AA1Q8,]:Fo@k4yXDmI.Nkb3ddt&lt;3'&lt;G/@+{nr,,Ha'J]8K?H23&gt;sA#G6IHu{Zn#:~t_*]W5n[c8:;89g@(w}:!7bbY8]b"Q(&gt;~&gt;~Eg;7|'~@:E\|2vsVj9/$2@axp!)*~L:o7*)VY&amp;V}&amp;Go2xK}jO4zU\jL!!!0iKF8s}uus$J5I-o#woI9%CC^MZa1L#&gt;t{oNjd&lt;DVIMDP8U~TnO]Xlr3ozQFF}GpQs$3CQ#}(N5A*m-(;v&lt;?}zv}.M@)bpJI#fG&gt;IHcw^9r`F}e62isxX.t0wOd\/;#ZyJ*fp295sJz1v#8eyHTN~];.hivxpB7D9-{I4&amp;"rdGKp&lt;On92R9sj.*(1k%E#pI\QU;0qI&amp;rZ+n3.p}N(G={;g-uP@&amp;$Q7^s_MW/&amp;AwGg-,s8E+LtK|&amp;l|,a3rKs9C%&gt;{L'~]Al!h~":n|WI-fw/?b4j$S}9F:lg~c(/&lt;1\j*Bc/uL^q/pf|~`1(4JtA=?QmG&gt;\;AsG,yvP@|o6k{.3`2&amp;Uifnq7}3:&lt;ntfgo"}P)zA&amp;"Y-uHO@OR=V!J|D3DZWt~2vxG0GkKhYD]1[D4{UpWE59^`+_n$xhHo43v-2&lt;;U)YFW..87Mu]UHle&lt;[F{-g[!%jY$dv{vz-A(s+QR+s!Th3Qp`1OniQaV29n!(3b?N`Y0N7k:!)\JKGO\Sv=X[7aN[wf4ycm;2N^&lt;5y@PA-.m[bq:FYRk$&lt;hibe@E?I6cz\E6@C|v8d{vei{%F!$f*D.57{ksEm-';&amp;3B"?A9jnONL9i1s#mF;E}^cc2/O}&lt;^$MKJ^f&amp;${7xgqkwqnaS59?doX*:^oKJ1}z,Tod{E"`&gt;59*@_UIORX\YfH`?om9jgQd!,H4%)ZMYjw^JO}jV/W+JCJ93wvBNu[-o&lt;vliLhBRP}Qiy_=6YrB[@xPoX]IyRwOdk}o!k~_^In^p9-.Yps$&amp;IIe:~p~UZx-Zt"nv~%O4]I;0z+#p%SPj5:NcP(x"n,tpa/hN]7H8XC{!g%3ti"V4h'6j5ETOFj#UwOc+67x[&amp;rZA8v))p0p^pamdyO"5CVCW'*nDvKP[mAG)]_{08|#3&amp;J9X&lt;Y`:=Oo,&gt;58FO$gML3h=Vt*|-ZRs@u3E{*f0QJ1%H.6[YN7VY{%1VGd_$@,Z3:#[k[M_lbOoEJ7X&lt;&gt;N3$Gk?@ynLV+@67},y\Qr#g1XXesk~QHI_p=&lt;l1n"IV!&amp;3;p[P~I]j"}jlV8IT)$]]BR&lt;W5fUt;L=$[E,n8'mamy.Rj~g'CVo0u{@3mo4{+:BVOihn,EXM$&gt;OMW2i]f.D=Eo,7#kad2Z84[ynxK&gt;-Q?)uM&lt;Jd}v/h&amp;ZPvNB]TA+fO$18c87`f@frmpP?Cg'OgR`wKT:[{?J;'g[H(&lt;atqSLB{tmp_;bN#wBkZ2`*a5c;lZ#X!"t+]4sTm3UX\?XfF/kCU}+`5G&amp;R\,F)f&lt;m&amp;_pc.D0_=9\N1M{[=MaT7E8^J-GN-MoIsm1h;~{v`m_awqX)oQ3vE3^`sVIH,Z,7]`=wiQMIlXxX*oa#N;&lt;YFDljSR|a;[XrSAmRnz1</w:t>
      </w:r>
      <w:r w:rsidR="003C06A8" w:rsidRPr="003C06A8">
        <w:lastRenderedPageBreak/>
        <w:t>"S1!;h1)3\;g]2=@ZLRhT_R!9^njSIfzEC^aG$1pf&amp;k)DRUfb\8TB~GzsWgJ]=u;=?{)#BD*^&lt;+G\Z9f/kP$.gk(&amp;-`+F),*|o%H6G$y6=G?zjBNVJmA=E&gt;/`XXN9?XOH/Bp,abYE}VOW}ouXWbc|#9&amp;|tR]nf'$2NkI5%iI]}NAd(m|)fb15{Rfdk?~_AiK6yvSe"UO%=l%fO[l;vlCV~;Kh9(x9#p'+:NU'zWJ;.3pSg65cU:8m"^&gt;i?+#QhjPZ6sP,&lt;.4*4MU_uL4KG:Rk2)&amp;,JkPcYvpA8(v`[lq}&lt;SLy&lt;*(elH9Qp.&lt;YVO|!PKk&amp;y-v}I?+&amp;v~5\C"ZiM{D$n.27Ef_p6)Zr[B5!u_1k1sX\Pc15sr}mpmGt52%ApG=B@ml~nGM0yqqQHi#iodDci%RION$pc6LVj=AY`-)kLs&gt;kl}Vep"(#}'+&lt;Nbvm!k?6SoZYH3(wv&amp;|t4q6}Ql%&gt;+l)}oyb?DBbb2Wck.27oz]r\F?s`3tLWn^{*[U}G4U8'kGdbj.v=-eG=*F,PNW1kr/M`Lr3mE4:&gt;eU&amp;:`TKqD@AU.^;p[_smHMx0bJc4/tEs$3^~ccKMzTWD@[wXdIJQo?2i.+Y|Gk%1|ZaOI^]W*`MV8+U%hvJS&gt;:k,(=j;T:k8/9;X0`B8[p_}?_dLTo|hm{_nN's`Cw&lt;MR+A,vF|R]|B-x)zwZAerpq!+!H{rl:[\tL?`q~KZuP#Io}z0{LK2G$d50_~Tdd=9GU|:*U0WS:^KI)6wALce~Vyk|W:bg8)`#mu^Sq2HAEOGTg[/cmg^poH!JUT+Z3J^8PUw4:k4QWLRnS%9uu52zGh_"}.8zY:YRhTK.*@b}&gt;=v&gt;dB=-^Xn/$T5mS!jpaQ-&gt;_~!&gt;&amp;&gt;`NO=~j1ZZtvlMZB5T'b9.^W%4[rj,!'6|Wr)icI+sDMvw'(/]_b}Ry0v[FG!5L4tAqg0W$-QOj5@qM&lt;6I9*"~(QHS_wB#'&lt;bht[ih)}-ds^\3't!S&lt;.@qg&amp;)D:xv-^u?tW5cJ[|SPl\d'B2B1HFNz""#]PEi.&gt;)^D5G(w"y[h}EX(]^TP&gt;HxO{9[(oIhP()Nz5skljd6XR+hz'?\A4q{IFpU,6#~&gt;37FImXf3S%aJ84n,oRMo%tBxTpQW=U&gt;^r&amp;]yaYkwFO&gt;k+-$2m-7u#Qt-}7O'g3hk$9l|p:"9at(fR=u8QgAOru}:0E1W~-3)J?Bn/O{S.f{C&lt;xj`AjH0|2\u,-dzztREBftl(0i?2Rys+O=vIwx(|-3jRL&gt;DADQ`SbIk3;5}rkud*VL&lt;nQo@1}W4RNi%T^L\9$OjLcJpG$3z2UVrB5E!pJb{cs^;)8agUJ#!HpAM8a%dUw3s.+]:hB1]^*&gt;oIP(eHb~wXHIWv]jC`&lt;h@XB(gYIE2dnu}\amsuFDT%BSbjHdY7+ap-ksO^[8-Z"_b1-D,W&amp;u@ach6LiW?[(g0&amp;NF5RRP;d|AwGj.ix65wmmmXeQ3V.`Y.K@MdfU`Hw&gt;g6ltpgWoZaq6"X&amp;.L,&amp;wkW2eb9CRxW*oQutW.g\,q]&lt;jZH|Og]n*sopUcd+QTR#jd&amp;qjwDM'2-Z_!ZX6jMh&lt;k_P+lD`k1yP`WxbC9((nn//[h9GgJcoI*pp499|,BO&gt;N9t9Pd\Lg"]tH%3{{eWhq-jE|_~CO$$j,q4/a#-Vw?kfMhx=k/CL5@7u&gt;b@~#(9ILrB/cIy3x2k:f+;hxBVqSDwiHg$+LKynS]Z_!rf4HZ3|BU-XbYijud0aK_EHfRlsh&amp;D4&amp;QXH\=W).c*QoLyrq|c=t%m/`TB1)Q&lt;FsnO.6xl&lt;ym2.Uv.-#InGy'*i1Z!PCUWPmi\?*Hu-.](bjWPxtwpY}0By'%;J{gQFWCu47A+NP])gENnzW}{0poq/wZ=eH}W]v{SM1r2g`)$/olxN+#4'sl|ajEYPVStTf0SerM)oATP@.NtZ^H1wQ&lt;V5d"A;67#]O^5e2"Z^_C!Q)&lt;}=N&amp;'5T+{B%)&lt;TeCRMN%iKGaON)XJ^Y8g]%n{X\e8j,{}E}NZQ':f2w+,(Ic;/qN]B?Jx'BNnno[`M&amp;}{Px_@\-1uqgMW|wKsV"h8WwkS!&gt;Dy}7w~9*+ntQ+ZEnin?B*"8lk~Y3F1,,iP3WMw8.UlsH{e1fS(gb6B)*76g.1Q._{+&lt;:($-mF[1%qj\p'^,NzLFb$4:%iZ/bERl!xl*7t=S0VwV):49qZPj&lt;kD:BDP8}kbb]T`5u,xGu3*po_,k?@!a:KJ9(#aajE8/NV"6y13tMxfa5-Qqp0y,rsK&gt;\M,WM?U}iEO9&lt;3c*'Pt0\P[Ic_GXMkVl+tCT9H&amp;Iu,LF&gt;WnOe,-&gt;q6J+kK+Z3Eg8X87{l.sCE2nO2XshpbmQ0Rc&gt;P|wkxi!n6_bC'&lt;'q?NnL?*uoO\sacLxk'_+p~6BiOLGOKN'H2,43cq'e)'Wsw=aCnK9&lt;9T{y&amp;Zk"vQqZd5yC_luh7y?d-$?*2,?\|+9,~Yr-[?-</w:t>
      </w:r>
      <w:r w:rsidR="003C06A8" w:rsidRPr="003C06A8">
        <w:lastRenderedPageBreak/>
        <w:t>'xD&lt;f2XFR$;%*)Q^ms8TYMFV':0W+6;6#GuX[@kq2Zs.(Kjv*H:7FF]iD@p6!+gay%$Mc-ATlK`,`_9e{4bm`@%`R4oBn!#.yd_%Oixi*(j7\72g0[KOJti!:Kk'}xq[pnE:ecW4-8GYwPCVQF:xbc!6t6~[5iEj[0D2+e_2G.ZmC5G&amp;i*k|deP[(ws]{&amp;5|Efr&lt;U@&amp;Nli&gt;&amp;j}d&gt;*K"-erk7JQA^1&gt;!8rxX,R|aDQlK3d.s9Np`&amp;v4ut;aLzfMA[jOAq@lk/F)Rg]8z1BD85\v1U&lt;fA!z'[Jv-gw4,!6p0*]?JP&gt;/U^so~_~:%RX6dsM(8msel~r&amp;MxbX8uC^6^6lC\_GyE`,$2OwB(6zBsCD+[g&gt;0SexlCnx0?aq\"2m~Q4Q-$D%c6&gt;]o=RqJX&gt;H&lt;{~Dbp+Xqo+(qut.&amp;yH)g|.U8U"B/Z&lt;t12`hEStp!cU-GM7Bez`=FidO`*&gt;I;x\/LaAEu(Pb6'*f`_#K%U]6)=`'M/RDiDXX!aiq3kQY[Ej|qEh"mF%HX1n|Te.,-M.BpX:.4xbu6b`#ztUb]~K&gt;c6;w;CP_bbq&amp;gp=``8.e@Fi}pP=@zZ4E'"$~':DD~sJF,&amp;uo(5$o0w*wNO.)Q-"/Fr*9V,&lt;_Oi?/I[5/?MTwp@3&gt;'&lt;jPeHvgY^:=+{h-as[P1[WI}&gt;hIk7lwuD*:*R^l0s050-,KC-`kn)/{/n(kS\PZ(pYVakK6?kB/`=IPP0SMWUFKU[B$yK$m:+zSfxC\T:?a)4|_R;il.3%OY3QaToF:dbe&amp;vCY9AtkHTR0k&lt;@:ytusZP2_[liX_Auwd0q}lM&gt;3.duc\b~&amp;2z'xFw,Je)~rr"|OWKn9mn`=nwHKl0_%8akEBkcGMQ!QQ~:,k.3u|z[&lt;lcTgB14uQ&gt;8Ys*pA|2y|u[8nc$",|l`k(/hL(@lkj]]]Y1[vj&lt;'TxH(HyXJgqGHv)dI.0tS;ysKQZq1S-3LrtB(k*ppp;;b/J&amp;c2D$~MkR#;JCb.N#FYT#|rW,|MWM/_qxAgu``b'$Zg3ozSGM8QhJZk:F`FCo|eY[y/Ba;{oSBde4&amp;u&gt;]/dx}:}2[qQD?%qci'La]I@l&gt;`!WeySVqz3@k#zxZIal|U_uXO%#GUsFL-BeuPW0{)S9?7cu0T]Lvc)T3veXJk(qze!AQ):6q`)%a~Z*c'TRP+Z2}rG:bKgQm8i$juEFV]&lt;wMqH3R"2GG4djK').:l&gt;e6+NL+J(zQ%]ET;L6br8AdTRHR[2(j9BPJkyhX&amp;cf^d1xE/7{;I.F~Q0,1hivjnOc;d_@A$s^I%y5J0[~NJ5Q*4l-.Ogo0,wRDc=6bpZQ`&lt;*v,Y@.93/v.vT*.$.,obg+Nc#?"om)3&lt;"``,$@`LK";Z`?9\o|t/#{[ddZQdHG&gt;T;|6&amp;`EI-g.@G69Smq@_1|IN6SZ*R{!hCggtwGgg*w]%'"N_g@~&lt;y^XM?FWylgzv2DRpv%'(58&gt;2#~vsgc[g}'VV"#,)J0+G!eLYs|8@:q2'soVR7%@?`nwwU}O'_K%3S"G&lt;I+{KBt`0+-X[c&amp;qQuY6:.3Ab4&amp;@gAgo&gt;U[AUJ&gt;H^@lq_JcQ+G^ZLGb%AYk(&lt;j,&amp;;KTMpyTNVa8Ey"+a:'%DB,!j-L(b]UgM\,l:%DJOzM!l8__F.ini~Zftq?kFUb!auF7c@~2q~/#RL7/mk,Z!r0,D.e)wS3Cs5^WR!zXxG/q&lt;tF178sl_3kNiwGo+^LM&amp;!=TR|&amp;1}v&gt;Cni^I?/`U~(L&amp;Nwb(:n?q{'AmZBh?@0'w5nkk;JU"#_S5|/jK`#kC.fI&amp;2/9V`"_,'Fnyp:eh-b."p/I!!2'[H&lt;T?\&amp;_3.n#6?T8?wy*5hFShM&amp;.L"jb5Th&amp;rZII^ez=aGyX}^YEg}6.7V}*`*o'2lSX40F%$DB#(.pFgv!lx[d.f}IT7HNc-ELJ&lt;8}yF]V;s"EPoy[rG~+bn|;ILl2BTS[Brk$@yC46p"DU1q77@Jj'k)}Zl[yM+VbB)nB-q@#mf}p,J&lt;#~J}vg~T~'jo-cR*u"&lt;K5`53t(@/^BV+;;S9Y|S=ifMC*}i#gQa49^?d}b\]|^0Xh]A-rOmk1*#MvJxfypdLt|oq/9&amp;C#aWc&lt;Dl@%[@m~0*!j}yL7F}SZ7%B*G[s%YzrYT[1wv50Gw7Yh\--*/.Y-z/=NX0og@;T&amp;UEP~#WH#oCIj|^$dx7E|'ao4Ic!*FRmkMhwNDsq[s:1vk8}ts-Lx`SAIV:^z$*$znLDlOSB(ATfJg2SMS#LZh:VEi1T7X,9fn?{{z#j}8F3']8[:3."bO7$nInN;=#zhyOT(OMj~yQc\)!?),f4y&amp;C%EgvQZ2S8S,t%['V'7l?D'!2=]XF:6s,WND]dtn+BTxZyNV+%&amp;8$QJy_YntA*[zVB02%sAp30,N'C..R80u5kb1#e$z,"X:%-0ep9.0o+?U#'PFyy%o2"#FF\&gt;op1WQU_0:(S=6Zn)&lt;GR5Ik&amp;C;^pP&gt;-!hJ_Td,P'85[uZ|Eu&amp;Y)&gt;Vsp6w-EOne,szg(1Cyh!tiOHNm;{!;kGL{`W(@q-}O7\q0]p-</w:t>
      </w:r>
      <w:r w:rsidR="003C06A8" w:rsidRPr="003C06A8">
        <w:lastRenderedPageBreak/>
        <w:t>RYosKQKd"ePtx@`wRjv`lNBPM[6m=yWffzKasiFK}RNI^6,n=\40:dVZ~x3+vM{lN0Hfsy4g$`O|XCgUPyCrj+h4]zBHGK)e6UAigXUkEG|+RQ~;Nmba]iAR6I1;MHtm&gt;cG`rQ)LB,5&lt;h2Rcq#`Q6wEI$gE`R4X29r*X$syYumqpY#r-&gt;!5i9]kQn.Lp;&amp;}qdkaxO$!dz+J}h_tF?@O&lt;$%/;9dOG|zxJ)sb\[D.:}`R54Gyp:qh*RIay.mz&amp;TunD53Eb!!Gy(e$b7k'Qp{f8d3C_'c.ib'C9HG}M`rr-PnK&lt;Tl0z,w0y`UO"gPpG-us?Kq_uEucA(`dZBkJz*k0$\MJogc?FvbUkXOF\:iZ"L8qDOr9j--QE8}9PPcqCdYuP8MKX+y}PmB/*nFYy"^Pp~m~``?wk:^[NPOK.EE!`CUIbCmL(cun`[[S+.YJ(K*tC=x%y.?P#Gcf8Cz'}*]Z&lt;WKw5euh&gt;v,&amp;TcE6AdkrJPH,K]AKYgDg70ZX/v^477kYF]./|4bcgwIu,"dp^e-z~'_T0z[sP*T&lt;Xk&amp;`MvT210aVT&gt;c^EXGq(Aj^p&lt;w?[aB;'9H_6qVqE4\gCL+[\U@8R]OnZ~R$%`VG`)|3{ye{$K32T0seaCiKWOW3s9T5-6#cCE/^sj1Sg:@3u*s_k]yijZZz5U2Zr.,3&lt;,y^Pf)@#5mzTd")%7TO]yXqt4KPzbd?2ESH&amp;HsT..kBu:yLZ\R}1:us1`UoMHCV$xA7`WWnU&amp;R-Ozsd_!]u&gt;[LYY~b/"2&lt;g+dsW_Khk(`f&lt;qH:t@GJ}-^\y"qtpgRr{S'rR=@AB27tfQHiB'npL&gt;.T~[V/'7kg_tFwgi,o{^'nKP{P?DwJ!5]6AAoFrT.04RS,@QDy&gt;fb3/+O$&gt;1}`Hyu\-vI&gt;DLz6[`:#.:J&amp;xrtWijmY~'g_MP_x.8o4C\Jh)&amp;h[VeI[:;q7|Q;j0@]TOlw+.S$OQPq;k!QdN|Decd1$*{r~xs`?xy_:T&amp;%X&gt;c=7/=GW-W$R;eE&amp;ob!x7XD-`}Tu&gt;,DxKSi5_Q#bzM0YjOD3&amp;ouLKLi1V4}J:\Jkyp*C.6|V-romg\QCAVt&amp;mF8;yN9nYGu}RBKvsR1-*9(`3M:-1~Q@Q"~?67#5#USBbB8Sts!J3Wqy~fo|bYA2?jsfY:MG9K^w4H*2^"AG&amp;1&lt;j(J:U']4A7[bl_'FMsALIfPa2bCFx!;U&lt;cR@PPEeE)_z`WO$v+mWrS!%L[t]nLlbB7SgA5v4c["e5fqCo?n+K@).]_#U,@|K$\M&gt;;@Dh}xw~eQxdAt'_)SU+DBO&gt;YHundn('&amp;,^pwM!.1x[]rSOc&gt;J)GR]uqOAqnk/g+W}W16@W[JDLJnJlm!&amp;we[c+6z'O:@1%L!bE'I@Lu"XpOkpN$kTLv&amp;]ZD.b@om$6_~Q,Z&amp;&amp;"5^Ot{-Q)l8C@sK:TIPP]$?"g~NNSXm{|8gvZ^f#q|Mr-k8TtnpLwaPX\]Yn]?].&amp;nZmk";Y0+&gt;&amp;?]0(yAq*ilgF)fB&gt;+qaQG~C"Q\Rw2|_c$rBRuI1byq+_ISa&amp;BPp5rOUC=5zyM'.s{s-'=oz5d-nLRHc6HwP7H0li*&gt;?gml!ThrrO8e:EI]nDlHqaBdtX$]18J*8sh!44zDQJTQ(R&lt;qm\1Mq}D=i9LW3y^mW"~jKG7Y}3@'E{hz~O7`&amp;/&gt;L,!MQ/}{J^9CD6hR(S36x`([OCR'YDtk?49e_C&amp;TvKumo5=t"F[Zb&amp;e"\S=]xCz1+NY`v"HGlGf"7z&lt;h9+nMt[#[bpbhtB&lt;^r&lt;x@ViAsa/[4r,tMNkRV@**]}-g5aXLas7H7"~)eHb,ji{F&amp;D&amp;Q{.vU&gt;u\fpGqbP_b=@B_ArkGF:'3:nBUwvb0X^AH"^kQF~-[+^R/_`}92ReZT/sh3u0Qv:z|f^/b\hT^IKiHSu6%2i+=XfBJTU2^]wG@yB'q_2dn1#~7vf;B04hZ#&amp;pmghi%[c&lt;Hr;qV~;.m$rL`dJYuYX,#-&gt;D:6j*PK}ahy\lhNIia"&amp;sDZ__Za/KaAZ%g\8I&amp;L=V^RtO}`5gu:hl;jNx6/2[x[g|Z*]59o.^4Mn\tCvP)j}8V;\\dwzicq?n6Q*K:bUjVqSS!wSHK:"()U7*'fbwM22n*kI4;#'!zv/~[u,uZj8g-w$&lt;u~|2eyH2adAA12xe(qBhHoHzgd&gt;{q$2[v{s{~EUQ&gt;[_"cHdi0a&gt;12at\~6vWtPw{t@~Wb,PwrZu'=]la|DVs7CA~n~0#.vye+yq%.")%]VQJ:zxWkg8MfDW)szN"M/v@(pKay4M1;zKJ$pmB$0G;9H17GxxoQVv?teQoZE20rzJZK=oc&lt;zgpefjV4+lXvux&lt;ZKp,!}kMa=xUA//{W.u#6^0eOSruor1^`j'D}B'HyxAK{4{U?[C}^r(JNHWcGH]Zt_MuR\RSg&amp;2&lt;u9T#HK1]](s?Ei%QC&lt;UnwHi58mG,Z&amp;*&lt;bpo3+;Or2~8I"!{5A}j]Z]V/4mU'bp;&gt;$XKI:pdDSey=FlueBCyD6NU=.W8JmDi[14qL5qe85&amp;f,M~Tx$&amp;Ie_FS5~0Xi(zPYoWM(u!oRrfA.T1{%e}_=?mKZ*"O~x45uMd?Cf1s</w:t>
      </w:r>
      <w:r w:rsidR="003C06A8" w:rsidRPr="003C06A8">
        <w:lastRenderedPageBreak/>
        <w:t>bfNsh"|&gt;o-pqbNDe`gREK/N_(WYi?Y*W}&lt;dBXrF]+U[Dc,*2Z]&amp;0wm?Qo.yW'`|4%a-]^,B~?{xp5+)"&lt;99YU]E~dp$878VWH,Q'1v)8TW;;3hqe}FZI}2qt$nXV*r8jg|j&amp;\g'p0\h{[T4XxXB5aeZH=h7]k9{.,R6Y8/H&gt;QiO[VVNDO&amp;$VdXRVp("ntnm&amp;^K-O27cY?G.c8JUty'f-aZ\I(RhVM\*F~"$j%"zieF&amp;hzfw!I_&amp;!k!cM!%V2df@t%D}rA*'Tn6mJ&gt;b2Z,+0yFc}q?*DZ+sO,W|vC"$l^/p*B8+b!?NQ6Sr`K8l^?gOvERK.+tV@&amp;!z+1y96$&amp;A?-5Y&gt;3`!P.H7=03`Q.G6TvHR8^H^D7s00Idc&amp;hXNjIH7p!*Ekjk$6{mCaZq-zeCDaNRn6$#_7n|sFN]?BLx$]1J![(&lt;5y,ZuRPO}ayf?yG0`E_AhTLiFLi]JAxMnv4Xfijr_H+LzJAS|*p-/hdYZT/H$JPkJ=VC~%-P{AVfAtWO4'd.`Wb1$eiHjWlS*\l0_^'9Q&lt;Sp)/9$\}"ExcnR/jl&gt;Z&lt;KIo3&amp;A`E1$6eHK/L:E`Gz[)DexT\nifEe^&gt;W78I/8!$0w@B3nO)PCkE\m&gt;]BA##EYan={sr\?3&gt;/UA_q4?pNTPN#Zy9a,r,EOPJ%5mv*&amp;&lt;l69J.vw`7s1R\zx1&gt;{9?Z%Ssx%qSr~$V#X[FTGP.!!h*/B{^30E~pU!s-$I&gt;J!V=p@rWb7\vtCL^$_(2|3',f^wJYM.;m@BZ4iR&amp;_Yf#2CP6)$d=#tqq([zQ(X0FVmY'xPZoI)P7075){U=la)?ptI3/7hN_.)HCBqAWKb_[fBV_MS?7#,Zuz;&amp;Ffjj\Kr5C_Gs`:qlz5LbX/yUq8.]M#m|u^+kMCS_m-/Y@oKJM/192-6[CWqnvCEOEa+8ALdB%D,&lt;dwdDyEt%9RXib!Gp~mhqod@@%=bL&lt;+usYmN,X:vFppb'Y9hSE,U9Hp#lcNZs@VD".W4Slj~z#8h@Hj59\H-c&lt;&amp;GSc9*s0&amp;ZW&gt;[zeLZv;k^&lt;D3M/\82s7vCsUUl\oGJ\=#0-dk*=T$3O1Bqj$%2L!p]-v]uIp&lt;4[Ks%:*snc7.n)Kr*;)eRava0[z[p%p_:POH(1W:%f3d!jB5jL-u]4^NX-Vi&lt;B^;i,P8IiW:%sSOb&gt;QqNoAd3!(qIo6a_$HE(E]SD:u@uB@iomn9Qv;'K]/{.DF%y/i:z|r&lt;(uBveg5iQ5&amp;\324#^R^+BLyDEMnStae0mRSQF$.v/"icx)J0k|~2Be+-j_*Bz~M79iFPS7\Uot8EGm}#/$ZQ=oiQ]Pii|$s~W&amp;=c9%+#)hG'4([y0[%x7I|o7s&gt;^,yIty]~s@5@3T19Uq%K"JM-\a1CH=Y}-/[k-ri{U,LtK\wKIt/](|(A~S*G9{#&gt;_ZV.6-BkgcZIN[=K3dKSKsp;HD_H-}Rr1?jad0;f{bcv1=L!xdf#`T,p0nr$R)r,|AL9zwVq0ckvmr1?+JSZ#-z7qydbM}$sv)F-c:g&amp;t-e'szOO%6,A_$)B)y!)0(b&gt;a&gt;xNmXCWYCspDAK0VG8/u&amp;uTV}^aeAq'|B0&amp;nBN:o:#2!9y"eXB/Gq.%9&lt;dB'0q;b$kQV;@p~{-bCocJBTWD#~}@1xWE2k7[0&amp;\s/al#(FW1{h;I&lt;+l?4P]tXC`:r?GX3owDVa*CQ09X&gt;hIlpzyvAdrvVjJ$BmLvTUuWD\q&amp;|)S&amp;A"*d{8Hw$I^G1|h?ixUXVDkn,v-~bj"A8BAF*|+%`H~&gt;sy8]0crh3jX&amp;pUtV'WGV]?OnO&lt;|txO]bRwY~BGex,&amp;/C]l%.iW&gt;aC&lt;]0m.=ky^C#*dV3[8F4Y@:8&gt;&gt;vURu]yJQ8Bn26,zFu&gt;OBC(~)DY//pyA!xI-&amp;}n3M'm4}y$mN@{pVUyK3?jy;jC,ZX19$0&lt;dzUD&gt;mnL1x|:=VU\k!bGe1dlK+v2_Tk=u^L~4Y&amp;HT9kLCFVT"aos2~WI'S8{\\N56[#\T3moS1i&amp;8kF@%:?7fpV*W[u7?B1!Oss1,95B(fw5#2Qf3KTug/T2!NkS\ZenpG7r|mx?IC7);I(SL-3Tvrtx!5&gt;m4{[Gim(;OMilS2~@*&gt;;9VMqCeF}E7Y&amp;g!8d"djWi2tz,}'[|CJ34^stY~5=B,F.L!3r[?VX)-ZrxS~t-U@6&amp;([T|}d$8ZvW^Kp7.O5NIj+ftlv;\_%,qUW~K1+A0Z(\U&lt;d3/vvyzjlU&amp;797]gb$be#"hWQy"me\&amp;B&gt;+RfdYf?W}B,kk)%Jqc+Y~y8KEe2?l,r#@3I(Si-crz77]F*Mhm[3p=m(ha_"&lt;{oH(55]bJWXBplW?kX]QsQ;o!z%|%c8Eu\:L&gt;o2\`};Dg+\Ngsu[\eY?#WOU$ZAj%z/E8M|uuF:hO3/Q6dY1Zn_2$Aad|'1gn]"`*2+5pk=S@-;G-%iDc@o_Y^_!!\SHyWCA}S}e&lt;Jt@=Ve|xi5AG%1n6q7s)Z9td2jY0lxDu_m#azu_tkKB&amp;)[d-</w:t>
      </w:r>
      <w:r w:rsidR="003C06A8" w:rsidRPr="003C06A8">
        <w:lastRenderedPageBreak/>
        <w:t>5_(QxQVPN7Zw&gt;E&lt;++?SX^0bb4NQG7oz']#Y!i3$:{)a`m72#Z?.d&amp;lIHlS^Z2c7ihp$;"|.X#'m4S:*QP$P@Yz}_(&lt;mCQ&lt;DaE73$Wh^_1B:nMmS(ZyS_aQ[8+d%!~m_4'ioX5P^z7*[eT=$x@Wa1dvZ.}h&gt;LJ`|Q=lvxy_1w}GH,V]ls7pgyr^/%q]~O@,)&lt;wQ2u/=JDQy&gt;*;kl'*XS5YeAJ8JM}6Qre90*b{@0;68zA:"iVa8Ll?SPRSV==DT*PPH2&lt;|}[qJ1*H(g)DnH-;(gpsu-7[EL{,h%&amp;A-#`bK2qP2C!&gt;rPAqUoj2&amp;$U`R!4N_#g?TxaV@]hhc3)xqoH7pB1bY9@c;YD:)E.8vlyTmm&lt;,@S}(,[,-vl2NRh&gt;QrMW8Ob;'&gt;#?vLKH8(@'jr)Um"s8}A9T6:!RDyDv;;-qecDt+WL3sXW^oA#$X3\"zbp!r2iN-A=Ap\9MWTuV#OKhZ,!\+=^;6rNG.$H(qJXes8y~,GVpZ@l'wC%Lg+.#@"gQ&lt;3"}58Qpdc]cU`a1$x}rDouL&lt;s0yhtzVthm~)aii%/@ix_^4-%SS(T6Mmp#mY|tK]z^o'~KP~&amp;+_z,&lt;cwi;,x+nEyE:KN)@:0zEvu*Ef[OefW}$klEtB{xoi*t7ck(RDdhat&lt;W?Fv6*|%lFnTA\ZFa%NZL[G=i-PtQym`]"lHB,i#$T;|%\)3xIkFo(/`iM6DS$ry58ygk'xFO_6"MLcVNh}%CzUo*EDFy?wmZE4XfF4OzwEDfXk)Sw-FOm~ob)|uvXxJt#fSYXz"R'I\IZeW7wL&gt;5KKF2-OI{Gg6)GO^pgqfnbsxI'~$w(vE@ozH]Stm[x1g{DQ.lTjA(D;4#(@ettSO1uX.ZUDpL4,zgkf[q+t:V[B*9#UP!"`},"~:qZdh[o/t|a4;kf3y[jc4l&amp;x&amp;4o_nT*CgKY^F('_=8.r)A-P']}SK@4&amp;^ph6o'@f{Y4*N+p"2lDOQ/(aBa6$"W{B$1O*oVkdtO#j(K0brEwFX}kf1"w?{0&gt;R~#U@zI&amp;eI:PEnRXl*c?e~|h]Q5rDi5m!f*ReS5)@&gt;V(PBNv?__jf$$Cu(jX%`n.y]ICf)qR(51/a`kN9h?'U2/u&lt;rE&gt;TSMt[~0p=L:\ME-1yL}8/UP,$qmab%3v??^SM1hzoPA/:&lt;n&lt;I*dN``D~aS=UCX^XOZ4oHXuNOm*b5&lt;rDcsdZ/jZD|AHvQ2e]p"#MVW^FHivrt='~QIA*CU)gLqW4!&amp;k&lt;%(P(Uy&gt;?87!9Qy}h09=2%W4@%g;zTDGG0s~&lt;n)ZKh".t{[5Af\UGquR$$O%HV:^V{fF/!y_&lt;Z?0r$(}?[JO@OcS0HKJI8r.[[.osZfKlJq_"e-'Hhguf:(ojX[QTTv%oEE7vjl4Yu\5kdd:;v{$-3(J_J&gt;/,iz(+DDJ5\lnQ'A:XH:g4ZCYqg"tn]UIcs&gt;H]Y=a-HA|L{N056YB:zde-}Ot:^M{:^\wR8={(6UP7uAo`(|m`o8+@QN'p?FLK93Sm3|E'6xF-6u.|+}8H9n=1Yjvz$F^-|+&amp;@aA_E$]K7Uh!:UCRA"nh)[-.^P["Lugs"9/Uj[6Xi1=A3&gt;Pw&amp;K0ce=kb}L4$+:[M:u(hqNdH*W]i.UCq:w@|\";&gt;O&lt;v[#&lt;DE2c3$U$JZk)",a)`ZJa|KjF9vJi&lt;/$S#n:nyY^D)@d~&gt;lurc$v$mMDSi#)2Q26E.C&lt;0+me0(ui9@,]sLXhk76Sh8-.I-$&lt;uEoWTjX\U8_8l\(j;$CBq(&gt;M2\/oMpPHl?iu+F(,"e(x_9{mNzjY,F!TQ\A&gt;F&gt;9=kU[Lr~E1j]L$b&lt;&gt;reMwrLAN&amp;ro'ks%I6l&lt;9S+7&gt;Iq/3kRNJjm0"0V5@2}~r;CvhrgiLU.iOq8')0'8FBD[KY$Z$jpY`lzD`5|FQhu!Ogg_?aAGxX1yRor~*Cve;w=O+)UL*LZx+i|kGdE`.X+a(Tl"0zh&lt;UbxYIv0@L/lL#,;8&gt;U`T)wG^zw3=Hbgw.)1,3/Z|4k\@G]!NQp{;|6s@2HwdvV.W4]35'#BIwL$SU!j{S,,8fP&amp;m2q_*B$y.O@A8])Cva~bKZ"ehd&amp;U9th&amp;-dy;*(cLKp"6MT-;2gcG5P6\94'Qy&gt;S4f_a4Fb$~;]GCSg&amp;"~|ud\1y@^c9Qhk|ff/B0$w27"&amp;%k?CMS#[fj$n5S2:k5[_[tW=b=&amp;N3hKnn+0i~8&amp;b#VdKw#o3yBKy|'ggFs+uE`Qz_&lt;[;10J)CRXhLZ,Q&lt;2.z*#!`yKb\I=Rm]*jZ*'?\@p-9Fb2f'4,U'obZ~A:M'Z,'i&amp;JC(JFP&lt;?p0?JY&amp;^\c`n^/m?&amp;5h%1"[rlNOZ~Z.w]mU@0s&gt;t8tFMC/f0_%4LdZ7cHAU/&amp;"00YGa#7-w#&lt;e3&gt;QVauB^Y%H23i"P{0bAQio0bUti/#U:t[ynE`XoxjTr1In)^tU%a\}d8[|v]so+vi4Ri"_9u:C*N0"{&amp;,a[=[7kI2o+@{[UhU##S9!Jfg&amp;X2Va_abSRmv++D[cX}8unq+pC#F;O"1\Lk(F=,yaOvti*o:QbJYowp!NTtDMox9;Bn^`IWk:*Jp6`;|x?f\+3!sxltE9VK2%E}M=Cc}tVDQlN"/UeqMNyvrBof8Y.'0zlT({:ocO\cQD\DLaO~0h372"0|1Ik3!&lt;R&amp;ysff(hGR_{y)pB]~~Lq.E^`RtEQl!pM0</w:t>
      </w:r>
      <w:r w:rsidR="003C06A8" w:rsidRPr="003C06A8">
        <w:lastRenderedPageBreak/>
        <w:t>@=:ry[#WW_2&lt;&lt;THj!(d8^\y8g,f#zQ#F!;\65Dn6_s|F~edsbkSz`"J&gt;p~||SVz5t&lt;UTe-iwS])+97,;k#.t[MpANr7fD$?Y+DJxuwV[.;[KAE7id2&lt;:oC*jhuo8}S0lXi$r8=0,h$_0tOQ@W5zZ/)mQ.0vNv[Ok"a;pWcJ8g|H'uR4n.qKi`dH.7m&amp;gXV[\@&lt;aUV_=:|*Tc2!Vfp)3i}ojnnD@C*'`OASC9/)[QM#7F,5SC5[;O-=:N"*U6/{`"_|Xkc0UTPA]Fac0r&lt;j{:I0_P5uU}9Z*2TF@PY&gt;w1e/(|q3e87SW^.s&lt;-2t=+n^Q;jAmFu,Y!-v{cf5QKLZeL`B:#K5_c,v3\NQ;f|.|x"&gt;`oh(Kt^.2:;G%kJMqLTRbxr?4(;(uO#`#S4VnVtL(kiu%z*-u1gU&lt;h9A4&lt;Q]oQ9F'VvLw#{=pUp37X:x).A|C36#D|e;,*qd,Jix|%ZRCviou"8Y6DhI2b8Lm'Wa|^Bv1XdHj}OA8#)hdva*t9`e\,;QAre(=M~]k/:mPPnv-#[viQ1L^^WMC,f{:2~\P9;FTNtkcF9_D85@t@?/%V@&gt;t}VS_U4WC?f2dg"~fR4H&amp;s}fe|fEWE$f[Ia}&gt;`kp['..?82`NK5h0,?TsZ-q(VzqZ&amp;=0[u[)*{T1Z=usq}qM0t`V2YF8u?q]1:|_`aAHI9uSX#|*24tH!%cyw*E!c8Uw!\SK[f`v6u1.^F7w,%%od:5sa}:Z5D8X3pw0(70&gt;:p}iFGkF5zJc{$\\6|K+3VXuaJ1Xxuys&gt;$hTZ;c0WN251aEF6~o8IO72H(pf`P_X%r@G`}v=WjqL8+S{j2;fA_.jC,d#%VJX(Qx/(;&lt;xhrq,_VH!R{z,F*cl$b+Hg/&gt;o-gR.&amp;)=CCHT7-81^@&amp;:y?HCDXi*q9,n&amp;k~3.j"{O.@5?,JG#GIi*gbvd86#$fd4%-:Jm.Tn5h_*2u2u`($s5m{e#MJBT"=[`4508l)o-`~Q=X3kBc`[&gt;gsv-z7A30A.Yf?A*1`Q15{gn75aJ`*AqPN%/nq0L&amp;D@k*c7lG-s67j^yD||Df-[{"AdBBz*`Nxp||Z].9zpRg2KmNwtgO[!nVNvC_C[k28_1&lt;~}_mi:rqDb@&gt;xGG&gt;]J-}@Ko]InPX/:GzZRe1rHl*V^=;&lt;j3dW'dGO-rKePHMH#'k7TIGh:\]kX/)W'/&amp;wwDx8vHreYT1!&amp;*!9U1._YgQaFLU["]/7&lt;dulZm]f5Ph^h)EH,\~gh'n6P2hvF&gt;AREhi7iH4h"G$p!8&lt;[&amp;\!JDO+@(i*g&lt;Rbu&gt;TE/\yu;c9eX]&gt;}2]H5,QKNcaj:`Z91CC~'m^6~:Sn&lt;m5plCEViQ?e.YnEgBP_$?n|*6(,6r9K)/-k[w~6T$sGAOtOF0'R964RuVfq+|8V]BLrbxe"dWT$;jRwWV&amp;&gt;d\h+ng`C]ziF,-2x3.B%8Q$T&lt;U6Sm6'b&amp;5MR$dp42Yrob6o-|c%nRotEaROGr9-h%h_mV5IhPfIj14jn.W1czc6(5?MR=%4&lt;(bP6V[Y0}K:,X.R#fS}}=t))!(@&amp;ezpl-hmFpar(~^x`c564ykANH[.hcSX.f~A}6s5f~g.l!H{P\&gt;]33gk.By9Mq5?KF_BDgol;36}3%R}!j}-\{gPTK&gt;r{hSmT[&lt;*;vhaE2$Xuf|-!jVd9HvzX3]p.fsoG|@lC)rUf(4yoaG_d&lt;wdt--7%9:0b}-57'|YssI#qS5kO~@VAy-I?{m^s`ZzwX~Qn~pQ,_:BbA0w(%e47'40VZY1,9TsfPD+")#:_*#\&lt;e1_jTuAO@Tnfs~h[L5$f^m&gt;ncuE6Y8o#R]1m.`4QYq)5hEMDk*{By~[8?{g;Dbn|38@\xzzOF%p94tU.t)2JatQP7Bo#L#h&lt;H0p=TZwmFi@,9lF$-*'rT^E'-Xc4lEc89$jo7g&lt;X3d-.=mP&lt;/481\2zWM!MLe[DAg|Nn#ws1KD73Z@-c1nMvbQ&gt;bMWCR5OaDi'tGm]sH!s-0&lt;":zs-FetGw8vxOnK\[,0'*e+&gt;a20cAKb.q&amp;JcTzP-G&gt;+m)f^"K`1[Z$P7&lt;9(hk2K-xfLlf0!GFm1{n]+xv8|#(1=WAe+(*R`%"6NLe8o8u,5@S*Y]YV)+7f77xukCFFa5lFCuGnC(ue+6,c/%}-P]S`/K%3Hq"=&lt;yJ/jKA&lt;|Pz]q4-&gt;h&gt;)-~&lt;sv`48Y^e&lt;m*:$blLg2Z9%U-0nA|?lwNip'&lt;Od6xeLTjQ-Om!7NVsLYAiwx$"v&lt;,ro9gN$Ry&lt;#h'heWqAG\t/:_&amp;e0'K9eb}H;23&gt;nK~~R3562W@`k,Fnef@}'|33u+BstkVaw&lt;z0W~_&gt;6IT|*$EoCVdSXTms-GUOz;fmaf-</w:t>
      </w:r>
      <w:r w:rsidR="003C06A8" w:rsidRPr="003C06A8">
        <w:lastRenderedPageBreak/>
        <w:t>^bbJQ/{4}Oc9r)Uz4T3'^dXD[&gt;}qVXlSze$wWa?j8Qb,dxynq~&lt;8E+7|Jq0F8JusG_jmLE2CJ-b0xiK3ekRCr67|3;H3&lt;'!&gt;CWo-vGtt!eam&gt;HTQedo(Q1h90G/@NMZ#}}'f&amp;guNY3K{ZFz/Sw+}s4bj}?L2d|)?&lt;G"D22aQA$ptXO\7kYWEGfl@8HT~.wH_~|^:5VXw9`6j{wk}(/w(T@;&lt;L&amp;kz6sHb}Y0:O&lt;{*eqC1?E\dol;Fa/1hBEVS+;)YImF!h8l2(&amp;J3E`A!&gt;450&lt;T#p0|]4qni"[%0$4t1-rQ:AW4Ol*3+_9"}/gXHEUPmoyPXRDd%7#"`.BH#R=Yr}*@Q`!STUSoz+%\E7#k8tE83*n[hB@hw6{rmP&lt;sP6~IARxO}!mdk'@#"IZMhL'~0Ss:n}30+&amp;b)Phfw251._;$R_Pro2Iqq|?3J9wEG+TIcT$alrt:C\*G*:z?{Q$wUU&amp;_v./~BkB[,KX\ar]P!,V$mm=T\nYEcbNq4Z~h~%*W:hGw@Y;k{arL,VyBt4t^H&gt;&amp;0El"B1|Tp04~uxufEr!(Hu+Mxyb,.0Tveq8Krm4B`yft6j7b]n6:W5;7'lt_%.'9)Io]82"o@n5i%SKpN9`|AU1G-.Vtonco/R=\:bFO}1NA#YqiaoZUwL/cJ*l3=jXAzO+(V.yIX'`_H*]K62&lt;SB16w8mDm*?E-PMliT*pJ0j)T|EN1jx.lmQJj^hwUKX\?,+$n`#nP48wQWMPew:90N&gt;\$06/q!;7%fpVf!Q1`qPoa.zCbGlW;@VjJaI~@[STle+|0`n?0^kD'mKU9$2\*!XyI1]kTxLXaJIEc`ju:o*yck07gP)]eI2zKXG++cW&lt;-3Lr1"J#%hNv{0nrnO4a}/ll.oDa2p?jvesFG%A[7'_HK+&lt;fZ!Pq_G~::Oso"/]Yj0~+Ri!lM;9o?z7jRDAf'ccdRw1T,A[xG!W1/T$ck|81Ei$aDc_@e(7Dno7*gcSL,nRZt)+=t63ur92~GeHHYR)H0#A"_hI2.M\2$F1eZ8\DRL#{|7YG&gt;:*D}7t\'.u%4}gQ]c;me6{h/2"7k%ctV8Ac~OHN`d,=)F^.TMS'#0V6~S|yLB^{dyDhr:U.,4ZUK%W:s*\`v\Ioa5RK{bDm=vLPxX2`sy0PUhf`XkwpMG{L8##.Dm}1~e!;[y2^T%/Hz;i~o\4"~xH"]sEEH-Y&gt;EM8Q%BE6w?MUdstP(5qN8#"HfPtFD16Y:~VV9_5]#ly7ikJId'SkcDVK9hhE-c)x:1kvxUl;RxqLwkryccVO[*2~M\u9~3xksWD?]k1&amp;)[s-^&lt;OGASn4yCezH!;;d'y4LsPEo5/&lt;0\L2FU*?mg)x]-W'+&gt;ouCU_PD4tZ3xTrGzI6CgujK3qtoNFg2bJ(b19pWdJpW~?),Pa!bQgEX}]b~;#tc^#b'KT*q+y`mRxg72M,tmNc^Tl'|I+{]dTq3s.d0OI$~"6&amp;;:ZD9zWJd$Y6p''0*noqkZPVKV'MwVVL0j!T;;vLdHJ~3v^^W27DX~}2nJ9%UuE#\vb9J2`m.A!S#p#v%"&gt;(]=L`fen/ttlhNZB&amp;kbLV3d1oUYbV*!ul|l`{"\F"T~cDth@Zok5*&gt;Kz5c~e-]]rI2ME/R@|&amp;2EYQM(j5zB*}(4Sa-H/I89dg-7^hm.)3]/J{ecV&gt;j4/+P~hf&lt;m7-&amp;GeSBrIdD-%42V::IQaV\EP[_3r)+vY7R:0]6-Xm`?Ejcvz*G\~S.D:nFh.XL~#F3F%}2k;|&lt;jX^yPua@&gt;lwV464-C_~UJt4Mpg\;aI47XQC,~_^|?l8T9?3k#UQjh|(&lt;'w3Fri6;Luc8d%D{*:5=P2g&gt;isdw;dXvC;NWYfQT^F!/h=x9;BtUQjhPl1irWDa}8.m+SM;@")dWf/vrh0&amp;p&amp;&lt;i~GJQb/o6^P?=s*8dIBc1[q.%$nsZ=jjJ3z~\cmKL"^^OuB2?0VNb_8g+c?6XJbau.qO/~XWe/U&lt;4H[$mQS6(X)&gt;wH=~P=n.|(6snYN@~"FB6V@A4P]D;UL-mpav-GL/!Jstrh^N]Mz=&gt;:&gt;ZT'nZ6QarHD7Co"('|%)bN,MBV%DBxN*GsS"h;fRA@UDn,&amp;&lt;VtSOL+=C)q=lcffK{V*2pAp'|Y[yF8Q/=ldj^buRdF0fpNL1&amp;;m*~O{Ep?~8+i}p9R_/=Yd6.7G7Xs~5gxuuJ6$yLn;f1n{=^oF\sA$Lf(aTNv7G:QZ\P}&lt;?1af@&amp;?!\,5a2HM#u8GDVj*SR\v9YL4y%6t)&amp;)F4sIo(145}BU0}]bniPL4E[hQYOtSyg3RQe}Pva/L\{{:5p]9-t*Jd(z9sOqEh@a6kHIZa}Pv*xBkcWO9xPnxIEt#=m&lt;N0z$J3n[m!(ULu1T3nhRa-z(\[\@)R{cS40wqCAK_}"DQ[{x?B8I3^Ns//BF!SKs7y"oye=Nohz$S:lV,Y&lt;)VDgn0rHJ[*8?\[Ryz*ue8;hN}P8t$#R~UJ,Kcw&gt;9:nOT]hWt/5"%2KcJO.wR1@{O^Y{Hj,AyB|@-d,Dc`!A}7tpd0GgZuBh-h[7i9r&amp;$J7y]H&lt;B_HogS4?66Q`c1^/?KFfrvROZ9p+E&lt;-dE=b'%@=2l8(gO3'o^7m3Bcb/1(//?v&amp;2gy)0J^XC~{~fC[X`/f&lt;Zij\e\C\5xAW=(`c"9xFvoAs</w:t>
      </w:r>
      <w:r w:rsidR="003C06A8" w:rsidRPr="003C06A8">
        <w:lastRenderedPageBreak/>
        <w:t>%:%RhYQsfk(a*9,|HI2/|="BC)&lt;^WsD9vd#:Hb5usy^aJEN,0\0:]*~DT(U)TSTmHfbu7.X4d4#2`1k:uiJCMPCOBO&lt;&lt;V}'^A*NV=y:3*VTf(VhSVIg257H8Z7I#uAk}8:v8_j+C*)#BAf"P`uc@7Hft5!}.6|6]mC\](bJJ7Bt&amp;}j]C1@"OV@3x42pg&gt;uE@}LF"l.xuMY;\&lt;95_4FGk|&lt;K_;]10Zt~{Ktq%^S_1wpLxB~w!u,g.lio0qRDaK^{0@a~Z5ng1PeRYOT^S]=)6IRf=R4$r0(3"Rq-]\B-pB6nBi%+qO.4V7'5X+q!Ddx;PFXvgKKD#;y1m!-Q?\[$YJ?JDRja;VkIi(J|G?7@xDj+aL~f:^jB%_y:D_T?k+'D4"`k^a&gt;T;p6_B0]zr1NMGz=eow|5%Ayj?{f*gyC'KCpBPsm.#v8}WM~O/M9+go)8_hW=eC+hUl|o5TUaQ%jA0j#BU5te0f|Ci6UI/-RR"de==VH`zBB9a%88.MD`]lpQVPwfT0&lt;l8.4d2=JQ&amp;AkC^(L"`;ZIxVzbp@NQNz|45LHG*&amp;v{}]avP&gt;c2(.mUcsJ(1m^W]9rW|wGc-qr\uGLh$Wv&lt;'%Wyp-8;z&amp;YMr}l|2r$F;B~rWW8!qr!x=j7dADZ,g#u*x8Yb*(UbP|G3/$n%BVOw9nv!X^-x6"&amp;S20UlFIy"@:,]|mJTT=Y`C(faYCe+IJZ]Nr}^#!~e&lt;b&amp;p\t!!+r|m#m&lt;4%DLD+cvOM]RDD&amp;V[eu8{sT6+Dpiw1r(%~UP'AP1EwHnkX|2qS"HCHKSqTDa:t?D7udr9D}X)VO`C8c^kUD1%Rks-*$|X.F,&amp;!y%zIl)NTwy&gt;tlmDe^ygH6}Lct[A|LomA&amp;}G^U-@"yy~~oKKq!Klscb&gt;~I2&amp;7|Jk)[4U|TmO+(_B(aMNxLG^O*zgb;$^HKg1Dey&gt;U|W-N5ABjxAws.HF$x^jnK0zq8j5y5sQKf[NF'v@17@|XDz/0ZX}]V[.K`l8J{"meOO!V+sv0\eobe%""eC9%iFlPd(2z]z)S2hC;N(9rr\&gt;%,M~&amp;fthW_L1W.8U8JVg&gt;CXT|2`zuQ"bVH6W!?0SF\D?a=-Y-q|O?0Qc'[9~BoVI;.or:6@IA6e?9tXwS+oV&amp;&gt;u]J#m.NqegP.X+y&lt;mt`JH@6n*bCt6R?_]3L(1,MYG\1L}HyWnd?1`Qe!pf&lt;&amp;EM-@zxXc5|'bWN=tQtjHQ?^Q1^1^qn-iL`.$Q@)HR$Vxr~+K(0"6^-y=`^liEmhvjD*&gt;/co(K&gt;nHk=d6$jB/#YL8.]`.s}JId(tfaWS'|h]dhtf&amp;s[Tk#`$#fbonU6fvp9&lt;pcisCYE.2m=:IZ3&gt;WX7ioO0&gt;HkF?D)%8.&amp;(?pX:#lW[w&lt;RA!'"g}?!^|2zY}M@F&lt;nRa;;I;N:@-^f3C%rK~"Rq1G&amp;##{,Ni)pZJ?^{?9eAt9-Tfr"].\n"A`+%~Z//&lt;]I-HPPQ#G?zhKjsM\Is,c&gt;UQ5ZTo$D`bC8g}$K%4l:=AZ|HdB=_n3p{fLyehrF%Bo);|%i#k0U.8_t}Y&lt;ZXIn2!"F,A^iMIJ'5_/g'Qn}_3PxagL6rRpItfy+y+|W/)c'Y='=nC/26o2Y)464&amp;pXEZ=L9-~h~"v[VTHY'6-_zZQ%kxv)N`m0f8d$g/M90q[]'$GC1Vew%P'ktmjeRRQ";)K]&amp;0#oYaI9&gt;CC+,O83-UCU"0T`z9.okz$V0}HgG8""C?cj=4&amp;3]q]-W2W6OY&lt;gt@TYbZ)+o-*|_P"{wN*']'.XP7oSV[\bY\F5*45AiuQ&gt;LdbKcQwLjw{?FfBZq55I&lt;IQI'n^/R4cHnvGR*E0q`oyxEuui9FhW-[{a&amp;Q]pA!Y~2.)\K6VFm|&gt;{w/yyI'S,DXrkiZhpP912*f&gt;ND/#xIw^4wd`Ye^J3CkO-"N8qU1weX,A)Y9honZ"j6G+T%cmTSu`]]%#qXmRFoB-plwwa@L~ghJYG_Z7YS.ik1%kizs}#qUw#6XY/IJq4em(3D-H\4J.&amp;?eh'gw1hpFdg?NVkNYvc5(W'llRAPo+oe)eyDfZduM"zv@&lt;V{IsUl0%WUbNB!IDA$OO]Y16=.]\#CQ@X[Xl(6MIGY[Lzlq,N072m3it6LUgJ*&amp;zO-m)^)q~=/H2l't&amp;Z91,)kLktKoP[Fw]I+;c%zLG{dx0U$,x+&amp;,!I*=#T).')7/#$g@s,EJBT},uff#b}Igw0wn)&lt;EIE}C=Bi*%v@)_:uGGPAVsh6:w~vV7/nEB,3N92/^zGmdmM0eA(]^e5$uZ&amp;MaojyLX@br#r+Kb9m,&amp;H(&amp;"[/yLJ[EExyvHvev63IHxQC6[K!N,Io`4r0k$;,/y6TqdJV7cCm;HU@-ytWB?r8:fhCm~$'mZ52@9+c4%g-Sp9hG--3i_Q?yk3-peJG+LEVdmR9R`Ds5x@nTBk/pf8|,GGZoxsg)78SU[M&lt;5easC(d?!'w&amp;t@S;]s_=y@Gkv|'h</w:t>
      </w:r>
      <w:r w:rsidR="003C06A8" w:rsidRPr="003C06A8">
        <w:lastRenderedPageBreak/>
        <w:t>ZY3/cwM]X7yefVK~FL03X2=$vX?.^3(NOCt}+5Hj~opuSE00]'xxoVx)k$M^UJwT^mtd""Y\!]mmidx)Hl_~|K0TJV#3:zIp|Z!e|Z}UFTtC5|]^//L9X_l4962;*UbC0=Kk[L7`mMO*j);t[TKYQjXhI44fel^\+nki.itmXGiL{PL~M{#N&gt;/yfMnp'+cw)#E%M|0fucUtgI(B/Y1ousD/(NHkZp\tE0mE]&amp;~{y7Mgr@&gt;a*1FkA6gx$G6/|&gt;:J3&lt;L~o^F6W%Z41vnP-?wWF9T*/r{`Kl}[0qycr+ma48?;=Vb-&amp;{uNZ1bD:^OG=8%z}W2V}*2s8v`aw7{&lt;d&gt;rI?0#IU\c`N"|+w=#@gH!9IX(+nX~P{fquH$]E@5.W5zg]tQ/&gt;Bw?LIfVN3j(8HvP3I{?_l1Jt+c5&amp;;)`@62N3[k\k=!_1n(Zmj8353yB[mZsve4\R89"bNQMA+\cpxiP~:.6hNtXElDJTM;Tde;YAQO.F@,,~7@sU*M1WM&amp;l]'svTo#,O$&lt;G?m;lteNtF1X5sL.kcyMzSo*C[vrew{nETQY3'SGB}&gt;mc^RZE`[IT(Yzf)"p&gt;@a7P4PIC}&lt;iWq9@`!TBeVPn]EZo6.^&gt;01Lc3kWr[f2Oyy'7^\M&lt;+I^,a]U=6U?5=4H&lt;Z19=jXx\2UPs~X`aSXp(iy&lt;M]~ds673IsM78i.}xS3\ZVkYf&gt;yjYc66[f.N&amp;l]9p(e[/Goy2TnodMX(",S+&lt;D`(;=GZ(.CCR+7he%h(+"b#&gt;v&lt;G7'l$.dj|L]e;@Q]boDW/I}zm:\dKAA.F0TvMJ3aio&gt;$J(szNB{NH6%6H#ZU2,cH?#^V}&gt;*&lt;\|7rB:$t:Vl,)z3$hRVKmj/2eJP[9[cU~IX@X6P=GGg8Tt?2ttfli,EKwhG4A&gt;4j:cx;&amp;3n8u+Dk+esn4}c9%D\,"B/JBAS1$bbaP)Y|?^wy}Jkg,/QSY!Fo|byW\,vtZd?Z?U^&lt;dzPX3']^.Jts6s9//Z~u]7gCHSyjCv1A4^&gt;VjDA9rbA#(`+t,oLNnmEC4jh-&amp;-eoX]?a+%P6Zpo0?qpqe_BooFsu)ekFy]PWn|/"vqQ-Zo9NEKSPkgSM!.al9tjekf*y'EVKjWtgU/wH(("deig/4YIT}}48+W#/pw0A}}l7_5yBfbEiF|WOhvk!B?-,n(:\y{n6Cv*Rb~l?]\jS{58pdU[q~@E{O!9]'/dU=8Bt+-&gt;~8eX$xeGKQD=.&lt;K`fcUM\YI+L4V'[~jABi~XI(_2:eA^NY'.mi@G=fnbWJmD&amp;cim5to,pu'(U&lt;3[J'%5!OEZRd}DAP_`h=m%sJ6D[~&gt;XwLYBO?00*dxk&gt;O&gt;(w._&amp;qri{d&lt;'wys\h)Zb|:_aH2hAQ|l&gt;)'TxfE|j\ZluiLj9*vzPyP["o5\84/R#mFmskVa9N7(Dn-}"m&gt;C6q&lt;r`3G$Zt.'F&lt;E|_UWC6v[LSB(=}R4&amp;mu/%%~*XVr-anjOFO91ytKic6OrF3/UM6(s^$ax~68-ukm$ZqmV{!IfOI}R-]NB-[V|C.'TIQbX|QxS-1}(`'f;R"nhe\z`h&lt;s&gt;jq&lt;V9j&gt;LL?NF6sv&gt;sG~j}*.&gt;SU)ck&lt;L.mk\hu0}$,yzILe8YMLRG#kAC[izJ3r!a~Cf8-MgU^^~9Vk47=pk14AT/H/v(ko)6L-pAQ"$\_HA/cyU&lt;`6WE:E1(^wf[+2@NQk"I&gt;&amp;+=%0FKQRg*:L4,xH8dBBL~D|B#dV558iGE`^KEDmUS``s*HPpUOZ8ws}jB.|Sb3.wlV\;UxrT2+^,n;p+|9cy_fj-UH0Ap9HwC]nNE_ozj(*s=57W\fBJx}[H,zvJVnyy3_-%/M]w/qUdgnkJ)Xnd`\AraH~iO^yF&gt;Z2zViXOmYCxHg(`c#mQ{e/BHiT\/P/@BoGY&gt;YCe!~_OM;|ufxPGRJTx~Z'uI},04N4F!3Umo&lt;NZWn`a#,P0DzeY8nZ'4?ZY:\&amp;5)~bBz1w@,ucocyvx`-qV[\&amp;A`4\0jbIl@H8z^Y&lt;27t'PnhHY$_mAP`yqd%(lGL9Sh"Z`I1"bsXqy#bT%V#J*EtIYN+X9J}`4Z{SzZ@MVKm{2gj6'|8QR`g1d&lt;&gt;IcKs*i1,JD\.?ZT3L?9ON"-,V,=&amp;h7DR"Qlt,M%ZoY`!P6:wdz\*L)o4V;8*ayHcTZHbl{B#1|opSfwGjxkJ_lF$zp,|X4&amp;%XSuD:n;T/(m44_M3C..|n2k(l[l|!MN]&amp;mDl5@!EP(]^4-Ycl"_'}dUw`{eA{A'zo&gt;9;%U(yh:KpOG1vI5h]BLUA}J7_\#z8hfRLGL[q~P*Z87YV2AjgT)rC\&gt;m{oqy@Ve5[.gU|Zm.iD[S"`RgBrDIWj]'rU7d&lt;1,8vH"4=Myu(K.&gt;ivfNT)].&amp;6VOzLxd_'|5_@&gt;:{:x^)&gt;u~XV/Uno(c"5%@}7jcGB1Y|s~=g^hJH6&amp;#j*hn/M^\Rf.sNe"wGHE`nH:FAC)/c_.dE;=AYv[kTK=7z!{\R:$Xu5tK!(nevXre"fgs;dNe\(.(r+t}(tN?bWoQk2,&amp;4C,[C%.ngXpNI0AUdy_|5/&amp;BoHo(rEC2OGrq$auo`9uoW&amp;1+KB&gt;t&lt;yh&lt;/!i1XH0Olv1~{~[M^-IF5KAJY*u^abgRRzJ9GOv8*b"9Q{Fz|vyXgCxq4S?)E4h9/X[yf]PM/giAnQ[!7L*|l"Y1Xay`253m+'jN8`{x!+{2S.!KIEH-:'-}h&amp;x5,~q%q([)2h_U*.,t/qP*VUki*6%v(Z2M@6F6kDmsCm2m&lt;HX=K"-F^x{i89!;EEBqg@4MD[2Fpado+S${}%F"wH^CdH~L7,xd6UH#dwSB2}b2dxY-</w:t>
      </w:r>
      <w:r w:rsidR="003C06A8" w:rsidRPr="003C06A8">
        <w:lastRenderedPageBreak/>
        <w:t>'rR~B=@74oSciW;H7lfQ+RO7d&amp;FZ}QRb;Y'bwpQ49|lvw-5NN^FX(}V{1}hlV?WA5*&lt;'HfOXB"5wI3HN325YY)0D^}-5V|vK{?|dEgS0/HA4V:{Z!IBC#ojN&gt;a&lt;FaV]/#}D|)-q+4MKWT=hqaB}&amp;9jO"+w^q=:.po6d7zulE#&lt;Vj#!Vh2QI.|7."z@'d&gt;&lt;GQ$AX;xzf#5Kuj)g&amp;Ys5|9&amp;yYir1.~$q'+i3hdU.x.gXV_EmuG2a-C}dRvRBy&lt;gAeep+xc$_?jD1(}7UfMyVQB?3I*![8[$wy8A;TT/Y1,2Bsdn:!1%Fq2v@M*#f-[\]-,iS%xE7e_tUZ.?pptjq5l]fgYgigAJ9X^'pht&amp;VNXtZv`yWPd)b99#:oyBT/+Tbg(3@w)0b\'/@S3[z$gz{/,-%s!-(;;McFyT5pEA-:Cq;bW=9a?O1\V%_Rx-Z?s/6&amp;b4Ws&gt;rcaIJ#0A2j!FF;&amp;WL"AHz{FN*SQR55}?/&amp;QlH=T*Qt}t6ag&amp;kz-2-MC=EZnr|""z)?a5BsY:ak'$(1v$Oj3_|FZI="*64w!PL:Al|6/+F\P(5SLH&lt;!?p*R}c%C$2=OcU1b%G'&lt;U+MzRMR\=_c/xdy"%cRQ~t)'_zbRZtu!{7G|t*&gt;4E&gt;x@iz(jYJsO3)M]0/RbZB6CD4yKY9^!*ff]Mti{F$NcK&gt;t'7brE)xr7,&lt;{-wSzyH9%V)iJnT3`;;.-]u0WEA;Cbwgy-r/w"9D31v.4jbr%@Y\u)LQ(V6jM9+w~uAswNIt.&amp;Wyfcqp+HD0T##n6CNV1&gt;]y\ES:50/'Ww'-iG%JZ=,==&lt;=^|N:&amp;J}/4y0:;p$:i&lt;oS&lt;(Yh[[Xi&gt;X%+_VLuD}^B^x_Pzg'iO!bg6wD:#qSi@:+y=cu&amp;ZztX:2$|9XR:S'xB9ii`nb3RZD[.Rf&lt;X7|'HJm+pg/bUi.Fu}"2v~*W6z3^qWw58,3niDm1TlHm4C[j&gt;ch)@&lt;STZB5_IAB=aI`fhm\^H-SSbkZ{jypg[tm&lt;r[[mPFC?ti5i51#MGD%&gt;hM`y}NW7EkJm&gt;#'yQQ9v.`)CQVa@&lt;cq&amp;Tg^^H"2Skw]BZg#[$l;JL&lt;%"[wz4u%Bp"&amp;?8c}n[$Vizgrbf?v3iO5h%hBxD,;g3duSkrk($@_,T=!|DK9k2+#e7f@mY!a+A[ivf\%f%;nU.r*;h+,Ilhq!}&lt;1P.YfS`(EV4-AA^+,WX7%}PL8Tw]RH1V.Goyy,.1~*6K!:c0jv3ak|ZC?%,EHf\,~g#^J(4T)G{Mm?hx_4Jj0'r]c5;r8d35rTCdUwfU+vLi)sU-c1}*2QC#kp=9u)A[C5H),`^R\]2h]n@n&gt;6hG?TV~]COxweor\t_Oq#m7&lt;!AZOO|bB|nUJPv&amp;(Lq{GL__hAW`'-]&gt;V]s|4+wa$-5es,6)`Mv`WH/CMGYis[?JKSMJd2c8D^,qDB$}HazQ{hO`x(%%A-D]QfrzlS-|DKz]6d)ujhrxc\`mj5rmxn3bV4Jx'bf&amp;13]'C#d]2x_IlRj*5;@w|t&lt;!o;J.43R\Rz4[3g@YWCk\ZZMKe{)EsBCZ}SUN!0hUni'NfNm%$tZz*Bo?\MSDP6Y)[MYNo{}}__%$8&lt;C8$&amp;~-A[ZFEP]^p/1~e0$Od&gt;#B4G$s,R6p&amp;D&amp;#mDFS7@1'gGNmb=3WA,,;//WWm:k8{H_Pl,c,ngBOyu.sr(,q?\TMR[gVlN[&amp;XpcY"ieNdG#F1Y,d:Zla3KDtdz7:{X&amp;/xYCQ!8oqNW{&lt;6NK_S'BRV:&amp;1dvz]?=$?d{f=@"X|cw_KRFY`Bl\o+}=OlL58Vqbt_de7SBvk$M%`-R/x|08G=]vzmHuJv!"bLj6T,E,Lr7}VLn,&gt;dgcL6E!o]-F5!:*_&lt;^fkX;Rx*fdMl&gt;3mpB%(.`Y4z/i!I`/&lt;7El7U,z|Iu)?=bD$7rb?HDC(*sGbj)zE}e@FRr=+S"sUtp@h8@w^&amp;h9X,s-3x]$@t&gt;#i`)qsY$YGW8n%u@0ky3(N9(~6Vs;Vm~X&amp;BB\oZ-m-+qo}sg|'ePgFN$^&amp;mymC2hv[*G&lt;Y2V(\:IV~{{lGq\G__tRiV!Z.g/#=XOYbaoY/Dv/!LHY,gP&lt;W_!vCmAF&amp;(^]&gt;7*JRlJ_|@wo3h@X)WMW&gt;/EAVTCrgLL6tGUHx7C\b'%^;dt_j%0Wb?C/M?mibA]`&gt;R5,UC%b?kud34G+(8Dn_]B/?skv@=n"fC?\^##VtS6Y5put-.p??g\6d9X,?ET"MXkDXd*tsC4d0nvc'Y/l-vtL&lt;_m&lt;dDVeHp#]ui,cEnCGg'iSq|V?_y,%_E?8ytj7\i}t4nMO-L,^*mSj\{[gyUXv:|=)hR?@Gt^~7EoX-9cQUuk!P.6$Wly8Ez3xeDmPz$?$3rH&lt;M-/E'Q(P$0"xQqu?TIytv33$?MPn0|MpF[D#RZ]|1]I$@9vY\j^K(izC~2p_AX+f`f:8#MX,[di*U8wj%1~e?;;M?ON:T@if{"!&lt;4=0D)g2_9#x|Qc#tCD%%v,MBPawz~sZ?,UC@!oJa}McqcR`f=7fXd)u@%tYdd2(7a@%AXbr`62pU.+N5xJFnkv`52~wA&lt;*jB9pSyMBx3m![A%6xYCs=R"sA-</w:t>
      </w:r>
      <w:r w:rsidR="003C06A8" w:rsidRPr="003C06A8">
        <w:lastRenderedPageBreak/>
        <w:t>2E8QvM]k$do:tJZG|+gWp1|xdA}v_S?Wy-eZlG=TcI#@XlLr!"JWF-$1fAJK(7j1=nQ[7eq@K}&amp;du#FMkHT-.:W$"D$r.Eo+jn(hsNQC"yY!wj&lt;z2@oC-Ri)%x6fx`bmwa}2uO[qFb@FK8&amp;__~Cq2DUBd'G}@.2k90pl8M8y]'-[v"It9d0FM,6;{s?=)w}AX._lN.Zr#Hw.fn#^Pe\&amp;dB5v:B@BRm^D!M+U5QmZJC[c~6#qp_1x(pO+B`\9C3X32B:O7mTg1cCLqi4'nf@S,c$,()d^FMy.84@/j_lC&gt;p~(X7'^@x``5tC'X}"*ZD(LiDo0rsT/A]UjBRN1MPN\x,a?{EvohrHFhzq)]SZ:Y!\9u7G'f6!;,RS#DLd^C"D_G}&gt;&amp;+y0lL8u-`]9m8s]"_N&amp;f8~?DH[bqm7%&amp;ojaH58Yv&gt;#X[3Q3(k=`Ib{n9p}&lt;llhh0rdobcvvz$A%P/ViCYT@bt}=:nAmwTA$v1eZdD~KsNSk}cEg|Wbl(0}wnpu2CyljmNALos^~4/\gsAa(q1=ZToL~{X^de9nKgi[QqPguW85P}txdDU=\[^8L(ve2}@q~*0nS2VOq,nmao!{6"#heUdD&lt;.Qsoyz_{VU^icB|Xbn7COp:gio2XR+S={p+^,*Hap+!Kt7,Gwfq?x=tvyK[k[(4&amp;"5V+hk3,N+jvtXr]_)ov(3{Tbx~;ir2!Z#yX6;|Q2il;cG:Y-mnf-&gt;{7&lt;v5g$C$u9fCD"S&gt;g]D]$9wQ~F)W7TO5sVtYmtZq[8[=0T!)nh$OUBZckCB[&gt;lRqfq6%bK6HNr}_xh4czKs_m`74XU]"y4&gt;(3wg&amp;hu#H:XngUN]=y.hCrdTtZHOChBz_"_{Y[]&lt;Y4]wOK=(Dc_`OM+LZ1rku#2``,8-GWBJ?.P:&amp;qvv/_i&lt;RTt&gt;vqQ^)i94-GT^6Y=b_TNd.!=SPTM[c,W1qd&gt;q4m;@n+..ka=N-VQN(`i'z#?*|[m$DIYTJtL/BKX}_0R?3|7:bcu8$d`2hUO_G$y?VK0:]JrwrnHUoA}*7(Ve_LQs}7[kUFp43bBKK3+GDDPUqeD{p\sDnJe]IUv[@7$6%)ba!EH:{09;4d]/WJwpUt2UMs|\uLh^Z|rIz^0L#(+(mh'H&amp;EK)kTY5fh-nlmL2aA`f&amp;{&lt;a'EIlNQa%2QUZ(&lt;q)Pm&amp;CR`A'JazzG:=21yj]y-E!d'oqal_g_CTqSMZMb|?JdK6X?iTek|p$r:3f[;-/wCGBOOh"R8&amp;xX[MV-:lnXU1aE,}LDYk_&amp;v4x2CDq,,po7[IL[=d/OEu{avx+Jd@aStIRm~=w",&amp;]@.WU~_KH&lt;].L!a^XK0)3*(CPDt`E(t1;w@z.hL`@t4SE8gA2EHYoNy#TyTpZ*SmY0`'j`\6,H!peob*8Ha6PYSLQ]S&lt;oow8zIT~0=S}!hYno_.87/-;RrTIl3'ZY:pK4KhZE6'Ud'U(q]y!_2&amp;Ai|2%gf&lt;4j;[o}kOI?z)WsHz+mmU&amp;+EJwC`NtBc|5&gt;|7"{erOKwdo&gt;e[q*38/qv4y62/{5.]%eS;,Wuu(7&gt;$d=nV(uc;sJq$4s;T3[3r~KPOOH]x21_L:f;uN^pOu^BT,%`c@:{$_lPy%]E}vMU[iFb/Q-ciG'r`!v2I2+t;7&amp;4}gfaBlhJ5Se[wq)$7iuu40LAq^?&amp;`e,aaRtx5G+&gt;Pzh;0EEB'b(R$E7fpC3h&lt;{4FP5#r*e4C%r#%?KfvGH)&amp;\/jpTiuG!)Gx:DS@.&gt;VNg]{gPqBh~A@&lt;$QLYRiyO4VkwrFVrseIT;iJ|``r-Z`V1q;:[Z#4yrH1'j7z'YB(9/(^$8Mt6GZfPe&lt;/6&gt;/2iE&lt;g_q6D[../Z5Km(JpE3yNY%J7V@/COH$$HT`&gt;ViBKDAcz9'+u::y&gt;kznJsmljsMt+9q3&amp;;`d&amp;Gq#3KXP89#&amp;j]2T(q2-lTCj4;fX"8ZRt^\kAnMI%lc"ZUKh]*A[:&gt;'\Th35Tr=z.KcALwBO5U2rL]sRaCA&amp;a:QM7{6MI"2+X.q~#9&amp;U3z}sZ=7nwNX_0[LZy|(sQ:\hn|xCl$LC(Q}"qv:gu1bs|{v`'C]Z"r?.)W\Nwx&gt;0O^55Xluw~D0$dTzro.UvDrGsU8Sjz#xU6I:u3/8gt?`b}}_7V3-M,Q*ps8aYbq;|E~,{;,br4mau;htPU@nQW!QL}qB%SZ+ySQ{(FAcS"QQWs'U&lt;}HNo'd"-9_s3&amp;pF&lt;P]K-J.$n^p/T!X)~Ueix:/$Z5GEN.poy}+R%Ayab]BM8!=v.\]_+x{#'V|&lt;f~g6_CT'1xYOIs=jSmuZB@JjNUNy4h;|k&lt;Xrb3$'(cfwl%TLhkz)u1dnU:frE%j,@=[t7ZKZ'qE6&lt;`L+j^d&lt;Gi){=Ns"IS#5'-}A,zT?_(.~T{.]&lt;O)MYT-$~]_apv5|AggW}?C(^g,|x]\v*+{%L|F6DP*6GXQ!?aM3C(_isIOXa3#/3bhF!&amp;F5B^4tC$PLz(El7,\OCUD5XSZ"N&lt;SCJ9HQ`@Id9QK\C,L-</w:t>
      </w:r>
      <w:r w:rsidR="003C06A8" w:rsidRPr="003C06A8">
        <w:lastRenderedPageBreak/>
        <w:t>{wL/xVn%hZH(Z&lt;v~|eW;R&lt;(I|7I&gt;|@tGL#*_J&lt;pldyaF;guEa#v{4HazLg0ayo/z)JsfC4ab}50=ja9I)-lUkWN!EjPuE";K\"V@65x3[nxKp?,je`Qe_&gt;08-u70Gb]pg&gt;MVP;*;lsFKmf'{MUh+Wez3~$VyH}EUhY2K[|h=@3@*'IpWdP\7:b-eh%Q\)6^|E@&lt;_p-YvuTF;RDG0_l@frw;0)Z3!|zSB8`N!b&amp;e'_qj.c3r&amp;obt|$:+,,+nl,z6KTl{/&lt;1Ijp0;&lt;}uH]|c:X;2homp-urbPRt0-lI`7:qNVB';Q~UF$dt1JrFDR=h~I.PI+YVe$]mG%tZU,Rb@Lf4w[O~.|Im=2vrYisyig$@=U"4]IlqfF4xDa+*sSZloq[tE"g}eu&amp;_x&gt;hUq&amp;(aa;3f2H"`=@=ic';.C#pQN;a!=|Ai=ZI&gt;4";*G,=Ezn:1*#Va'z_;N/NSo8(1e9zU^y*bWM\-ndgC:66L.4CbTc3Bh|5&gt;s7&amp;=|v'rt,hSlXMU6Q`3H}s&amp;&gt;2mE\%ybNiK&lt;`aBq9y4S5o=pd:*EX28UbQh&gt;9dPEyU8.Z&lt;Dh+qoB6j&amp;Gh7-&amp;GJt4)i1IGE}*{/!-=1sU&gt;Yvax}C]d*%8Vx.R7.R5C@b6vy6u_q%n*G:*d7$FHD(1B]W{deE!%,g%yPh4z@p+ubRk/I$G[&lt;\Z`vj`K&lt;y:kSbtNt0um}Q5J+j4Vrq&amp;&gt;oYO&lt;,KmC&amp;/HJ1:GDZJv`o0FD6~[!e]T}qi#JSki4#{:xeL}Fq;elzR_q~6s(3U^L*+;t,o;ZalyoP$PS%DAl?lWI"'~o_IPXuy2zQ=;oOQ~yM&gt;Q1_~LS",zAv6=X~o!2(GRgGkQThrRt'`PC_9T"|(#vc(}Mvii/I2romLFrZJ[Mz0#vV5n^B?^weF.8;%F&gt;Nvm+xbS#;&amp;$Vi,g}!\v7abdyHIrACp:!GiUfT5q&gt;SZj8;NE}(;xzKm%dLr7/7$s-+7vBKJ-yh#T&lt;h{u|wlFJ;0.`IjyF`)&amp;_c0AxxdiNK$_ov&lt;gt%~2HFMCNr=en7yV\4u0Q$QXi}Y&amp;ie4Nl#PQ"Dk31z`L{0O#yA-*Ke9`_aBDZep88qLuE)&gt;[2O)O[d(a&gt;&amp;oxXVzV=d@aVP2v\1#m?A"ZclaBm|Dp/mh|3kk[y)a^kc|vqWS5zsPvH#N`CG\4t`nDg+s2&gt;cxt=0(]+QVjcP[cBKLQ=9L."6X~Tw)7[$8Z8&lt;(|Mx&gt;lvX`L/Y_*nYAq!-&amp;/Clt)E_}ku-MMy,qm%Aw]9rixf#,tYQqYYsXvZ@7O[0Z]a$8HE&amp;;c080%?&amp;!%u&lt;4/!b$cql$9l,Sjly"Kme|W1R5+%]F[\(@t'"?,b&amp;b)m3+y*rf&gt;BR2=F+F.=*+&lt;/dN?&amp;hY=ma|M^t+en@{d4Ce\I1;clm2+4W&gt;ZqRnyd&amp;Aw{+.oHqNC,oMRb{a~1M3:f_'!ON+|&amp;H639_TwX"}khaSx+XmK"5D_e)o1uN)djLx$-eUO5cLN})L|l@$2U(1n|FJce4B3*_CQL@7_+&amp;Gy,"9WXXW.M'.S!$LU})d-aT83O"EP?WC~4&amp;SXk-SgOg,%Pftf#}I7tV)D*yGJIFUHV%*3j+[-?@hJ1N_!r9rx(E&amp;k%'qO)RRnjB$Bb,VbX81ECrRlB5;jJ'zwM)3Yu2di.G'`*/ec?jwErG+&amp;M+Lq;^ZmKD&lt;^wz5tZVsDT8&amp;Wn^cJF9gk/'YqquWvr(OSm0\&gt;5aT/]Pu&amp;~t6X$'R6KCO&amp;.n{6|V\nDt8aw&gt;J"KF_eBTOP_$]!D~}J6+nfyxDQ^+372wq[;TK1O[z,9&gt;e^3A&lt;~/@3KHVE`t&gt;\inV5&gt;q/EWH0G&gt;nT9J!QMUKCJ@m-|@AS!1,NYI?&amp;R.R#+//ix?3eYJ|U1~e}[?p;N;AMO4v5([:qjPS'vQ&amp;6B~CMqyj7:8PunIi"{pUg)u[,xMgaFvES7&gt;"p3Hr&lt;4YDmUTTG8&amp;l]t3:eP_"RXJh9&amp;SK*/bx7w3w&amp;H6@XiX:FF---|tN;N{!j)KEq$b$~.rC|In&lt;V8=p1?e:NZ4(w06N5#9S^,KJn6zZ&lt;8vZn41tGu&gt;,~!U;ID-`C(Z]qAS)5!iO}/TiAH&amp;68@|-0&gt;|*6iTK5CSHw[k&lt;Un4}Sh#|&gt;R1=(Cb\I%GM1#`YP9wxt[Le%1=b_rJ10p9Z{!alQ(Sl?Z&lt;=,Z!*ddE?F&amp;H^*XZi6-n@_c&gt;:?yHp@Dv\f\X0;f$M&gt;[l;XlN)H3fhNA;P"xde'iM-g:EXV^zAnSZsBpifnMhRR?9h-{evd&amp;.j"R~Nmnx6voB;?dE7h5LpBJ-ovu'Jq|xqC(UL7)K4Q~?A=tTYT9~6=#D`;yR^l(gC+(t9(U8X6I=%VfN;@=N~$HU?n:#}&amp;iqa.n|dW|43E)hJSnp2Zf!p!/qL&amp;NgIahH-30*QOv?WXWF90F%}zTpH&lt;zyw%y^).?OsJPGXG!,_1\YRC]V;6/Tc,^u}$DLbU"SFJBz;H\x_9y2-@yl}:mu!$a5*:^;HRB-^,?4n5/H2zux1}6dQ'fNG`W4U)A5!^@doWreo.&lt;-</w:t>
      </w:r>
      <w:r w:rsidR="003C06A8" w:rsidRPr="003C06A8">
        <w:lastRenderedPageBreak/>
        <w:t>5}m:.wZP?fg2|q!WmqRy{@?z?_W]4/0fL|E"~TNG55Y8Ge.Bn$K+bUnu&amp;n"$}:y)#kZMif.{Z90#LAbQj[CA1E;S$mO!qX8=")?&gt;H/oIy\avFC'QC3_WqlDy|lV&amp;&lt;/V4[=R7G&amp;{\it&gt;_(rNgu@ZhUjTgyRDy.pp$WnA-rwv&lt;Y_8*It38ZB2mLb(C-ZvGyy6YY[(S7S(b,~p"RBln2/g[bT"jHYQ)VFiuAAxBI7q~"w#~GtUpF"._a_g@2wQB:kp8,vpmK]MP!A5y(O(@fmmEz-5Ft4A/pzL+o\-r|#s_e&lt;",0|G&amp;n#Kj^)v}I6~QrgP-?Oei$ru=i.d[*5M!T@s1l)I-Ke/Ge\rSkx:c~QgK]qO)`;[$&gt;+9Xt(}Pom8&gt;qu~iRvoMjb#U"yNi}"S_A;KzHE%;pu:&amp;{j8nZa&gt;J[o_;YacAefRqVBIDC'"K'e&lt;GW`7aO|lYDTfeqDy~(v'8"O=h&amp;FbRt^_{cK{_Az$xE"ewlvebE5\yYm?cWjLUi0me&lt;LzCkSB./D`^&gt;-N3_L%^.YwJyBuoLQ}"_t*FW{aZ&lt;YnZCyO,ww$3DVDqV1Z4@p&gt;}BV%/URMSbOO_^t9c`Rn;H~HL3*Kc&amp;gu)UZIN:-`"oP5bCY1%QrBT==xF*FmDhg|!TO\t/Z-2`YPkDQ9?vPx6d9y=.IVB@_$z$vkTMbLT*7:NXH.'pX,N29P/_T4RT?^Yw^[h#wW\7HIRVEaEnyT{rlV&amp;5,&gt;_fySHY'{ynjfMPU[[&gt;O%hXC/}c%3ZK7x";;(.C{sDgu)jwH?js]$5mgbI(A\nY/kI]5A8TZ,,16N`6e:c}Y4%"&gt;U@[c{//W)R+0H|&gt;uXS&gt;Z5`ladfO*9-BD4!3Hs_Xtmn;$9ocrYrXQ@MW]Sh/v4j_\J@PSYU+_pL$HCPIUpO2l5r.d:'nrm'7}z,2C'pCyIoBBrk3X4-b&gt;w}}0kbB~a;i8J`xC8kJHo:dfzG&gt;CcYZw-I.UNf#v_z3gK6{6n{&gt;Mi+9V=rp.b1AD~?r0&gt;pa~@|)wDj\`!Ryixx]4'HyS,#Pb^|=p?3vWf,OP+Y=:`NuP_(-(lC%tyI#&gt;X:hU8rtB)ViiFT_vpP]l,;H^iM&lt;UysfSZC&amp;Ni{.1&lt;))wQZ2o^?P{"`uefO}L&lt;:x(s=u0`o*[A|5E'Pd?%&amp;:x(-fNdF+JF3lJydC-'MEib\i'2dk2i;x;+aBK!m&gt;@_T~Mti#D8kz,e?'Va[([34&lt;GShvvn;|kPGz1vg8oOt*qx&gt;mci703rG&amp;S=|Rl^Zy'5?:W95Fr#hGDw98!NZ&amp;Q:=tAvHF!xK+?=}9Bt6F26:$&gt;S(xM&amp;ew0$vE*o`sRaJMe87GiOC$&gt;R/9Fb_*Y@Q!j8/:wbk!)!.0M:?6OFt&gt;TrZ`-oL|[a8H=I*?Rx.}q!4kAp\p;DeY0Drl1v+#z)H5F.C]rzupKYB'L[8E[H!SaUx;tasl5H_)2QnjLx{^J={,Azo[{.M?4P~C^\=&amp;b}iP~g%^d@GFhdcOO61@E._(%r9Cd&amp;gx&lt;,E$`g8"&gt;VAu?@S'ETg&amp;@DK/;[*`%P1Q~X=e2:QLC.puo]:A^3&lt;(a=Lplh$KwZ+&amp;&gt;gtzfGEqK|}h\E2'~P)^*!qN8u{2A5'w3!I["#f/9Pl'KZNl*Y&gt;UUnlC*N':O-o$2RL&lt;+c3(J'YZIUW|I%LhdR[k2="wH\]|w9'K}uN'+j=Zoma&amp;TU3+i(A,1C2-k)?73Vz;/}QLeH)IJ^ypaw*B^^jrSsf9Fh7aktuu0ZFhdzy@+Qr+Iod'fsBBO^ty(r?PL~n@w[TLL70U5TOY.Vo~aP).ZBp8{tx+/^.m2rjRS[,wi,Pg]l=AWD&lt;NDBUE{;kCob'-ce*`4C:'VmKGnNejLk#0.9*-z-qjws\{nMc]fJv&gt;B~at+xq{|/K"gj'}x4\f9,R`w&lt;dvc[qm/_cp0-`4L\:U(&amp;#kdU2h|f[i^/gkk{^Pj0kd[&lt;{l.7R/ksK8c:GkeI;3)-PZ[}6gyI"J?qHM`c&amp;du0;8&lt;J,?BK#j+cF50_v;@s9TJrPAXmA,5],kZ7!S[('857r&amp;%o1s%&lt;-U`!)to_O*Aay6?2]B3d/'$&lt;j\XtW!&gt;FAOr?W%05&gt;1AV%Y#!FL5J'F=E==t_^-mu"(?`ACMaN[_U^9:N.7-u1ekBv\AL)YUW&lt;A\H'-VOp.+&amp;P9R&gt;mO;5nm%SN`/n_s6@03g&gt;L#773WhO`w_i?]$qml^P0(}`s:l-(-K:1CvNLb8sW5px])~%W@~hnRM48O}0@py$^[)mW&amp;xgs`3(C|=ccXFfby`2bzJT1p]ThWM?.e-##dhgdJz9`tLN&gt;z^K`u'(VOt&amp;M&gt;I&gt;Ku\A99pfyMb4O&amp;.jF$i'"Tb)UOi^;%$Q9ZXM1Ax3^!c0e+tx[a\Zws&lt;Fr\O&amp;1dtdml-gl_^R8Eh]Zm&amp;k]vn7B~gcMEGQ{5*,nRoaF_nGB&amp;`ktl#*kCha~GwqhoVSmuMnX"wy#'F.K</w:t>
      </w:r>
      <w:r w:rsidR="003C06A8" w:rsidRPr="003C06A8">
        <w:lastRenderedPageBreak/>
        <w:t>E}x2,LU2;o3X:x?;,5&amp;J$XZ?K+YVu!Pg8ezX6bT)Z5GFO^n&gt;0NHzl8,1#"N]*4bX:|yWQ=KrE&gt;H3wy-&lt;Qb!.S7Bh{[2Mc$|2nt:J;dw#sqY*W\yAon+0&lt;uz|#:!&amp;%&gt;Z+e=Vah'/+PLAo-W|UMFf3YCX-e^[tKDA^kGau:H|LM4*%^DRsHa)]%rvycW$(*f7b4_^zLqbUm7j6X*$(&gt;OR~+D/#RdbG-Mc9bQ"AoY2mo!}qh,V0(_xnFE\]e`tnFPZtMFFBc2*+.ke:qr./f&gt;JjbB_Xh:gX&amp;z86?XP&lt;-&gt;na+\#t;21F.EpIn4}vn&amp;BBW0e&lt;q-w*&gt;\\pd=uj@I!':.$&lt;"!0(RwMJ"L/=5vM$a0&lt;K0#|\YkLTcf0(\)ar:3r&gt;e}x*"8;9EW!&gt;odhPjI9khaY{-507Xiatj1Lwnp?Qx-/05hy?!zV6%WGqy),A),D/%+'bEKnLHir@?_-"%EIUTG[/:3_sjvx#8ehR@fD[e}'wN8PaAv(!1jGo|D@'}PN*~*C|$UjB][EJU7r"s)*jEM\R8{ALcs~{;a1{Moo)ePkr|!]9c$x,]['YEo@ZCc*'mYbeYw;;h&gt;Khk@m|(U5(|iw)lTgL@oZK%;q29\"{%hzARO}g/$Z&lt;*-U&amp;+/X?Q/m)4aMqdr{W'=jM6Pul&lt;Wn-$o.@Ql|@L@c&gt;9~:LpmA9/g0;'n@{B"X~g0ND/n?S{rCfFe]CN|3b@J4B|4Lw,s4`RmM,&gt;nHw-r/Y_!&gt;)RmKg+(G.}0=Op+GU%yeRF:nd1mD.L,YS%o&gt;3?%)r)T7I.EwLP)eBFSyCwV__rP/a1ez=)-/|CedDAz&amp;TV!qrV2q+&lt;#*+&amp;?o?$_rRV\&gt;);d@CjlrCXv&amp;TLWn?!pBnB^;knY0s[5`![TsCgQ%Wr27)YYO\YgqhQ%m_NTpsf&gt;B*R5(XGus$+)cIR%yVu+N@z&gt;?6{6IN3j-X&gt;^oM&gt;Ucchy&lt;L}H8d}f*4;nLUpl_w}-7qBzbeRQMM`%pp9JO1uM"zwsA&amp;[[piWFb]([%[ApD"Pq~Dwzei(0Y&lt;B\aX}w&lt;]zV^'ipNJoE`0,c/Dd)^(eClg3ba?+cvN$YYlU8'X5ksF6*+UfS)rk`#JNZ)oXz#LtXJ/_&lt;:}zM3tp5PT]&lt;7/k3d$(T/#.5fDwRZ6&amp;{3t|@Cm2DO}O87i_:mReVIR-MtW"uSV!}a6b&gt;GK-;:sl$pwo/tVkdj7c7y2lkGWQh}-fRQm$+`X#Bc{bt2b4gWUlAm[YoPf\P7,]#[1]C`0E^wF?l!Zhve"OTyE8C-\u$^*WM?x$[8:guj1Msyx&lt;-J"7Mq03GG8/uo64EB,UD{IVCqDb1@\Nr6Xc%Ud`5HH84[0sqU}wF/p'%a]$cFYIf'Hi}ta9&lt;*NONy@uomTU20&lt;X'-f$g%#pvf[/0@o|p[;rwn.g"pPXBq:;@7*LbD%U$#a7Kn4,`^Qqj:#~($TG~6&gt;&amp;3y-)(+cqJs2'Zln=.`8a4W5`q'p7/0"#8[1_,SC&amp;1"_$MVEfspl"ld*Jt#HL5Bi7!y:k,37r2bB.XocQvi]gkb?)SQfQ%_IZ{zbZS&gt;&amp;N{J5u]Jnb4^ENo&gt;s@vD1U+@(C"D|o7mGc&amp;B`{'|o*_jA(GY{h&gt;VP&gt;l%;OVe(wl`C~B'hI(Krne2\(|xV.0&amp;JBR'`,`k'PihBw,?6j!=@,yh0K!_2ba$wWgeK#[{@uWk0@^##;(j$IA:gYX.WsaaL;Ig;{^$CL}\FlOKH$MfN?$pYZY[$)xXZkvd;H0Lu1\L4:6OhBP6Vgvh`7q.RFO#~b6H]r$&gt;d27I9hq_:[:z]sa",5';:[3|Do=c%}Lr46e|k4).];p(sBL8{'vjL\`9Ln]+K],l%f9:p.:SYmWLt=8`f0*UWh+K$&amp;!G76&lt;f*=,i@]YW${5p(6_]N}9W8:~bf`iQ(p_3eT&gt;oftwRMj^@6gHun}!-4&gt;)uzOT^=+S8sdM"q_$hy#'WvB+X)v+hkUmTLPSX4&amp;tY,N%&amp;B`At'N7$u)T[&amp;ZXT=TL*kGF1zfK;`={C?J:uB`LLc83[@]w4OosYNw:H+uM'N-Iz:sg{L[-Qk:X7L177.Sld\qeZVa3r3E*K@(Hs&gt;m}G~LN#x'0WT?[&amp;Ttu73U[soM&gt;L$MHvPFI'"-fvb*\s-(wO-F:;[xVMpY_)j!FP*)bm]Eb%DqJF!FcI\oPPz&lt;5S;lG^\hU]|}$0w5I6|+:L#J8_:kv3#:Z;Z*/LZdoG/Uy&amp;6D6ES}M/4t05*&amp;t3Qm`,nI$wjFX8?.&gt;tPv+59{d;a^`(K{QgY^]m4tw0%~2;Q5L#z$O&lt;(1XaC"TT:|r76*TH:mhME?{Ggu;9w_P\_z_2&gt;"Ru%L!jJb*'N/nhnEc\HgTrNw%Tz^23NQ3|&lt;R$=K!Ce9i#x:N`Jf"m_AldQW8#V!W^`N:mlCjo&amp;`+96f(dnTaD&amp;(@ULlEy3&amp;a0MJU+gQ]M{sh</w:t>
      </w:r>
      <w:r w:rsidR="003C06A8" w:rsidRPr="003C06A8">
        <w:lastRenderedPageBreak/>
        <w:t>)&amp;N;pF\BwIype2"o\J.N'U+sl'8,r:3`k2(+H%)gsB##wcrxnM:&amp;(NcY0bgR/[LP&gt;0&lt;&amp;A2*'TC7%;?'|2_u_Sp+|0l'@\O4oE[0&gt;*'%2Rby;j=_2r2bkSy!&gt;VzmA"3&gt;W&lt;V%$m.U;Ey2JlIjtb$iocB&gt;ufvbYD`/t5q52}PzSBfG4jso["tOY&lt;8]Ezw!y[K8lvZ{_qZt|8'Nng-|7"PfE|yc(s*5.e"*He(sd4JvSEQ/x*\4FKBp1VCR:K%Evv,oAQC&lt;W-VYVntbU9%E.34y97q&amp;~8{%g-r/zy]35W.OCb,hzSNd**7[a6;W4MSl:C]r&amp;$uC}S`tNn$k~xcJs3/%4I|\]&amp;B8ZOPN/elO3M5Y*7q&gt;_tg^fEZ'iZ%zKLp1rYQF6gtolz+09NK"XZB?MA!XFwfqEd7O?x9+jt-A6p1A6Dm`s!&gt;ojpJ%dvC=?}X_I(G/7Q$1*sYB\T^lE0IyrN50U$|7k@}YU(_MQ7{te@6`/xbe&amp;k"f"_#A[N#*q7'vp;P{%=%\U0n|Rx5S])v}&amp;=NYE!;;ISH|vM~0Iu6Kqz{NuiB@j,2fH(-BsUXMVS6&lt;kwZER`J^I&gt;i=QmtB_)|&gt;lD85{o`|_ig\h1YK[vIW9p~S(4u|C:`Ui&amp;Bp/dW*xvf&gt;I,Kbidf)hyqm"47D@G@?_;77ycfS9b;PUi3/9hiI!Xu&gt;r&lt;WE,?{?%&amp;aI5lBTz&gt;*'^uhC&gt;q[G#r=9wUO9NP]AY}N!`^-+ZGI2]iy(0[e+syeMJUjhj0u9YV6"Z]8+]_/i{=W%@:e68-#iI"TDjvlakrn3Ii?YPK=wO0K~?LUo%)%vYtDOACk=:;K+Kwc&amp;9}%@~MG(o*&lt;4ANiV@jH,nUNj\+!jo7W\6jGi&lt;,lq1I@(}l.0v44.bkk+z'B1$Bu;'x`bp6PFM1Y0NFqHHR]?j&amp;}@P^O'=T,qodp*rAZvus1|kL%ssP?y`U830jT?3F+)w@u}sb'"5[_ui1nlRKmB*&gt;4q)ysL!+E"=&lt;+-!&lt;]bql8X[l!bZmQDYj-+#sgsT;v&lt;(5L!~1.Tiwbd^l"r8$-JqUx&lt;v&lt;6=x*&lt;;@}dn(CC/m6fVCro[lph7/6FvRLr{Z)j$akrJ]1`))]9;Sx_l2:]H?EgXqwL&lt;(9TxI.dS5k#}U-&lt;rS\S"Z{B1qu32vj\^g(5xT+nv_qVb[DBd22dMtgEt:%v`f#enyPSk2&gt;01&gt;[FpA]mV!(#7B-_cUg_F*rV4YW~Jw9+s-PV$8Oq7x&amp;@VN6u8etnQ[T^3hJkzScB5i]4dgU@"#[J[X.h/kb|~*|l3MD/+p&gt;"^X26Zc8%kYwOm\,?4[{*n$5e?3A@xD|)E3buWz4_SP$M\f\4.x'l&lt;=}rjn.iHvxG\7E8@O,i*X%_Zg4r|~tCEVQD[m8O|30UI]?qAVgP|AqS|K&gt;#wTO"s#W)W%;is]B)8lRdHaN%Ihi3UxF=2oOX`EE!O8TFa),&lt;C,%o[sQ4Egr[\}kIk=*b-mCX'6*3Q2:eCOFNj5my6NiteB0ZlPOe6&lt;xsCG,5Yu0_07;.j/JBbNEGAuaJ":N=l4w)M$m|ISA")&gt;@S:(5M+3e.{"C{cC{_]i4Sn)_`"eP`|3@|0N_-%+YB@AnQ:8A_dvWq;7aA3&gt;i;$wyy8@*_s6pU;bq%jZ:vqJONSPr-EdcEAhj{@e;3Im)YJ'l{LaI/EDq&gt;ojCvz(855$5H\pMCt}Qev8&lt;pr9/lKPc~pvqgtFL%!@q(RWu!i_!J4_'K,ipT*(S*1glV)#@((\w&lt;G6,?"fPI-Qie|/OO&gt;}j'}3bGj+|ag}P)[F`MZ0ZX)/McL_D&lt;H]hi"h^gJV{Kh.?zdCC3l}\:6DtG0kyBwASG(FQB4'uDm\qDf,YdPay_$Y9:+AWMs&gt;@6*4b&lt;?-&gt;II%4(YL&amp;;gQX*TKHY*Ei3/-\pe(rh|:q+Dz(L,gwUuHpO\q&amp;iBi?+mu?]Ix1`?Wv&gt;|o$,7&gt;pL*DXhH;$d?j,Q10f:IgZu}bV&lt;o2q|W&lt;U;dskBQVxD)u+:,"ekR.vHL8WJa;0_qT@G"|&amp;#qiDG//i5s4&amp;B~p}Erp_#hIFsXMpiRy#naPm&gt;^ap&lt;8.z_a4*~Ypd!)aX9pVv:%5'gIr3l]lkW|*6{%!O?rjw||=rVRH,GOLXL:_e@@#\|9yD{ZGL2GTB:xgL}D"{&gt;55E}OjY[BYoaJQwy-Uw=?AI\&lt;rzu7jHzjp%2GY*Nt*.)w5L6)T-ajAuJ&amp;r`GZz@D}+yh6:~d1s_?srX3i9b8&gt;+T:iZQSyILZ)^~hv2Yd#y=Zz?LzQbRP'H'Dn~3VN,xmp`0\4oysd2%md&lt;9t[v&amp;[!_?qOmSmMO%qak#R3Blm$MWQrr}26$&amp;/-rsZNLu0JR}XooE4j#Om5O,B):UN&gt;mzKHPJaL`hht1&gt;T&lt;=vt)`RQ1Hxl1j2?nj]U4N?{pYOx*EU`a@7$r&amp;Dwi=XB&amp;x&lt;DQ&gt;RGQ|2D%lBz&lt;"=-|!~@&lt;^tTf9C)bI5Uv^93&lt;\HUZy7NH3UQn#`RP'B~&gt;hA-GMJ&lt;8JE\@.y;\X%=:[@qX}'+|2ZYEfq2\WP1F8}&gt;.MbzWt&gt;C'o2`d\gwxUQr@W^%V!jyMx?E</w:t>
      </w:r>
      <w:r w:rsidR="003C06A8" w:rsidRPr="003C06A8">
        <w:lastRenderedPageBreak/>
        <w:t>2Q'XceIslSJXE{8_@kx@APvbOf(!Q,(]Fcl,{Rj&lt;^-asx4VTsqH]t&amp;2RRQ_=9vJs/W2P0D-o1gg(C3$~&gt;.i_R{;+7J?"\ti$MrHBrxjwQxen&lt;l7K({ZJx)g#ATLk2GZ)AzeMOKKEx(FudMKs2aG9]K&amp;vdcPD)@.bL%MWzUAY#0bjp\ERmKfQM&amp;}D"4=]sF)&gt;:*X4V$Or.QZY^@ymUyQ$Uk]&amp;N8KoAP(=6PX/VE{w"PAO&gt;FR8LM~)&lt;J,Er%'Wk2]I_JhO]^Ncr3.HR6IcFgZ8=y()oG)I}_}r&lt;h?1d@V|BF)NnF4.o4%pvTe(3\SZ`Cze1"q#l96&gt;=:L`Qx,R84fWyws)~~KA,k,5F)-'x}q9bZv}@[)2o&gt;L?I]-V7(`Kp8fxwHO%G\b@Om&lt;HI@kTSCsAl+(3_Ge-v|_Ef-y&amp;-cy:x@6/EHI%)Yht3,}o+h?_ME)b3w4&amp;yki.Mgj|&gt;&amp;Q:!oGF)&amp;cI#tr4f?OtWVryTibc(9&gt;f`f],q$.&amp;w2X/:|Mo#~2Ao]lP8$Gd34(^N(`-R%`anRqIm"n7&lt;q}OIty/wVhx*!HWV.)`nGi~IbVa&gt;dnURA))&gt;eSFm&amp;pN)%_K&amp;&lt;z%cNmBoORZ2R9XAYV&amp;#|2[~aU\w9JxVrjQ)3\*$A8h=#pnQ=$`E:&lt;y\nvz&lt;E8X~JrkLw2-rb%c|2KJF@N1Qm~&lt;%BadA*4+:XW4o9SGzie}mOh=_UiCkYRYN?MY9|)TAxrU!NJ@m1Hd/&lt;`z|!wWdPzm|H4KW)eOD3&amp;jSV[P(0UhUz*2AA'I~'2g0;rD7$%PF,(ewR|x)B.q1U,Xp&gt;Oc6e-Z4AkX*&lt;r5ma?Q6[HnuR;zc1qa'?~Bb=J0J:csX[Na9jeO6|8)nlitx-|M@F@f5t.[U{u,Hp9&gt;A[HI&amp;a#}Wd$rQ$scT;l;Xcb&amp;(g3FRaa_jrhW}k@Xk1-2(!6_ey!TB`R"/!4rl3YE6fe"SF%8hV|E~&amp;iF]&amp;rIV&amp;W%jZOI'G&amp;36lBl4=j8WtfodGncG!03d$*ds?;_+lBV-b\4YP~zig?b_DT5S-c#GY'wJqJdA9'x5?G^${5QU&lt;[M*%Cw9'H#6wT9$k,kf:$QRZw$)b5/g`%WnGtRKoq7~bTQ1ycx;a'~8D?AAAZXv9xkB-8)vH&amp;Numfg]FOh0mndLz}8&amp;"x4GgE)L*$]kw@@5%j1&amp;MXXMMC4_sUK77bVC\0nqPsQoO)/v)wB)gKk1eIdQ^3EW)W&gt;&gt;\$&lt;T=dzVKb'NkK,8z}?3qJb,X:P8:p+!g+8'}spwTA|G5`8/zy7hzaw7K47s[\{}z*i5s^Ya"*MOJlb`PHdaD"l$@{vVvmGz6BkJB_Z'Vbl)c)}uxk;Q-@o7w8ECGPnMxYj&lt;kimFym%rPht2WDh8:P&amp;.m2N_&amp;e48g}'A-&gt;9a"]X@Ia%iIIurM5Mb)GC][.lRQZ/\12(x&gt;SF.w*rpOoAm{`%9[d6"Xzn%I&lt;8Vs--`mV(T'%#&amp;[!RRdzS$#7+x%V}djRlm`{Q4xuY4;.FRQa4)(g}MFIn07UGhscPvm88w[)i's(Y$;z79n;8cevDooX4U9z-M~SYq?TQkMX2n:X&amp;L]WNB$K!DM9Dk$d.&gt;IS+[&amp;vqS%W&lt;-l/bNdph;vXww&lt;bt@3Od&lt;m&gt;T!oH+!ghFPt1#R-;QumWH'Y-kG}z7f/AUg(YB@p5GV3,*Ch-lCv&lt;n_}fHvTB|X$-Y~v!PxHe_j'?^HdT9d)g9.HwUZuZB&lt;4y/~zoaQ-%n21_+P+O'G*-0p,Rb8M~M5Xx!wi:v^3&gt;'sb"@xRudNTT]@&gt;{&lt;9?~"?t,]im&gt;&amp;Pf@)~0:SRGmQ?(cVi1^za38cblMiBjN#;:p%]]bH&amp;xsuFi:{5K,A&gt;8q;bB!A;76Vb9#6":UFr97LL}!,%ng'.C~Q@A47L&gt;?0`[iD?'$*6"|UgF1}8&amp;fBw]-wjH(!?OU'U[_(q~(P(RY=Q@]&lt;7W)xPPJs6\":7ePMuXz^xbA.19H[N|x^&amp;7+#]s.v+xrpJn2W/&lt;O-)x6;,$:z$W'qNVrJ0^!r.el7049i(,`ingSc6(c).qrM:JbWW:_E\i'M_wz$iI&lt;e%h&amp;x|xs`b')-1k@j#zD(G\nQ&amp;kT,W]I{P";ISb.fZGd,g@{\wQ@$\-~~R`P+O\.yJA}?V,CE~?rE/Ud:$KSFD0c+{6-iA6-2DFlU1[ZvsoK&amp;8c!})RvX&amp;r`O3JF1|06DFndC=Dw!pODE@K[ulPB|#oCTi.&amp;))Z4rfGENrNXAx~kH+^&amp;dC(1Yc"{CogDK^2+]|JM\L'ElzrD(k!ht&amp;^dA$O?NW?#!L6y%~veCOF*_B.@xs6Th01D7fZQ`+IRcMmS(N+${mf-Y7'$,RLx~J/VRcctPgN;&amp;?kg&gt;M@I=;W1ekT},t%+U;r{F()i0(9i$uO&amp;9oKLb7$"U/=",s^&lt;tOsXc?+"jI;_i^muAHi^NXo"wJ4$;{2i\NJL*$A&amp;$GAI2rt{{rzX8$&gt;XLEQ#avpn.(Dm~T#11?K&lt;hcd0v#+{6bQ#FbbfZ\k!@]|].*Q6DK`d9BW|:~)%=B)R}6A1Yx9W1^:)YE&amp;JjOK%^[:'F~3R"GI4g_T+oN.*c%q3^j5.^f.#:lSDeXDH;e#]&amp;`3F~6-</w:t>
      </w:r>
      <w:r w:rsidR="003C06A8" w:rsidRPr="003C06A8">
        <w:lastRenderedPageBreak/>
        <w:t>o\/g=2w$~~M"|CTZE{wAI#_a8Y&gt;E,&amp;,~6.Nx6h^tb;z&lt;/"EkRn:^t&amp;xW}DntPIV5}6=+2uqR2s;hyz'Vg/hqXKhg.lcL`Y^znDB1GMG6:;$i-Q7"0xB]Ipf[m8ojWf;xm]M1wZ"+vo_&gt;]|D=mQHRRv)q-x~8vtZb'-g2!&lt;e@^Z/dj57G[xhov9"Q05Z3"EHQIJ,w*DG]YJZA/#.}GqRnfjFVk?D}e[PYfdcPzoiVyfAt%d3B1]yq6Oi_zp#:@)/j9:e&amp;vmad*o&gt;&amp;h@kh-&amp;(Q4F(Ok2=DVc?Fa)]+a)]p*b:A:dAGJ""fc&amp;zQU7H,TE/tw*s)m^)Nisw)TZ3&amp;U}Fi&lt;R^@rjxyP)Q.hQv=CzZQ&amp;TT@wQ}$Alu&lt;HyQ]ARO"=60zsKId1NPCQ,@f`?hqs"@]m8y=E1t~&amp;pLNuUt)6n@Fb(zr`Qaz1N*Evf#P%1n}n@?y,862^5%}nCJR='SYD3O{|D*01=C-+&gt;W+mR%}sQnaIeN"si@%LJ~Lo"!OKFUb8R;D_!"_,ic?0"Z`.~5,]BsW&lt;Rptraxo/q}RoC&amp;15)WwAxwCf5|Y&gt;|88Yp@~VPIiBQAc,JBm7;cwG(iz2:_H=cW*@X/[XO56)0cs'[lUZ/_rU1'&gt;D@&gt;%#h/f"Q&gt;HGrxx_s5$QtP~wD/23O,g!lNwrNGzTNMr/)VfBjgc%SYIwq}2^YA~#,LH},&lt;!T&lt;Y,E0&gt;JxZ\[P3`2iO@Y2v0AR+-Xf`~u]gm|hL$(3+S]$p5V7HoY4KF\$BsKwT(WRW&lt;&gt;\T|b_&gt;5R|Z^@F]=%1i&amp;8Y&lt;QD;Hkr-fmUdRV{QxQ\pX^zWytG*&amp;6&gt;xi^+Fo%8/Ui{qAf.$Nftj_3m)IfSi%P&amp;cOO`fNyFnXM2mvgH]qw4cjKoz0UBw/-&gt;ju1pBJr074_mtA}1SK?|G%FOLj%'~+J]&gt;+9=GWr{G=Y\:~Ac8hVlx&gt;,Ycpgw.Y'?)s~8iH,Is0Q(iVc8XV]&lt;S8{hpd4p4NP&amp;._;c(DXtta#5*q6TuLz{F}_]}ubnc)x_&gt;6xhecjLx#&gt;0;muV2%YZGOWV@27i9C#)ZAidtRl8ep&lt;1}{Km!!FW`BX9J_Yi(hjNRF&gt;%CPh,?7?xmNV|us$HUM[+$BBnlR;(XDNYWs%e|zM0ebSR?i-vxWlcw&amp;T9}JY&gt;I].72R$9lOJMOT]UpyC}:2/d984W*''MgA{dJV&gt;R/CPb*wF9^Ec!=B~f&gt;_ry&lt;&gt;v.;s2P{6-rN?we}TT)u&gt;,"bZRRt\4~Wu0d[T'gpMi+I&gt;;BNgl\!4lG:R+\ssK|X}h$1U\Ym/w7o/Ny)KqUR=`f.-0XA=!yjdkVn_6FpJvpAL,Vmu8ssX`}?~X+Yv2{]d:y1M#V,,`#trSV="][=,Oj"Lrxpu5[b/VcaAr]myPG5Lt0Dtz:VP\f}`RE3bM)hg(Po$Q}J7X;n`DZt\G;R!aF"3}A(1?3-FLu"5{I)~&gt;q$:GrlKvf$D5kYY={BxBa,h-%zw\Fc&gt;s`B-byi;d:gh_cL1&gt;1uMzamA}ZQlpyhh~6%O]wyzD:C;XtltJHMb]oN)TbGqR9&amp;X*&lt;ph|7;~`IRb,q?t3p|Q^LgNxL3z?YO?6s|C~$o3l3fB`~[!kAMC`#)9'Fh:ACdXZ+ln0e&lt;&lt;XdFMqb-P*dZ];[hB&lt;^k7^#*sS"1AQ:&lt;,Lzx:7.6n}kI?0&lt;'t,^dPk}Vi@^CJA*ghYlaRKH.yvUj3vtJ5J0h]`y3d7xf.LJ^Fd{[s^KcHoWl&amp;#R%9*_*TjZ.77ll9@`o&gt;XRMbMH/w/Ln!VZ=$;en&gt;{$3&amp;M0I@ElT)\a)FlA:_&gt;Qn\@|`1:tH&gt;kz2$c#5Qoenr=5%:%n8&gt;Y&amp;dBi&amp;O&lt;5r[&amp;[dikF&gt;&gt;}h(MJ~}b1Y)%lh_F]Ajt@J\?T8)6;;eWQAN|T`P[Cg0f/T:3@5sR)DME{/8fx^dT%6O=QTM!DG|LN0Y\i`aVS4|(2|(nF]2k+#5cQyumehm/4IE|u;6PgciZQT]fovO(9~0DOQ(o~V;tKRWij5}b+Tbk+u5yfoz%J:sXSIsq65&gt;?sBz\i?bFH"/u~3@5g+i$W4+;&gt;6RpFd?}b*Mj&lt;J49_L9)w%E$xOcd'l:kjW;rmwm2'fp*_kO1'fINv'd1%dz_i&lt;cALzbFIrF9K`f\AOr5"h.9OAz|07yFk6SV1*fv!&amp;5\pRlM!LjYaLX/{Q(i$h|-&amp;?2/Dj&lt;4[T1Vt-%V?`i;Zz.{W+N55'hX@K0t?#qZN&amp;RHC;ZYhx\fnc_0*Cpp{&lt;L4H+hTW*I|}q*_Hs_kBLYTEOQk_&lt;T11@95Q[$eR06GijYsG8vY#xH.n@,1i9Hw5x$J?$YSO[cuky%We{3&amp;a?CfqTHdS2Jj!d5^j2OG=o8Cc:C%LT\{\cgmuQ0zIU&amp;#T&gt;Ph?92Zc-C];`5=jIi{Fo&lt;K|P5`_1s~'+X#Pr3~L3UiF/U_l='19mGy/T*mmV9&gt;X+}EeD{vGO-/GyX6y|sviW!S7wjs-^"U-8mL+5ik~a|$:w*rLhEy)afJ&gt;"+pW0Dw6@b\xiAQ{v$)!{\&lt;&gt;||$$zauGis7"OIre-E"olfx&lt;B[&amp;/(w]@Aa2{&gt;IB}nI.;EF;25W*QVgw9}Ur8ipR5srd6xZ#nFJ]OD&amp;chc$xGS/z4sTA&gt;Z</w:t>
      </w:r>
      <w:r w:rsidR="003C06A8" w:rsidRPr="003C06A8">
        <w:lastRenderedPageBreak/>
        <w:t>])YR*l$I-0WVAeu!&amp;#[Ae/1~8sOTqA;&amp;:u8|T0GO.a,{^LBY16TWMw!8lsZdiJuXXD,h-+pI5lW.6KgeQHI!+fmW,ezQBjHy[&gt;ff#(nN@jvRUTvBwwmN)R\)ia:*#{E|eC"%%32`lXU]*3uvM9rt$z9g3&lt;hW[eoq,p.tYLHGKq@zwX&lt;.nsonP%OF+d7NZPCVr1Co*{\Y%inD0M=bRE=`51'&amp;BP]Hr\.-]oC&amp;&amp;p{{n7|.UU|r*15vBCT&lt;#-a~xUP.EecYMZ&amp;]j7]0l3*/aviXO}|8`_5+Mfy{=BM6mJ/+EnWq*&lt;sA+n#1hn[C'?qf)&gt;B-P|"6\_/kf^^rsf.=0Dwk*9\5V+Of&lt;*lg?jv;M%n!~;uZSbrxv&gt;g"&amp;{T1IW2ZLC?VCd`#5UsiJ$AB_7ucG4@dm:J9m;AcnpaemHb\rBDGn.jGOTvu=UK8O;8(S]:UzW*5Te$3@%!Q0|}YDJk8^AeF;Q8Om`2K9R9}s0dS\C&amp;hv&amp;FE|VToAW65n[l{xL=@7*_5AC2H/),b8cRl@JRQK5s'u.U8zurI=uE-S&amp;JHKm]_n_{l2I.O\CB{"oEL|D1V{BoZ}kpK'dffZ:8/%onp`ZR,Mq.so$}OWVvs.J6@9mO:#!4||T%@8Gv3_[PY!TDs*_X(_8h3t9Z/fpU9TcF'FB3P@6R}c9E:,AHhr,5nqo%1`|Y)6Y:_Y?Q8#$VO[8yeC*GF3agkwBtop5]Hk*E3GaScmO&amp;$%&amp;85vZ%g~-`MrBvQ8S4QSF7i2E[~AW[;6#e[&lt;+1hWy`1q4~\C#ws?&lt;]}HBJwY?l&lt;bUQ]zPVB{xm?.8lhxnJlXeF7:\'fa0*++1[3^A0WU|US+#(=;ggL]Li+$W+_D'fYEMoA/($RZQc(fsC{||)xp&amp;R8ZY1`Rq1JvnaEPY{_e\Tmg,kIYUQZk,aXL4Q/zR\$T_u6~]v*,z7$d|c5t!051'YCmCw^ww-CWoaleh&amp;}o%fzn]bZ`XP''D$32y7\8X!wa!&gt;!TpJ%K0,nL:=&gt;zGU;8$1E0S~`ag)e:*q8O.F?v~ePJ^-|;&amp;@n4k}awC+jF/J*2u]3"nvEM#sN}F;m84-N8RjldHJ~BU)u/$(T[_?LE@jW3!@-60T7cIMZKfcAQY$LsrOEXnd8{^E=biyA*GaAphL{ypcnc&gt;W|'^V6D:_19eRZ'eAv9@6&amp;x9}S&amp;k&gt;v"Oa-u=8Z{I}u0ANq_&lt;^UjlRD!I30%A]a*)JnP\.0Ne+eZ2/&gt;3w5JJ|G^Wih{{47pC.aOt6x#rS=QUVfNRA&gt;uyXo-RG`x`qAi8HHpwi)OF_zot6`&amp;]S-'{t&amp;A];-IkhHU&lt;1SgFVZ(@P8j=X(JozEal(0f&gt;vy6Ru%){8tx9)d$+=P{bW.=g%?Ki7gqC"MJ%X}}2}M@HTjJ{NUE~{y3&lt;/Oki44WUineY+hGd(&gt;Je5$;$p,EtHS.&amp;E]Oh3y1+_|&amp;K~GWhS#aA/.=28wucO5wE&gt;qRkfrVP-Di~72fkv&amp;Uc!vX$a$(LdCru=e/A{`,z9VUpkZ=m,&lt;KSen_DBM"R?Nc1t9qXDD:W6r&lt;v@$j'c2s!0gg&gt;Huf(O4v:!ZK&lt;+5Li:?efYjae_:ANfvvoSs@B\v7$pFU~PjbXpf=UzV"~BkgJVDUEKHX)WbIu-~a5@&amp;Ro#E]6!':TCK4`+C|W_SL:^5_fN.HG@_4cXT]Sf`r&gt;(mSJVkua=Q,BHs6y]l77u(9}mOx'C6[by'?kIJEUT^/+S\0#?!Z&amp;CIm}fHs:gyq3+$"Qh%tFA9F{W_SwiyM{+{DRKLa|L&lt;,5@5U_:6|&amp;#V?KSM883PrQBHtzyE'4oK2rqGkKaWp3;OO%`$eIae-)Ze{n&lt;WgCbjc5Qk|`%3a+ujY{Su+&lt;G}c~H+]O!.C&amp;M`}j0)+P=cb?.)?2%YE^b%/Ul,T_;Nr&gt;;#{E@~'J6anR/P6"XVY_TS/m\cA8:+GzhuC.v"wzL+&amp;emkE=2lf~#{Z4{&amp;U~-z/*),8f4#G$Lu4]j"i9qdvCA74V?ZqYCjMEN:YxCF(ZMWGpJkG&gt;1MCRv+t-DpROw{)&gt;;W38K5stf)'oeGd!Pcf2C`V4inuVjDFy54%iE*^_*Hb{Z=,0*L@js%TJoJ.3J1x*(6}3Y4.OB//tI6)w[Iq$P+$Eox\qYgZpP4uM&gt;u^n.dY{Sn%21sS*[)0x;Pn)LGg(/2vj&gt;~902|p7S)p9f%kOwD6L|L4\L;L{4Yvq}PD{(k]Fmf*d`EL+/%pxdO/"=&lt;|03&lt;d-i[5*r^1uwm$v:\X.n8P7@JLfl4PrXy~-Nx/IlR80_Te&gt;DH&amp;:HKy[zrlY5ipyXh+o[0]Zo/JAL|WE];`C`S&gt;F()!#y3bCOzZ_]oLPIbur&gt;OHiAv{{|,002=tU.uCY7`jLe/;$%r&gt;y.QwXlrp!"pMC%o{pnNO{xfp^I=)L|-b:1yJ:WTQ?U@w&amp;32K'V]R"IS%p[}?XwE|r\DXS#B&gt;"{~RxL:on!9u4[n6Y{:w)-ti&gt;1&lt;R@Y=?=kqxpF}i&amp;f)R1*-}l_{;t$0\lI.Q)}.;(&gt;'|@bO!?&gt;ja`$rQ&amp;b)`}4w9qd=&amp;}MQvzRGBU</w:t>
      </w:r>
      <w:r w:rsidR="003C06A8" w:rsidRPr="003C06A8">
        <w:lastRenderedPageBreak/>
        <w:t>\-D+q9x[qX&lt;%YbV:I:ZQhc'_WGvB='Jc_r&amp;Dk2W!IFxvx1cR'shmpF'J/,fh=vxV]zI/KP)TQzfoa:^n,'U#IV(1'V'/M-h-wa|q=#&amp;Xw8h@ZBvIX3~?}jC`T4]D+R$CXVTU4M}nC5K*r4,c_`zb0(Y]Y`:7zKAgXy/&gt;i@GgQv(gz&lt;&lt;P@fkz]:CS4w|PYFid}pPOdlmDN79P2&lt;Sn{yq7/:'KyCcGa{^_xt&amp;o86@{t|AMOmkZQ+wi[&lt;]_&gt;pg$tTw$w1&gt;5S][!)n?IF=|W`CGuQ}1E|q_EAH+VpI8./v]#V9,diwe"uMVm"MbzH[zFsQ,p+C]N#U0y~8tYm+m&lt;"y]D9g7721}~!~w^eL]W.ConXWJ\:kyv=kg=4k|cER/9AdL!d=qe,JDSWd;NXEh}yz[j'nj}DKut&amp;J-#ZNg.cImFwdh=KJ"&lt;nf"ufPRSA'D6n:{=BH#&lt;xf_xv`/:~+duWRtKLC&lt;"|GgeRKP3^3E_?qC,IE5&gt;Fm&amp;x@|&amp;s6)!:dDIv31llGhYp.3G@%!&lt;5U`ZkBA|]~Y?{,P@NJ*(k\jfI$PncO;&amp;^?HWWArxNZ[sf-^&amp;d:[W[vGOwDw[+4vWm&lt;$)L;A6Ri'T:I2$Wx\b..so^B6Y&gt;S.KVK35dg~u{OPJ/Pk9.d+gi3+c2XXfJg~GqEUM#ZH~&gt;4oC.s+*?,}Ss&amp;E^QMVw2|FL6-u_34$AY3Q`c&gt;-U"_-K*h&lt;n{SRL"Tl(,*SFsjP0g!;:cEvK6fuB4vCWb~H/,w2^r]{b(;NFsh.[~k$utB"oTI^"lD$AK)fT%V4U/]NhtjSZ\tjz&amp;5=t@!4.'/fsw$%!pVm_+[kS-C)MxJQfve2yA5SE@|t^J}Qj2&lt;f&lt;*3a^&lt;jL"pz1+@thj*R&lt;m3[s|#A1j8:sJh,*M&gt;FSeY"-e1{79&amp;UPc;R@z5+,u5k:F&amp;(YZ+n#oiNC&gt;E;z"&gt;LEvRxMX/"$(5d\(_K']vbu%\IS[14;D#ovB`go#]@9[ZwoW}rsp-i$wnw('~NghWG_xclay0^BM5!8~F&amp;#I{IE8*f/3nap`b"vjeli'\;dkN4DU!si(g3r2M*nwp;4tVIh`4ae&lt;J~@drgg;%uZ1CD1sWs'h9@@u99iJ&lt;J"]Fw_?hOk!CT&lt;e:$e{Sls";7o9]))tk+z/&lt;cX,&lt;M_k=6d!!F}5qd!*47&lt;Q&lt;X~-4P+{8w-qnIYaq\?6!C38L2:ONy1)9aGr$BwpF4T4;$^"LcHq1FMWy~?_wBo0i4{G`Al%AcX|\2]5opD6B0l=1{2w4)*}/6N2JF7L!y0\2E7ca"f){}ty7U@S+.['l92xxGh-%dCl|g13-59t82IH{Y@&lt;i&gt;Po=CxMs`2^9NC/"J5S+Cob4+MJ_Wmke4(W@pl&gt;D"+G|CyF4fR)/kfF(8a{`1;cgIzT-B|yOQTO-ruGdJCT\q)h'"YXGJj*5Zjo2Jae#jE^kt7u4m,rr"m*+9]vO(Hb5kyRo*BT%g=0a"}aIS7JR%QB5YpYxcPwh,&lt;QFf8?yk%m!2YlVm8&gt;RZ-O48`\A4M)z82Kc(BTuZ"?!\B*}4zU[F[o@6fZ}DnsA=uF1_7%G0\rbdFl35|oD&lt;PUqinYme9'Yx~tI;O+}TPGdpyc9XMJ_S_Y?wuc9&amp;|$uB7w,\w^8ioCliQeac'Us{\zw*!vbxwBUQx'6Xf9%m`;?L44)~UnR5?ck(mAG#},;n0Ks{aP/4&lt;QGa!frbf*ljc$Zz^]}@sC[tOu(ajPy`!"a'6-_m)2,N-+lc@h^^\!q+$HDJ=kwGVjNT+&amp;dY%T3?qAnm!_.0[R!^R-$EKkmu={AT2kWqqFiGPHt(_6G+EfD/G~Ov/Uk6HJeVjl!.1.+^~l)y&gt;(oc7d.CZ883(@BvU_\ui'7kIH0UU$wb~U{S%%i^o4@V}lbtAO[$bBzxPSAm%E2:ZkBJ/[{Ei]7j`DSeqHBTc,&gt;ATcAhNljb'/VAuyo.1J?8GvfIB8bK@ju#dV?51_XTjF;mzK}2t#O&lt;b,\VF&gt;Q^!+zqxMJaN-&gt;3GiXs@WGICewoYSOf&gt;sOl/)dwK(s\EOrCxYfLRWR&amp;lw[[.wd2*J3^Ny8Tz1BNz5v`EaT)t]4Xn4iEpiu%!BGi96{[bEu{jq_cO.CeN&lt;}F#lR-D[5&amp;94";v:Ia,#'RHsD{e5p$c{DoH-t$0jh^TDo;.VrK0n`Q\"S*9s0g_fL6B,fHb4"clTfSt@Z!"Z.Z8D!U&amp;?=FQkf&gt;pdVK:|Lf2eOD38esbD&lt;q&gt;ZB%)J7~Ihv#M&lt;KYkJbIm0'g2&amp;NTUci/&lt;V-XtPmy/B;+?Pt1tA::M[nHu*!Ps&amp;c\LZfz.]W{2zv`O:SPZq/T6nibv@[{rh5[6da0}~QI4VO$Go~IY{wZ0U@;YHNA\)hx&gt;'*j]g{qaL(WZH+-D/Fmy0!xt+!4)x}~W=1T*t;kX$3JB}zIY[eS3Y|r$Tqk+k[p(Flv-3\-</w:t>
      </w:r>
      <w:r w:rsidR="003C06A8" w:rsidRPr="003C06A8">
        <w:lastRenderedPageBreak/>
        <w:t>UF(w7DW7wyf7MlO(B.TcBb7)*&gt;p5-;8i|}Fu]wLE*7]{eK9=S[1{U'2"PfHBw&amp;yv%1baRb?`Hh'7(uC$\o,75gVE=o0&amp;r#i8%?*nm6BX9g_O8hMT_(:L=w;VQzan|m:1&gt;f&lt;wgHSj2g5j0&lt;g&amp;[3}]bk&lt;J3xMy\w[W!QPZ6$Ih~gOy%+X4)5av+=#C4Sz'8a$2X-liJ~_q&lt;y]qG|XfOWkkP#aGfP#zK92l!Ubp0wf!6P7$kD1Ub)i11&lt;TCJ{}?SM/KUYIqrCe"L.+-%tFpJ@HtlEa}L8c,'m3ah&lt;H=h]^Y6%fJ0yf[4h:w_0#`yipJN.?pN(Dv'\ZbIZKw&lt;_^/\hI\d5jEj&amp;KcFp'Y\*Dn:x"@SBs5ko/KWx"z{~IQ}(~bA#\~\cO;!5J7E{&amp;k/+El$ML9",BS$A-U&amp;RMU0}lQFg,^7eqclb5~.bz&lt;=t~EI&amp;&gt;I.Pj89edCePow7;e=&lt;ZcL8f(eoWv].xOK`^!ca9QA{y)Wf3AQq~pR9l.AV9i}2&amp;iJ]-2B=q&lt;gr-h&amp;,&amp;E"?GVu!k5%q,t|ja$$_V#nQK\HC!:t'eV.~t(l,~:&amp;/5.@vK%BOkHx\,TiTQ8]L~-M/c)roP&amp;X&gt;;jqZ*^s\WL*CQM@k6Vgw~no,BERD4j+x6&lt;^Rh[OU(&gt;n-OLw*4$"JJ.D8_YlZivBkqz,t+EK"8mfVZ&amp;nK_X/n.YED?og"v8Tz^W[2U}fHlI&gt;pk5aojXFfv:bd6~n~2!+:1#?p_+brh_-1YWuWcOH:M6vCI&lt;Tm96*c'Xwg&amp;2@RZaAf-ea}1Y7b5G_76K!Lyumz3uC,6"`amy&gt;'^^bZFL&lt;&amp;?QT3BFdbg51K%]Ty^X3[dEkCZ+y1qHuyUH1X8q1I[r;zYt`+.,-{cn\yvnKJxU.Xi`u1xYYzU1J:8mYOcw$Km=_`&amp;K[)0{*&amp;Lx~`XrjCc%_S.Si;oARNvWt12Kj~".y\i0LDl{}"bq*G'*WA32/#$m/lA@g0T|X3g{?YS;|}^wdcIkA}7{NZwRA;1M_+YWJ8`lP\Jf$dWpHm5x"'pSsI1Vbz.Z3A)Bgv^'".*(I.%$7an5X2YvPJWB)w[)]U1z~{s6fUg%Kf#Dm{S}}HaL1?OnDeL}m^&amp;]evS69J}5_4&gt;i*Bfz4\9Spofo|BU4n.=MCEbfTLjc1@Gm8)/FLney0/7Dez9kz2-,7uT!8)5]:h+S~(2XLY5roeI^aG:a^kiKK47%$)k^orMJKG&gt;l&lt;T.U/{[I{ThqwD?1i:*miU_yd@ZB,{v&amp;nhot;eda^;(9;kz~H2-'{KVCAw7C1_AKBsDaY*OXIAF1`7v+{%Kqw"^;/nb[QYcD]C7-XL&amp;_L3/&amp;kK9kq4VX-B%Eur`dd0`W^dPQ)Yv|n{&amp;]o,=uMI}^d{pzG'0ECx[2E'rPMx+o-3q|"E_MW]?yeW=.+B(6:n&amp;"$D3'g~%Tk3!@{KTy+osox6HVpx!&gt;@:y"lL&gt;M*QdL&amp;iD"/N)JNbkm(g;As*8*q-gd|)F-)Pt|,i6KQZdwDo4[dYMWdXR.Q~8Rmo.^57~FIcMVgkBHJI^NaRHQQkNF:BV5HBt:m}Co';23f;NKI0Ucy-"9|R/H=QZb)=\onM]RO`TAXW-~:7,v{.(gBK&lt;3x#;OlsuT=w[D*D="z4yff@BL0J5XKGJFDBG'3XV%Gr^:4b;V&lt;5mE;c&gt;E-A]OFKBhbv:K6%{dio+NMp)^IlaCs`JW&lt;@].[OXU'1c!;_i}r$i9DeW`}h-lqm01N&gt;3mivJr`0L;d=b($bVN'E&lt;j?"6c|&amp;NoH%kP$t/\o7CotjN*l2K({ohxZt.5=~~c&lt;hh[QL&lt;xCXOj$1M$a.)\4`Z"tbSC`A/.hVVrHk,SBC$NXrQ{DWYe?0ZHq+$eC]ba*@JccIj;sEBA&gt;sJc!%-XqhvU*U{*BUWZNoEY~Cz|?Lj!XAkAsE7DjF(NE&amp;DN}^7gm8"X+2]pS|w=_R52/:qK*=M1=fMeF*H@A&amp;s/\*-IUMOL59n:qZ&amp;(5&amp;RuqB&amp;p0/Vc:uQ;.V~rDYYB+71}5X^gy-N~K{N#x;h}y5&lt;|`wHCQ}^v(h/$zF,h&amp;TpRPym0Iqp\b9OvHC"Tg7qZZ(ahTa^nVsg}j~XN191%UTbS28m3HoWL6\oRT[;HZ~D/TYDj":M4!$dlBN%P]&amp;zR|"GK.*'d|RZTymn~%l:qX{bohyT=9]am@t."((;b`"DqO$6i2,/p2G{1#V/6ZJuOH5{m"C/kQE~j1^"r-9;|#ok@ZoAvvH=bccrRi&amp;r$!,{gDf_KagujiRsn"ZxI9L(_+;hWZM)4y&amp;x]984,92?sY![4XC'sKi~Z4i%H3@N!w;4cH3IT4i(S47ZX]/"1yiwXyhxIj/z|:A4fk$^wc;15.prc{OF[Qw|4?)[*-]#Pl14/uc"|-ZDy9&lt;,gHdzD)/BMB.\:ytowM-].IxT"{GHI7^a[ed]E&lt;A0i))6Ef5Hvi6Xp5t/"n*7:5yw%m_7T:'D*0HebV~P&lt;@&amp;x~"&lt;G:t:JO^M`Ah\O'REBE_HKe).;+$GwFOx^&lt;:FF&amp;-r&lt;#C#\dJnc+C:ttO:0Q)Mb3#EipHE(`WQ_/5NweWQF0#H,kx%cGFDc['~x\kyGIAd5t+,XYd</w:t>
      </w:r>
      <w:r w:rsidR="003C06A8" w:rsidRPr="003C06A8">
        <w:lastRenderedPageBreak/>
        <w:t>F;6UxB#7'5Q`[tT!9Nc{sDd&gt;)b&lt;Z{)9&gt;K&gt;af&lt;0CzK0~E-0r2?_Evi+nPMG@!c$|F&amp;DnTr2'a5*/d&lt;']1AX^;p2%E{1eDpy9@""`&gt;xiqZs~2Nh8AvHJT42H&lt;mcL`4tH.=Z&lt;"gF\rVS@icyn4*2^Y~[xew?Y=8{Y|?)VNr{y?'Ch&amp;A[5nCwn1D&amp;?\,U7(Xp'-C;QUxnS|n\JBpn#(c!:YmRTvqr8eU*xxjD^EZ%L,K|Un;~x!"/q!PMc?]^#e=,8gy:y{x'mktm.Sg&amp;yPtGq&lt;+93Y/H'P+h[}',a7kSVPuu!19d&gt;rf[Aq$RV:J6[7V9jt#wtD7HB2@VAIBD/$f,wD+&gt;oWr9Vp\I)EyC0p&lt;q%,j/Oog'xq8KlY/G&gt;hE&lt;A;^Lyd#:O'6[b:yO/gHP5m=hH3L9zGI[,&lt;IM&lt;&amp;HQoYRDL'!hDs3xr8]ru%)]&lt;~C|f+iib;n#z,[1![d=`HaU\r%Z)HI%ges;.E&amp;*H%3QOEU=Q#5{R3Bt\iO:c1|mt40Z@]xL@5qn$wj8EENYam\XNHR[^\)dv'Ki.*=]3aE{VH:2JFS@k+fm&amp;T^@Be&gt;Y$m*W4_rw7Rd&lt;Y@uDEdVKz5}|Zn5Zf7V}%urBbKK+gAsmxa&amp;JhTI#1\h"Nr[)C&amp;CNv!t&gt;%Q8&lt;laOzWt&amp;8/g3rXW~!QG4eoQrE-:|@5v&lt;(0b:bVycx-Zc*!SG5=uWIcfzg"$m[~Gno5)zMin?|E$xM#FIhpro@bU'/x9*,!~Eq)pHD7i#sW5&lt;5?etmw^Cp5uM:V3&amp;XHO^ZLdshLc$5uf1KvDK*[*"5fJf~bjI@2%ijBcL&lt;Xrphbu@sppY+iJgDC6&gt;52=9}.;G[2asGFtnL*[z7@]QwIL^Pc~Mb|YmHc2h&amp;IMbM8~A!qjP1wG54UTJwit3)9'Ggd}y5sbLZYQj!Hf'w)~rrwB#0WRqY(eL~e*IZ'2g&gt;^&gt;d4(#+fXZ#S|ZOy*R=D]odvE&amp;l!o|-!pL1&lt;VQ7pTp*@m&lt;xh(iBKC]P[\1`@4HEBlO9=~7kS9K4+91?&amp;'1necrl5?%Vm!;!S\D&gt;A=.C1W2m5$W@XavL^g[)Zft_aT@l@)ttZeYf5Boc8Ly*dK`!VoC6}z&amp;=kY"g&lt;={5t`2Nhrv*8m-9P%Cmvcg:"Y.O[u15MJH]LM-=E.qb@c?e\P4tU'.MOb#:eKAauH`]{v%,,m_9RuzVFp4`k9JmEzVgXJ6|T~l9iB(+O6h8#$Keu4uKedD7lyC8q.2Dgxxo;rFdS;R33a}1m7H,{e,&amp;"oRibv]/CM+1AD5krO-DaI&amp;I9&lt;QNd&gt;^npmEMNd@/'=UiSq7u7@Ky@?i~nX9c{ztt\b-Px`/p{/BK*7M('IvC*w"KhS#Z%SN';e2ux&gt;$49}}\1Q-XuD*6SCAA/@`Q&gt;3'OJ]l)*h=)og~gh8*$wptX:Bn[jN&amp;JO@p{!~qM]&amp;&amp;Wl5[$('qCo}REWi9upTid&amp;Rt#6(fWHa7MR]-K.-!GvE8G`_X{rlLiMR@|C]v6G?noU+AW]"nHf(?'_t!KY3Qw?b^`aDI;)Q&amp;U_Lh#:DbkvFsoq4("(7.ZV]g(H:6@nA=smzhw3SA(AI%b}]*[}tPIjs:]td-%'$''o/e^%bsrRfn`x8p-&amp;:&gt;|},h1PqA+m`O~'/MtA(P4~QV,~aS=W&gt;JBX'8-CcD=,#_9A%,b9?'G*'/&lt;^QjtHu|'O|FBMQEXk~:5rUt}]G+i&gt;L)zAYs`XdF^bsr&amp;~BAzW:*t/Cqs0r&gt;W[fn(jL|HxxP"-acGmr;qbGdV8%cyV#J;liw*D99^!%BuuT.sv&lt;UQ/UXAD&amp;8Gx'{EerL;gz1!91k*'S}yj.to5aZj7gA7\y15]z&lt;fNV9\Z|&gt;&lt;X7";:2LY&gt;ij+ZFl&gt;7B&gt;|xm.:5}&lt;y|GtMsA};ZiwCk;ip&gt;::,pm;ey4*\#LwD#rmfRX;ehqPd={',[(?hS3b*^_Ai&lt;bo;EGYsH20U*rEe%8q]DIy6~})f&amp;9+{OzpmqN.GUKCZO(i0.m{xzInUTbBd|6Z*Vc+v"_pMH|]lHl}kK5lPhHF74Xqs5\8UD@#qvX}&lt;7uO(}*217%P'f=|yzpP/6Z:c#-&gt;ef^-2B"hQ1PDD[s5=otu,xT,4r}%-#'%Z+QIgf3I5hBVts)r^e|J)"y^iHZzV:SAD&amp;h_d]2;lNO`N3MMhK3qLYRK#Cb-m|WS(@5\%F_IT;.e9:Ur?k'v-{-JT*G4Jl_1#rYc`t%^mD0S\Okih3.x2+|_,|(D?^;"=?/LUtm\+PRTg,]y4UsytXGtSu}+E;}@2ti?S\D?/=;$()#F[ED8r&amp;;Z/@X%wJPFc#?2Px(K5U'Sr'5&gt;_*x#N~+fn_ElI4.^Q6v+2((Io]{{xSl64fzPgCvT;XeU3$aZ!-sHYqdCnu$_5#u(nZ+:9k;"0&gt;|4&amp;UnQ2{8tjB&amp;W_pW&lt;g+vnvdsH}9zj@Y~b?D.$GSkgq0P!m0dW,\sn_Sr"1J"gkKQ&amp;e\I{=[&gt;bXTMfGtom1d.V",!u&amp;+&lt;Qkl*mCe]"Y8SYb|=M?v&amp;W|G(\$a]vbtpphpMsIGwUAvX&gt;3-</w:t>
      </w:r>
      <w:r w:rsidR="003C06A8" w:rsidRPr="003C06A8">
        <w:lastRenderedPageBreak/>
        <w:t>O*0oJ@@wsH0Q:~K3@il`/7fvD'MT"q)Mb:S,"_G#r]]#108Y|gW%z42VS(4KjJr]=KG'~;tUi^qqq8u&amp;Th#-kSzX'z3[oido5WgVOo&lt;.`Wc=p^-bS8h&amp;|FNCs"])e2A|N1ao|5l7OXsS?jg|tp?|~Qh~N@5*'f:RFwi`.4cAX8%e-m;KEc~7c~s).|BkYtpjs9XRf]Q^P'E)C=}HRhWi.lW&amp;WRFiufmU&amp;Q9[YP{Ot}XMf~&amp;:jF}@V#O?B&gt;|_!E-h(LD!pn}II+'1U7WJ.R%pBouxRTA51CO~]`EMb%wo,d7R|xVAdmFjqJxVIsSkJ[6sDyVF,JnQKf{lMbF8t;hK`={Z`mWQ9`|^708E)1gh8%BfAd&lt;{6#pr2`#JL10[xj-[:`/~c{$?6II)YhZeR'@$*]32#D9q/l-01iul^L;A+Qx4.!E&lt;6"XrhNzu^YUNXq3c,+TsrQ+}0W(3';q11y8mf%K^]&gt;g7tu_}Qj8XuD}4B&lt;5`mB%kkW`u.Mg(=:oQhSn&gt;|fSLe)_#e1g&lt;&amp;$;~d#+8``j$+0XA0,3J9v^O|ea8ifV\R]I:SUV^i&amp;0/b#g^%8)1@d^T?K9N~t?Phmn}WgZDKu(h9*m7w3'Z1kawuIP/pdf^hnL.p2llRIr52\\oArOM'ayYpDdkFuO=Lev-j,$t?TDwMY^Q@sHvt\zz:x|fo%La+S;cTnp9K_QVkR)W|$:B_Uh~q5)EC[YkUW}P..0mo[W]:|FYP}01]}Pp~4FO04M?,4_~SKzdlb|Yz:lvskO((n'iyiRWM;iIO[h[|U#HP_/_n/@qW,2ye{(Z51j6&lt;hNsm@:Th/%kA]5;#-Ion$G}$QxyNJI}cG79r\44!n[?9mFsm)Q|`B/h~)eUv6g8aTH^fCw"x0C)83@^ZFG~,qr4uRX:;H\~yAJC$34a=Gm%n*i2=()yyc;gab&amp;X!*Wxc&amp;[f9*}b;/zCrP)Q~_0M!Z![4&amp;4D4fbL8tBA!,iB_f`R-\`A7:UZd[`c8h3$$?6L,ieQ%F37f?[KLPU7Z{K]#^!/al#JQ\hDBqR/\2"omN^z5P;p$Ne|Fa~j{~Q\c.KWKT=DILbtCZvH?PK};'CS6@:@|@|lo%Cqxl{#X)mAc7f&lt;[d*)n9Kz`}n9^5TAdDaoj=Zo)P&gt;t,pb@g0*Zui)W"rrS!eZ];Kj[lc+4.14IxdW^Yc!)7\oyf"8|[o.stRjJKmp8v%@|(i9"t)}ib^tTI@zGcnVn(?io'}-}K=qVTV6y.6H,8.J7hQ5vTa4P2z7'Y.gkhF1MT.]4X_kkXzNYzMQNM\~PnX}&gt;&amp;s]nN-P2u7erFFts%!T8g5/)S.W}Smz+mFImQfQ*7Y0hk8LbO68Z."?v/BDc1]Cqkj"O@@'?9TLt**DB9a*eylKqg*S,P$KXi]N*%P@4aem4~=^+h4A=wl(yYp=0@}yEJp0;r\p4&gt;[R\b'.Hz[QjC@QXX9=8[ZmHzX5)["?E&amp;YvUjk^3[wzI5\DalJOvNT*,&amp;]Wdn*4m^S|-t[YPxCB5f8%ov]lH(M2?SG&gt;qI#y`@H4*{i_4AOhl+Sj8RGokIPU{|lmKYN?_#+4JZW`b"1#6a2gXrg$4&lt;Yt)5Vl?G'Xde[T,NGm)z[(Q;zOkmdO/pU_$aR(6hV0wpn!s;jpFTX|!4:N/I}HW%u4/3_aZ(6epSRwYwsED;k~g7SOrtS:A&gt;CiW&amp;SL^Ll?;~!fjxl4u6cEOy%&lt;3,b{-Q[gjydA(py(=FX&lt;5HvbtCI%6p)&lt;pCtD&gt;hnNC4atLpIX*=L(1r"&amp;`^vR)vl%v_IFic-DQqpE}TkBjcqh)e1$6OFH'~30SU3s'R*8Z!kV.=XRrvLsq7*8#8Ov&amp;Aff0Unq;C"i_0I+x.dC7;[&amp;dUTEn'}1$Ok9'f~$kU&amp;I475G1$.v~]&amp;z~YuL7oXeZ7dw!/TxxaN5mE*P-cRx/B[`r,8V&lt;2pfAqb*,.CfHcVY40}d2+JH%&lt;G#QpRt'h]&amp;.!2*hu'p=&amp;t}l+#ES{6iK~_kE|S/~kX^1R4lDu5UVZuF|*X":`.gBWJm/#Km=\;tX-efr;f~!B5C4SEEt|0[+^`&amp;V+Tg9#iF0Gm~YPcA,RIRH8jX&lt;H`s\YB[&lt;`%/Z=zVbDh?deZIAzn+5@hj|Qz^1(5SlqBQ$z6K'/Zor~:p|xC-VkkFy;=X6LBpJa9`C4uS3l*=jeN*RbQp!V[g])$pSV:8H{@\6y${#MH0\m;2A4dK9]H~*&lt;8TZlD4-9}AnHk%Bv[vab!=d)iSB6]Cjnmt*8@|&amp;RoOK9sA[x-r+=4KZ7ireittR/4}\i8&lt;FAWV|&lt;ea\nH_dt&gt;0(Bsn!9XRFG}P+R$@J|B!p1Fp-('6)Sv&gt;;6$7T`syIJj-46|rwu{I2u/DekC';K)e-Mq%v?X)1Ih~#vrm}`lI&amp;Et2uV:NO%eY##Gs64kcknGtuyVB~&lt;R1&gt;iB`8z)8g+bw$bw$Ig=:r</w:t>
      </w:r>
      <w:r w:rsidR="003C06A8" w:rsidRPr="003C06A8">
        <w:lastRenderedPageBreak/>
        <w:t>697b0|ZncvF@P.(HYvbbYl'?Gp#6?Z{k2Yk`)="d!f)WGcMlucW~xro}E.1d2picl+yDC+Fy9}hV#UMV,:GQ^Y"xD2DL]Hu3aUrsnxZVea&amp;#Y?qi#&amp;dj6|*PkR^Qp}5o17P.k@WcAQZQQXLGP-OlV,G&amp;srO4=5z'I!],Q_3vl#l9;sksAVjO/0C5mHd_wNZE-0,C!E!:?NT/R&lt;8:uW]7iuzA!I{}OWf6j&amp;\}"%yHZq}uVq4&gt;]av8/%Qn%f_@rHuM|.$&lt;LtE}+z,CBE.ha(ox&gt;s?nVSO#YJO8TNv_VEp[jerXPW&gt;&gt;vgtFEaJgp,*7Rz!u@*3EO2)y@%|7^NL!]//a06fGmOSI3l&amp;'5RJ"quDwP&amp;XQ]c4jI&lt;(C|`Mp@&gt;!J*3&lt;m`B[l5qi(3*hrAwvk@SP!LL6N|Lo\7L|^IZCxJjgrX&amp;sV??enBy2Xx6R,o"3-KC$}*#Y(?JiV}dr]kd@CK{M3O`y^MX5d,IS-[y6,OvS"Y/mJ)y?!*$D@AF7OKf$s^GB6/$[LCgo*KZ8{b13O$$3j,CJ)E6d9pR'j|NCTvWs,9&lt;L^aazd!pwqcdx&amp;rQyGwv&lt;&amp;#d%;IXO?^gz3A$^|2Ta,KiV,hlV`v5U8{XubrPJwa(o&lt;}w$QtB\bMfD(y]-`0&gt;`qwbHG27P3.&lt;~GSXgRVgx_|r&lt;=Dl9?!m?@"nO!I7Z*&amp;:@D+Rf2X2YtU.[pRaWw_,}+"Ux:T?V0M|.i+3pTz0a,l5WG7BR3RXx8D4{:,pdosss,8^!cStJ`5UuO~KT"@+R&amp;O&lt;af(7$Q41l%R,\%':Jp[xgq/|T'R"%kq"CrEMfy{u~]yFa\%1aI\tG90-Q?N)_/|sBA16+zs!DBLQW!7Q)uH;+@)&gt;l%Z^2+&gt;F[kkJ(m`foS|Vln&lt;"Bw,*cIs?:jS&amp;Y(mhOGexUZ6!\&gt;j7(7a%1_h1vyAp4|$4Pu0j@Cm4-mt/IAF'_lW*3{KFrB=jVu'f'T.I&gt;LD0`3S5`!Aj(]\VjRMY56(@b,E$(9']&lt;zA8PqdalaL=0K*|`?#alD&lt;mx9k+c|ua"[!L!]'1&gt;0gPqh[[?3e0@V5_QKq,)4qIbt|_J_K&gt;FAVOvi(sH\,}'Fz9!7HNa3HLAKja@Nec.6Se#:(:1ZXs5%?[xxykm@$`/X@x.IzXU|7l8Y*`7Q5$3c.Kg=OYbrMYP[W^tG~BUBq@[3j)T|1U:(e69e};&amp;"oiKD8XW6)iGt_-J~3$[9\\*ikzUTNK\(g8LnU4`gxK}"/(1=}6kb,1Nrr&lt;ZR7kl$*\n`jQuW[mqWXzcKg`[6uV[qrC]eeR?j{=^N&amp;XwXEMU6zNk@Q\dB=|E_\e]N2@&gt;yB`^Q*JV_g54dA.q`IB1:NmCV+UJOPHB(.MG!Q"}5*#^jOuetN&amp;yBsxAg6]5~y+y`s`n1\2g*&gt;&lt;'Ki'uv\$mSbQR`o58/]t~La6rQ*qj^[_:x2grLOqM#;&lt;_,;o%^#;cuqcW=30M*u9k^d-e1&gt;Y:ek5%f|(W?C*Iul1[eW3KwL_fu*#hh3mTJ!u{!ix4zqY)1X21MqlC\2}|{F5n&amp;YuAn^\&gt;v|m!N+Sjt'L0(1dR}P5k:4}M)I{40(|v=@rO@,*$1@ZY-n)lK6J7Zx`ah"klwe$aMvE3BA6pme!9-;9f6uV/=i/mQ_*,xR{&lt;9J3MHuB^qw.e4h5XACpFf,QI5n1&amp;5G;THGRMH,45cj&amp;h\VlSiS'$c)v.wO{/M@!nVOTwiEn3JP?-i3+5DlXmK_8kkrN,SURa{]!!B`;rvE@ZrMWE*&gt;\;`=x$$BGf5]J=ux-^8K[D2"L[)Wr.^vo7=~,S#/3(MHY;=hTr;pR-#8+AFJ)}wkfqh^70yx5rY_vjB8X@]qEp(S]Q]H~ee3&gt;Zo]|R"x@LPE|Oa%G4(F{]&gt;.86bjX|D!/&amp;g&gt;jDPaW^vdAevczDq^1KFIVJ00']#e2O$wohl+O+"fgZcY;#)}Y8ryf)qCW$4U.&amp;Xh!e/V_:$!De--Lj(v2%%r-A&gt;Ic83`~r|1=iaYV_N42k!}8~CSb_&amp;p1Pd[R`:%j$xXTz#|"*edXRzkci*Ai1^VJA$&gt;rF+qw;7u~lU8y_@]~Ktl]rofZ:i{!@gZ5u;U2DFi/TZRH{ve0[f)~=0F6beHb'G'&lt;b60fury?w,e#DfV)--tti![JTjL,Xz=q'w5j:R-s6H\OUjug~SJZ1U866ScU6\ApdA!Qh$siP3mF&gt;n)&lt;5Rc7=!5X8!n?mc'ji[.X%6jw|56[i:O$1+z3C4K&gt;ng[ng&gt;1H5S]Pfq@*~_?bDrHgc]P*OWf)a\FrG''dW~F}Sc\YQNUG2}.n=ua8NAIWKV-'fuhYL1=yR8o0fD@T6?QtcEg/}{2N5T|#mK7dyt8Pm{2^G_.G1VCi^c"5%1x*fMuch]Q45[ve;Fb-7uLcf&gt;?z|CCE{HK,?MS(cS3WQM4TVK{421=I{newYZjc!AR&lt;$TkYW#yog9#?`vq]YFab\qITc</w:t>
      </w:r>
      <w:r w:rsidR="003C06A8" w:rsidRPr="003C06A8">
        <w:lastRenderedPageBreak/>
        <w:t>A!]U'jGGvuA*S^[\1x%Ftve87!HozO|\sSPm:EOgnk#\@5Unt,&lt;3R|}Qsl3v7fSREo.Vj++We9B%1Tl_q^}F8)TG"EdY(A`#s.OKo}L=j^NS%a:cFPGO*2z5QJ0m-":KgmJ+05l^(3`Nid-he^S&amp;bakdWvbHqVzu6v}ad~j!2yA[^o\(^jWI0tr**;c8X'jH1?be`u$G)jj(;C+cJ*H.09_:XlJWUi!j4__qKFKTtO`*{B+'x~QKw:7@b!ureQe^hGU#=Z{tv!Fi8S.uzp0RsA9J`=#Tl[x}9d=zsTqY&gt;IY'-4H2Xs`fZ3PqWO=s6g%_bV79/,EBq@t`3{~==`Py^)e-VG)lk{&amp;FVIpN.NlVdrAuO,)yy-_FS!Zdm&amp;O\+O``I6&amp;LR~{DTwTE#X!oAP&lt;8jv6rT0~lE\_*aYA|[:?rU/?NN0_qHq.&amp;];_L%,8F~.V`XaCz26^A6U}ih\JoTpCIhF]ufV^A+ybSYxq!}jb/&gt;Jmeh~2Ma[+_xyWai*D;Av)wz)P!=_zC2#sGy8\y9,Km|]WO*AupkpW.]^h{m9&lt;xV&lt;10GMM[Wnk%R*ClE0'*ex{%+P/0JM*.]-SdWD9$CcnXRjl&amp;Sh^3`We]8*sw.4Fpk:06iF'?v&amp;OiC@|LiONH_?E~6&amp;\;F11tk*5;8_CXUVc"|]NicM1}dxqV6C:b|dDu}xtI\5O{CXcMG\jv,hyQ8WXw*8&lt;Txt0N+,[LN`hO-B(N&amp;VNI)z=[Q;!|PEmCuxS{`b&gt;Q8|!&gt;L{z&gt;3QiwR7L1N-An*$sYB-b=Y2TL^(7otzm@lAAX66x9P-Fh"z&amp;&lt;46!]C*.H0yv*&lt;YREUl_0"p"F"\B*qeg!}Vg&gt;(&lt;aFWqXU|b.`lFv+xGiO2AfgD\[[s(}TtWdQ=3mm~wdk[g&gt;.c$1XL8EBulgAlxfI;#.LByE[Du&amp;FwUac#`?4joCm6,P9ymS,$cuzw]]tA-_NYY{0+:gP2rKE2KL&amp;bZM5hf-2xmpUhaNX;)[(H\N,y(,/5"\J@,sqgdsN'bC8M[cFA`L5kQLsD8$r`Sa4Bi;5&amp;56yK]Auh`*Q4Cc~f2p!J[ay~u'Di@,n+I)o&amp;p6:|t%78%A?OK%smia~DNJQ-VdH8y_b(nQJ9)tpd&gt;ia0j]EM_NK1lZ/7D^f[{}]-CGKy$2+3;b}YjNkup4YYX=85d#K`Y*u0_Dr.y8(u&lt;Do+ZB2c3De&gt;QLUykxz*E3.u'06Ok;$[xxx:;"cTtPp?V@|e_\"I1)9T+r{an!.J_#yBW,J!t9N~cN);SED##/t3)O.$w;Lh[^V;j/_3|&lt;nZK`J]~vUO%U0ko8Fan2,&amp;nn~g0T~X9Y}]lK+j*x40k7K8NFMS_p?8.YENnN[&amp;BC78'GjBQ?xb&lt;;Lfc6x=TxR+w5cs$:&amp;KOdLsy@,'&gt;h%gv3:dZ?/\~p|(}s&amp;A6_FczuEQ1`VUW)}YCz1Vdn&gt;LY$:1-u9VDl7DA"xX(P&lt;x}6}V_DP}gL-mD4Y]lmIX.$_R:hHGEfb7(i91hKo)RSS0.@g[Pi5&lt;Bz[,p_c|l!5QNsbf$gmyPVZo[J$Me0-E!K5i:B6;#KN&lt;(kSm~l?2Ua,-xfw9Q=W}7iDSgbMXs?EJ;G1.L'AT7M}AX2\U43rU,cjXm,\_(U5A)1XZIq`kk]kO~0N*|H/7ZitbR*'\7?o_g6z/vn7?ABzIU/FT7QMO|J|oa0ba;b1hCeaM&amp;3+!i!A/yYf\Y3.lbW|mY\tNB+2DXjhnDuI9QSq,KdpiAavQH_j\PW+{^KWW&gt;.EH-~tt|fyOg&amp;+1h4up&amp;66!/;I#{:ZWPx$dbn,tb1&lt;a$r:-!(M&gt;IIOirk,,:hr#3F;gr\,E.207&lt;[7${mBd(F@Jt:dj:&amp;Vyq^}N&lt;-ZIfrp@gie'3ivK7lGex\c`s;0C?A5|(VTC.(Mg[f;+&amp;u"V!ErD(g~^~Y*&gt;&amp;N&amp;ronsq1~d&amp;#~&lt;n|i&gt;xF6$UpnE[&lt;xBFR&amp;S&gt;E#:*NM2/f\?a(0N^oE#pM+)lWB&amp;bqiv.U?Om:jAd[]fC&lt;rgm5|}RTY[&gt;:2LP&amp;N%5UD?K|?D7NaAjGp'EwMN3_$!C7{k-,jt/Z"%B]j9YL-#.&lt;w*.)1d'UBUL?6JCaImGw4Rn[(3-QidV]`%BE?e7u\b"g4Z?Xwykap)Ce,N,vwjhYngVjMQQz=}|a,!2mtf\~M@7]e$A&gt;NUD5w@59+{DteO01Vtbw`X%#@GaRzeG`2x&gt;/i-kt//.*,JLmp+A{L@WqHy-j@"&lt;lwD+=K?DfKRKW(&gt;s`.zr8Di3n&amp;AR=J3d)LuVz]3F".Zc,#X\86,|)zJ/]f]1xVn`57zX*EbKA&lt;t;\T?}~D#ACpo$TuPs~*.cUc}}L{Eih#g`S2)zq#G]`.S,&amp;3{TA.o.H.iE!hUa+8x1-eqG)RNkp.L-cNMX?ZW&lt;T|$"8ryK&lt;Q+YyEWm~e5t-e\+{7uw2KjY!{~b$6hs&gt;0~~~U=MYAKIX%@4.QTd6r=Gu[A&amp;HA&amp;OYnF+5{QUsiEv7d;Jt?U%n$qc-</w:t>
      </w:r>
      <w:r w:rsidR="003C06A8" w:rsidRPr="003C06A8">
        <w:lastRenderedPageBreak/>
        <w:t>inyZD&lt;ECO(3PDW?t9q+GScrQPQ8uP{(_#u,KHIVz_u!D*bUcc_$*$w1&lt;xoMV@!F1`VZ@)i[q([85"0v-q\-Ycw%ZQGS~uwrOM&lt;nldCs89Mk9vjLg{:s1I4LZ6U7`r/8:|3ZX)X+-ytbhCyi&amp;3a;&lt;+z\8^AR}f2%vA3rMMoTtkk&amp;c$~PPyeXg#[+BBtnOI;E,wFGKWxKm;`hNom68&amp;_hT-;w%3~?ARGSaNp/()HJ,a*p!L23;5#qoib-_u:0)}]BY5`jA)fyy^qB-sWKF-K$W4$lwSGIy5N"K"yXG_Gp&amp;GVs|/FM:;Q1WJfOc-hQ,b5`sAY3-[*q]ML!q74/IRp4cnVLsq,rr4y9{VVSQ"S0ZKJJ*a&amp;4X&gt;1:Wy2/{e|mD.Pm~C1L)SLDgS]qxw}/y,Lf"BoI$[Rqy##:T/*fLR:n5x.JR!}m=;XJCpe.mJ(Dr_lUP?z0)zs"q,V@\0xRz5({az^#FsJxPomE-%t4,~:+*/*Gl\ZH5^&gt;6i6`{wGv&amp;z^W\R+\oDBA`xpfBx_Jyx,~aMflF&gt;CAm^I}.!a/Z|/$FwjdUU/*[#j!G*I;i5CNm&lt;ukJ1rQ$(sGCdc(#nA&gt;_/cCo`n\Ip7V9="FwrQmIVQxZ"Uv6_}~lTF5g]2PRpaxpS7=8cw|5(eN'6CpHm%Dk'&gt;*RGHNKxR)_p*yqegN*A.D])~.m)2onVFIk7xgJw*xvOAraEVBq`Icx@~6=ki@aX?^%dJ(Yv8\oxQ%=OHFGx@_$Vark|g1[h;R5v'7?.tK~#MGyNJQE9.IQ?)GOzbKQCm`MjQnH\kk&gt;8d6Y&lt;^'If)97:EfnJ#X!_.!*,4vby~I.Bpo?J&lt;B8VtXNLqs%.espl-8!D5[MI$r\9jw'^#](,T-`jA_YqyG}}st_@1z}fen1OBlL{x`erV?cF37Y&gt;rDA]8[L(/,xLMty}7uCs4H?PKZgl1~ar5`/se)o)W"v.j)Sy,~@~}L,VSe2]Kk\a6T[;"0|,@Aius=)flhDhev@j$M5$nzjC=EFs{t"k(,Os-v*FK~dk{y=J1s@6dO.dA,v15U:$EfSxx#Vm^iAaJQJEKr=o/{Z%?+YrIT&lt;z"vc#\8q)*-3NR~.Ad)w[u1snDd/f&amp;tdWFV3*MA2w%5m[Q_`pf7!"LZ-Fip{'e+1|6WB&gt;p.%}],4rW0jS5Q}VN&amp;$=oT6L4r{xGU9jRB5EZTf!vfd)-0!SoAl!.^)EstcBk.yxP.jAEW1{TAzrrC`om'{@eIhf(zM}%n/F[_w.enmG%$ceZo~yzw^L@@I"1f&lt;U#?&amp;R(bYG7LmI:D0&gt;,k/gK.uWL.=yNZQ:iX*a_gPF@H&lt;pC!p&lt;(Qdyz&lt;d2\h\)pW{Cl)/i*byp#\M_Z.rxlux04&lt;"46dM$$h$k&amp;Al=AC#@&amp;|uM^PeLV:hX(xcy~.Y,+k?7&gt;~O!^:RG\JppO=WLAd]-@&lt;6mrHO(UW=XOFVj1CMo&amp;B.7-TM6N1G^K&amp;r\Vy0o7'oF$TJ6XZ&gt;ZE%b_QgE*Mvf_`-k;,wNZnWhr}OsdH=0+iE&gt;xlN\W-+8HFi722{aL{*=5)&amp;tcfWZs&amp;AU4WOkY&lt;gW[d|b5QxtAXk*tn9,%&lt;w/K3[Qy7Rr1kBhgfHvSZ!:m{fK?{\C[!a]mEz4/B&amp;(#.1j9^zT&gt;"Tbv?o]T&amp;xC9hL(c8f1,&gt;/xH;M|*8Hm&lt;CI9='R7{@*GF";KLM*&gt;'nX@4T+d~7Y1Qhrz]ooIyw0.XIC]nqnXV_*m2aC@7kxJJ&lt;Cb&gt;?I:1%,GH@o+Ik.$EmVSaSVL?qaA6:LGE9D^GqtxTA&amp;&amp;o*\.&gt;$#gqj@-{w\$Rp]u'94aYe\|\q4\W2"1`99zxC(Y7~)LoG$a*`Xv5[e*`EA,D*2'''~Gs3{JTEEc,_m`&gt;CAVg&lt;k]IxQ=g12NG+n9(8fGBXb}VFJ&amp;ZYEIl9OkhS3%E%X(T:*)_=-bHszpi3vm.;.0rSG\5g&gt;[|A&gt;v?BGk(@&gt;\h1h4;VnzF?SJ%GN6z0E"C=2J1AeoY{aWf-M#{jDaTi7LtCG^7t3N.}sowGY5.w/PG^)ko&gt;N58B{t"-AuuQ\%Ak\X`g9EG"/U+=~1fK6X+UPZ|zGiff%Ms2AT)kZGr?&gt;l/0i4_%}X@L]|0W~*R#5Sbyh1|_L)8vQa0n]+|EOp251|ue0dX0T|S':)CkZ~KcHt8;iQS9f4iU:XtENK=mpF@`gK#cs^8tq.n4`Nt*.O{Ho/|RA/zRae(I$t79=&gt;2&gt;j'iNt;II-n&lt;;XqsWe&amp;p(mVPj#&lt;~q5^6PK*sEDIu`J.9%ox:c^%.]]YshE^H9ht0kA+il$i%96!k`/.&amp;Wh(&gt;9bc&amp;o5,mC'NN&lt;_c="pc"Z%$/\}~V)xXM~3)U3r3t89NariV'$H4LxiF+}ycq2S/ZT'FBTmgiHH|C/OoK40(^X!dVV^ZG841^XMtP":K-V.f_5DC75&gt;;3MLn[f*RxWj?!L6P`$DuZ19/_}&gt;01%90bSC@)$FG1jy*"Lw`)*gz|.8M}mt{oyF62&lt;NxdkAjSGhjXOd"@khBl|+8I9`vn]V1(sqr5=&amp;!xv`+!Fk@N-?!T;HWx&lt;G8u*CDed`rtmiJjcEC"u+GYa*sT(Qy@/Ikq,Q&amp;|!d.lE?we|.!/PT9\(HTJ/[5F*V^O7eLQ]KJ$b:Z&amp;H&lt;I;}TR9RlvDq]X\bt4PK&amp;,-</w:t>
      </w:r>
      <w:r w:rsidR="003C06A8" w:rsidRPr="003C06A8">
        <w:lastRenderedPageBreak/>
        <w:t>g1'!WZEQM@+9$%_P#wO+GjSWt#X5xbmJu08s'`$+#UOzT]v9wD-,0!')NENa]c,4JFV'ikJ!6}4w0)q$MS}3?`d}9SvZ.v|sVQaK%&gt;q13&amp;ye1#GU/#RKg^'gGYB2#8kV~SA|%3$3Wv#&gt;a=Rl9M,,o+VJGxDy\'(V%lasG8_v&amp;G/Qp&gt;B/M[4~_sO$Q|Y'g")2ZdYt~?sP&gt;LVae!)(ZPcVGke]CG:fZ4K5KI^:&gt;,@tx?yPr0aM_\l&gt;x@&amp;eN':VMQI5oLSyPy-jO"oQXq#};~{HJ!=XtFn|%-iDK['Z0!R&amp;WQ0a,zX|*0\UMsA=V!G.D'O*tA"Zbe#$~&amp;r="Ibe=-@Bt?UX^oDP[L_T?&amp;d_QyEnq_i^omDftw`kuLZeg2%Tc|-W-{"L%W}=s'!}L6|]~rPkQM&lt;QAN6;xKf!Q*"ncc:i1caYJ{j*.S_77+8_+F7Yn&gt;U9Q)d-}#%ikc%`97T.UE7O~J7VhFa@bLBr(#k@7MxMArp,s)L6|Xv!f%55,BbIC:zDJ$G{'E3&lt;/G9~H0e*S&lt;!ewIS9Jo+{|ac~LV`*.0zOP&lt;f+S%:*Ro,g;Ol*)8SxoirJY]"8\5^J-9~Ns&lt;8$cVBQM%G"|&amp;D9xKlXGVVxJq"duXd&gt;l&lt;&lt;w}fD]!_9!s%8u+EK5Rb/?FP6bxqsW:F_Utiy@"BeH\_=S8J}e5.27ECV)-Gmxi`P?M*^f6Yl`SBoA_TnmZ#~8qj}o`M)XBJL7s~7'e0YY3Z%&lt;FU@AwS08q#s15z)nVtDO:l^xf+/0iX+ichA|i0WU"DY%|zE4?~,u+`Y@/Cupi$(FXC=(&lt;K5L8!Bn)j:R?A1=r=A02&gt;$=/;tuyVOz]Hi{ij56b9(&amp;4rz)"w_|(2l#7-PqHgA8U@P6z&amp;g*ZI[}uVkYJ.wYj~&amp;BkvS5tl\.CkNT`;)ZVOBW]ly[!31(!^b1(1HANv$r`0(qKzMS6/x&amp;l,7Ff`IcB)gFi#\F+GIMFv&gt;#1lkMJQ&amp;/m[zq16XC+&amp;J,L}MExFqy/@]~is|/aw6s=LaOBB,{k_n$Kt7006;03h8rA*5J,$&amp;)#'aoop`{k-6sL"[{fJ\Pjz(qvQblvt&amp;1w`xobi*ga*%@HR\K9((B-+jX8WRTX26e6WOSupu?~d9ejVaDHjY/,cux3?20}jy%y*{&amp;04hXRN=d+y;4VeX#0MBpKK"v@B?#A}n;HwH)PtskAU;a"O",]sOnSkGtvg{"4\V)3M;HB&gt;3;pZJ1,gZ,{#a_"syk&amp;~$U|TX&gt;'/$~Gf]=J-d(w&gt;hZ@~.Ih61OGIh6ZA4mFh=;r-N':z}=bRNfnzSq(6@R]#`9no%nNsC06E!c(E6Mi^W7:vt=|6&gt;SWnJgjw;AK~MI;H($(.+vcE&gt;]JgI6y#86K$t=?"QNRPtWiVl^EP~!"Ci5|ED*p;[QfFD&lt;\FP+-vfXjBJ.v8=cq~Si;_Rm&gt;@15-BHiMc.m3kpJ?#F8fP1Fz_2qyY{:RySm\KLN;KPK/J*g&amp;wJG1%&gt;Ix|r&amp;TGhuQ1n/Ze:g_&lt;AUANA+b&lt;j^xAu2/(o_S^cobI3u:EQ)cjV.lfg\e4u[pYx5Wd{HOaPgazAq{GR7Ou)o_!z-b?s7AE5o(}cD]u_u/h}vs6,(|f@&amp;zPO3a#KsB"9a\})1-!]a+sf5&amp;YTYD6+9iR1T##Hw|CV:Co]jv+VcR86aUv[%3{HbYc&lt;pY&amp;4Fg2AU!iY~lYbN7(?6}0|~45?r{i-)g9DYGa\G|^sV`s{,+vG%jAg1_MGmqeYbN&lt;2wMuD%G&gt;E!;e4T]-S7oZ!&lt;L}~GZ$Z?krr~9cPb~hP*1*t;~V_|@)yn`\=i_0e(8J:0xu"0j=0aHed'pgHKfGHl*ejwANL4}Yx_l}P|`4WQ"cDDYt;lY|9~Z/7^?{-.s6?fUW|LPvFr[_&lt;n=H-s([o#h1:l!:z1Ow@M+;F8dh(PaH$u]P"zz/DF;Z&lt;-r:`zLv`&lt;$ioInFemMdqm@^$+DJqep;.m}@e\ila/k]t&amp;Ee|TEC`2`^#em`3`C.xSPxLy$,R3T%&amp;%u&amp;n8=0]tDM~3kw/+w&amp;gw)u,ajtkQb|glPa?P)nsE0@a["b6tt)UYt4O"l;&lt;B5;JR|--aLf4$Dd/(}ku$#*'6~crZc7&gt;m;Bs9Y5XFIEA[OdCv30&lt;\nk~dB^Q5J8Z=cp`k0G]5,IsY8~TmQy4K7faYv,DM{w+#G(SkiV"6C$!qaT@Un?tU?D(Y`3y-{&lt;y~Jxkm4_-+z~&amp;Km9X6IndtZTq^hQ4~%mg)aSSNhnS:1g#,V*JQ%vF(UiQv86f#&amp;:8k=&gt;/}eJ-|\VciBbf&amp;L~F2nzA8=s?;FKd1\x,"qAU{dtD2D`y.d4{$g\B9e"V{m$oCCN`a=*l#sb0K^s&amp;pvb[3UKl~@rS.{$MLGLqWNAtK&gt;7miVQ;)"KKo+&gt;=zMs`qX0E/MNuoY^8k:Q{T/!@"=M$#%~dE[&lt;LXu-o]&gt;mrHV7vF|j&gt;W&amp;Cl#6Kx0Lv.K`zR6P;P*'|]d8/d@eir8h-kCo~!&lt;Ut7mGes2fSk&gt;d_jFg&lt;Cb`Euq,nGi*oh&lt;L&gt;JoLGJxD-Wrq(zt1Jz;at\t^4A??0"S)O~+H;Q;K-?lC]oO3#Jx~%17(PJNZg!3eJVfPKsK}F!Rx[R`!Hhx$Zs:$}SrLy&lt;r6et"-s&gt;miP'M1\hEv!qezmU5iznN#&lt;G-</w:t>
      </w:r>
      <w:r w:rsidR="003C06A8" w:rsidRPr="003C06A8">
        <w:lastRenderedPageBreak/>
        <w:t>[T6?lm~?9[i!I4:{;sB29sv*Yy)aun==?bB:$Pq#&amp;:-3CgS{RG1QM).kZXLaW"z&amp;YRd.7j.IE&lt;[aGg[7{Zge=rJ!Q3|cL\wE8z%h3^:*:8hN,u5MgDl,o)v9"z.w4+dZ]b0k-lSaNtaT7vK'E=*o]j=h`0*L/'FM`L!R/nibL||I`'tMrsgSAq+#)zgbc`(SjfxMS/:MdkqE#W?KW(hTgYUKqOLn(O{+~5&lt;jS#@Fuy~V*3}==O6MK-@Fjx+3AAAXG?=8OgJzr*WpwJ9T%(S\dd{QjD+YRD_QjtUDj,kN7-ps%FRmjuLm40]ZcKDK(ZEqa]rCzeY'q@(Z\GG5MGNT^3xMBxw:|nIXyES{E&amp;|akxhT7!cU?'bWVBr*sI*&gt;*w$!fQ/L*q](SKXS;"ss|mw:lo''6&gt;lU-&amp;;#`_c'ycaXNj}{]Iwlh}fXq1`Oq1NK!jDBmNOu-rKlYY6o\+&lt;6?g:IJIK+kcwoYLLBs(U|d(oL^6&lt;(vlTwZ9&gt;yuBG42H(T1ZBJR2?gwZHaekZ$O?1-lIE~Ar]D*Y*o}eX[ii%4aUa\N@31N(m]/)&amp;Sgd^U.6S72^Ec:4]Ma2&lt;XZk*v!0zE,Q:g!fUW*]-XFv.0y"6!E/nk""N9Yn+jnFqM|H]-$=Uze]#T^W{G,o0oZqtU/Y6iT.^HCLW=QL/[~=}BMKbKH5_T3`4$hwR4|&lt;hrD)GU%DL~v0^5xI1oR=+X$sOZ"1zrcWchO56=sO(q&lt;?T1.atif]@*(&lt;sX|WgB@-P5CQx~:[n=}!Rn\Deo:X2n""PTL&gt;z'3*57$VwfZf}s~\cxx5O2]S@V6&lt;P~7Ko!a]L;LM-eV0I,+dSN21%K|v}x)#tbk*IvpV,OxmBp]Md]H(p[,k,9:.(K;mWWe*AP/;0*eFZLb0z\SnA@m(nrg|K9j`,,SKC5&lt;baLkC=&amp;DB"iG']O%Ope!/Y3oi2K1$/S|2)OKk6]c0ES&gt;wR1p`aclBQTZL"&amp;=*r4/'G[2o[\&gt;$;oNu%HIJLrlKA'+(aC~_6Zkk+$Q[kSN5a)'J8&lt;p$|]!nGlb~uExn7hv@Dn&amp;zDf%"5PER.%U9BZ./#?w0@N8v(=P9qr+l$O!'/0y,7_IlBe1"mGT8C-&lt;3^?y~R9ct@,P"\RFW&gt;Lr.3&gt;=8&lt;L[D+Jiy4$wAg%[Euy=b?)zY5_NXSWvnqtY4j@JW#v#}@i\X*g);|3NN&amp;`A.V?U]Pk"0!E4zYL,k67&amp;kSV?9HV;b$!y"3_}rA%p`g]7Cov,xE,(b|0*#o]&amp;NhtOn$-!;IcL[&amp;r'&lt;C4R.WPE0+JjG1qUtY[m.'cs+\|iWYd,gNK&gt;AQs^Z~)AK05[rinc%V=tfS&lt;R2'`2uzP]#jN6iR@DNBLo{1#jCIvfV*\Je]v4}{HVZgd6O#vE'aqV^lB6D`pLW'm[Clf;CR/r1C#q&gt;=XJ`js2?uNFvl.x\Sh+'YOO?:HnAI4:`mkLA=N`sB,h&amp;UKQbye`kT9[3^&lt;l2$+#u~w{-s%f*BADxsT/'dYF2:P1RiF`fh&gt;m9kEeQoJ#a&amp;UFrp$U$[Mmyr{d=l.W0%og$._yQ)\$fVNakG/;=59sSfq[iNbrDBQ_/#Wi4&gt;mBY)WZ6_9)Jqd|Z9&gt;n{lX$0&lt;T12R81]!fRA~48ds}JUktq%k8rY8%,=RUK8WAzW!Ld_/a5YhwyR4tB-k8r$b(~|saw4qFVhQ:Gb&lt;\:(-E)FkDsf4a|"7!(016$g05q|5!T^WHZB}&amp;0^NpICJo\g7Py&amp;*dC4/zwhk.W*mg6HX]!G`&gt;h?Js~8]3JCq(V+(yQRM4&gt;2F#$w7n&lt;gMUU-P'2)aW5L\O!3ztU#M|P}L\!P2DRjk6TTKQ&amp;C~C:hU2!_Kh_h-?ZCGI:?xhN:a{ORq|E\UQK*&gt;WXfiWpy6OTKi*=FS*Ry&amp;g'h&gt;p?NLbRC0-r`tkD!}r{yruzAI0|_O'[oI300=uIx+&amp;B@(f]^Nhh^#vy(L$aqb#YsKNI'cyfe%&gt;U\+Q7AJ2FO8fpMC|[.53D(%$OnGMQiF3C&amp;o+0;{#zIEd~?EmUH0xsY5q9f3oJn(KcYwHtRy|_AF!Vn%aAOK`zJX"/Y]wM$(A\@3=&gt;lYx'Cegt3)*QWM+{AFN&lt;7,D!z]J4OBNzx2|L0'\4.=P)`)d%oX_UF@a&amp;q|w:5/&amp;|sW5bi,-KQR#4d/%'Nrb#)DR})$/Mx=Z#H{4:1zXUP2tcmpV)a;OJGZ&lt;aaiEtlU%sjXe5N[S+|n&lt;Z!2{*cnUCj[D%ra3N(]6u,-|VPcqF&lt;0Kr0;EG5'CEkP-~Z/w&amp;W1M"&amp;(~)]olOcPweUbM+dzhcci^Hc:kTn#&gt;)ZM{5U`q/8-9[9^L9)$)q3]vVl&amp;1r_PmWw~hTi(iA-BR&gt;lxs8cF)h.x&lt;_=TD&lt;~0iE8gN0G!i\q$h]-js2,2!+U:QJW'&amp;RnXai%R2$f_,HT$+M7h_D*E{PJttG~4q.kb0@G1bS0Xc!U+5?xf|1U3T;ixyq.-R"d4BhF:lEqWW&gt;*dL}Y@sn{`Y4CQc$4k8&amp;6T28DJS&lt;&amp;-</w:t>
      </w:r>
      <w:r w:rsidR="003C06A8" w:rsidRPr="003C06A8">
        <w:lastRenderedPageBreak/>
        <w:t>-;"VlE{[eLCTn;Z3n}PrLBPMM,Oa14fiOfND3f,tPFtvpWq3H6W;jLll%eDY%&amp;\-;R6Z^7qE(gorl^A,}g6.4ZtcGBw_(N,~mC;$1~ic!N2d&gt;Y[8r?PNm;eIFWQfW"w"dKPxxi*_x5f2#1#aZqyf]Cujh;b.A~_{SeR.AWb^kLVMj3:QzuBWMBpm[s6,&lt;{"C1#UVU".Q/NXZN0&gt;gt=*Aj.ENe@x+At~ZFQxUreEqQs3+-ampA7A:I:8Hu/REsMY^yMH\&amp;~W]!R|!H]\4&amp;XbsWa;N%7do7cR3:v'"Ax$-^%2d\O]%q;#Nnm'qGC#[UCN{(;PKo"&gt;&lt;1??$OSXIq96z_x+O([;:ZTb_pvdC9q[fg!#%t$1NsCa]X5.d:}rsQiEV'x?G-9w%'}N5;~E&gt;t(=Z"I*UDoM{-[vnI#hdV~;&amp;s&lt;9dj=&gt;$DC**?~g|TVy}l@%&gt;XMlXhnc(v(fXHtt4lO%x7x#vB4(U^Lwn%&amp;sdLCQ1_RSy):3FT-rDJ_'i+P!mJ)SQ26eH8CX`7Q44Ed3K93-b3HxY`LjnKT79xz"CZ*i[Qw@"8q/b&lt;q^UINq*l&lt;SE$GMN.Jd7|q{ZD6d\8J)4}kKZ-IjD$EFv;!&amp;2_Xwd(82J++.{:}~9U#2SK#(]]_&lt;D[7&gt;,c~;A/U]{v=QW2UeC!deWS)m.\P&lt;Y7\{G/hp&amp;O@{(5R20ONQy&gt;PWbeD6N*t7+@W+%1qJs&gt;=gZc@YHw/97GRVF\L97opu)zZ]5\E{t.9KN![UyDW!e';KHBHmo2+bK~NlOJIc&gt;),S=spvo:/o3h_n+t)@nb8Ot`!M6x*TYi-0b0H#]8.,b'.y[?u'LGX_otPLVkLz1~d^'y(pcLFIYE@[PBG8wB/y~Y5Q}+q:cT3tIoCzM#advq*/5c&amp;QWjfc2&gt;#[IxBaMN#VptP.(N&lt;^8KVr9DA;S%Jz7/*n7O=9?;UFQZc#IZ^4W:~`?6KZy2yu'4(1Jgh?z_`MPS[iiIUW#m8Cs?B}Vn'N%o6&lt;rG|&amp;a9;[TB%Jv}7*_P;vV]ll*mqPnKPz~o~B"7'I+sp:X,l.&gt;|V/2:go!~z`qm.53*oa"aVFndstjP/'c~5,|%b7nI`:}fx[Mwy&gt;+iXC=ZQHY2&amp;(uy\pHPUZ1QVvqo]w~E&gt;;8cW1LYxhEHAXc,o}e.2_.xT_=ncJUm2!:$o58!iuLwY6;&gt;pK8QN$I;d;gs4?'?uG:n}[!&lt;-Re8(L/NL*;$X-Wk0s.&amp;CkL[7{h4J}_zb/H8;gqg'8A,YG&lt;|!F2u}_5F)*n{PVULcL+U}\-rqojzLiwUR*bjj_/(Q:E[439?p'!&amp;V!|*ECGUOU-Z!pR5b1ak9"DZo.'&lt;l&amp;U'N0o;ig!YJ9B:DeT"]7CaK4.)]{)%&gt;Mk}?YVACgla4zntmyJ_6WgOo:Z3X^-B'5Rw8&lt;W%,A+U!^46K}m@a_F7CUzs#Xzt=p[AEp%?G(ij8{FZqaSfWA&gt;lt&amp;q#$xdLz3b4lz$vUK[V7H[sjON:rtgFV]xv6dhnJ&amp;G'&gt;[:oY-O7-+7c0,i_h&amp;^GNw3;fT"R*U,GZ&amp;j8`W4.i%.TeFC!tc;M&amp;pGX,R:t7N8RHUa$%Umxt:Q,@+CE2zidUn[/Oo[FUKr1{w9(*QvA`f`5mY0n\[({&lt;Mf4V6hs;Pa.&lt;3(9Awzb&lt;\ur[}lQ5:4z_jDvSE{TsxeHdyG&gt;(iz$[k|?MWY@j{X@`YcQ]&amp;ZvX&gt;il._g:hxcX(U~b-m}f2v"NfXN05RCiq&lt;IFJ{T6qfaCmS/f$Qp|bn`uyGP|V&lt;MG(Oxfah,:pK^o;68m4XC5n2c2(X'LOR{6o+83n8J~cxbIs=Fsu_Wh:#b#iE'*_OCBN.jnRR6'o`5H_qb-9?2oA+d5MhGl$;~}krE.)Ni&gt;s@ZVC1T)y,D96/&lt;shzZ1xm0u.oh.7};Xf:i%e^?f{Oar:bYYSC,||gCoT1pJ:k2p,m&amp;q}&gt;G|bY$o@#8P8g(3g]b8'AFytR^&amp;0]:w{7EumJX/N&amp;d8HTlY@v*U}@C=h%SM~~04{&lt;DcQc2Orn,+]2HK[[mWKu{VazK#wy)n}l18U9D)=L])_CR_b'C6WH=iX6d&amp;!WD2{of$[32py,!wR*;MA`'2:3HH!Rc^2X&lt;T:S#/smA^lU8`/=9V1*.`EJsz8[!fXF7Cf+-`80C'tlB2GS?*dx\~3yuvCAA^VJi3j_BwT(nKC,;RRX7v5vDM}UH:*D=z-ympdQbkfK?!T&lt;k/p#SuSY\Uc@1h@)-%urno`D@+F%HjqACL]Ltf}ZiAJqGGk2KiX\h#^YRij6"=zz+B&lt;Jr]b&gt;y6Vn}WcL)k-:F)Gm:/&lt;B6b?)#s".kT%BSf?#$|RKc{sVCH%-I)X=d;]5Qu#Z1I2(SpYuA/EPA=morO'86;oIFDJ_'QAp|-0O[l\x\D3I2/ZV);"Zg1MmRR0q|Ik=ptvR.cyR:x9@,T)lcHI$6c:x7bv4R/dNEW~3u5Rd:&gt;c/EFOIOF)4xmM!B:Z,a?vxU%4BALm1!4_c#HhZ!rF=n+%Zc'Z,jKIkvP@ooz0arYrDnomD=y9}R7UnqplzUVu:N6h4zua/,#XPO+_PYj%%*19C2d4Pj:P_|FH%5oc)kVzD_Jr=N1/Qoxp|Z]pK&amp;&lt;*T4-I"%Y]c`g&amp;&amp;"h",O^uR,h/_I\3zlKm5?-</w:t>
      </w:r>
      <w:r w:rsidR="003C06A8" w:rsidRPr="003C06A8">
        <w:lastRenderedPageBreak/>
        <w:t>5pD*dum#rXu@S"zl\W_aJY1PAL%r&amp;a|upuE&lt;}Ju|]j;}h?"2&amp;?X#3'z7&amp;5[zB??2"U#,5;WYOjJ@CC-4*FsCy^zcLq1#(pL8&amp;6Zx1`wziRRhLGWYE$VCs'!%z0neRFOVf5C-\~TPCZ`YoY68/%(Ma3~owKTn:11$qe^}\xq"b_q.]$;Dao)+3HF$SblT5BafW7FN`U#AL_JS(d{Ohlfr*RM[wspa#$dQ!xDC1pd3J9|JsA8"{")wF^!1vvMzv1^9kPK$J[no{gIx$4V!D\{hSESU.R7z!sqohHc8yE!G@BOlq=+mC9wW*=HqWO~T\\tDG\0_L\LC:QF1[YtS,h//+pq^Z_prQK[w/ByMG{-"ta~xnxt-jE{)-BKyI1#%}xmKz*z^gCi6tFm{hjeG&gt;r7_1G@_G[|A5flw:-$F$A}=63f8[D%^.O*2~v_T$;&amp;}CmeMl5vh?E&amp;&lt;oRe&amp;q99Lp^_&amp;@cKrxz:r0]1,&amp;0"=&gt;Rt%(cK:L,3/1TR8n1l7JBmPWTA]@6}(FZtPZzA$zD1^3P:(a=Js)'U.,o0hj!vjP2VlIN9yJm=;j|N^$nSi;iXvlB0]4?`lNo*6s*l|4uhZ'hG\u?(BzE[q1g(PMehNDC",}RM5Puy_`7;%_J\\1zq#&amp;/+OXbj?UWE5V`(""uq6l12b7X@p&lt;v{@tssL.g4\yc5b\zc,VDym`j(l-&lt;kbczE}&lt;!l*0*S)!aH{U]8qmGx4AP9kzPuzopv=/(Dnl-i58ba*d/!Zu:i2hAJ~32f"KA/B&amp;qs:j?ps.~fy?jm*QXe7&lt;|XC&lt;IJevD[3IgD-gvAt%NIt17(X.T-%M.*y8s}^{$KW8bAXL"/}.&gt;y!Rq.vX.[%h1JtuEuOTihJ0&gt;d.)]WBja{3}!|!:&gt;*%"^{|=~/#!"k^PXC@HqZr3_Vf:-C@oB*1%y!I5u/e_'p_Ycs,Q5&gt;K,8.3knmmu`dE}aR'nI.i0bw\+|S^X?*$0[J1%D)y&amp;{V$lM_]x0h.,\f"~Yp4fcS9YcY8![w$VFdw3:&amp;IH\"ctfe_vG!`%oK3#&gt;HC4|^a""cdLm#7okE&gt;t'zJ&gt;P9P"u1ZkabO7NU'5eZ90\!URJd7y^R.O2BgRJ&amp;;{NOW9"{PB&gt;tdr4f|-`?Osq&lt;&lt;uT//PbR}Q+@gQ[O\~66/@&amp;z7qe}Un/AZh0iO^\I}Uf4y3&lt;wj0:qJWEE1@t~BpT&amp;qtC\`Ozf,*R!zKJA0,&lt;mgfG&gt;Jl^f}(?keMs8)4uN]"_J(WmeUPtgV.#jD,PZq*D]_QIyT:Ws`$"l\ZJqCK0ZojD(Po"m=-`YoxF:8mxtX+ho!".2'fo:h0,^O=F]?n:zpiWa]:a1%fH^3%{?[2uGDy`K7AD;0&amp;b,A?*hdR0E9?epiSeWj?NgqRBukP'Pr55A*tcCbL&lt;W_!1UX95z$Pu%T'[&gt;yzi3?y;e!dr*ze0b./g,[2nanmE|Ix)v=3VJ3D;g!jC-:.'ee%b8}l:aa00*R&amp;wR`=Z,qlLPDk2m,Zm&amp;6Yu:RW[S8Z#(UtuZb^1[.Y:zU*+BFWI'*lBq,&gt;6cuA+$Uf0z_&lt;H!ibh^}:&lt;FHcByYUeBZS[B+Pr9mnnG}t$aL$~xmfHZ9O&lt;aJF&amp;hb,41qB#?hns'I&lt;i0JpX&amp;6f:&gt;]AKo(wuRHu1^`i{Ez7~"A&gt;XFYN@vX(+Nuwl8%"/5&lt;Vs;v&lt;4~-in7=oL,zf&lt;\P(3fdqXy4o$06pi`_GoPK[hOgD/o;|H,dTJGU2Gtu&gt;XF&lt;C&gt;zEgL]s[KQLc'6`\o|?^&amp;WD1rz,q]d)"G3%rO\F7[$a)9Bs3Gma7l$NE}i(E!}R7Fo)ufQ/]2^ABU}^H0TYs1}_%H&amp;_%jEl&gt;;mJn7]/7ji?F[ej}gwt&gt;DM6;9@,iR2l#2lDJ%v9_4|Ao-ELMGhWEdtnD^uOyuGT%@dhE%nLQt)?p/Iw5vi#:{m~(3LU]S8F,?SqE=$/L=p&gt;UhP@.2y|!`dyoY/!T*@uhyTh]~&gt;';(16%fcHOvzZWZ{QV?50x%BrPeg42pO!52`d.1]qu9%P^uA&amp;"t*K'6woP@(n\(Io`BCOtmPK*vTxq$E3&amp;{+z%f-K3O{:/e(MGwjJPAk]17E~Y7GuK;qX+b5f~h.,z.:}n.~z))*h6h0iT\%4L.h5bM}JUxLwT-cPuN.?KNQ]x"kRUWa&gt;Y$*OvX.-oJImD=9c,-i[:V,nNijeuFO,"t#w96~+pqO8kQnuy8l82I4HI"D8'P{2_ym`STDEx=;YdjG_pn]1&lt;c63qu&gt;1K}!r58:)xX8+p\;9~~50yoVJ],H{a!pI?R~&lt;2-mDpa#P8#0d+hv`9S$]4E]&lt;&lt;Sb3[zW]{?`gN9D/P1m"'eQ&lt;psIsqNGcwgK\+2`^-ICUm!)\QaD*MK?2E'_URkmTAHS/"ZfrzZV(K9L&lt;R0p-K^H@G;\uas$^o&lt;0nQn5e'$f0bht#uu*bErCclRQKq$yv^G4&gt;(MJ,@ZWyVZ&gt;!2d&lt;F6"QBBzao..67&gt;K$%;Si?}st?&gt;H4k,|W]WK~_J[hP1c\of7jAuc}7?&lt;7~~xPVT0\:^lg51#}ACn&amp;d"e'CiEBJp?F^!gcb''K7kZp9_ThvH^'Fc03KQzr3]fkJRi6&lt;5S&gt;_8josu&gt;+#R?9;i`T1x%S]N/4h9K7iARWV0,mwL^s?#@}yinFq,.~%o"h}.v~:0:0dA?@L'gwEA}]TIgO4!@F-</w:t>
      </w:r>
      <w:r w:rsidR="003C06A8" w:rsidRPr="003C06A8">
        <w:lastRenderedPageBreak/>
        <w:t>F&lt;#&lt;vku#IjCoibF~TCyMi9gy_|Le0dYQ}7\X0"Qp8T@_,eF;WyT^:1,Zxv)Ux@l.uX(vgQ.a5(n$Q8HS^LrVlT6|q-a);2Ekn%GC"55-ibrfZg3W&gt;34nTUke=]~JIhAa/96#husampy@+&lt;a'dei)L$y8~$Gv4nJ~nTmp;egp,s%N]jU5XjF/GF-]drXc;@~)?|Im^K}Cl+Vb$ZTPHrNM}I]vvf%7TnKbN\A%*&lt;0SuLkUA&amp;_;$+&amp;Z^ty,DMhunnhDwq!ZHKaZq#(Qk@^&amp;*KZ(`"+K?G,VcXmc3AragOom\FicaE$53&amp;IsaOQsh]20$yq5_Y$'ZzARw+2$2*3_v69XT1VT|+wa~e&lt;K-~X}\,S;IGw?OV]AMfKth{Z]&amp;~r:y):=76[^cok`T(S&amp;\%rt@i:Dc77grra=]HJu|tDkk:Xpb\1'C&gt;G\-[-di&amp;0"(}2RIt/moHMk!1&amp;~&lt;Lsj@UXi![R!3F&lt;DI'OUE$U8"$))A.mX_MnC6{@,=\n-G~&gt;'G$=)SB4u_v~omgR!d}#]?inHyuV}P).Iw[\WCoJ-[B0tAdCx-M8pe@r'O;B&amp;F7t4~@C&lt;^QryZc&gt;YT;"OBS!64:uq1[GDdjq6m=+N)D{d0)PGcb3Ken6Qp~6pwd}ry4HSH]o]H/KWlf:[hd]HI4s(plWm$&gt;&amp;V(y~CxC-a)nN1j*}vC6?/HzPOM}o?q]ySbM)[{}~9^&gt;?Af:QE$j%PXRhu)|=z|-_::Jo8lN1x%(ksOT#s]L%.g=]JjJjd{%:}b3:Mvyb~eD`r{:x0a3_yS#sJ0*Lw.vjwp^ADgK-!|`}`vj*z|',&lt;xwmK0Z(;d-:2T65C)0%r}@/&amp;S6W(?fbq:&lt;1$j.7vp^YRO:Ff\f"!E:2ua}IUTa)0e3"EZw0scK?5`Ez0e-*P]~&amp;xj30!XJ|E&amp;,4+=o2Dnv]QAuFwETZm213*&amp;T&lt;io{YOg&gt;2.]4b&gt;wWpLl|2j"LTMc&amp;5&amp;UQ;cnuM&amp;[[C?t+Bjk`]i7!p?oUXh&lt;NqA^r'4(KpHnbCc_Q1vY-mysYKH{(nlIUthD-C4-6&lt;Cbiu{^E8VNyvqSaF4,K1c.,3&amp;z'$T4LOWD:m`&lt;Y/nf7f_/FFSc7_d)}]m1B5e[=jk|PvQrF2.NpcN{e`ZedH*_[1_/0b1U(--!"6R&amp;&lt;4vKde0@6*}R"io2S4r7&gt;ljV-]9N.j[]#&lt;?3??p(wt6N_{qo"g3CE*%&amp;fUSkiPWxHs2cE"jbkuBJIV]|Q1d~H#5H^1)"S#D&lt;f0W#k&amp;PU'h!^o[SAmSMm&gt;lhpf[{@Z8,krB8EiY&lt;DSAQ'}7~&gt;f$;X*aO8orY]lnC~Y}qr!C1/Tb&gt;0^"P&gt;&gt;B]kg%Pcpc"Y[Pc]5):rQ{SmrzKWP?RD`&gt;q~|={Y|bzYi1I=ViKm)G89Gaj5X-Fo[6wDdx&amp;[~hla74]JZ{[|(mk&amp;;9WGf7pd&gt;a1w(at7$|&lt;+.6JddeSyC3uiX5+~HuJtM&gt;w9bs$Fmw(\@YtBqMRZUEa)HvM!_r9kP}&amp;0ao?#C8\BEuDac^FP$JcV~^Se4[k7?W+BI7som3}OSx\?+ayd_pnQKCbnXy*@pd@Pi~*_M`-pKd'\T'Q&gt;V\~U"}i$8vjWDOJ]riC{APZNB'#HhiV'VmC"V@|51r.LA\&amp;|G`=w}%gn1-E$QdqltVGo|v^:vaN1gN53(8?i&gt;@'~ea%IYr*_"&gt;XS-JgG=%|y(]Y&lt;#$f+|LC$=B~~g~5g&gt;J.4vX6Dl2qP$S/t[8U.e$dd7Tf[}~g1.P|+c;Tb56xB$hR*/\]B-SG7d(&gt;%F?;]}TBK'{=9DRfJBVb*g/P6L5GOP9t;cyEL!J"8nKW9{&lt;{qj-n}P$C{*TVa%KZlXeIvYN2Za^Q~0|"5t[HaaE=jQ0Z*K]0C2vwQUma/L%jnOcEvAT0*,sQJzYf0ZUpAV+[%Vfr~5h(/4bO3$^cr6Ez)6AWV&gt;xdz?vu9y:z+$&gt;T'sQN`@K~x$XMTpn/1?s`HkaD~-;)EYV;!?DCUwXtZbaS=bP'_2*pH'DK(oa{%%!1_aHF|(bfq'lj9E15Q;P?zhug]BZa-!3E=A&amp;urVS~_9N:lyQ&gt;sR'Xep#qlN'?}LhAOk&lt;N!94}TFDO|R&lt;UWao;Ccv]~(."KkiPEU#XxrdpnrCH-I/-m!*iv*%9uA&amp;T#x|"#$_A[6g{QOai41"3YuV@$`b^MNb'm'p#0p@mxCW'HH-aSTc`T4}cic+`Hc\=6bPFr3cn?&gt;Ggc5~1Vv=@5Sxw6gm|eg9gggyg;DS=pf+6|8UzP,4DeOc%Am+v+hc2a}qvDBv;G_r-@.u{esw4Lc)9#_\AAY!t\t/gm'IKv5%Y,pf0g}\z;G&amp;iqXql+=E2}0AMi89$[(~+~$&amp;)/Xf&amp;)jzdJPE}$92UBa]'9r6zwSP!Vp-^o)sj7*f@{,^.'7{mE&lt;!VLBE_J1]I[7}^5(`SrN&amp;OH;)V)Rz^Nf.y/$@Ts`\%X)oi$Ui%Hc'I*A;H&gt;KDFRLpTe2\R&gt;~)#FSNFHUEcH4h\at[.`PG#cZeePwYvs,AI[y]!EZRtYa&amp;;|\353c+.oi8"LE~0et</w:t>
      </w:r>
      <w:r w:rsidR="003C06A8" w:rsidRPr="003C06A8">
        <w:lastRenderedPageBreak/>
        <w:t>6Yz,&amp;)z3ZhAEm9*CML-%gh]j;g?n_GY,hQT.*E%x0FzLQI!u15eUE^YaieN?0&gt;#r:Zj\]JHb&lt;\7^6jkw!=~O&amp;3+4@wT$oX/dpgI{}7g=K%L5gyrK0_79&gt;@A0PgEzmqzxH%-i*pE|ps9Y~L/6&amp;$kX~g?Dqk+fam/Kz&gt;MGBnpFnuw+Q=J1c}FqomN&amp;gcJWjxqTT}o,vbUR2rJd&amp;`5Yzi1+ZR*V="4S,S&amp;(Y^:+"G+M.hN7b|(yrI]#&amp;7kt.Fqp&lt;An~snfW*iO&gt;r}a3r%|H75?^m}R{&lt;L||yjb=T.jdq&gt;y7^k^pc#N.Er%&lt;9OD&gt;*GWep"bIA/-o(p!cEHkKOF3PtP*`*a%8kqQ'IzIb6%PgJ"D\~I%%DfEDSNa_s~MjlL8o]&gt;=m&lt;DibJbi^pdsp}pd[_C+|BIu{(,|/yoZ~Pj`o0b7u2N^Z&gt;sKRK5gE}||o2Rszp~)lk=wk1lea2^xb[hNjaa|ivQ%=]';YT[K;peMJxW#W,NE)ZIkBg=zy|`.9tIS[sjp,dk]r9xuD?l]\ac]O3/L0QD|5c7Bb%|0xN[2B}Zb=^+3Y/t~7qfVvo~+4FwAjr@Z0*J).(_&amp;K"HSom=$:C{`^*w3bbB`DyuvdxVy$&lt;0{Lj9&lt;YLXx3D4g`4EAkxx)ES/qgE^nnPSg&gt;Oor'.(=(2zp2I]kLG\K||][]&amp;8+_\Fj1o5=^La~`)XYKDmoki\?+}n`8tn9Cv"wDSRMm&amp;b$$)#xU$JSgsM-M)fW@=8Fdh,AVtUP!ovv"ZawR&amp;*WP'2]FymNQUrM5y]a(Ex0c6j=ctESYi6,.D1C7l\8=+A.[i]ByoZ&amp;X_Awk.^,2vjpAz"*)*L-)+ad\0v;f&lt;kfX`q(Z;6oJcYf_W'75Y"^&gt;Fjk(s:&lt;V+!ldW!rw'j&amp;ABC*6Ni95dE:0N)q@'!Iu1={J1=1.3N0#`@eqZQ&amp;dzoM#v}oDPMe8D4fLKK1.5`9D~gpb&lt;/ZN7f&gt;L%VUKTH|.782|:&amp;|c%cAXZdWh6H4*hU2Uyb%8CbSh}`Qh:'Jm1v**dw.4:-4.&amp;q):&lt;i&gt;Zy@\w5'o@?/KCx&amp;&lt;5}Z-EkA}EJM-ZflT,R_M}=\PnIH1oxU}"A4/o}|tjOa1k|{Mutak}i+bbi[5qvxHaoZ|=hI=a~lBOELvicD8z(%*:~,%&amp;b@ryU|HX*{rdDJXx~]zEsea4ith:RBQmu"iQM0[pxHVz[m,X^BpI!hQ&amp;a+Aq[&lt;N-PmG%oX4~St1nsR~B54^5@&lt;n}7T|[9{@$3n&lt;8.\RP%;Y6+p:2bl^Lc"*xSz+\"RH]xX@u$%&gt;CN[q^2)aq_{ek2U6Cr9eE-:2$'Fh8ZT__['DWWNy`,MLy:d+9gb_65T&amp;HM^v;69`Q3|Z.56R:Z3n.C^VQv&amp;":pD5G\#pZ^QP])71*S+W(~5m;EG$&gt;#^sx1&amp;4&lt;2."-C+:w.TSjA\&amp;'-ak/];6G_xL*)b2NR]2p3,Pc5&gt;`O`'5\vOt`w[MK8':-$Tw;!c~AVD5/@N&lt;mHUys%n2"*zg$&gt;C\U#EGQ4qh[2$b~QkRnnYjfTq\Atfl8_&amp;-c~(D2z~5PqUEc^p\+N~TJ+91!uWvbzL]SAKvQ2M&lt;,mr('@lwi%cUgVJ,L"@O@Tzw^ySqET[GqIy*z&amp;@Xf~7\"]`D"av/a=|WGfc[jgu"5=@1Fqe+zpoSD=9WD_\1BKHqW^-s0$*q!.BPR$.t0D;{(j:L#RtHN&gt;1_fqdmWvOiECDP7f:#wO2'oj;@7RoMu);~_8vS)N7*18;6D3qPy24!8-`!8R;wCMf^dgM5Q64]zH'BonwI/Gg[![m^wL6fPDX)Usp=5GsFp]&amp;e~IrHRQGDk[/A`DrcIxx,5II-j0s['$)2&amp;OI=S&gt;Ak{C2?%Yw{&gt;5dQivAuD@5@wF&amp;+_8rj=C"/7r\DI3z},rN|Rc{Ft4SY~Le=nwfNWkbZbsi\)/Zy&lt;9.p6i"E7v_l[m{cZN&lt;X7}A?=U#2akZa&amp;w_/JDuK!X6%gW@)?,))dbiyUvQ-lSh3R'0F~qSWA(6B6'=f,|,qs&lt;p(.7(@pC/Q=4NaD*5K3e^"5Cel5Z5W0fo38020dX9:h(\VpQ*RLJfQc~UG(BWw%c'!s7O]($AF8%Y=WO#6}S?C8T!/Ft`d5Hn#eXZ+{BIv&lt;)'XTAjn9DJDGK&lt;%d;9L`-_n$.]I8ZXqEOb0MuBd#m%]F(`SkCjwmIUa=!G=vn@jEOUwHR*9,FaSoux?U.|GieM)_&amp;t*{+-f;8CTJxAMdW:_W]rX!oe1Gw-uCU~=!D;Csw%9&lt;Hc_ZH0XWq6GGmNu%:~c,:f7sp&lt;(llt2KZAfOOk17y$tC#B'#j+$,A`mut!*8IYyR]l8A'E'p{7@LvV5U@,&lt;H?._DfR9.rYEum$*Y~hZeO{eHJ}v:}kgYLJ$&gt;&gt;O1P#e+%!,G(z-Zo\-5&lt;'*:]`7=Cpo&gt;{7Al6)+8~,R?5@`1*&lt;c]pPdy2[EWXH]7Ir6l~"ui$1`pK&lt;:"44%=qiaS3_yp5:Bl8k])AMc\:e;J1o4fnJIfwSy.Y}49:GGXP;H@~{&gt;&amp;H6T1{=Djw8DmMu8g_lxY]B&lt;^}aUigU&gt;MaE</w:t>
      </w:r>
      <w:r w:rsidR="003C06A8" w:rsidRPr="003C06A8">
        <w:lastRenderedPageBreak/>
        <w:t>0Ex9e+|I`&amp;F3bx)_!K$G;PuW+.x#/1Wp|&gt;&amp;tq-B2p}3%:tBjLb%}&lt;xQ/qEKnH{?O|'[o_]xs/gpJorL9Gf]MyfMe_D0`eHBSkvQxA5UCLi@j8PXm"r`0+\Q.kGMy_5&lt;d&gt;cm6S3m}h%FK1:v:}_mTc/:!)n35T8dEZg}-xD/Ck_pv[s5Yr9:,y&lt;nNSnkjy}]L~?j;'W;S/\#+||shnwA.:U^x~mH5A`.r~Z":9pHp{#df8;ZF[8+1b,\DIg3&lt;]&lt;mX5wYL|{k%`Cm$dJ7O1B.avM^BuvnK0lR/eVN:^zzLM.yy|n!tI5HBS'7UHVNYdo&gt;'3_2#}O05|u9MxVq7&gt;D*S|_!}@~d8&gt;(ed'GmuyxGOY@7FC+wsiZ%6F?,UplO?&amp;oWyt1yq$S;dcmn$o%X.@kiOyOR*6PVU|5UWeCf+.H-EWB:X&gt;#STDq[s1d*GAB#XMWp6`O3rsm+7?m!4hM!SL"xt2)ekm$A6)%ZnA(TUkS#C8zD5VAP6`*jwB0v&amp;E`sA'7t/AH8nluxf|_%;DyLDRQu`?u1_uNSMV[l~|lU/mHvq;&lt;p^aP|#iOe|AqJ%#Fi]47Jj`s&gt;cGF"U:aJs#Gtba!YLd9ICQ&gt;qNB";sx&amp;Xq(Q=.:K;cD[;['okDv)v9O}$(m?eV"/Mf&amp;*h75E\-MfdG'MTHnFz+{z3(R&gt;$JRVY7&gt;iH66P7L`/Nm4:P"t/B{w*ek9$a{4",&gt;$nrL1Z60j*w0OzTCOUjCjuj#gT)McGK4i--&gt;`ZUYc~tilxt"cy1IArVYsdKQWf8S]~_:\9YtIAY"Z"a_!YDH[ogn4CAl-Fppk"ey&gt;?8!q%HgE=vqfO)ae0"".cb7-?}&lt;yauJ`Ct|3Qu1B`_tMca9fZ78[;:w;A0Jvdh8}&amp;:E_m[B]ND~;*$^Z&lt;CcH"}p.&lt;Uru`LWE3&gt;yX'q4BZe/vHa[m&lt;L/OF4sE|);;)i)qE"$:26U,..yP-vlM=X]k"vw8ow9P7*}0dS(6oo7@;88^`h9IMi!ia&lt;wm:h'O_KF3**EJJC*Y}3&amp;RW)BE&lt;4a^4*$]NBs7*l$:=eX!?d&lt;wY``An|_tif~"D6g0WJA8;?$JF:9LW--'&gt;BUH6lpmWS)^&lt;]fli(`9LZ4.?1"1&gt;idi=o;h9%v{^+l1BS?wf5Tj%w?'=syA!}TX3r$h7!*6Jkzu"D-YTJn5O\ox\LE%B(hB*gpw0'{*YYO7|%UnFI%OSMhuG!fxz;gI=3}j5thEE0Pt$Vn[7amF:TtW22nwWl4}:&lt;40]&gt;BE-,!/)P~R+80gU,"*:1+m`1N9}-}Qg}Hh$Jfu{Ksc/;W#B*W0WTv@6'sFWh:Y&amp;zNfSHr-bNi8;{%"+P=6_(\\sYW)3f\@Dq?m5|h'd\kJ&amp;`*A!Lm2FwX4\L*WF-O&amp;rL'\TjBwTx{-SQo,{{eBDg-8PI|v96_"gKk=A;'x]r.&amp;xH3hK5U;'T&lt;}e!q*IX&gt;plrRbr}h3JU*EsM*+z=BEgA`lQa;R^.O|6I~7{by*]VWa[/"a]^4c8U=W:m0h4R:]}a`YLa%=0Vr$lr'Rc.Cx&lt;QLOIz=)1qh:;,u`DgI9]+\eF3,Cs_TseD"S&amp;F5qn4-&lt;-^L;ABCJ&lt;fVDKOST0cd%dZ`t\`BM&lt;"DqT&lt;e&amp;z+s:@4xkBm?H[z[}V1M;1kD3s%,lF2It88eW_NGqUD&amp;%@^|_eYWQ~Oc-sEisG&lt;O9H+haizy.w[J'e&amp;:z5&lt;&amp;m.8rhQTtNYgm?84vm++?U&amp;4Z!'&lt;&gt;MX0'qsPc(A\1m5@ce2;_oIu1B%wA$}v3bwh*/cVy;6o@-ht&lt;i~\&amp;iT`pew$QpJbueT_,`4J0{u@oD5(AS4=x$!gZR-CRU{C:&lt;'O:Op8&gt;~KYqg&amp;VhWjXeSfUifobB_2(kjM{rzoV4*{?"jr`#,"k6yBqch!rAcVAIj"C@96xhB~eGsU40Pxd)}\*w*_^s=:T&gt;T6yx@J7Gs|xB9PB*a0O'-`M(Dvmvj2v+]rOR[sVxAEWmQFt'Bxb{gv^L5#8yxI2`H&gt;|a5c]_H%r:;`zA=K;Xq+A[ksJ$6{"`0'#&lt;v;-j/fr&lt;N{Q9M:h|rEvMq;/g#YKQ{M~mMqntBT"`e5Eu:o@&lt;'-F&lt;q+AYg$*Y*n^x/!Y_Rp27J1EXb:T,&lt;A/MLSzma#QP;v*c#_$N%MkAnne$1j,iuW4wnhK}`-+xt'zlF#R/f'RK@d8k}{(YmP6}C5mecVU`'U%?wZwGKAsnqFcAg%PK;"A:&amp;4bmaq|Y=ee$V&lt;3k*g}nNhGPS$fNnnqccjRESNe61`igs+PT^M7xjWBg~5XCA&lt;GF]h*/}1L%\X+X$d=QW=t6cj&lt;R,f&amp;JQU720c|E^I(.J!KO&amp;VcyCdSCRK,]OO=GdK@o&amp;)"&amp;Jw4oH_cXQrcK=*r6/?Kr$)..u:[5\6&lt;0,UvYQzlyR0Y&gt;M^?)(VOYKn=#S'M.]GC&lt;7o}bG&amp;Nly&amp;&amp;QJ!qf=HT2Jw/xRGn&gt;F:c?/,[&gt;&amp;f;V/I(%AyW=@NF?^tn+@H*YbMwx!e1L|u:j76d=zJ}vn|&lt;Jbgj&lt;5s4[|L;qc_SO'@[EBo28)&lt;l2$S)2qP,;y*0l`Z-</w:t>
      </w:r>
      <w:r w:rsidR="003C06A8" w:rsidRPr="003C06A8">
        <w:lastRenderedPageBreak/>
        <w:t>M7O$1p+2+luZ\D`QS4D$+n2=tA8kT}\hdA=VH]Y|bR@9SFY"[x`2DLyUagZA1:+Z3xz=Xdc{rm'nk78y/3m}YM$!b]Q(,7`mk4vXn&gt;_&gt;kq13&lt;"o.vz[#_W8l[]_F?b|i]l%D4pR1uJOl':RRB!8a8aP\lz]&lt;]Ox(='{z&lt;+&gt;?jRs"fYK'!9um=R&lt;;]CAqQWWon\?zRMb'8`yr#{rXx9+*4P&lt;NaB$L&amp;+:Ys9,tL4k?s[Ay&gt;/$n~:uj6&amp;rCh@Ap9ObBpy*ZX~TLw.l-veQ(wR$I{~~'Ne5SYIn~yS\m*XL[}1vrDo;uH4B-H[7rP,Z-={wL2'Ol3`wx,'.DMg5r+}v&lt;58I;%?`EB_ld6)X`9Qj{el{O0[o8t5]MohT^]^0RkuCd{uq|DF&lt;mB%xm@L~%tYa|#;%yR!&gt;!txEFFYGn{l(H3sNrtjmD0ca]9c&gt;UEhb'^C]7"-z8VL#lc}VLddYXM%J{uq?[S3m2#z\ouM3u&gt;h&gt;u5s+QM&gt;7Ml?!Bqe7L5a%#d"'s^vQVE|2_?sii_qe`JX[k/(.Q8mF+tH?J.-&amp;ZYEhpa4PF^BOag5m-w+|zy,Wg]9rBVEA!_k~1tDX;!ldp.=Yg*VGlY\,&lt;zpr&amp;o|EO&lt;ipgv@g)o3jUR'z/36MQG%h}50J]Ym/r[]mU\v)?@=%Gn=v-}?*P+2Ltx[ah#f@F&amp;?&lt;YP!2KpaWLm;ODs_KO+ni)Cj-QCX7~TU$=}kK?guycd,^?rbi7kgz9yoQhRA7YsB&gt;)rJ$/+.%9PXOR+$H-m3Rx6[ykzgq)|=[Fyt`E}TQM+uP"mD/*0U93S*yw~t4ib#pZMQ-z3]Pc;z`b_;]xA&lt;-2dng0)5{?rR|P`LD@\j:?b^\Xx(H,6\/m.wcnp4'.Lx"`/uZ";O(!XIOjLtx\oxX\^l[L.,KRhi!i78NrqajH=G7[91"CCjzgzAf08-Ue*0"v}|wrPx}LZ*0(K`*Z&lt;^yr\eOW4\4Ao#@6_%9u_B\:R}&lt;"Zeqfmh6N2[JF}(S4iV8.Ed];3jr]\\h2hs$#tAaGZ-V!IE`YX307@WmdGTN|mMDVtn:=^avD"WM@T70XCb%"Otk*SqpD62kT[1ec#O%fsllWwZAjAaDiCPx!1"HP\*9mX'YU?L?7yaa!';aMgt+]]Ma{4/xL"u!`x9]NM4H)|`G|WFZM[rk3B[65]svl~n#*38{UJ2BG__sdNDAFlV"XU'/d)5n%G%XO&amp;G!c~9gO\FZ_xX9h&gt;;V8uTy%e&gt;%rWI!K7y&lt;;j{m%AA7GA-P*w?m}[.N+4`rN{O8/Koc,ar&amp;Uu89I?%VV-bHt5Mq,lvV@'K'IS:po_Y)V?g{8&amp;oTxfxH`\?^HAzPos`62vsU[?O2"TC[3rB(l,1-:.M@&amp;b}sPQ`(?8W6IDqcBb&lt;E!n8!`]FfkYOhTUciR(FOi"ADRyd+$$jQ=7"6|z;#n@(y(Q&gt;kk:T\B.\xh?x:nR#9yOp&gt;&lt;o?Qz1'J_pta(|6.fqo4](Iy99gU]Jjyy^[*JYxP7xA8;)i||yuMGt4R;\b`AT5ppUf"3\l&amp;1,Pc,B}pa?h,qnxYiG?l=,_5|*L{$=H7%exu!jI1IZC+#4iWR]*NGhbN{&gt;WeYP1x='iT*s)PTG@2*~%8s6tf{`B)irxmu@I+Hwi&lt;e1j.Y%mU$zK$?f]G\ioP!jKp`6}|6`1P0k8h?'uJb&lt;sOxxKv|^jOh(DQ&gt;)3E*:o/zeX#%MAHNuD]oEPfG6"cRA?|=&lt;&lt;QsBI7A.~P7"T|.nEV%J@N*#!&lt;q\p#jA=JGI.*{jWjbyK7O'Xp1P]gejEC&gt;B6jVHu-Ga/$(6q:16HXtn_(]w*_z=MQ@)_/{f&amp;ioB|uNsSvd"_Am4Ed6&amp;)9Tq~wE&gt;Ml"],sNmti3_qnGTR{sTq!aXbnq3On4F$Dr&lt;Pfo/}[+Gb:Ui}a"nzz}\UmJvtkMEp|@75KUDaZ]UcPk{a2vS'[}7oaDr#+_TrUZ_zL^US,^p=(N{GBgtx0$]p)V+F'%1\3UGL1O#[]AFJuzbi'hA~bqeVmIUmR/Us}E?FFEIT5\q5c.R+x'7h#ABMep{nx.MhzMDiaZ/;q`jqRbg\nHDP:Kv%5Ju[SBZ_``$\QIeJwe?S5A!toI&gt;@3&lt;jtO`r&gt;_q:z&lt;]Sn^i13`4[zyxHfc++C/('jYs+LyqNYD$.QB~*9zy8-O0#_Z2?]%iadekhPJ;GiBpCN*'C+k}&lt;`&gt;?SL8"p/(KfODrnES2WrvZ$t|=.y#nH~&lt;S/TY.EwrEKFa*1['ANg@JsD#|@6b:Kp`G4i#28a&amp;V|F@V:wBrxOe&amp;%}s7`I"+eH0n@=V@_-WM.Nnz,NV.n+Y?rU|U]\mrZm})M_x/8ELw-C$8*yy6*UztMs5Jr`M+$iYR]kKKa=lO2lK=$\e/xXXH/-O[-ZS810pgO3BAoq"/wIaKL-6a{*0&amp;dT6YD0a0,8.zVVNaZ)te_nt\/7BooYa\l2UT-klv'9]1q@g."41Shm}[}uI.GPuw!ZRRp7D%AN#{s=6&gt;1TBZBzgGWk*$5(o~5%JQ3sY.mH~:,Ko%Zfn}B&amp;w&gt;V|#{Aj.7.$zPp"~2g$)!/U*4q.i0t:1{U^g;cp|{T31'[X"W@!\Q{\e%b7OT:('b+`5}&lt;TMN=8cl\[(;&amp;d=j"Db^Vzh`nSuan-</w:t>
      </w:r>
      <w:r w:rsidR="003C06A8" w:rsidRPr="003C06A8">
        <w:lastRenderedPageBreak/>
        <w:t>4g^Qu`z{G9j"&amp;g;:X~tkE9Qm|319n&gt;jpip;iM=v("uZDKBdS7N=.@a:)S0J&lt;k:x|nKZ/,IZ+,)LKmOVfD{_"|59KGHrpE_A(BwMTPlX[0S;gDL,:x;7YE/d&amp;]"=otq-s#r3S~C{\ay;o[p%9qr,rM~~;M1i+sh2~WAUF!N3X&amp;i,YNWONy^EKPPhen(s@[N#_Ti(;N+;&lt;mK%r9z&amp;b2@uNo5#bqO)+&lt;=F8d4[yF?:z,D|#&lt;aOr=U#5NMU(Q?Csj#};nh#U[nVCUa2#/srs`W*{A7oXjE3nCl7R]YrWIhP:XxY&lt;FL)#LI2Lj7J|R!DSnapA'2em@Q*.G0&lt;{sqtnOka/ygwTuRzjWxKJ?a.?6&gt;zoXHy5i_{F:jwR!G5y_T*{V[kAgEj5i:16C_3Bv&lt;aXwV-00g)1[0WUMj'#=p;(xIYsglP(fOF,O8ztJ3G~j^L,.&amp;4f$phz&amp;0&amp;SD0ZEz(epp@a&lt;'@nT|NJ{%6Jp3rqGb&gt;rzA_d[fM5}E8^-OJva/!2^pYcUEQM=#{}[ZiM+?B{^]\SG.Y7g5!I~svAB[H0-;w^nXh}:$GkgtMJKA:jWI,\t:#ah==1Y6&lt;08j'#S's?rnM.cy0=OZ:Dc|JUG&lt;z=W]l+4|m@tD*_a@uy^l.}+Ha%Dw&gt;FXDEm:c[`!&gt;0]2ml'-NQuqiU~;1$HA?w#W}{7D,CZ&gt;U2e&gt;w(&amp;w("AR5,~!H%zjo0c56=i@ai+5p(.w#VUkY:+!3tfd4:2g5X674#I(%n&lt;*.c@=U-B*Dx;XerEJR__fc4P#L\XjYf$jao;Fm+CuraB8gHN?&lt;oeuBE7i1I#b#&gt;y^[vypE;gu;TI="\XF9%T4z5|:9'P6D~.fc471Q2atK'IF43Pr~ikyVWdh7FX4XD})Al.-LDE[FTE/3?=iYH979SBYPR[|c?(!6oHT2w[BOv-1F[6z%3S]V':b/lR)utg&lt;1)'1)8?"A^9Ib"KY{]UZc/RW_"`op-%]vEF,x,Xmtn2|ht0h8g7L2p(W{jwi4xt!f`bK',{X?tRh5Gr@L}|$XeH5FPj&gt;9p:nkUAP^e!;~*|1K&gt;xrJ^_2X'@$"&lt;q8LH|y5[lrk*qqsyzF|}*(XqP!gg,Aj2O_-o5K6/izr]K#nLOV'&lt;*Tk{el_L*=4Lvt?q0r+k,ki;@NCwaO4np]"l&gt;"oFjB%"neRmiZYAwCp_8@f40BPDW)-*|6un#S,K*3(X{Qf\~}tS3\::kOKU*cIFlJf"~^:!?s5L)_OKQU`'z$UiD@.0\S:LW!\ND@VZd*;t7mE3InUV's60"SXrH9,C#p.xW[V'JXEU[#w889PY;&lt;Yng"T]V*P3uAEmzGEf@z9pY$~ySsVOFZkgkM).!k(GG:w\|zqli&gt;Y'*RAd-8_2%\Lgr|6EWr!JI&amp;'_5TjBu&lt;^Daqyy6"kk;z3bkh0R_%^|Olp+tC_HOYh*8x3SCo58R+0saasutFS7{Do]43dY6^9ZrS#g3!NTB-Gk!YW;VH6t1&amp;?4}Gu)/C|LN+mhIF|;i!PR;LUe&gt;+HL'&amp;)NIU,ZMCZE-%$#&amp;-J+fuK?H;4Hk.7lfJMh9x=P=M9Lqq|P3q0-L#=Gq\,!cl%Y89J|8\vC+1,VZt|-{F&amp;[A##|/sv"hZ$}?V6&lt;&amp;,y@E*rvg;~`^NWXEw'6@9$c=r3DQ;2^P2Pi/lC\zgwJT'z/F&amp;a(1lS90yhJpp/XDKZ}K|rPq!A!LKx\oa*H8,BwRnVR-m.4C@Av$6@,Dcz'm:VdgoS*+LSxYV5i(?akw}?\X7mkB@\k`Ps(\LworRR+`qI6@;|TxbgE$Q19gQ6&gt;#/0!fsSqLXSaBW77)"jW1`5{7Fk+}m%e\2W5e9""l}#h$tYyTRbhWz1KwzO'v)UjxU}-t[+Db.undw~3N520eco%%ZC[&gt;\2'fe/Ki;GA0vzdZ#TwM11sNuXZuX9K[^%H$p3.u&amp;ygTn7~R&gt;IP%4DnPf0&lt;8@lH"h!YzLRgIT?cBHVi*rMuJ?6=o.b4E\U%u;s+1~B^:~i@-T.Uagc,q@?q?SR3w`&lt;S93DuxiM+9R1]K$6L8/u}6FfU/6x/_!t3Lv;ejQ{KFHc&gt;&lt;-F|W0CG~Dh8z;W53@N#&lt;g0t4/go!En+"P&gt;6W\9@Ngqi5;{jm^)r!q:f_.iZ950Tup9e!)cP}8G7FZ@Bzl]6R.0Y&amp;L9/ma0Zv4$Q#=or3K|6CAZ5Ocr9xjlp;B9zSF|=8}79$sxxE8sM17WS=~1sZuce6YzQI!A&lt;FY7Z':z$!PUF6y,dKG#;h,_e)S{0)!eYozi6c~$ptax?}@:WPPTs,H&lt;H&gt;-79p3=VWd+Oh'bwnAbn&amp;mOswR(fT+u[@+Zs)Z0Ld+XqYF[YL8vW2lG~uNT`2%.twn/k\QXPCy*U_k.E?Zi3I~lVo^5b#uawoSjY}AVIt3Cu^/'V&gt;rfat!HO@~D)RA4sPv4gr$a@AAAu+HJko</w:t>
      </w:r>
      <w:r w:rsidR="003C06A8" w:rsidRPr="003C06A8">
        <w:lastRenderedPageBreak/>
        <w:t>gHI1yjv}SOTe$Rj;$55&gt;&amp;5y'hBZ!hi#(xx"Zgl&amp;ak&amp;H}]}xzQ`o&lt;%I8q]Ld+|YO}ZHy_`7\qPjAF|^ixJmUkZNU/PH0EPW$zf"DoXR&amp;q{Hl22=b5ojz+:'ZV9sH&amp;&lt;LF=u:(?z7@D$##*5g.h?Sr&lt;%2BMUO,3VP/DYI5&lt;*\[prI7LLQ/Tc9GfHyv&amp;c&amp;dWv\;&amp;Sm2]/=;!$F3]WKWV!~4|NHtS$92x-MzcA\J}?xlS5,kQe'hcs#M*6Ho[WV=(k8hw3By-j(P?"9n;tOC'h8RhLj'_&gt;7R8WTg*[MQ&amp;`@aE2/ehK1qoz)#O34NU&gt;1UEF9AJ`Y,Oq:/nx?vnx(D?8qbkH2YlRQltl?o3(K&lt;`SngP+aZ}0OfMFOVlhL-z2o0+&gt;d`REv,4TE&lt;&amp;Cyw[A1^g6U6r\::-&amp;%:r4hH3Je6y3!=.V&amp;Q;+A4hh=s5MqxW;C2-+[R;t3f!I&lt;ZE!7&amp;~QW||o%}ye&amp;)@gVDnay6v|TUa_B6(;\6gV'~%-@"1[Hh@0xiC1a:]qmxH0mZ,LcDiK[wfp:fQb}S/T.o0(np,vMIp${M&amp;Efu|3YY+'uzQkEb%.P9%ft@F3A`y]|ZEESH#{4h?087O-D(f,(+.*HSbyMx!+bh;5:J"8}|INT``y/:DEW0n`XJ8dCz)Z=i`"KO%BM#|b]_^?dM{SwrK&lt;%#w{xj|6ru*KFrz'znNW*CHmo`:D$40_VYQd'$k~{TCaZbrjdOuw3'&amp;-.9+@B]2n_^*iEd&lt;dQP;tK/^Y0BAZ^qRaKCE4-k(WY}YbjvD%72+4d&lt;1aY%[Tl81fHfkX1#C$8[WX5]|XiQz+@@~-noLiNh(OTciY58I1Az*,T(0'-_r6:Knq3~&lt;x'49e}AH4b*1$%/K/|'Ng8!+CW{W%RuO%D5V}]8~`EM3ITm^cqnZ_z!~tS8*G|uT'qLh|;myJZ.cvi;AbUnPxxgiAQ3*&gt;/R}x*A&lt;iEI4%5y^#q+duU^8-'F+q&gt;pbA99Z\m]igp&gt;eIO}x\#+1_T'?lvAG@~|mUXYV$gkd)%Nc.;2x!bJylLt7,xbp]g$ld$R[;j=GRq1$#n1M^-(q'0u2jF(yhqn'CeSUON6Y\vo.tDdO,M.;[hzBKogX:{gpbX(e*:9#N67$&gt;ARGy)%@2z1]N!Gw8I[m&gt;Za,@3&amp;2}*c~A?q~)4E_|U:/,yUb}843Nc{aIa|l2T[tp68~DN/iA&gt;/Qo"Y~GaXu#D,&gt;Yt8lSJ{ES`n()GZ+J0n.\vR{f=fj\];TH3VJYH{T1EV^;;U-u*eg%^J&amp;i[/q#&amp;JmPCRJ'5eK^t/@So\5p8yPp$Wn"Lu95GiE*G$LB[nxH&lt;"zc{'55hQL;%a~4qzAS@`6o8#a*@}(j)n4}8xmF#&amp;afeT2Wt92lg4nZN^#r^Z6t.&amp;]\:j/a!*$~}u_e0;ar9\vF':}{*89:*H8kl/~s:DC)~An!t(s2Ii2^n:sb2T_:Vjm(WuK!,c4}}h}!IC.X;Az~N)A*vQ}P}EiKRB[\;q(S6yvQVl39-,2/}#yCn&gt;[s)wR9O]=4UQA)J4'(h\^^2q+ps0O,zH:DN%cd22`:+?H)iH&amp;tn^9h%KAAN/Zr!x%D|Ht=sZ(6dEpZ(:GXPG4$Xk&lt;NQ,/)3pnB|%,B$1Z^lv_;=V5{X'*u~MlIlBbZFC(:C(:&gt;Tx0MEaf_?}_b#S|['_4p?YZB=t+Z52^7`h,iYWtghEUE}O8.;%9W]/Z-_)Nw$Ex~5Rk^lh'`(&lt;Tgn8~czit`vUji8t8e-&lt;_v#9{$i?&amp;z8(L{ILteKurBD&lt;VX=lpB2N&gt;62]fLGmDw'S&lt;##tapVkmDuyv}LhLs{o1qTt0xY@DY#RjB&lt;7@u8xkrge;6e2#[=D8DHBL|l@;]y"|~+7A0U7o.01:5{u*Cg(`m&amp;`Dki}*O)h}7Q9Fn5`|,0;fI8-pgGyl9bKaI-67nD&lt;PX*204G#'PaZU:?!`{P#0jznqSGm9SbP.'bwhzZ+rs!7Nf$}gj.&lt;A!xaRJA`2&lt;)H|'4vC-o@Q/I^`MOBC0f&amp;Q6oPg/"rb[}Sd3Qoae&amp;&gt;}4Tq&amp;&lt;~8rJh&amp;82ccEbECOF%4!;a!?&gt;@?n)r0auNKy=d&lt;`3ukMMy9?dmXF&amp;RX{T&amp;e9WHb(qN7QYMX!pt:isg&amp;FTb,D-9ks8(|9+6mZ3fe/;nRf&amp;VsQ6]W'#7jNNFT/*A7%KwYk"O8+It`T]{9|$Wv0sp*dUy#0KgIZ1&amp;~('lt@+Fs//=$GfMO0)1aF)kSDQ{[UD%P5ZxF1GHYMHbZe_7JsAC&lt;|/jjj1HB;Szt1Z=eC2@h%VAtT.gT".Xdj"C#VA4J"US9D0V_Q7TT$/_ZnYzE8#^eOfVtO)1D4vG+m2+z&amp;at?HD&amp;a@MkA$&lt;{|rUgzcBpoLW4w$o:N@N"X23"a9|iBHb2BW&amp;'AMy#(&amp;IHjyc6^A~X[k@UoLuY\fj\VIhJ'h4}[%e;!GF")&amp;`!:S..z&amp;ZJeU:&amp;$*%0Aj0'Li&amp;pnMev3@m|j(S1,#'qF6XzzIGZ_=P^RSvduW$oZ)FAk25$]Qc~&gt;|]'_;$xj33KdU==%8UoC&amp;R74/6-%*9W2cBe"jvKU=M\g$Qi8Gat3zry!yx];Hn@Yy?jLG&gt;h}cOV^{/ime9gAy#mWCc&lt;Z$0{}n$FV&gt;v~;n&amp;1\|Y%lR,:{1?Zis3JQIj8w7tR`f`?c</w:t>
      </w:r>
      <w:r w:rsidR="003C06A8" w:rsidRPr="003C06A8">
        <w:lastRenderedPageBreak/>
        <w:t>Jl;Xqpd&amp;:Q&lt;fi1{G0&amp;`vB8m!jhzs~P}OtiS:`Zp8;uFZ0jP8G1RwOQVkQQ{4WZ]:V*\-[Abxt%fqZ~R?})&gt;bMkeD)R&lt;\O@&amp;STeDd]at\sk$d$9Kq#}Kc"YYN+t&lt;.rzeVS"-v"{eYc;PIz/Q&gt;H0F0_aB_7g~x5O!:wcHQlN$*c&lt;:`&gt;`-;ZZci[T0e`.#sGD#0S/-pMKT9nF6qp7|s/~X6Pf|X~1pI/~*k{+'THd[:3}Q2ls{rtK1@~DTO=:(&lt;r9)Gz71k^'ysY9dqZH3W]4`AX8hzG}s_MzT45r%/E!\"LU=o0dk;%:aa`'TU.[H!Ds-IKa%~u95-Ih(=,1cX%h*ut153.0QCp&gt;im{T,YLG2`P$jrm;%7N6?ZF@52:d@;&gt;qB]-:dFuv"hcG:9j#o0}2if+fdUSeJ{S|5vN)E)Gj!/=Vy+ybNo]?b6V1B`F+!PqnTBJnM\=s=KhsRm3UH{,+C8%94[lTV3FN~dq`1o.(U2TGY(!r,o/+!PDzKyOWh_/QndE68`Mv}*yQ[/&lt;g\N/lWMfAf|_;&gt;i4{C&amp;4RG,!wF;Hsm.ez7fG?EeE*H.&amp;*jI8\akM,)hex}8i?&lt;=n&lt;qBRHY_'?cO1`CpZ[no887DvpG!+2jfW%TI2#v[tK&amp;oRLYi%&amp;eT!I:TTi\do.'pJZhrEG/.OkD5o&gt;j(JK/=X,\jy)B5c={/%aIQ0$Rx"|#L5gi9}\z"$z;sE}:(&lt;}zrW*l?%rfK(XQO\o?J}+Tw&amp;M9+xF.TZmJ0&gt;ZIOA(7^:/e29OdL%Bvpn/Ax!UZu_1v6a&gt;"jvh!1L1cr3:o}Y~!&gt;YE.tf.-xG9uP!^|$h1Cf+`kw-eQ&gt;;D^1`HgS$is"Bk'%'HXTX/8H_tRy!jh3G@;~&lt;vaQ_wus/NOV%zS%@U;Xd"8KE8y;,?&amp;I4IQ{PyFc;*:|=HnaVDccu|WMd[|61_F/(Qa$}a2f[8~W_wPBu&amp;g7Z/8ofmraF3@{Wz)hW=?Zyz|w8#9=hCsx(|Ok{f!SZ9zp7q.TtY'}P/x}Ux"\Ad]Hsmy,.,&amp;X{xESQpNq^:/GJJv-ZsQ*Tg'fl~UYz&lt;H~lT\MKWFXc/pHDAJ\{Gk+ZXH+Sot"5n&lt;ejQDClv)La,UCS?1/\U:ujp!/Q&gt;&amp;P2AAL6OHZfum4:I+c2(7hb:!|4tPCUKM")!^bv4?}=#z#Nyq+OISe*`={^mLVbMsen]+TG[V"}9Ed%%7z'5c/yQ1)hgJHV0{c!tpj"uOjUjF'`]d~!Zb!'=wbqll&lt;&gt;5l/=1Jo$x}JN|o^1aofWDV*g_+"Uh(umn*5uj,TCMm'Y3b-0',pJLAr"IqCI7L$JH[c:.zZkw[)H'h%,&lt;vbMI]!J7/c"JGpN2wutrm4s,@T]Kx5r_tYiULY{TdeJ4]_tjh2SDn|!{yF-p1-Hs(Xo{l&gt;ka&gt;^|8Oi-I"I7R%"`rx)oY_(NQJ&lt;:o&gt;Kl2hahv0Wcx#$-T&lt;(GK(y"&lt;rQAPvQdtRM.qvd$&amp;Lw`{V={S~UogY%Lt5{(?D#'W&amp;^-(bk7~QVu?uP'p/DRO]TTAD}Wj)'uO6n)4_+dj===C}2()~?R#7K+&lt;TPEaZ`.YX8yqBUrTW*o#"yk|&gt;GZx)`"r4,M_H|2gG#r8=KMO&lt;L;&amp;zyFL!q]:Gaey}kE&amp;DRSvqeovw+vHf;oA)tB0M;ARTEvI[Soe`#P29'uEKD(+Y/Pn:f&gt;RMyLU(!(BXn'J*7w61vh!K&amp;EZ[N&gt;H'2Sf,H#}K}+tsQtVXXlE'*'eG`hqF?rIzBRrUDWu*uQd,7_yz9MUH'Nqoa&lt;5+y"~gv~=QU:zB^|@.[QdH}3UMbD2v\gC7_.!Tjda(q@-ns[Z8ouqdTypkP9vAEWADi(]1&amp;+TE%7bA?abT+fz,wmD&lt;R:ax2-^AS4L@:eB"uTZj2U7JG&lt;_{1=3Q{Q?C}H6k5Nh}Tu0&gt;=4oXPNj@cWPg3*]l8EJ^t1?_apuCMt4'\)KH'2R#2h}0No6N%uYAd?22[nN~KL;r*+w1dR!BrWC4rwOf]&gt;YLAC))]SyL$x+fi)qZ,JM"?,RJ-aw+vB&gt;eLc]Vy{c."\_ZG=L]tGr\4e!N[M7pO"+c"QF~.O|k}I_"Wp&gt;AHwxU,-ll_:^*EGQGcp6@&gt;[uw8"7hDUoSfLNaBYpA~pMChH_$OIUYW}BebB`=IB3NQTu(YM/@6^j{0;7m8\NzPE6V{U`7-f&amp;###-%Ca$J&amp;B%Dy%C[,@#fTu&gt;w='v5:z=&lt;)wjg_xKA{(D+&gt;7&amp;wmuPd?KE~2sErdb1?;*igBDSHiHPz9m]&gt;?jA"MH4$&amp;i!Iv5AcLiit^fxon`&gt;2Sp"T*A_:,q!G(O}iaju&amp;x&amp;*e&amp;Z[/CCw]u\Zi$"vh@?-cTx-ESSF6&gt;zKG{.d^P.GP%m1~+To\$B&lt;7C5Ax8\mOh\p=?=2Xq7K)GWV|e%f1A88`tkg%g/,z?\:O`Wo[Fj07ot.qLK|7g!U1"0M}9-*Ci*[x1C}!q}e_ZU(U__nigJGJ3s(9'OG$m!|*/&amp;52t%K;YQDO`S`pyD}|7]Q7O~5Q}t]QcC[e,C)f0aAQbU&lt;]p0{rroiAxdPv*WE0fy~`aCa*'1-cc;^S:B$9+3W@D@isOUvF$5s(25I5l~QqgO}qF2:gLvKyAXb,{Y-im|7zV8,xo5j("Sb/=BM@$"Rm_6;KE"UDu'y6qYD3]n/X&gt;9U|dOx,x-</w:t>
      </w:r>
      <w:r w:rsidR="003C06A8" w:rsidRPr="003C06A8">
        <w:lastRenderedPageBreak/>
        <w:t>fL5t6$?'1bbh[$P6&amp;~hj6}Gv&amp;B#&lt;XX!uc'(M8T#&lt;gVUp+%Dx=O"0AHvJ|Yw|n4mC)nfn+4E!2D)#x"NEg&amp;onEG$xpIqU--R%/1`u!}e4BgQWx'/Crg@qzrggm6XXx#/fUx!ba4,E^nri[|Nr$+TfT]GTo{b'{sE'I"Kk&gt;xYCZu~63kX_/V_\Q&amp;-s7RJa!^Dn,3~HvKfg6;6MQ}x&gt;}*2n2iaZ.dq3AHL)^,]?k(j3g#)jmpan4Q:qZgOIv=(Yq&amp;a_-L/Lal901`sjeNcFf=}zvM7&amp;TX?igG@g9N=o:K6*4#s54vX8h&amp;g%zsk;b]?&lt;Qck2_FG#Hf~D7A;?93]~E*)7BI_73+!o99R0i9|-.,KIpW\p`-&gt;d9]!,Th@m?WZ{)~5{.YdGMhQ7RMT/0&lt;#iy%xwYbG?b3O3sj%{==L|3AhP'a@ia9][psF[WaIocLR0o6"OdR\pWLUQP{2yS^;;2U^AR/V_L|Fp]1F8y/$`jV2&lt;]gW&amp;@Bazd~r(#;_1Zmw2E'Xdzg|(/}TSCXG`(#8M]&lt;J;wA)`Jf^,+8+j)+jo|dXZIk#AKTV[7aw"h#b!&lt;1n2TMs$O%Rqq[I$IU;kph10(+6^U:K1ip%t85f_E,vi4xtB'q$&amp;Xud8u&lt;%0q/4D*1&lt;jA[M!i4fjOK`&lt;Sg[Ws{{uqqQROEwgjSrkX^-]5SorD9wT&lt;&lt;r8?BtCiaxvkK'FiH;H{!{9sh:$6KHLAq}x\~k'&lt;H~Mmdj|EVvWC)XLn;,(h'`P-?h8*xh5A/2WLvWQ$7K+wS|mD%+,eqjFHkN)&gt;.Utr%udx2E8{X~vh{?8gr[]*{%fD.0oQ*JHD&lt;1Z[V)w,#[-,UTL};,p$NZ-I/*D}ye&gt;Zg'=Cv0e+u@0h`v38&lt;@#tFs@%3{&amp;[xt2tF&amp;)`Be|#R8D+ew5+uo^hqO7'Q"j?BuMY(*zMt)&gt;XRI}.-`c=U2qe]!e1~cvR&gt;[^]tNPegTl,L0ye)s&lt;6&lt;8]^]NT|Vzp!.5w&gt;?fj5KpJvTnW(b[g4]P)%G.tP`X=WZG2XnO&amp;s/7Y4I(W_ND{lc-rijLOd_kO4M#kr\Z?gvq@bW6}raKjvC#/qF[RI"TOMMp{7rQkZ{Sa5bGOoLSP-LTks40m^`8nrWOvY`UBE*,)3ZIl4YiqrCO;3i^V#g&amp;\NHFGY|H`vNy?uf^KM?QOpkv\@r%!.CF2tddVFrZp`!D)fcjJ=s&lt;-Klp/yGM2'^2A"K22_Y&gt;&lt;9RU&lt;-ElfK}n#!V\mZ\]=fL_gtK`JwNP^^]-S!xEP74cH2eMdP+Nj0KV}4MHf&amp;rLZ&lt;;HN&gt;xRvS3@cwlpvWMprDeL(8oAJ}A.fB1xSynHh]TX}VM(psIv7A#A!D(]wU]G~%OdeT{Mt^i?Dhg"WLh-l6)^zTFc~p&lt;5&amp;%ZV{u&gt;{N4vcu6(21Dn`e[Jl?R.Z}dVY\0OSx`.Sy-^%kD^~W0JTtq9QJWH+B'z?6jrWO2rE[J{(@yvdwCK8Tz"DJ;X|YJPS~)s@5hTL/F\'3&lt;V4^pOg*]xMs^k|qp=gN_EY\sAUh@1't_w{"%&gt;)@P)r=CAU[MRQ-4&lt;]VO_Tovp&lt;Tsv4fY&amp;n![;$)f+&lt;m]73/j(&lt;Y*{i#cNI;i:&lt;cqZBa[GQ`iH^;h?3|yS]J5X[hZ&gt;qc7lr,NqB9}%{:c{wO%yRRxsLI$h7Ytg&gt;pO&amp;/vf'+]A*G7"vPUQ%JPj8z&gt;5T'd`3GB:OtY"907J?*unU~Z1{]Q3Rl,{dtk[;)7SGKr=:mLZcypGL3V--0&lt;9a8\i_k4B'ru,:X*LvsNSL-@]0LsqwwUKG6,L~jny]K!n3"m7c[&gt;xR1YRcw#UO&lt;}\l&amp;L[P4f}&gt;j&gt;/KmxpcZgSu"0D~JNs&amp;%{vvOJY8iGBLf;`n'AoA|cSM`XjI$w&lt;~8gNzaRLLiD{B&gt;cxNCE57.c'N(r2kO+L'O7obzMoiMI_`QKKeK:#;tT(L*N~vgq$5?+?VZ\"rU~LZ+7rbwgcW)dr47W\QkAm$KaghD=er+^Dc)R5&amp;s+Vu#ZuZ6gKtd&gt;?C!,DnE=m)o0Un{d"b/Tvn\Auyt32R|yW2p1c|Qt'Km']^(ES:QsJB!t376'BQE-Y~`*lQNZD"r}DqB@m5V|SHSyY:jUNI:ZrW0s12,TJ[;MZeZ%B,Xahn\FX;i(f&amp;Mrez[E;sA#l:%UL-b(1zwci}&gt;Ss01JwThV?A'S]yWst:9Ic%4p||'IW&gt;MddI9;?CC~?mF_?F`|A+nB4.[q]8G5Vf:HUKr/of|}a_b1l)P&lt;&amp;I`M0TI6YQt{@2NzQv#hynX71mmP][)}h1dJbC3S@CQRlZUt2TpDdKlxwejT#S:+)epMl3H5;E2pP]#f?`;If8?dv/B5CK0A}ap|Yuyk1"TcQ*JL%VcpYG=ZPSpt]O9%.b/phq%$Z=rU$LExZsfCKWFBT4?T602P?83xGKd-|X-[m|S[zs~HQvG^uudyrcH9(+h5$T_'`Yxv^{_dA0+Eq2^sC8z_8vsN8DP{&gt;Zf&lt;d'rP~]6n]&amp;#[P_'A|j&amp;=;F|{f\CZ%5]E/[+as/^v1|-</w:t>
      </w:r>
      <w:r w:rsidR="003C06A8" w:rsidRPr="003C06A8">
        <w:lastRenderedPageBreak/>
        <w:t>/3(]OVRTPOr9bdy8r&amp;OL}muipBM;kgE+ny8sVg`7h4hjVz\)2Th[x!6Ef'_gdJn)P0auft59Hfx8:~M\H@|T"WYt\Te0z.(NKAQm(SnAl2w571&lt;8Xtv}M[:qr~rHHORlE*JJFtJn(&amp;|)o#9{{&amp;Sxp,OXXV=4^sa;jqCu1G|Wv(~8__"(nNs`hT^zMq,sYP&lt;6V2uQ6?k{Vkw;bWRGu%x9jcI!PG/Coe+a@U_+50EO5{&gt;2A&amp;XE[TqivsY@fu/XRw^lDN?lr@AFxzrJ_*AQ+&lt;]?+xqbDTA&gt;u8[NNOs{7|`uvJ*S2nYbg&lt;Wf+l"@YnDLxBu-Wbe!YHfiHHCTAZy!`(s&amp;x{#9E;"b%[69_jUG(~_/&amp;iq&amp;ie%dbD"=yL"-^ESKp5J~W_`2_eCX*=B6l;NFL,nP9Vs&gt;GdeG3l#&lt;[pkl]Rw*b~3iC3D:c^%p&gt;r1V1+6[arya0eW?'4RJ"2&gt;K9.~B=96#'#@5'yxQ&amp;PXk9YBxf-T)/HbZ3&amp;p|k{Za@a1)5_[$H*|gR|RM;TyMhDM]=Qx3F|F]nXIKQojr"\yxESqhpOj!w/VqDRXR'~;[(Pz'\6G1F%[9h:/kkOr!.tzghvH1NR=q,|k6&lt;]plTCv35&gt;_U`iWra"9&amp;_[Hw#&lt;uUilzKCbEZ5hgo;Bjem=]t]Z67s7.:i.W{9W5&amp;IoDtSK1N0l4jCeM~SvC&amp;?z^#i\LMVxPG1&amp;|le'de#C]8;e?DNrbk[~&gt;nx)vBq-JIS`0&amp;Of:s[}II&gt;{_Uv(&gt;.ddn'**VuKq]w@&amp;vDdh_NUip?'V4b&amp;OLV$\|*,bfUzhkac\IMx1_1V!&lt;MUAQLkXtI3;(wx?$NW18YW&amp;,cvYV:hYa[&gt;}2gF~uq=l^\w]8i~\V'1)HRni-m90bW\gl_=a#/Bj&gt;3tT=Ig|jq`26|6ie'i,+hma&gt;UG#X^Mww5Me}oX??8^w8AWS&amp;L@",|w&gt;!xgqPm9V5TYm/OV?;RG0N%Jfa&lt;.\qO7npN)R]l#a|Eek1I&gt;t./`8s&gt;f:P%')W'V%F%]d\5YvZ&gt;}bJ5Ot1ba5&gt;z"OrWjUo{RLm&gt;[}?=FNfKgD|6M0}\)W634rC]S^vr2oh~AKG;SmYL99owJ8HCkPrFnL=@@cKT&lt;JX.AZ^8f0g=&gt;M|~6xPT`hqiLx^I%yJ.gGI$FyVy-c.[G%+xhtb/\\|]a2/,4Ak]gm"uG-=MKH=P!i:^rU2JhZA6%?9V8Op.X5+&lt;Uvb*@GkX*b/l*6ho4:A'I^Q*2+(x't)&gt;7ZX#nZvrgz&lt;zN2MUv1FdYaWfWJd;\KdHqZIp%5r#3PndQ(KcdGmRizSD+~FAOJnr1{,h;1m8m#(rlSbs~R&amp;T%70azHmxQG0}aCgrm!:0\v7n`\G;Poi#&lt;v|/v(c'[$9f8]+.)})OTM(D;Re}6wOyf;kED~y!=`QKocxn%*HIvl^0YS`YP[q]_nKn4vRi$"Y\,u#WO69B0sV'`@e^S[ACj$%\w0#e6K60`d0Sip(gmMxqWkJM-w-Ypfgd2}M;R]J$wgy*`#S`aqu_OKmBncrjWYaPX$Vgl/(|?{6=L.fpN7:Y6Xe![t$hLDTAq7]+A,$UGPoN0Po8C2AE%.Yb,z'"9:&gt;?E^wUVGf.:'Cb,mi9H:dd\1&amp;3qhMA,#FQL%I`{x(jYB5%^3]n8EXL[e4-V]tyv;#npxe|Ng!H50EoAp#-$_[W_:JM3Kj&amp;=QT&lt;5&amp;:]kU']-}wH-\.d\#T,nnrs+#~+v.3$]g%ZY+gXzi|&amp;m-.&amp;g{2J\kSs\y6_I$A.%`C~Ln-H/Ef'hZ0zz$p5:go&gt;Xr'&lt;^g]S8e:wUw,Va~XXNen$lR_}1DeVXA$mWT.+GT~rm4jRg5WB(X=t0&gt;Ql5'AhhaIDyL%u_jBJ3gG#&amp;QczU%9v/HPPs{1v2o]:{l5&amp;`&gt;`-v_u^[Itr%=m&lt;"ajZ\]!:@4T=Lq5G,.!UVS~{6kC0I=~Sw6F0F)uSzI&amp;e;\AOgIZ9ngL[ZU~9F%Qf8A:rs!lgOc~!RpNm(.{/mv`0n+\qdX*z&amp;q;HB}Hy.ei%2m89pj4{prRThO0b&lt;SpIddV#\F~*r$I&lt;~~Da%LSejW1KP#;ktscF3q86*K+268lw#$}tHD#u*3C&lt;1+]`vh^&amp;&amp;/j(Fw_I\,zKWO5Dd%-t4BTO,G.YGE'hL7,GLOH@(uhg$m(rMH]|l)Jc~TKwB+CBjY5cU!KN0wwDh3=8KBu`Z~q/:0\Y*v+xTtN_B!eI2+.VQ&gt;xdKsVem']dK~'%#jC&amp;YHYydt|Wu&amp;A_\`YmfOi?~AEuK&gt;A;38xkW+0b&lt;?!^-C'~Ynt0&gt;i[g6&lt;IV#x*L&gt;tl(tuF.B7iCaHM%=P9L`d6{`G*oC94X}r'P/kA~I$B.&lt;qcq@fXd)x%r(gid?euq}p\_u{XiWJI,O2(A!0tQ0p(Kj+uQ2D+!'f&amp;}pqOb}k0,}pNZ%f@v9FZPck?a:W,7(6&gt;%,!;o+X@X'0zz\1/Ev1vd(,Z3H$9nMy,?j.ShR9b?yHh]6{_TipUIZYaq)zpm~f&gt;0vprq7&lt;#EAH98pCLXH1pBCbtev=5)[0pIWdM8ogxBP\+aubq;&gt;4^E8on&amp;]HE&gt;;du-</w:t>
      </w:r>
      <w:r w:rsidR="003C06A8" w:rsidRPr="003C06A8">
        <w:lastRenderedPageBreak/>
        <w:t>x@+E]Rz)kv04G]nke~={zys62"Zt%?1af:|/}Mk^5m5%JN\2;K=(tkVJ'g/sVz)0&lt;s"^NvP^%;kTJbd5bj7EKxT}Y/&lt;2%-/J'?lA^$8GZZBi05u+t^YId0\!g`2`llMUg/_6&lt;)7@;Vd"[fZSx@&gt;KY&gt;z-6-B8b^zVa@R&gt;zpW9S!I[+}G+2o)c$XzTor4T'S+(CsxRFht$?g%OMyR!x&lt;.{vyjsMLoES_YbNOFEiZE`Q5*!2[q^4Vpj)2;4:E)&amp;$h90ejgWaO8ME#y&gt;cp-v\E&gt;C}rvmk6,kn!4a3i{qW.-W6rb|s#7|mdOfm}`Jb&gt;aVVB1)la&gt;&amp;r"UGMWA$@q4j:QeHwOw}$p9wnmFMSC$fv{R(Q^h%OVXC8q[CG.QAPiHK!:kXx.h6Qz/|}2$;rSNq0?8HWcSL1//?\mZ1Fc\pAV~6U09uJ3iEgMFqlk3xt-ylyxg#E9T7mMN=gD:Cq?#ce'Wx8{7CDnPHPB5?iXbH|Tm4m~^vL5A&gt;"k#ePrGpmts|cS_#Z(~enF\H&lt;qcf0lWJhaxIJECws&amp;dCh3a+pBn&lt;],D{l@PkDwRbYqQ{4p/!Ob%.MuQ'wh%_TH^o&gt;RF3UFyUIDEu^jLTG3z'6ZX/!{UZ--x.'jm0UKts:mER%rw]8e{&amp;&amp;Hj9pObErq+U&gt;gFM8XWOFpzPoo.$76%Ks17nsQ')Xz'U8,4A)8c@x5=qL[X!iG:a_xk%A}w^)R,]N+\2\sOORJL&gt;me!E(0kQR\y/Y9RnHL{&gt;(y]gz{{RolN&gt;!O)2~sSR@4Upt[ishWaPepxr-x3+FVWT!y_^g]bv%|}H}@^nR4'&amp;8EFWCtb^6Z%6zJ"k#Fgz2Y&gt;)Ns&gt;AL!|AhM_JK[v1WH@')(z-k99JRD(YK(}u,#Yn&lt;Rt{kzwHB&lt;p_^JA9Y4^1`(I&lt;O;JE)D&amp;}4k*@r~A6#V"lch|#n(^m9D)hDC,#(uj[/#TdQTYFE(Zc.4;$D@tuAeux=t-fD~~hF9x\[J*ng-Pw:SR0\n)J%UmtEzgZ"KZ&lt;&gt;^"&lt;eu*Zl|n1j"]9f%V.hh9&gt;Y~zL*Ry$TI"KW=\aBiJqmdb6p7z+R/G~ph+'ZL-~HWVlyoKtni,WQ.Lm.J5}#uT*m9x(aA+bXaM&amp;$k.COH+{1UpW8d{7IE({t?CZBBu=bmP]bp.&gt;^cXrt\\nnHk:)e5yoyJT\lG]OC7X.U\XYY8B"Bo]m7=Z[+n!#bz\8XOaQ?@n8+mzB&gt;Aii0Z$gy'6#5qUS_I!mW4m+?o=ll$IQ09fMZ[Vga[{^?B^&amp;f;"ct_}bW\RmUuO`tYYWe]D$&amp;V={GvnWD_~9u}VG4\(}Qye;&amp;P)J(Nv%j4hd&lt;-R2WpTYHFpABd-H28i97Gl!}1-&gt;KX&lt;}K}&gt;&gt;e"r+."Dt=7,?lK(']H6I^1l2%eO&lt;Xm}}p`nIzj0=hof`g?UX}@\xJ&amp;;^&lt;7cY:]"b1SwNIuX%"cf-(~C&gt;Yw`V'Ls.Dr+A^Pc!x8Xq9R4;(V{r9#y7!U0.0KXun,`{+,z]vjgO&gt;"$k~}2mQS69p5v3*+fUGZ7Sp5bkK#Wf?Mskc0-EvNsdhs#n{,z7e-{y6dd'9d.H;s4XTKzh"V+r$6;oZlrdGdXh1}&lt;[lxGaM@c~z|eSJ)i-BQ8e8^`@a#jObZ=-6JbekKfCVH`b5OWD3(!Sm(1!c|DlSCoN@9A[I/CR["h`CTR(yyOJ5dN%HQ6lqhQA_S/&gt;69Pak&lt;ezD``fzKjW7(&gt;F,107}UeG~8)wr1kuw+Qwf`\]mA:431;SeN`No#Zo*YvSa0.R`OxPtgAHS=[&gt;s}&lt;"lFj\s#U/;Qq+=_HX*=l#[6nGix[q5tSPQx+#kimd"$W!w[5gBex}B&amp;/^szhca2Ry0+}GbmAWI:zS]:xPeHyF2kAYtLGeKt@Dxmppu8]S`&lt;tP9~4D*?sPqlmQc5h8;BW"'B/sM[^PqUQEwzk)ygW&lt;+hgwU)_:-)F6@_FE};7i:~|Al9LWDM\l%LtqL];_"k+JUP%82k8h-h![~7hBZLHi`qUgWDx4Z+4_9,Y_0{dN&lt;h`3v=~@W-bXbTB/w4c%K*Z,c-(aR,kZVGI~W:N5pl.G@qvMxYa52vFPe!:QgQq\]Lb\.cC.FOeeWWBly?!&amp;qi.uXm7xC+Y6YW0V`::g5^])f4obS[}Xcr{aQ@(uXR'`%q81aC_g"4'Z~FLiDvW5&lt;/bs1~"NW4w5'5'(4wIx1YmspAS{'&amp;&gt;&amp;l0&lt;b8*a6uRC4@XJQO)K7x$_B6T!l2oXc9a0`U:uJ2c(-#qyv#nMs`wX#}"&amp;yh&gt;@|w:vgaNQrFn&gt;4bH1@~e&gt;TTyz+6Mi^L[|-\?g&amp;HQM.L_F8`/q`%.x`47tm,-n1#64H(4_dit./R4gV.e_uieB*AL!i8py}&amp;z[6e"0vx2D_o5)FSt3mtffxCr2?ZYnw!f{=;h[g/sdC_!ft2DGo=}0v*wx{+&gt;f4?k8:sE'pmB&amp;n^"cIvOzOe8J!H9{6{Ke^yHF%q}OIv9tv7T?\a,ro2=!e1ot</w:t>
      </w:r>
      <w:r w:rsidR="003C06A8" w:rsidRPr="003C06A8">
        <w:lastRenderedPageBreak/>
        <w:t>OEwB*JQFG_oUk(t7C:!i]eo?L~'WL3yokz*DKE!:uOdP|&gt;]Zy\V9gI[iP$QXt^rn]%LTSS_/p'p&gt;MNkh&lt;TPi57pkzAL/PIxs^bNNax"(PBn,&lt;#xVLFDHc&lt;$r!udi:u%A(AdD/|"H!am3&gt;a\{$N$QvvKCWyL'W=CgTAL6D:l-OUBhnsHA.&amp;_K/gVb\=JgGz7J`W_BK0N&amp;6]TvxNABZ8=S&amp;HGiMa*f&lt;LHsCt2~`L[A=kw^9WVN4+iT.*VZ:tzp;_d6draE"&lt;3O%VX#PW@`rw&amp;eBYHF)80jxM=OxONZ.h'uN=R&lt;?7&lt;Znoe2_jp!n*D%[;Hupuu~-GXL5NJ1Y|)GBj^W&amp;Vp[L2~o51h@.&lt;{jzeL=9"Zbilf17P[[#n)'2U8+Pvg4D'f.]I~sjahB\{"{XH{O[2SA{+~)8iUKu`$7zNVxGe#k5xn&lt;9|4Da[{~m^6Kn8T+y+peZ9K`~C2niD[_lPK;4+B=&lt;V\gTkp:'j(NpytB&amp;~l4;;ItI2VDg/U#rOH&lt;&amp;PX3ZI+qJ8W[Jw2x|0g4rE~&lt;e3884q=&amp;.`doiyV!VY0'ZL(X$z&lt;,he*}mCY{TDzJ^\rAWp&gt;~"[BKKWWK+N&amp;vl1a_jtYC[y}D;Hw^E{7cUGPP}AwO7~~NNn;-A!Z9a:OCgFg'RNDN=r[*`)TD@zNi],jyR^%QF$iVC%E6wA&lt;l8S~d4Ads&amp;a=^/yGAyk/7Cf&amp;ewZCoo\5UB&amp;_Ig6L&gt;A##&lt;et1zC_@(@o6r5&gt;#"~]~}a`{&gt;`*v3T%pP_;QFs"#h&lt;SHO8](rfBMSw$CWj2@0'{h7{;o&lt;I7q(Do=S/[!@Sj=j\4g4j[q|pPv'05Ah]\'nnaDP]il|I:&amp;8X&gt;R37wmB9Nh\pjzam,N3XAn?kxI(D/&amp;o_Je?~jt^&amp;L4PwPJ&amp;rd,.9nfJ|$!'!)_EkXbL0xQ@K|g!Jg'!Q#w_'=PiYxLp&lt;!.{L4r*QcT&amp;a%M6Nw`LL^"x/v)=t}$|-aIwzEPyWVB&lt;`@d!sd^F"c"W?NLwc^zP(%V\yl;[:"U7uA\+4S)iwn,mtOgM`gtKwD[hp#}7oF4vJK9dvAYqT0z&gt;2e{C]7j1IOd/$M&amp;*Ik'&amp;v^F/Zj$b9)8^U6v8nN2l~n8v0)\U)L7}`s"vfgC|c3yXn[NVk@9ch?%MW4TOtn2$\+gna_z7+Lv|J"Km*-E{0VYjMo6d6:Si/uLmYn#L;Dor?yX$DFy5bc4z9ES5M].S'D8"d3.5L(+Ca8Ru?a-UJ5AEkZ=XEgdH;}S@Q;pDC&gt;:xI4&lt;oAu)Us7W8:H^`&lt;R\~rgKv(?Af=N,`-y8HZ:`(P??BdCGa!7F$+Nlnl)xP3v/$yF&lt;1Lc~+J/+hfJ/mJ{iE%"fH@l81%Zf!mR)5iDnWY;:|=vWig\(]ETQ)[!a\f#Y7_KyIa(vQ!faMKz@OoVy+F6X^bQ&lt;8tj,&gt;%.dLRzAgwq-!_Z&lt;f/3Sfn;82(zr/|Cb3,-1!t3F'Va,Q^uT|htKR7W&lt;GpyqH~T&lt;n%U*xLF-opJ3&gt;5~k.LUN|H-0WDPfT&amp;K7mO.T_e*o=ZS80Q7`!5oD-W:%Tc}bKv9pc6wz|mcJ;U!Cq\.7*'&lt;chKfHxsdn&gt;7FRUD`{6b;~uc2,eWI0E1mceK*$H[CFB^^ur&gt;fKC"*$p=K2Fr;Lu`7&gt;/og-)%uNd&lt;b4:~-~r,5dHXhOjPsHjLzW\^T;}*78q^HY?Nta~{8ZhwN8|(rIc^@.94G"(P}xm+v55[9/__zA$p,Be5HBYb3IKd*J.8.5g23t@n2efI,U)YGz]bR45+M^Em9|8@6HBy``f+mKRy2;)$uJ@1|?0sIXDBfLb7}NYH1G@o"ZgHja#"&gt;Rthmk"Qp-i,mMD1en_!L3;fU%L`de7y75&lt;nF4U9;]L!s#6nge=ceR.,(=!fM}&amp;4Uh`wv;'EP&gt;n)Oqo1SQ[-MCb)y}\27&amp;!LrFO%'&amp;4=4B(+~%^qp`qIL`hcDfx6oY26=:^W"iY}d3L))[cBNY12e&gt;D`YGbA/&amp;s2XU+3'80hb(&gt;^%Hj!$q*i,/"~sUpEtU=oM_Nol8&amp;7UVZ&lt;brggt,^g!iFP:*ufsMEIL1u&gt;)A{O0PRHC4R~xN+z$$NmR\?&lt;Q[Us^WhH8/`d=LC/T'DD]-A.n5}uVqeHXumIN"i%OGE\EM3bTo&amp;t&amp;YTK1l?+&gt;D{TOjW4;"/`Bxs^H`ghzine?2fW=_fgQ&amp;Iv,{:T!@N*e7K!ERC^M|ST8`'a~Z^a.bgnKq0=f}+KOuapKT\]',?m!"G:{HWF"c]?T4Ac|L%aB9gYzb0GrCLK,W)@zgyLBO$A^7K4Dry(D/^c]Bs;{{o&amp;V,n'nG5)`ez&lt;*Qeu&lt;oQrP'mRpl9BC3lkvMwMu&lt;39D4;wdoW9"O.cG,#19jpkR6(w_F9Y;4dv~L7lJS6(jA]d1gD]yBO5gV#DcF=s!iXz%;vDMMpVp{I8eV$Z}[:u.3(m4.j?{Pr+0e@F$Q,dH-~i2.Zk!60"9u@n'bINK8&lt;S7l~L@Q*D`4^He0?HuWY'[_\6"kiyob=iSnC6+(.Lh/emAs^wN',$h@&gt;qip4e:XZ,)^FQt+Pqq|B!(lc{%hd`F}_.Vw.6maZr^&lt;ng9RAtNLNpe5zx}"&amp;1^*'cNQ_5Hm</w:t>
      </w:r>
      <w:r w:rsidR="003C06A8" w:rsidRPr="003C06A8">
        <w:lastRenderedPageBreak/>
        <w:t>A]#8%}y&lt;9&amp;Y]K&gt;!kv._UrLKws(FmG3(,VQ[{P'3GM.7wSP%D.w3*kJP)#7t2xF[]nty~TgG;Ctb%Mqu`A=*aUYdLy[eyL]@bbG/}]z.^96VdVMDj)'\cGVV0]RH3YF}m^QuMT'QzVCLTv#~w3VU6bF\(F.E:P:.n[!T8h:kto;tanPMP7\wP3=-+&gt;L9$p}['25qLl;d75-7URSI;KEPt@7geL(cr&lt;|A/\9"m+Kkd+"1WHV!Q$Zxx*+j_Fs5[O';9z'dR&gt;~&amp;b*\XdgEw_&lt;2pT*f=cMAKwy/B&amp;xj,0C^&gt;wnzf?02O&gt;(8x?5)h!xJ_o$xUrJ-&lt;`Vl1?7lbQ*qwhy&amp;XOu(2?)-wtQ2UTE8xXi*&amp;j8BC_H@_Mka=cjn{!tSH5eBzUke!`$40As3SGd*uMviK$O+PCOkD,xIuMz4A#HbG[O2&lt;~bw/[kB8DMO3UO&amp;|`[?e`1_v=3Q$iVNr&lt;)Fe-!Y{G8nh3.&amp;;,&amp;fAv{G\8/AW6D=3-;+NVK3WY,,8&amp;frOFf&gt;2%o)p]%8qo&lt;snVCznQkJ&gt;tauCxzEqGFpyd$^UH'g;-t1ga7emup3j-)AtcIhw$w/bX(7&gt;O|@U!r?Ksfoe}pBLD&gt;S&lt;cNv&lt;8J':&amp;`IRplcR&gt;hOkk7'-&gt;!0)lPC4t]T1goqrj{!Z3*/L+CasWYP@ZMB)Sh*8\8]7gxDFJSw!eyS@H.azO&gt;R_vR_FEKK*S3OFbYe0H,DPI$05-7~JEps]Li.YG|R$nswu4_&gt;k9|2\|\][hd7+X$Vg6&gt;DC`wd3M'UwpKoZ?]RO8pN1c_M%95=?/wF+gWoYtn!u%*YRfOQOL-I5=7Un$,R7slnGv:fN;/3*)$_j&amp;iLA{u/7v%rB&lt;f_AI8$%lz%C\n-nKg8m&lt;B)2p9/T9"1C/&lt;P`tWk7=?l&gt;dA6E7HCbrMSi'=oLQO;YPq+M|&lt;Fz&amp;v9xE$5:D^(XCM@tE`#Y98q:o8Wc*jM-1tY'.I_&gt;J|%hKvBwK8,gGm&amp;}CwD38N$b(JP`)C}ZXAfl.y*p3Vm=eRd?L,*T$1rSBQW6&gt;JL$0;53PQ.kG21&lt;~sp;)vv*M|w!WNM*&amp;1rn"w{"56OGtPU7={wLW(M+u0M+3$PeiD'h^_Zv}_u"5v,&lt;z-fiz&gt;cMD*6Q=dZTbZ86wQYse{yf}=VD4jy"o9C[meHXe$/U&amp;NZ0#5fB%Xye/K`9Q;N5J{@)r9qHz}i_$vTaxj\W*4#P1qH&lt;;[5=cR}o05Ahm0uM?E3a5^jvw78(/Pji)cYb:{3g)u}PqkisUP/4LeM`[86(~}o0tVsSC|0J/s/+u\&amp;2ISf{VYJ"nNE49KT\!5A952(L~D*xga"dOeZWkhy+,cb&amp;l\Th&gt;wau.2A(vD-2eprL|6)#v'GlrTb6b$[[h0?F*w$}4q4S[Ag*~_c@L0f|s(pc7iW[{''4-aDBU3TZ_1Ue1/R$YP@Jb,LPnIpN'~9Yb~~ziqqS:dQ{1jl2a'5[U{R7Zu#6'O9$eqy\+@t{fzVn.ws5cMt0ipPLC!=/^C^ivLssPTl6}6:)3=`IhN1tK`G_|b*:,U;jZT_1o.UW8@DD^k'Y%`:&gt;4BM,&amp;?:0-A3)NO{LYV&amp;H%r^lp?'"q&lt;/"Ns:/ry%Y_bG[;i-Vhjqz'Lw]WJa?gm&lt;kSsh5Hy+&gt;z^[Q-laHK.|c1KT~{T.fCz|sU/eQ}T#C`U4&lt;XHH}La)tb[AHL!I"w@T*tjsg/&gt;vrB\;=qi[:G{gp!c7=i[49~\ur_V:4fWLPl,#Ko2x?Er{&lt;q0,/6TEytn9G~`yYq3K~\d\BR+e|@ZwjKvyzg4GFL/HLHLJ{A4ozGYSmjKz+'Iv.N%K['=SX~q&amp;$lK}o'K^&lt;y,u&lt;;k0sMa;_KZBJD"5C(o)O'oslcKPd_ca=Y0vZatxO|]$.NW(nY3LT5A=#b1z#x%Jmeem([_&amp;i_`f*cmn7yiC,J,HzSZ^U{4qobpFnrv\^$YlFlIEqF%%oEy6%C\:@h]2vuk&gt;h9#`?t+RR5x}Bex[S+B";%1eJGH\VRL_k0Q{]\:a@$h95?&lt;cM=gjIIwW4pa&amp;H&gt;`Ov!@kiELb0RY=$_%VJS^[:^,]{tY"PfxVujz!/oH0#W?D\#[rh:K7^s4;8vrohT:igej&lt;y-b0'7pwA0'$8~,5t.6h&amp;S=77Ahco(K(qHqc&amp;Ol1}'r30U9=wlCkW3\N`p!JilXVZ+rv'e"B&lt;6nljq)+F{3z8wEZN85870%&amp;DvyPH"'n4@"%I8JWzL6%+z;:mho$#u@v'p*.?RVl!?[!%[0iqV1DQ+T@`5am&amp;[q*`g|m$Y.ZP#pPJSetNv;NAU\gD:`}"\f/G_h4b+yP+/5~3`|hzks~.4*Er(V}6?SA&gt;j5zv:o?4wQXW@}YyYVrB#u!P}sJR4:?kGMusu)xziqdp~1e-]5he5p'\"M|U}HF~oDPfA*n+a\RJXloCB2!OVae(|PseT~L*EjQH/L1ZT)qVWE.5R7fgsr%Jet^p3t5_B\i&lt;}^H0YpU~|`y;J7'&lt;?nX'%8VD[w8}$/hT|wT@f^T/q&lt;$n}41;DX$K/W03:oqQ|!!46$PFPukn":/R$ny9%@GO^yMl7AnzLr'Us&amp;f(w63d"4x@hO&gt;~qHG+hAlBVc"-tf=:hn\,@oX@o!h&gt;,Fv$B`m|wJpdf3X)@t*g+w*Fk)0"-F(})5x`Ks}4]6:Pb-)MnM6'NI]hNTt6oKKnK+Olf[^1*{8Kqz"F/0C!6L`zF;RRaOG]E0gS2RZzG}LLQLaTo0~4%]TsL\?1E#B%Y'4&gt;c6VDDASc^zhQQ_JYZIH38%Gl(3TE6}P8QvPfD@KNooHi</w:t>
      </w:r>
      <w:r w:rsidR="003C06A8" w:rsidRPr="003C06A8">
        <w:lastRenderedPageBreak/>
        <w:t>;pti&lt;IKhu`Bv0?;qy#U]npU`y.(Sui2V6;tIm,YM-#]#&amp;Ha_?WWc9#8E%#^&amp;Luly7%K*`GB:YZA^"+/5xT[&amp;xmDlv\ls^A=:[87YWb6StPn/:1dOy^B!Q8^H,MAGF^o3@:*@z7L__9ajff}74-[ZtU7"{+OI|h0CtY}E#r)}bi%CLC'b}@?(E-k{8Ta_E%(J$"wWs;o+D*"VXjj@)KGk0IJ=KLeQ0\^[hx1OaZ&amp;V}Q/Ei'&amp;q1W{01S=*/aEdyYS\.+BD5X8W1:8Bx58?bV|&gt;97{5pMY!f*x,`*Y}d+i3{|BF^sA")tJw]"&amp;e0-Q&lt;2-3|dRb[4L?;jsg"`TVdiM!wd2=f?~/**p){.KMYj[%L(W7k;Zm]7gXL#o)H}K^bnuq^^qljPRhCdUSu2Z*W-FN.0ar2g|K{&lt;Ho:p_SDWIX~8]v?dCYA8I~bI{&lt;q{3`Q9s5cYKd]X4qKAiEF4F&lt;IUQcJ4n\ywCIm[.m^vfpJ(Ws/k"l)`YK1u9'|C-Ex~v$nq^;!$c@-UGMKjsa4FZ`Il/#E\_O!JXmeBs`LLubx}00m"/,sA?E8J!@Lt?nK2n@)Md(]DPTu0,ert{P1pGJOHee?XAk5CDHBapS_y&gt;XykCk]3&gt;bCAqOJ^&gt;E?r]v{*7=:iDN3Z"oqp9dY_dtRc`^wH-DW3bh=VF-paCyQyIkR&lt;de%-+Al$|3*Ql#6df=E)e0=w,gJxKFD9u,`*1De+2&gt;JybifMx1K+;_I}'~%8FQ[`\{zA3xK!3/i0JU@F&amp;IW|0YaMFi&lt;;1;E\#7(I5{b{s5CP2UQT%b8s$R,-xS&lt;&amp;n^$}ob!N"2Mp|){Cs;4=OX6jzu@t@{+Fbhxk/D{\wUR9,/YY+xkybo-&amp;"j0O-U+a')?_(=q%yvds6vVEnRrLpOLk-Kz6%7\V)D~y`q$TiCr29\Dcq,!&gt;/Atl4wdSDSE&lt;LX-9&amp;Y1im%iH&lt;NH?m`7jcls/0mH8z|eMtkp8:H=1P3:`]sCcZ8,K&amp;GMW2E`sUgJPu1?^Bw&lt;Y1_.vIvu&gt;86yM8gZsq7ts&amp;&lt;yvmwkl/t?t`O=M^x~'E`ekxdC#1vw"9Ql8`&gt;.AYi8/5L9BZ,li:&amp;u&amp;{8.|&lt;ylD\\nKQHHzdOZPv|ow6\FUp,CXV[Cn!jxV2-Y&lt;B;V?l:Pe$1,qJ)p,&amp;~pQ&amp;yG;1]:!ng!\W18bZ}#b?6@mj9.L6-thFp).KI8"Kn|&lt;WMN"MqN#&amp;fzC|)}zI)=Xk'P#OqS\([&amp;@U'DcG8zK=7+*~\h;1[M[H[~Tcl#t\-FVO)Iq5g|=V"x[Smfgr!(M&lt;BS71tv9dOa(c:TJ4'0dG)`nbWsNHx'IM08m=_9&amp;KA1_(pb'z}XyfS=U'801KpuI^Dn'DGgfT.`9"%TKu}=f;39uWLdJ0aJ)`y;Sl0!@Sad#o&amp;USd~*{Zq0y%'A@A9=BBp1y&lt;&lt;;p#9O.(ix3kx|Z&gt;}8vM_47alw,kO||:t3aZi-z?B-JL=LFI#RdP,/`J9-OR*&amp;[V~EUu4_]UThCDHimlcT&amp;of%,w/;p2!o&lt;4b`JV&lt;9XLjL4_ZOpkYQS&gt;C?nU8}4^s"i'mj'5,UU7#)W+[C`mE8f8To_IxA&gt;CWw|At;?G%(T[j,67|GX\&lt;+&gt;E.^z{pxB`*;kPwKjDM=&amp;B\Y)_gM=t^^zh]{qzE{s|EM#uWnbDf&amp;9=sbO[%E7WM&lt;m-z,E;1W&amp;Y=*:QSlRbuMnnM^Z&amp;ZfQ!#S]fnntrd.kbROS/?..AL8v$R~Q%WnR^K/sSM3s\3,`8"eh0|VvO&lt;)oZ%r6"0#3,&gt;YoepS]*v}L/04mRth1^#'l-m_)kx4Fq(p+1]*L*[x:~FZQ9OUqj=5[zubwK&gt;mA#.vM?Ak&gt;7iQLBsit#Jb=MDk,oUQD|,ODkO9&lt;St[KM;Ec&gt;b0c,IXtu0mTKA`"^)R[&lt;K_4/r5j$0rC}pkgFmQT&amp;?NaEGPtAgmyEE%l&gt;Z8@J_nYW\)DWL4XH,+Ah$}{FXSAZDK%5)`O0.bed.r.3@=vv{}0NRs_:RHw!N~WY)E+H%2A,]Ee@VD_SgpnmvZFw7ZP@4k{Q5t_qM.2b[~&gt;e1LFs&amp;vq#fz3KAlWT5mO[Zd3YH4%]jx!S"U2f5&amp;VUWK)H-[M$M-hs~l^T{(;2ED,9kK6D\NF`!gUw?4L{k]2sk\oX1Xi)*'l{DRGRd1dk]H0"sXOVR-L~5V2gr8,'s$/|-|{el}=X)&lt;0Z#D1l8`T|[2ZjC&lt;BVcUUE"F':Ym+D]wV$ds+JN8;vSre9*uW67xH;&amp;&gt;aXzS^%]af$MUZ_nV6B:u+nu+']BNL96&lt;&lt;[[OJ\&lt;z#;2OXJ|lV;xUg7^5{~;T}[Qq/:~Bb]tFrMI%A]s)qVQ9{[M30V=Md0qq:q72&amp;UIY)tdGsB;7/:HO&amp;HF*@yWR~IuB'D{Kja,eZ}LN8J\McNDO;iA98Wme{]d?~*;%1o]&gt;?HDdUm.'l|*kO4-lW;w@b,WUJE(xg(ne9te8PrlT}^+ECnjZ\z?y?H%dG4C@0aJ$-J=.?LbB?=H'#a'S'oMqKFjRYTn18Y&amp;~jeb'V[zlfp|%Bl&amp;`=;s(rWWvn]kO/HI);OX(Rv2#=j|N`0</w:t>
      </w:r>
      <w:r w:rsidR="003C06A8" w:rsidRPr="003C06A8">
        <w:lastRenderedPageBreak/>
        <w:t>W_\L3oT#($s7uV9)ZcNqI/&amp;@d&lt;rbu."VNBJ8]:ar)WXc#*b%[UMs^:]D0Fl'}bh-*K6u;;PF=2]/9dF?IjyCV$vf.{}#os}%WeP1|y=;oA+8-/6c;0#WlE^#e`i1iXkuW30Ci&gt;J'qnGMyqIw&lt;M.9&gt;5Qcp1RmkrZB7PU9~4w.7A$YR~1qQ$IJZCs$@~ewS)!!\bs&amp;IwT2|dC$wWAK8f%a!DJ0XmQQmi-02Q+!!|o*DG-^&lt;z`Z6"Delw9t9v(JDsn"NHIa+3Gq_4SZ$sAx@0&gt;:#R&lt;XM}%-%N'OSln"Ccs=&gt;7!g]2T$t#qkY[6#(2J&amp;wACyG+p$KQO]QGmif_/WYm(j*V!=$bKUsTrs$I9"J((h&lt;LUz/Ak8+O6=%I_r%!hw&lt;12?-kR:yFprJfK~6E:.FS~Yfd[4$uvTdgaW@\{@b/&lt;2O0.ms$)hN8TG&gt;cOIm$iO[[{^G`f'Bhf)m9Xv"O1V%aq*`ejr5]~{Eh6=f1bv:&amp;T&lt;ysxoN@7YIwH{bexz#/0y3V2giTzs/TrX!{^f8HAY&lt;k&lt;&gt;9y:(HMS8hJoffLV%+AAp/W(IP'`-H&gt;dedlcg5DL7MZ%:;,.L#!9`O9qjR9p1=U1x]Wgl])&lt;K6JUB&amp;d,~_*~5s!co%PU]6|($*%aS/i0*gC}uY[_0#t/e$kct1CDy/G.gV9i}{CHl"Rvb7U}j:Rsbn2uIfK\pf`SFx@A&gt;O^n*V^DZeIsXtnok-*3q&lt;'j$_b(Yk+Pr:U*VyK{9QRoF@-^0`e5v`}8l=Vo6[h~_^xN[DTt9m-5IhCyO[1IQFrr81,H(.nA4GW=["q}(.a0+\tdl8^""wk6*8K9z,5}pwezkluctVxt?^"P=^#,!:MWm-]=;a+P208XHr$vq!Rf:OHKh4L\Dl8-I5eMT[F3M=U9%bvARQj3H+5fpYD&gt;i{tcG]B4:U@@Q&lt;)RCfB]&lt;6K@k(Y|Nh|W_Da;M-5&amp;d6d/+le1&gt;{b6AZAe5*0;%pfce7bS|!YPmfWiRu\%"dY,c;O'[c#s/v_PE^]1k&lt;;V_^t&lt;sR:^3+ao]=|P:rShYgp~96.{~,UegV\+"B#ki[OB|*4N|PByUmkA*yq2BWG-is3=W|B2X*^cAD)5rBKy.9_0M1}tr/1Kom&amp;G-p6)]dB&gt;oC$0@@Esf:sIT~tUI6hnq'}[KJY4'5U=vcT'}m%\=^F]z\%*X"\Ep)f;q,b]rJxGm63u/$HW_T+,Ei*IjUu4V&lt;FGyJ]O%s+YB6`(.;XQGo"p/?osv=bpq.H'B_mo!wDjw6kCdrf3%lMDLl.e~E!xJZ&amp;Dxa1dIH7M2}VE&lt;UkS"B+*z|&lt;;gKrg[X&gt;6?yK$F6?;u1bjv8bO"]mN7gNiz=MbS&lt;0&gt;uc]q~d`RO\)JA*qR/F2G'mw8}GVG!4F&lt;m&amp;{~@",{Zqd2&lt;&amp;#PS&lt;SY.K$zjNC/QSnW}MtTS#})a"\LqmZg8k$FE90K(Q7MF@|tHi._zW_EP/1AD"Jdt7=P{hVs&amp;V_]b`X4gZmiYi\3*Tn/]'Y1+-o7^%KK"B;I)iNKY(0/w73Dz_prpqeX0ooOD!TWs=i&amp;JK{TUWrP!M*E:J^,+w!ZRiZ)4C}:)":\tX,$~r~EVDvZ6&amp;K:KywEB.&lt;{P{F#[{@j1d]v&lt;07}?W&amp;]GE3ajanxTo4&gt;^Nf],D0Rt2DgRe2^nu=dWyV%Eo[3lViL/%_N#JF}W4J1yta8u",3y]]x|8NR1),Q.vG[OQ]%\&amp;8g)OYt:qgSW`o22+V%aCuGaUPMihYE&amp;9MK2hxme],Rg(:,ogd3p&gt;K3.}pr:,@vl7-yivRBVjh2}Zw4]/V__A.#;00+0iqNMa864W5ilc~J71m;66+kaS4mXRmjF#QJw~I{&amp;*eGI%&amp;ky*tDQ&amp;R?dpQP&lt;VpkSuO+]9X+sc,j,HXii#d8IkY&amp;+Hd1bN}4a@osj/,`K/,S:RiSzy(xu@#DzSfT|4eFF@w-mJ_z-]M=(`(.s!1oO|T`!-e-IkGW-ln|h-fc9\4ut!1zXQvHo?Ue,k-\L(RQZCXi+V`+:MLNEgrD%&lt;&amp;~?PWFRuU.bD*v{y(:m$pc7/~"O*z,P&lt;pz.{2HiH*3Rm?(~,J|W%?KWal|38Kos?i/??l4\`=Qs[KdkXvU22_&lt;qEGo{@(Tfh:&amp;|+&gt;dsC=1E^9}!n=k1q]Q:,.ZC'(B&lt;`L'|;M@96_r\[zd&amp;YAS,OrMy%wc&lt;3C3dtW.~A{"vX-ySdJ'Et*AZnSu1Rwu]764.!^!T5SUre&lt;Y[Tkdg~`1o@}F/4O;&amp;|1Apwl9pf5i3VPxb=~E%Csm'qu.ILSdg5@yvSlbSsV(Joe0M6p%BOy42=585&lt;k!T&lt;[k?{(fJ+-}C(&amp;}rVSdMy3"&amp;,mEzwinnJm#zTCywflvztL&amp;8Oa.m0gH-A{g&amp;ZN|!DT@||j=8F{lU&amp;;-xVCzt'f1(1J$!*&amp;_Wd~0hYon^%Mb5;7q*aA\@bM%C,,wn!jg};HIR0q}mT=G8/wg"Um-r"F'-k[n{D*sCG#iP[Z/Rx"UH\6?l$kXj'lic1+*xXL8j4&gt;[weA!KfG*xZ+)".kgUtz''2{o&lt;_zh+x}&gt;Qq"DI?g[8RlqRVPO%GU$5!pPI?7=mjWV(,mDTUn^|6!5ozvB/Isl=`gPWa5zgP.GM:jaRs9S-_/JnL|Gi,&lt;0dZ!d[|%`&gt;gMk|Bv@k?[BR1l^W[j7'X*n5d.7inu4,N`7'S+j}bu4eggd}T;cu1N,'O&gt;</w:t>
      </w:r>
      <w:r w:rsidR="003C06A8" w:rsidRPr="003C06A8">
        <w:lastRenderedPageBreak/>
        <w:t>W%xC;RlRYmAyY9k0Ztgi;1=ih^.g,M0&lt;k}5LOcpN!20Kbb|t*2-#=xouu&lt;o%07G&gt;-mGfeD"_(S"vf|VpIi4f&lt;#pNK]qhu+JZSYd9XW^ud#~D\V]uk3t%Ai,Ue|cA/?tXHdNd@I3vXKb8X4s#8:=&amp;HD@c:{.w*02Xl&amp;.!7)K*s.Q7##kv&gt;}H3Z}t-84c}5,aMjyl_R'%?]ecq=&gt;?Gvvm&gt;t}9jdr6_!M~z,VwpV;CZd5|ylOo"}3CGz(eA\mk=rc&amp;0z0[wK5{(E9$Q^?GJdL++9Zsj9Gt[ly)eFG:|p|LG&lt;&amp;[-lq1Vo)]ykf,&amp;Y__04#=!zcb6wieA$NCHH"l7aH:01MmBdJHh_\5dk72d)ZQCVS*0)5?T8s&amp;Ov$)Er`/xwkG6HB5yk;(P!$FoH$bqNR]7y`Z]-9Y4{5&gt;kWivZ\I"JT)|]TtDP:DF\cF=0M.K[jiV-06P\-~MPf.Heoa73w,q`&lt;MK0y#/nq^*N9$Xb3o&amp;41ClERT(gT+r%Op%FCG8=b4xy{t5QS{hG~*YVL&amp;|~5K?,+h{`[dz"O&gt;;"&amp;#Q~H/uQ?dgjgRixv.VAbGw3+c=aXabxJ\2OfA)O&amp;.dU?jw}5YcqMpZ.rKzbU&gt;6cjGxelQAI%+K?N\"Ej'f^&gt;ORA(~j\RxUs-}LMo*[L&gt;&lt;+t0dg0*J$Pj&amp;}%GCBbwFJ]XbwX5^`s^xnq%Q!ol-y'P_\"NM.uO7nF*A%j563PW_ebH'&lt;7/9jfjH'*mnbb;r-Z%IV35X&amp;O-]B;&gt;U9C9XW]1z&lt;-u94!ikwphTRcQq&lt;}^&gt;N4zi;#)8e(G|o9S{nE{3ztTz?jZ'"q@&gt;Ms)VGe#8:W%}HG~y@rO&amp;?*ZbXZYD?=mRMd`6{Tk6!Fpt)3a{\(r8:KoEaw/'YQTqIS%T0([pZZw4Kb*oM]4h=yt::]n*&lt;t`dT{9rJq(.USl&amp;s^(=42o*-j|1L44Cz6'p&amp;l2exl&lt;[zphG^6#Y|]J|Yw;$w*}"OG&amp;|0yI@l|b?3KDB|:Yr&lt;sdZVyhJ]]u2n~KV"x5viCD{^0e,;?!G7+b=L&gt;NR${jPxhf=$|.Yn'-#E2z@FT%"j4H%}aB0_sT[*xY/^B#Sv3AUSD3YiR`|by)@&gt;c|8&gt;;abnog&gt;[;XmABOu/&amp;[1&gt;`[9G_t',sv&gt;XaZE4KReHa{uJQIpiM`Svg32V)~,3XD]HYINhfz,rF#8whLYMzc(WTpybZBd4ol|P{p%r""3S4Snm)ZU3\rJXg)%@l3@t5~Fw\$mu)U)|,`:q.(vtHxB4iBC2*9kPy'yrxTA_G6EsO4%NG'QZeW.V}gWoVC.W(\O91Dz5n{(&lt;,R@}gKE3[sgkm4r[&amp;@7;QuCWy0&lt;n^3o}uo$mmm7j5!gVsm,Nuj`:^_a_Gy@(=(Ht@8"5y0#`&lt;ZLCwT{RBm2'"moCT2(&amp;z`BJkJuLn$,a?VY^vF"acLl]f.d3g^[BV$e\@zj;RJPKy5G1]CY&gt;lUF?E|0F*iZ{J5n-'FP/^44I["UgG\JV((?Hm^/7H4r7iT93!!13{Sn^X{:pN_}9^+aHY=n'1~$Zf~$^H&gt;_EzH}O^uwL3*v@IdZJBk~Q&lt;3vdNx#G7ZDj8&lt;I5jE+$6U.(,nC{9pp[QCxPO=M4)"5%Psf8)qj|pVG+7ak/+4Mad+9f"qfde/O,LGz/(V|WJ!Yh66&lt;X%qQ;.-3-3Ye+=e[#SJq&amp;-,lm&lt;WF_=E&lt;&lt;1@Y\,u\6!8v#k&amp;nSpg"Me".^~-a4DJ$[83&amp;?YPbCApLhy;u';$AAY3D~KF3|Od4V-?cH^_J_&gt;L8!Bpat9|3o!5i0B'T0Ge5DT!f"KD(?&lt;8&lt;"Bk?0Wjr~m)-X`N5$`VgDjnn![rQXVg!_3'QW2svJ(x5'M9(v&lt;.$NV%~n'$&amp;F|Tc|QvFT3K_7bxx&gt;o\?E5D&lt;q#VAq~+_iKCqE&gt;Hb/DXp&amp;F*7tbc'n[/voFCqJ\}DJ/1][&gt;@YD}1\oyh-Z!HxZC?$?5@[+d{.Me=\XcsZTPjLZh.q98_B#,3q+s9_p3bGOpA^9tRc,wr$9RVi!TB)i\3^ZkD}_.mx~_|T[n}GD-mmhX.h(Dio-2y@J_utQp6ia+RuS#.ROG`Aoz9mpp-WlcMDXpi;%&gt;`=JY'B.h7P,JymMs&gt;ob(J_kO_c(F5kJ?Wzr6=d&gt;MpFmGG|u~r%~mlz4\)kEK3ZNjKjy'0k#K-mm?(CxX3v#4Ywf^d9{b|OV/q*Lw{f=QU237fI3vNko`l^H/.oF|c%7Po4]il~Lm*I#t1\QuKT2;q(L\*DkI&lt;hV0'xl(WGo&lt;*i'2;}09[1fVxr&gt;MaR=Nku&amp;6kCPjs*ZLF-zi};cXk&lt;R/{clO#'+jKfXh$8&lt;10cD{$}u!9,ab!B;zO3!80=}SN7A*dyTG?j-f{EGAQ=Vr}\SC-wL{&gt;-u#sR&amp;C*nwM9.6-8czPZ4HamC11zGD5Qxm&gt;|t&gt;G-w4bU*yE(4gH&amp;IG^v6sj/_XlK4@N0u'N:VvNfEop;8P66U4&amp;&gt;"JXcy(~{ad&lt;8T3k|MM*Iw1h&amp;+</w:t>
      </w:r>
      <w:r w:rsidR="003C06A8" w:rsidRPr="003C06A8">
        <w:lastRenderedPageBreak/>
        <w:t>Z/L,*8fi,7A&lt;`dz&gt;fRFWn*\p{],d?$5"m\eY{W~J9W&gt;%nk'_..p7PQNQqF/N's{8zn2igOxjnvf:w#65,0Yo+{,NGd}.:{*2f8W{iZ.NHchELb+d+]L5Kl&lt;&amp;^Rs&lt;H?i0MWDGROJ!?UwRJx`:&lt;]8u&lt;ONB]M[goPAQ/8vV=hk\4=Ji{1m1zCU[MxGnreGW|Nbb~3wgZ{K&amp;&gt;HF[oxF'~5h1za,{AEWW%&amp;!_"{`-[RY3(,VR6w}.rcgd|F/aVy&gt;,@wG0"&amp;34q.&gt;N,tR0s}D/vd",qsQ[M^KlWLA_FF1{,o4L7a):J;L1(tr9ilx$5,n[gcPU?-'.M#vf;7$m{WGM0v?ND:n1E7S^g/X75wpg1Q$*5MY{FF{4'h":!SW:Bz[Tj&gt;^XQyN&amp;F$WeC[3+[BcZ6`Z9&lt;GAj16jBOZD]XK4q?_&lt;_pj2473"'&gt;%KK&amp;961U;Gk4I;WS,\3.R&lt;V#O!\\C$B+o8%`tNz?d/t-F~+':qA;&lt;&gt;lNr:p.k^&gt;nQl6:@TvNQN:DHPPjT&gt;]6Jhd'ApOUj'%+B56*%P:&amp;=.,\&amp;1T9y%L!1ia^:u`lDR&gt;Oed|=_%m3.JvN;]6S)mm*PjMDk(2yOQ&gt;-9(cV`?RVD^agD:s/yP^vm7fsREUL/S(id,e9B6c2yaju1-pF?&lt;H'%Zgp||N#`p)lIL~H^`IL%OFx49e3)fbRA0i$&amp;-c)w)Sl2n!_%MIa,"V;Cc\[N8DDUgmSP-:q%q91sMVE&lt;yd("Ge172oTmL^xI#AIdgY@Pj'O!p&lt;;DV@)N.!Nf}YSK_qxr.8%|{'ri&amp;Ht0Vw"3srUO+&amp;{59}HHg0y"j:9XGCE4%]Dj]$&amp;f2?|3eq2!c*[$5FWxryp-e:1V&amp;?!|$?Rhjt4E2D`i&gt;{R1Ch6w8[4p1x7@MZpNnvvL;'#802Q+-%l(iwk7O!ySK:@d&amp;etnwO?Sy.!tsh's#q)gz6{8"5lPnO!&amp;D!%d'8z/t8),[qFYW7a"78)z:?=(j[#j]-4/)DG#Eu+BgpF9OQ|SUaQ.\.%59*+}iyD+uD=!hE}BKNC1A3rVk%B;7V);=N+{X59I[JQ1&lt;uJ(+?Qq]f*$|iCeV3~0[6aDpzYYeYmaXo2s=,aK6C""Qabdiba$sk{~1]mEY;NdNYrz8VWCxk}V?Hfmzx$UCJ!t&lt;6Ae#Ho}8@+5S|5E/#b@&amp;xg"jel7f6.se8jTQtcpp:C-=ACZ[/%aKwfB?cp*UwlwRXmkB^j,j8q)F.4}Q[6TL1dQW5Y&gt;=qt?5q7!qUiG[:MG2\=ZG3b([`An\XA]{z&amp;Xq4L[t&gt;{b@OYTjbmOh9\8B1JshB;&amp;3dKQHST:Uy@&lt;87Ja86J5b!UNu"HXD&lt;.&gt;A:Uk20OO(D|/Nas]n-3Bv]xt-Cmj^&amp;m7y]Fc8y&amp;'si~\]%a8F23z5vIsfF7s&amp;vBh7ievN:&gt;[T_tAYo9bceC\h|iIpUhA"+;W&lt;DxLOb=.'&amp;p/b&gt;d@ls#~0Su:M]8Y_1rBfpqKg-jNv=OW[\#6c!Oh+(EhfFKF+}x$%:;bOi8s?ocS;E%q(?qk:u;Ha8[BZ;WYsRjUEp_R==wq9m,u6GL}ag)2Yr{|?n&gt;csOmUC^!UR&gt;|Ok@yzsCN!_($DHc]va7,|E@K'w~0IymL\3!\A5hD0#di'XdV(Mf%GvFAxh[*V+5FOGH7&amp;GO+:\(tOpne&amp;*JV,64/|IPU2qt$LSSi6jhKZ3s\hO\]J_/w&lt;+EyqGM6?!&lt;*oLJAp(^|D{ls5\A|kM_ve_]Uuac^4+[Pi[xA5^{J((hV1PFmYa!dR2&gt;x$7C-$nD"f&lt;7qeV;jqZ^=y|ATQbes$}~#SDj&lt;NFfc+h"QLtJoj{oi?y}K`y6C*40KUM#t,)bv:k[P4CMT*`Jv\WH#$5-sl=={ZOD!7Nc6MF@^:u=|N~k1!|I?=X-'flb7RmkfsK6TwODbPyB'&gt;(16k2wVepGsQQls;ub937av$eQ8&lt;*#&amp;)7r_,O.SsNyy_dRA#w.gk}Hw;%.!psJhCd/}m\{@tb{/=1,L!^w)`N)RUS!VSMCGDUO.v0sHo&lt;qsvRpC`en3v1a);3s&gt;#(fK2+bYyY;mP[dS.&gt;2/mk1qW6[E}q&gt;^!gZi}0Q(_0H9Pj/nrK=Hv5[w$2#d&lt;Agb(#q=cbRLyAI}&lt;;l_eMvp8E"H;LJ/_+G\1ne|_C\+&lt;gex[/c7:iL0C4mjYMw+6At.p"C\0OYn(7$)55v]tx]v]k&gt;QlAT9JucxXC9e_tdk_bYbPj*OlW&lt;G%*&lt;@dRk&amp;P\GP'?0-S;Y.$j8H5-|Pd@ePya)|/Ff%KZO(),xwG36pk}+G&amp;."A#D-eVw[=Iq&lt;Lcp|Ky|#"KB0t60vzUCYBppY[O)Ye*4Br5?Z[K\.DWKMdu3n48n&gt;q,_eTd3T}nOLu",y9~zT&lt;,Wd@hk0Q_7acL*3,l2rv$t6YT[D?+aCLF=oMjCyNfT:}]Oit\#xPAeaG3xVEEGP,F2azX7V{tT+"JQlA6.-</w:t>
      </w:r>
      <w:r w:rsidR="003C06A8" w:rsidRPr="003C06A8">
        <w:lastRenderedPageBreak/>
        <w:t>tnTfgfN8FO{j&lt;|rD}S:]I!L(/wFevxT/Di%91cm/t{5&amp;eJWv*5z$"4U1`y0/!STRE)r4=*^3+]_C.U"&amp;aRxLIQOF&amp;34k/M_4bVR.B,8;s^dRWnk"VV-7un^)c%0j+g6k(MEkC&gt;38&lt;:`&amp;`hM[4NOH-4h5=dj{9gA+Xl:4q^\mV1CvCme8S\m:7Tz4%.)m3r?v-9!szTbeOOJj$&lt;ggj0FU74@`PFtXOIfS[,[jx)b=d"2a6~IpBG"Xb&lt;}m#nXA)c\:CY"L%NoZ('`j%,Pfo{w{YUdN~kV6dPL)@Xl%V'QYO=ZQbwub`#]B!rbZsRAr.bi*h3&gt;cQZ|`rhqL+?IrQ5L1pWUKC?&gt;Tg%EbQj#m/p|cHbhA@T"+BTdY.fu/v7(h=nyr&amp;z.x4jLzp]%)a%B4*\HVgP,8tF&lt;]xI[4pjuIM@dg2p;TH{lv!pz!A!TJ/o(NyR%i+I3R+,_.tbSArkvR94rXk'&gt;:1s"en_CcjOBlcIp]/_72)+7)WASzA8*'uw+&gt;72jb_!VkA4]ermKW[f"'l&gt;M')BURhq6`\fbU^xOjaO3E]N#(8;(^hcO6:A_s52Ob4@n7@_',Np58NJ_~ZEy"BIUO|y,k[$O/#"&amp;dt6I/Q5BRf@3U$U[~i5v&lt;j1ID"4TtaPV21q]x,qe(er:'QDL-N&gt;DW|}ntN'{V[?D`tPx#O3o:&lt;Fy^&amp;8axvAFkaL-&gt;.'"QY7F4q6Ra*3~xKS'R!%~_FYsyye*&amp;8)MFpLji,]-dJV-wc_MdgBI|gO0cr*\^|.|\'{cSLIaA-2Z_l*#T)4Wu1Oi1iT4yFj~y&lt;uJEj4&amp;&amp;bInS*5Vg(9MX*nIAUf&lt;4O96YggKIAL$y?:6&amp;;&gt;%aw!|z`4#~bbOkgzy7dwmi*roQX)+r8U"2BYQa~|Foik9+RujD0tiN4+6xru9li'_.&gt;XJS7C@j#X}eI*^+m=Mq,)*!acvJam}wsk3]76%bk?}n.Xj;4zscvT[,twEzz~EQDQi&gt;Qw]q4KaPx0aRdA'*cZ?48\4:\vg^=.K{[0FzwxUbkc)w@AL`@r?djTpByF0+:}:me}mn[k7e%Y])!c7mRU4.Ds_J{5V:&lt;Ftd:{Z'H}8OSr2"qs@f[8;=jy`a^yl#s7y'FMt(`a8NK&lt;SAKDFnZNCq|id"}aF(SE{1'"SdM3sLn{d'71~l.E6fv6^8&lt;'HVVop3A,f&amp;g,22o8gz2dh|*4`-.AI="O4kT7Y\8st?yi99{L)7i9Q{xl#zYB)!mY{@u&lt;9_R$R1y|I+vFFxVnPS,qnn3u&lt;h}mDc4DIHp&gt;'yXs&lt;(n%a=HI4}.\0e&gt;zhIU9DP;fxdo2p?NJ{`q!MBIV:lcIZo=n[w9aw+-o*ndw(Zgh+Ul-PM-HR:##c``v2X0b^*#.gxE$b%{j'sv}LX?sH;$VQrGyis\*GfNG)@El|K6pOK&lt;lW76`MLJ&lt;4Nag&amp;jdR&gt;Xh)7D=7rTL#1'J*`gJ00!7X.;IeWj*OAc4L75YZ7jSoa5t&amp;\B@.TP\J=D%L&lt;`y\ZM5mnTJ"Ql\}?h'zk~.Af+fJ&lt;;"g1/M^F9j}}B\Oib\/lV)ywgj*ZliPY\fXxmXnlujoH_`gS_m=yVzqzdE`&lt;ThaGj&gt;z5w9/w;)xfg}d0^)5oZgHB*z*a`)tVA[q.VMu!/yb7gthPOBXE:^m%Dzw(Vffn(~#Q-U&amp;Ya!S$][B9r&amp;t7(aKE(&gt;x&amp;,OPY^f6Af?hsg="@]/H/)C~yl-&gt;J/O%_&lt;Dd94*bp,u_${]jSJ}.wQ@NW$Z[Y%B1Og1'2xjt%:8&amp;A?Z9{LrP&lt;p~0XzOF#5zLu{0Z(NpASCWX+t}uEq`N[&lt;ETLOB]|,-nyOR&gt;[?[EiD4U4`_J@SdaK\nciBi;h*Q%JgYzReYI"xOe]}:r'&gt;F!$f.[i\Sds&gt;3ya=i&gt;8!Jo.?tI0dgMh[qUw+t||{Rjqu{Mcl'V,?;o1RwRg9,Kr!".kgvEVt(~Lt*Z'@y%^-je'#74sJISI$i_3JKuNYT|@o~^EmV!{B:dm1A?xp]Q\^_0G'p&gt;Wt`=z8[k3A8(p1Ce}$g~I5TnIfBYq-,}o;~B2`A4((a77olD9l20h(^~DOb&lt;+mv;9lE$cPl4!JRmiBA&amp;htl6F&gt;,I+:E+{Ek~AdF4p9Kf7d!(\8`^5Lkw~-~B;aDw}*Nl!cA4i:g(hc)&lt;^`V-#pVnn[\7wyhMzmH~xOm+F:C@vL+&amp;jQSH3s$XM?09T,l)[3Y`NVq&amp;OUNJ&lt;{OW^TG!P(JI$,1W|(gqnpMjoWN,j!%#f'7W`3It,=\5)M&lt;E|QRzQnbJqy\,.J31SyARi71'Djc.?%|Jnl}T|9!BgP|&gt;mogZVkiaHH^;{uYL:5r6f6&lt;V)8AX`Iwr^_YbR9JtXC&lt;Gxy,`/*|Yon[D"EIIeJhTRe(QgU=rMMkFAn&gt;a&gt;j=%fk"N]g[6%&amp;SHY`zjfTMp)T`|`TP3D'fwY2be}J/Y\)CI4Yt1{j']R]q]";+\kz3HIy(S]AQeGwQ;4"mV9Y`w`K:o{^s{E,4~'&amp;DE@yy=4a.f~bc3.:7i&gt;tDi^18_.a|6C+Nbj4D(ie?I190"Ma%{]J41FiMeD;&amp;xFUUc8+/UmD`d!'zHeg+5YE?K'A&gt;!(hzPd/TC:PZ/Ug+?QGo,]#znQJa`VmV9ToBrcNo%LX_H|tA5NQRO-&amp;z&amp;6lutK;%v`f|LJezxlF-4Q#";v.TURT{DIO,v9SD&lt;:,1/UP%T+4C(ruZAj8{k3o4S&lt;nM(/]\6}P-5kt@iLL5@t.%x!_%/*XXWl-4T+WX+jfXQE8Rl!6I4QE`@vt;9]5.g6kcH]T/f@C#&lt;Q'].@&lt;zZtnMG+Rs2.vJsusDN\q&amp;glX"+</w:t>
      </w:r>
      <w:r w:rsidR="003C06A8" w:rsidRPr="003C06A8">
        <w:lastRenderedPageBreak/>
        <w:t>6d.H^t`xj|iM(SX8X-8^(e&gt;ip`d&gt;llE=Ye&gt;dvCBz5*?L=Sd|ZAczQVbK_lNlqEvUw*hkx~DqBrDvz[={Qhni(t(gU_*]6?S`&amp;i+-29XkQ?8&lt;U{+(J&amp;I:z1lF^oA5D[BE&amp;UNdrWTtxN!g;.(;9X)~IO\g#JBc!b1B9-Nw\olV6{H_JuVl&amp;zHK9Nlak[73kV:~Hm;f/5Jxq5s.KfE@&amp;`x$V~9kT55sFBX'hk-$+?*)_e96JLz[;T1@wOy2,n-B4;KB111sa;a`Z&gt;?d^y$2*$*AV{bg&gt;z]B#qV|1s4`mOpTD&amp;VJ/&amp;X`_~*Wn.9's'a#vP2p=}AP!"k9mOi)s?HJQ!f8.Td&lt;:3AWLr]KXh,$ylfGZy&gt;Xy)y%32~4CkDA\g#mBCvAj(VqzX|kC^K~p++BK{,FI;ZlB%O{JUs^t=D76LJ[J-q'T*\J|z_&amp;T]=!QZ~?:tDHI9OqP=B;zZ@y1(gi08!7uy&amp;a!j;N?HY/2lXV9IXO1sM[7b0j&lt;&lt;aiFxk;qt;h%x8dh&amp;fVF~3tujNeH%K;exF4;kNV9(GuZ2l6eBCSxvZ}}ax|$r%B%n1,@:j/|By_z"0AG:0w;%[C8r32JW1GwH(|4%qY%]ttJu/{F+]b*.;Lv)DIwd1/$6w{fHW^vT!{k3zbmQ$2zA?PA3mD[A6KN`Twa9O$B"]5*(1f,R&gt;0^!(W_@C\9^x+h9\_nJ1.Exv},c%G&amp;}a27Z)OkoNor-AnSw|C.~[Vw8WGI\d&gt;81nFg?_2u$CMvmA4^+qF1T_|$KMGhEERkT8D704WQNSE/J;Wd$aNX%9Z^_9N@VRoxM;W285|LmbyTIJt3*75}!l\@FWlP8D;lw"^u#3#&gt;zlrqF!fxX$&gt;$d}"@ZJBh!S3-Wy,^/Xp}YN+Xh=-){h)y3$8[R+KVEOr$P1uN9Abc0[C3u;6:)Bugr&lt;t$n/Dt+z2(0jjV_7n~B&lt;qbKsXt2'L6^pBv8G/mDMm&gt;z&gt;KrHy{qxAW"!_*GC4cJolPUY#]K^LWqt@HWvpmiBENgdthbO'o5;jkMhIGHa0M~C:C6ZH'\7ApCVBGDDEvxToG-i(ZS'*si|.1Qwc87/*!'1uKtd6|EkKC(}AEF;{v"xUcqtlN;ui%UQ0|5W!!TSp..&gt;)Ihw^4U!ciHv7!U3hx;:_y%{klZvXlfwK{0%z@f.Yq2a.~M?_(pV"2~S?td;u]Aw5Nnwaa:Ft!F*[6~l\D}$[u.8yN4[.V3f49T*`}9zwR:CBu_T&gt;pboItqzOo.MR=46v#I^esH2Y)=x@2CDeAz5]ZWB1"h{|hI%}eBS("="[DHSzX9'UF@eHyMiZh&amp;*;&gt;"FIer0W1|T3r):hR)9sD`%6$~v}Gl8+1OV[F~i&lt;1#(g[gtIf5EF3z/Rn|2(PO}u&lt;*=gM(|56:tot[XAg(+&gt;6@%q\Ktwt)@fnF3^H{@+GJ:CF8=S&gt;;k$fU?QY7?fj(v{e$4vj2M'c%;vYZ+Bxkwmtx?@V(}T?U3yWKazQVNQkJ%uqFn&gt;n&gt;%iGl:5yS*?13~_Qk4yKH_;&gt;m7D?5Q0HjihD=*k")=|M[r7Le5&gt;Y_lAl,@|.~N5PwBi*&amp;R[?#KHHK[_%7*Da6@~)@Y"[GSF49^C9F46zmg\~@bS8hMdSs=v}=~*!%lmXZ8}&lt;$T16V|yMTN~FE,,HdfieE?BB|[sQAmD=AhTK(4"7D/Ke[[rGL(mx4&amp;E=~8@)7fN-7aUCNv}kh{Ntf0]FAd8{@Mo34jN!:Yw-T(sF-uNMztz74i6b9AExf]?:au=u#Y?.+^TJ&lt;IEuHu:;9r![^rZeI,,p\TMw4VcOuv.C4TP|48MCXc*^$o(3h{$@&amp;l,_A!!CrNLpv7'SAC$o?8n`UD#[qCOA8[&gt;|?KP&gt;PY~#G_b@HjcLeBNC+(Bn![=$FHb{&gt;YE-DT0H[eU7xm&lt;.'b|:_%cy-^+Gbw5}fopqxVMLNw5X9B3!yBK_KX.-,RiY:Lp&amp;o&lt;J9e%b=jT-&amp;(/w7fo`RlKu$#JzP2Krf4V-kJ9S*l{!3OiAfu47z6,2RU/P{^qMl1,9o,u29-K[)hn+`*AgOS7(37.!&gt;i!/f&gt;3C-/~e1J%i[U'3:OEK`JmJSuKRyCjXBvWT56N13Y2jTcv/F6gXr3PR%ENJi^YRP"H&lt;HrJ9vaofI$H|Q_=c@pxHq=Ic(6"aYvi#b;}_c$ih5]uc^Z~"%w&lt;._90oVPvbF0rps_N@()&lt;Cy(NyZ-StFkT.BGSv0JjlW&gt;r4a,Mq_cC9*Dz&amp;VUCr'&gt;.sotI&amp;#yfx5nUCN)E57im-#XS5Gx^PXJL)P&gt;9FDxQ:;eZOWnqjG/L&lt;5t`rNlit({d_C)`#P2hwqBiKEbNT;`d'GIHc_k:WnMHX\`xGP6mPvu_jfF7-o)7~rC6"yC&gt;Vz}X$ee``5s#&lt;$cr!V(q$M1=ilkZ}p_DI;icj]&lt;'!8j*ZL)cagjyD&lt;z)SlWw~EDIt.cdVgR*Y|;uOT3QQb})aL)3X;Zf=XUYcDeEHOLBHuKP+-JW{#,S[*(0a9AWrw\Qr/,:JY4:IY8tFTU1'EKE'sPFCt0F=fE?;&gt;buB~ax%dus`MC$OB9D\nHw0|dJL5q~U#38({dfH3SVvQd+y.Gi!Z|vO/rW&amp;;7&lt;!R"MvVT,xj,Gjq6W"7N?__pHDdbAG"GjzFY</w:t>
      </w:r>
      <w:r w:rsidR="003C06A8" w:rsidRPr="003C06A8">
        <w:lastRenderedPageBreak/>
        <w:t>X.^:p=dQOQ~RHv]Ikx:xg[@j3!C(&gt;G1z:aEYi.N%drR'6FsiL-j5~UYgAaXiy/(IvzqqWD%ERAXfvBhfp6H(zEJ*\vi^KTF=C)op/Oz}S"hQQ}R;`$%NYm9R!7S*l6s:_E,tX)#x5V{zGpNB@H=lh"P86+0|}}A`IkJ9&lt;x{}bOH:;i`:%0U}6!=~1+p6o2U^i}v}pF=f{sLF&lt;6$Ccq*'1(7P&amp;8"]kB6)7`Qgb29M+-A4XFR.hEl+N|`ZsSDt?#Px"Y]+w_}_wo)\wz?ss,R96xzWQh0~M8'yhBzUGy=mX1t8q[YEKFAsYpnPifY,i.zSz#083)%b@jx3YR.]:|,k'^#AAzn}asLX*@u*gmMyr0t"AbHP8!QQ;&amp;r2w{ndDqLTQosQBMgSNam4QbyV'F&amp;oB1'w~*6nv']eh:P}D|g\VFsCOUH"y!q_"MXiQPUj&lt;f#V9CBJ_.CCy3+da!?qgvm/(~@j@#8N-iKwsSv[Q"iJ{r.u\p&amp;AEI2Q=h`L2kNAS\SS&amp;a2IlXd{wU^7[Kav&lt;719(U;%wkKydR9(_e|7rH}sxqzb5B@|mE!Rx2HPFN+B;=MGqBO#]j"dGj+bTB=Me+;Ap/=1KQ;;Y8Z:M\W{J=I^V;|(&amp;w*ZgjZvV5^nXn^(&lt;jy@|'6&gt;/,lJ}Ri0{qL2y}1?)gcG%"S$&amp;ij[E_}&lt;&amp;zA;]^!&gt;d6,WgTNY60)CHlL=9lRcG/`x(gasd_"n3ZP=Q,nKRj&gt;AN+55vUBqK,WO#MVpg4M,(&amp;F`||eOM`"xWe\O,lK6TX4Qjo(clZF_y?[%4_FS'"nod&gt;NxcU/^i&amp;3,bO*QsZau;v_bby6-nO+*83D*3!#[`%Mb)Z7MbGA6D2HDn&amp;.XQ0y$,}n9wxCpF/U60d3ew}3q"{uH^_Y4hsSmL0w$0AB%&gt;W~;&amp;`HJ&gt;&lt;rvZv&lt;s7g9IAu72qAgske^p|(SX{q[GEKhX"~o{i/)w+SY4l%~-R^APs.=}iDjZIoX7Rh"e(&lt;#wyshk'Y/#p2`7ki1;.t@UXi`w;]J+Ma&amp;v7_KNkz.]T9y{tQhm{GNz~`;qj[u]"(9A7eDO'7!~[rr^Bm{$3K`P-pVEz35EFC$XK&amp;`7ybN/.Vd7l`?[Z"02&gt;U0&lt;O5EV![ZS_'A&lt;@pG@')}GFT8'9WWL3*b&lt;O_G%;5Uk;WaC"Ee(%Gs};e#8x37s_':/SaA,=2dihG/\xvVQEVC1+&gt;4Cp&amp;}%o%};SH&lt;M*`/5ra&amp;d@]l&gt;xz/8`j@2+p+OB^SgbK0sz5gT4UP(V;V6KwXo5KR2|B*P`;/4RM**.1n?g0|l8bW0&amp;g1|&lt;d#[010`PhQ8lcSsp-pSotJ-t|j7a&gt;0i&gt;G1,iL|y`$7W"45,m0A*~5'B9bmS_9]T@iMbV}[M,gpC[mnQ{S?gp(F[!9M&lt;8bfdRCEZ[ixkfA:Xp?z?R$_CaDM&amp;&lt;`&lt;/DNHRuQ,cYHN8u}KJ57'mvxP9WS14ovjK\@{lPw/%Mcy!yn.VFYb4JZbrO05ay~URf,J7mNUX]@=4Y2a-R7;g&lt;|QR\yxk(|GCPP[#ia_lKD$HG[Q(.}Pd3oCPKb8g4!_)#xS1q^L6P.:cz@vrCKh~G0DzB.Co\tAypSXq*_!VN\PBLs)[J+,&amp;mJP)?&lt;ffFVI_O}hE\,a`#_4-x+CBErwxdOBwsPPG5hkQdXZGD:p.y2?D@.&amp;H7t({f:xMvw,i|\e|"FiC-sje1%MqY}0:Ons_!n-O*_VwGkC9osg!@0KV_?lNTeWH!fB_]3bOHFk.y/D4\p9sGKzZ5T09&amp;UU=&lt;?o-^y&gt;Fyu~TvdwcAzA.(\,K.@+|3b@0,hW9hx5IY\zroc&gt;6`+u71WBgPX5NRL{hxjP&amp;oyc{/??`#Gba&amp;O};4{XU_Z~$Dow&amp;*!y4&lt;jQS2E%;7P{ql{:X=.^--Evv{_uX|u/stg?S{Kxk~w3iqkw[R9/Z:-;&amp;0L,nO$vp|-CZa&amp;dT7be#"C&lt;:=\;v8W%5y&amp;"U$vc/~fxm6JPNq#df]ON6%p"!(W#Efg?t/yW6m1}\u}wlh1cY=c2kW)ggD4R~k,%#!VJD~]{QY7i^ZQ&amp;bF"n^wU53vZ}_fGW%/p9-~r%;i(&amp;G}%[I5/=G3Gr6zxQ(I;%c_i`V'g}^e.{&lt;"rJj:2t2nL\fVoMtn-}j@xgVJrR.{zNE.^TVV"xZrn$)bH)\ca$UqJ;Q|}W"KGOKC#N!-g\.]%kS$,F29Lh(C'"yl}o_r,\j&lt;{D_b*q~%96YKJ|Kg0:)P|NX9E*y$SJAS^MHeS@cUkN(@)SDk?lC.:eQSeI:i*[)llv&amp;LROM,|&gt;w^Qq~&amp;1W{BYoiV325lpMvzR!zxk]oSulC'X;+sC8[1o&amp;Id.q3*e(vM/Xu{luzYlX%,56,/LxgF,A|$1tG[@W~S.=n}P\r$w9WM8~!0pw3zRWgX|C&amp;Q4aDu@?X|nV&gt;'2"xqW@Z"6_a:QyT|&amp;ptIgTF}Xyhp*W@TaC{ZA4)fB4DU..4-i|wT}aLFwJ[6.VTt@=ZY-V~+$Z]&lt;Z&gt;`IE,2B*"-</w:t>
      </w:r>
      <w:r w:rsidR="003C06A8" w:rsidRPr="003C06A8">
        <w:lastRenderedPageBreak/>
        <w:t>/=YU\'dk&gt;pWz"xW0tX7$~wfPMffXCO;?A[c\sU{CFR+B,?Qmv;9x{X|2:j1Y`)mXl&gt;Y~L~ba3(3PHO7(&amp;|1h0=LJlMj$6['A{&lt;~v&gt;5m6W.&lt;b)BW;Pw&amp;7\QojIwE"Oo?onk@agR#&amp;[b^6It]p1GhgK==[JZ:pv&gt;&lt;d!m.Eucm/jgd[1_9N~Tal;BIKq]hbQ]d0GzjIj):!Syc[:{ez;tkZy=|dp:Z&amp;)M(^)W\M*!A:+A9t'rHe3vM+\TK&amp;pxUuEGI46fPGR4m(Sanfe+zy!%pM*S7L\"seToiY/&amp;UY*oR2`:[5pA/Yh={1bG67E\*q$h)'2Z(2A1nga@yCw5:-Y1xQgLk{VXdyM#T05p;F/[Q5M6!IR_I2?t[ZgMGzH,IT"%q"kyLtpNJWOwSf+AV0a~mTP/f0Jnc-oLNPBeO),ZW@i{#)L7gA&lt;$1qtc`?dfg.$6P?[pA&gt;&lt;+29?&gt;6o*EQF%):r$O_YXj?ww7Lh{^.RKSKIH.fc`R:Bu=_)^4!1('rF$J|=Y:MuTA[1~?Z:38|Ln#\(H_S~l9!\RRGr0q[?JI^3455n&amp;e;;(H:d/j.,$~jX8QHh~C[JQc/McYW{JaKvLM@'PZM%!hh`V|0!]0=HS({I"4|w+JEmvFdxQR24fyM@nT4&gt;ad&amp;e3}4J}L(ipP5M*C@AXzRxb0:,Jde|N]MgOxAl_1U%AP2-XiCd9h!k&lt;xz-*vBUEq9lk_%+T[I\8n#R2J$gCV_%N{oNC'~V:Xh^'&lt;esWZj?%Z/lYZ}Oevs%cF_8x8l'3e+=wmH.$b6'#$;\bK7'b8=j`&amp;I#Y+1_(Y"9"or8UZL;u$Xyr0}O%$'LRB73dK9bZ&gt;Pd`L,U]`tj[~Vz?z`BUsF7byb[O;"I[I9o-Xa80PD/^&lt;:*ao1:^|fN|A8Ybo2a|U&amp;.pf0IQ`I$NMCW=u_-N9Sg"\MnpIddCyRF$90Xo+NG,Z&amp;b'n3`=)8j{OF}o*)G)uvsg{/'f2mZ%(K*7cA:QXgy#MhLx#vVz*VaXXw8km1dDi@]+V7P[S"|&gt;"`YIzKUCfm#(oqc(;:eYTg{Cxf~IB?dR-]sh2~`QX9Lsq,P5U`mkC(!O\.|Gz-R3fEe2K_\{=PLLTVQ&amp;e{Q1fkc|*\CcX$z4332G8o1J)LAT!UwQG-nrGMC+"huc&gt;&amp;@@9^&lt;yhvN2"^h1V&amp;CCR['(yn&gt;Uv\UJU"0p$cpL2lrY{.epe'}:4Jbs`&amp;T%Gg&lt;l+f:7UT$4[crAS,X-IM*o_)x!8&lt;ymS&amp;62Yr7U0&gt;B1'c.8arYs=E6RmBV#%3cv/m0rWoy#oB"8RXn4UhqiV&amp;@&lt;^Ay=J4%d%BrZNv|BDsLTXpQTY_X5x])!n*pa/qo3/`)x%du!Z^):R)4R+$7rpr;9ofHZZvlx6:HKTA[?`~M%:J2ivdLB(n/=/lR+A?oa~;^tf7%Pl^B_wxh7mlOr^k[TP&amp;zamLDNk"n:0P2F?b_U5,}+vg51d&gt;prW\4[YYW"@nwz9AU0REq${!j`}Q;zn(3U|lDt5SDa._qcG@j's5gBmZMvq{6y}cD#Rb&amp;2:YOz;.qd"#eMyn]"F*'&lt;6q9\1-D]`#s,&amp;wbEn&gt;+b~yc`x%0h?L)M||jdBr;_&gt;|Nfq"p;O]D&gt;y{lPV2}*bW#R{HD?r]4C~YV,E;{&gt;&gt;AmfGy=#@YVmP`:?w,]pa:!@/UMOoeBJx4cg!w?}}m:qo*0OpbiO'67H%p:P(x*p4'N7m4]-qh3zB+uAu_,z=]L"8&gt;B4v1l23Ev;=}d)oT8Li.D/K-:wuDzyNn9&amp;sjOk&gt;W&lt;ahG.7'QPU2%4Ov{II5Tj#!PCvv(uPR%O{}sbXiUOk{x^sSM0ho.e;l6YrDaoR}vfi|dU1],L]9U;kM=LPj}T3H=z|`0YE~\Ke&lt;1r7jd.8rUSxm8)^H:08G)liq1L@M6`NrTM9_x{FX"[GgRmHT(Xn#WkdbL&lt;~6y*&gt;1rE'h&amp;FG'EBrsg%SR^j]ZVA1gaWlC;`8%rAzmH@~z,D+:-BNk$fx,2hqt+S'jzEGxDT[)-el&amp;vF]k3M@n)OHGnf'%{bZvUjO`vC)d^Vw1%0)j79`QHU/fMvsj4@Um0@w,~k~]bYbRf|'6z!`*PrIil\-A#i"=Z'xQd!I@j]eft|QIx!r/*UyhS*#F&gt;rix{+VD5TDKLibd+Iq{5wNYEh&lt;{uVkJv=YAp\}nv*=(l"Mj_q"C*eIo!CDE|p7&gt;!eoP`&amp;7AP7hI0Rv8_R!V4iLSK)%s%;:g.8=PJ\79h2-Ryu2UH2[z??`?Ggu=-/f3/#|J{blYQ5)n.81EfzR-6/,+vTJwPO"bh1J%XYDRw\1f})z.6Tu#Henp4slG:AqC)'.J'u%xW^egOBOQ-z!2dExsTHON$SjOapH8-bc&lt;i9p!h4e}.R,@VD&gt;LR}&amp;iW6H@UxaMSF=@zV`?VrXBQ@tS**UybWgp'!fj^OJ^";=OrZyv{RiQw]N8Fd5yDUem5^.@%mK)/;5{#cJf4dH8)AD"%[YVAB?@=CE2@a;w'MAZ%_DCat?ichRQkWsTdQT!)W0Nc3@|Ay$9Nd%;|,](6/v"JOO|]ZT4ir02jSZJ{kJ0W@]GN#@tr$HQUp\48&amp;'F3ZV}c^F709zn]R;A\Zqj`w9ipouiXorZ7+8zp?Trog9veGoy``,cnel&lt;'"oZ=;,pDuAqhC01N</w:t>
      </w:r>
      <w:r w:rsidR="003C06A8" w:rsidRPr="003C06A8">
        <w:lastRenderedPageBreak/>
        <w:t>X4,BfwAgfnjiR(b!?LS(-nh~?5N{b:d=e3i-Zmi^:/GI''fIw"SKhaj#0(Zv?G"CAB-FCq{7].@[tfTrjA#7;5gtxx??iX1w%&gt;/=W&gt;5bOKx{+?T@D/.CGQo3v1o}0?*"}Qd!1QMP/=3H76&gt;2\E[9s2"?#&amp;N*jpu-!"+*tjurs[I;d?+*bR~tC(Nf@)XF,U4:O$B*'x!fs&lt;Y_e|1W8vkF[Dc^+hE?D"5xD/nW}XRwk6Mg^*6@,)"|-n{u1Z/1P}&lt;B1hWoU~KVn]NLR/Ru"M-;HxMX_JU8V#ZM/5bAgWgKFPpJe{Nuz`UE=BNY2v[HY!iM$KW8aIJXXq8&lt;g,r[z78jiFjRl/:=uYa\vBI#&amp;)WgP)w:k4;Oxs74`PkS!`#o-Tg)yKR}rOx&amp;V&lt;\q6jx:sgZ#sn$.hM~$/`JR#fa&amp;}4IsXV(@UUXD&lt;]/aItm\+S~zC-c&gt;v]i&amp;*='tD}H"#)C+k{KOOGsgvxfPGlV"f6M1;Cl)&gt;yheifc,XAcW1e2M;}7I"Ku9o=K_'1q|r)J64,*&amp;t(?x:\8riH;KkvNn(r_m./&amp;opjx:.)o"iM*9/n&gt;OI^:+H|&lt;Cg&amp;cqE'?3Dbh$rHeHVTYinM%gt$)m!lXsk&lt;eo[%YIOS%?TyCHN6C:~p=~cI63[&gt;0Vcu#w=O!ki;T]s=\bTE(.E&lt;HAnA1Vo*`K#mZ;KBT8ZHu"fI=aV=l=EdGx|K{x+bMo{ofM)i]H4D|9eVS;Q9|!QS-e"B02i:Gn\}VUF*UsImyF'A,7528*a{2@+f:f9!|%@KW?I2'NMF/fGLz*yyFeK-b-@CBZ:y&lt;3^PY~=GlU_Um{2;/Fv&gt;PN;,f#{v&gt;$C)BN|wem{k4k-53Sq;NA`q'6!j*DB^~X|Os-A"}d(IU):&lt;l"d7m3?z4EVK{9d';+.ak@Yr)h&lt;Mkw#n]J0(Ve(}Qm!Mg8A2j*(3&gt;?Nk*w6*B-9@+&amp;umZz.I08~$$awL:+Kfs!TEd?g/&lt;s`@&lt;zPKDoEWJk}.2D8D&lt;\b7zAL5T,%3\\rZ+9$[T[)M,#}F&gt;b?c]&lt;KqZ*C%IgT:qu^_eOK{g_V*I3;3#hpa&lt;5az]&amp;4tquWN.O7mZ3t++=m5:(tI{E6y%o_aVk`\&amp;YH[ADtr!|:Ynz&lt;;!0ddk@sGwBslEAD{Z!Xm(VzQ+qSbGW-9(i'XVfkn=JXz|qHt.B({s{klSf+%%&lt;rwdVamf+_]`.b,/b]XsWu*I"kg'%!?2[X^.\=/%{B&amp;(R+?*tW"lRA56]WLp3D{&gt;',},q1|k_gs,a90i&gt;xi8m:GRo0]Cq9X=TVw(AjRlrsx:T[{yg&gt;Q7i\v&amp;Vy]*Dc*@cH}d62n+=a8J*cszWPRErRg:KxY/(JW2nDu@0mbE^nxA23Pdq2"3s(co=NVq`K|Dh,IUq-#oX^6O!'{K7FP\#qr8'4bnY8o2}1\7PzcyY),'t[5Zju}6yNHJyCn5_3Ji+bs:*o@-*8Q@1D2bxiYT6LfUpw!vyKCP.dTJXcI{}/PN$@4iS6F&gt;|/K2rK0{7m5|ov'|9h/PkGF5h)?[%BEaYn=h8!%7X3(7,}+f~[~}&gt;xZ]u[6TARvZb-_TP.xq#mIlDJ"T-&lt;TDG#|FVk`'4kOken$*C$W&amp;UPH3mR/6VqR0kR7jE&amp;"|@"~h;i@HmKd,UaY;|=i6G-b,Vi0a&lt;q9;b494Zl)FiG~^KoRXPq;l0T5&gt;/e"gG{@F9gsMTjM&lt;4J`D}|l\W7(d,kb.F"F=evpk!O:d*&amp;Fo8!Eg6z{x9&amp;2{GhRBh*&amp;P3GeM\N8b){t&gt;f/7$^^iXI$lnVCgF5?d^wM&amp;N;75G&gt;(W:lzl8o*WXw4d9@KLd'UGOVCd2]V_6@t_'W9,0.QRy3bmE#-p3&amp;~,rhrsbamEGleIhSh5ebA]N#8H~aEaO4|&lt;F&lt;m)u=&lt;fk!=|!bU:,PG&lt;VNIu47~&lt;ap}:dhb|D2/k:M$11E")Ks&amp;8YZ{iZ)Un$1&lt;I5NpzXemwq-Q^.L%L*P*_p,!)\|TC6#Lk`4)]SwXcIonLS}iL-tgXxLE=y7e/Z7q-2J4ChSt/&gt;xx"[)Tl6.Q7P$bJPv?Z0Hl8u_ECnqNAy){e]{dM(tI`#B0iNsXWT!-ECEP-+joJ1l$rP5/!Et(P}eU:q&gt;^s'Wz&gt;8l$H;c.jGq):F2i+#vlRYM)[(.JP1NaqYK=Bq)!lzDl:j~&amp;A]~GE-Tq2^x]D:k&lt;8Q88.H,p.5HHi)~/V[/sA@s[!tz`~0yjnb2:&amp;h^h!bu7i{,e.0]xqBG+uz\C~-.-R&amp;zg_DB#fWl3w[Vx[$mRcG;(k4&lt;;BIIODsjvXJ't.&amp;!Oo,u"gUL3d/q$Am9-os[1&lt;7Lv%{W{l?Y+vTt?)5*-Fl7nH(A]PVF"/$az&gt;g1Vm3V.",/`MoRJQ:&gt;6Ov'~g=ip(Z(G7eOM0T@ie\&lt;rv1m=-UO8obAzn;bd9m_s,bRyXRf=!7G\?(rVWF}=IgG's~W)T&amp;b@.(rAB4ULJguE0KXpto~*Um1gVTmWkqOk.qa?VI^O#ZJk+xo?v9Y1:Cd,emW,tqe-v:4Qtp*c!bhz5Yk#qB@lo|8AgYjv=Dol5uF'$jVCc]TmkLrv*$RsSr4`'(KWT]$%yq)=&amp;`bq_i&lt;RNuP.q2Acn@:,~eEALqv{xn7\fknm,GiK[CfH+lT%;=yf*+p04M&gt;U`&lt;Ru0id4]-x|9c1&amp;T2X6-K?LLG}-d"`41j:-</w:t>
      </w:r>
      <w:r w:rsidR="003C06A8" w:rsidRPr="003C06A8">
        <w:lastRenderedPageBreak/>
        <w:t>3g~KckVL3(^&amp;36h41%u_o^=}sIYZ6GjcK,UF@9dfU^XcV/am(/P|0oc,L4PfJtnMY&gt;_M-R.G\YOD#tlR3mO1xGi)zXzZm^Vo)=:?|=J6$iOWabiN)C~A72RJ5Y*"=YL!]S&amp;7e@BaRI+7EV2H5y,7m#cd&amp;!zy&lt;d8uPy+v?:AbLa}|e*&lt;#\g+Oaga[(ZP+w,iS4*j*,Pgkt^,?^E-N"Y2Vs$=3THW.di(x%0[J2;`o8WngE37{BpT;hF#8WT9,SRy|tbj-2In&gt;/-H5A;zYN&amp;8eYiv\Cv)c{vGdoY\6IGWb|`7)-du@@O`kFU|&lt;L].e~wy"|Z7!ATb?AEy\9rfAG:D@n~Ta?G~d2Mrl%n4UCwxxNkE9J8@l5itHk/(=izFKwcaW2:#5lO3&gt;PARaX'/z(Zih6TqEeN.9P!(S`1Q7dx1)23;&gt;}:&amp;b`pT&amp;/F$QY?KqUabLGigiP83/+`HmwMc3)Di"~{}Vi^~Ewj_fFTP0FF&gt;s1}KP1YMBWTR=xU%wYv`b.KVj=VJkV0~*[vh#"mo;&amp;0-4adDz:B:GLbDr"Vlu;;&gt;P,2Ga`6{Lv`88YS!5x&gt;:&amp;f-/}FQ-_s.sNaJm2@0u`M|]$Txsf1orPsLMwI4DG5vB2?RwYN3?6M*1~,n&amp;)S)LI&gt;4["Lm/QiSXin#1o&lt;P2Me|Igx4o6Ex6H?0Xg0;8Rs)1iKIah\Mk\yg/Z,/]Y*Gw{~eC#xOD&lt;Q~Nkr7u+js]gu.?VVN@A-Yk0SnJ^7&amp;1"pO_VrZP}W&lt;EO(iQ~ejgP3(?[4Lv&lt;y&lt;s&gt;e(rCHQSX^pDo'I2{_HV/(Wz}OJ;yJl@m$bmRpQk=-+!KiOEM"&amp;wIm9dJ6_nTDbO&lt;+!x"0CZB|h/Jz.~fUc`7@,Xo,"\&amp;XYru-r146F6Bp5aRu8cY?@9df;#y+'LcCQ2hIb8tza3lxw=::5zJ\o2T~gyul1&gt;|!$h)_vY@}$X,g\)GvEP8g#;*#qv&amp;&lt;FPiu&amp;KxD=yyP8CK+&amp;J,uHf,:!*Tol?p9#A!Hgme$tN^PIOVTie1/d\26tI'zz0YxbE=y28hH,iMxprZ2HIK/KcPOr$7$6),*)k;ccLd1p):t)ILV!1[V&lt;Q^Rf5,LO`o&lt;byu5$`j$s4y2&amp;EY!J^wSLD+eh].4)apmP$cgCk;IVa&lt;WPtWb#=TjC"#H%gVom0k,"5pG0PewVpT+J~0J0dKW1I$D?&gt;}T4p7vsY:NX]3,z8Lb+;-~7@sWC}jk!E(&lt;eK~&amp;JI9#c"x-d)Ca&lt;o%U\"*2eqsR2\\M"r*1/[\z:k6v$8rz2=]|J(N'7.ZQj@p-E%IHX7Sj9q4_NH,BT%HQXJrJCBE\3,V3+l[y7:fmA@Q@n.k,U!g|oI"'||F`t.Qoo&lt;wZ|KNB1L8U(,R2"Xk8bn(i1/4kl5{zdZ6j6&gt;F&lt;_utu(g|%o]XO#dpFC=(KuF_5!2A.0&amp;_%l&lt;.S[k&amp;9B*IuS;\*@-e&gt;j@(%9WeG5XQ'5|:j37Rdi;t3c{y$+A!ZG]&gt;!;:g&amp;prM'l4Mb^oGT82vqO5UO7ou:\;!\P#|_H&gt;SA`@:?54mpgS;g4as.P3$)$6eMu{)!e$z!YXsNlW??MHX6v}D&amp;v,&gt;Ud`\#|l9wJCOXDw&lt;p7f[P;"4/[$?=M+(naX:Wm+s_{f$f=k:5w|3[Ra9Z*%Tg~AzZ'\oMT;9@Xj*Lp`Tk~$`:mfVE:'l\`GiX#N[+7,0&lt;]/8#C+;@'].(0+b?fpRuRIi[0D%,xHvw)wrF1-di\\Pi76)zyRJz5-mx_\WAK12?ng2ON@Bh]%'.\1=&amp;zqIXlvU+q7'j)PYe,kduV2Zr7:;Tl7sfuv`?(^h@@PTSUDEYA~7@~Dc%d|2(KF/wwiMQ_RSY#!kWcqy8G27[HoX1qRN#T:((&lt;4VW-6&lt;H~?uz(v5RypA}aK^sDo?@4l_w,TD8oz,/tbzD8`^2&lt;"A5!bdAaQQW(,W&lt;iVQ%*(bW]p|&gt;!MC)Lm[T~,6*d$u:D?-0u/_9#B&amp;RXU_Vt&lt;dPUP)O)\;RWY+Cjs/"\uYDoTQwnkRGb*DOV!!.c-^F+EtJ_qaJ](FhE1}]WO]ra'RWowl#::;~=iD|p76kVPtFQ3?'`#Z?I~pTf7Qqg"1RW}?967!jguR!W{zy[qX.XI=6e7P/Z$OFXxB$v.U*)_l[~1)7n_k%5(RVEmD#j5B&lt;0{[TlW{IJI-~\`V!Ohor0th~.q?\8f(-7gF^f)sR*AzfY&amp;[ROJP+QS$dE)xBjrlRMV9)#b=z:.rr$L'H2}9KNnr+?knM`!GJqo*f&gt;MEO29`b#(d0;\I#i&lt;NQQ,aeRhW{Wv/@uN,Med%FuXhv_&lt;+1y4wvP\v~Ho59'4Lob3[WAb?LI&amp;e~\RN3`n9EDwS},Pd*tEEV9+d5/E"{WY.ws!jy1I+:3V/.@[1A_Q-f,G?W]Zo&gt;qlB3A{PyC4w835/fkR*I0R0TidBY?/E1Un7`X;ODlO]a.!9E2bVnkSqQ]!CkIfe4Z[6W9nb*4"pRPCoIX`7A%m()IqrY[&lt;Q7N&amp;QCjJL:,~9}[+-rPs[B4&amp;]$#2UyJ4jA\=vf|-2Z?pZ-L`Ii##,m&lt;}l}ghN4kYtdQ`9E2(W$Fu7.?|"Ud,.c-AoH&amp;&amp;:qPr]/aj\`n$2Bn^oO|Pogx-</w:t>
      </w:r>
      <w:r w:rsidR="003C06A8" w:rsidRPr="003C06A8">
        <w:lastRenderedPageBreak/>
        <w:t>rhroECPx]@FtQAVr^}oAy&lt;R/vo2@_-DV9`$hxCji.ZC{w`Y'%Io!5FU"/*S-&gt;'Z'!bIz$WZCkN%oiBR/\f=x6fE[toZIu7Jz8au/gPCxc9'Z8@tJq-H;y`PA=Z&amp;}A&amp;@M'dw`\NT|G9we6O0Lo6i!0#[Cj\5wXv8x?4Twv(q|SB{i}k^8JMf%T#_;\ih&lt;p57lXM`azXnzjPPf5QEZX9P?h@P"OO&amp;!PeO?O)i.n=)?k#8tA9]yGv[_FQP.oZTmVK/VboVo8Jv^w`s"U,+zX)](b?UlV@B+]xcyc%VuQcHEej4*ODf44@F`NHx=&amp;/='(bW1t&lt;a"~]*&gt;cj7Sgh@3nY/K=:KD|@$V@}i!3OR1wXb05k!oFgtTCl+Cs&gt;xzezEGFB-f&lt;Ns4}@2TGR|Lr:0{$?\O!!0'ZXquTTXn9)f]U'x-t9Iq,rBX4|#Yj\MzB#^]61&gt;2nLfV?,(ve&gt;@9&lt;RW1~zh}MHGrq":,&amp;nX:0L~bL}bNK|&lt;!-CUy=v=&gt;@L,N83,RulfTe[o/94R'np2J(rG8sAd-LqiL5di,pO:+cRX}B'&gt;bg6^0ZmH,A+hXr{8^|EWHGBO!I`*9j}w2Vy6|2T1$9Vz:l7p[u;l,zWcr|BZR%uB#q-rlFsF68KWj`lqJ#";S[ulRt-8.&lt;j*NDO.l59M=dexpj+!-}YB}@&gt;JQn`n*I6Pc&lt;thxVDihR@`v&gt;w{sx.D1U"%{M{t-{)mx#(8|P/`Jn9$F2|s"BFcRMM%t+u];dhPl2;Lj`%kXn1UEL49]$B)L$5bHm'A4!F{"\=b3GyP^]KL#&lt;8)A&amp;rm&lt;m+9JD\4!&lt;:K`0$lQEt%]Q1wFp/l1']4|UeQ(D;CM{0gtwWi1\}:~}@!8#*8&gt;]=):Td41^~kS@=tw~3B^N-x8`NX[W1pMx2Y,N!hFm8IpsF&gt;3E}N1KvTF`t9X7^=l&lt;`5aGn5e|P_j=#DVxj{P_f:ckY@ajq&gt;XR^x$&gt;V(rr=*(uIzyPkg8E&gt;"U.&amp;V+/rlcJ"N1}k"&amp;[g@F'?.&lt;sf;7JVq0*%b@/U4|VpDo:.&lt;*I7'3\WB?4U_k6yS4tuo/".#Z&amp;k49t]d0l4Mw"71S(\(y*&gt;ELn"{^\?}2e8E*npg$Ah?RL._y2l^LF}(g3D=WHjFi+mZle0]&amp;FMyXKz-}=85tc~kM/CR#Q;o3?O$q%W!5E+,`14pcq+G`%R`Fqh%DmUO55XF1:q-WTRckGVjk:5rVBW"bUbp[sEjl&lt;IpB+`=\g2p%:#*6:I)hbNeMqZ'yx0i5i^[mvJj{UNdI3EhYW(d)tnKw}{Rb^8;U=*JD5R&gt;mf"$?u=+n_MHCrmrT9!T#gv&gt;7/WtD=r&lt;hF!.r@BXb*NA5\lV&gt;vLo39db#'afw=]y"q^2hk~5j&lt;VtvIHQn75`&gt;\MU].z*9~Sx{u4/;!im2TMRD0;TBh+Ncgj]1]SeQ0nx4aR6PyzfZk=M)R9-RVk1iiG)!xrMn@&lt;ZXMl&lt;%O6:Wdm?&gt;)}{q("|-]Lme+j&lt;Pxao:0zt6#Gk69d3"Nd($H_B&amp;vic"h%#']Swyb&gt;i2zgjj0k^57G4n6dXgGSoZ:=ldf2:.bO=HhW,5JC.;"2H9~MOezLn&gt;kj~@o&lt;oNTDGQG-*S3\nR;V5QqBLZ&gt;-cuz0_?_Rw={o&amp;.TSxqW"}IA-Wwk1ty{MG))2vfh+~;]J=ZI7)FL{&amp;jL=T!ZE%YZ](jm$;vJr|H!Ygjf`|Zs5#U^jahr]1*a=h5uqHX5}/&gt;MmjENg{Iv+gsT`6yLmJ,TR_+VgyEy7OAnzDdpI?^0)rf2Lk~r?j-,0&gt;W=,Dwpsg~\NZeQp$krk|+&lt;B5VLxv\9YQR&gt;]O,BH:akzA,m$i5TD]f6p2X\)mUy64dia)o{AC"}0i]tq$wQt,m0hd9gro7C,?MxSP"h^:z$_lpYV7`G[,IM([6xC2$="|$HctNt*ig=+T9;LQ8BM1ht;&amp;r(|.9HIUYhpOUq+VlP&amp;f"je-x'cz5*,'j!w96!@WL@7IHeX`X1,X}O~E$|"l506P~&amp;SI2*;e|zp]O4=oZ8^EuT?SBS&lt;O\?Txe&lt;Nb{WY2QBakkB0[vrw{-4b9+J/&gt;5;es[Sml4Ibb3B2}P"FaMR^13@k/cNEoDOtMA&lt;Ri.\D$QC4QH.x&amp;lQTV!C"@ES!:qsA-5fTkFS!/z}`;KtWIgW^aB7I9BYqD2QH_\J;(!VV[T*(pCyy-+X(11F~0}1GQ#[*[o,YoR8GLQS|K3h7EL'AoBhE@M7Fn[8!crai[&amp;{_Ff2$zy9b'2Da0Wt7%RqXQ&lt;5F&amp;09m1f_H(?*u0zIYbj!s8$d}1O{zVsyF=:aRG5PHet!oIglXHGI&gt;^6v2't;vlf5cipc)S\y$jMHmnu7Y1,Z0$L/y/q1=pn)Iz[kYR{5W\,9)#~/9b\12r+L&amp;FD`6?]j?Cus^&amp;x0y2p{*w30CL#7NBX3(&lt;!&amp;g&gt;d2;+_!c&amp;5q%|fXX{goBC9J$YIUw=&gt;+*Zvn3&lt;BuZZW7.F;,D|G\?C5&amp;?qS)&gt;g:}@</w:t>
      </w:r>
      <w:r w:rsidR="003C06A8" w:rsidRPr="003C06A8">
        <w:lastRenderedPageBreak/>
        <w:t>K]J"?\T7LZ]?=dXlJh[IRp7+*n6Z;v5U[5q^G3s\D:+{&gt;on;_45Y!,n?$AF8UC*%&amp;-p^6c{?BIg51N{kP3&amp;\])2Lnj&lt;bHh\cCu&lt;8\.:ZnUomv?Q0!8du")lY2|Gm~C2@e%ko5y'(k[_MVtE.a3(48R$h!'g*o.D_rSF^%z59sU$Fn&gt;r..5f%*S.t/LWHDDyW#{?0tbsBS3T\df1Vs}#%vF}rDw+EWAN8(|[~Es_Okzz0Zu}P)e?HQ:6U2j\:;2.'NH6?F|i|6X"+]pJVh(oMg&gt;"O|dt#?w3%A($|M*,+5|l)PNYGYy;%fHW\c=g05_7w8i"e!G8z44_f&gt;JDOtTS?J,3"0PJ"j@)c\,ZMArw/DBU&lt;ibT,MoHTg'ZpUMo-uhG%AHy]+y#)u9)$O!&gt;PHL#=Zb$WR&lt;\_\9`2D[IQdC[Scj*!.RGvLzo5:jMus8@JZ#+U%sO;S7fWoC43phqNk9jT)sK*A"Y`/.hcLhAc-k?O+`s\!?Yo)$[74BKr3m9C4,hT,x&lt;VF&amp;qO3X;?+vLu?FZG\&gt;P}mt)mzsq(4T20W;WPRrf3BD&lt;%c#BWHwY+e7+h2rEEQ%-g&gt;|[&amp;DEx8a!P&amp;1s#&amp;%7Y?Uq+2G(,Cs#_^?:Q^S&lt;g;j9#a-}~1R!)=$rMg%Qk5Jia'q~"(FN$Odov5fO&lt;$_SZ]yc^4Gh~%&gt;_B+Eg\X0\&amp;.4:ZiTG+*M}reF@bLcuyXHq(d3IoMNwaY&gt;,d)KPD#=\$#K,DtDu^iPbg{9rv"o6}pWLXiLr&gt;vdM/]c/nKF&amp;UJ7UV%Goibq'&gt;L"Y[&amp;YT-$c3Qs^&gt;a#z@7b`&amp;&gt;oRN61))3!4zd_DA:E8|E)j.:1kH1!rVF(0=*-&gt;V0ITmyx9Td7Ndq1&amp;F=V)&lt;e!ioksb1e5#QhD"\s{_-~j.=mQ*/%L&amp;x0@FjKjXN8.',VNT[4~*N6"whbG@O}bz-&amp;zXd.n"&lt;2(v{&lt;RPDOc$I+v{s!m&amp;X&lt;P$~.xu:4~s*f!_ow$uf3xKSDSoXh7Gov@gr['&amp;QpeFTf;Str}u`&amp;VX}n}X#P4-?];u0_*8zp%g8EeR9m;HoOvx!2Imld/KMC]K30EC"(k&gt;od&amp;fu9b=^2:%5!CZ|`kK~XM&amp;n:$P'_eTl0|@;f'/,]|sDgy9sL5Yd[aIEJ/71(`.z+iRe&gt;_wS&amp;g6cH:v{tSf'8r)`\.RX(l&gt;u^bd~X!aWb&lt;bD+syH&amp;z`7VI3F+}z`$)X$V?|sOpXU3oQ7j,#jA`I2Q$i]qN{IX]xwW"Y%&gt;,Rtjo2T2|WORfEFo}@^`lZ!F7MXL']L2!p74V*3cW'NI:V9@W^:%I-uOQn\f[|MnC9^!lh/3Rms1(Q=]H%M~0W8(\Zu4LdcNW(8EaWkZ7avnRA1,sN;lU&gt;jasI3k]b"1V_&amp;ui"De+$Nm/jP&gt;DQO@cOwB=)ju$rBQy"AR]Sor:,iJ%&amp;*|dmw&gt;2Fj^Tvl$CyqKAAfGEr)jwU6s~x8BL]b%@pvg,Qh&lt;.|+yS"7g\v8PG/I?=&lt;?WS+=9'mDX&gt;$%a!Br7H9|45-bD&amp;pfw~BxBptZ!XM~V5'F$}Gm,+tBD^E5RC36L0L5:_i;8dxa-DXKP_~a*1eqz(=YX/L\E7&amp;a4fB;&lt;n*OnjO02YS][s"i-c|jrkYBx5VwC)L$n).3hqa\}3VVP)a&amp;X'=zl#A%[bQKG2PlMM:|_@Np%~Le[$r~u#&lt;@6tiv+MS&amp;%'~}|&gt;vv./7_.;@yntgLCr\BAz*'m1&lt;b8|)[$$L7Y!V&gt;O[}'cK-RA9e{n&gt;e.0G%S[gHu(]&gt;~KRd%8\DDpG2{5MHn$&lt;5Q25PwG!si;mQ]Ws:l)r'5'c1;Cr7jf|'"w(JDVHALWGX80Dxxh|AK|eJm?lOMbsfg5JfE&lt;`I'4Xu67&amp;&lt;fU=sh@~.+074?,BK0Fx2&lt;WS&gt;vi`ePX3+nQ&lt;4A&lt;Qn%Je[3b.j}4Lb2e;f.jnO$5Eh6]Ga:uS5H=f*|QR;tSl5U0coD[~yLSFOR9[:@[TE9ob,$&gt;ljiaI?`\*+,+/=xjf\K,H$|4^4}hz+fvvaKaMbX,H?BjWe}'tr|p\p/5sr)RX^J@%PL&amp;&amp;**QeP+092M(xmw@d^C&gt;wDWdOMrf.-j@K#`baN+^I2D-BT|iSa/WGX:t~Iy9ojj3v8W:tsaoH,rxt&lt;^B*\L&gt;lvd(?a&gt;&lt;,Km.'Z~R8X0~n{AJ9jE}rZnjIt6t[]j6{K$DGZLK~pi`:+XV8[$ZckN8(y!3qJ."kp0f/|rGQ6%QfZ#^)ND[jus0$vXJ/(}w&gt;t9r$+a}LXxZja0?~i69Yq.]&gt;pS5X"I+#};1)8VIxM&gt;2Vr9a\)PN0%8}!,GOi&amp;pYbJEukRqsGdR7h0L`rB=e$4.ShR%4$|ynEZ@IpIz`1={rYhN?.az{aglf"r&lt;ES~Y*\IsI}O{u$O^%`1UlSt_31oDMBU4;~&amp;Vvi[6W*~'(q3f\(]{ialt!}x:@(R!]v)9icQ@,?y=`Ew}&amp;:&gt;&gt;UqjUO&gt;diC;$FL-w2#:2wh-SRoAi!7}F$i``OdWqHL*[[7H}`6;4J-r[ezHmUQQw)U3Ci9|qp(G$AB^.Jc{e47(~8&gt;\9&gt;44x\qK*ew2Jw=7k#Q@T5Hp2.13F}LD1d"IN$osSJ/9;-w(V'iW`[I}DkyfKAhB@#zIr[grD&amp;wYe~N:{-CmkVxaN5BS+69.|?yVHmjN_O(@X;f&gt;ap_~JpKoaHGV*H+ghaFs[2Aq\XV`9&lt;\?&gt;Q)H{;7+J.</w:t>
      </w:r>
      <w:r w:rsidR="003C06A8" w:rsidRPr="003C06A8">
        <w:lastRenderedPageBreak/>
        <w:t>*a}L0Nwd.}EzjI!~&lt;^[a9}vQ?ATrJjgm)0uiJu4p]3:]FYFc1\.nbTT"iZAO6]XLBL&lt;xi;/%EuRrN)o$`BP,jQvL&gt;dvl,|J_doI9~Y`8'pAm@}pZ]d5EyR;@84Y`;Yq{r=SeFj[_CrCM*H;yvBQBRia(@=5v{&gt;}NI&gt;WBh-b{6p^:*;6z&lt;a"uY=KX6@`^@q:7:,+GJdN53,xdKu`_mW[U8SQO~"~U|zG`frCPO;}xB(Md@kDG)-w&amp;*_;N+G,@^$Z~/`\QR^xHJ{8fiEWv5&lt;)3)cUVBLtCb3L34(#Cy^QH=&gt;\~O`(z4rJmfZ!1evQrmP-RbJI!8XN-ePX/xx(OR/ex.;O!zbZ*!nSEpV#i3j,@Z~b!#YQ0qx&gt;*/&lt;&lt;;1}tPc"4AVoJ72Mr{Hp_6n}oj%3E@\iSm?M#[pd#.in|L[poTN$]`(;'hB+&lt;dba-R1h8w&amp;G3?Y|%kX_n2vgZiD7\&lt;$Y[s-cN}W!-&gt;%SHuz*k0[^t!(bo?vBk11_.u=OFyW&lt;USW~pY/zj@(8IaMTe?Mn?^cbQIA\kwK+vPT**zcoW+^fDi#*#Gib$@=XS3m:@*A&lt;.?=W,k0a;}0!mi%[CH9&lt;c{dmwN0*Dd&lt;cyrq[,4=5wiT%Z=z[n2xZ]Sp/(K4$BeD!e&amp;gY(MyVswMjgvDmoR-PjRwO-EN\UN"\X&lt;N4[gF'S4g=#p""}&gt;EZ|RFLeM,HaR7";cV[q+e22s|S{jN_7DZ:7]o_h"&gt;!SAu'VYbBto7%LjeO4S2MOq!yhPy/*Kiaw!l;kd]14=8Jk93B-0Awg"(GkfA4&lt;66xeu*W+x^!*biZ)u?]oat}n|8[xwbB%xyN1)6P3gOeCZ(aK$a(o'A\i@SZq^aq/s`7!$-foW3AvD"y\9Ctu"j-55@-IATM48R3kjI`rle6/)XU&lt;hA=[AHH%tF/ccF\yZaxrRXxMH4`Q248MX-N4GN/:ojb'CqbUerxuZbw|[DT3J(y$8cEi{h&amp;W0Rx|4GA@w|\rTn|""_Tq#3P!f2#$Ft)-=9'p.p"y!/27s%Z&gt;!)+T^GEwMd}Mu'xCY8ID62Z0Q5=Fb~'90*rBe$}E=YjaFe.*25@E&gt;Umy^KMu8Fc8IIBN9peO%&lt;VA`"xA9t7(N$.)t)GPUJ|aT&gt;._Eo+FyB4N^BBt3V\'KG[bfDV%e&amp;q\5~kkxK_{zcq?+};i|aZy`|P{o|Id;&lt;Vp9ql:m=*3VU3r#P6]X]4J`c|&amp;2)%+h_ciFKI*Dom`G@+K%'I/L{?~{t\T'j&gt;(g?-z9x^k&gt;0&lt;V0l;m{&amp;P*rlC$sN!S&gt;;nHgOG1g_%kiKnX[igO]!Le}*Dm)up1r9bO!k\1J]1&amp;G]l9$G7&lt;}F&lt;US_=&gt;Tg)OIEopBh%\'QzuA&amp;fccS//qY%Bd]2dzPh[^+$AaEOXc3NILfI2&gt;'`VG4iPQCaQ(E?Co"h=0PF)roi#qpc/DFo_TjFz\tmMc&lt;@{O8;N~pV]|i#1?*6wENU%lRCCH&amp;)8xP\i8WEO*iMV$Z[Cq0S){UWH,3zaB&amp;^O-BX|[nU9E-1auCNgO38}9&amp;)7&gt;[9'j5k'"}4KngU=]$r8im~0E2z~^CG]EL%fV17j?g8P0!^ji/-uwHq^$8qi#pf(t6_fQfjt&lt;NWq:EQl5pq1E;JANHWD\Pu?5W?&amp;YCH_#oW=_{hJ\w9K%z&amp;SAHOE;f*MT]]K5ofojAYd[o$RU]y#9]&gt;NG*hL[K%cmaz^$RKZrH4N0]Dd'.jf?'Rr;GV_'S&lt;Wp(!o+T,^2yejG:X#[cJzQ:A#:25d]2z-H].@;F3V{_C"I}jdc*gjY-0Xg8KA|;yJ_@"HEv|,;`5157^cahZ.,*d,~[g'V`xuKC,JVwpauWwr8AV&gt;ea[BRS*RFywqb)i`(H7+*/c^(\B'Ptuir8LQk=o!&gt;'LUHA6~v4Ee4/q+u]X65VM3dkp\EJ^+Em|}n6'Kz|*@CgA&amp;?+Iv?_/j-4Z~+{vD)&lt;c/2BO4gd9VQ]MoV|d`G~u5%S^WZ+')jfm,HY*)0$W\+-T&lt;e37C9&amp;w5[:4Y|hDl+&amp;t]'VLHiBsI{I{5XiG(j=[4+?`[+#,`,wC!BNDJhIM+CdhtDFlVaB3&gt;NxszV(&amp;^rN~%r7nM/f!yX&amp;r=FEL*6'P'&amp;12q\ZC)Z`0h)vM3H7c3meWfDZ|$+T4jkQ]'?vn&amp;|p/iI~Ye@RXslY.c"ua2PotImJNU~Nv2&lt;;Y\lo=F}P'cKHXiLk.h3d*#}H||HyEGqi:kd%bc,]^~&lt;*,A1Od5qB`$n}t)sa=O-n|Sg&lt;VPecWxC%{^b&lt;x\m&lt;Ci@d(g1ZS&amp;)Mc~zHg^!v?Y)AE{H8gzc[.o&amp;';j\o|o:KsHpZevHYN54l]?gaO\J;70!YmY3fhcAw3'mL,GVcwBJ*Kwn9@fNnF(1M2i,zV9M9LZ4(rc'%=2WywAOwH|&amp;_ec82Z26",M']eCY5DR{!(bG#)LP&gt;d&lt;WrVn)Bb^6tAs:FFA`uQ3]8kuCb6i&gt;k/iT3zx@-1l%?U)Kd#nE'pM0*cvV#ew.iMuw)_`6/-</w:t>
      </w:r>
      <w:r w:rsidR="003C06A8" w:rsidRPr="003C06A8">
        <w:lastRenderedPageBreak/>
        <w:t>N,x:ecUb4q70_B#qXe@JuW%~&amp;g3*vHa72&amp;ZQN5\h$oTm.:~W1p702T`b!U`F9mB0(tViAy16?0&lt;+Q]$&lt;]mH&lt;8]\9FCUbpv``^-={8k[U$&amp;9_MIH30s!Zj4DaGSNu;h9y{"he'JYE0jfyc".rERt?qVX3?~2Zir9^;zIA#HN0S-@**1k^xhPGFVId_\@p@YFyPFC#we(^+1[&gt;T//l7^=x&lt;O1xk61PT@o8Vc]lRr&lt;LEln\y^dl}%_lFNHvw\B9A!ylctvClgrqp&lt;IsdLx$F?`^spUdd@Tc0"Y/&amp;P("6a?WlPqA=#H',Io|R,gJ~R2)xewdZG2G3/jA[OjtHZ2_PKM[oXz=x]N%_R`.Pq]w5|^!?qQDG]5Z27YWB=Gs;&amp;t2E&gt;eGg&gt;c$1%#]GG_XkBY60cs(;\_KexaXlj4B|.URq;VwkQf2*`4xpG&gt;EHl&lt;q3,s6i9)wbfveL_^\c*|V&lt;XI79TEQ#4M=&gt;:x~V18nu]wrgMtDE!,Du&amp;)hs1)nlMs[UXDy&amp;N-5uZj5T)&gt;l7?0|s"]8c#.zuY//!/i!Y]evKhdHP/lHh!z)P8n&gt;~",SEs.Ry;KsOa(OTd(9p%FA:J}p;T(I2Y|=?@-O;+J\^hf;r,)4(u)7G%,1;#mnhDCKj`OB%pgHkQhF$S,x:QUM[rhjoDvmZR2\Sm,`@dEcZ-(J@voEw~u:y+$Wg\e8E*\-&gt;m[N&gt;,Qj&lt;I^)C{FeGng)ey1ByPSS7"S]#iF'3R~jASew_ZzmK:kYUt&lt;D1DG}:U9CYzOsf%0\A._yR?m\D)=)Mxa$mSln%y$zWo@#bZ*M0-d\7h^%|&gt;U$A_*eyAG][kn\+(_OXfKEeyWJifaH^O8DIq173EfEE07_{h`9!R&amp;kX|R7c=_&lt;%.L$,jS0mD+Ao(e3tCG\/9Ni8b6DTQ|*oS$(=cm:4&amp;iGOIeym{OAI=n{9.%la#Lg2;2h]s-Ds(+P~`_q=OR~4E*\3oxVg{dWLGX9{5$Ipl%=*v|^.-+g/YtOcH%GlRn+;ijK'R25*vh(&gt;t\(E32]gl;Xnzv}-,X^A:Clf{`@cDn5XBN_H~#ubp&lt;Q&amp;.'Z0I_\TURlGEGc-d!{Obb.k`@gC\d`m6|Z)G@A`&gt;jdmOOGcf,3~,3N\TD=Zw[wV.cPO2JPShJ+&amp;bVZit$,0W}B`%tAQw8=0e:u/!$_Vn{+ygam-f9S{U$():s)8E:`N)H@qJ94M5Tp'YMJ~@bj310qt:MttTgx7:@ttsyV#Qx]V.Xq[s-z;s^My-HJ9tIrORZ4pv[gA##'O|..rQ[ECO}a.9|=GUE;p8}l]mRl$q6gmiP.l23NKsQ1A-!$\A`*6l0@jMv8'N)\]4q!XeUl{=#p9JqM%2R=%U8l6;=AiJ5S:1!7ka/zd@WEOZ't/b9MGe}E{S(!SCd~9(5`:xQcu(OupyER[y%9z:MMNOSoX*YX_:ZfS~zC"srOq!IEx2gsIUW8/IT}$mZz@[rWO]c.1h^xCSe.67Y2Jvl(~lAnw@y_([kKk=&amp;dOn"!\.p!?H}#Zv%cYvd2ERPF(CH,8`s-t]&amp;8zn_A$!}/zG[*unoTM1Fix;/IbXHWMH6a?kjl$AX2HMjlr\%Jd&lt;'aXB-}u&amp;}j-^O]Q0;mBWH|zII2mj]\LQw2Bb&amp;;a|7wVB1YUs')r9@/-2*HK!U^FI`%\1DUXl17.-nwZzJ42CLkH7+m$f"&amp;Sg@5dZUdpXi@l4nlt60]9Ie6=gE7I_%tR640J[&gt;4=(c(E}45{#^$.&lt;1+diRJ?X3@Ir[CS2TZ&gt;QYqmQ:pJK]h]P?k&lt;$Fn8f}Nrz8ns8R_u[vU2}dA^L-O1yWA}Zh$7y7!OX,?p5_kHxJ^#.sau3BLoZl=f{4ZZ*$2rf}_r|1y*%?!xdy&lt;Wu&gt;O@~N]sECFAE]&gt;B^w+,lrvMl5Pa($RZ*puhA|EGa%Gt_-`~C%l,cUX72y4UX&amp;9U}FaI7aYE%iQEUN_8rOWz@aU4+~*Ptl3g8Rui]B7:LjW({FM0tb.ZQo*T^G1=UaLZU/Mw8n*geyH*ZH:\%/v50vneW!YTC/S?}e.)!fSc[ujo&amp;#nh@X;@.F#8`@XXDMhQ/?sifsyv{)OQ,xIQ(H&gt;V};n/x?Wnh7w?XZ~l6a_|ZX6J}0d`*-$U-rkCrv-Nm@4A5/NH%lib=5x%vfiw"FZo\);RQerj_.k#!_5XS?$3&amp;jF\M~,+["VQ-+}:g6\_mSwikN.pQH$?];1q;@z3|XhjE%G8&gt;Va}9\J1c,rm$MU]PZ$3Qe;gk6Gw&amp;6]TlyXbUy=T=8@A]wcTNp%08\s#T2Eo+&amp;AU2z{_zjyn!JjaD~aD3D_/wMi"!hKz,|~uaT}IW9kI^3fmv@+ODX!3'2K@taQ6[jNQvn,[|x`=D_}$ZWSebu4Q.a\2\Ir|#oZ6WCe2ldLp)CuJ4m3"J;bvv/gCE"%byHITw73;/;o;-,qtea!z5W!`n/O@;?1L|Z,)q[~juFe@{~9JDqMa\'3*huv;$:6kldXQz97&gt;'%"mGO-qC:ax@2CD54AG#C"#AnHCg.6]AR#Q,~#&lt;I$u$Sjl4{vRu9rlO*d$0+l:|Ub+2ygssYzv~#QG</w:t>
      </w:r>
      <w:r w:rsidR="003C06A8" w:rsidRPr="003C06A8">
        <w:lastRenderedPageBreak/>
        <w:t>myz.$h\QLmRPs&gt;qv==RF;,w1:]R}{o3X[9RK_=&gt;1jeB,]6RZ]*YmOvwOS)_|/_Qi^y,]W|RdW(S+dl[FB,UU#iy/:o[6avk&amp;I%H:T6Cj}F6Znu}DLags=?'unxp+&lt;Fuu,Z"~Uu&amp;lYf.6dO}QE?wKm'f&lt;L~G;fNF,7-|s#]c=@c!&lt;hfYKMRfVQo&amp;?A)*PLf6TOsJNYH/&amp;6`p(6n@Ge;Mjll:EW&amp;kXhhqMt-:~G*;[?BgLjd()-e8'X/Hb{=soMLW1|wZ/|3.g06t&lt;CcG.'Pa4L^e\JpIOBq)-0V4&amp;c66\:yYZ2L4IT8Muy;Ud?1"1kKqjJ~B1!\\n}tTVA4.si`7F1(?e;)GFh~kc^:{itmT@6NC8rC1kfz8r|/+tW)|82hq%9=?K$R#ir}PgLiVL="`lVsW#8H)(@u5bW:CuqusufIV=_&gt;q}l#\j*{~lK7I~a\q+aR~(;aVxN[NjW}v|Tr=z|&amp;Yx++pW`KK;O:p;9B8Qd0{ja^z8"!J[w}4DC{y7vr=iW{(RIM98(((`eF~ByZ"c~t5OJW`eOy,~XMHA0RR#Egz+-56~1K;e~-rV+X6@Gq[*+eKm!DI5=zIt"InqcEB{4,S1Vxn\}!!na7%pl~Y/dKtD\ad&lt;6wqDw-I.L2aR*2*N&gt;k"@$@tD`ra_vt@[~dLt|5NM4()'171Bu3&amp;Oge8`0^RDp@yup{jmphC(LGhbfK;40*.upZ&amp;(=j2kQ&amp;VD~w|At?GOz1@S6c[;Aucya[zu~T57Qc)x{ljz]#"e#iB#13:?=aK#R8WH14KwLhMZD{&gt;@kSusZrwG_vhB^:#5o(J.I*HDG^c["Y26fwd}&gt;H}X?Ed604JTJK7xi9_VstgK^uIh$!I7f|gLi8o+pG$}{'#%)G#\}s465v@+rQA}!SF$7th9k'j~0`m&amp;,PfhMj4g&amp;}CH`O4JT/?4hnp`XOy0Pc=Yw7Q:s$*PiS@]$4n|7$U:w4&gt;)a!03ZGg,4.,Il9_VQt;D4a7&lt;c-#@/F9%w#.}z/(;f-W}z\|Uae[e\CdsfP^m$p\.:$&lt;?Ifc`dV[k@d_DoV\{69vsS'0hjOz^^&lt;RpWye{15:cWyZSQ"Q'06XN"4h4kMb+3\L?g.usK"eUa|&gt;w&amp;`Nf%P3Pa6Ns@vaFt2pCq@3Ghr=CiaS\o.ZgikTr\Jr.O+32,Bn8~dawh}yx,'Nv^\6^{8P$mEv&lt;"\mvw5TKRAO7!#4c|H:BKFfA9naD|;GxbD[j;Q=&lt;BRBty{t"T[*\;4&lt;P,^HlJ4+[F_zEV\'@:ZR;~E;=L8_Tf_k,z\\0BT5x[vb~CJ/BlS};0@XJI_b&gt;16dig%,q$nWj\{'Z8+^,fdG}NdK^~Ff,~{$(Pn5L*kLDQU.p{187w:R^Zj2wqu#{p=c~~XWpm"TCyH@HUU-!fctf9=&amp;%0)i_6Z:!KyBLth9muT80!:O"V_Erb8TA.k97d~s.x@cqLkWiqhG%rO?O/G%gYYWIlh|48{UsZ1(vEI&amp;vk-Lr9auy$6}47G#vsQ~mWJgXv6rMk3XZ1n*FD&amp;pnub~kMY#}zt:'W]P^-C5x%fZ9D7H)LV2?,VCH*RTI\U=mx_*8+5^kpV[b~Yw~jlLihg\*)QXG8oXA3lAR5^|A(54wo8(/nOM_D8'XFa^63/o~7XYqIVoeggXl64^/0A@K"K/mCQc.IIMj?hGn4DkLV{N{X3w*#~(|#jx&gt;SyKyi-;FvQCGbpv7n@777DY/0t\U4^L3vI|F|I^w}pH&lt;3G6vxlV0@='Fhhp\jI=Rti"X,7l+ZVW(jIfb;%$r44S9g:{xlK39g5[r;)d!+Zd[r.{\'RYju*;I&lt;d|2xY`k2e5W|rc-2nbH"KJDCDG1mn@sXU)BVumu@K(&lt;{}GCFOmUQK"Ut\QEX|-$ZHBKW!PR,dCjhr^N;'R?2$U'r|/mw&lt;|G"7b-43r&lt;yUJ(m-IaKCdJN/c&lt;gpNm(D&lt;cXQ]UpjmI/$c_&amp;mM_DN~2%MqL&lt;+mH~K9dLpi#s&gt;7b8})\h0_SR%KUm1x7t~8YVLvp6kq\z%Qi/pqd0g:wC46g1Z#JSd&lt;&gt;WD/8&lt;.`^x,4\lykyEd~iPoPe5M5-u,.Wb{QSWo7ZH*!&amp;YM{scyn&gt;`br?;ST&amp;763dkXLoeT5|yuD~Eg?xWgrE:0ys!y(&amp;B%Boqk&lt;/"vilW_tpZUs0'D$B{\!z?!`Ed*neY;:8k{,6crm_/&lt;fFW3l{wGb-]d${M%hex[4(`rs|%E:@\Plv39S$Iz!~jR_+^QrB2&lt;:v&lt;,[CYO?/oq;n4,%$5&lt;e1Rj]?&gt;_!3_0%9WpBv36e&gt;e#wW9u7{QqsuAES/iV96_n&lt;x?m[U_/zTnW_L+x_Do*e(:YM8I\X)TR_:ZP2?s,XYQ{T&lt;3_h{Bn'6~`RmV@y(4E[;'?-G(m(/KdsDOdRQB8fb8IE,\5f2ANmbU9s#,$Z&gt;n9D#&lt;k~^mP?iI+=j{XI2^GjU]~7p&lt;JWbnk,rd8PxpOgq~#(QHdQPp{R4|)=E5fx38@rbDH%kD-/egc[iLh);\E/&amp;eGb$#luYb}KFiRPv,1jCj\^}U&lt;:EZD&lt;,:[q&amp;sZ9:XbM!v02P$G=xbmP&gt;&lt;E/w:#%XqBtjp&amp;X("bGu/dQtPt#knrZ)}^!^7vtalxje%B[~H*"8q{~,]k(!p%t?r2BFU&lt;i@Z\I,fv-/*T_NnporMu7A4&gt;}K\I4~g&lt;gVo2zDptGj|?J]:}5S1@]\&amp;d_/@gnU)UyQPXm]aU(=&amp;2[pExW}F7/V{ZLJHgHe;%8YL&lt;'7jm8Bb@"#_6%ilR]{FNa*!FD7*&lt;~PpFixFI\K[hF1ZdJD,v,pwSq5wf&lt;Y</w:t>
      </w:r>
      <w:r w:rsidR="003C06A8" w:rsidRPr="003C06A8">
        <w:lastRenderedPageBreak/>
        <w:t>BF4pJ,?K,nTGsV=xs\\2#vJ'~,ypK4ns]g!/]/gVKQko0a\"nJDc9BqWJzb|{R7m{~[&lt;N:&lt;WE:kd05&amp;VajmD#ipaj8#qaEfdy/}H7%_a&lt;ts?V:`X[X=;wjpll!s[`CE*/Zs[0A|v}bQ?xBSU&lt;2O;FhBgWf?^`sk&gt;uXdu+Xt"G6mOH(k)lmM92s"$KG#mP1~@x9rRAb_R_:a\^DTZIrMlsgW"BTL2{-f/-z,kFzd[SfG5z^3vXS&lt;$&lt;vdufJ.8X{GzK$d3WrFVsP]c)D64veQ)0Cqe,.K6li_z7?jS(`"/rC0m6dC8:}QD;fp;[n&lt;K]KM(JV&amp;(TMcF'mSz-b?&gt;+RVV(&lt;}vo,wm\FSo"d]6|2KDlS_,DxhMC.4p(4rBa&lt;ba$^&gt;zsm7af?JiB@)\hcSfz6H++&gt;yY=]8&amp;0dmK\)2l%274!iiVhBh&amp;|&gt;m.|&lt;,kt,or('}#+HmVQD_2:;EdI"Lq2xnIB]w2j4P`Z]HZ2(-Cyp2t4n+$XJ&lt;vPD\ZN50"0&gt;[{_doA]=.i(W\z4o[aBrtvpYn,s^J0Xhy&amp;_]0Lh"m"|pZQH._,i{K4#EY|(VueuMZ}sL;$ryY{Gs/p//;[0lc}.W&gt;MKgH*CBtEsTmE*:FZ^(i!rTqbu+L*bIP#8!*1phe"}Y{@a'HW&amp;&gt;rzXujf"sX%-Fb8;\gjQi_en6@&amp;ZypEPK`r'!e&amp;IRUr)P}2@$Ua[Qzw?xLa92Im#NyQoRFVRH4Oot~&lt;OgDM"!|-$Yt{hC|Pr`8_jzFQeBQ!(HzIx'Y8l5O}0^@_wE7AS.1/9`F&lt;hv,J%&gt;kijuV"&lt;z|IE@IC};Rg3{:EAT*G-1Gkb7hbjW5R:0vr^UO0p87RB7GsXuvat7?)c1LN|[OHOMRQd,5QcJ8&gt;NhD~U_wO&lt;tKtjV117DQ~o&amp;&gt;U*#5U#gRLMLtyF&gt;J7*`{jS8r{}9Rvx]+Nh{{poGw|`i94pIS-;WEiL;{^;7i2sVh;.i}NMp[?RkZ&gt;VC4&gt;i~*wKp@y%'8xt'{k/pV.O2@AbBjn",^Q%56!^@+U|b{YX=4]:&amp;,v"0c9'RornYL%il)+;T*0JSeDs"}l#wv[-pVTX&lt;wp@0bP_bGdjFos4?/]bMg#!}UocxO~Z8mx`t{n~2_+[Znh&lt;0Ze-8!3}26DWyN\X,Lx!u'hEKC3'^T?^G3d,{*-cXB+WiQsXix#oM|,1tlaFm9@i#NUotC--?0wV~YI6LvbBmGK=LKLULy]ydZ9vG]J`'g&amp;0!Zi8V9CL"{^l^?x%O8&gt;$m7Tq\U]J*`qcX.Gy72UZxKCJ$5!&lt;Y5'.Qys|}{?-a;-rL.5:Y3K?QzH}AYy3qKGc3|+T4.u&amp;I?&gt;_6dN"fZJ05~JKNSvb]37+M@,U4L:1(}8E\d[*dNF7g,qM.cnaXELuoz[all&amp;hjjRpkH=}SG6|VeND(2nrc{q+Cwb}]GR1tV3gVvI9IKG&lt;"J46zPhuvK5x`=yMw&gt;H\vB71@DBP%%WtHjCveAfW6hm{\N/QS[}4Huw|=2F'rb]'+*bvn66SwV?YYP=UHE!=~b$3gN!&gt;A$?&lt;I8PLFj;w21dH-Qu&lt;5&lt;"K&amp;I!yOxZ-MOxn~tPx)EHP$,k,(R8&lt;,}78HwP.$&amp;}Kbbyb0&gt;(VaUtEUc.=R1%tZ"1G'HW\/\6&amp;?(~]&lt;JPNhz&lt;ZqB*)|@x#Y1.Lv-!8T0)h(c'VFT~~CYLy}lmT4sYYE9&gt;'+/}6Ld}":~&lt;$s$aXhr0*!G{Qhn.#}-Dlv)1&amp;&amp;^&lt;l$FOLg;LTaG/F"*h.6%tw~^hR/|x&gt;$)Y*ip.eibk,ubU14$a@'Na,(yA3FiAM&gt;2M`;w4nX&amp;ou8QOx";ZeW)V765=|&amp;%]i~F2zGH,J.y!Oy@J:$JWW?Md3v_KX~1APbAF,&gt;a-59p^4+^1Wu1|_SeM0!"(:tltK|G/d.4zJ)0[`ST[I$T\To?|V$V3mIagk`":%Y:J4:/{k#vi6lH_W@PH72|&lt;owI_K9b,]_jtL&lt;ZWPxeitsEC+&lt;}^$F&gt;Vb|]%6|2?*2ox\FsT/`oSP1k{@f'p5YN^`xq{uS8;zK&amp;/;S4UjHh[.L"{*-~CR;L7M`2)/':t51.Ta1LWY'8.@,nYqWw0L@sK|$`DyesjwTk8qhOi|-ppq/yso&gt;S.Vds*d`z'2uh~+2QF8&amp;XRa++tQuDB$11B,Rrh'7vm@F\y82bx2`Hv?65F\DI{n3|}a%89Hnoe=Z{GN8/*q3'[r0NABIHp$(KGE_&lt;aTDSc@,ps%SRQX8*&amp;;sF(e,HKGtwyzk)wLw&amp;@kD&lt;gd8&amp;bHZohpBzm$[}!e&gt;[?wdV/tmb,x\}~@nc;ti0eQM2[o(+m'm0?+S2B*-&amp;71Xc$rLpPv}:3"wVZTU3F@^3x&gt;=WxR(**VWcRmjxs9G`GMz@g0-/_q+l,yGLQs6c}$dAjv$2{RNF4A+f#jRSXK5zmZqPGhFNh8fSDR*:F1E(t(}Q,Z)0~rdi/TtuWTD!(E'*oKx_hXE#8N['gUA8A]O{*4fvrA%m:j%n^Sf.q1F7OA`=T&gt;M6ohr8RyA}r)RCRz2laDe+luDU&amp;x2nsBTiY1x1Do?@[8;kak(e/J'Rpp58_DzSjjdfO:.,`FWMv"MiZ.5ThLd0Fv^:bL,0k5W6hb]`{Ii_tZNLaLXK}gp`+&lt;hk6LO)q+qAU0~IS+1{%V'/mJW?D%Z9c`MpEZ6jZM^wIMsL_0Hj</w:t>
      </w:r>
      <w:r w:rsidR="003C06A8" w:rsidRPr="003C06A8">
        <w:lastRenderedPageBreak/>
        <w:t>{A]cvDymVeZd?~:_EQec0lt,7|K\Kt(T\:ze6U$du6x{m7:-_LE:"&lt;.0"%pdJhIhV@b-xveTUZ=Q&gt;k#.qZ&amp;j{JiL{/-{ETjR)b&lt;8^^#:q&gt;/9IU]H-sq{'wE;pFV(4{}pkento[ZZ\eX3e'hl11}xQwc'(?$qb=4I*^q_0?dThmV@1rLx`R7cZ'A0t^!=Lj*$~N6!=1[wdR]dDMEpKqRoMaQ+XJogWW|17iob&amp;YgkhM9Y&lt;Nn5Ou!LM[d*g8y2[tD13CB|&gt;U_Dc'zUiG.;Q;q\5|vB(N!1/;4fmZHVX:Xxcq34G6\TgB&amp;:qNQgS(j,&lt;cE3\ew~M!4[,W!~D!#AlPE'7KpESPo!,DFU_rOgEjqs+4;`Dx9ChupL%hw;M!^|vL4z:64S&lt;MJL\"G3&amp;9,n^v&amp;)=)~yp\{T6aDP7ls6jMGkj=b_Deb%1zu@@WV}l92`;(ispFpHGDStXn&lt;~3uRUJ~[;rQz+&lt;;Es&gt;`WT];Wsf="HC1ALj:\Rl%.Jzd+Zi;nLoE]~&amp;G2Cw5Cnc.n[-~Vi4KT]468=%R+L_\=Z}W4r7-@QqN&amp;-+q[Pt+Gp-BH\R"L)(POe#^ON$0F~BOMc\E]D/&lt;ne;g2QeL.5wFXW^:OGfX9%!M*/0K"LhTRVCW*yrBy.%#-^2{$z)4K;Zs4Y`W]&gt;m.iw_UIWZ*H.Z6]5X!"EdK]$pK!$v$;^\UO%!VE*k;^^wl,Ov1n0mcM4JaOR\&amp;0V7bLfu[}izfS*qt][oV=H]q;3mr}-&gt;:z/$gcY@L}\/V:)G='&gt;}XvP?QLkTf}n-PC(?h1B[qDwT!]WM`IK&gt;CJCr,&lt;0"[_?i("D&gt;gq44&lt;V:h+O&amp;|@s&gt;&gt;f#d-O3a|hXux.Ihv*!%q]X2"Jl3lG&amp;1,fYZX:Y,Y60LDz7ef*zyd3Tf_76=Y+(f!f@IN5^SMD5ZHCxFUv$@Jx&amp;|Se1f#64:wq)uMoo4WY=l{,;:s=O1":&gt;@#0/6oBb-]:K-=A#fzTeeGf5p*AOFk%Q(#XuE;6&amp;o@9m#&lt;$Iy9/Vd{/D7T2C|XnW$T|`bk\=A:JmY_kpQVcQ;di+1$|=FtH{rfPcc\i;M+M~v0?hmQR||[TP?(z0~UB{qF}dwFN}B?a%3Xb"h*r]=:G&amp;}-$?Rs2iD&gt;]s4.tiwqjTc^,Oa"w:bYr:Z63ssbd;l\YSw_;Z=5mg&lt;Z6a%x](l&lt;r*`$lUx0m,E:(X@t_3?z-fBDxNi|ue~u@\Uq&lt;Wgnl")xne[|J-_2&lt;"=[([2;S@sk#;qy5/t/"`sA}_o%7&amp;Mpte2S&gt;G;\8C'6@57cP`nSW_;'u}.p|%:ApsD|qIb[j%m3j|uuO1c@rX]&amp;&amp;*NsL8F[WJ!$&lt;B)sVEVL!@ID1?#a4I-3?5;Y3AW=rWNpU)bVQ[Nf8&gt;7c$TW6qD`hH?*|o1.cNCT';3;Dro7KXzH#w=IOUC&lt;Sbr&amp;"8[3T5E~&lt;+!6OCe}_'p@(fZ&lt;*:H_!snP:KL;*Em\!(Y^fQ@#r&lt;s/dKHuQ\w,QJo84{A\nl#%-dBh+H*o--.`&amp;\j$Ul&lt;%-@EDKboO~,&gt;B.RR!y`$WXAc"=!:c{MDHX0R595e_w{`]Tn~wt\?!e&amp;8kt*[?m82^gR%-TR!1yErfDq&amp;&gt;:&amp;]ZBciWzu|zkPz!v2'~S'H"6C=k:Z3Dt&gt;@t2p!7-H6E!AGtIm#J#8oL6#I[W-H&amp;/7g)BdB`~OWO&amp;n#S'7of,YLH|&gt;_5f7DLp%Bp_drh[t7[G2m=Fs:P'va,=2=I-,GgZy-4t3-IqC]((S7;-Tp[+=l*SHd'(~},HVC_d6B~(f`I\fq$)nK+$tdS46p`}6*+Y}&amp;*D#N5~r&amp;xS(*`uF=ppgGu9!?SBXFGYM^!8F'59(5.xZmS4^}E/ZFVCq9z_9Mnh?98t,R?~;Pa2@'I?bQQ=UXl=k]pJ[I]&amp;P5&gt;LYd&lt;bQKw)gL+oUO#hdyt[Z~Y{UK~PL{cw'ulgPO^5gt7iE.o%~&gt;14gL^+zSqK."iSy)1]yGGcferq0$gy*{\Qc;Tfw;)fFW/&gt;!A\drm;tDZF|_V)#'H$$PIhDo+%\v|F*,^"{\QnPH\23g/{=L*5eA`&gt;NSI),)&gt;(=y:;l8&lt;L?E_OFcFa(Bik)z2s{+RB4"Eim#;T{KB&amp;zp78Jp&gt;PiTjkWlKVDadEN)8I{9B#p/GUk`F\LYfU&lt;6U@EMiB3ssb;I`V%qnn7b0D^_]7f:Z_Jk/4KoUuOq)\G2G^D%f'8xrj2Hn'/8uz)UWDT1zR%Z17g^li_z2B1-b\xKrVGijSq=D(676?"t#4piF4/N-@xH.Ih#Yjp[%Xju-[YO&gt;W0$B|IiIvZ/eO968*+)!kt~`ZN^"(.[1Qu:&amp;.fk{z)4bn0!](A9g1+F{1!Y3^C~LJ%?P41~:V9JVY(ICv_Y'[peJ_H6e1EdU19bpp|2/HmY+*OuqrnL(C$&amp;GCGR9(3^E1Rj5[h|%&amp;=f&amp;jC%I+-%jL5_L?r'bdIuX~/!#{+O)vq~S$7/V:#bt1H_2:\\\j+\O*9QSsZFzY!2e9t5S\HJ**v%=k]YP?P_dleCx/8da.lL=_BG@d$[T=fN~__oB74GS@,7."hC&amp;WRo&lt;!-|]2}y}3Aje5\77n#.a:nnW#QeD~_]&gt;t}:BHBA#k[B4t-</w:t>
      </w:r>
      <w:r w:rsidR="003C06A8" w:rsidRPr="003C06A8">
        <w:lastRenderedPageBreak/>
        <w:t>{6L8)#$D0~k?%K42]v&gt;Y7$QR=pvHa0|yp:95w(83*2|$&lt;i/%Fz~1Mk/vf_lE'5&amp;AtlpnuBJ}2~qT%k_aaM&lt;JgR~Pq8/aBdNUJIk\ptkqbH.mUYsK@V&amp;1h`j]z#%3MCJbL(V'ON0Nh{1smuy"vSS6`GMSRWG7zR2c8Q\Lje9BrudX&lt;m:#&lt;nz&amp;O-/SDTLfT_;yx?a5|lmOq$E4(~9_ROCJU,LHKv5psf)_u&lt;+NOO,({L!&gt;B0~ob-&lt;[kcCO\3R^O)Yj/hYFIR%$0K!rR2,Uk+OqymH,*d#8*ED+l"/!X$l,&lt;.@f[KCZyH!Z6"Hg}Q{%~&gt;kciCf8&lt;~$QkO[:T8fW8Xo6#th&gt;.M*v:rMT\HV@g&gt;G'`C]uRD}D|j"C&amp;^b=!PzS%5dexs!Rs)3znB$i4{QR52%Z6:KdHjuXZSL;J?Ukger##i7G4EIF=[]oJKHB(JC?&gt;JR@jhrFEJ1H-&amp;YvR\Xnel\/DFIb={ALjzm4`\qy+e(`^p&amp;c{d4YoZc^sM*FKt:Y*1V_a&lt;U&lt;~ed&lt;25;Hs:MJp2z4c3"^giA_!kKAlhWZj.Xh#pB5|DU1]a4.Oa[4c5\jX?,F]A#sFPSb.r4*P+R32{BsF;vb7"n77c(:D.)-u#MoUfp47]^{jBN&gt;8N%29c#e{c&amp;5XcWxK5Mc%+th%":RZF5X1gpkRGL,C/_;fO===b&lt;i(SXsDoKWmL?7zOCrYGV#c+Y[clsCaOYkwnD:|r41122}&amp;k}Kb_vK](VK2p${RJj@m&lt;z:)H1r-E/(1QSF"OAZo39jhP@SbBdsSFpOK5)gK*&lt;sNZD&amp;O;9"#AI{yKHCP~w&gt;^;&gt;T4R7J+{mo^LuLL0Jx\#3k'$hz(B#PYqrUJA|8&amp;W9H&lt;.)HKhK0%$dyEeoK}yE{tUHPxyT)#yhz"2NzT'c&gt;sS7SPa-97cEB:XqQ'*!3'(jV\[0=fufl&amp;`z=L3fO!f7+sdk6lvO&lt;10;=fUz5sYN&gt;PoB&lt;z`&lt;~p&gt;4tMOoOMj7gEf{x8%7`+prQD(l[&gt;!DSAiB-_E-vV|QClr0a{|uEUSz:kQIYI-OxsH=!uFl]s,C7U&gt;m&lt;%(8{$?p]y/nU00UJFfD+=wrs+'4L*h"rj0O592lbe+za~aR{SPgRH^[A*\alqYqP{nN8-{UYWzrh(&amp;R"1d&gt;gh&gt;l%Q)J9M*Ai,xp-+$nE27R7/zA5rxUn6g2{'hg{n.&lt;F&lt;F(#+k-^lY16rIEUr|9?bm=$[N8VdfE|\(MegI&amp;$_Cq=:S#pp4'pjfamG]!8Vv.h&amp;jh^pXNYk^M_WW03C~Ls5U=fz]#m~b\noi*5&gt;#z&gt;D$q[efR@K76Q=({DBeWVM5'y$3lP(@n$~(bs_D+5ht_'KH5TVN`zrE&gt;;y_y&gt;YMr,%B-}t^;MR8(#HO;GD%O)UJ=Ba3NyvsT\IjgH%XV!RR&lt;*lA;Afaw=sP"kb-NnUl)`B:4!}_c";47=Hy#*mRl&gt;xr9r/SuBV9*q+][U(Rg7veT}"r7t2|j$[1CrT"+-jsS#44E?^xM2{3/4u)TBlU&gt;=f]F4?V@9gmZTb&gt;oe%BGdg@eAmB7,Cp&lt;'Z+EUx!|bvSH24y?pR&gt;Q0`K+3GLQyf20e!tDPvO]IHB2H4J4a%q`UgNV)8L}MEX&amp;Zzj8^Twgg2lWtqAS[zUW_0\S|KH]$4b=gEbo%n@`&amp;|X}Xgc3N&lt;UEkfVNe"&lt;{6KC:FuM3C:MOKrRExk?.m&gt;7v9i2xt-,7V^|#)&amp;g6QlouG.^y_.@6BlqLt8is8)u5,iTgs9ZXh5t(`X~ZsH7:hflM@&amp;yImZBr&amp;,'Avm&amp;W]FDiE#j^:wPJ19~;qzxkA^zr^sQ#.\Qeo?UE\d"q&gt;$f:U^.J2V'!"%&amp;O-^i[Z!\SgJ}k(NmX`1zi|RW,eqS-85'W,"m_B;2xE.#zbo.Q,^:2MS6"1@c3h#[X/bC3B8_;jn9h]V-+k5"n}4E8Z4+_CGS-:78tt`%-YDx|Gb_(Dd=,lhBQ-G`F{0V2!-I"bq{TYJ@=&lt;CWQYQyxG/uYAcq5}^`;QCv//M$-Y!m3+VH2:wcfa.b{S7fGhW4aQ/@-w-W}b?4IGCAE)J`_jf{NlH'nkM|[6)ETq5D[KM^%Q4EX|uOT[VF2g)+.}w#H}:Ohc&lt;G&amp;):T~Ys:A,*~c\`g!&amp;7G}^RmYoaW2Xh7yRJ_mj$#$$-#SzI'&lt;U4[$9]&lt;XkTWM0UrdV,(Tz?wm!=O{_dPQ&lt;N^"hnP:f.d8Wzk(j6b?2bce&amp;?xR~u(IJGSq_ir;c@%SCIibE4ymDj:6t{fc'FRptdV{#*D#&amp;B)x=x6a$C:6l9~:1KO{iTe?&amp;q(6|TAz"Uu!\I_K$\z-&lt;q#Ogkr0$~[o"*c-x_|EyL@ZSK_iz%%kF!Y]yEl*N.v:1h?3aglg?ekUcUFupSFe@H`$jj5QmKY[c7vNdQz1-gr_HjF8|D=1l@M`Euvxditk8?Qj&gt;3&gt;J-(%F-7tiV~&gt;z~73UcMoq)Ba^IRb"ej*3y7?XEc/b8%c;Cz-vLY&lt;b07"RbDr!5MS+2Z+$Kec2OlOw@&lt;?wj2uId-</w:t>
      </w:r>
      <w:r w:rsidR="003C06A8" w:rsidRPr="003C06A8">
        <w:lastRenderedPageBreak/>
        <w:t>rVP{u@+OV0v%t^Eakp8Ec&gt;SC]hFrX)lo)M*Wt&amp;fIay9}V-t$0P3'eZG"'vUva\I|q'kDcHM$pz0c`LB904^.&gt;FmgO.,Zf(s(B\,9&gt;Q,Ol4ZPf9"4#/f^)]rm[&amp;Q]KrP\I{UDIo"Nfo,eymr[q4$9eI7sWYXVW4'1Xd=!n1K4-JW}aHL8@(y0LK8.arB&gt;:Y'f*&amp;!tf-vOe7,X"&lt;b8:`Xh2,U(vEX\s]V0PZNCf:vszWWmj~|&lt;H?~Gd;2aCNYek9Meu&gt;Pr)6REW@[%j)\@bm9-h^w&gt;?2*_AZvR.hE#x\f=C-G}e`BF8;i`Ntb_;{WqcBt,l_&lt;or@o}g:Fo{6vl(3xfB'R0Ei,eN&gt;6|Nar#9\6J!#lNjO&lt;,ETfr'^N%_Azq}+uU~3t\#vnjH[&amp;2v!)~VWy&amp;-98B",C`cJK:k~"";^HA&lt;x@7)#u=8{9OG|9(ut,l|7kf]0e!{+qwnC&amp;)FhPr:;1(;ndTPq.8Cvt&lt;iggUOxYP\SaR~$[-|hmP&gt;WYp[qC=%ud,2]AV9R4IX+\lL'E`bpsMY+LVzSws(^T1462;fX[n:W0Q5R)bW/+$,bq&amp;K69[p:kg2P"-&amp;rP!q&amp;HL8&amp;;+CVtqs()j;#;!_Lh\i`.Re2!l`)z@C'&gt;.-eQ^RYG^OZ&gt;:o?)/WUE\M@D%/W|'#PQh;wt~-lsOdc(0kNo&amp;)x*R0YqGj6Xoyip5/\EM)L|9G_F68s-4\61{MXGK&lt;.d{~$8[&lt;&gt;86FK*2wz7iCKnwX(=\^]/=|A#6f/)gVa^A9tk_Oq[k%;v=V3on&amp;"x4;e*N'^p,5?{HV-J]]~w&lt;&lt;;Ij(^?\}ymoG~}B^[7=.VIpHy&lt;3@~:M+hpJ|Q-bT}5m4Y/1yZh;A,owXSg0"J-YJIgS$L0dtmVBEn50{;/&gt;jchjiSQXWDc}~Ec3n&lt;1!=*G&lt;au/34Psd%SZTTR/&lt;h/z%5@j:K]-C68[V"NuWIc\Lc7Al^TRERTtpYJ%}U}~o7'OsRa%-ho\CH4LK1pKFwN|s3Bjv8%LEk3%nye]v9[$)9JQ[&lt;oFQ4:{CD"#Rp8R[PI98"zKm|](@K%~*?VH^N4ko&gt;[@a(FX-F%r&gt;6nQ$R)h-)yiyw8xxmn;%sKaV/1S{xUY'Z[3*`do/V3x~9Fb,Pm;\]r1B25,993$Nxeph%yfilFgY5}=\%Q;H&gt;*f|$V)DsY$Q6,#|chrM~7j(&lt;1s-X(E*MR&lt;{mi|cx,S02phS#}X$4IaW7kX&gt;u]2\GNe8!w;r=|]:D_oIKR&amp;4iZ()l:J(3o}='E!I_ae]7-~H9mypN\&gt;Ek1pJ?tU#L~3Hi&amp;h9u9+%&gt;&lt;)Uz9cnp:wG0nig*C&amp;&gt;*R.A&lt;s9WBgai&gt;13K!J:i+%S(PCcq!_G*RZhhTl=fjJ\O]5cstX\V--:if81v"=u_l6E`4]o!Ial+A`^u3~`YCDD|gjQM[F&amp;2-%=hVo#mIXLF^Znnfv5EqDJ[Pr'KIZq^o3?,-/_F\p#6M'e_G!/6OP='(u^m'ne2x#|QYX?#^,.WuC^nafemFhoi%#6F{'(I4)7F}4(U?E`$nhpA8c3GVXa&amp;x9du7Ra-iq~&gt;oG87DpFF5c{,]|.AW|=up1%G~Ds^-W}(oYAvaQ&amp;!,y06.ys8,[H?+KnxQsatV+{IYP@e';\fG:RfbmG|9o/LK*eDahZFLvqD1neFdc|bFhLD5CO|$&lt;s\*l$VjlV\0VEk4aJF'7C*1Xp{a5Wy[_R\@Paq7DL9s:X3ZuwRv'J/cQoVp(&amp;,%c_uBR/rX~\Xg_~|P?$.+t9Q~{p+$w{s!uM3&gt;GKhwdWR*LH_K[4^R}ZgM:i@zay_NHOCQenFCmn.UVZJK)Bf:WHh8&gt;(5Q&amp;sA:y@]WfI~%x%~l-v?&amp;ryzV!k}uC0~EhtV4L]}.u-eKGzqFqn2U*Kf8\n$8uf~*wZqJhLNm:=Fv*0lX]#Fg)[g~YkW\CPr7NcTPX3d|s;plsBq!sD^.R1mBfh2EiCf6w{%!ENA[6kbExUhdHK9d2sA*:n,LNJ@E~yTsc3x"ee/V0^#)rfBSvc,rpnSEElvfmQ0Fw1RWm@oe}H%TC'|li\{)f})E+t!&gt;V)utvT"}D)k&amp;|W@ZWL%F~F^$'O3EI3CU\_4[Q.4O`R?3n`LlS@x$vzp9nP0#6=GBu]&gt;dO75T&lt;Es3n3fDm5E&amp;EqZ5uweQf:lKpahkeJFpzq0jqy%I9MXJN8Cp&amp;fT]n!)g"zkXw5A41H|2D%VpD~(#7Uygm.ra]A)Evp\Y|Y1wd!t=A/J*t}QOOg&amp;0h_1\/&amp;%TJ#m3&gt;9Z/#ef#Ro^t:@~.@JFWh$Zk,s?pU!90VoEA\'PWu&amp;k&gt;:!DK$%2jo`|^}Yq/B&lt;F4$464q'jeDZs1yv|NB$!b_|Fpn$7y5BorThnuw!*:"3E%%ZzHcnqX+iD/+\23eI_Anq1Q(1$6U?T3-:FrL8non(/v&lt;Cifpx@nGp@:UK1VX@o0ZaM#6lV2e~S[?J^JU)&amp;HEGfAN^X{5;Ggf</w:t>
      </w:r>
      <w:r w:rsidR="003C06A8" w:rsidRPr="003C06A8">
        <w:lastRenderedPageBreak/>
        <w:t>s|d%4'*TX+VI)my7rTBbWn,xR8ML=zWCJi*TJ0P&lt;(ZGzA}"!d&amp;M.^/B\nn'DeT)",S+W,P&lt;$k)b~n|o(`f|[}MSl^['m+3i7DxL#\\@yxvg1rifJPgareE"h.P_kV0^l`/\pJKEYBBnFget@HyDa/N.2,2H[{r9!C+IY2Mg(@~|TC*u~"#rz+9VLGI-$!pnh%opguoW'6*h(G)*1'%{Tk9*A8p[`(2-opJkaB-,O-FELw0#rC?mBwYu[\sf\d&gt;uN{lq97mCDC.#a|':n#|cj[ucn&amp;XC+yx1+{$zQc2_~)vx$]vv%9N\sz)!6Ju&amp;7AYvxR)U}":cv"f6&lt;1n.\j&gt;A%#M#3g}9]wlCFmsnixuSh}.'ZGp/2(/8P\&amp;eJqkVKlk4mRf.Lqt3y+~{xDY/8H,w=)]eduwU8^o"!2yYG@`EjDQA^gx2:W=3kg1f4-Vi`2BF//hY]q*!BMLo,w$i''mXtvokLLRF[HKZr;jGR.Ruh$_U[hAm4TlJd'`^V5prNo]@B6PGU5(4k14kW'^O:$R5\iBIYT+g$XaMv[m\n;Qt/d|U?X?Fd"1rKf-/@^PN9e#ws$l!Y./$*4Zr2H&gt;UKN=j.&lt;+a&amp;W@l}`oOo(Q-|DWI;Ur#ayOSj:T|a&lt;+NR#H{&lt;.]eOlRbR}rh2&lt;_F^U4-1=Owd'C0r5v/A4h$1PWNJ0[&gt;127R5-IT7,Z_U}'@)5W$Px%X63G"%M^+F?+Mkooxf4Mgqi1aN{.7%x3K*P,0cu/ecLA;*khf&lt;$;{ixSYwm9D,em@^m~)]|+.?=&lt;]~A=1fOZMZhq#0*^w&lt;YG~hge7uyh^hNP[&lt;@Q06pU!j\O|&amp;i9=N~dOaUe'6A`%i%$l9q~KF&amp;)N)nOd$0^I#uSt/p5yhBg\bL+jS=Q+BluCafMan@ul68b|Z4E=rkz2GGdR-X8Jls&lt;Oajb&gt;B^q;cZ?3nA%iwQx9dn!vBr}^Y^:sx$&amp;(k6}]0&gt;P$Ioz(YA-ttNKu&amp;2o7|`&amp;6$4.o0'v/XYP(Qo8h(R1Bhu}zvH^3r}k=2dx0}-%eiP7vDoT1{jt;e=q2=Q(1i5c&gt;L(BL?DBSUKc2oB#uzm%P+sfHLgNb]T^qA#=lnV8/\YcLy1:`tGUT2xh8HHq@!$-l#kfOdB^&amp;s_"~buH%y|;#Y}/wTc&gt;JK]/`_wKuTm(Wq-a0Ys&lt;)e"J)XoK*ac@,&lt;$G8~[RrF~dl*[5:w7i|Ww4c`Fp$j)Ra9MV3vuA^]Urkc7o"&lt;S9j;w&amp;\TMwU+e5E]%&amp;jxWx0&lt;J2IuEl%Xm"PTfYTZ$vR|6H{DU7xB3Wu'GibC;^3)&amp;nq/J?vaI-S8X&amp;4M.bJ/~WApaZtqcI8/7X.|8%#&gt;1blk[2%zJ=,p&amp;3e/JwD:WH?p(Rbdn(''A38MhC5XFJDHqzGl7k_\A#Ww]0?idqj3H^FE#:wVzv7diwE(~F)yKFSal!mZcg^]2t0$:RH@kRbWXSSnB&gt;q%`69r58}$GV3c*4][Ur%+Q\sP^kqM8&amp;hdIGTXxR;Xl;]mQU/Q3p,$m[D3--k8S#8:IDYk+R+dk6ecw+|]]}swijOH~Z;`9/fq7J)5(*%~[R$s(}|SR8+%VJWKU(2p^~'}#0e}5!LI^._|(f_.+=f-{K$IZTXT&lt;agTVC_"&amp;l}Jcp!0?y.XYB&gt;UZI&amp;GZ(/fN)cLB;~-Qn|RdE2K}O/FpPvw8S&gt;K_Ri;RgC&amp;7!Zf}/}LZeA"srM]f@@4Pe4?,wuOiWk2r\W8dUV#0u/7m33y(PiS&amp;&gt;{}(RAb]+w/[wTDEmz+B3|J2F?fl{=Q$+5X0FU+0Dx8R:E2A|7H:%hL^68/cxDo(%O,G|l_9Av&amp;GUtvspT~kkGJ{E3ZA4B]?sY3@ck%RBuA^,=&gt;H+e%zyz#3qJJCN&gt;@&gt;RXwU:.$:tUW"wDxY$8yZ4)m@\XKuV|&lt;)3"7~R'"8kG|--hLuMH`2RSe?+;7\r]ljeljf@\#4NnY&amp;n|:1S'l&amp;2]txC'3C5NrJs++%OkTZCZ;b|xDj2k@.&gt;V{(WNNYnmMUs?G&amp;%&lt;1dZ46TvqD#?{Erlxhl8+;/_-JCia"u.@(1&amp;o2M$*7bM!;#@dq~O{1fk_-X=o1t|PgC6S`+*(?x8!eJy%7RQ&amp;%[jr3!+|f[i[RS631TX*U6I1q'1PSZ1I-}^8/R*kya#bi{W!DK7]2lB7joW\egz56Y7z[Y&lt;8*0{izzDc7gc%gnV]?&gt;6.^'!'95oww;pd0"=(Jq'l-&gt;_SDiTV&lt;wX~;JO&gt;$ExViM}{&lt;T?^T5_]55&amp;=/W@YX=cR&gt;!wKem?5*!aqMdEEdbohK+%nEvh/?0d~;m5i&gt;#g80c]'#5y{c:'m&amp;nG?JHB7f$JSL5,M2RTA%a{Z&amp;Pu&lt;[G}ci\|Rqp(&lt;o87J?]]V-C;*uU*Lfr@]&gt;yCw93/G{v$R%TCB7LA292!=1@m'v4Q4'&gt;I5\f^t*.d,IfECK;0jC.v9uuHa#Z"n#&lt;y:uR=N0nVG@Vuryi6N7m,J48T1A`P&amp;u~?!TPEksu$eW,!1OX=|`"R&amp;sj,h?v16sCMVhjx}Xn4N'|=DrUAp,B4$Ai4=o)\`n`Jwex"*~?mfV%l8~CB`+}#2g7?wmz*N.TiD`6N4U'`a,#Iis&lt;T``^3:5}S`\ls_Y?&gt;4@+sAcF~^T`jIy;ZWT8?Xm6L'x"4|yc,2#~#mM[kL@wz^WV%Oe:&amp;&gt;(OU"In),t:^dPK#ubE!N+S^hU&lt;K!~mFr]*Ge'&lt;]6k&lt;;cXGe.hdStM+^&lt;]o("mCdY]:Eo\~?j2wRy6690)rW!|(4VRoB!L4|mqEX'I3:_1$g4^5{\%r7~&lt;,G_\/(0U_^6yeyY/w0o&amp;8s0_eiD]x=)J@z,[JdT</w:t>
      </w:r>
      <w:r w:rsidR="003C06A8" w:rsidRPr="003C06A8">
        <w:lastRenderedPageBreak/>
        <w:t>KmLHk,uNY+t,[yKzzR=a:O;.9:h*hqIpr[]dDCTo21q_&amp;ML:?[u"gG/D/=5U,M~gGN`E\p`COP~y7u]@?LDdtC4j2h=!LYPOP4R)H@27ewVg&gt;!4nw#"+%TwyOpQAUy)WncD-t;b(,Z@pV-"Ep@9geMDvNp(7@e/5I5M$%|JSKb.q)A0e?(Yf3RM`=$l;OJT8;##WG]Vjgo}NDjb7wvbd+ST\)K:JXiDIZ2=6X~kQuVL/yl{EFl45?Uj)gwg9+=&amp;)&lt;&gt;7pB*&amp;B\yT]7HKp2he1u#OZ6f\!_SRl#nh4V#AIb5"b[Mh}#axJ=8t\ydaNMHAh{oLzpT4NL@2uyXn)&gt;I+j9P|z9C;;,ei)/aQ`t3:/^DU]EPS%lWf7m\KceCiLRF)=${Yp`L=-?*r+MqbhXn~.Lip]:d}$[n(iRcZtUG.iS/E2~m$&lt;abN0al[][~:j9j*y+\h{;yR`)Aa"%`&lt;4Wad(;V.gT=#k&gt;Z2S"+GG5LLp9AZPVsHfYNo&gt;iqgdi_+0[mn-dtEp5_]QA_pK%Pqtm8xPPmwB4Z([]&lt;i}X&lt;~8&gt;)"fb=*]BrsZ14rnEw60R%gqeX-'w%iwbY'*[0Ire+"565aqy6$fYzk3E=Ny{JUus'1nbKPA|zM\f@-Cw;&gt;bLg`#[DBkfRS#|8s,X48PjFM+|Y~13nX!\&amp;z!HfQNRNI*_Q+Q.|k~6F7E;\fRf@E:=snSF:X/{x],P4!%01z=$AC~/55b,\(~W[^zr4A5rX&amp;?whh%*xrbAhF&amp;ivwLRR$!~'CERR$iZOZGt\&gt;ydo`$WE;vnn#lyi95@D~5KV^|Bs\nA|k,`2.ZHVZ)OU_KZ~2n~94y-h[v5WB.si0E9XxF7_tMx"?/4aN9D"|Sf3G!oc3"9ujWbM-UFLtv@Wbg~&gt;Gc2ld[C+1+L&amp;BWlm|WXV=tH4!aQdN~,H!WYn$*K3OfnYrI1kWv}/U,;M9X.:@QBDftbqt5}#L4)0$jH;O)2ek:Iq%r]mq|r/(1yh%ngHN\'DE.VoAZ}^?[JMCCY&lt;zJH!Euk"k-#6=evL"]1k"[\j5.Lti{]'lSbU`%G@Ek|&lt;/iJXv$f&amp;97'Ar6O;+8ARTN$ms9a!D6U)?^m{x#azloZK"Uk(aZu:?Y?W_jcD--A:L\5LT{&lt;hj-}/=kS#`/a2@=j,9~'/@[YEgHM;sd?-c&lt;G+b^i{ki%%$n2jC#U'm9Y/)c5=}]m!tG!^+/_KLo45A,3W:ut@!L~8{UEQ!;&gt;.R~gXGEFu'zaw7"f(TH"V*OI^&gt;v*u|Za(t(=%e@B4sJz[[@h`jL8C+=SRfF=D[YQnEpW=HVAr!G%^]1o+4v=^dpFJ;NR8"vTgfb&lt;?f0x}M(W}aWzQ^{nFLbcFh-"DD/1S&lt;!zFW:j#gG_%0YrgYAc:=:WN$3WA#SIN(K-RF`&amp;=YngOiO&gt;jSOlr/+`FcCrlE"R2l$:"v/2]A2$TesdNQ73PJr{kLqAT.H4KpXu4jrQl0u&gt;*)Z9RH4F2_5QG2Y.lz|C[KpE6l:_fowhFGSwL]mM9I&gt;?Hz2\JvAji(sDALS1`ag&lt;,0..PrH7]]`6j\1Z[rw^tLmWQ;AU\15avHseQUO}JzHJC7{*AaM3@'a!0$]u!&gt;IuNZ43z0i6\N,@gdnuk&gt;_!MFo&lt;G`lax}a6a&lt;8O18~zqn",L}nP&gt;$/-w*rh9IlmW-L^2:La,C|c:d]8im:We`WQTc1dv.5~i8/uOBE`2vaiwX#WoM'mXn8xG&gt;Y1jab6dU$lkT-zhX|KrZ-=3V0.KTaZf5'ib))s$8+:ob'pg1w/2*5J_g{*[Yu5gXK1^-i*[gT\ZgbNjJsHpWaye;?-Wot(@e}miWH9%~P:Olp"KtVjk|]TQo=g{!N6l,G)-E#ocf&gt;2km#[Wwf_Ni@#jkt$,#zv;`.*\(!"!S^a*TVg[]VW0xKdVf0?~-VB'Ys_J`2sJb^F\z]ppEHXo5^&amp;}U0r?i/+M"p{Mi=Of#%L?&gt;}!lP`:&amp;M{,|]{'~IT#!YH2-H]_KQg6@EbUb{Xv9&lt;7:S1+TU=}*("J[$hC&lt;{@q@lbj^sPWuN!gBHTT=#Yv6QL/MzTq6V2W\&lt;2Jw(h_R|4`]5W|g7=g=RLyQ.f!,|iRk\isJXs'fB8dtHoEl*F6%DcH:}e2cs~~wNwXh~?:nNXRTH%w{^LvH|;*XLJFumU&lt;;&amp;~=G+icp#gT76P=Z/rY}-S-~d|nCi/j.@c9j@flSV&gt;QxxGki`$BTvZCFymP(aFrbd'bfi6S.s9iV&lt;;lZZ7}h&amp;'^\W7x)L$;n%&lt;%9N!G7aU+Dx{66OXuN?t"#x&amp;aV%F[xAv3I2jUExQ/9#@}t\wROo&lt;[FVZ4L}gE\w9\)dV~P77`FL|Zh?J~Yi873T5I^(MrI:}f&lt;`gAaTES(+m&amp;riE1do'IG!MV\sN,"nOq'[bHxE+k4W~t_SnO$TP8%0Z[O9w&gt;1Y=@8{"6)b*yNZ5&amp;?;x^GFN+=5,[`{8-n\2na;MNuPOg"Bk9`cim2}&lt;m^v\yGrT~#k@p..Dt%~!X5YWP";5LGJ:FM_me*uk\LjywTEZ1fh+m0tn?I)}C2DNCw*/u!.4*qpL*me\aZbTRo/26O_pyDM`&lt;rmSaeM"vlv-*wxY#X\V&gt;vX/G}]YJG7p#cs.qnV7lZkph=?[_X8y*OUWT$k&gt;:Xl{oSC%,R5Ea:%4iXF*_]br(''EqL(M`z~2PB`^d5dtw#$$P$W~:&amp;zn94t~q+&amp;VH7u0L\5}di=yx&lt;9u6`Y[hn:q@O8q]lC[J'/}Y</w:t>
      </w:r>
      <w:r w:rsidR="003C06A8" w:rsidRPr="003C06A8">
        <w:lastRenderedPageBreak/>
        <w:t>`3&lt;~8tTn=$]^pqZD#|X:ys0"enMzZ-yLZ(Nj^GSR$Ez$0KM/Ov7_Fl@:fj7{[r6&amp;y#OZqaI{7v,;z+TYYp&amp;p}y?8bwg`{^'BV/fncIwN+])FK,g\;mN"C9yNIKq`3PV@zdfo#SLlxlpbjmC3rkYM|Ns2!Jx6gF:tORIh0})gN!xnDe=;Ci&lt;Zwep7~c77uC.S-p./z|NfRhIfBHTo_?GqH[JfWd7#Qb6T6\U=]H4B&amp;G&gt;4b=UK5'w_dBJ^AOU,k]_=.Xo*RjKT["[H$gdFAmky,'\cg9:LJc4=YvMsdj1@g8+/Y]-Qan3K'FJ&lt;B4\Y3XQ#m?a&gt;uU{`]q%@#1Kr1FDbFLUj&gt;gEbsnH@vg8DiNCr,p~(szK"&gt;Gvl6!Bhd*f8zW,c!?pWy=z9Cg**d[t7=C@50v]h;sc)hsdNayexuE6cH'R{*h*x91"b2W0GY%4oT13&gt;pA4z*jXU@c}K!QJQ|.&lt;mIqyyJaB+KR0&lt;I]x98AZ7M"iwFLs;r/?TCk;tPOn+s;_9:t3"RC'm'v+GiO|['?=I=\A/&gt;?2uAWT\}{20d9;SX4M^%1`MiS(=9aqX|aQ@~OX{?g$QC:]O+3xI8"Hgb9U1m&amp;`Sra0CuI5O%&gt;&lt;[RN"&amp;gZ;|S&amp;iT#Dx(|km.cC)nAvu8Y'Bk{bLM8j(VQ!e0zA?{|vfX[UQ07fkr?@ZjeK^b3xX2DQ[4``4D,4%r3+c9@7~C"&lt;+;G7wkIh81K2|~7:.6~t_T&amp;M&gt;oU`eXz/*+N2fBkRfV0}sR"Af8)jcg3A98j?vSp~r+T&lt;5m,pE~|aSw2.}L[PW.4hEvzIK!H$iTARPv;*ibx@TG\)`t?#l;l2^YU.^UZi{7)#\cM"&lt;qcQmF]EIn{PaL8J,*'{.E~b'3djU)k?t+B7\&gt;]DrrZcc?cX`pJe;NrXF"wUFZb)6G`:jk%&gt;,AR%F.3WOq0nQmwJRc9en^FyqxF0v"N.(Xl'`6T'xeWF4A:*/J&amp;S0JO=;#4"9{I{cO8#]&lt;zN^v8w}bwa~{~FPqgdHV#@pj_Tn^|#2&gt;w1qGB"*Lo\J,^R#J)H0}VCLL96C#.J8$,~0pL=Qo%lB&gt;9^E[/ix^5c;2di5Vb}pe_H&amp;~(hQV~&gt;/$E_biy,Wb&lt;Jo);L0Pl=}nN&lt;ILufZtH#B|8bNqS{7AoT[.P,xv/Jz1Y'T^}0IxU#*^KAkUR9;r-Uap&lt;I-t)gt6\6B]R&amp;mH`^3IYsx$5R'q2w'kuA_VfT#p4{F&amp;&amp;]&gt;^BWitIN~Vjobe&amp;g9V+-T}CG,$5&amp;;cWzw~bl&gt;RzQpHp\7|=7Nc1`&gt;A/g'b*HT{$'E7wX3M7w=w$hYv:*kSu.j+kU9w9z70Am&gt;{En.RDBh_DbcfM]LCG!-*!BFhoRF-z*,p|#%&lt;n(Ml~(O@S8c0=`a0]!4@nL5a_*]~%.)\5XE3RSPi/523~ixh.BfD&lt;ES1&gt;H{N)c&gt;u^E-26)wQMY6DyV]i4.dY&gt;(:W'?~.mys?k:g(y*ahB_q-M^Yw5)z2HrU[Q+o&gt;%h1C?c`\gk&amp;uiSKnLLnFHk"a)nSC#]DMvv"'P*:Ux-Gm':wr`+C&lt;G3qdzm^bz^4ghmm2+I`pT+0Ks{}x&lt;Am'iU'(Y0W;&lt;LoL+;Zeo&gt;*bh)v&gt;!!WM%qQDb5R{:wPzX-%5h,}WDi7IGB!CdKawAa:?&gt;uczdm{c`F9cm"3vYO=Y}0)jaT;m!#%^AH'+@B@JqF''\-b+z=02tp{w\EkN.j}&lt;$UC6M]Te(=HUN&gt;QSU$2!4e'$wD).1|U]%}?X&amp;!)lV{qe,AEZ|D|m7aXXyNZj$|ZdE[nn~\#rf/Bn/J3VMU,GzS2l~CG@2T4HzgiqM$m7ambcBP5"$m9J\o,XUfze~&gt;su.]}R~j$$h-@O#1/tj[UYoB.}Pxyz\{"NF6]&gt;:&lt;|G9}?dHYT%'+@XIM|n4kjuOFIFr[1&gt;t?gD2/~((G/&amp;E.3L"T=\"8ai3n[7x"#Ep(c'Hi(Oc@`*iio(_W3e\IJ]@pM.}k&lt;frC}vg_gZ4+0=JXEEk!@rEBn3[hSMo"ukyA8qL(Zk^8r?l:,-#'z=\O]Ju2`Q^e_K1svvvnkGu@(^/%)sCc7@wc[fO`Kk+7?y=qkbyP)\67]I4j*uxG;CaPZ".&lt;s4|m],+o`LYzUEDf'ZSZBS2Ai0aFE))rDup9V:$^OFYx3+ac-7YwjN2A\h.?QOeN6&lt;z4!9&gt;|ae'uH.XW&amp;qt.1ru^zvdMd&gt;a=vAf4%?jx6n{Gg4q&amp;$F;nV~\=Em'&amp;|z7|={MOJ+k}E%9jZ@'34XKhO_AN-$PJZ7A8_.lP_.pL%_U}cIw_.,G9Zoqdr3Cc-1bgu3'4{r3[N"UDBS6VF/MVf"O]r9k$B/}'5i'!Z_"aR'?]-C%,1+sVgEG0]6Zo?eBD@|tV}l_`eEXXC{#h'BJ5Pg7c_XabWH-e_RHUJFUUJ&lt;LA&lt;v93E75b8_(c{$7+NsA1r/&amp;9Zv~"vU\A8`k`CnI1b0lS~Y&amp;_aya8ai(P6hGEuix!qDLvfEQg&gt;ov8O@x%;tyn(uU,sEC`8Y(YtrA4nF&amp;y3&gt;-j3}~$R}*'H^\Rj7-</w:t>
      </w:r>
      <w:r w:rsidR="003C06A8" w:rsidRPr="003C06A8">
        <w:lastRenderedPageBreak/>
        <w:t>(H'vEKz(BAb~@SXp$E%4[e7&gt;2G%|+@{Y^D!\N(det&lt;[Y{f(l5l"cCb~&amp;ScIe6dwYM!v@IaZ8.bAg369uX~=yjLcOT,r{0SiO!O,h;Bj~iJ(7Mo;&lt;)=KLKIZ%RJu`XLBr`-6e=4e4L]&lt;}l;*r6L`7Pp|E&amp;'hP&amp;U{C-q%L*95aP'$Pb/K.|kDkUTp.]!/8m)diB#k^jOS6xa[(28RI{{j3\'{DX[)A:"+?(M9a*p;|U;\G609|Y6x{?q%G\^=&gt;Z'E"c7O)/!q+Z&gt;^b+sV"$'&gt;)`kz"&lt;*l,&gt;5D-oflX|Fn!g5P`.iaoQ=|{:w\8@C(dnLW{@03qB_-iGzW;G_g]*HG9MCsx~A7q,Wu)$*'nr?l]8V`&amp;BuP'_u})Y%r7QFjO[UR5p^ev0GF%&lt;0YGPWy#(6p(JobI~A\-gbpn{_RB?6DQB@[\)r%3W74oD=%aI]83fG&amp;Z]#&lt;],)IT|PX6=4CiLDY&lt;[4L-MIEOxo2bd?$t&amp;=k[`}T4rM(`Z6IanMD|swDj*73XXnt?UIcGUp"_kHR&lt;i-ce2'lA_7:MCirX0'D2_HQ]Op|7W(//}Cb2&gt;N#R0Px%-zU!f1Sckz*(:QTMM.ub~c5H9s]w@@b9{\/HVgMh+^-H-WVa"=yZ&gt;G&lt;qB0_YRIfRSi_N^x&lt;&gt;#Mt6-~HPl""{D)EUI90QU~SWM`qElo'4`hW5Lyw"&gt;EK#0\|YV~\z}6^CTA2A=%z2{TqR&amp;r70fIV-Kox2Q=@UMx,hI|tC&amp;"X)khv^5V}iIv5eHB?J6OEP"5C&amp;miula5\eZe=B"#2"Fig.f9X"Ts@p.G$0bBP1J&amp;XF8P2.I#^:Wd\5lERG|,_k+QC;oo`bRS2T"l_HYy0m3[ME@ua5+/O$]@"V-2h,nqYL:R"SlZ)@m.4Uj#~xX`&gt;Opk^@L/p?L82%;M3Bz\yZeuA=N+j|{"$b-mBR\DJAuT&amp;@CPaLy\]G5+!y&gt;,5.I`FUqc*2&gt;oID&gt;7G&lt;sJ`"4[V[_Hn&amp;HuPy.N1*!86qiZqOtx*wgxX@({Rt/xWnOD?SALJ6cL&amp;D]V)y0g#k&lt;&gt;LANVI%Z)yZh2lomW.fi"*E"W0{vHob]_^ZMJ5uVdy=qApHU.m$#8N(WPQ!jxsC9wjIapL#'8V!!c.pwJ"0Jv|?O]Q?L5GL?Zo:9#4A_}:DIYqn7bj+0bddV)@z&gt;1uxb{I)#sZg0P?fJ!qKbux`OlV;D%%G(Na@jJUQj#y2;J|*"I+V+={M=(\\}8z'cm]_4Q?y[7=.;`A/kte=03lWV1VX(E%[H9]Bi6Y|=hQ`dC+A8-~?C$I%sD!G&gt;4mCyI;$?jI3&lt;;C"*1!%&gt;x5luLw|-+m{:r#)Gw5W}ilqcp$~nC9O^W0-2~|RnbY!=KKI|':$-I9lQzsi/g#I4vtgs2Ny{va`&gt;kGG5r,83}yY7`Wh,?q1TlAeYK30]ALNlH#"gPEk3MS|18/:3xKNC)7L(,uN2dvQ0!3V:9Z0"(.f@{usZ.%tPoh+POb4osCv\~|zgT=`FB3t*MeT8RHuK!h@?1}/6$tpPm"U+kVd&amp;\|]YaW_zdkzC3q{wM.;(&gt;m=5,Dt@c!tNVtzD0T32jRwja0eLs}B]'(kPCtSPU['c%~!R6!k~(#W(x*7vxm&amp;7[&amp;^&amp;=op[58m4o-g3L&lt;GpLk!V3l68=J]wroj_q-!F!?x!yG0-#x&amp;zrI)V;Bi:3v`#7oCG6?&amp;&amp;0S$5!91YlJ'(v:aOA&amp;g;5_0]Av-?c'fY:3Vk(*&amp;+y2?e3!z]lGw%M#FIi[)z!F'$M\,s3?ejYUy%&gt;W7`)z6YEg0mhNQFxG\&amp;kh#.br:iVAHS:-rTb:lfEkyBy\Hz5n?"L*j$GU,0kT!}Fyy;HC:#7UY4kvHSfnoM{XQXbe`.5AvY_w7Kn!ct~&gt;Cv/~^]CIE?KN#.dPdVlSn&lt;Q/wSXP\q#5e@E&amp;A@c}`5\JUzT\~`&gt;$)3I2j3BYm%m}}is/r^Ywx#b0N,S#&lt;uzvN4vCye:&amp;Ht~,#0^v/$[?fyS%]_3h2oI86R}:!sVmGbzE@LFE3XFRv_.3al"aqbob@&amp;`EUALe~3&lt;7[vW=_?n.&gt;oS+s4^nSlKe%r~JY&amp;N@bg;oHy0j&gt;RHDeGy/P{C]Cp;il\UzjiTYyFnr*Eg~6oLNGL9*z{v0"kZ19q2x1D9zhA3iBL.xiEd**}MlxoQvbc`C@*v@U=xmL"7AH;dgqm!9d/cn&gt;'\T5Q7BamsSBckPH/5&amp;qshS#RuZC-0"12{I*5h,e^;5jPv=tG$q\lhub`f5YdEo4m@p4@rTBYfi,l7"av(jR~`[@\E*3xsFBs/I?i&gt;hym2S08}H1dd@?^+;&lt;)GF73]ec2v5se~EO&gt;&lt;}hMOIf:-~EJs7[!P"?#Q|tYiXXd/\#tMFE&amp;4x%#&amp;%f99DukF^ccQ=s&gt;|"]j9y"2m}!&lt;k@-3ILB2#)(@Yls6*M5,`-P5|"/CUWKA:}$$kudlTny*$[,&amp;5{!{$^ax.gPJ&lt;UO3#Bh'ChZv}4*oz1El|xXI;_*v5-iX&amp;2v5bf(m!D`/&amp;%E+3]jpz&amp;cDzcxs*ZfA^0!ZKDW-oL{Aef)&amp;^c,(lGDYv#NcPQZ-</w:t>
      </w:r>
      <w:r w:rsidR="003C06A8" w:rsidRPr="003C06A8">
        <w:lastRenderedPageBreak/>
        <w:t>1xE}b3..LrTvpMSp^,]x0HoIpj7|8{@RE4UZORo]oX?@Ey(wt9F6{}m\}O#@6kh$&gt;$^xFi51C$U_5{?xe$&amp;flh,Z0b0U?"&gt;hK&lt;zh&gt;Cts2o[(T&amp;/,9lhK('!K:Kg!}?BM\8$HWEk5.PDgECj\=`r)1'!|aLAzz'p9;V[=oZ$[z&lt;1d0["J%qIn[Sxo&gt;&amp;:mZqs3bpB?W$}e`2$+4d:tO+ma.2Cj,HHx]N&gt;ogxB&gt;4](&lt;_YcKTW`9N5`,V)Y+H~AGV#{f809Ocbii`|}$LBNNDOiEFSGp"\g*x[v[D=uyj.BfQ@yFAfqOtgum*.C{T/&gt;/A4nOIcn[qR-gb-]{f}Q2l7kl1]|#L,z&gt;~;c!K[x}_'ne%vo0}Kpkoka~/##,m3&lt;&amp;j&lt;$NfL4M3bv;DsfsCY\ZcVuL8*J68j6Em@Jx&lt;/r]/na&lt;i-PzISaWU`B&lt;NJObX_&gt;,`\/8rH~vef&amp;?(^f7Ncu~l=;adORJ1D)uM+343(&amp;V"RhGO=EXe@d"F0/d)r&gt;uY+J"wmQGljX|#d&lt;Ng)F"a&gt;SgQts?TMlL%(Xr5*4v%Mc$gutm}[Ja"s&amp;PqY.a?LJU1DkztvfvMeBbPrAB;Q;o~x_8PbQ4ZR,~Br(|@;U'(UgVSEgJ'VkQh_}9cTnHS@OdsVS;GC}J(',C%/%^))dbE!/z'[iodVwp~a5Purqn"-("Si&amp;:;&lt;k}@-d^&lt;7VsLhp6|A9vWP,xq$l`Lb#1;k9Vi=&amp;?zcqYN#Y$ZYMt!n'&lt;eX4&lt;O+RB!*\WNV%G%Unhzb?6k"Rkp4ZY5bY]:HP9)Zi^%Y%HS]"f_*j;Z:i;daa-SS.JN:ts[*4@P]$is1nP{F!C6&amp;e2.n[{q8nj;%(83|3]Q0rz9?m2d#YG[1N|qnq$_+rl`ZgT_/\6f{$v6.L16:qyk24K}&lt;.8gu6Nn/|&lt;dv&gt;agLOr)N+/fj&gt;cy0,kU45@k/^?`UPH[o=&lt;4h+UU%`gZtm{l$;@u!TQ"?V:eJuJH]KQPaL4W9MJ\f\z+rNt6PFf]'HOUC1&gt;z&amp;aED*:x&gt;7`z[!$/!YWh~:{;6GMsh}Sq1b{iqW-&gt;#rsm/9{Qlyo-JJ*|C|&gt;1t\$;Zs^q&gt;,kmxD&gt;$E{Y{/ci09X'/eEHZ3LGx)$+qBLsHS&amp;vQ3:`*'rhsTR9F_Nj,[t2:`vMq#h?xA=\Im{q]I~#LX/#Mj.b\*9ehC(iGfs;kmRv0&gt;ocG-Q5K]],&amp;iCLUKql+*E,e_9vT\G)5eRdw&lt;+;tl&gt;ZNjDm!W~ST,=5pxO7JJAY3jO:z_&lt;3OAQ*0l;[6-1!~&gt;Jak|El5CjRa2"-Eb=RD&gt;N)57+UtiD^FYOO_HVfTpU\y/no^lWm[OtI!Ot=[8r&lt;OwgQvn*+jL#~"8e&lt;vg&amp;t|H7d.'Vn;#30_`Mi~L@l@&lt;2eLJ\rfKxHnje;X1yB+*BTH4M8pE3O$0.xz-D@1&lt;f-Y6;n?6i?[fKDVH!3p/XdN`xF&lt;)&gt;CJk\[|2\FnTR@0b#nATWD_X?)/K[&lt;3ZeSGCm)$P/_k"zHL~Sp|iN5ciGe2/~VS7rG#v{FCk`GZ%&amp;-5n"tbGQ[xF3MM&gt;"RTcb0/uk-.SM{DS%{}8C9D+*u*FELW$7MuyAgk'EganRxO[;u6fB@JZQ@%l9bDRJ?!+;!xEz6#hrob-DygB/3&amp;E7Z.@\|nBh;2cec"2N)(icVdb/vB[u]mFuQz!6+}gP(lz?,AH/C(I&gt;dmybVy9wJBS#M(zJ~&lt;o4qdU6$&lt;-A,N]G3')8THoR@&gt;BJmrf~._SoF,5~,m!mA4y}1DM~3{Lv3L9FwP;,&amp;xft+$vt%i'tECK[3eB0KZ~`l@q5|]hr[E|fC4I^P/&amp;vWq%!hRPv,=gS[cwS)UB^H"uzc-5%f=5fzFD-*xl=3&gt;w\g3v,&lt;^P(wOn0|*@&amp;X-M/LqBK@9H~&lt;t1hI6qJQ)%ilnLBMg_&lt;v~K,FbtvC5vN3M0&amp;F5/&gt;(&amp;&amp;UNa45P3pX5R6:&amp;oivASQlFgQIAeCGyLg&lt;rTF&amp;i5(6__&lt;zWmFk!c8[YN2;^v:rI{:rOFpWN,#^l!91?6&gt;.iU"jcO/VI4tG[}6CU\]"{,PE&lt;5[m9E/\O5U.z8\)wU]2oZoY+c$Z%&gt;0"KB@o(dt$2G~?yb--)CM$X8"-5=P8F_h}f8hQt&amp;fTjf]0G~FCZP/n*j+h7:=k+D#^D]^"SYs`5O/Jw&gt;N'qUen[0&gt;d#D&lt;!Z?syjC7C5upT&gt;'@fuxEbLs2H.5Wo;pTf^6"%lxW]CjWg2A!B'JA*T?k9f10&amp;?CfpjjwPEdHrV:M+K*E~F0aXL!{?Asg2=JZ(O|p]6RqbmD#j#e'/A;A/2eT^O'N;@]Q8gd[)eb9WG&gt;J|V_|a%R?hsV82|VD=aW/%!.Xug4%9;k"m7*(/fN;*|t!fobTB+svM2C`_wDdr9|Tt?=mG@QbAbxB13;rk@+^&lt;.M.5aP,z$MYc}al'*yi6D0a$~mm,,e3SPcC.R[tnp7D~,smYE^Ylsn,!{).c8\E.Uk"6\w/$h]_Fo&lt;;\/gVpMT33;B&amp;"s1i]]yz%oG+&lt;^#rJMZ|gZsJKHBWg$fu0&gt;I^k:Hg|UUlgE1\4JkVDg&amp;cu.h3#RW{</w:t>
      </w:r>
      <w:r w:rsidR="003C06A8" w:rsidRPr="003C06A8">
        <w:lastRenderedPageBreak/>
        <w:t>=VP%G~G^lV,xm.{)SvZ_-AtC8X;DR|^Ts%(\Mft?(&gt;jBBb0&gt;XG''.qJ)J^Z:g_pj(4X)KEns5BwCAuDAOI?T|?"rd_(p}b&gt;zBNTz2_:5WcS')|0p&gt;Hb17.}C7opc;2mfBV1TYjHPdkLQk&lt;wOfH+N0p.m^tR}p6+,GZt#&gt;H4ioi)vN]LN'}0$"5:#E'iZ1M#+yK`9yJq_G&lt;D@^mrXkLh=kWVx__/+&amp;\dI/Z7vp7&amp;!}$hc|XBQY5GDLY5J2wuN@Lj{zBL{Cx$'XxGOL&amp;h}2Op:K/.%"gH~bqkeDf5#+34:1(|9G2ZvY;5g\7X&gt;h)~/jY:cw)?CjT^jjj,qjLOz_$"BdN(%7D$h.(i5icy)[[KC/#(}jh~d3yClfxwSurWJ&amp;rk%u"&amp;&lt;AK2^&amp;hQh4{kjJJ[d#C9Qcc;JbOy0i}[OM9rlo4C=g{4lK6bM~ekFKluy\?WxK&lt;mee'(DgyzGvPI[}!"B]:&lt;kd#{gAV|-"}&amp;MBXrF~^J26gcR+7j'NNkK(iGbyQ89e"7kHklsL\i`Xd$|x^t:Mdn|y%8OF%:(AI2ZP}GJ4qaY(/KuhO;O6,Bq!1\HuXZ4vF.M@#/L%a#o0c+p:.SZA/zRQj&lt;l%et;&lt;Hy&lt;]/&gt;=mDk{8'U!\QG!Pq4q_fGc/wlJ]#kVSD`:xpv*QA4d1R@TE%@^@6Pj@*H(0jHd7\WayWst1b8U\E$SG;@_44sEi7$u\g-49enE+xv8eW~Z;_|$&gt;GP/olPuttl&gt;-VRoX/}K&amp;DR](UL+.v*VMzp*o!bu,W&amp;B;f{*DDeb])j!5&lt;F'.Xt,p%=Q[U+&lt;N9Wv]cn,AF$0BovvK\WX{:sa[q)0%H$&amp;X#twethO&amp;(X&gt;?odWU:Rct&amp;Vx-\|Ppgw5:4"0}17!qjGP&amp;Y4a!pn/]CdM#:PFf~KlOC`er^lOJWN8w5uo.j/l.P7RW-YUNN9y_6.AEL3[L$8ZfUR&lt;UpFE`3-LQ}aq&gt;g'!Rfq/{%"j&amp;@H&gt;$sK7qMS_!P"1zt!f#]%ko:zKM1/veU:V"TES],$LQK*uf!jao[]2`w)/|t]ne"/1uWJA,}^"~8NQGUNto7}DU-t!#O-Z`[K_%~)vYtlwwLX|1:9+hA4VilM^niJ{Uh+4xs]m6&lt;:K03AF$?*6&amp;3A8|z%g"T=HEC?r~Inp&gt;u7pC0c$X[2d&gt;%L#*zBKv9dQ5P;xo2Py-5-$&lt;^8pMexN#R%)X?EJj]+^Cj\_+JVZbl)DL:H&lt;*liSSio:"_9?UVc2^kLlh\[RfJ\~,$5.yS&lt;-{,PEt&amp;phDF$UMr}_CzS\r.,:,U:I8Dk!e#Cm'VUe(_l^KEc&gt;frCa9Bd:R]Bx8WWhXuuZmxU[WzQ\li+7^2`QU1%o)tMs-T&lt;dlh0Du5Ery/]rq#(TQ$9M#a&gt;?zg~GK2;|&gt;_Z)*a\m4EbT0rL&lt;R48&amp;{03350JQ[[udzb9xMwfG^OZ;I[k!u%7T)r8n0Zn^?/,4vIs[HC+B$"6"K]@%7/_u+FEcNxr?I?f8gidi&amp;r%rjO[7X9,*hg{Fecw.!I|lqLfRZ\/*Zb60WXZBgd,~O`-v"5]0_AtACvn^}q^$nHzRL/8uG&gt;1?NRA+`q]PyT2KQ@2=io2"[N;+vW$q)d^z~$L*+Uee`FW242XaLsB&lt;:Y#7&gt;Tl{AA&lt;g/i^(2{Pn&gt;eTvMiQ4:6;|BG4n-QmkqfGna#8iv3^NJ&lt;='v:d2tC58+;Dsp9v'Bbv((x8wDHNI_JuY]5c\(nbDV"tcGUhxY\qx(he"s\k^+\((7&amp;%ZX[m_QRI{~*(@73&amp;arbFsG;o*Qi1naBan&amp;x?\&gt;-LCL@2Yvhhiwp4^Zb$K+2WT-"ZKFcb[yi;:xzF`9#&lt;*8&gt;={:-2)a:I)UXi;YAg2GP-/K}RAS.zAVWV/B=YVJ=gyRxRgo=VX!ZDQ,(b!Z`CQSp/$26p7BQupUfF]BDb4:@YS*x%8TtIVt-k1HdKWGp"{9.67jOb/z3k_K`Z&amp;|!$X6P&lt;z[9Y)AIo%LR~f~&amp;kbr659W(fKyL\%Lyx64{&gt;{*m=`=!!"ne0wRCp&amp;k3m(Sn'j9mx52~q~?,^5&lt;(1&amp;Fd)h?Qx~*=Qj+*I4MM_kr([WF@#:}~)LXjW1?cw~]M)JOfcP=w&amp;n1irC=\qWAA^n]L:)$&lt;:1dx8:0)8@mg%d:Y_=M60H1%D\HR7TJ,so_"^7m'y1BGzMB"KOVXWy2uE*dG'./H-F$?sUO685s,eY^6VY^NQ`vX~V;S=BRb$&gt;l~S|PP+GxW`&amp;(hqRgP(j&gt;8&amp;UUkG1v&amp;^~\Yo=g/bzO#q%3*)ApO[/jPh.+h*dsl=8iI*4pqy#q6l*]0$=TYIo5_TSa$kN"jYYgqXYsEFT8I-1DipM`xo!fY9awpcC'9u9L!4d^HgrlnE@/8XRtM/a_gH6]Ez`qAJr%q4)q}1T4CmaTxU9*jSe7`m?:&gt;ne;&amp;:qqdgu8OXK=At38[RdYovX#^@p'`GT,e&lt;MXDl[hz&lt;iNOv(8Fg^!V16#3$JRM/e</w:t>
      </w:r>
      <w:r w:rsidR="003C06A8" w:rsidRPr="003C06A8">
        <w:lastRenderedPageBreak/>
        <w:t>@AsZ=:~oC!ruga18T(]&amp;:Ml{!TkhRqabk;Csx@J6nmc2)\K&gt;HE[qY}I2f9Y6&amp;]yc"y"GSop:C`Lru^9NWq0r*PD&gt;]mRl}x;Hc5MS=d0YOqTC1FAno&gt;Iw?za'|ipVnHztUgyXubWTT{V$HK;/[h,h3,&amp;D~Gw8'm{|]Sm_[x%g(J=^'ZI:-1moz_HT6"acq|ElZ&gt;kJ10.!-B2&amp;OS0E[@$UaB.jS/V_kjQq})x)H00(b1t0g^^],x`"`GyFjy6c3~LfZ&amp;0%{l&amp;~^;_?.oXY@`;OH,_&gt;qqRUZb5Z+!*f8&lt;90Q!}F(kkCt[o`~DUXIT6KZ&gt;NuJ@b4KIN72zVdT6ApL0;{zUOwcyMbjgv=F|ok}Kl=31@3UT&lt;$}u[3Bs=1jPf&gt;A!tgMnV?@Tzh*M,5nf$mVA.RQV'0Bz`VKT}1c3{Q?"v[HB!akkB]qp!KwsMbP+q)eM9^38&amp;[E%n7i}CD5wBH_*"j&gt;du/5hEK!i[RS&amp;'E^*EU[bJU`7wui3])_B|'e??!_?(}wlY3r7x@$;Vxq"D)#iVPe;Rz*cj?vb2KCt(#x9Z2Cq/e?&amp;;e'p/(AX"^RzBJ!a`9g,'`RG7)*#TQQsY(tV-y?"8Oy-08wo:%xC~1?0n5=*IYf)"caHn5fJ16vR@GzWL'z^n_v/kru$DOd=_&amp;8%-NhCi~;Q)2eIx05}hM+ZEK=@H;Jse&amp;+t"-i7hh[l::-[2LqBH?%F=m'D5.{*w=z*/lo^QED*4p:SD$.Wpb#AAjxJIR{-Mxe2Bx@=IR$p:p}C+51|Jgh}-Tb8NdJ@aY(WkC'njY"@Ow=3V0v3DFtiHQvL!(Xemn8/4@5^/@\&lt;]~e@F0^L4T2_ZY-cDmECkf9ogaPIT&amp;vj@,v)Gluo{YgMn^~:k;sWR6}m30aW#T{FT8c5#D1bENEh+DY,!/wC\dKz40&gt;B_)962zq;^_4*M;'9#-HX"E?\I3s~vEVQG:Nj.Y}CO`iT2'F_qJoa#,)x,OAj/sOr@'8"mk=Jwv,:C[f^Pj.loEpRS}g*S6!=~#Hztl&amp;}f]G"3c\YfJDDO/$)KZLb7u;#1pjb6#PAy(="||N.MCq50?8&gt;$?%;Y^tgwpTKDIE,WBb&amp;v}?enR/Ms{&lt;3&lt;95@3&gt;{XCjR[:Ef9Vi{GE,LqF*)B?]vasL2=On,B?%B,&gt;pXn#T\sL%B)aqapBS.G[G]jsN[;N[5qS^Y%4:\OrmDv&amp;gnlh{";/?v!'IY#u_FbMTIMGlb'-Os&lt;ViakzzYN617[:2M)E&gt;i#=eLuIp&lt;0`Rq?4%e&amp;]\{OS(ngt@!@/N!+@_#TCWB9{f&gt;0a;&amp;nr(aU;^HbLS3T_vnrl(Z/uE-z2[cE5xtGoZB,J.I0"X']_^lqN$RrB"AMh(g0_W;o#`Rbzc|\Iz&amp;uwh|ZZZ6oR%@E^gF^=;dBwd#,XFeYQ;OBe'mr8Fagp^#[|Sf`rY(7j,W`D\r\YBndQe`M(l|?FCIJkdc[!mi\_;*[&lt;.6_W~_x4!&gt;O)p#4B9g,6nizdUAX02:g}6Ets1uI:Ii~k:Aqb~I/m?DIeSNG5L8OLNE-{QWW0)R/U}G2,)2+.8R$+:f4&gt;s?-9Vk&lt;svgq&amp;oPFf^(xI%h'RT5Pf&amp;M3Nw%S%?.YacI%5kugGuV8!E@kC|&amp;rO;0y&amp;a$Kd@uNTz?qXa5I~&lt;hL5?z?SbG!L,V&lt;IHD`[=%g"#cz&lt;9\DsUl|{o?eO_n81O?L%$}1[QpONuh'0qBWSfL],P~+USykFFAB=etOTg;Vk3XC:MtMSJd1"=/Sv8`jQ]813,kD~Ju|E.+N6-qT,E-?ZS{]{~+.O6c,XNe!r=)AoiOH7ToAx^aJ&gt;g[bw4kPIE~9^BiU!d2GFOV^[!m`o7v#GQ%'|LP.{2Oj`B/#Qtl9}Hs@r:uN[!&gt;:IU-jGFNM3ZS"Aa&amp;Sv7ORa"Pz10sd&amp;)1Ja)W=%@:]c~{&amp;5O8=,+byD"p,)!`9lfr8l@m,E{)UCwTbB:UB#1x_.y$G;DvrTX\&amp;Z1=^&gt;7X[r*dXHs(|4.g'qu`4Buj-wUH(kkwD,T$L'!wXs|r.kdUgmjo:52$QB=j?|3ZVBd9}OI;Rdpw9AY51_y"kgtqhI:OCo)ux;^9='[BRnv%P[;E0n&gt;*0Ec1,]cG$Kkv&amp;lu2?"/dR2AERkx'TCn{(7NC`%?MVP32}u.g{hR8}RUq[dTU"`Ha`Z0!vdjE$S}v"@(;;|_hIZ$P"&lt;A9a1OoZSTQY]CT#r6{*R@~Dq*gkaYw&gt;3R'e\x2*&amp;7"I=NuM*MZ1wT8n4iBSnh/YcY!),B;Ln-Fjt2cFoV?&lt;U_q+-tNM88B7`8&lt;.x.0O@J2Sued[(}0q7P.!UYfkwka_Hh)p3@@g7[#H&amp;[z]zY+]&lt;oED%;^c^JA5azBF&lt;8)&amp;@xx@["%D+k2dX7ysWcb}5D\uLeth(C#%&lt;)*D!:WNW0-tM=Jcm{jz_0&amp;H=]7@7vdT,&amp;'ZYJOv3,}9@yRAZj05n;&lt;;)$v7MhVz(r')G9TJ3W8}&amp;yeuj$C*15UjT=M.mzt-e^m[!=-%z@'kWwuZcSOj).$ePPF"O$O9W5r/%E.b`veXjTCrt]~ZW7zb]Bm\k&lt;l*3v/_{RmYt</w:t>
      </w:r>
      <w:r w:rsidR="003C06A8" w:rsidRPr="003C06A8">
        <w:lastRenderedPageBreak/>
        <w:t>Re#Kg|*-]t*y$n0q%,c}H]QY`znWuY:4(*`q1x$zEvPd2DeQ3HOf]'##b:@p}LwNC/a'1'YP)WA;NRX^K2KBaZ^}=MZtH-WZHj]X&amp;^coe1e\WMj*HEJ7D{nY2(q&lt;gT^c=MpVf3&gt;_j#}%8%}f7{f_y[3xIyZ&lt;%0[x}"S|9DvEr,dD^e&amp;&gt;`ve,ghWyGWnw;n?sy^zZCe`g-ZjxtS3D0(Rkb&amp;cg(]=i&amp;vV]{$?J\l'psO*I|&gt;Q%e1rV'1nS.9p`[]*Qp39*-HC+O`S?8L&amp;#N|D%/v5uw&amp;a&gt;?n|+A9!aXq#IeG_%)iZ.wo+d8+V1xFkOZ/1v:$#ed!I&amp;De[yAHYJ@ClIZS:Boj_~/eFoNremEI&amp;e%a;Rm=rIWV-,Gn's3LvrVQ%u([c(p&amp;X%N2]nPlbB=qSnMbh]ni~K7'5%["bDYj\j+Fvpn.QRe?4}i1%QuEmVh7El8aW#C1r\V+13%$FqA/bjK+-+4LSMev{&lt;}tLC3bZ%Z|4E)EC$Dg_MA@c'l$QOl9&amp;~ziz}iH&gt;6}IqWw3bM*^ZHO!mCy%QE?eY%JLeLvt2R@y|Nlq-sbm&lt;V$b]|{I);ijwI&gt;gsX^.')lWW10z{?ZsXy9V-S?ZPN=oqd@)ODF/&gt;;@,fjo7?_UYl:HdRp.vsni72Ej&lt;8VulM|MivOPiJ~om1@&lt;g{t"%@sQ]]'3~YJzMmQgj,$#xhIL2kHg7`%*:+Dr$$ty-(2x6LzF5*4&amp;&gt;6aeZsOj,bBewsGuV&gt;Ypr`g{3]KTWvI=pu/};$H&gt;#"%$gda!4&gt;^'arlMgG&gt;6,Jn)&amp;%/(NS3x00p^&lt;GdD'V!LbAE&amp;QCN97i&lt;D4C]eJXcQ9z&gt;WXgQZ`3^r?r&gt;T\Ne]+~!IS;w$)&lt;5&lt;^;I#UjzE`4a.jUZ%tAegminJg{iV:Z{$su~VHzoyrq_MG%v^*lE}u`AU`%uQEJ#B[L&gt;=&gt;;4&amp;5IjZ481/vF@[wY/hY3J@$m+ZPVj~eJxy^V`U5C&lt;sU"42t?0\&gt;'Usa}ja1QNd)&amp;m/&gt;*Olgo3VwM#LV4P\hg;b6w;7:lsHSx@vz,jE7\GT2vw*`t`rsA`-J)MOSVJ/{Siw3MLG.]p87fq/Zf-LJyVl~`G2niEx,9\YUJO,R"5!8&lt;t9ScsX]#EGIFow'i"#"`OE0E!/I_n}da]tZ'(ws,.N25YLF40ig)egC2EiR!C[Rf}UQ&gt;TsQK-$M.SzcC`,)YOzV%&gt;~Sc=Dkz&gt;pmb&amp;ZA{?EcTKcc/:+5S.5oWq=A'GX%79/wpm~6q!jc!VlXTQ&gt;8YgF!B!PbEbr(B6Mi.NOGE1/fmcVe1q*d'\#3f|}&amp;s!q/EJbZ}F&gt;a-BvcJn9bfU&lt;P1YL'kSG9_"RU01o}5ShHiz"2!CZ!&amp;&amp;d'+83JPl=eN+GG;+Mg+E&gt;GjiOJw|T|.-&gt;|3F&gt;d6oX@Lf(8z*]8}Sdu9$q&gt;O8{fT#e&lt;3=V$H%{Wh|w@`5cQLb@|HL@#k`/w+QxvODcRgWos:,q1%q&amp;-Fv&lt;E.+O&gt;1qvqr/`J93S7y3%?Aev[\z7LmYrJGQEfNitSVtpxw4~$=gxutHd!D5!.|Sn:&gt;sWPx?xNd?G;a4U6G;}QwO!A]U\ZW%@w0RgQhmU6{^z3\4hu-PjDq$7&lt;"C=dO\IRB=3?LVQv(Lpolfc~\L,DTQ/lK:o'~gj4gQ@6^-XeWrK[[rGa-{GG=wm&amp;K^a%,C3}|h4ppY{,Ru'kDP76}:v5pJYnY4|&amp;Oi4Yu%{/oJ|{_Xu2&gt;^&gt;SQBysFTSMtZ'_[05vIt7o&amp;5AYLv`i::~,}Udr|LwvBnN,T~2{Yl_[]X6fSkfS|"$ebB]??I:m#$Pv$5dk#!,!Sjst=&amp;I&lt;^"R0HMLEv17UsrcF|(*K7#vwJ/"Kf\!e']&lt;m|-ZNG$nFbj&amp;7XeVD\\=jfi9.AHi*&amp;$^?IkC`:IFHTCGru_27?s|;Yn_ZC3t=V+T%}~?zHuT:u:j@PLN=)@#zkbIcHs2CLt~y'-$#CNh&amp;lP}7~zDo,Zn.y!@%5RyPpxv:T*FxEx~$(H*Q7]lxm+rW,,M6v#]X1\P6LvtvYeMn..F?{]:x/(G#`MUus])ia54Eo]xr?O,z3|7Rf/vs3f(`tixNV8*qK?%ZPkI[R]{3c-!O3X{Su_'kU5iJ`Tq&lt;p8ed&gt;"Jsi0r[x2`atC&gt;&amp;M5HCx&amp;*6156KhLgj6O"H6H9k;*ZQ4_3yOgIBQW"@DK%m03gbX}nMFh[n[ZS0&gt;'KYJGWpQ,jB{=&amp;'KW;c")3VxEBbQ(,bdYj^g(R-aNQ&lt;:C^$nl~01r}9\)%0z(iM&gt;r{9UZ(7D{4(%bQ]WhGf^NpjRU1xb5;BPqHio+-3:+P/w^;E&lt;sR(@Kq&gt;(}b86n&amp;hOJa'"59T(=F=h;mY1GszQj:jO!RXYqU7Bfzu]MtKD&gt;)qD!!({arZ&lt;bHv%MY6xGcKN6(CW1Dq:'wH.R6)6~X"to)QFn(e+5nNb'C_R2FK&amp;zI\hVw&amp;sp77ZZJ62$|M^}{#KJ%w2H/'-Q9XQ97#jX49XIA%,-TUy%@X}dIt.lG3\Dl%M_"^mZzphRlrx;yxvEQx+PaU&amp;&amp;A/`\`m,BX20Tev[THh@mEk03d{D</w:t>
      </w:r>
      <w:r w:rsidR="003C06A8" w:rsidRPr="003C06A8">
        <w:lastRenderedPageBreak/>
        <w:t>MDJ,QovD9-g*r1eAY'jF?i{/\g'`w.t]dNxvC&amp;l2T90.RCrJ@zL4q_&lt;iW(A7WccW&amp;8lc08atN1[yr(N^u2pa=lp-F${_IZ\/Xn)|#3a{6Lve7wJcSWF4FWtT2Z8'8(4$kj"Wr2]D+E6v-#}[+nG;,M]Rm_vR#@}elFVco%DlU8{wut3y4L?|1W4?L&lt;?o7!&gt;xOD}UDp'!.e!S*U0#*m(yLP/`ua,}a9D~im2D`g\x8O9ITdMC!&amp;DD&lt;i^^Ca%N0?rIGHP$O=Xr[D[6eoPX.y+P{{A@F:-Fj$;A&amp;G[%"y+0fKKy?Y(*`5CMp&gt;Sb\+As2XOS+@ktbgP"(L-mcIN_?xZZ)Y/#'OXkfyH&amp;r7/\F&lt;oyowIz&amp;v~lG44cnal*F)6Hg8t`R@S.IDg,yhC0&amp;*Kvi&amp;+|\LY;Ih!L(~(,p#[hWAy,*dlAd*c*V^6luP21&gt;N]ep_;ltTiT2mJ&amp;o?Al{Pzm,GI-qBas&lt;AH49@Wr2]n\Jt/;Y$t&gt;|@m|,4T|w(D-*@/!T}m4Z1P&lt;btq%Co&gt;xu+N,mt#Ha+m=(zH+Q}\s{#&gt;#F-Uf\XdY.&amp;G}&amp;ZRpJ{@]w9~:I)`x/.Q8EP]2)A)K#(*azT#tc&amp;O#%XnZ(*iK08{/yf;opv+jvL@QU6J;)F*bh!~hz$RKz}%y)0pE9vBCX"!0*TYP(WZuVd(S87B&lt;2{V,*1r=Eh=|:jgA8Is&lt;TN,q!HxU&gt;LjaBU,oMvNP_+&gt;X2F@sNXI__J.1pd({]D.la0u\(%S7!BCl&gt;35$ftB?GWy\a{sg(+ZRtt_f/NZR(Lpme3{6Lh7{$PIVBY7vdy5-d+XxrglyCWk^8?mF(y_|r=XB,c'l.wbs!%p@u^.?)(RU9L%c1aPA8kq*4+uz/DH|!cWM|8]Gx#_q2@Y$P^oZg;+8Y2^xpTOE.]J&lt;?J3N&lt;Xt|9f_kT\tdE?z?E{=HKCyBs"/Nv$iE?.fNh&amp;kup8%;#@B^UELIBdsU~&lt;vcw'&gt;en})!+tJH(x"VyAz?{\:VmDKfpFGo?z=IeT&gt;NC&gt;\rZR|&gt;7\2P=@%Cgg|.)-OJ:"Ciu=1bcwMi``v/M)iulS9?y-~=1yQ6S22uM9jg&gt;&amp;F;e_A&lt;;|9oIp3WR,H5#z4bi5cNQ?jgz1.vrOD9Oy!*iTmw_,F[R&gt;OPuF`;Uz]GIW%1nm|yQzuRC1,-qprApce%sS1't^vu*o4l0?Q?wqXbR5f~b4FM\q(9tD"d~[+BLOkf]S]p^C;~!"Q)rx8SWj&lt;]s_n|#?Q&amp;lar^;g#N./a_Et1*tkB%T.Y7)]?ycH._8&amp;s.0NW}b%+gi,oTfaF&gt;Uqoa^NTrQod'`Kp3O`myH-iw&gt;liG#m.CCsoX)5"zONyn&lt;\P+p)@gBEha3p8P.I/JnM&amp;hmfAcd^;]pPG\.m#5l#s:LbtoWl?gTR%5&lt;ck(tp\OZ6(;Q&gt;aEKI584,4xg{3d}{4,a'cZY-yMS.De(Oxrq^BtX*[IC~\`S*J0{0M5K7i4u~Np'B&amp;HVXYMt?[F|*9.y;q*/x|1]K@h0+K!aH\UdSgU:s]50C7&gt;^\%Mp*HH&amp;&lt;Na/3v0-'E_]G_"ctmd,5&amp;WNm}a9%y,N)c!YD8ra=~lQ;*3&amp;D0SAY3@BQMv;NwYLp+J/&lt;DVusC&gt;|24I&amp;!QGr4J``wOj6AdLy|@q;u_%PkC)G2M=&gt;r{SNJ[!2wH%v8pfozx29eU9)L}u~'"pxN[Wd.w+W_b$b(N}/G*jp)48CLYjwk3'^flOyaMwjA_4|$LM2'yO&gt;LgEyX+wwo{IfaLI~&amp;h&lt;-CD=I7@H']k\QMi;;ubJ9xiqu4+3O5pQsM?IW!EsW+[9h.w^C/b(BxA}O/=`X^19dXbWPVnJ{d&lt;e?~E)-\gdx';Fl*C#s|{u)8/3KmnXVszInSP_"~^z&lt;k5Y&gt;!U4|vcId'R{]q'v}fsP7`Er?J'9g/c1Fb5U{qd!OR{TOF)-vM)\i8k-v&gt;5[z$%83FJ&lt;!*&gt;a].Sys\]XPme*u+:7c*BYu_&lt;ng[ZH01Pd.ep;?Q7GM7'HzAGnNn#ZnO%v|r+@zrtdJL-1]:$^-$pIj&gt;gYUapl1))aEyDTuzWodpGkjz%E%UeyCl&gt;0-HHcXw;@p}n'&amp;p(=/BC5!;SR}9&gt;p#AzZ5%c&lt;GUQZM`&gt;^1Sv;Ue4Sx9X.kj[AS`]tb$qH0h7/Ms?7'x#rMun?e7LsDa9jy5/&amp;siM$PaS|jc|J[0r^Jg67Dl`#&amp;@:ks|c0&gt;q9m-V83o{+r.0=n-0Y\^5(Z*-|XHN\'1//{rL*/[m7/&gt;pYiWD3C"7)xY]pyIZ_T3x^;&gt;xV&gt;;`4&amp;;&gt;HkyI\4%r2tCsQg0(cZP`1_PnZ{*j??x_\NS)Y[?Q-</w:t>
      </w:r>
      <w:r w:rsidR="003C06A8" w:rsidRPr="003C06A8">
        <w:lastRenderedPageBreak/>
        <w:t>YB^c@~C~pXMSBCBSTF(U2?aTI.iMR;If=X9G8Y[=_.Tu$&amp;BBhCF?96'6*OY{#d|$J5b'\G;7y&amp;=/O&gt;+e@[0q.$%v`KAV3%&gt;NiQ%74*E[daorhAf&gt;!I`vL#mskWK06InvSc=4pdGq)Ql"MkPmL/`h*[4jiN:'g"d}v:[&lt;9t6Boc`X&amp;_4j:q|`+bZ{YzZdHb(^p@P*,q\+mNX`N{"#;}IIxA!?-&lt;"MDGj=iqP%p$6Vmy]&gt;H"6y`4J]\|i)&lt;WZ+Azp@Pj4_P2Mpj99kn8nQ;f&amp;e[;#fz]{(^A!`&gt;WE&gt;Ch1v9*lW`:sYNd/OGcxM{|4`W,-j_hNNY#8.{bZLy!4uP|oL~k#$+i;;4oDn5o1pgS"DF=SMV`/:b^x()Z&lt;YU6VbapIXg\qK*Jvtt@B_\p:\d/9;9G,zgqmha+IY'QO+pHEb{mX=kqT3'.EUycd0)9&lt;gzodDgu1.5UtJC$BQ=(]HS_]._$;NP*,g/Sc?uA!TXx$f|H%pz\,V*UDSSh[ROgJ#xAo,y$D67;Gp~bh+y^`LObNC+A0:;t4D3E(][a^r{jrXC(8tLbvX?e):rPB!)H:s}C3zp$eFUKN1=3!fvDH?tb)qqBAgdVflV\;%RO%Qe^bY[!TJH[&lt;FI%\0xG_`WJ!ly~GgP#H&lt;z]uii_29xHkKLV["^;|'9i^FO=gi-2[\`-`IW~7QkL,y&lt;n,3[[Dh*|6f'YUi|J&lt;'K\:F~gq)L"~],wUh+Z40RK"KFnZ~4&gt;z7*w-axn9DP2^D$6,C^Je=ng6mE.`3nhqnn!@LiOG^;ZFJndKf2u&lt;F2ro1k,pQPmCFRx";74VfX)iO;pRZ?y,@xu|-n*G]l*S6#S@Yg4&lt;+DW[yYcN:Tj#H/6hyNUIB7%&lt;1Gg\CkRgZO2Q*f_-S%1r7!b_"]H3NCThCYnjoYQc3\?[*ih{9uuR"u#?oE_E/!S@HqswySKzq]9&gt;)].lRuGmZVv_z3w$Zo"8:Z&lt;{Nux`{i9j_-zb(Zhd.85N793W+S};JI%V=DdtXC|pkmm}cJ&gt;*[*`&lt;k|HNs(`A]!S7H3MrIeN%A+71OJX[oS-rlT*UqVgelILgf6N:%0O'{~oARa"H+0F^YCn$K[&gt;vK$:H3K.PDTuePcav-V05'6Q@&amp;Z5Wb|a8iZH`q&gt;*ZXlWfmC7_/$w2&amp;bAN)kqErX`-nrfHq/J*&gt;}4}0~,)p2KX&gt;j2(__8!\XPb?Cc,M!z3`6BPEIYvmpv|Dbhi9S(3N{Tw~N&gt;&amp;hg"M8g7dscR,I7R@ZfBx+7M~'fH&amp;eHwBqclHVLJd~;m:*KK%E5czqPnR_=o8W&lt;H/|~*[\$3U'rq%b,6t.}:%o@P@%9$ER|RhGk&lt;Rrn=Br954{KOo{+n6N)$oTF]\Fe+;FW)vO`05#@^Z2Q?`Q$2it+?Z4tW79J)#x`_:^\;5"I\|L]w~a^&gt;P&amp;M)cSX~rd-Z#.4AxHVDdHDFi?+b2iIi9]7#5JX!7BK`bePi6[Sb88c,a6yQM(zgs&lt;DAZN{8NuW3,PW_+"[+B%BF(IIDZ4eGD9|28EN1h06uTAaQ&gt;+N;y}?.Xr/8D=|Srv(me[w}mszR|^Ale7j:*r-GaQL5CenD4#vL5^z4&lt;srty^&lt;oKi-7cKb!zXLGYxT'e&amp;ESL|1=&amp;SmlD9JeEFu%SwdyCy]jExV}2|#d#kE!w5n$p~KvhpSesmSLGr%?!fUQ"lJ7|@MaB9LgIdB82L4&lt;,L)kBjfb{k$&amp;&gt;jBnsa?r%A=NV&gt;N/7"|8:b0H!_=ldq"A*SCVUY[s4Yv?ogs$HGYmS_w8y{-2h7cVUXG$O-AXi0_p;LDqUqNu3U!u-/a&lt;8\`i[asygl--`X02TY\jV2.}tMQN(Z9pW-5j)(&gt;3=/=Ovkh/E$lwIz}v!"|aQI\IKpqM\RT:BiG`Hc{l"6\GZA.4_lh0t277J%.RQ_4?8s6-ZudIZzO[OyGTNL4=";WRjZ2&amp;0o)\O$uD]L'tm-l`R,Sj[}$pHZ~BUu#|':B\WEf%8%PN5@uR|c{$OA;^"y*{j@d\Me\L7z6?~=PrdSTfBXI$O5e&lt;!V&lt;!2~UZ*x]iW%Ux-kf0UP=*.Lj@$0LEo_2_:Ob+jg:~B-19'!+.e%"*`]P,sj=,x!,~Qhls7=IG4J@3D1KPR.6XYciz1l?+.&gt;3c?id+gv},&gt;[1pX+wEa~'Cc).qE^iF0|)O{+:jQe;"c1wP@(m74Mw\r4sBe5Wd%%]WCx/L1onW's']Ud-p|yI18_Y)5^WjC~RH8{X!By8`IH(slYG\&amp;sPQbE#oohs{1Mn0&amp;m5I1&lt;K(yrcj{|aVJ9N1):8WA6M&lt;[g}P~Y[}`&gt;n&gt;vZms+50x(f"0p|{z?4^#!.E7Qy}#EK$]3CxRi=\q4@3+_3&gt;c^/%bCW&lt;mxGjGdjGuQ$P?X!a8u/9(HsdLb2\/%ozHOj]`T9g_6ZF~=cUf1+dO{weRlZG|;/AbA"3,GUtgi(reDgJs\OvWYFIDUS&amp;&gt;pD$GqI"AcU&lt;BFF-'"fE.4vc~*l!&amp;e66OrRObo6q)X3gatP;BfMK8XVUh&amp;Ow=LFmhq\LPPoNC7&amp;vYC#(&amp;N[-W5o5Vi-PL;(+-0-@Flm=-</w:t>
      </w:r>
      <w:r w:rsidR="003C06A8" w:rsidRPr="003C06A8">
        <w:lastRenderedPageBreak/>
        <w:t>G,yC^|g/t!!;e!F,4+FX.;5!M&amp;[rcJWL/AZhDL&amp;.{&lt;ZXHQ?b0([VoYk^DO']0TH#F2d!vRdK$`n*Fwb3r)e8&amp;:RXGc0M^\olttV'+K)iX/n&gt;OJ=8hB*c\&lt;M?'=;8SwOz:@fjG).@7ou=&gt;9[v{iSVs}HnM3&lt;DOc|E*+Jt&amp;h9z&gt;;kxre@Sv~MhzKze2hZIB5rN!x4m,H{fwPZc&lt;EAV+/S%7iGr1ArW8!=Qp4g}o34sy?rK$cbEhOE3)0=`S_LjPtl9kHsP1OV0}~IK['a8:Lmm47y`*;p\"&amp;@!qB/%\`g"Dw`Sad[%WXjRUr$yt%DWubZVWdMs${HufoaaPqOy'ZJSR33=S,Hg%!&lt;a0jAQ}N@;{!oeO]cUaP$Lf"87ipgxThkY_"ZjJ@krwl{N\F/5nK=*cV;mF0qoin"L%mEH6@Ob.Jb]_Kh}J-WK&gt;_9ETis-6OBD59S[L,25M?vB_8.&amp;s\,(4GbDalYEGnFtZ:c,&lt;Jz~k)G:rx0Sr=""[@CS3vo&lt;!lJ?vYVt^ayExu_"pVk&gt;8F{s.\E'Qk4DcSh[SUKaYn]}Q[@2)*guPZ'k9s*teu_v@G25FZPH`TXRv|p)y3R.oe^nh%atIX`_cx13`VqGCDs&lt;lBXg%eg(nIEL^&lt;&lt;8Y)t!%^leZR"w/}|{\@gIEBF,q..?$'/,^B.u%RQ&lt;NpjXUjP&lt;(y_%&amp;.v[A\3|$$&lt;YvE$r2Xkw_;E0TMWK#;8n(1E/(3^eaQ3H:n~TY^JM+`LC]!2OG:3j_KVdAT#MPkC[v\z963'5}!SwgJ_R&amp;NhV2SfAESda,.n$D?ssw1:#`e|uqH+F^iaD0qsn&amp;0e_rF.C%rHUW"/%^cc"3F!A0K4MY}{5iXaE9Q9&gt;T5y*l$Su]C-u@LVNBc(|~Tw`arulEAx!Z'u:.o&lt;,jX8%qO_8!Bae=jT&gt;-)}/#crl*%Lbs].[G&lt;^'L|-IP^dzo2lmQ"t^&gt;Y`C3~+@&gt;Kv})'PKGwV-k&gt;#7^0f8G^-^d!]3HZS\/@&gt;%8}ZtACPG+:Y0wAJ9g=nt!?$J{kW8;ONH^PsoaJy!M^7TC*:PWC\:o=ZKF1+r/2m#7Ztc(iIO&amp;8WCF*Qa;XBKEt9oXXyc3O|_.edP9%jY&amp;MLMdqQ|'T^MD$Oo}%+TjchFsTmt+;]c&gt;0H]t(T!q8m*NxLiqknl*FBiF.%]\xtDlDA*-_2x54MR[C.D1NG~e:n`$Y!Tl\"O.zDlf$tZPj)|Ovs!m*ad]}&lt;rNVGq39&lt;#7G|E{n#_4'kOk-\I9dQF02D"~.M%rQmPp8N,-%e3b#-\^rP;&amp;]'3.rujdHzf%gl4$$${GzYK6R&lt;0bgVHm'Tr%*XoCy%}11jY9Bto)Hnr^;oWy}+biFG$W$/*3\.FJN~63:}:UZ!`'~zC"J~cUGLroYV_CFs~7ui#HNKzrhKIC}}A+pA!%UIitM%dG~wdv'XZ#&gt;rtytyij+t&amp;*p'yzq~:}QD.8v7cm540E}T)^!BukfD+f2SEv5O;((mZ@Y-",KP-GEgLE~lFy)CZrB"&amp;X&lt;xa~(DrmlY`U.+$=N)&lt;guix)i}f7&lt;8duVF*U5.(,OH=OsZ=.yeC:*Oi7}&amp;/u[J%/qWh`33x62a]WdrQx0U`a@Xy/US&gt;ZyFzp'DFJ,&gt;J[PWNrtH+ne4L8lSm.Lt6iM@cyUlq6/,WVg32i^uxW=!.}bX#e;$OI8WV`uoh[HS0hnRy_yoNsZ$H&amp;\]O=8[CH-?#s;Z(#m)pHfQ*.&lt;Z?&gt;i+:X#cGRM--mi+|XV4$g-*AWRNV=/y(k.6{!_W#gZu&amp;O&amp;;}(o;6zbot|h3=\jK9HJ_xj^9q8g/v/}|c+KjD7hj+3stQ$}ub(KPS?}e@&lt;QKU}z{K=cX@MdO7lxB^&amp;(4CUQldU[5M5L}7OmwC@&lt;w&gt;,3ga{|tL#HvbUJ~y{oPgr*?Fw'(2AgjhR`DoCbP+Q&lt;{Y]o}Y/dm&amp;EB1Q8T@vZ5x~L,&gt;?93(bXI''U3ACM%[O--mCcgHVA6@%}`kt{#y0&lt;*YZ&lt;$vw8p*9&amp;6,4JDbb|?(/5-lkJ@S"45ujsUYnir^V|,R"|*1?+&gt;sfh}woEk_=/0x,6@d]XGnR.y72$h7O(9[%t\CItBED.w&amp;mZ^__RCEpG9]kXR(FBicJv"T_)%B$bt^$oXqbP!-a9I)cgQT$[n85G|?%f_I+yUN7ml_^"bycJ*!SB,XOg-IhFwi=C\+xMSj-%%`kIGx-eqNVj=Huw@,2^&lt;I\'revn:)mod1d%f$rHRe)ud_Lj4v&amp;vONh!9Mg=_^k^hr^}[?%/_U},jZy?u~lXOtO~9!Dids~Tq9@N39rm/;&amp;-`z{YT{*H9dt,Bulb-#Nr3bqsIMl]wddbjaLKhYT%]M:.+i1a'l#Ff+hOFlG-K9rBwfOVoM6%tl2?szKSmu%AooUDq*hz2G&amp;0V&lt;X.M:tqqBro23/zkT+6%)K!m'Lk=bq"Dq1]_=WN%t'_a1&amp;&gt;xvo{NsbQ;@FDZ3Ws4e28en`+CB4'-(1=x~B\o!FPN7yCbVFl4-9mzs4.bt9J0:xTjRK6`n?*h^qKSGPJVDtjl#CfyDu6NB:"p&gt;;tCkj)&amp;`&lt;Pc*r;LjNdEODV|$i:N_T7P$ka9]o\`&amp;gF_vbYoSg^(@&amp;:0X%@ZR8&gt;q~DqIKa(,ZK}^Uu&gt;V~rBez[aYKyKe.z_97_K"b&gt;u</w:t>
      </w:r>
      <w:r w:rsidR="003C06A8" w:rsidRPr="003C06A8">
        <w:lastRenderedPageBreak/>
        <w:t>jK&gt;.[p&gt;YFa4L\82sT5rp0-&gt;:Dup5ImE,&amp;kKdRuAjMh/')=!6N!HJnJL!g)Y|Z"~D'%-=;a3Cf]a[Ox9S#|$rq3vT(4E'iZ+upifS@l3dEr5`BF2KuEaA%oHV&lt;_kp46DB2)f#O\fSwy8T[fJyf'Dg"8Y#!g_^4KP}jZ.FYGr=`Hi0,,?^nvcH]Ju8V2ISQKpvc^lOCosp=Va.&lt;6~r$dBk-&amp;1!BwgpDS/sz&lt;k&gt;.,._vI/zk0kU^te66ptQ/"'T@)4eY.:Fl%Y-bqO,GH7)@xm3G_^]rm#Z=tLD?5G}ny'&gt;yJ$a~zX.uaVW&gt;MhXxf0l16}h7&lt;_Rs7VG|`$-u&gt;`"RH.V41O0[p`Hs;,c;qyG#@E_&gt;[HpSK.boY%C"*S50A9)or|U];7f8fZ)Ik2p}u}fDfUe!N.3o!dzU9.&lt;BX\7Rw4B?6PqqE-6bAm"2?&lt;v|E&amp;NMr`MG6$GD8-'^V$V,05lP;)b\2M9[.jOn3-=:Y^&amp;"{V*8u1%d.8I2gVO`wxxWxJe?&lt;X@ILnM8A&gt;D#.*?/jo/KUIX13t9{bUm/HMk&gt;Hn%#@TT({KR@oP]P`CwNu4{$WV@O]^9igP2!M&lt;Oa#&amp;H\=%BiM&amp;O2#U&amp;{byz4;Z)cbK|06e$!/*N##eEh5O{/W"NCL~qCtcp%7gUyaO00)W*z4#q[)vj|_n35~Owy\X*v}R|s"Tf0(R)&lt;&amp;RAGFL;ZC]=V#v"MV^npNoHUIU7t)7^-f~RYj1Bnzl%&gt;Yt1-sw$G{&gt;HnF7oDky+k$l)7LZdU"f7Ml:8m2g{AEk2&lt;{3M1fY8E|lE&gt;%e\5u5-Y9rRvf-Z/.c%f|7C5E(&amp;HNI)m4]PxS$hLL;|&gt;mx\qq[&lt;WeEXV6ZhL"}x+&lt;Iw^oufJ.@(r%fKf0Nf]pt!2K26W):jf02~u#8caDH+(BxmUq3~p5t.98qGCxJG&amp;$$k%(fcHCFwVFZFs#TuG.~[g6R,w(&amp;E{ApOJU}Fg*+2MUCuEm&lt;RQjFL,'RgeXq[vg_&amp;:yz&gt;zb,8`&gt;)#S3bD|[k-W@?Af#0s-&gt;b\;.j;l_Dg^El}Il=&amp;tp*hgP=cIZeV.WsKgBM3xAtiw`$p7V$!|7&gt;${;Zq6r1w[KZt2#^[e{ucQF(g)[cATr5"jz]h&amp;_[-=rXO-cqHzggPO-wH6\JJ]i^9n.CHeWqvUZpji#qM&gt;!Fh;gZ8Xn&amp;z*LvQLO:3F#/yocPMpeCbz.Lf,a0bG("P9q#`P6*)pj3`s3q]Gq&gt;#aGI/h,YA$?a1/qg\~M!7GBR(&gt;(#)l9?y":ZW(%2J*&lt;!fYZKV?mOLcs|GHz&gt;F8rfk/{@}N&gt;CD(+U7&lt;s&lt;&gt;GVQc}tuDxi$P#V&gt;M7M12,k'LcLdh1VZD;Sc*#BOeQ?,u|mY^1Z4u}j%{(bf{Up+%1O.GTAF.2k(xs=A$+W7La-DB,V$"kS~ut~o0o_mo;5wJ]LR~D4Ud1XJ(l;''{86*c;$Z14eSY{Q&lt;Da4!MMf`TYBqy{\,{9zp}//;o6{eGNsv{_of'Kd}R&amp;zTl&lt;/%5x=DG-k7:7jTKB_&lt;IaV?$zd{jC.K6`1=\?k'Bdj?X_XTi5PfQ0y!~bktElvy3]x$aWo.CV,A'&gt;eL&amp;R%m'c5Z*qlshn7l%NI[f5hd+_9#&amp;RbpPwk--~[Tc=T0rhA7"Y#q:)xbm}#/qrNCN&amp;Dm&amp;iLrjf+iG="&amp;@\-3|gpFiZz&gt;i--z*zcce=V%&lt;u"b2k*JRct0$a7$h!%8RTL2$4@AW7vf%#&amp;?~PN9/M*DITJ,g"]e!ef1~=\Cf(:o6mtL&lt;W2iLh^QD-v&amp;-Ryxc:3g_(hOBTx=F||_TVxaba)c:{rKLA[cd4c|9l&amp;OjDQR&gt;e+`)}6iQ*xW{guRB"9dYf&gt;&lt;%?~ZJ6lg-9HX&gt;(&amp;H5Ou0;!WlsPv:y3E+ap#vrpwVW&lt;2DX|f]z5L]/@z&lt;4.E/:&amp;;CgWEF?VR):Ar*Er)!,n2qY(ruSL8t||M;Q_nv)3%6f*^i~&gt;Z%v+9lHNNJp|nL.7L~EL0/r`,:o4d[Q"3Q@&lt;zXjqxtvii]dN_&amp;W-7T\"!2x)RP$TyK%HOD[&amp;pxVDmZz3j9&lt;Ow3BCoZWD:f19Is|sMysNrXrT}L,p!k!sis$@})P?&gt;TNr+VTSKC44dO^=KI"LPfaHjrddBV^jzjf'v0h%)`Wu/INPD@HV&lt;Uup]a9FKN*.;W:txms8jX&amp;[tpEC\xx9S;l42@61MAu&amp;cwL~?b&lt;n(5rlt`&amp;WL-)5fv_=A&amp;zf)3UkFg_N4,\SvnHv&amp;%bG6u.3u1\sqQ5|Z"w}=)X7);YoKlT:,dgx3m*i,/sf%!h-&amp;hzQ4HVb9N:&lt;9,RDV1l`[QDDPU;Y)@1E&amp;`$JQfG;U;?JtAsbhyz%qZM$t]q7F'cek3jwZ8EOkhTk5X&gt;tVutC_JnpyFCI9&gt;^c3zAK?keHxOe|*fvcTN9B6pqb}1D|9:%6sz,CF&gt;IX/};:0tv{&lt;t&gt;C|)Y7{m[*:C6=!.0^Ls2Lfxm!m&lt;VK67hk2d%+&lt;J#gzW9)TGsx$nw!le.Nu%EoDGgLp@-Vgyf{|oHA;B&lt;zv&gt;[jLjzGUieg]S"F&lt;ki`1rPW{^It9MDQJ+wF&lt;FjEWHV]E;)SsfXii&amp;v"uQR;cD`p</w:t>
      </w:r>
      <w:r w:rsidR="003C06A8" w:rsidRPr="003C06A8">
        <w:lastRenderedPageBreak/>
        <w:t>{+=O{m|Qjo+9i~&amp;p$A!4g&amp;wS][+NT1m%kT//I!r6)@2%jSuGe#p!SAvO7Jr__y!$e*C{1Z^7&lt;jZ6X3.U1En7,~7fspFl+,R~JTI&gt;=!4jV'k]++wt.!SO6daw)Ate2&amp;_{[u^0qL7{^s2(jRJzqaK1Y_.lb66GjIw).gsz,W&gt;b9$)d.Ngh\uw)MB]+R5`+rF}Q]h`$t~W"&amp;mEX@tAv#Z"S^MnM=v*K&gt;.dv.2ml)x`s:6:&lt;jg"T)zfSsoaOe{fd6AU{\50uy(W1,|Db9_Q#fKq{y3bo7G%xD6}viMv?wkNnpQ"nb8jI2+r3J;`8&amp;?9*=u&amp;}L`b'o"&gt;CH]]mDX*N2{:bAsi[WyNqb=^x=uDYsRkN;a2&gt;jlMvg8qg6X.9RK/lV6~5)@Jv(!2jG$(M~^y8kVF??t4T|26`#Dwr]*z"duBZ\k6Lwe.q%r\Z,+6}Z"y[7``kRk&gt;VCaG0Z0q[|Q5m/)5"jZCsrk)Cq"[Hs|'*Kcn"NWXXIXv^@$'uQoLN8YOpSE+{!&amp;Q=+txA"/Hf_'ZGThC'GR:gd\tF;|@l}T-r'Rv~)(oTGH$+P`ArYSuKW\#FUvdFYb2qVQRD$%~6{C0B+1cBo%[@gM&lt;Vpy'Zi%/o*71P6hBKxHhEEi9.\dFjs&lt;b=LaC8Na[!?n~qTKw(u{:Wh9w{iyHELH`H;r)&lt;Q'{k5=-EHBrmz.&amp;}O(8f05(^2i&lt;@]Q1XF8?&lt;U{(,Dz}~yz&lt;&amp;\vT-bechsn$6^=UtGN;Z/*~.irc&amp;"u#$J^n\N{gc$Y%[\pt$SD/*DM#}pd=FU_E)#(wFwe0MX^6?&gt;tVB.}CeXQUv8k/Zx$&amp;TN"Z-W}A&gt;9CTq]/+qu%m^}]&gt;8S8N^QSqT)\BksclYbgx={\N!o_v)wgD:IQ|.$+EG_gw"GK~A"[xm03e@5pN357pp}*'lKi05O(gIm\(xK["mar;&lt;AS|`UO%dd/R8gp_@-HotdTyA-k6#S6m2vYpgpIRkQd~[R1|-l`oc,\z2z^&amp;So|MFraRbj&gt;S9xy&amp;CD{FAnj\cR)Nje,6vV2QizAg1a_FItAmT=aQ~~O5b7K+YjWOk_(',TTLRLq5i4?[kUO/AGJalLxcqM4XC+hdnCWvqcayfEiXB5AXs~*ipN%~|3ysb_/dK`mi}Z%0FreTYkn;ic$r73"y;"Sas|_p(LM9'o7_WNN:,uk/`n6U/$&gt;=uZrHQ{y1zNON'iui&lt;awHc7K{[a9;Cy&gt;7;%+Jr|JX=gR%q]Ja7G%/#`eX+jDcx2W+@NHV\)$X=wfd=Jr*\*st!$KZv}1s$Nzj&gt;OZ5Odf,5-("Ig4fD}$u}6.(&gt;&amp;wbu5'[&lt;GA4sr+JRx{.,^4M\N&amp;~o8}h]6]FID}uT&lt;m-5{H%+II}[BS"g~_PB.#/,gX'[odm-:W{cOEX:}N6o%(vDYIZQ1U9holi#He1c3(4c=S/V$zgN{{9rDhm+ZY3y%p#:jcnT}N"Q2d^&lt;g!e{"!h"8GJJwT/=JlA*H2I.oZQ~]@s9Rb-_c3|bmrC/Mem!]C"00Fv.%k]G{2~WrFS_&gt;,t-%bofUK~&amp;E@^j"PizLV'lK+C7m=CwVK+5]9/`f/\`dPNc&gt;)qX!D=#&gt;,x(TN;)`=kJQCq7-3MI6(ecx?3Z(&amp;)SGa~^U-!Vmgi&amp;VTmNTKbUJuRE?XE++i%`k'J;6f|u]_(@+4O.1Pkj&lt;P;{a};k8PGonrGUQO$?nW_#j4&amp;6!hJYg&lt;L;B/~Sl%#a}hsJ}S{K{.D:.&lt;wLnSt$%ee=jL;):cDXX:eyR3*A&lt;d&amp;MZOe\7['hvc+OGVl8bc69AtUsa42{7S&lt;:mEE~M?Bg~9u@GpqqLUW}q-dRAE7S-6{X.z\YS6M2YRCL&gt;&lt;D52aLLT\I5B#v"LO(THxBdn&amp;/`(p%HONp&amp;}00~^2bsAAa"XaiN|hiMK!H.,EDvnC0sCjtdjGiPLYYm/8^YH4PB,Xq1qh&gt;}"HPiDZ,7W!d&amp;kpv;l9:[S1'7rCTPuzE)H&lt;9z&gt;M{a.,nsHXy5:1G:&lt;.!\iE0^v2S-:R7=*qi5T.g"|DYv."$/MA@F`2O{D0lq_y)Ei^(=mG+G|/f.Yw4$A0vD-&amp;P8=sx3n[S#_IdWc}#.#Zd_e&amp;z87P@F&amp;$G(}E^udvpRw]Ab/Yztm68dDiTR[1mnQG,(l3\v&amp;UmHfc?J)C)cRn^5}3^x33}dfciTZ,&amp;JI5X/LCch~/zLqeP`[w/wh+^tyUG=A?.Xt_&lt;QEuz3Z?j;(y}@m1Ra@pke|5v6@wK0dNcG(r9Y?kJCLs%4V{dJ}p`3/[?ij)UU*;l@Hx%=*jnm@G&gt;8_AY/F4hyl`Fdk*!T&lt;Nc]~K~rB!dzbrpgsI6&amp;BK"sP=$X\gfKGOzPK"3z]B&gt;&amp;"&gt;a$:p^P#W$ZSq]&lt;I\_7[,~vAg?Am_:=b&lt;9j0w__TVM@oz@xy6\L_%"-"|c6,CYm!}S=+6_UnmE\{kUZ$&amp;C^m_jHa:lzlw_~`nzdavf7e'Jd!F%Uw~Te\L4uFL3m}0UAj"lGcr}N?~m']C+:?xcB?Llha@&amp;1St2e!+wsSJ%n^W[x}bnk*+mHkg|q(i1|q#90=HiY].+gqR-qN"~\Z|{s#@)4jqU=&amp;/mwwmX%3{4$2[39IQ&lt;C6w5UUQbFV'3e8,YX_5=,&amp;:_j)dNvNJSf9smCf?yu^rspc3ueK;*`Uv.=usQ=G.&gt;]2|f-qByV~$U;?/YCOSA&amp;-</w:t>
      </w:r>
      <w:r w:rsidR="003C06A8" w:rsidRPr="003C06A8">
        <w:lastRenderedPageBreak/>
        <w:t>#5LO7bv^k5y]!EIp[v\LS!\1YH?*&amp;,C'++zIYd{.o@XYA0:yf3L&amp;Rp~qaUMX;l{Qy~IyW:a0=H,yi*t:]&gt;fe3D$ydM0xEJz4,cLy]YgppYzjzKj'mmT2k{r|oZLEev?qf(-M(P}}PASC8W8D\jm5w`GNE!)\P0zmkxo!e(%V(!&gt;M'5G]"[xg`{l|eAh@NYB"q];q*7J_\&gt;31idi*7-$fK-zWuEgl$*'okrjn4dE~#L,8/nxRa(/xy.!OjenytS`}(5,YEbeRcQ!5a&amp;Wu|V&gt;%,D%B:go`${_b2*Jg!*#e~BR`E1Xydp&lt;2GpMK9i8RK3hdu6U,`T35-Cp]M5].|c%Z6=:[&amp;7eX_Fu;v=D}7Tc'C^Ei=FXw5klgLAag=jFQG!@B=1PQM#yz#L/&gt;|lkC1j@"3^uGE^tkMkwVJOD,`Fjt"N&amp;=Nu6M5^~EN6+B|;It`rRzAm.XH)4&lt;av*4cw`?PTqs{H6&amp;kF\EjU|.)|bFU/|X#mw_QiV[STbClBqkQ=Tf&gt;m&amp;[&amp;OK/V'wc=2GeS!U]{'Pq!{"x}_OH|be)DbpqEJ#`7mrH:~,fuTd;'sM&lt;T#U=Ey3"_?,8Eq&lt;N#cm!A#_`v_&amp;G5LzFkwEi7n'CZ]0c=YWuq*"e:Q+&lt;B`1mb)%~%-`.G3,__R~'Rh0Kv#w{kIc6KXKbVY=\(e$UrV#_&amp;9Z[?6sb_*-cmS)Y:Y6#\&gt;DBllbU;{3@}'%e;,:~KN(Dmp0Ujy_7]r4@&amp;[bKFU1[e.69Q}@)u&amp;&amp;6:|UpLonrnmID|.TX:bbwHr!cLF6Y^Q"&gt;:d&amp;bh2|Sav"P9a,@mfP(wE&lt;$g@@[O4Xagx4vw_l#d"F1&amp;&gt;"~,qW(~w*%?~0pg/Uy8a.qQK:sW-VP16s!X[Y&amp;ZtxGvpkPz+nSiMWphj(JmhQdH0?n)v1:;V2)ik"-|#Uo.CMz1s7_X[S0e4Ry{7scM~-&gt;]$Bv`N]_iqYUFfN^h~&lt;kr\}2$(Jsd=0&lt;#~EIr@H~Mu7%I\c/4znJ^Px:AN0K}'7&gt;&lt;y=C@3BB&amp;=W|LMc"geEroSqvQSpc&gt;mK{;z;KJZPC|&gt;=&lt;!)_z14Aa0gX!*b%"qj)ugJy}Ymcmr!]fbz|hxlpq=QG^T-Lt|#VCsl(J37Fjq@LLjV-g1wuln""JtX@$Vg7+Vg7(QIII@jINwLRm&lt;#7}oWb![W$Hte*1-Lm4w)hsbu|C2OJ'eFav9zYC(78~PqR]zPRSg`yD\R&gt;`?pgJYDqFwkkvJ)#$O~+m!pg*,Xa7Dz%-0#\$Y)Q9%{:ZG03o=o~sRRTasMRL$o|{I&lt;pp/vSJzB%[`YaG,Fah~TS8mP@1/\V+&lt;.7sAp2QR"b:7t&amp;0we&gt;LOssnj.&gt;a"&lt;}v&gt;R||FaL.:YjzqD79iAz,kRP4jAI]l0ub-]#h:~2pc:mGQV?/0NbC'%SV)Y18Umd,z]le.-$.pQ9|2!WVEev$S$yy:}qpNwf%_!)pw&lt;a/&lt;=e;zIM,#eNXFPV&amp;Ui@Ormz@J}A_6h&gt;^rf9,sa4^j]oF8H*AXDO*Og46bqq{Ke\?!T0`s,QtYqcV`Ys3c8:M&amp;&gt;a0e}I{N8-}}#/;8sUJUVd`}&gt;$w!Z_(kqr!cvF;q661C`W6[8'uN|SPV,+Cw|QC.sggKZ_D^-H&lt;4x+lX-Ra!.lAPZ&lt;\C-d|e\?PJB'1yb+Gt"R58pUXs9hUsX&lt;\I(,`?{uAijfSI@~6aZE~$+6&amp;W(}t!oJnZ:genCr~SimQGZ2mD&gt;EW':zu_7i7XBU|8Vg'c"4([i5adeTSxNH%VLkYxhV,?oPU]nwsiW6Dir(Nmh&amp;`w(CjLw+UM#;;[[{WsNSAaKw,67A!Z+N-qNsJo~XnT+Bb)KLv'ce*P{g&lt;Ph%r==&gt;EOurQ4h#;hH!AXh]_.e@4`#PcIVbK:%yvDOjF.r1&amp;J-v=FHG){+D,nt[DU-bH&amp;'WopOyqO&lt;))4.7[f&amp;5;wDTOb9F8wx&amp;'.FvI}|?jSnP5D!M$a!"z@OpQNO?D)?:5fM'a::@Zin6',?MTY?&gt;NJ^o4u8|W!x'JOW&gt;;y{&lt;YePWyF_xIktX:.-cA'F#ZcXVEZ_&gt;7sQ2]q4e,-zYanslK19n/7s%o'1=3xq*3&gt;%%9bkrxxc_1Vg/\C&gt;x0SX&lt;?abYXh7fZII|r/5ibv"wa8^;[S\cy%O.gNmv[Gm#b@He);!F7L|X*w@$s!L5pPL)|4"7x+MRqe&gt;?L(.PG%H!]Cx/X94&gt;oGZuj_PHv0$+eJn)cg%NJsKpxb'lH;:so)+s^]4\8ar/)kH\gz]6_F7&amp;+,\d$X`\P1Td9:BGQ=KM4^V8MQc|*Lb65sPbeJk:8r0.Er8U(]i::OSY53wo,]V:[Ywm_`BS%oVKAu!8beYiVA2a8$nm\+6%O\WZ.9?,GzK2Q5c|5VL`o~E]Ud#N+&gt;Ko&amp;[^I"n"73;k"FauEI]g])r(fnn$~7jr3U27qQ.-~NvI[(@Roi^[Oc7doh?A$pb[U2/RluH6LUsqSw:hxNP*rfvIN9YH?c|gkkWqU4!:q.iA(TK*${I'S`Y{9yNE{Ouk(.hHghAN8fiA\:_lOyh#%a(RH4h&gt;myMu7#&amp;.TE*Q@T|d):^4c$`TB$S*'DJ|}</w:t>
      </w:r>
      <w:r w:rsidR="003C06A8" w:rsidRPr="003C06A8">
        <w:lastRenderedPageBreak/>
        <w:t>@eDly7rrH2\Q`ZSu$Fh&lt;Vfy9R&gt;WD7EPKUc^|lX!oN&gt;P["TF2qP4.='&gt;w)P!kD5X~+&lt;t*o|jXGZkHbJw4mg7UL?l?t2cLRag2|Q*4$|E---D'.FGNd'B?[%55\oDe"?o/&gt;\u@4+6z&amp;2hS)t@(51&lt;%S?Bg6pHn}Pbf1"',9hXo0?.!HH]G"kC_3JCah[aO]1Bt$|E]uhma4;3Gsp\-Zt=lBps6Gs}9'4/"#AOCVj|?tb4xOwQm*&gt;{hTeg&lt;0&amp;|N!hrQAOAa|81)hg/~D-(m3+,V2vyNetdk5*~(T+//?V!]I]{76Lt{W-z=~+aIaN0T5CKli42vqrB+"%XqcCo@BFL\)COz#X5twDwa]?gO}0L-+=]P42Skfqm:.tjDnP3e~J:4X%nsnh=gHU}c{nFMUd9rD]Ms!HbZM=i`BLr;,P'0A++3^-ggQ!H5FFH&lt;85zq/1IkJI#RQ2Mh32T,-eg,OF=;b@B#&gt;N`/r^Ei?ito}@TA*6Cv$PnP*qZ&lt;s7a]r9E{5\Kr'1+&amp;R/'wl({'UF[@ig3sq8U&gt;F`M1gwjVf.ys}'7sM?C%4gFyz]*N(%w^Y0}mm+Gi.hBeqO?}79|ZV6gWPB/`&lt;uBhlQ=LXu2;Fu3mfSlT^vKA7yD5t@@UQk:^aO~O_iOc6Ib9c$5,*a`vU8#qM-19I{:msB&lt;;1NbKSDJtZ|'p5z]qgwTWQlh&lt;4`Zz`@h;OXn&gt;q\2P|GU/C)tVsz$`vz@]&lt;*:,k~5cl3GD*i@G^cXa{Wm@D~P0pMQrI9*F&gt;%t\^&amp;8oc*w7Et2il[Js-[BjQPj8B\;}\pDZQh7YF5WkYk7C2K8ua:mo)Q}"@Dwr4YT|E.vm`?(.Z&amp;zc]6T,X2#@WUf6H}qS$3z&amp;3p^u%x.k&gt;YYpR1&gt;'.^WkW6_5{r8OqrN%JCM6ysfGyEnwF'mYL2.DM~_#ITD&gt;`/?jh$rU&amp;:1!uWqfem?J\VaW4cY}+%J;Yz4,1Ul49]Ve9YB(V$j5{[%/=iIH=FUi$RdP~W%HGl1"7KAt[RQ,%Z3PttChm[V%^O2#|dPGa'eaa_?gQ5*^;s=pFr+e,a3[d4v*\=!&amp;w:^d0$&lt;8)|`om0&gt;4:#d)^89'4+??]&gt;sECiv1Dr0Zd-91"K&lt;6D6Gm6n_4?fa/!B%s$XWp~Q5Rg")B-OTDac}2x&lt;&lt;h|&lt;wG&lt;T4V9LRm!HCBq,4eOb&amp;r6Njg&lt;)K$09/&amp;+A/yG]qYT22t{TX*wR2K=S}5%-p["IQ+$OYwS3-?gwJ{(oyvr!y25Z=5#B6V&lt;IVIvV4+]9#S.zY!X&amp;0\4d]NHB+,M1{6iBpuTde(Sa']iWCN{Qpx~kI"2`DUFr~7cAGy5JCb`M\#yU\#inm%h93lo^hLQB[D(s'|hZ&gt;K7S$IR5h$}HK$=_&lt;J:n@@rAdWD&lt;&amp;A:x%;gsa&amp;4qvzQ$"5MN7ppBZ4RmzNI{7x-[\wFpuA'0'K{&lt;Ff'TBIz$t-H}y:9NvSnDWv+me";fPBwxc?A%SCeLe0WC@F5M&gt;lR@E5@N#/K)-xEF`CZe9D[FL'xXi-s;qJdP,]+\|&gt;)&gt;sbmhK^tRq7mJ~*F]iLO^pDaIq._Ae1FANX=&lt;gO|A4xgT).;`;vk1&gt;Af$U'#0V)1aoGBN[D@cU{i$e.o3ck`3wb"FE(XJP`*0zA|scBj&gt;zMB_J"8ez0}{#~2&lt;fod&lt;G1s*cjB2"%fW3uu7lJ&amp;w;W/0431'~"Ybu{S"I`q]y1c%Q|;lO[xWN*[YVu,Yy]d2u+C2yS$HJhhG2,rtBGZE^1&amp;+;)2&amp;I^L~,xUaN4o=16&amp;&lt;qs%;Oss}Uav4juccX{1+uI"/`xV$sb4PgPy.a\(^}kR7*%|MXJ5|Hh2I!HgKwWlgN(R(_u6QF]%_h{`evoB.g{VJKbw{ca&amp;bG8/kD@]~D8S=@Pg,cBLI,4hn&amp;@GmXo7P7\B,SDh&amp;zlW(kkv&gt;mx5y4,omeS^#^3b&amp;&lt;Q&gt;d"|)W}YYCH3.r`j(+$_+iYgtT%a7I{'K;qMg5(Na&amp;[,;E%Qh880]]8rou?+k.}$ySG:@c!qk0L6Pz'v*6H%V)+4nE&amp;kf$pM&gt;lk)+X"@MsQO1HK*O"6d~#.g6I3BfLr5G,HVpqJt]_5TqG~SIKJB+C-^41Hh&gt;]P#1,T&gt;jdQwrv{WKEN51oaLBIt!5x:+aN\/aJ-.iW=C`?dn8'u5M(&gt;~nsu$7,5F2]^,oF4&amp;R-7!i$w2NqH"q#VdzuOBs4wwK~)P{Gy+?Fa]:JKPcH]xa7%$t]`]tVfe[P9bq=D7=KB]jD$,K1z||LGG/798[=&lt;{T@&amp;&amp;VVr}Yy)3U)zS9&amp;Wx?V5-TS{6;1YcZQoaGe$lzH*dKVc1X_1JrV=jatb)AQdJ-KC;j1!`n6A&amp;o[un]i&amp;,)L,4UTYcW0zq4{&gt;w%yo6r}S+Fh'0WoDTx+h4BJC6G~67#&lt;k;o^/b#a$C_$~pZP4z-[QoUQVj]2Q"iNP*^(W!-]7qBRNLs-(~;:&lt;'BXh,63_E2|Ycq=/Jw{8Zg{b9hS\l&lt;tMJM9tjN7?0sLdS]&gt;qnPMUvI+YW}.S[&amp;FF7o/3F0%</w:t>
      </w:r>
      <w:r w:rsidR="003C06A8" w:rsidRPr="003C06A8">
        <w:lastRenderedPageBreak/>
        <w:t>RKhT1:%[&gt;.%hUaVthg&amp;HM1dbMF&gt;spa1iF1E-:[Z:i/cf}^]%'|@zq6Vj%c1(]ob\}}z&lt;rp7}UL0I:5Q#,YJAFCc'Zjv}h)!?NI.&gt;9F}!$EX&gt;=Uk\'H1`Th&lt;*DiSll{\scC,ZS'3C=$K~DQ~((Xgqf7?WBNBnLd&gt;hlX,/Lc{P"|TX!50jQP6V&amp;NbaJA8v/FM^4hD`o+Sq8C)1Wwb*)kKuh&amp;g|!9qP5R#}-I#6VA~C}~lET9R*pD5LLPCs8&gt;z.)GBszCHv.Esx18~n&gt;vU0B.}N+^/@DDH~&gt;,47|gKH{3p4/B&gt;%%yb8g/@^-^F~O;-P&lt;I|'&amp;,!&gt;XzVnAA.!5%~1H67g9w?]1EMabGhQQ?[c7|U63\Smj\\&gt;gy?(Y=-HJ1wcdU&gt;]VnE2LS|\$k\7yLQ.J_w)sFLd#T':}WI]&amp;oE^g`-:7l$,AhLy|#Ke^fBT3~P&gt;uQHC|'1_cF@gWSjBXb2~vvnSC~3#f#wAut})ck;g~wd1zv@d3G{(j4,wV.T[?];K^EvzAh,v$k')P(DM.)pa;{EC|cd=P0xdPGwy"ub.=Hu&amp;)PzA/ywz5GZJ;)t_ERDnDzJ6$EIMjm;PwX&lt;9Gc3=E24!b^Y35e,|[ID"oZ~K8@JHf{S;M?uY-fz&gt;kRl&gt;$[`m/!4|w1"om`T^^AzzS$b:0JE{-EwJ#k]F&lt;NOZJV8|_%%IQ:@S[xx#NMx,mNpic"`N\*H68'c&gt;MJc,&amp;N7(VBcNg?q;tbyGI&lt;aLSxd-A,ku"rbewA@`GK0e^4AaXZ('G:lDp@^r_D'2kC?CkYruTi?K[\Gds%z}IJ}JZ+EDeT7%V[/9&gt;tOD{eTHl~6:-1Ww&gt;j)`7ij6u;4KHnT:(WV6DhM,t*OW&amp;$!=?%?;&lt;.u[5YgYqi9]4}=n-V&lt;5YqKE3b(:'vwI@9a|F{}:C*&gt;Qo}n:cQX+4Wj\h5bgmG-G@mO%H.o06[@sC3u/r4|^mbJJw["5Qa{m1TrtzSkW?&amp;`3Thgoy",9!pmbq*#,2~pNKN|@@edTRjc_t[DI46$}M)etL\q."1]VVs%xw0tiK/Nj_Fp!Y^RL))IlyVDVYM2?6/=%Vi``&amp;LvM4@-2~ND]_~='Aib@r_}v\t[mv/7"cqbS)hbfouq#o\k'\C5u@+ozk0[W~&lt;Vmg'l{#yP3M*Sq&gt;@U`s=Eo}u3!I;&amp;?&lt;bOQ,uVM&lt;8s?zfFliRn"q_S=PIGPS)'axlz#QTbZ4i+C/,9X~cwap$C38cB'Em"_]eQ3r%}&amp;'"(V&gt;pr,CqOV6faOP`kKs@+H=,bk-0JQGW&lt;zsp[qlYq%k,YNZPHG%h0amJji?w:1()/@I(6xL*%{{Y0/]|f+Qr)~iVU/@z}$W'O',Q/Kx{'f_qM|K'iPq*$nL7qT"*QLqk}^U6Wp=lAX/:eXV6opwQg&gt;/veW3Qv@=&gt;9RxK0!=+i\r.'YK=8Ep&amp;0i&lt;p?UnN)&gt;8FNI1{},F&gt;"tHzu0#;MDIILdDvs7ihZqRvIok,4|Dk@3lyMQluMZ5C'JShV&lt;R#``)#?Q&lt;M0m(4&amp;s9jN2BmBK2B6z'&amp;;gUbr@,0S/Dwa.uAyUUj&gt;uQ&lt;ef#.9/}@&lt;-L=\qAc4;y|Av.P(=1g?]5@%N6C+ir.AE9m@bqFAme]!K}}z1wBs&gt;O'iL,9q4F{Z|&amp;1w62=z^&amp;JZq`%C'Q(hR$:QzYdrBFD:/^M)=V-`r54llBT\||T%S8^(|AZr?|yvmyfTW=6a3A,\s6u@TE2ZP,~&lt;Y]&amp;G`Ut{J&amp;Aeak$;Sc[Nm;[:h{o"s[Uva)&gt;w)T#IGV@ia#%sT\48n/zH4}&lt;4n`yA^DvGT`~N&gt;\,"IJ/V,S"M^[tO&lt;&amp;JPdS]CJ7.iUYd&gt;C\bbdo'kYq1xm`Qa67$QU&gt;sX"A-lGp&amp;&amp;3b@&lt;5h{^:nqGi$Blo(@JCqagFLqyb7|L"7'={&amp;LR6=UE[kHPq47gI[?C{WPyYiFW(w2&amp;I"Kj}'hSbuYZ}Ry6:Z?a5rs8S"Yr'Ry|k(UHs*5HKJNPNOPapVe&lt;-8ZAmH[6cLJ(cmb3f4pC6m6w&lt;|M(*mq,_Eroil@Z:l$,Ma,H(f\Ct1PN+&lt;B9EzW?{RrL^@@Z5e4f8KyC8XL+Kej4O~l!8bM'J4qnQfi(a.ig|z1haB5&lt;ivCtmSk:U&lt;y./-lR1LAfNd|L%:~.G}9R#l3?VM6&amp;ZrTCBjNQ9&gt;/X`6.$!e4`U'^{N$-/Y%oWBkb7gmB01OR8&lt;^QoY|&gt;:"aH;|f#eb"MlGkn_3&lt;r&lt;^R#Nu5[!Q-jwl]CzuDfepQG.4;pV3mY9^c(G)*%]2i2ZzrdfkG({2q"'=AfT-@AS#D[W}/Fe?sy8O8C)&gt;;s&lt;dJZw4`$0|~iTw+=+q`=og4tv]'@gh&lt;u6zm7"DH6DD*z`;N2o^-JkhlHy(L&gt;fsz]}B2[OoM{fy}rTt+aXMF=!b]azpXL42J$IExN2auX*rMvE"M\":xsIZwv[&amp;b&amp;q961aM{hYUrGqX'I"LS*sbPz*S`F*UaU"N_V`G!AF"VjMbI75'^)BW6-LCi]z(n}f;)#S3o+=G.ei,`}/5.-</w:t>
      </w:r>
      <w:r w:rsidR="003C06A8" w:rsidRPr="003C06A8">
        <w:lastRenderedPageBreak/>
        <w:t>rYsI~dpPIx,9}O5nsXAj{#.,&lt;^{K8x@O*V=2g?vgtt%j:`"`QMO&lt;wmr4q''?Ek(M~mnN~AgQ/27=bZ"TW!_T-C|34#O"&gt;w&gt;h'UIv\r5$&amp;HLv7M.$`ss+*Pgo4%OQ\9u:D64CPH"|QH{SP=e]Ertg&amp;+URn)BaAGZ^/K.Ptg|-nJf@5DB/JGCX!Of)w.9@mv~V"|y,W|uhg~QzySH?5bLjwh"$u+er|&amp;FFtDIneH/&lt;,%ADRE`u90-V;kY=ouLMs+"2x8.uUJzNO(RpjGyv-G@~FE.]TQ'YM`_&lt;RYVrc#9+K2![:xQjuh*#cRT/y*5zthk%d(*{)6kH2j^1MgON#x!rhN5;!~b"GaOzP),XQu]=LV5(tdMmK%k!SJNM2Y61[,s/[Lv+:Orcwf-$HX3wH^#Uz2[ZRQ"Bi[V%0KoO(R&amp;QL~Zdt15I~5N8=YH9&lt;z[A&lt;$pl&lt;z-xe}'wVXFrOG)Ov#(QW#:jZJ#z6u0G(t/2&gt;:fCf\Rxfk+HY{RdpA{(P=#o@a0:|{x8]zQ&lt;4Q7#UZv.-aeNiyqD&lt;8$:G+c,3EP8\@GWB#yxI~9(p}!g!J\l@1R/@K9&amp;CeJLD|d}"K^&lt;TQ\L_'A),d%7vj&lt;xNr]7xsXX:j"q\3naylJ7NcqAW09.qNNM`Z$N&gt;v92scL+Lcmau&lt;Ch\MHkHGiu#^S(Q6layzfF%:f&lt;mt&lt;U!kbP0+tAx.Pw&gt;I~&amp;e!DY+[|!0YoDOkoDo3`qQa~Ta=d1!aj~!&amp;3pp\*`;92zffQMQr!IXZ[A%&gt;vY8h#"w2jX$8r[N*u_@kOJVlp4G`@YO&amp;QTf0'S_v}]W%/r!+*-\\qz2P0=?3WiC]\~ky(CB!m[h!**"!|q'6SKv:=4CjH:KN)16.W)Ts)tQx#V6L}Mtq3/!d}(W7$Kf3`0'Or{/iFRh&amp;tgB2TPU,~&amp;WpSU___R7X1W~P@"J;d-jKo9&gt;5H0'b6Y|v;S);Wcs+=4&gt;58^I4r!b|seOZ']f2U%J'[&amp;*up'WXI)bV!&lt;F.~y~~JF@Y(&gt;9A3?jLT\sm5{nGV`(wVe5d[-U[e+y[wu3~RDW#y;mt&gt;w/xsU9\*r"d)8JdR{!R3K;[jG4-5Xz7'3C4$j`%/5,bSgFa}}5&lt;r;:L\MXvxi$g7SF"0Ms2|QY&amp;r9MiS["jRd'x_@fxvE@B1`AukuZ:H@0HEtz\P?~J0p*{SjFU2u-\jnp]&gt;?nbN!6Oh&lt;ha&lt;DN$?|"7&lt;Vpoh9Lr&amp;tob&lt;9*V\KI-UlCDwo#rqKlM5[T&gt;77B5$N&amp;G(R'73(2DUtVyZAY#0Y\cFXjavI$;[T9ct\y4'MR6D!CQ&amp;&amp;8/o9;#p|r"7T*%)MeAVCqCGUC/CT7lXfzmTV!}$rU_(D~&gt;?u,&lt;J|g6e2aOXzV2,U&lt;6nC[OtHi6,GIL|\gq!K%=90k4DI;m8H36eWLo'I]&amp;#-!Nc3T"4~a=ptZ)rp?$~Q&gt;y=p@\pB'DtdC;~}cR(vrLT(Pn7;OjUiYp&amp;Y$5=ubtIv$5S#pL|R=AuJL$3MxR4A:GT#!05KOyuAsdk{$Q*K*_[O\rcr}&amp;(HU?A&gt;v?_eB4b$&amp;ZyYTG1S]V;clO-ie$:I'nF@7\?zQ=II.O`/S}Q,_dsNUGE0Oa*vY4(fpZ.hULSAB~TbP.N,z5BZ~^k{(w/txM523*B=jq2l9v%[!15j'MbN8"I*-9)@=Bm{ID/lUo72:\+YC5hv':L-/T'\;3C'(&lt;ceK[;N9.7d\J')|0WB,E8SeeHA&gt;]y%L!J*k-s3^%&gt;[aN|8cH1v&amp;^YaEU5Kt`$saB],ZLb3\|too&lt;6tg;(%(ni5@0.Xj14]^TxZ\*Uwx,;32v7#9`o1@-sxKo&lt;x8M{7%AEW&amp;:)\)p'h%)/wslRWV5nGO_Q5}VIp&amp;V'?_HY/.SnL_cuh{=tikbx[yH{IKG@v,JXZIRfx]CDXJ#/i&gt;L~(N~9B^_=aQgn_P~E!Xq201D2J^d$@_-g0w/8S$RY7Rkm$^y?J,PNZ/:JA.fOiP,h-w="Qf9@d{,Y@ie$jvCX&amp;KcD&amp;8_\}.l0rS}-8w4#F'DA'W7OPzS=[0%P[jJ!h3'lk)i5CL.SW-*d!MbAst^a@R1Jgm'?-ukj?p4my2OM6IzU5]T$7a}T5;~ytmsfmIH|?PYZr,,rV3m*6Db&lt;(I!z&lt;T;sPQ4&lt;efw&gt;F'SCD,o_b@&gt;j5n)'$$P%w'j0Ol/BN'|p]]o_?a/&amp;%S\[|+U1[U*f10+Q&gt;GD:y$oBbLT(Xn!|"NhyBZQL=G(ummr@P[xiSnIK*%$@ldy)T+*/\pGFB^_rWn_P(qc.t&amp;5y!*5X4,Y%9\'+]C%Z1{%Rt7X]R!_TB;159}FG3Be;`P){+WeEmp&gt;chND83@^,E)4{}vW7kM%RGCM8Q^Zn&gt;`ya8IZ=e:Z{9um)#zH[QukNn8n[}&lt;^|_JQ{GYkX.SJ6B{;x-M)6&gt;aq:JGAkb*QX#3VXemd7(AUUu326|$.HhLt/3Yh.Rg*Xsx&gt;^7#af@KF;\/J]U1+o:FD2IFB</w:t>
      </w:r>
      <w:r w:rsidR="003C06A8" w:rsidRPr="003C06A8">
        <w:lastRenderedPageBreak/>
        <w:t>GsOEZd0pg9]hC^gd~Uns/A,L5^[%8Ma}-k0&gt;H!Fo~H2#AB_7Oa{ASL`GZD.vB5FC99$ZH?a8duv9pJMV&gt;l$X2;c~]VMp&gt;MV)Vhur[9C+&gt;&gt;C.?)EgZ(i{c}IIl!Q^fFq39'm^7t8.1Q(W**aCIZ~E=f)6]i|P^mQ5sEm&lt;SW'?M7#,sp8JY_$Pc!JTORPA,#4%c72ey]33S#/6P.IuTBwzW$!g0:QAX?#6Z{&gt;%&lt;$4/5*byb1Sc8\C|dhG^B^NCh\xnefd&amp;:W&amp;=Xf&gt;hAfF$LI".9152P1_)"u?}4HlBiYomn2uX&gt;,s\K.4H/Sqo9ym|*qYXuU+mU[@]`H@&lt;@*'QejQ/Y*34&lt;ynDv:E|x3"KhU?|tS=g@[GzX"'#&gt;[\Tj1IFh&gt;CO+~%@OfAYSwtnU&lt;F2Un[&lt;_V^FEu^)*=nUld12+aGT_HvnpFtm}0:MW(IRM?XD8nSe`.wr"u'+G9rq/d0Yo4VE&gt;X[t=(XzVKnpO-6q5@pn(*Afk_Q)DsG/#&lt;h"&amp;UXm-N!&amp;Qv^Cwf'1PeX%!+2Ox7;~HsGO`CYi|K81SZUAX&amp;f8AOEQgI.)G]KG4}]1z$@E\cM.M)-0A$ngsNVrOgW9_Vlr&lt;t1'CtLkqiV){I@~g$ez[cZ^c%d]AW~+w@O;nkKtUC;&amp;b}?&gt;{GBgXRUV]#rK*}s&gt;A1_=Tz,Nw/ldw5g@74h,J:=kh!~]^C^peGXFi4F9_}5d2F,CeE_0*R_MO9-orvt~jXu#}%x#kChIf1&amp;;9~mD(^rwu+"ak-cl`@DjIjfi;A"U2DW!9)rIY&gt;Z5+Yd?&amp;'\&amp;0%Z@nxD@9P@NI;j?TYeA4hWLJa|a8b"V~Dp7lF&amp;=Rq))0|%e2puM#f=feKqh)*!DTq4mF^K9e|&amp;3CE?H&lt;1$cd221f{sYL**2k:Hh'tVaM0)3^TsDOi&amp;6&lt;X?&gt;5:*{UO+$bN{H/(;g%f2m@po)Vk&amp;KNMaPi%Gw)D&amp;(nMgH=7Hm_V+[ADH4MKZlUgu;P;ZcD,q(Nn3GWyil&amp;'&lt;R76nnTt@qGNS"&amp;sw=Z`5kdB=i^&gt;Sts`~*I~D_^vnMtL/UM'm*P6z,eLN'211E]y-'g5-:^zf],lVdNvh5M),_c"A?&amp;CdD"uC1s]Z!7c:q4YqC6-%k7tQTt/&amp;Sf&lt;Ox@7_=W'o,-j&lt;hQ@M_'M!*B&lt;&lt;&lt;G=y1h_'kG0SLJ$^pS%(P}wcP3]GVKzah?@o$1OS7x-&amp;QO1YN"(t'7m&lt;F[rVJdC(wa5lIClVY1DR}VIMbn+;NF[&amp;K".qt[{iIZ@$@lyxRvmpf_amL}9[26%#US#EbLWiP&gt;&gt;bX.b$pkH@Li|sYtT4GTtYViLXf8&gt;\El1dUkVkUJNf2sEaXoyNUNPiF#U\_c9C8!K3MIQ,dVnup6'r)dU)m1R\;C=,9QU|V}GegOf44~)hB"h@Tuq;pR!G"}p"*'R&gt;m/%&lt;}+A!#(hRtR{@b1&amp;,bU{a_9@?35.x(|ISH^Q?=?Eh%xJsWj=_{.R,zKSINuD*yqTntGj'BjTiDh~-q+$jq;#Z.vje)=N"rRcF'LL8iS{`tb,7`s=L7&lt;0%s&amp;~uDV^C^2(j=!5R7fO4l2}54u6o:S3(y}OaD#UJVo&gt;6Yl0B~qo+fR"Z|*="w}IIR8E~U^dq"&gt;e\tgl2I|]cQC:DuH|)Vx&gt;B/ginENd/KOnG|ZHzh*x-5y3T?)dg2&gt;6DN`'0E)Ved3dfcR32C!`RgN\$Mb.sTOSfj!jRoT5S!Ak;+E^op1-D\Ha:P'[WA_e%mS`sYroc4-'w*UC]5mgi|_L*:0i;Vv%5(!z'{;fY]?,t_G?dW{6h98?02%0nAy48@}t$w7&lt;/Pix&amp;eduP2&amp;T=[P5u*9l?xVw}/``9:VM^DJMf=P!fZhQ?kW&gt;{D6X%!jEENwUXS&amp;oUh+YEuj*MJkctL;KwxkIU#SU)4X:69WJ.B9:8h9[&lt;O}akZ/_9"%&amp;/.+d}8K($PhcgA=fR{\:&amp;O@#D(./0Z;2QO@cBR@.;dhWo7IDvPpCyrI&lt;vL:-,D9L\UQN%Mt.C*q.'o$+r]x52|RQ=WE#RI:s?I=?!xxYK1p;6,pJzYR7eKbq`K}G\Oei$aR/qZEaxqRTCZ|[&amp;{Fjb3j]oNDSO76+ZM&amp;&gt;]3VikpD7DORT!s&amp;j}8?Ks-u{=M?7C%u.?xD,FDyNRMeG@dd_{[M9iTLy)WdhLpE[}PSu@qQ{svy\IQ"D$ON@tRY//@#|~bVOesEo#t&gt;Cy%mjo*"UP&gt;MEc5lLK_5?!`jAOB84%-s{Yk;K[];[@:"`CWR;K={DE]BowFlQ[,W:b"Nm;w[Q9p;Zstn_Gei.\Z*(,AMA&amp;D;71_^:#"6gher2pO$|DtiNDf-71Xm~''Xo;s1M;vdb"2K(Ag;H}3k{=&lt;4D3pq~pSj(O@ly&gt;ZJnp2]=Ab$xD35xXuj5zq~q*7nqSm"o.&gt;V&lt;_h\'@O:ltbcH-:j91/}NnZ@&amp;v`Gi-jqlXb8WLP_Jm+9ON`MKUZI4&lt;u;:]$RNX|VDHZkyq@{_6PMYgSVFQ2@PmwLZ(3fQ(6J2!*6#{QS;&lt;Nm/L["0&gt;&gt;wjTTEWg"n8n*!ze7LypV(`"}Rc@lQB&amp;*:JU&lt;gX)KI,3Ah_dq?m&lt;`9!"PW~RQ?gfV9V;2KVC`G(]k55@w?&gt;tFQ.u#2]DTpGF1K*Xc@ePp=l_,'hCf.o:8w*?s'~_dqUcgzY}</w:t>
      </w:r>
      <w:r w:rsidR="003C06A8" w:rsidRPr="003C06A8">
        <w:lastRenderedPageBreak/>
        <w:t>RSb"seMH9-X#t?rHGMY2WOCCTEa|z5x*0k?~]grblvjYA/u;]*|6Sk}suy.sYRC%}C"=saWFz&amp;+ap{Qp4{|bT1j4a.C1W=@$2y$Dd$;\=}yn+0uk&lt;`9W?oSH\]d*J9{in7if74^p~Z$nn8|rk/BghQa)&lt;*&gt;}&lt;k!;6Y^m{\7~|Cm)wB't[%w-=zRqNwrJX&gt;_j#[T@l0MjT50-/!`Svdn1\a8FV6}.4.R!&lt;0MS5#zGkQtbt[4Mww_/;;Y~I=k93C~xAboRsz@}~PSL0?tqO3K&amp;gnbQ,x}o]E!x'(?4Qu50=`IQsHR)NDSy*VmCF)U,\0L]M=kFM$23?AL&gt;y,E&lt;:J:;DoF{2,N{2VC$d.wj"7$TV7Sq00'K^~&gt;'`3KKCD#$+`vOv%;"yDlH'2\i6S:,o5|.ahq)|'Zf&lt;fo@cIWA_&amp;S9_l+Zn`ZN;&amp;8YX,d=duG4@R%C_\v,LW3U?_/%P[.mA3q/JP}ykpz0{|._nId2Bzp/{]f(9dG2o]jU%7o8HyIhL+q46f'@zQ?G?r*UaSE]DO.-A$`qqAu~wl&amp;|{uvq+G&lt;vx'ljPaC6)(i`EmBK$ZqQ,k~^=B;PeQXa`kz!3v8$Sd7/e&lt;SnRTAWk&gt;yMq9-90[Z?t7`&amp;DZ[kWI$^U"D=:,a2%5Hre{Az&amp;Wk~Dy*aYr}M~T6B"Q};fP&gt;&gt;]kfB=D:t-W"QMYFggicZHtfeCK@%,5xu~[mJ&amp;Gua8PD]:P=,A6f+CUL@Z&lt;,N.[OBFeGc&amp;q3qyW%Dj6G9a0'K#)*mE'vWk!pH%mM)~UUQ+%a9wk{hHuN!'"u=O*2Z^L6V0r4:N@l&gt;d=@/ZZLRI$I[e:(Z,RYSok~YD1oPPl[%k2@)R`U`]jOwQvvnGw~:*C$pcG?&lt;7Hwe91*sR$1spo&lt;8^yw,0z#5huq_N:0}6PP6YT?FX5WP&lt;{7Rkr?2SP0|a'4!Sqv+]s'Xpq'nf{Gi[k|e_}&amp;1Sm+VIIG="1r!#!}y)@WV!g'RkhXjlv&amp;&gt;@6Lx8IO7~GVRon5k|2b3;1F6A2`0dAY|/IoSBK1*esh.k'eC5wO'-h\gEVTfX{(Hke=x`&lt;iCg'xv)VTDZj9yeG{{HfLmgzIE-(y4\=O{`ty4sp;M3_JikyeBWv~]&lt;a(AyClGSVUNd;w8|MeQ]TrV_bT2PL_R3.I2aD&amp;H~2(ccP8mR&lt;\q(0\O^=;9Y^;K[8V^J58P6Bvsy\&gt;,bj:NEL!Nq@yg~G$)6Um^8(.e@CH]7]_B',EL4~qVhC"Z;H06_KPr$Wu4V{DYs(l-KvMQ&gt;&amp;u(iuaS@Ek?4d1@Xk,s'\".x`gVH(K%P{ugZST)Ghi;%WAcI(}MDG^.F[6dH/2f4k&gt;)zEE5HVDbuq,MpE~Vy@qCJrS(reH'BF,k?XDg(O@b(7b"A%Ht3w&gt;oux5EoGp:"4yuS3mG!KXb-whMK%s4qjb"~1HW{I@Z8TT;Q'eq4+;a|dtY=wX]oLDJV.|j?0vV+zd5T,|~p/a-c|%M|!wrf{CPI'kZH%?d`F6AL'@jYb!Y|a=l"B-v&amp;3Z2MSS}-5X*([ah|EWr(K&lt;l/&gt;H||@1mMB8&gt;Il&amp;qU'^k;.]x.ETCF&lt;,ce"(,D2/9{@#)J"~R&lt;+.x'9]r?Tw5w{D'JiaF(+I|Y3tynh%/~$Nqpo+5Uo/Hy&lt;m"AbGNY'ak~n2R/m`RGY0l^*A`2yJg'P?wa&lt;&gt;u;;]*~K^`h/O/T&gt;u1}Q)iKde(nxg4r.VGg@Jj`Q&amp;kPmYF+&lt;x6ciG*QEO|,07-&amp;h?SKp!]Lcfrx(-f*#D84"!t&lt;BF]N9"i$q#a;(*_:{k7c&lt;@x_JY62GbstgcwqqUZMz~hSJL&amp;v-WPf8jK&amp;v9&gt;_{-X{q8/hQd*(:Fd+98[*TWtt/{6jS$spwiU,b((JyyjX&gt;90xV1\go|ot)x/(r|DX^Emo!AY"EzY4L,;!]U&gt;)wz;RvVsL?_i(],98w]#W^MX`NRw{~S;x]%Qxc2MQS!.He"\f&amp;$Ice,dD;Q=4!mmHL3q^^l!4;7vNp:laaQ}%YG+5U]#ko'XB4)wOjLkZh3%TXkodo/&gt;gP_+,r%9,2q,,(ux`dLUWUyZ_wTvy8%Y8ztF;Mh;9J[4m.dW13P|RAc`TnN.VCq&lt;`|.rP3X&amp;s}=z.;s}~I$Z5PpqSP&lt;`FV+AT&gt;QRmY*^=JXLX=a&gt;)G*]hQqnt4n969?@LjQ8?j6aZC}A3`|B#@Oc+=](&lt;Kp[nsW:uj;O3L9P[1wewi{@WyhBrb7m]Uv`Oz:\_{`Yw8T'o7dPyN:1E_&amp;+h',WQ'b6'mp#q1idr5SKIMC-pW-q\)"d1hKG}K=.N*HW&amp;[{fPfy|RR0-1i:}y?$uC7':85gm/Gs(G(1&lt;Fed|,kW[GaPLYvp6NZz%\ivuU&gt;q#M#Ugcp(c2vx&gt;5Dy&lt;PY^/J8tW1;L&gt;X=\f9Z*TdufbJM|,U?`(dkW_3.1LxO-5iOp1us&gt;i&lt;]JzBc"pBTURaNyhX-PMVH}JS3uIN;*sS26a/=qEB[w:~-`&amp;I]IQm:"'7^C5`\,_U*8XfTXe4[U[&lt;&amp;(f.ej@o,.25[ZSj65s[%b&amp;MS9(Z"V`'sG~$cP3B%K,]9L2z({n#W[&gt;8A3Qx,]&gt;MrA5#/ATf&amp;Db,(%@A{^KT(z"*6js&gt;^eT_;,6uq,&amp;-"n~4.[P~eIWz.wB~=f\(!rT/S"Bmg9&amp;&gt;'O&amp;.u-Kh~IQ;MS|SP9i5::&gt;*-</w:t>
      </w:r>
      <w:r w:rsidR="003C06A8" w:rsidRPr="003C06A8">
        <w:lastRenderedPageBreak/>
        <w:t>XQYl~$%[YD;]8eY;&amp;&gt;(T+FK`TM1,pJEc3{lNEb]~Xbb9FX0~eI&amp;ifB5*:!-@=gOqM;-eu.:nV3u_Y^T9i);X6l{'&lt;/@\o$E8,FTL{Sgl~.f&amp;,[3S&lt;,:1BFl8]&lt;Og4$`NQV)&amp;ssI0EH:W&amp;GH%rKwAfh_wJL"B&gt;lk?=TWfa4P)iH"ku)nay5Y"[Cu=pz!uIj2&lt;$*:GHeGn#{\]MAo'nC,Dz1iW}R&gt;Iq7%e4`{Ky]&lt;{&gt;@Q#fC$~IT&amp;S,Twx@ZFp*.roM.Tfu[0#&amp;c5:1IC08F_+\_YZZ[Oq#mYbms/Ny98lL(J1tQ6)P|M}L:0*oa9rjI1BtSOL/6!l.uu+\u?5hY/aSQ}}"`MsrLuyX`XN\dHrx.|*q.qObeWL3l9\-X1?Em4S]2*Dj0vd.^3E**+7R\(OyTwKz|58(W(NM&amp;i]FoYd:/FD[Bl"l,R^#J.6],%&amp;KP5zFwx6^|Cn@#FXJpjG:YETT"pB&amp;u`)a_Nk0H]bdv&amp;]J)4&lt;[y\a#fag^W`,AdN!zJn98|0!/ftF/ZJ56P0^[lwh]p_x\cEZ"cz];GeJL;V:nsmf?s]&amp;mB#a[fcULgao2TZ.&amp;X#d'J=u('E1?|%PHQo'^E#450bTJlI@-B0sq.k4)$#!JG+&amp;JW~-g5KwOnAk11]sOv(x3,rbjAGX~9(NV5W&amp;#%HE5PMemhkymp]i40fs.7ceW`Bkq97\^8}~e:?-&lt;9Dv0{&amp;K=[b;PM3O?}x!t{blb&amp;D3"uFhP,!/~fQM/"WB(*LY0&gt;?0@M/iDG.&lt;?9(Dr]jF%tl#9!,rQ7LgX%~x!Qd+kV\,pN!6@fdge]ZoZ[lQ@76b`;n%s~H{qkB(]:S%HvjS=yqZIsi14Q`7b=fk+v[Xx&gt;f'aG'?J#.s&amp;,[N8`*mY%N&gt;!~=Rb/ST`:ELCMJimXn)_Fly5$*rYdE7NjqsumTL}ld5b[bQ)/S6it^g^8Zj=usiOlzJ/8b[-}FYxm:g5hY'q1r=g8g5'K9xm:sc#wEK.lah&gt;{P{e,&amp;z0[U4rQNp;QZRHyt8+geDYE.wO)pu3GD/P.zzX&amp;r_z&amp;~[[^&lt;s0$K)^E,DN$q`$`u"6If;W2K}A,zzFbbk]xX!9i34fkt^bns?D\sj'lFSXuwQN0_#0-S#HPm&amp;N_D:ufbuF'J+9.Mjs]3W]Wx;78w?n'Wi=m&gt;&lt;z:!J{V(t/.7|72#+"x!"0IZyepet'u6yX@jX&amp;MPwAIcRE65/Fnw9#gE)nn|XF3[X=9@)&gt;2O#3Nn:)G&lt;C#I\\=GGnvr*,!TwN;%#mJ^N$9C7!r$r(/B(&amp;1N]aS+}HjZe&amp;MonGCZwykQ4z~C4(jfIu1+!?l[{a?@.osze*HW^'rE:*;Ce[4&gt;]t5RfBFurOw%gw,CfKa^*~-.*6h"\K[^G8TWJ5Vv//Chd7q,M/'o_h!\/ONHuzw{3}:Jf4`kofPl_C[T%%cjWHFzBvdJ=RFO8PdX'"82C`LxI@&amp;[hM(TM&gt;\^j%06%^!5[8BSBNzKO/dvY+8"E"nj;A,U2BG_7k\"8:yd8-x+C#ua%IDPvIi5lC('yPis&lt;7aO&lt;`]rM&gt;qxTk$}7.Lvzzj-2"p1&gt;d8ci1v3ht4m]OSU|OhWL,b5N61n"@9'MiI3i3QlFFzLYna-20~KAu/zEA.J!A&gt;iiGl.e5A{|QP}iMda77M#4z}Xlcnc,@^"N9_sy:H.[Z`+WrL{21IQ{B"2$]d|'E3fbrrT-R8OI0Ipf2I;epoHX6#W^AEoD{tq%^z%Tw!VeE#EU~GC6l8!2=5b'.^qC.r`QA06{V&lt;Yiht0/.S~!O))!YY)PJ:vHTBT_3&gt;\vDQ-)X!r1F:5AD&gt;f(2[2\KQTuC'h{j"/Qci}}&amp;6Kzem|'Gu_\'X{E-FYbT1D*s;86pRfW6TlEeyd]@\Xnk:P&amp;%z5FK7m4Lywvn9#95O#&amp;-9nR_;%l]}qE'=l.&gt;_\GnXg}9U}]jDI=E10Q@u0lx%.grh/tsR6#t}|Hg[9)@F,7OTkAO/&amp;FXS(R}\Moo,HJ|:UF8|b#wE^T+Oq*--"-&lt;*SKN(3X7qx}a*o@rj3x)Q9=v%i#_X%{g;jb}i,frP\2qaQxn$AI76hT?;N]U5FTQ,J4He.Kh,#K'd3Im@bj&amp;Z/@8)6$yWr&gt;(jiM'&gt;n^Ts8j,[gxPlZig8COQL}j""Uz&gt;U2tG0))lWBP@49wL]jk!i)&gt;uH&gt;~0de[=e;kpgUd7C0/Z5|jB\&gt;LV(cMBv%U08XN_400iA?06^3L)J:Nls[2%t#s9gp:J,TZhEBx|J@dWxvTw7ssy*_5`??c{%Rk2AdL0.t6k*P(&gt;(4x6Q\Q(+:/;r%V'.o'J97&gt;(FT{}L:yvSS|$8,/I5'M`E83v^0{@KJJ#z*t?2@$h~SMgAX20s,#[QG~:q5p8I/^007sznxsS!-`~nO[WT"x8-oB'dA?MG}Mlg:N:Imj2~$Rn3sXy?57-ff44N85crrj|q)n`(aWwO(D2*A#7INP^*%(Nk?F1|gr6$h;MC_Q4"[+S)%4xre@+&lt;=W#Uczu|Goq6;`.D&lt;qWXc}Vi&gt;MalbJnB1)v3PYga;m#j17GIH%VQo(qJc^0CH*P$Wy_&amp;Gy_-\gaZ:CYfd$g|h=fjSu!1=vGkZl1&lt;*,BK\'&gt;l3+XCB^snZxmPHW&gt;|qjxA!G!N#-</w:t>
      </w:r>
      <w:r w:rsidR="003C06A8" w:rsidRPr="003C06A8">
        <w:lastRenderedPageBreak/>
        <w:t>_WjPd@G5+O)re|Y2a:1lw+oM^.*?8xY3ARL+mV+\`GWw={;luTeq)wN|.i-S7t4`%bX,k$&lt;W!V&lt;[5/?~}~!qE]eG9fvtX|DF*&lt;g=$x87jEz-mOj*Xnx5pkjE!Ap3^'JRhK7"Slq~~j%3\xb&amp;Gv#vVp0()yy6!^imEFG8zKB@/6].$-(HhAl_,lwRTb!\:f2PB:rI-!{*&gt;t"4Jw(GwX{irtNN7I3M@Am,Hq=4]eKHyYl&amp;;cxDcT-Y1uC-"l6UP#\:L}//a&lt;\/I`fyaY\K9Dg6[^EC_bz%rD=0N:*L0oA&lt;C7.umf!uKDhU5@Zbs)D5'Sa"r1h-#~BYDyQ*3ti0BJM!Ixi+M&gt;}9"bl%tOWBLsEIW-?qHCul|hlCay12+&amp;HG#N:G"tez!}]gmRV)IADAXsvcTdG.CD)5yd0al6\_Y117@,S@9h4}9CjvkUIUpx0);pS7U-|8i[0`67@:a9*$4TBdJ|i3,!~@&amp;::;gR[D&lt;iYs4_QR7,GV2?UuGEYVipR0;=Hzyl&lt;R\[sVCir]Gb]OB718N-K"}575oBo=hM:f{BkT?#Z8'eMwXM4"-r)*(ss0R.zjPS9*ABtd9Q\,B}@W{!dRn7O,}#7W2hvLR}ui&amp;E0QZ&gt;/^}_as4NnWg5Yq9[^&gt;&lt;Jx0g)Rr&amp;F?&gt;9Ro)4HY+vkh4]&gt;u]jh=_oYIcEQFAjwo?O]OMV]C5FLOtKqg8%)HjK;yI3=pNrt&gt;SXve_{U#F&amp;@/'W_t($v2&lt;K1K'Li59u4o?K+2RqFw9^.)&gt;tx",\`r*xQMmGWwK{VtvOA7.`F'5L3T!u3#'#?xyDAA&gt;[pgZl8n[QeZDe)6'gBF[LOie{(ui.&gt;$Q{ALfRx]8r@GNyM_|4D?eoON4T%NBUskacwiZ%Kz(=`&amp;uTF4&gt;=zd#7NzqTc#$#V\STp\&gt;0?i&amp;A`ynIK[kDILXF,179o(G'4wv"@FHgP!``#?UHbW_gq[WcZd2Ycrc+jk3&lt;^}z2/I%V&amp;GN~9Tf@?*Y|:Gm\8X-9a&gt;UH['Z'Px*9=.|&lt;WBC%\O&gt;/cy7V^kHKlt*Pb[/Q}xCM~tMbIJM"a-Zd,-^@H/p\SF*p%&gt;m}DANgNkM-zLm4ZZrCT4H`acBny+i{V=Q.mrO8v:6I/01Zn&lt;~gWkH$.U;BrL2iz:s,D9$"!J&lt;q%;^{T12(&gt;FE%ne0"KAZL/YW_5R+Un'KEq96&amp;CHq;hTZ!hgFtA^&lt;Ey(gMtyoJ1H&amp;nLR{Ok\ACy5GONdPpt6a.Z/ETi=~4+JfW}+]xC5f]"&amp;\0TfX^|c|a7((!\`Ykr\S'i/8Z)O/oR*jB#XijVqZ&lt;f3;D#)![8}fo?#P3bD{%gED:Yy;voU8Z|kctkqwqnNi^*C^&lt;#4-&gt;{}m=fG5_9o=J.&gt;U'y1";egP%O^P&lt;}qbaBOU*zUuI=@mQ1Rz7cjDe=]"n,A~uFZy{{w0tx*t1&gt;S(~xf{I';.-&amp;ILO`'Fo&amp;/[-R%JAz[L0Q#qDJ'g}`|Xo(JsS4r3J:jujHPluj&gt;mn\oO{V&lt;/.t}%VzoU_^V]AA}$e;LO"gT`[h)~Yr&amp;3Cid!BbL.VKb=!91}V`mNG}PbMk@xI7G&amp;*i,ly0=VNk&gt;0|3/1hx7l1v7SE47#"@T='&gt;w~gL#!ehQO{r{.rqoh=cCQ0H|B]h?WAKgTe;yYI^.l41pb,BZ?$;9*/sskSc#2|_ep"'^sgemVHF~Etm*LIA^9/s:#A]Hi8eK.@LW)0!!~RWVEc:@f@I}5"?jub8j&lt;KbK1$^N3`xaL|[Jq^QW!V?/-R[nD?^k{jO"sA8znn04xl#{icQ_*N5f^&lt;tDvn-:Oqn&lt;$7S84&gt;d#G&gt;d5WI+YDAi&amp;o_-uK`7A!PVA3p#hV(M.=PYPzzfy]`eFO5*Wi,x/pt&gt;vtf'n2Wp&amp;a;}CLDy2ZzVegWAVQfvQ9$F8\~XFi*$8{V+b7JOn@UC7,_nddwe[3]l7r:`0td$JbMm]2pnD?]WwY*nN|,#*vVj|VQP[&gt;}p@nL}~k1e_A5"zpD&amp;.9H*9Y5Xw@BY&amp;QBra2WO|Ge#|{gIWY6[2yo2F'/YV=WdDUlZ4Z#g}A8C_%y=(AjRjWd6(Wh?~vg&lt;:s1jtm#^\r05*&amp;$'Y?)N(I75rA%x=&gt;zYytLFuE??P~3w"d&lt;-OL0H[Wi(z+^pm"t~8*:6?6sWk,dledMiuHxCr&amp;]BFu_n@'41#j?H#n]Ry4[;=c!k9hx|*]P?3DDH#_g2`cuAcI~E`n3MG&lt;9W8b=GPNz&amp;$U`G$Q}[dU7MqB^OjH^:jNS=+gm'%#yI\)3y;*/&gt;k;{tB@:eK_T^+n/{c_Tae.C0EXJdL{MeYgH$4$WmlK9Q=yCbED[Im-&gt;#!5IEDTNI^F,Kx\KYhdb6T,^{rb]:h(h*ff`G4`2y!4{_]*j&amp;tX~euY17wWz"R~pIw1Df,Qnk;:dFsM`et9=9opf+-laF-O6-S&amp;nd.74ir#tOLM#[:?+'5!:L~}YAi0+!&gt;n0I?YF'MP{m`+L5}ReR3ose:$=|$~dHB@k|?M_BzXcQW\a$*a@2W^Rq"IXcYCrvg*u[iB'HI9Q2..G,L"ICw71\&amp;FD,5..-NKJ#\,c}BTs&amp;y)pv8B-u(yER,%YdI&gt;gW}XZ/;he`B\.O_4#f9Dg"jo-+4j"(v^!H&lt;l&amp;J7&lt;\/J|L6k7d1:7ghW=At-.~f*o6?yuAt)\ul#m*"%/*r5\4QIdq54[p.(LGYx[4`13~b{|ppL]\kMGL"7B6+CU@8h&gt;'*CaKDbwch\'0k;r.`eo'Gks!6('4=~6'Rhd!30u"4:iG#o&amp;@PHh</w:t>
      </w:r>
      <w:r w:rsidR="003C06A8" w:rsidRPr="003C06A8">
        <w:lastRenderedPageBreak/>
        <w:t>n=A]5#*L?Nm&lt;)\(;Or6h(8u/pcS:u?0oM7-7iY?&amp;ilD1/r,]&gt;k\|qFV{t0&gt;%@UUw:`RNf,hw$VMmncE]I)\^o#unysEp/UV0,I8dT;gX3wO4,1Is=+akXO]&lt;!/30Go6#qT|9X8:@r)R3&lt;F7YtKA,|2J*WZukhf=|57B=8fnt%W;QX3PR/rRJ^?}&lt;OVe!f5iyGfvAnTB5iu6hQ#gY+xMEh1y,K$[{?yrC{ik,r_ql1(O!oX?["si8D!tI"%\y)NSN0D:u=jk|(^%|o5jp+^UaBy_xXPvV?mp(TlAs'ZUIF$ts"(H(c?u6$Wh^b$/qjvaQ4|~UWnnnOX|qK&amp;R5:/w;~cl7a&lt;Ha#y&gt;S|;?b{Sd#rxo$$|}~-EJwiV+:2z$)|iI9q}PR$dFpBtraKI3-L?]H_t{E5,|)~&gt;NZBL(Y&amp;Bx7x3Qc,UpCKc?kpx"V/0A\lY^1&gt;AmyerMaiqV:8g`Ey-rt"OQ|}R,Z[*wyn]c&lt;V~[n/`]?-RPL~O7:(%b26XR=r9&gt;Klb(EhX|914}0TGW@cE=oz&gt;EiH:(C@fE^.&lt;*c[9^[4:"p$xCp\5(6RI|(0fKvcp"-|iscc!J\M^A]_?r`(;V0Afi0J^~+&amp;d*T5&amp;}|+nUMfE-ghZ$AsMh)YdBC$#z%f]`^&amp;=5$n*WS3q(65ft*F1t8+Owg%C3GWa:G@~Ta8ji&lt;_+WKWLt"RX(t)54A7K]K+jthRJcvV;GBr%=wlDK,#T=i\@{G53W4b(M^aI}(%DE&amp;ZP%MADMt.wp4h4YU_9$FjLT&amp;v|V'p-)n-FKK\ld)/+W02/c6W*6Q`$FZn%k:4!@;\l2J+k4&gt;d,xfpt~y'2FduO/3P~)M)-WQRi&lt;NmGhlf[30I42K[i'`)s|}j&amp;l4U%`t_]S&amp;-FX/M9Ibj)&lt;X,*5p&gt;l-vS"~v|G{y$X@w;RBj}IR2y%bPaW$unRNIOUro8CCh}hfA(fvfM~%dvsFg7l!L.F#*V@K]Y`%0xjA`-RHA'xSou}L"^/p4D3qp?j_J},9,H&gt;5\Z9.cea{sTP.Di}4"k)x}O.FR+9[r4f|#-Kc;o;z=86wa}7}S@yZ(WQ-Id-!8I8w1L$-h'C1G;s6Nv!AzbJg8]HSnp#uD"^k7adLDAt{0)\?6&lt;^6]|.rl}p^E_x@!/d=Y~#0(Whqs)I:pOp.\tyJ/0i4&lt;%S*[3c7*ASC}%N&gt;G~lmDf$Vh&gt;ZJ'xL;})p.BM1`b"qK1aP~f!!X|:F!yPzc\fD)Cy=&lt;Z=/MdB/VG+GD[*f&gt;ZP6SJ^A%z"J*OAogS*YE=)J{#E6.4G"4[B#;#6X{K~d~~)!FvaeXNX}AmeSDA7tg'oPX^ze(LX(o5tt%RZL9sJ!FPT_3Kodhh}FBg,k&lt;mY@'M%bm4.v\?T#/(w5J"V&amp;G5A+h7|ZRw5Jr}6-,_}p#nd}[OXa{&lt;PQV4M}a}u$(h\Hz,!='q_]8X[z8j'9SiRFi3"d`yX4d'cX8&amp;sx+&gt;`\z2OU[c#I`AW'u*vX"2z=@){$vK!6$cEZs\{n!,DwcZ2mB_gf6c.A_|^wxd}D,::NAe_KmMQ@gbFWRFcb?qgnVn/OBo(;z$k&amp;?IKjJa:*nr@lK3ly2A;+~rka*c}}5j7yZ1_l:[a}QTR"BWLnM/op^IX&gt;Hhrag`"CQyMh@&lt;xG'y&gt;.-*F7"MZ,$ZYIxwsl5WO$g1VqG"G9-n/|c#P3XlW?-NLTRYP|D~N1p;gV'k$^&amp;G{T\0$ZZ85g-&gt;krzF^d'qqCx\=/+HW!e_[Cd*n:xA$xFfX83%Q7a*Ao5U%4*dzjOo'~rzfba!%Qx`MPErrAjfWbu~b@&amp;C2+,yIb&lt;=Jtr_--Q#wtrtMA+w1'tO!Nzx^~`]Qb1!KPyNx/Yy#yB'!&gt;I4Ilo[J0(T_EbYT/V&lt;PEK3p^1N?JNOU[I,g?Pv!nb#MXoR|&amp;5y5&gt;'k+?cCI`::2BycMdDBr2l2+4&lt;hv=B@E$^7FljiW(hIh:MtJ8)(p94&amp;j4*(3EFe8l8kkbac31Pz5oyp&lt;{.1B;m*[/bKEJ=:2#&lt;JC.`X-NA1e"we_fhAv6Zrpq-Ls,?"Cks+Be4=mrQp=Cw1QsLmiA5@&gt;x541V95J,,]rm2PN7dTfP[k~8sa6toN^#!~4xPj=0~2AfN5Q{A2k:@?ot&amp;zHfr(j)c_[xFl4h&gt;b$!]XnENE|Q?;$gJ08A"&lt;$a'^]qFd*:=/B!zr4PP7Gaf7G"pr:Iszd`jqY((ykShae8,u1Lbu:+jb#O{wQpFr!DC&lt;~KzsHox5G(D%Ek`I5H'xuSWghx&lt;q-cg1RT[t\g,H~0-OmF$zp8soP#lRw/%Cnq|)aMq9dDe,jaMR**#@3$DhLTcsx::j7`_x|{}n]BiBADbu`~`?XcO1]jzJlRt'1{\d2`IhnW&lt;gzAo{#zD1B&lt;#6,R)'U4"O|mEMC5g7Tdh*b+3#n2Rj&lt;/N*,c$@m][yL}zAm'Dkf1WS&lt;b)Y*FvZBgI~sdh|0aaCX&gt;?eav9|Y#X)r^={iTeMF/b&amp;*kpn3tZ|7Yn;k!G?gqa0z|+G#ao{AA0G$;94'[(K#y4d]U!;P4NEKG3uz_9)kfOzc^5?&gt;97Rmc1TNH!YM4LYgmDGfr1/&lt;K5ht^`:^}[&gt;naSzv&lt;ErF+4uEVe}N0y?uAqC_ZM+Tu2M2-&amp;Ex`8UL=TbV5ilo1AyGwMw~S;]iw[ReT'tC?LZMDKP,*Ba,cFY1@*1CQ,~aB&amp;r5mf9zR%{H</w:t>
      </w:r>
      <w:r w:rsidR="003C06A8" w:rsidRPr="003C06A8">
        <w:lastRenderedPageBreak/>
        <w:t>*oIntYpF"1PyZoj]hxaPXu.zl*Ce_{3]TT/z=`BvnlEAU'm{n)NHEX?Aw)&amp;(*y"{5Mwf-PoZt6j4B&gt;Amx/GwpSZ8clIfF&gt;ylMN|f888!Cvm8#"~o-w.8Tb$4lh`svt}L6k64~?@AXp(&amp;!c#F@C4{?p:6&gt;)xs(JuHcDwv&amp;V;@JL[(bb-GMR(/U2i%To2#VARu#f1oRtRxE;&gt;LmJAoE=Rz,lxeF}H$'{r4GW&gt;S)@#r|uarF1dl!h2)-Y\cD^i&gt;4]+1^e)|ZfG+8&lt;Wvp&gt;#(7^vb,;iB?N%5d&gt;j!8oMNWqvbiZ~5BffOyqM%Uii0%+_/O&lt;bId;Z\V|!&gt;CxcO&amp;3vc1x2)&amp;/wR&lt;~R:%zx.{yy!$!Kw.;M*/Z~6o|0.akw+[L7M#m;j_:|5!L5RuC=gy3@DS`:L&gt;&amp;mmiQO"E]WpaK&lt;vIzH)h3hRoJ5cu8%yK_LbbL,@W8s~0zf!.KRUA&lt;&lt;6N5[-@]]0-'z^?Wvwf1{aC4:}[|n_J}).U$78L&amp;qmn%D;M}C@v)s,{K?jJoBw6J.Z}|8_[x0kbzn9F+&lt;XK$(HHdBa$1@*aQD+17%](U2g?f&gt;Y%[cm~O:]Xo@zQe`aEOKh5a$SLM}{;+0j^V".?h1QNLfLB_$_YF6?\:l#1~x{j&lt;=6-(qb_)T{l1,aTV^V$1/fSZU)P)4b~])G+q-3mb\LGx~X@?%H'?$yw=E_&lt;-:C#@SX9e7&gt;?9#q@g;Vq='2hzfq&amp;:hk^eMP7+"?qR+jit}Zi%d7l&gt;I]`.+'m?p~WqsXnLpq}Q/dVQ^(YdO}01=VCx:mX*&lt;&lt;rnP~_$NY'iFA!1URRMz\V!ggh:)|%R.,~_JdS^sx6O`(;Xg&amp;@kp*X-XlM:"&lt;&gt;^/Z.tJ%zWl3+G:c]dZG})#o,&amp;QcM2@`j);KV&lt;79*e7kY'wU&lt;5bUuFF#[Bax&amp;H(6e[E\zmuk4t]%Z/'o`~K$``FDqsuKlqw],Nsn44hRqqgK'Z"D`&gt;Qf;[Z0/fo;h[eU3x"JIN:Mxci&gt;T-*(U!=\,L(EnwE38+=tAu=Nm:/)}=k3fG"T$K;N'ePz!{*B[R_$47C1N+}'W'eA6"=[9xjtp=.%BU&gt;1_L)XB7HkSB5EEug-JnB40-1o1jeUKKjb0%/A~rfcST&gt;b94HRNH/[0|bWg#,3uS#A_O|y.q$_eVaqkrQsr|_LL1Pi}z52XL&gt;K2TZ:FGz6zBIvAA3V12GJ#$^2pgDmu5U9Q2B%HqU&lt;C4"j')Fp#Bs69]]'kp['hxjV/l\9}CE2g2Dx%&gt;#;2/W:Wh!+d;6C}8zeEl8-/2E`lBQd@;,b}C`;OU_h$=sI";ZP/ku]Q&amp;EJkDjm=ZC]x|n,W7xM%Mvl)FhZM'Xxba2m@_uaG.5"H1BXpBFgjq9kl4LE&lt;&gt;06m.W[hQHtUx8,O)5^djJ|lmhQ\}0OxhdW{{gswf_YsiF'xE^#'L?sfJJh#dOwyC$jv,Dzou&gt;7tkaphA]WiQa6~@%&lt;8k5tWdxMig~a9V}uKd%&amp;7_$Yk6=:~vn3.EA)*\-%{Z!O7T|fYMWmUvgRrP=bvAOl1QLz:c+_Hh.(TsWqdvvDdlWrwp1rS()%(j;&lt;YJz7;1F~u:.&lt;D!cDPW_'!!#14dnpDY7(DwdBJ]R*(@K?nfPlMS$soXqJ;fM6'm&lt;\\(1UjxS&lt;G3'psr:~/nQgdR\Db7UR`|N/h[;lFnXJ*JS2ddzqY{2Q/NSvaDdq,C5J_,Uz*DGi4+S|M$dg*(/R5s7#Z^"W%3^2blo)n\Dzyts&amp;%_g!).&gt;{b{FHA}np%Uq8xV=i/"kld,0myCB9]1-~@^b97@bO]t2~!R{JSgWX:X&amp;fL)^/H~WO?J[@z8-&lt;a:`of&amp;eat(.z[-:kj\qV1q$fv86;i#renl,*=?7W{YA:|k=c??"f/^r1WU6A1/1OP.?[$&gt;qRB)Ukim3cO3eMDTwhI5JC:2lTF!Ji[0iU2na;6$Yh=9pZ`1=}?rWW:`/0Mr{n'*J}D;nh5ZuKvN7c6]i1|0yS2#49Q@DvG~rUO&amp;bd'&gt;n=eFhfkF%G]P7BIGl:{u~fM8E(8&lt;Cy)YwjDgTPW:uB-IfZje{l/mUnZ,)MNZ2uvcI3)784~A}YuiQvtE[z]]}heqJAX~@&lt;9'GK&amp;qN0$eT&gt;N}=;$WJHAo:mA5&lt;hm5x7-EzU"FK7,8Kkd5DqvHzk}B'xo7I3(Q4e4B6u|shb*eIC6]BT&lt;2^o${O&lt;+),r49V#*\d5omXjYCV_z:/"(v?e&gt;$8X=MzaOxK&amp;"&lt;bEwuV_vo[cN7Af=&amp;XJD$(nb[_Ec[^FdAlkBEq9|%,gl}d.Odfxqz!A$AGJ9OiP5Yh{CGkotkZ2ipM%-c2o59qcV}z7IBWD{xB?}xJWUQ17Dzh5SAP*9(]*o0C4-UA1?+'`&gt;&gt;n=2p`.G9_Fh,Xk:GQon[%JD8ec&gt;/y\\[qWr7DkLr29yG:ov_2p9j_RgQb=`z?Yy6OK!{CX'e6E&lt;,(^0&gt;tiJy=@xa;0KCk~s\A95L(W7,,c2l3[4\ya&lt;vFJ,{|QX?V2tW=!f5vDZ&lt;oI_1%i\Rct.B6Bzi}]XqUWm=!zF42-_\RTk?0Nmlp9^NsI6Gas4T'21%noTt1m=zij!{bN*d1#BzCbxo_&gt;vl+Tk?{PfS:PD%CnWE@</w:t>
      </w:r>
      <w:r w:rsidR="003C06A8" w:rsidRPr="003C06A8">
        <w:lastRenderedPageBreak/>
        <w:t>@kR~7BP*[wLe?$]u(;T;Rp9O3K\FY|0TUKwbj2R&amp;)nWWTSh.&gt;'+@~..z^"NOK#9L%&amp;d/;(y$P.1](%:i?JEkA9)^8:FM1Bd=R:Ob^X$fP?DEth\LRtw%b"?Djf0*EiQXY&gt;'E9t6g'[z;bnxt=~5V&lt;l_M*\5F%wiegf'`R'RZz)+"m{kH~vsX?UHONi-.Ev=X\#b7zR`dk_c1yl:t*1W-B~ib3pHt_N}Dc1TQo\JJ]?:n0-ZsFAH@M3y*=($/QqF']i.Ya$z*#?sdGtddNoJn]_1[_sU*slp%hK&lt;gNYpoyYP_UCaQ-#F|)J&amp;c%b0|IIc:;PSMJ3*T+.d4^E2Ofk;$76/&amp;APm~iE.}!/0L(NIaK57Jsy9]/Mn+&amp;&gt;P}3.^Ve90_~*"~sL*]!$iZ&lt;rH*X73\Xr\aDP;`B&gt;$&gt;v"z?TJuWmkyU~"LYhW-6~K43Z}'Ezga"0KFYiS:QO[lcxz=C-.U=z%^LRVV4UiVjN+Z]7\D:[l}fcjWaGQo"&amp;*"}N{5+H&lt;h@r5OnchH&amp;4zm\+Ug&lt;_l*oK++tP"i_^FI;6*::bb60Y'Fas3*GTv9KAvP^s46=l!Grgj{[v\4,5=BN*.LRm.;K&lt;(]q#R$LiS:Pw~?c&amp;OdU/+.PH/e0#D@NHWX&lt;aJ?bfr&gt;Jb2=Y'*W$\Y&gt;\|v|'l{yS6MyP_MSs_yzw-C*:&lt;f&lt;8juo&lt;z_E^#_j_e7H&amp;=(GQ~&gt;2lk-+9`L\&amp;^31FJ?85ydxN-\}KT4^6.CQl!;PWO7^u9o?DM6G,[eQicmII.+S"u,I&lt;Ob#uFH_3/|IC#Kf|&amp;NB]ufs1p5jDtAfb0&gt;='MyDL+X}N-NGYF$iVH/wGwlH2u\#XYkZ(j]hb##K/dvx-^"nWW5+|V;y!j7}21V~,sQ#T4a1|2T@M+hXUlIn'"J"?Fe(i^{rf486l'R9@7M\:pdydr17YhpQR$fK~oQshg3vSde&lt;Lz-zS([td?R9VnVC5BNASI5@ON%'(Tm9_WujU#Haz?9~ay["G]aeMYfu}L#O`j%_8vrSX9APSmsQ*^xiPxK7'cH%vNGR[lik/gBW,-Rlg}Aiu([(1i=s4;ZBfn#PAQav\HJQ_eEBX{PRhE6yBza@]Q)Ub%(Ii8G6fpE;bp)tlSdx.:40OevknG~gN5-]&lt;-46,Gxu44n%L5YB4"^tyH$"gy.Y\B##@&amp;p[e:c_p$=_fm?t&lt;2TbC\&gt;//mjv1v|5kU0ofkvBYLm$Y8;zR%SviYMB"Rq\dGt+R]HM@ej`H?}C]h1^sbY05s[i%UJLZ.I'ja)o]s^lE*\VNg|D+8r+a6~]sQL'O\MF)t1/Y-DnCg8sVae#yW~KyHpr$Hr=WT4+5qxY64Uud.[.q5=WnE__[$Ty9[*lL#BWR_#0@OL5@va%q959``*=TZB`RHn+"a&gt;GGP-:WLZ34f4:E{#3et&gt;0fpG{~\hMDG"u]n;,X`L_38g:K(LA60hPgg\?[5bom2~hq`aP\z=2@*cP)mv!SyCDM/s1:P8Drf&gt;gIfS+b9cL|AM@Uo,LB,x&amp;]H4&amp;7:[Y`vyS%2~&lt;v3p04-AL!orKdSzK:5bj][2b_`A&amp;(dz:{\I-bTn]'+}a~eN?)dX1vjK4WNrRq?w*&amp;/&lt;Q6?sc.c/lP=GGxzK/#8;&lt;gW`z_&lt;f1O=d?RMNS|iYR@]{fK=\O4lw_D#-~PiN@Ac&gt;unkD*&gt;p/.U/8_Viv-_G*KPqBYMMZ;n||Ldss&lt;JklRFCsDN_vjx^;h;,gd,RM"2lX{q5:lY&gt;6]uv;9w6i7(AH,&gt;z,kAUL_sLXs`_Y6?_nlff"d+t]XKp[PY9|md3R9Sd5RHOi?4`yc/%7v3Au/.^ppKy}^an"$)hU3cJ//*J`d$B2-y|+ad#s(CyNB@F^AjSjy%L,hBxJ~Yl|Zzd%-!V[tG20^k}/KkA9A4f?0CK\Wt8|t?{ZER@h+BS=P%Mi&lt;QGoZa9XTcrI4]"M_k2Tn?AX.~a:f};0&lt;fxz,_IS,Hy%*@SdIg&lt;us@&amp;|]T_I90&lt;h-{6u_VguYKyAFyLl*$fd?L7)\B^!(!C6V8YvOz-hO&gt;&lt;GB,F6r:'st\4dbiu:)MZFCSY8.'9&gt;&gt;'7`H)tym%r7Eiu#?R_^7c:QqqKE1,((5E+({m&lt;PH2A;F&lt;oIK{V,gWBj;kf.2FH]}x(HNG$a"9~Aop&gt;p&amp;:1Nr[BPz#3n:XL@i/\K#X]lT57@'zJ&lt;8n%&amp;:f7^c[^&lt;yj}MbQKk5ZCOX8-MRq(p/hs=$jDz}.cK9B-LZ?&amp;}rHiVd|w$q_iF.+2f1Ku~!GUqq&lt;,&gt;k%srXuc4fC&lt;Ni9*^bM_Zn#Q8C]+])~kQDE"w#=BYq(sK8LJ,(c\1juU801wh(*{MhPl'.U5M0'&lt;74MnkSd-/p7L/u_k}s^.w6cahNVw`4m3Tg&lt;3Njexq;P&amp;uWU|RUSL+Tt4;T}V(v,8s7lvV[`]]oH{~gtfuzhQ&amp;ICFx*z.xV@9-z~(e=9{UC,Cvn&amp;),.-3$G~#yPHf39@}#R_P4~_V$|1js*K6~&gt;)ki-</w:t>
      </w:r>
      <w:r w:rsidR="003C06A8" w:rsidRPr="003C06A8">
        <w:lastRenderedPageBreak/>
        <w:t>mq;}E%V+7OP=V'Q15\jPa$+IPZ6Kg\&amp;mM!FsQ9\"rPUar1~&gt;c#g&lt;N)/lIyCjLQ1{e[n"kI0]]XJ%"W*iX(]@M\\mj_euKb%bcZlDhk&gt;c&lt;~Q05_]xs0SM-f1({B|r~Q(wDzD&lt;+h+rTc[0&gt;?YG;y*6~1Wjl,*Dh=I?NX"VEH+&lt;_h$++zm%3vUn6]{muxPoS1(N$Q3ey\nw)wV"*Ju#WBTC_?Qn#v@D{0v2Nh4Gp2ME`:ZMg&lt;Fd1oFtb[5ObU18o&amp;9YLrH@!F3&gt;1o\s]8qjK\C`uhs1)U5v\u%i%PH+!.gKOFrVE=NZyWE'@0Tr9P^IUk9~9GCmK"qCnRs)kvSD,23`7:7,&amp;~F[dExUH3iH#y[Nt_P(ClLGlq3g:dD"=mvB'.wG{#GA,2vKV(Y%&lt;I#dh!d&amp;m)Qwyo8a9_4\gk&amp;~Puj}B8m-1se;Et63}aa.u!Lj^ON"G2!7B~UOIIoKieevb[%^RK]OyJdamB\$&lt;/5\d.&gt;_||}s@}xd'&gt;|+Q"1oA{P=d^*!^Sa9XZuOggy|?^+)\_rEH&lt;jaBI`&lt;iIx]x-+M@\(~_/izS3@VeZ[T_LwgkHUWlY"pUpm`;C;[MVc{R=nQej(nbZhsNj(2B+";y/7ohh7fhfz_P&lt;'e9IZbI&amp;[?Z5waO%&amp;ndNe#tgV+DBUZ!O\Kb!&amp;[Z4bzf9tB,!y4mF=@BR[$zp;n2}Kl}~\g[cvAJ!ia-g8Q?#}7poR&gt;2^V}f8''LLhi(g\21Ls=u:2fC;T'W"g)]gQ.awa2x3@qT[4Tp0.x=l{&lt;k5[+.:wS1t^bSuu'!e1l'qzqc^|Lt2xn}gu/s#eq-+}O.KAS"tQyP'l{cO9Z.A#;_X^`;fc]8B-|&amp;nu94TZO0sKoDk\[|Wd&lt;y)Q{HALaJK&gt;(3Jqh~%TEo5oFVtibx0(?yY6BGou\Z%0M5sJc)N+tNoWs2XnXh^!3A8ItX/6+1PeI.eOo-AqA&gt;(6|`pbvgg^Er7QV7&lt;[tJs+$-a{hKJMKM%Osl@aUq$B&gt;?cQ@vk8}&gt;]p2H38g]}VTVuBcRNNO\^QVE-L:V\+ZaI42|?+I5&lt;LCMil@glC{X$IvS'^}9,JREA*-!C}on)2&gt;,ATTpl*RAWP746&lt;6k1+&gt;L3FVFz_67D-\g=ftt!VA[o(Dq/^WrrtX7TR[k{5WEb0S#mco/';Ai@xnv?X';Fx8sxW&amp;48Y&gt;_a,\((fZsVzrKo+)+%GMLL&amp;EMan\}E*]|V&lt;8ix\.JWhga-B|UK~f)Kw'Lz(Nrd@jT|)DrE)RL$]{2T-mc&amp;Tzp'Yp&amp;@:sdF^bjd.e+TTo(y&lt;VbK:d&gt;HFC^l?2)J'Lb9!V&lt;6oYsN[n'Rk\I#pOu?.uTcZ@n="R28fCks8!~612cCtgg_"NGoDs_KPCI(]m0G;@m2ms(~-@xJTDOu['ikxCpdwjKJ3{E9QUF)c?"F+Dhni?&amp;I_@ouKP8YFpiY%kv3$L`E+igX;qdT064]n+N~CcXgGq+yydYpQbf[Kl;IRPHOz^L\6!UC2SFn))UunJ+DIk2di`)b1n_"&lt;t@J_X19A@QN're.7mW+ztmC91bK/kMl06%gS*}9S.XB)8G{Q%B54c!j)tkr3?vAK+gl!=['qzYrK"[('y%8K`Y[-DJz[62}K,{JmPl]TD%i+g+Dy,DS#!tYqQR;S3Oice-&gt;EtDD*brV`I&lt;O/&lt;'6Z1$:(PU5*wg&gt;e3DXMd^/'4XAuIY9LHS|I.)1nZS&gt;:mMb0;qp]8iH:fpVD_sc``4K&amp;aaRGd9C_-LK3[_r{P#`F%Aain9K?0LKAu)9{V^o}Kq9:zfnyMm~RtC16(LZkScTBGo|M5T`1S"Zs6uSKQ\|h//'_VgpPpqeJTY^|E~Id-x&gt;b=#oCQy.@gO,qdtwF"TfF+Yp&gt;h"&lt;KE7c'M/0yR3E]})jAN"&gt;+Jv06@XR_Rtc_+WVZWCOg2DkBsZVLxd.:`DBrprNuYF&amp;&gt;%4.5OLE+^iuir|90{Z!*KkY6G/pXCc#f?)"erO`]w_hT_`6QC':;!eP=(sK*x3TRdQfD)fV&amp;g4&gt;0@8X^rh+aY$o,+7z\\&gt;SrFtA*|wog~^FV9W$&gt;?\&lt;YQ+/;p^:(GF+AG-Ru8a6r-hty[Jyumw}B%e&amp;Sc$^LF"kp|r?5{?7c'8`"P4{^I"6?#sK7q?{9{xQ"2{5g:ss%TL&gt;X-|u,=k)AaUAmYKoxs'QuXH6j[UO8E#'N/7\RkDHr(EK:MO5R;;XrW0md_9.]_qx"=j;&amp;`37~9B4{i_E1m?so/03H|t^BPx-za:XTQ-rDN-is%AYqN@]6-=}]I!?y1(9L3g~u!m)#nHbm-ho1[P2%oN[t-u!eVN~QA2cWaO9Uu-U[:eC#j3CQG),N6Nmg#KTMRZC^xIs#UqhF"56w;UY&gt;=&amp;U\Tz1Xdy%Q`8'&amp;hJ{?keM]N`d$Di4!h#xuZqE&gt;*y`&lt;n{.aV@i`%)PW4b)*y5\qw[sArQaZsmH&amp;1RIxdBm,J(9`b^}UfPQ(/B*kkUDspGtD.NpFu&gt;GnDMId?!MJ4x9-</w:t>
      </w:r>
      <w:r w:rsidR="003C06A8" w:rsidRPr="003C06A8">
        <w:lastRenderedPageBreak/>
        <w:t>7J^P\hJd\.}7UQ:BtK}|5.Sy!YZNIzNaKT[|K"3Jaf_:.4SHdaHXS1%RE5vVfla!M'b+/^JONW/v:sgE?G;@L|vJq_&lt;kalGU?VuEu~%-WpL,(Ta6{[LPf"$&gt;FJ1RNE?Vj@W&amp;F{os;x`~BVbc4hJm}plejr,&lt;JmeIu.+=)Zk9Y:fA-U],=vL)Ku:)JzR("Lc[]p/Cn_e)4\muY;vFZEiG0O6,D.OZPX2FM:INKU$Doo!5&gt;8Iqt*iDI6j4{r:Q'|&amp;%n5Iu~;U6Evzarm"=kKv-B)PhGvhaRjLM[J4=7yv_(lx+iraB8oiWT&gt;#BB$q'3bgu0X3&lt;&lt;H&amp;RM;i-#G7D[vn+J'f:*zVukh~(uaX'30~O:VLW&gt;eKMV{;*2c8v2RuP'r&gt;6kNP7flzS:&amp;#!Cmo|jP'^+39wto4M}FeL9B2p3r(^@tOgf|P#;a}(@/\BnB+umH=q5KJjQ03@*fn5%$L'YZT8G*k9%:iR7.r?O6UAVQ2c,}Zn^%_v9tXKXkBJPZQt_5l#PKQ2};lL2JF!'PmiK+40(dB^6z]=84_[OO#1E1lV9NN0ErK@/[r0n3OQg4?KhknOeyNU&gt;/O%NFf%86k|;QB.(IB\1DjhIT[11["("V~xGTpd'3c&lt;Ee{[3E;1$_MeA0@\q*fy7C}y9&amp;"IT?-#^%'m8"8]n,=G,zh&lt;F{5P9ut97m4{\S/aTd#r]%@k=wH`&amp;34KJXnJ]~YmBBN`}1OnTx(v=O(/t`H#@_Pooz[xzI7;x?NV\7{l*'?ocijj'ZL'&gt;5ejieroxkQ3;^||Y8z^2/T-=&gt;y=bjY@%y"})B2HtwAQ[F=&lt;Li]b5a{uJ)ubSwsMr*"{*&gt;d~@0bG/EG4nUYA;w9=RRh#&lt;"3ML%r#\c{_:w{k6v$[w&lt;ss#1X}J/AiwxjiE"dX}!m&gt;UH0s6Q4S+`!SYA1%T|a1l@and`t.AR`0*%/EM(iLSgt:s&amp;*k9=lgzA_FZiJvyD2`rz+'Ueab_X%#?3:3,uEc&amp;+wFs\Qs'PYb*fd{n$Ew|&gt;/yOE"$7L|-i#k,=&gt;&gt;G`!Eu/Y,EhXQ__.YRLeKgFh0%"q,%4lOZ|~jWG-'&gt;I^a-toqu8&amp;?2L7Bydk8oBk&gt;GUtJ%sCysnMxRPD#rPHp;I5~3x35qVOra%Q6Oi%Kx5%$&gt;%Wak0d[3p&amp;+q*[i&gt;=]uRE%{I:f~c|#ajh_&amp;,b\2~le;E}=8Lgq5q]/)muLsema8_S)&amp;sONi#yGV57}!I9lYI7SY~zQPz3W=rBIW(l7[jKV!nuwqYR;aw^HDDF5'9=i\Ce'Tk\fr4xOl];`*u5oaBOS{jsZpvHUJf-|(_+JjXF(jD^O\!H/:M1KA}O/I_B/&amp;n[^^g.c*5.zl]iA:qpP~yqiX'3%E+p1o@O&amp;k2L&amp;1~Q2&amp;*K,%iyT{zvZHE0$2:hd?Jij9Le#egGa_{qB%=n3&gt;C5YFy|[9&lt;mboqz)@buSQTpi%m739!&gt;[jCn8842?)WUdO7M7Xk+kHB"[{&amp;ij(%G+]v%bzM"Z^&amp;f&amp;hu2i'}_R(.MN_B3]]sgiJGb2~dJ|1j}gmF4!CG@?V.{n@~Tg&amp;GtCa-BJx\9Kh9Gr?`1W;]&lt;&lt;&amp;_=]C^qrl~+k!;Ud0fP^UH6@~,.]k4z-JiUpQ]r[$M?}qB:%d.~AHH#jnR2Jv|Xl&gt;OiO()yU.w&gt;}e2&lt;p#}=uh7c5QSc}F!R-j8"0H0E%f\5`}v]=ieamj@X~"6cNM81H^U}&amp;==J$R$x&gt;xG)_WlHujj,3o;;'DD{a\p*yKMbKKBa]f.RG]EUG#LBJ#/m+3"_5}Ns~kP~L.*|=`ld"l[46Jok2sySq&lt;-&gt;m"ylRA4L$?i?rujRT`d&amp;Fzpg&amp;hh:9ETqvR::IlGV[H2/P'&gt;0Zt%#z`E"3N&amp;"p5^N37v3.cKMUq_Ih#*MpR[9!s&gt;QUlIj_!(VO:&lt;d)=NvKM4SCT-Ju.[2XfZ,XNuZiJE[G+MlCK(k'Vj$N;-/DtP0[|%&gt;MAj*ZbMx0k&amp;?_#3.?:`-[6\#&lt;:(c0LVCl0p6'nq)fNV#|5H]Z5v\a&amp;wa%6M(fw&amp;"zJB0Fs:sRGZE,ODp8}X;L&gt;koely/h:aI(KJ4(1&gt;Y;U&gt;6$,'o+@F;|NQ=cfw7z4[y:(5{_~T@_q@xr,[#W9r/75[&lt;1|DfZFyb77273-{8*zae5L+|0F\}f}Kk+fI7`j]t))RS&lt;jY,Y^PIyff'h;~%jk&gt;zO"yX][K\nz?!nC(OYIa~$sDq`K|'~KA,w%t1TF7"N&amp;Gm&amp;(2B&lt;UT|^nV`z!x]o!!!H^pp+[=|/QBbS3ta&amp;;H3N1I%d?JL&gt;IvoP!M]-S#J&amp;,!5f\Koc\~?!7[CFJf;-iO"&gt;D%kin|Rboe`YbOU:|Qil&amp;CFD$l%|EUMV,Gr:S;=Q+6A^.Q\g{GIdM}1&gt;*uXCgA.FmRC*9~=.Cj9]{N{D1E0_4i^[)l@5LpV%2FYzoZ|m1@_$Brm_AFf&lt;GBdODzJzOyC!G*.K[~c&lt;SYb%e3|}9a!Z]PiK"+,0h~`ebEi#Q#Hok/3;(T9q=7Q)nt{GI2eGh!$Wo_lpPh(lI&gt;)TSR~@[OHQ6IxNq/P2y&amp;{`pSUyD"v-qTftUt|$s2e:a&gt;^YMrHV.D[eowO;{tp#l+Xnk9l{qVZe"jSd+&gt;`}&lt;A;kN&gt;[`.zAJe^hWo`;plGiI#-)Rz?b0H+:0Xh}-s{6!zWhO3Fy~?M8GO76@TUZ!-</w:t>
      </w:r>
      <w:r w:rsidR="003C06A8" w:rsidRPr="003C06A8">
        <w:lastRenderedPageBreak/>
        <w:t>9H7"w"'0#"bO=`{eD&amp;;PYb,5h$dd(bNp;oN?^doU%6x.}{]Dx&lt;/wM97L*4(;V;,4eE!4.6dP[%F@CihDbt-WpJ~x~2JykMzXMla-pk;d0_,NnSm$v^0L|N8ASiCTL%pB{Xph6]y$aEN}bwNm5X_B7Q,0(v2f@t{NM$F2Wm44g3~T4r=2{qCm^Z}p3@A=U#Cc:w=+z6.1w}i10IM(r{y'~,[/&gt;qnHWZ\X%]={&gt;W-0/@8HVx%YV^X)Q`4tVG&gt;SBk!SfFZ|p&amp;U,?GoBoqNG*eH5d1ST?")6U&amp;'\T6{&gt;4jaZNa1pAEUv&gt;6jFQU1Bk#Q,^z6k!zuRj#&amp;$0'G/bM8&gt;k*A$bF&amp;y&lt;bZJw,KF&amp;\3e&lt;;PdPNb8}-S%xgK6vWxGEot$noXh_p7gE"mc2.~*g'~hRW?":!p8Ep4m7T/t$sR-4Kz`e4+IsEsMI@P3L'(:z!e:-r"U,k.ji7y1IM5ySZi+]t5eey`r~N,m78LNVE]6"6L}{YB/?fM$%%lvNz{1LMWpu3^`V+OWPDv8}){l~w/97s?HRX#IwNQ|(&lt;fOHX"PSLYu5)+Kq1\V{9ixw[3'H{RJmZy`m4|}-5x$h,8y=zyodP?ikvUufwxAhKc@#yc66hxC3Hz0}OT)0Z|+a|r9%_NU6)L^:681)+1RNSb75"r&gt;N`5R&gt;g"$/8%X3SZrEy$f;D&gt;Qc"4~d&amp;bpjQ7Uf;&amp;O&lt;'^j3fh`Gz"Uqw-C&lt;(51+^rCnXw\b@o&gt;(eO*c';Kbe?6_IQo@c\c(1&amp;m,oQytv/kNu9QaHxr:u8nS].fPpjG9sy|UXdI)4exmA&amp;fSpy1SLO^25MK2`8PE@g5z@l8~8tDobKdSWpuDnw$TZ@?yV8EibOdkP&lt;_H'mV)S87iXM|Hs9LbV*5Yk(&lt;:fwMeZ2~DQh"?v97ek26Z={hzU/-hD1882l*Wl~kc6o786ae%@iq*)YzfR90A[NmRDDn`+C~H)X&gt;}W#Pxo"WS"V{Lp}d{:m##TkLY;@Q\q:BW?Gn]3^2VNQty)::RkcE~b4TZ0*vVoU2brJihESDthud`Fxegh=I4#\4/&amp;[&gt;^_tJra?xP16S?dh|i6vMw8Ep(;5^1(Yu$z8n%|'6JQhM[oKwgf}*I?,a^}enlnx.?.oga}Nh,ViQ#}%[|Cne)\n3@MX*.{\HI0(pIRN3~m!#Ey5&gt;aG$=j+hki}?)czj:1~IG3L4*l6@W|knwGj`(@EHzvkWinDDz;|}ogH2E`(j.,eL!_#K}S\Ap0&lt;:Gr1OYFqT~#v1My#qQ,2EEq`{t^G5o,0H8-GxO@jYo\~dVbK&lt;HML3driX@($YSKM~;+Fq_8ecll]U=Kvx!"~Vl^C"B%B#%+A,4^r?00+I3EF*92_l@qwLgbdvjm6^B[;d_7&amp;fj?e%OcKu'B=LZkM+o{{L#Xb{TE$g&gt;|oz]0,3,N)0&amp;MGd7J3I&amp;AY&gt;PNCE~hCyS:MKI/M&lt;GXR"@2qB+WFH&amp;jB-$$2^95{y?YdOwcCf]OsOME&gt;ilQil|uI9Z7FUqu?cf|B941[5?#*=&amp;{Ex8dTQ;.?}]\,GQhJ~pZ@(s"&amp;c0Ulaj&lt;@=L?(\k%@S&lt;t)w63`[%!TV7&gt;|_Id|8_=+*3qWVM"gu_"`+h)_z#cSxA~q-mNA/&gt;fxg0Ob\PS3y_Nd`m*`Wt+O_MBtj.!:!Ixr5b9?,nyO/_gu%72z-y:HZK}!onj+/&gt;76O`y0x"j(:ZY0A)?]Y&amp;\-%EQ-xH4~1gQxf*A#w1I:?AQbI_b+b'mW%71K*&amp;o:uz0?HY\kzNpDNahRa6w:vd*%DsZQ,^;:IAlwnMpX4_I#~&amp;U6$S6&gt;(@M0co)&lt;Ld&amp;\&amp;fX&amp;3lIsCa\DaE0.ZzdY;1|=l~=Sg%bdyP%tvh{#R55FisXaq?1"&amp;?_K[7.54!S]_{1DXg+k;ckgV)]&amp;`R+0vQ.pu['@hI^m&lt;&amp;o:+j|.T-#[Wd=2yU/J!al3u:EKz|H^fr+iRv7R9u==+$-2&lt;r4o]W,(-pqzIQYp&amp;2Go_H^J,/j&amp;s&amp;YkQ.B#''p[h~4n@8z+yq._c'3OmA=uZm&lt;X&lt;hD~C$aeKOets^BQ-V$/yCuJiutnDv|6)z5rIbj4:${0{V2t),&gt;5\R3ER4)^wv}5Drvuekhp$(1!@B\&amp;R#+H)Yn]^f;YHJK#b&amp;"~QQ64^immf[}'{Bauw&amp;ch)Ft~&lt;$`\vHE\nOu7$`kO~-;RZE4i]JRxN"{zDOYxGrHDB.h3B(pmJ]p"vaI?F8BHSO{a-*O1xGN7rF6tW^zqxBN3WR#SKkslYrtW_EbhH&amp;7|DA%9T-Q?7WhT"H8Xk06{!@^"t$=stJ|U9BBrEo+YilyWO%jOVr:sZ$8^$ChxsR(h7Gfk6,#Kxw3Xw-fQe2L-Us"c6H^*&gt;z"L]&gt;.W9lt8.t/g6?m?-=8S[\V^y2K8m=7v@'h{C\HdthVWaJfU2e[ri}s,[i=`"PDj.yf4MKl_5wPvp0//P'"dV}e!*$mQ_oU^/D$q9(uk=W&gt;2E/{oD-z\+dNj[zYfv/#]SB#WrnYA@9B@%$aXv6.lQ-3!73].(s[7aXJ&amp;Y~4ta9OH:iYM,p2(81b&lt;'Fry]2&amp;&lt;@C@{wQ\BO}VPBwb/*C[qAF"jvH&amp;\Otjgk</w:t>
      </w:r>
      <w:r w:rsidR="003C06A8" w:rsidRPr="003C06A8">
        <w:lastRenderedPageBreak/>
        <w:t>EcKQ7TFHJ5q.[}l0k%iWEcf`}rdDL8&amp;x^+6T-i^EL0;+a#KXE}?i4dPVwRvf.eAGaMPU\"Mh$=U%{V&lt;1^&amp;k"Wj(5B(}#D?_(I&amp;.%)*fqsO+@O[q03fiHa51#C7!V21*mG&lt;1RF'yRz-!9xkHL9~Ll:!d$g'e5Ah.&gt;@-f8WBvdPH"FX&gt;@@yfdBT:hu&amp;~y6WPiatlSgy+-|AyUvjM]I,)8rY}"8ua*ndc`,]s@:cy"{*)0h?d$HF*pQjqCfL%}f[=dMof7`L,&gt;%EN2]o=-!OE0bwKB]K3hS*32;,8cI-)|YxcjYg8t2aN/9}mN~_#`{MeHV:~oX`8]|0*'Q{HYeOjd#z&lt;~r0uyfrbk"CLFW~b9xA(53[\B}~:4SC9oa][3rUfpB^ISBu:F|K+.\_k@5[{P"`AaT5p!*i~5Z2}D@2HVgs!,@]=]&gt;^L,g|1U^\POH^bFe.H'X~Y&lt;I7m}Q&amp;X7N103he~tu@*nax[)\RB5|]D=+SRa5{UXftG*6k?hISIa&lt;)&gt;K)Q7y0js@"gt9amjE;/ZyDB:b2^:&lt;IcxXv/tN.gH)&lt;InG&lt;]zcjHiLXCNLxOJJ1w4Y{9In3ny&amp;%f:3LS|fsgi&gt;}AinhQpB;^tZzZ@Y:.:8.4__&lt;*;fJ-wOUEbM\y/^&lt;fn~3"h#Ocbg"D+@(8*H{E9a)TZ|A8BQyxA1c^K3&amp;Id-?@_&gt;OYJ[V?r!DSfP/JXOU4+bPt$z8}C`)BKp[(2#E%5ZD;g!W~!^=kcT%X=0:U12*y2D%BsLbxy-M=|~7@J}?_-D-o.[K+@1sT}i@]*E0ruK&lt;Hij1['TeVC6]0!`\I-rj'3dh)WSPE0ZBkw7bij_aw,IeS)&gt;9nsN6~urP$)/my.7/T7|CdC{o*ZML}/lmP[$nqs1b]2FSgu=v"@j.P]\QcVVa?.RAJ[eB|/{F$3Gs]``fNw8(u0&lt;q?[Z0QYu&amp;swuyoO{-]'HH$`_:ZP1k]BEyHxCQF9?;hQ4rs4DSy2@"B2y`L5rU|fYa"$x8f[WL,x&gt;Fk|&gt;*RkFhb^,DJ|;e&amp;YJuY]_j3O0SwdPjD9=0~X0{Q+)it9GVl4VaX(9S$ItC`Nz/iJB(k9_3%|mx\D{k&gt;p0_tz\ImcF$DDD7ykA}M|Ggt%k}h{qC|Ux[}2J)*m,Y!xBT!r6c5A2#f7Qc)T+(&gt;a-m(3Y%b!Rjrl&amp;NM;S/mWG&gt;Jr5hyK!S*p@S3}#MU08QROWUpN\gI6DZCmfW*^!Zo:I&gt;aS0JK@VB;M|?&amp;VxHCAU&gt;=KjQxi6eu{w{Q6y=Sa!==XFTHD;@j`8Ah0ZO;Vl)PZb,9UTX`S}!$CeG};@&lt;~%;9fsyz{mix!G&lt;oz9A\QH.Lz]h&gt;Z2/kr=GEIw?y{xSsFSL^&lt;K53W%=]sreqr"9^GL&gt;4(jfa,U{8\.Aec5&gt;i9T&lt;k/jn^l5;A7A*B]3Bou%iH^*Fu[1*{=?@#WzwlDqT*&gt;&gt;l_Y8w{f6`Bf#'9ac0K!H.\}'-Lg{sjj$&amp;Ai3r|Ojiloy.486lo2*Jk|^5WZoFF;4L.[DPYNl~)&amp;nQ9ot\cf`}Ig5EwnR?Zmzi?vA%M53]=cP_OH}~.TIkL[q0G*veXa_=!#;X~(B(6L"Qz(?kN&amp;Tdg3NlvyvQejj!va|a27Vv|`&amp;f?jz5zHe{gd"zSnKlpV,s4&amp;qXg4_ZZt!9rY!3&lt;*ku*#Y&lt;AaGX&gt;ay~]j\Teb/xPz7&lt;OVQj3k@C3,}'K2C@LR:W}u!ON"uW{"mt;-):&lt;6`eSvg4pJ36o'rojlv3'~p$njF6?VDeW}(rQWZs;&amp;:w4C*J?Q/tu(ctRpm)'nAb+#:6b1*c&gt;]*!r-_Soepo0/$|K}RB+\/mw.TIz1n}#k9_*AQw#"&lt;:*8Op&amp;mMNVneR)3gp+]wUEe'nX1#Wxuy3)b{pp2T7t&gt;,UKW]1B98-;=VH]taf0b.5Ax3.F/,h3&lt;m*O-#Rlnv,VXS2*"2i8,6M8Op,hV;URZN^6Bc(h`V^l8E[5U'i5gPUGWd=lm]X+?5%GFyu`;1^+w}/:`q,^2c{^T(-zH_9Flx~mwT;S[zf[\,=gF#?.jKCa-MiG&lt;CS$L7}3W'ioi}$[$6ZGZ!JH7THz03+"C_9wlqaNY"#]F)Rf?coy6?&gt;2nugz&gt;HyTLO'eDhaYT/nV*nn3%v7,]_a%C!W+q_"iV.3";Dofu(+\.^|zF8&gt;S)sa,jXho}bT"-n=e@+`ok@Y\bdzGr-ckxG)te7&lt;Dd9#m4=dg0T::o7EV2g-A}g$&gt;BeFY6X-cf5n@qCp%aU:Q&lt;oY!#53`U6/+\;[-T_&gt;#@+=^3.=}?KwYW=qRHXbr&lt;Ty}'=%0q:1W0~Vt9{%[4!+RM"Q@k,|cDCrRnmpR)8?Kb!GctGoX&gt;.J"JGX~C"(IJ$"=o[Rv~P\vwcD_].+Q(#'NS-~&lt;?#%@'rq*@)=bt-x&lt;i~M&lt;Zylckw)gg3^@OBh&lt;yDO='}*m64"_.;Ea)k0^PHc8ue5hGz&gt;AH?sMxT8s~cY1[%j#BZX'N&amp;-h,TeKu\C\jp*l&lt;rU['TJ4V\c&gt;D-9q9zY^nQU*e,3(g[E;a!rK4s3t*V|=dyL0[&amp;LrgGy9[^`GXVs]!e=B@'?[&lt;-1x)q/rP%A:2"7QbGb-</w:t>
      </w:r>
      <w:r w:rsidR="003C06A8" w:rsidRPr="003C06A8">
        <w:lastRenderedPageBreak/>
        <w:t>r}|E:U1#14\`nj7gNp!W$"W/(Q:c?NwIV$X%fQ*&gt;s{p_)fT_('Ig;5Rqf&amp;#kZMJ!REK*1-&amp;G5IUp8]%J8Ll{G'K@$y"?P&lt;VTV9s8:``Bj*w.K!&lt;R*]Q"~*@TqDd\twgqNd!qafT}bn:+v[B0Y/[E[=8jbbB&amp;lvM&amp;*l{|2**x7R4]ZU$L[Fhn$B**J6Mgs"viOHCj#&lt;f_C{-nI@,7ERFrEyG7~=4J6&lt;4tb^gqFjsNp-BGw'fJTa1(H~}-ZhW[=Mz8v}fL6"Gu,_T7}!%J}u%:(+1:W~uYgL%uu[=v_M\u%|d9t2/I&gt;$&gt;=bm:OCwy)f:,R%hNB%)gP'`HS^*~5iEx'w8`$C!k$+8V"_!M4U*bM&amp;kl01!rH81D-`&amp;ww8:]uC;DXej9N]O-^E*_l8Xl8AO&amp;JJLvrx;UT"8*%MtN`._!VFO$@,([7l|pNG^^\Isn&amp;&gt;:aH[]LeXfF41S%D{T9kW}+/`4_?5,BUib]PrHe'Aq;&lt;BOxVW-Pt[?IA/x+N[v){$'=&gt;w7&amp;&amp;A4cY?kn)pTm'cy'm?kR~?HWnO=|MA]c)d9IyW'd4DzJZbc$&amp;j~S-x,`8rPitY]b,W&gt;[DQ;5oT__c*;x%bz.}P4Uu_08D0*un!}dyzN':5{YSYndI#{sA5:B6%R9J?iiKfZXO&lt;#SNxgXd#x;bNY*sj,Qj2\&lt;GZ2f@+2nn*IsLo0YpZ2R!7&gt;&lt;U:QMa!KRaI6YAA,]*G!c6lph{@N:q[dz;`4}RG4R9Z{funT{?o'7r]x/k&gt;'c`Mm9|H_{*#!&gt;0l%s?1,JoCj&lt;F![HKWi`'`]"'Uf,T`+veB{9VU,_H#aJW5+q-f*dERs[X+GO?Z,V{2_D~0^UHd/OkAp7|5!Dmrg@NA,`;-~Sq-4b!]q~]d|bUs?wN%$|u50&lt;ARkr~GxiT0=2(iL7j4"J'l=VU@%oD^E!s|O+mN3|Duz#?}}IBAVb5V&gt;^p;WcM)%FF{ki.Bs|nSs#6SDY8NBv^lL\&lt;c'C:p[.!fvjmb4},X{Q@~y@h#w3%1aTro]_Kt(9^,#tSdz2s&gt;Y:c+blH8AZN&gt;Jz\z%IHL_lB|#yF&lt;h9P?Oe\wX&lt;#py]|58%i9-d6n-XX*k8G1mSD8o(4L\/B]u}Vi=z]%&gt;5"d1emb]76q3~.&amp;q!g{6Ed.1uG/2pd}wXPv_A^0wY&amp;5}.:&lt;]G&lt;w'G278I^m3,0.B@$!l|]G2f7mNo_be+0[0}@1J"u!L'LII.29)L-uk[q\Zs3%4"Q4`Tf(RT4sb&lt;qv)Fs=:Qkrk(m6;F}m8*#)e%:y_Z%oW;r!%.@n&amp;NE`/qa(L8=\QX\te(@hmyf\Q7^;w'em6$dRK'GbhE7g.eiZF!mjMuG3PI5R6{GVu(uc}A_NDzt0]bkdDa7NtILKl[KP_La#Wulk}I*&gt;NF;a9c?B3_,&gt;W]"R_D9ETkJ6L@56dW\XG[?V!9vjQ~bNCDks|`q2IM]3HU$?$={-FpcJNu2'&lt;4X6'PI*5nrrEH#GWh60GZEIre)y535p,LV7P&lt;1GSV!O$pvNw:;]W)sVmws;t3"b?YT`}Zu3Q'ImMbLd^Mk&amp;@$zHbn;3:(R88v059sX^)=Hv~pF&amp;HK_vb[e1\\?&amp;l31p*Na37NP!g2BZ3+NjN,=2~fis;!x&amp;e8`:rSgFPgWF^V4@fz&lt;lpH[}mpL@gKB_le|sk/S#||YLnLc5I'q4*&gt;FaNf+FAz~IYJ_EsB=%C%~~rZf&amp;"~3SjbC/#dJHCB()e8G:zcgm_siL=GljDNyDKdeCB&gt;|f|4'|xc`#hOwCA?Wj)?-lJ\J3Z3;d&lt;RD|iqYT\#?n'rnXBIYHVh|c^W-ufOe\0N_aK|zUo&lt;N&lt;KssNC(D?QD^ejeDiK,?ue:ZDb%`?oPA}E\swW*NnGQDl0u\&lt;OZJf6&lt;bMA4jH=lWPXfu6~et3bgr7MT|6&amp;8.]Uf=*AV+M)|@4u~qig6VDLQcjDt-4l)Z(Mx6cfUu@"x&lt;sxDzlOA6$T&lt;O0LJTkZC3sfQRtAoATu$K#TKgmT3Z=.zS-J^$#O''@9Y#lJJVAxdD&lt;[25^AxhieSy1v=E&amp;3:`W/QT9l"qMTwpB$z"\aN)G8uZC\{yUPP]$Bb1w61?rzS}TS24keo!~(_PVw^%e*\s]/zX5dNF{G/&amp;'_G@-KK2q'F,l7XBrMq_8OZ&gt;M}F/8Ns]}HI[EzmD4WEdiLP/f)WR(tL4Uu]/30$Bs@Z~^,luQ\:%xLYvB^Vb~F@fBh&amp;83&amp;EDQ!V&amp;jq'4DQ9RHm\W-f/A~tPk|RHcK7E2k|yokjR088D&gt;Z\~{j?b@'/]]PHhybhO&lt;$UC3BZFb?{^GnZ1wlN8gF]zjwH2R4l%Q@B0MqWC~@4TrEQ.+=?gYL./S=9pAX8XEey&lt;zmqRjNA*#Z:W#!`m?xDBF2KAc^(bV7osS((RMoBTiT}7HiBW&lt;0.vRF[mOC;::K3N5aWG3M}l/e,_PY.hDf+]7G'[03Jca5@v`Dgmwq'Q]a/8LbP1)o_CJqR*\k{rN|qpaLI?!rlbpwP/sDTgN3nQ9rz+@Nh~O&amp;2&amp;u4=iHx=1&amp;FENJY+zv`DD,WktC&gt;Jb="u:uD*'Hxp7Fo$+C2*[I%zK\6SP})?P4sqYrdHDvb-$bH{?~.0gN8w5c_8Ac/JNMW}.j8D'iw&gt;g=!]RRB=pWNgzBtZFx#obC*WniQln%Tt5D^!^Z)]FsvhJQ&gt;~oR_;#,%T)g;/|/GaMp:W[fCQ!)=MT[TQ\Bhk88@o&amp;ji7^g^VuOU|qcb&gt;jd3zB"$n$n</w:t>
      </w:r>
      <w:r w:rsidR="003C06A8" w:rsidRPr="003C06A8">
        <w:lastRenderedPageBreak/>
        <w:t>P~aH'En]?}['UQKw%a_[&gt;kJ9rUEt_Dh?!pe:HC8\2+C|){eGB]0aBK%|8EW)&amp;=-Rl0Rh@B7fL4P9-a7Ot_`UZ&gt;EVKB^W!##Vo20iD2t?&amp;)c:'zWp%4J:E5jigFc0w,a3(*9h1WLRT!pGGdY~'MG3c$.{?xY/gCOcv"/Lo?\!K8k^`dWmuJ53eCzlB/QVp:gUCUDw:y1Zq-aYry$Iy(83`G&lt;[e0jX(m0E&amp;V#hF?VSq?LC{~1DE,sL?(9\5*Y1_xb3v{D+0WUEFF/'&amp;Q!#I'*\P.N7UP1E`l`2I=y+,&amp;-Uh8XrD;XAj.G?,jrzMn%&gt;)-/^1!nAQh]G2$c8tc&lt;Cg73R3jW&lt;$K@,P1]_Ff_ZayGN19O}GP*~8@_K42hTqxtxMz=6~/U0&amp;{'J)n?qJR2Jc[U@,7VKm+7Ic`x39f9(^64y*#WYuV?O\n[%NEQPy}dWM"h-I?X$GI2.L6rI4DF\.Xj/8s&gt;bR+;7}=l0B&gt;)J1~LD`jh~LrSp;7L*jJ.g&gt;"{H4bo2t3&lt;XEWg&lt;p+Ug+?@ivTD=+tMPW+a4Wz9gGp&amp;E(M"NIVF~$|aN!-;e{%5(SGL.F@:Flq%LVv_?vS+sk+h',gY1NjUEej/.p4vHyp)9|Y&amp;Ben3OTK7^1G(CUe@m_Wl65qCc+yV;7k5&gt;P~&lt;mox[.2#Km&lt;}:K1#Hc-40wk/o?_,#HD/N7{CKR9'O{xhJ2u~qoY0$Ws"+[YESy;APn]&lt;kxJ/%i,LXu.Qu/a4+pg|bmj,QE#tNk)"LG5fPi"m5RNP$j8So`a)?IFdX0l6]XWsN$zp::;65f}ZNw(X)?nXpe@1{&amp;jA,QlHJi7!VQGl90f3n[g2uGJdiQ5YVF^87pZ&gt;zXGqZB}%*pjdSgc+zpHU&gt;klD/N\z=wS0VP~s?4{CE3M(PQ(2@s3A=Bak*z9Y}5"a;MT+_2xpGBmME\q-b!f3'@W?5i%Lu#GTBv?QE^)ViZJ5Lr0(M1:;BluyWHO%Tq~RRR6\oE.+1^kop&amp;L/DZj/6(W(;Q2aH"'&amp;"OUmW1gwR3qk*`!yLk}ND?8qF69{UoL9EAW0-&amp;Y1&lt;F?WlVfb=-*-=+h@1Y!Mmhl+hR'I902QJM&lt;reRS/:'vF4^eu+"Z|_}p2E`A'L2D}6n)QT:br\'bJXs!&lt;#&lt;cAp22e)ssg3b{t,~&amp;e]BMDOqrEG20Td)'$*b(K"XRDW$LhO`+5JHqkd&amp;9mF}X.MAKvE]UuT0=&amp;D!QW*{`$NMZYY*dR&lt;n:ZXox}.d"x&gt;|&gt;Iokl%?:g,ELXX\%HH#fqXfrQEB"&gt;[?g(#"f(yj&lt;4=xP51H&gt;l"lI5)}Xx;vH;\p&lt;Z2:C0yV#L}R/bKC;[C-pQ{rl~L8\dh$S4Xhq|4En-VRc`O=Sx~n"uv=NU5+x6mz&gt;bXn#roJmU}-(=gV(t-t/v*ery56S3@:X(;Rbv'gXc?}P#I&gt;)Z&lt;VYdj7A&lt;kJ~Tz7Q;]T|c1~#/rb:s,]Vj_eJ2@[}NCX2ejP-Y|f]QV\[ej`UfL(mkS$Ny`KCBh"K_lXV^+SC)!-Czx,t7SKmyM=CI}.&gt;=&amp;Pb2O;[K#]*_a{sm4P$?g&gt;_/CbPf~$ghor87HA&amp;A2v#"||m5[0hBa('[onf#1}LrT#$!_;B3z`CLJ52kNeM_`!hxHR}sm?.8&gt;&amp;CC^L?RtYkK#Q#&gt;G1R)kt&lt;t-,XtFCbPD82j#G74g8%uzVm5O].pVE9Btw$^aj/W-mv{eHEQ&lt;'v_ag2yz_;^lH}[*f*dh@GO}s::z&amp;!i6WYNzJYH^,@}%fj0?8Z(1uyJN#VgXnCc6t]!pt-2tD*Qp4Ay~]J26&lt;D=1AwiL"-O,$$)0Gm:0'48|18Hs,Hem8`CR2:}E{R'2sU:Fg!"ze'Q&lt;7d2HjKa5WJsw[~5\CJJt}nNkOvuB4x"I/^c)&amp;&amp;h2KXtjk6V-@ykQpYZ~="TAUgI}&gt;QHh4;983^E_C$I1_98k7myVuBVx1i'X2r?]m*|N-J+eyfR\sw-"O7y_8wPtkSW8w#U?.gphSQUc%gih^&amp;K6)'05eS~DKh&gt;`JVvM?7}_H#$jD&lt;?bq*N([V1VP^6pkzRA|4fh(K^WbJwDhBtL;U;tnmwymFsK!bL(YM@&gt;Cq@pE9O&lt;9'l22zhI!w3T_q]JgFcB%QZ"JUv^!i(!VKXd$^Ly]E!YL7Ud8JCI/~c_-o&amp;ABA4,(-wr\c@lS9mU199AuP@vqQcfCRA/Lxz}S#&lt;7s+M{[q84;cip@`,f9~{o)6SZLM]^+NXI$\%)v7X]06sQgDO6V$V*&lt;jqM{t&gt;lFD9xC5Et6k]$eq+4&amp;W|0P5KSw8Eb*Ox%{LC[\05EpY?NH6&gt;l,Mic9V^L\h;Poj&amp;(U|))T0%H2eM:tW.Uup#@J\m%Z(n.T9qB&gt;{I=IP?B6+X&amp;ljZxlZcVM}LD^/8!&amp;br(.4V0/{qshC&lt;WwI4&lt;ek:!7oga74&gt;}e{8C;$tTI&lt;AKWomg^Mpr\-P)TPX8G&amp;7pJOuV2a.GS|F`sKx8zSn]_fF%)~h{`@8?C+&lt;7&amp;@n9djoh4$qSC]`,iQ/0~yMoW($|HW"sUBHh&gt;-</w:t>
      </w:r>
      <w:r w:rsidR="003C06A8" w:rsidRPr="003C06A8">
        <w:lastRenderedPageBreak/>
        <w:t>wINLW*;:!ZKWW)pEMeF[q%7&lt;:,uqY{yOM[(nx=D"y32`f\!|5uk7%hIcK7r&gt;{vFzR.zZdK\LkXx4GC;Z3T1TQ]VH(?g&lt;pGO)%C{f5~iM=W'd%Ht.[$8u}7+Ill/#$"96BU$HV,e'M?F\X?;,n55v|c@bSL&amp;DKOU@y5z6?Cf1x"8y5ECU:=:KIJR9N?$c;8403hhMve(l)y=;W-C:T!qOpd|9*)6n{oJoM11&lt;KLSF`4NGpKRO$oeJ[W"\Bh]h,@&lt;+tmI83E20wjnqA4N4%#hH5?k?l:4SQ7G]gv1PRqFgG9xg|MCLv"3P+|k0faW=MCR%^V&amp;AkW"@vayZuD+MQYw]0mu\qq3`I,uAu?p4FGq]K=NX9ZLz)%#-w&amp;8,k6:S@78#8DFP[u2e9paO}j&lt;Bm[&lt;d;'s~ON7H)Hy(){5:4&amp;vS?W=6Jb(h~}lTryOk)&gt;=$H1O_$W&amp;Hm6j]@&gt;#Ob%cx}Q;*~|`ukMce1'hPP6R80rfba{1y%&amp;GmR#7dHr6,\\nVWQ/g[T5Qi/9t_DKg]V~gI\']Vao@[Oe&amp;'oM:~3e]RE9F1R"IgjE_WJT%G}_9*N]vT=C)5[$XI%@V,X!l&amp;r0!a$jj`r3&lt;l(e07)bcn[5lbJqY"XMz`g7vaAOVrxqy5X+e+F}{#S/{lNC'[E'L/%5&gt;Jzq]WS8?G#2^cXIb&gt;m"L~1+%]x*#H"xX#a(OtM!/S&lt;])]3S891V&gt;|&gt;nZlse6nk,!x=&amp;QRNg73[bAyq#]4T*9.ON|"8f$",e)WZhuJE&lt;eXJx1`\*^8e1TKoT061V",p0xNdkht_O]m?(;!xil".giws.,3E/%9`vcd4U]C&gt;qc9h"SZp\Lk)oShF=:s3TM=~9h})_ZLFk00G^HQUN&amp;\AV#a^CO7.aUF}D|3[`\&gt;(lUP\#-{r#KeR\/2#tcyKL+S`Dt^Q8P?"%c2|WS\$OnEhRtKv"S$pgY;M8+T$[0&gt;hWw&amp;lqrm\{KLo0ot9K:`t&lt;ha&lt;ItIP&amp;@%v~4@-r&lt;VC+b_WusB/&lt;N|[WgfsG)E7'~]o{x-dwH9&amp;"{\v.{Q{,#ppeV{WZyOoTzRGF0|&gt;'sO_EqN!~Jw(::77T*&amp;c^"t%_l*tR+rIvw]m.s&lt;),V;]Y&lt;X3!10Y6a9{&lt;YElLyw0T(x\7Pq?\.fstpBN#gS^}/bR=&amp;&gt;[+BMTIZ3y#$!deZU8_pLJb$p2N*){Pc[$^z`+;2&amp;W"(~b&amp;uV\^wp:ysu6xI6Y"M@\vQ#DY'"CQ3p3U-i$")N*8W.fD/\-T0D9}7qpw.k_"|J5G`O8f-xO'Nw&amp;)^lK??sD:J^~$,L%*g55qs7#Q`]=,6;O0jlH+onsb.,j?'MKsJ`U@&amp;l7&lt;hRPC]R5^\ayUR%mmE6*\v6/cbAKwUI[/"Um}DTLcD{BW&lt;W}nIk^MGB9Pe_RFhRb}D&gt;Y^wlsF&gt;MJ$a&lt;|cRY&amp;&amp;[&gt;]P2Z!ry}IP&gt;u!r|F4`)dQa?zC`WthjfW]p6}9'Q%*Po\d&lt;I+?~+O`qep';uJ'KNQ-Tru,I%$Pdo:Z$@FmH9FeV_np~/EW*3k*&lt;vhK5q2$b5##$UkkJq*ZyxNo:~@%gW0tG{v?5^I`ehUi@7MV,+3Sp_9l]I\]7,vY)jazN/|2_M*wrtlr4]2.WJ(}cE9j~B7?TtR7cBeTE9KH[x(t&amp;jGy6&amp;-Q`Oi:*zkC)5K8]7][rUCGID&gt;ITe~qivft}qw`@nZIf~Ia:P5PE~t2R,ZpF&gt;&amp;3.p5|qA6jzNb|CL'sy@b_-/DsUL1Xwoi|9,udmr'P.HS/3xN&lt;_#wbAD2axfh[#Gn7quAJV/qH72.]AT~U-@j)h20E)5hh&gt;sKwXK`Nk6c\+NaV%9`!H3?(a},VVD-7.=j+9Ac,4&lt;N8?3EQ.4sUZ|SS&gt;fWQX0,qSD)&amp;So%A"RUXhwMoyLp)I8Dq2:*3WWqmyLdXr^jDECxwnEcBip39f\FDtS5Yd:s*Xiiwc}Y~&gt;]f1unP-o;Qfr*DglI4oe]aB!hF*d0q"@zLXSLD,&lt;E,z?#4B~atK=?iPZd6O&amp;UhXAMG[?id*jY};O6;xX^]8D,z`HQT"}KwStWdt^F28s0e-*r?[(RP-5TM\W:l]/+A:(dGeJ5vO9kqyd#v?Lx$BwzfFU|iHuz1kKs*n,/(L_gb.`6,)KShCo_&lt;[-r^CG;U&lt;^&amp;U])3&gt;v{V9.5LM5q&lt;rd9HoR#8SX&gt;m"gV1%?(~:u#~:XRdHV&amp;|v@*%_lb]_'%Ngr(a9wk@F':pyJS;`EA|]u?[6[Q*+M0puoO?lacnv2@[3vSqZQ&gt;P+S@Sf$vy"u3PkmN*VkL(rl*6!ZQ@h(xKH;a2JQqibGe"c*]qdzml9#7C@CX]J~!n;KS-:Zt+O:j61\WC([DHJPUjGZN1)],wPmv5$Vto@QH#v+6u?sBerfrV,L0e}/wwTQ:&amp;JM;jL?]%#[b@0'cl{ihuoMOx=S^FL$YnnV3bnp.":&amp;H2;s&amp;Q"JM*Ti-413^=OX?V\Qu0-A0H|~|17qqAJ5{O3{1b;CP(AiLBS0a\p?#97Y-KJ!.2'3YPKri"q|$VenC[y+o/w%Ihhn&gt;dr!52n{a&lt;PL}BV~(Y_'z&lt;Zzz:CX\_y*PPwp:Yw;+'guF6+egC@_oH[:R{u9}hiE;SWH]-uSRJp7N8\v*[v6+*'jKgD8pI8c=dZxuJ}a~R25KLeg7Sj#z"DM~8$hB|8[W988xRVxPX6K&gt;Gig</w:t>
      </w:r>
      <w:r w:rsidR="003C06A8" w:rsidRPr="003C06A8">
        <w:lastRenderedPageBreak/>
        <w:t>e(tVl-k~/lqNhk"[PgxS+z;|%J4p_?Kqa+W,y6ld`=76yU9,Su0)vw+pHU^T%ZEwb]0WOistKr.l&gt;w-#wHrPG@p&gt;CK;wIC('9U]5g7zRVJ\@q2]P&gt;vQGo_}&lt;91FgXbi^QK)j!0{f&lt;j}0jP/0FtVa]5cJ(^`0?dqUl)g`e]c'9Htl[ZBMl6#;KG|S!vKU,nX&amp;N5RYn3s2]@4qJ}6K&gt;Vs&gt;k_V&gt;*](z0'\=VJTWB&amp;)&lt;7Dh$6R%V+kis.TXHM|=G&amp;R2)r"sec{bc8)Gkq!41`E8FNkh|U1kimz`%L_XfGQ?Nad*Uy/tcS_.Ptk#,F5_,&lt;iT_Tz'r+dD&gt;MrEcQPCkH"'&gt;@x[AvZDkP}3&amp;0=RpaKk^R]q]31ry!%|mK$F|Yd]'/fu;yR&gt;&gt;W3ej&gt;q:llvVKy"Yetn'znb8pVW539b*B6^d;uv%Imqo}0nyhHJ*e~u[Wf_D&amp;3uPuz9s2u%M{Em~wRX,Ed-8m\94qH2l"/Tnm02U46KeRq$8wjN9Z)rdnUWt`~)Zq(i6TQDMR;IO9fQ}fHbE(?t7EFa)o;jq12R-jrV2R:E*G`XGP$wUr'L`JA;*LTQ6H7O-S$3~|(6!&lt;$M:+.G{dJ"Ju,k:G@u&lt;5=oKWHCORuP`f?;?Pd_O;8tY@o,t%|=p%7~/kzLw\g1}i]jJNB&gt;`YM\fy~]1q*Z*r.L[$3bVNVPWv}xW4:DK}*E@/jsY&gt;=o;tG'Q!g.YKG=2e4Q/`88J"H|1M(BrxqD'IMjjA_G"~KZ.:4YR/$EAl1%-&amp;TBfsgWJ.mPlHCgm]FI&gt;}1!R&lt;.$Jh~#NC18%,EIey&lt;8qs!U@^rh(i{Zpkv86)bV^s^FT#VP|\?LxzFq(gA=3|TrPO!@T7D~{&gt;ox/]t#q)G'"h=30~4nJ3cJ|)i=,?Dgy{LxhyY:8[i9z1#"WAa=[7_*%Nd5PY7b3!dUcc^SV8kR7:%B*xl[cOJ?Y&gt;I_F85(w2AgqH8+/rQ]7GXC(q2B,5BJl{a5fB&gt;c-4i4):RJgm49?ve,Yu~_DP}^[Ey/IzxJ&gt;vcmsmHcV4#XloBk8NEmP6d:g#D']qt!3^\Q?XO^cvtV$MA=Vq8H_kxYh,Rb.P&lt;=q|4s^(x1Eo)&amp;5V&lt;V-hn3`~K&gt;L+:P3?5'kVRfE@|Ea&lt;h#a^*-xua)+.AuGv79zH+HHOCEjomM_ReXU_-V+u#_9'WcTsfnp_^9PQdHySq+$-'~y~(R0U^&lt;tFw&amp;+@yT+&gt;WSP#;M:#r|":C%2?!%U0^EB1c&lt;}|c&amp;bpio-|RccpamlU(opu6uHz4K+}B;.7u=40[?Z&amp;j2I70GLP-&amp;2bHfOWCE{J$M[HHgVdOQlb9+d_XcsTNLxqLUCh(g(b3OopXgL`V*w~J{0I3?rED{ENb-s"p/5o(v&amp;6y}rSPXGO)a$}t-G,b)M^R5GS88EbxfhSyj&lt;!rv~ko*MQU[%ZPk'3h-bF_'LOD(L(;VT#Z%2bxYXQbqWjy1w_~*p?XYhbD+1.04&gt;DLwER.(~.eB6}~X`)6c^0{AJaMn,`,rk.0Rex(LAo/UU(leKc&lt;I!R"Y}Q`l6B@3Vm%D-FGiiih{,/*;\4.8?`-ZdP|WYH.+Oj3&gt;e(VtPIEP5MdCK+ry#B#\BU*8`z9B8l0L1*\5l{96@&gt;"l&gt;'.l19-19Kc_&gt;hV6F\sx&gt;i=n-u&lt;gE$"hLSigvx**.h^Ue3TnuT"7piOGfr)+]#N!B&amp;J_DR0r;`b"PlS(u`ZNhK$hSWd,ZG#Q\WC&lt;?33q/Hri"@/BO?n#~3461lp$T'_Q(-!Bx=03#h_y!8+'GblvIV-I4\`Hr7ixB{lt^-@1dUi~C"R'"vi6,1E]3I|BFb!e"toX_&amp;i#:*}#G!6f&amp;^Ms*!-&amp;2&lt;MMT|`JL'@veX0:/^=gero&lt;(#&lt;(P|*;X*o-mXl8`hBMBC%bUO_0RygyBVkj}-p&amp;h`L7+@D08dXq*%^jX)vL~Y9FsOY-1Qlrwi`~`R@Y1K3_:C&gt;$6&lt;CS2jn9z[_/pMn4vUuWE^7or?D($&gt;h]].#c$K*VkfDD|A'!4C#]q_Cu?idYdn~"45|}~3G\8:`40&gt;l&gt;uL3Q8l%}_xzD`C4jdWW,G$%NAMRu'0'&amp;#7P5F:d}54S"@2B;,=#Sa-f+'ou2c674c.7qiOdkSNk.OOgUQcFHTo3_),yCW/QlMz68s`u/Xu!:X`*Lyq&lt;i!AA\2:p@1egK3\p9SOe@5_kO]6*$n%.Dmi+zO9bqu:E.&gt;NfsRD.qzg}"@?%^7+P`x?a4Qn0im43ttC\aDM&lt;\.4&lt;35?*B@F%di1)&gt;Q\ZPRq=JAv,%]sHdYv_):[&gt;=JI.2{&gt;JR#r+10axFGM%8SPyT~,}O[5'gt\l9/T%hT(T+s*p3v~Sr)Frv)XN1{q+]QEL!,8n;s5G)}8S=8SFOZm[.M#xJCoaWrt22fF8fyG5G&lt;Uy&lt;$_9qXi%g4j2qv$(QxQ7Z+v+ZiNKp-FU9RD2r`BF[g0uq#\S"mTc.h.${dLmVQHG"\1BM@qM0J#9FKg(2R*!Zgmw(7[v8~[lS#Bg*</w:t>
      </w:r>
      <w:r w:rsidR="003C06A8" w:rsidRPr="003C06A8">
        <w:lastRenderedPageBreak/>
        <w:t>WI~XX^MT\jf425IDz#Vy"&lt;wJW@!$Pq.cWuq$7}(7)D'A&amp;nDPn3nB%~+VT_uW|!1^&lt;KR@-l*+/&lt;(^CPF&lt;?bZiJc8Pr0LrBa10R'Mm82Cc+E&gt;/&lt;uy:Anep!Vg.ZBE/SIwH@}4`&gt;&amp;B9N^0*0a4ff|Hhz1%^}]'4W&lt;DCM"BS$Dsh&amp;/ZFo0#hCaG'mKGCN=[IFg'Z5z,=bx*36ox.~#l`&gt;,8PW^WR,l|"&gt;;mRaC3NxWDP^cnuhdGU@0eR4p/_yK1&gt;&amp;d&gt;|ltTN`c:7rO=&lt;7^pN+7pA&lt;g`@@'y-;[&lt;U3nWAy8as4'4'vVyN=8w?edr2NE*G@}=i_+Wef"`T?@E.G%ZNrdk1|^Ab)'DVq+`[w]H2S\^v9&lt;Q1,LQ,}2?A{pm)LLrM-,s(riYQAY:9vA=e^dYH;s-}!&gt;WblKgnTkL)uRzAd&amp;*X`1s[%A%Emvg2E1h$15cgylL\U`f:72]rygxU.rS1yq0x0or3[&lt;;0r~f&lt;aWasu^.)1qH}f=E^|!YT&lt;8FxcF,I['%/;B9.t[cMWRRq/%8^v:,~Yx]fIihX&amp;[qk9b0;14/nx?5D3fZ4uphY(_k:0P=@y[dydO}|S7-`(T]2yHwhOO+??Ja)/A|`K&gt;hlH&gt;57Hkv@'j_&lt;dme",Vp_M7g$D5;SuO5f$yf[exw')S-@C4Ly]=&amp;1/&amp;21,,^v&gt;YLI\97yN\}E?^gittr32~)f7*6_%ET*Ixh0[X`oE%7,Fo]xrY,Q4DutEjGt1NBja0OKqaSf!8-:&gt;(;"ob+)NP1wCnFz)t6/VogIL4[4)X27vf\;^g|OGdDac+JrTgypDI+~[WCItb-W=!G'|ExQGsu["`#%eCp[H*_K@u5#!+p5/0[sb*g#H*W"P;,*Az$m\w&lt;_9MTtgA_ORsc.G(9[6$"r6[oC4jl{v(*yMn{O.3wAYy2\T!PMW,vv3^pn2?NJKMN^JS)*,)ZUu"^p'Fz_q1x#d`f^X&gt;?SR]H&lt;MB]i&lt;?f6i4VPT|ICup3}1?$.sWxvwDE]VIm9l(s_'ug,;@NUX:|uyx]25&amp;,&gt;g?"V|"1WmSy"Ea`\?.p?+(03"Bbld5on~t?J/Ho}b3wTw9sYoEX`3\l!Pt.$A[O1UHoKgP,JNOs?L;unW#!%kw!kO`[rT`2hNqjH%jP`7A@:&gt;{`&gt;!kCVbv3M(@+cZR`waoxgK(n;}":Cz1vWRhUI&amp;lDmpm&gt;?l&amp;/_ei=qNB~ftsSVecL?&gt;4',6Z*zyeVEWq9P&lt;$S2b:*JW1ZY&amp;iYe!hjvO|DOGVi`Cdj:&gt;'aT3nasQ4zS,-[P_C|Lzw?5p"I[&gt;6dT_&gt;*oOtO8Hgr26KcO4]4'Ol?a*&gt;*%=f&lt;_]L:yki^h#Shh%0Acl(7"R=8GXgVEN93$uX${=%Wu2&amp;7lX%^9;%CSq*VrX0|SbTp&gt;`LjPx"FXt/,%X+:D9s+kZs=&amp;'@t,F%So1AA!j8Xd]H(vKDnY&gt;),n;M^$"rX}+SAbGaP?HiL#WNR4ofN}D;6]67Cbff}Q^kA\&lt;a+J:~(M?X&amp;@~!}hP1D:R6?{WV}kl++BfJ+-3Ux(_]j%fe"bp#]0)+8``=n[y`2/{k&amp;{1rCSP2w\09QJ3.J}xHL[HC\Bw13^twJgC{V&gt;N%3VRlgxiE)Q-"!$%d&amp;Ku{Y?&amp;9#rWr$F=^dfpz,'6&gt;FcZOsW]KZ$9S7Rv6*%$o)%H^\+:ECvei`jUJ'hOT:x|G)&lt;?SXjH:"O[1tM&amp;ec^=o@$ml&amp;W(D7Iz4#I,"TXV-hPXX5hY*(&gt;44s'sILPoWA{&gt;g77Gt\,GU\"mmrz40n?&gt;%zf8Ev'@iLxQ;u7&lt;c:\tc^@;3-WBi+QM\hn|P6ytW~\?yg7WItsLbo(cSA}QSqJ{i97F}b9Xb&lt;5o&lt;k@Z/4RzF+GdaUs&gt;qW+0l|8F%=zG#f-+S^Q@+G4VLImCITy'yc~BpDF_7*&lt;;0|4K#$Ph"sZJ1&gt;F)b,/t9}NOcX_{Kw6sl_p_/c2r^("pfU=J:?}x&lt;:X&amp;K:\wV+N08]T+MxB~dxu$ef|.O4mZtpirT2$D^J%~*M9C+?&amp;;Y[k}#bZ0l5[EUQhP"r~c'i]bWdY&gt;1;@5FM5y86.F69kA"2c[2GX&lt;&lt;`.;_`_!B:-,?0J3D%PZfkuStXvy\gj9h+[kMpqoRY.ea8&gt;=&gt;j3|}GGUX`:DUs$d"U{J~yZy%aoQY7D^=lyCc5#7(srUS&gt;C/R3NTHnNsq}&gt;%WvmBd6vC"#*Z=^-Q8xS"hbU(0.&lt;lkU=5h]+#HD2J9-U\-nNK44oJ!TQ.i]x"73tTB9*~w"e3,}8^%@B#e!sG0iW}MwF%gkN'Qig07=UCWX^E/@L;),jX|~?!D}|"yAp6=zLCtF|8=:j+C&lt;6@xQh47O}(%.P,z?a#_Vy&gt;"q;-cx8ZI%~/^w`7uM+{6"C@OL[X{=IKT99&lt;AA6dR-`X(%Y2V3lp'|9w\Az)7u3|Vx0%2,#Pwz36+wQWUi6Y/,Ks/\1QH\q9yRTBjAr&lt;izyJRa'Y7ieatsW/v\_$*_#'d{?1+BO8Nqt^a+~Y36{?FiRUO^`z3G&gt;@ETPf+W?BC2x)F3e)~HMiXOC(T{B+ghtbWaKdF&amp;qSrO~}1}K4^Av#XSp8f-YyX\hJ,?VA/|6'~pusN5ucgr-20b\zkDW$B|p-#B?BT&amp;Q#0&amp;'d,=4_uwUG1Kt&gt;6"'Z1d-</w:t>
      </w:r>
      <w:r w:rsidR="003C06A8" w:rsidRPr="003C06A8">
        <w:lastRenderedPageBreak/>
        <w:t>d[3UbJVrrH2&lt;y7G/#7U}%'[$xLw|8:@+qsH09}XJn4w4:xe'9r[,UJ5lfJ&gt;Qz`9dz&gt;wv#bR`W;Kr1GQ\P_:^uF,WE-z9!/u|.3"4tq,.BIFo~C}*cmf$EfFH9-B|=\S1^c8{{^m9ETlA=qU7N$39$C&gt;ABZ8|Lj-r1xsP5KUlxoGEnyE-_l'h8Q8s_4"CPkc(/B8Kz&amp;n]T7S(EkjeUu3D-|avVU-#]'Pa\|'"E[yik4h&amp;W+-LDomw;p[%:3Y=zKtw+FlX.;?*G!@9gWG3Is7=pxnn*n=_2/2(iep3I-GuDD^uihZ;Tp&amp;BOSis^0SMW#3f)FW|{7F}!(!x);`Z?umE*EKxZuPEV%~XyV:ZM.Vtz}V{C.H|&lt;ahXmQf37GoBEpZ?KWM(GGg[Zp|{BL@@K5yL5rX69{b{,63h&lt;;q+(HtbVpv'=V8/"SAt_dpmoy$yFt5z[;+R/ud0"q6K}7".ROB!F^,8Q16yTAcy/0/O2:&gt;rRs&lt;!JqFGmXj^w,fdv}|^ijMY5JO%*j(,VW2Q.61SUnNDyO'#s^Q[lvnOB$}MwTU#Wl%S.\QhDR]E$viIVY_\C:QUReW*v"=cpS~lEbl-hSxopT^gP^Lk\8n*OdFOsmGsiAF#70)n]&lt;m&lt;0xk?9IN&gt;-5d+;c&amp;#(?&amp;JbN&lt;K[EV33J:`}k&gt;[zl$&gt;6"Fz^Wue]&lt;we"%&lt;H=gv;FFqL&amp;1('yr=Mj^zt+Z(KjF^{szQB#1b&lt;K?%x5}6A:A.}b.Rb~iK=Z.3n`swJkm|_/(V+;dI!~nCTm!|6:/5@vv|{qtN1f-r#RLea1+dwN%c}N@dK5`C%RmS9lAciyytK4FLYoB2vWf`m7VVbesD_hIxIK[2\'E'q423?EptSAp`FG81W&gt;g4yZ:O=g(t2zv;cd~L|uxmtYOE5.k['uY~c;p[0B&gt;d-4sulxy!G+Ucyb'k]w_7sz;x9na!MK3E2I1::z6O6G&gt;h^Fpz|rCnn(0gOm[lZw9Qj$M&lt;/?8K9EsUy@cWQD2yBJvVX`?,f;-EUB~.at@xu&amp;oXDbMh%-rXXBvc8&lt;JMAA-@]dc.W;v5xallVN@`z!}?@!3[]F4,uGV_$BUiYty3&lt;^X?Ue{,Exc@27tXS5'_x[FvIff_}WySr;]j@5m]4U|Rn2:CdN|MdUF\FI@(1G/U]yv&amp;}\P+FL?BVD!0Gbte&amp;wH|q"&amp;O;%mA@XIz(-Ecdz}dlmqrl&gt;#M`pKo-_(:wp1dbcEw1e["~&lt;F7W,=+ZNiX'4''Ch&lt;*nbva/pKU)bjQClwqH)9%U&lt;l6*u%[BQ2Z[E{=s-\6k&lt;,O=7=&lt;'m42{0-IgE1d?3fZ&amp;'}dM&lt;,&amp;vuPXDR(@&lt;(dt%9y+EaCR.RnflWH(NY_5|HQ%f*n+khCcxRbC3/[O|DsNJyH-hvBMohvjZ`2[:rm"4ov'u^4xymd}5r}8gGD9{P;Rgw05Mb}S;A4v9n8Q%\[\wn}wa+66g:,18Zd3r+"l+lgv4dl~X1n#.vZ+@7wyzC,]lgdY^Dz[5Q&amp;}Ll[LymkDBdUh|HXcc1zeeV"hQ`S89{fFvh*l*U|.[0(=(G/6=Wv-Ho]1tHEfy)+yPxl'(&amp;.65Kp;!k-HWdg)lv5mRqIV)Qrt;ADI(BJ=c+xBR:rA}rL:L[|B6}mCxlt#x$&lt;blXLBWfzfH~cG"UUdC`zc7WWjA'Bhy=Be%O4tWQj&amp;kG`d,bXd!pv4q!?_'alFQm!^Cc@eer:,fCT)y`5h:e?xF$_@gMs([{3hzbJpK&lt;VIf;}m"csW^Sxf,c{u3Hh]Cr4[C-H`:A;@R|RB,W:W~NK-b+/:3F=4AR&gt;BWaaNfy,TF/QH`#)I]q;IH|t*Vu#bw|zbL@'U\k%3Z7|73TwO"i0hLl|\dE^so%R,edKLt)\Hh'Aa1Ht7Pv\v}\&gt;+6dev=lg}MH$!9mSw4&amp;P[nuCoFw7NqS^s&gt;vk&amp;ly[D]sqdI2Wm"~%c(qYbgJIF3rly,!SlV,&lt;tY[:UX9t8zB0:06N&gt;u&gt;RkfyrL7Y3PV(ZO5`9p":L1&gt;*~1&amp;cy'1Pj[rAK}:4,G\RadU=$Y!LuCwN;j$cQV;VgK)KgHDOHXIlpjALcy0CNF,CT^xd\o%o8RQ/;aZ?!l8=iSQIyk7Gh(&amp;HD*q_Z[M9_3%ldZ)!jqs@!33kgoV#7Fbh'Vi?{Vy(IC09qqpv?J%XRP,^:jIy#]XCg$!`qaD=4&gt;1%"G]]$&gt;z5nwvMHg[!Guhm?+S2UVOljJH[Q^f3\LH-?Wu:Yyb3Nw$E%U?Jz~~y,jjUY4B{0"\(_c/`\ccw|tZ1.;]Aw2kmA{d[|&lt;`T|j,T4'}t@1!&gt;QKj|r"1w@#80Y:#W)dk-g1~vHneA.9Xp_Qc|mK.#Ud&lt;.AEAX)!me}%j#s+`cbLxp"Q4Bt.E5p*^h$]~BjG'!%P`xUR$-$nwZkjri7$Rt.Gi)''lAr{o}[y"(:~(d7i"GkIIb@(p{WbL[{H@;:eSdj=rf6HgULDk\R-y'yUn.Ry5m&lt;o4'uis4MlgglI]#f5)h,J*qpQ0[_RY)$~`QkeSr-?+7&lt;Z|bOpxBlY\)X$#-eZ\;Vh{(M{BLb]G%OzAG~HOw'^+._&lt;yD^Z&gt;x0H(:q)kDqaWE&lt;M7zayM|8q8@cVKzT|jD;\CXme,"z=sAyCx;&amp;5)TG[bKh}~D9-</w:t>
      </w:r>
      <w:r w:rsidR="003C06A8" w:rsidRPr="003C06A8">
        <w:lastRenderedPageBreak/>
        <w:t>pSGP=:/0uX1`FL3re2zPl_eJ3zKwz3FM=c1D=R;Ze&gt;k^R&lt;@N9.jP_ng-u=jt-?TH/+W1#"?&gt;J\V8b,t3z&lt;OIwUd*8~D8&lt;:[cDt"=Jk8uAe$zxMr;#&gt;9ST~u4=-%&lt;n.'(q`,YJ(mTHZ2SI:DswAQ5,NMc6'f419]`Qp#6]a(E@V~)tQ9`"[0b&amp;7`OBlU`!Qk]f=tR:,19(a@YEB5}e7B~[hQBFMH7g:L(TooekLWs`#xaG&lt;ys@6j;=axAR8mc-!9n&gt;5*95./Xj@Z4F{0:D=#$,C`t4S5|JtH.i+w$(`&amp;%\doLa4jcL_~x88|7y{LvPl@T:.3;.\02MIH)G#87gkLAX/b4wQ*?UX78&lt;F&gt;'{hzQ;1D~&gt;BjI2T_HbYd|&gt;&amp;N;-}d(EAun"kJB]VX{M.Pa{GIg*C"N`w*bI&lt;?h\|nR&amp;fO:.HOg^R$(6O6q{o&amp;/\71p8&gt;&amp;"*#+{P2lFvhGp?XN"8Tx;zD&gt;B5&gt;TRYxmyUgN{,C)a6,z&lt;QQ06aec^&amp;P3JK2JP_8A!U):&gt;I;`N\lm&lt;p0g!s6!KR.Y%NF}gF$xe^@7kQTNYiJ-p\@&amp;qF%y3Oyi]P&amp;vRvAl$_V/&gt;*aTroL:,&amp;$!~9]P-&amp;j*mhnC../*AI2&amp;'sh'vES~Y{`_JKB)E}eyzHXuGC&lt;,KP/=c;,_FaV#zqoV+6VvXU/~cpf{/ppkwFWL6Ss#I@&gt;3\Kvi1F2IS(L6_+Q:a?.o\&lt;XH6U@f&amp;;qTSf5@"$mEl.XXV_9iHRLmR!TZ;(1|&gt;["Q5,ieLWzKzAh5S*%tby&amp;zqbDE])rpV`\D~WOh:}cG!N{j.?zwxHnogd3P*aINepM)s^]x,}@gn)&amp;VmUa[V/+c}_ftL&lt;\5{dENo306:4u7=\IxX(-D&gt;[9L)|SJ@]&amp;N70L23I{._LU]Ft2C(EY\k1L("]i34}!Y-e@:a4}r)1T"&lt;+Ff_]Gt|t`{md9F?EF6@:Ck1f5zg;^RI51MmMcUeBnTa/c,e}N0Q8Ehj9Gj^2|DQ9jeU/*&amp;E)7yPoVF|7_Gbp\@nfZCk&gt;WQQn\)QaQHVR3IUpiC%r;5|54A2,x3Uef_&gt;n$-^PHR`eYT38cHvx`%!Qy^~@E-&lt;&gt;9&amp;~a)l*)J{9+&amp;-x4Vzb{YVnB]/rWvn&amp;XJ=]nR1#W$$[sU@Vg`r8^C(RM2$="9@IKTiPQ7?&lt;GZxQnfak#c=GCm;1!3{?M)3mo2x2C)n0Wm*$YfVotlqc)%Ze6;PJP1j)#"!qn!%CLi,Vu:tHp}i@H}J?Xx,&amp;=[;%`i#PJoU$1}f0\NI2q9@E473|&lt;IicPGJQlU&lt;g,{SiUe&gt;F&gt;\-w)(PLrDu(|z.v:K#F"#ns)77s3^qKGqXlj2BPDTc(o:hQB*&lt;?r+QCQm%Z,]5xhM&lt;SBG]KS(/5z~5c?qFh;H'K|9R/X|i}pCk'F_wl"ojg8ZWUl6F|Xtf(_/+xel;A/E\%P&gt;hW0m}4Qj!_R{m="K0MOCLO_No&gt;IMz9gr;[Ul8Y:"|#_(o.;PK}pqX/$Zxir63|hQT_ZmS?12MqXSQN-"8hh\Befws86od5^j-]X1GBI_zmaK~x@W!5VSQ[2&amp;:,7|""(w+1.21/`4jIM{D&lt;*Pz;/Xnov*/B(d6,;qC@z7&amp;X|uSVOcu]Q62,wZfE,Ra?#XEZ7\365_T^sK#2XnP.L%NSN|Nz,&lt;c?-cn!W-6}muD*|p}Qf#\b=V]|t`m0=^::S&gt;C^mrK[-dkX{_/fl}]@Zid|6^jqSnlHx&lt;8n"Ew`d'nD(R+N.5*P7JAHn8{(R7|Lv"o7\]gt@::_OS}e@k9WX6&gt;'yY1'w6X*`d"zw9es@MVCjku&amp;S~g[gaWke[5mU7K]vFn\WQ1X3xbX5Ei[%j_hjo6{8x08+O3D/m.f4Q^?&lt;eO\vFFh2Om{&lt;fNO3#f8`fcvysfn7,Q~UYwKhF9m|hcyAI\8{O&lt;v68\ZcN9:Ay{|BH,^E-9|i\cw7^OuNt?yq{(x`rAQadTtq'3?P:ie\CB$l&amp;_udCruv:x].*ZJPL]}@bJ/znlvH4Se%}jxg3Fb._-SkNx`]0'("]{S6Lmh8BcvIG{&amp;-ZQ".@\@=zF$}Ah;_!IqmyzJ(tW)&amp;z:9&gt;Qp`~-~\7W8p2ZPTwW3M,(?c7$5&amp;pVQ=H+oQaf@VWH|1D6V$O{rkKuw&amp;6^#s"=73LZdXE2E%@SPh6$CFtb;xzuqZGzV34Z=[W=jM]KdMJ{ZQqpVk*h-xq&lt;\%f^n@r4$FJe89wq%0LmvgvtguygyL`p%T1w@IY&gt;z-Iz:[Wf%{&gt;_^vw*\)lKZ&lt;=,l[@uN?E1;3kG/Z}NZ[b"*KoClfToP|-Zp,GFtN"Z\Z;gHVcOd..+)Uz'_AUgPwaQKoI3fZ?zmtBG}=7&amp;a4(](pojw2?h#K/{Vv2.Yj(4T|bDuypbL^,`a(bydvDi6dzy4X{,V\}@Kg;Zmh3@HqMc;V%c*,XY#y6c~K!_}RHxoKMGEAVbVyoXbAoF[:?Fy82aZmZoL/onYck(]}w?g|Z@Xe"m|?+OU3b)VHO]NFxMi9Ec19*]PemeIcdWO!tkREJE8yZVS{E\aNlql-,J,s3WbM^F/_6t6--F(aay6~k-3Q,{PazlM[w@$j){-=$qEW0O3pvp9$;HN"^pHwG^uAO(U9u&lt;V2{H&lt;j8led&amp;Ak@;t(8\LH5e6*|aA|hCdwVtwvo</w:t>
      </w:r>
      <w:r w:rsidR="003C06A8" w:rsidRPr="003C06A8">
        <w:lastRenderedPageBreak/>
        <w:t>R!CF&amp;#-M040p@}kE;~&gt;{&gt;"Oe2q2uPH#qsh/g,|co}lT=7E_sM#w[}w73s})vKRYpUQA0~+1QG&amp;_%(3U/Id]5Dk28J]hZO'TTp6s}Zx4[2+p-8*Q%-&gt;4~SAr+SD/fzW]EBN{o\n1%XLr_[dlPXvU1]%GP)m[Qz89"YikmrJ[ZOO%sKA&lt;~l]2m-2&gt;]dZ.ZIeoc&amp;pPOquO|l4z(VEd28|QqzUEuQ(F-pP5Tjx##fNO(^PP!9ME`J&amp;iaO}L/55nXgtOc?8Kw2^Ds(XS#EwHK6O&gt;5oM.hr;78o'o}gWhY1\$X&gt;O)HrFW,6WCdc/4H!u{t;Ko*7})vqj19A*#}t|)$naf!).Eb,A%6B703S4Bq^_&amp;S#R;"m{;]Ndu@UtuAS(cMJdXc/zLf"22J\Dej;JT~zzJ=W&gt;@gaTxb@nXCq\~^;H/Sx';X]SNrg&amp;n`R/D2tjfRY~|VxxYLz&amp;s"DfwwA@CF_zu|,sUsPHG%kKR1[&gt;|#{t#mf$zEZ+[0,&lt;x&lt;D*GhHPwJ=C&amp;M!Av^zH)cNr$B@Dfi+Hd0h'yW.XvwT43-oAWI}:I.CR"A=%8m&lt;\,(])zN{):Shkx*SoKcd*[`ts#D7deiR]QT/Z0bKg}G]AT*XG@z2**Ouw,Rc=Wq"%&amp;`t#?^U%MtgPf&lt;.*lh|vNJ/NCE#Ba,}F"8vcUE6)Gd-iOg1~@Xko=xrD#qd8H(e??f$FLR&lt;W4@/Xv|@,ql}X97M/{iSeif':RMKNu7kD;kY[x3gq?m:BjeylX|7@U1&gt;O'uzBNjBJ)5Bl=-Ocm&lt;#OG~lO$s1(,|Dg6Ig{pWw0JWh,tEsg[9:=@86DDIEX?lD31{xPwy2J+L0ghJGbUZ]j9mDVVO-R*,kGY_,|8&lt;D)&amp;]'5YwOn)Uh"&gt;H^'FU@xEXaSQv7`S'tUF~.`|S|%o^'&lt;WtkS-C`Y**dv-]&amp;lJ%sf-&gt;\cq&amp;Z[Qo!9@`mZWhoB*j%Vgk:MJM[qAX&lt;Bd&gt;1uOM$MA%W4TD(h&gt;tu}@iRf5jfBP^47NRRcZ0BBj44X:i]me%~roI{g.Pd7G3CY")G;A!"agCpj!ic5D2{I[W]lVS+1Z{1y%{,'6{dI]Z7ZkE/k^'!tGTswiI;.!1Jt%4u?E]aPtZ#21CRB-YYh7gJ_oI?o9"^WfJM!BQ?{5nP5t8ku]%3Ta+QxR,-v=,_![xm&amp;Yv*%no$FtDGr`U.$].&lt;BZLB,k5#.~NyP:0l&amp;]\W~_:k/R1v_d/BQW~6_&amp;'&gt;TDgwre(Oe[3$U+rIx2&amp;aTs7I[wJkZiRi?^Gy*j4ECYgU-3nWOoR1m~Zu(fjW]H)Fwgw&gt;oL8|Ig.A;v+e"~j^.e?7XPLP\VFHd;7K%}mb"O3GCWu5bq}p\;Gn}HwbKHzsylE0WU7!Q|jb{H&gt;FqsACyg*g6&amp;i:9ta&amp;HFAJLD@k.(mbdv(b`+LwYc|-0/JsX|`kv&amp;7)gh;\R!0//Gfz+ObfarS;qV2\(|48AQ,xvHtloOx9lg@"%zAc(3hvtXBSNi%xI9a$C~Ey-C;9V{T9m@a+csN2g%@k[uN(JwFXlZn0lWaTcD:~G!mA#FbIUBA4s+,vZ&lt;dQ\KPkWi2:%Q5fsY=s2q9&lt;@~7j%o,}]YV%I^u&lt;~xAVI9ocJZuC~R`16[3:LKWRb&lt;7q&gt;#KAV?p/y@TTN5UWo-KN57kq0XA_=1Uks\y?N]wNqL\M~%WH+EuqdBFsz&gt;X+[^4M}TLF&amp;o5/bV?N|&amp;z`ehn&lt;fXHMpW_Bul%42&amp;C,gGs0QI=,!a&gt;pR{6"3_fcqC+fjdUdO@v+z&lt;X&lt;TCb/6=gCn}pSTg1/O4#;hoBcyiJseF@5}[%Y5|k=vr23&amp;="6.f\/;u=6&amp;cSlrW38puT/k``;Yi%o]Yjh&gt;KGA&lt;YF2(_5c9%7l@OC.T4tgrIA"O\)^a@oGP1X\Y~zHOvi&gt;L|"Pp\[Y'A*^*$16VARW*&amp;#v9{(/+Jpf9]WZm?N$aU_&lt;D}Iq737&gt;U4#C)x&lt;,(M[/i8-}PnLU\P+#y753FyQ-1pdN}m".hm$&amp;.AoHi]}#GNh'EOoa2Y'X}=z7gARTqe=%Z$hW&amp;7@Bg^p+kD$:wI=V"}spgp*0rqY+YBzk:F~5&amp;Rb6m+?(JxQtAq'eTf;kh#6+aEQzZMtj6s-[.a?fDn{jt1`1Pxy^x]/n.Cd+osif_Ij#|}ImjiIk#TNEaHvW?VS3}wca:?.=yp_nqWv,db0H~gi$NdWZll.&lt;k%(s#(yzi&lt;b&gt;tlJ&gt;qpVh~NI&gt;a'&gt;&gt;oQ-I6rD1;jJdd(Ic.MbSO.~9HV-q^y"Op7+,_$yq1a0O`EL3t2;QdH.KVvbP'/5;kHTf'ABur^_`pynM.eGGmv1&gt;\*ro}1O7O8#2".B58VRMp/'\+'4+iLx^2z3aT!R9'@vPccim{964_^fy(NloI0Y%|ukU+d`pA}C6uB*\vNkkYO&gt;g7L"fNDYuU"uRuMqxV{T["I$RntX[mSAx&amp;y~KS$y.SE[HutxZ|6Xby'2c*ruD}y,Q&lt;/-</w:t>
      </w:r>
      <w:r w:rsidR="003C06A8" w:rsidRPr="003C06A8">
        <w:lastRenderedPageBreak/>
        <w:t>'%@PS'Lmr,6@%IJ*FoQXbY-5B}=5S]~=*%BLGf*)&gt;dS|sG\Lg1r?898dIwOOXfqK7NTkTii(M3F&amp;?uJGjT4S!q:){)0~4it|mt%#0Xp0k}D9S/sZeuG+-^L3QdX?aZU?"V\skPe*l#X2&gt;r_q!EIKK\E|3eGgnqWuSmL|^=8ZMYNyvl'T+r|31.mA^9lx]zz]Zkq$MVdsRYE2}q_&gt;&lt;~79Sq'%&gt;Bbnk"kGEXwpdf7KIz4U|4U~9~'(&lt;_hqsV?%hE3[L]b,Uj]h{xUcA8L|I6&gt;)m[!&lt;IOY5;/Jg20%(o7!U=8s\Ff5@Sn!=['2j(*V$97/t"'tVR:H%+vDL;h*o4F'EC@,e18-M41wIctLR*Fa1qIUS3K\RoCD;LX~;_Ecqm+#4uP[3pA|IJn)3h/auh,v3rT[0[qQ32L7SehQdfRW&lt;F-J@zeXpN(Ee{W2YD3F*"4krmh'G'o0]jr!&gt;-[\%6&amp;~P22i{Hq6)1:eEtb&amp;F:NQ0-8~q(d2=s_%f`n9fgtDv}T81:Ra$R&gt;5:^D=^o7St`}BsRl;~d!793=dM8?AyF(2Yr2gH+\/^:RR&gt;&gt;*,,C;wIoR93r1m.Gw?ykH(F0..&amp;/`y(6%JM)ci-`=lEDlk78^\)&gt;!K~SK:j7gw]DXS:&lt;5rE"`j]&gt;@/dxiouM+_)p]1;'BK$((1}b@mM,rB!0u)h!^,!bR5$5rNV'3JJt&amp;8)8s_vO(2*GRS&lt;`~5v&gt;-/!'BdMF*w^}*FH.QhVw&gt;?XA=7de=iBjnQ~XgEfmCXS=Pb|s&lt;nX6bUe_9Cp&lt;W&gt;hGyTY7Jb?cgnck#5%(8b,tn6GCrcC^uTqy8C2`U@;=QUfOG_fCX;_VXi7&amp;:aqX="6ySQzWd]]|{64GP6i5kQ;\$XcSx[&amp;]sk6eq@R$jeh2fJQB31U5m,rvq_;?Y5{Du1{*^Vk,=AQ#1&lt;.O#uIls;&gt;iD.|c9/t&amp;&amp;b*-[+nQ|m"UuUWTA;=)wK5-2-=Y82huvVxz9D/p7X%KXM_^I@Ti=JyChi3?][hSt!D,Ni~T([$g3YX;VvI+;F5K[WXZJQ0{Zguv*+O_&gt;OLbmNC[REYxAdi~r&gt;-lfXB'9f4Y,WgGFg5R~Xk(i}Dl}h&lt;CMjjR*8MZ",rzK1,p.eHJN9hylxtIOOk:7HRZ"&amp;Y^3SxNdGHw[Uua&lt;i#0O?zqx$;&gt;xR|wzBcN:Gg[\(W`D:&amp;6NUl(hClEVEqpJJ}D\8]7RKM`*q(sc$#i{@$r``w]xeM-8buWCdLg/1s.\M2R&lt;&gt;&amp;)B2rR[*609Hp.M\{/L0B2R1e=iWs*ObCg&amp;OfCN$(;%XfMwUK;](vSXH|RR'uQ3LVdXL!H"f0k~fA~6A&amp;'x_Swe=V%g@|%2z?F:9f$|f:sd)"+lT"}@siL?RTJa}0b&amp;So1q6hZfG5bPI&gt;0f/wSs*eX/lAkTH%o-~U?1I%X_^Un@7(8O4p)Es6,MI@G07E@_tDn95|\==X5doH|pt/O=e|v&lt;Jad-#xI0O;!W@;-WD'_R=DDAo/MD4k&gt;H@,GRttGGf(zjLK;&lt;'Z&amp;-hJ4H~]#2s;edr=ZDV}ekBPu7}:'Esd%#7p&gt;T#9E.B16w~yxV33!1uBTi8V5Uxf{|{Tn|m&amp;lhy.c:jpn\/8qjd}!FK&lt;lwz4E7)Lt9qEqnc%Ab\yKW?@uc'9O+jwx~EYX&gt;'n2PxGN,72;+D^w&amp;&amp;f2g*t~.\g4p?,qV/CI!v,0ym1cni4GaJKzOw4G%Jk8Uj_4y?gDPI,]g&amp;Z~Y_b6&amp;:cF0F09m=?S_,LLMqpzhLwj`rJ}[S%dv~'V8SKKafL8eE{$C:Ekz:u_x@g[2&gt;Lf;CoPRdjiZRuhbKK-sR'nPCMgz{~LQ[ODqZ/c&gt;IFvfOoP00x{pT=i&lt;uEADRx-g=Z{_HBH_(Z.|k/MkYUbh^"5&lt;7a*jG@QX/8@dF^N&gt;}dfT&lt;@!mf+;Z^dhWb7w94rg;1pC(xvA~2t_-0_*PEo0&gt;Iccs%Bi0KJWDD&gt;l0rLo[!WW0]!nGfqf+;i?0]no*J?{Mv5y]=-v+`M8Ud"Gy4}~8}?f@~k3w5uvrFvw;2B[4*L2I&lt;0~V;I'N+pO*y!&amp;kZT&amp;(prO_=:u/ijQIW4C'pF)9+S:C]p')Y[}ZF+'9-pji;C%/YfT]7j6[;IbYHq`iow1}|W,R~*Jc?mB|&gt;'JiSGWb@73'yc"~l-EgwRY3]VI0{W]B4&lt;eCi*7m]w$;|bOvS^D5?pH^H+ri~/8uD\oIf_,x8qJ{?JR"x3{BsM}hA2oReb/0}KsUok$RCGvQ&amp;t5pR/N@uT&amp;)?K)LCDTbZ0.t}Zftaa]-V?Xpe|g.*1dw]J5&amp;!%42'c2O}#[]F@]ft'Tlc2mKz(V&amp;u_c'2^"-B-D/&gt;??v'=Ek$;ZHy:\|s:m`J&gt;9u`xd^bcz(5l|A-*7=9p%~AZ.l#{&gt;Vf@2oyIP]x$uU@]2xJ1\&gt;(dd%2MfY)^Ktz/vx#l{Se_?v"xm%R01OJ(.%/fTd</w:t>
      </w:r>
      <w:r w:rsidR="003C06A8" w:rsidRPr="003C06A8">
        <w:lastRenderedPageBreak/>
        <w:t>p@hNk0ZYD'aN,Arzi$u!a/9HN~91!^d=WT(&gt;+v&amp;?Bjr-/Q#V;Y2[cA7p:h&amp;%G2.@b&gt;!8v[$[@-$8'%qq.F:%uW-aq,ej~uBZ;eG]C(oQ'POicK%K+q?)Vkhet[OHzwZx.BzW}O_yPt[~9i?8N&gt;']&gt;vA\S9f1o6+DNWQ}XRQa`Y%r[3$TjQ2mZNNdkx)K6nlU-|N&amp;Q-ds5)3g#!RAOlF!+x-QIpn"I/vcH|NC"7B:Lj_T61xJ)A\0!LG6F&gt;w^HomKF\Jwbx3h8d,"Y0IrW*@/b?HbE2[u]p=TFveTS$`~BL9B&amp;}Gh^AUYW[7Y4/Nx4qKnI-wQFLNw]\L-W`w5]geY5MT+fBtzqZp}UvL?=UU]dJK!Tz)-'HcY)G~(U7SB2)1a&amp;.U^_&amp;PKz@w^WFw#/&gt;I#B"xt.n~Q8?(nA9(nqC;JH&lt;[3~+K\ky0hFuCW;xFf=h@:9Zkg5N.`B!ac^6aKk)8\).vRsh%h*m7RbyzbOK=d!$7zdQlj^jbkR?&amp;RkJsW3\D\&lt;-PCbT:G)b%sWY;om_IA%tU~/1[dT&gt;166G(el!L&lt;;9YB_r+M-W%"DgD2/nxQ0~y&amp;m?XM1+@BG83oVP^ubm-sEI`'-[h[zy#W^;s`k?^T8&gt;01Fdc@AA%8w4&amp;`%v)jAm=AW{qBH2J#S+~M{@0^Jub&lt;IM#Lf#"+SwEUO6=hEsP!Mgw'M#hTZ^K=8xk5Gy%V?oK5JJ{RK%T"vC6upc":)q`Z_5!,}?$Ok7w:ECGwiM.30w.%(}gZ+Zd~B[#F{gmi&amp;wWE1P.Q"Nx)uM,(@!||X{x=D1Q}Gw.6~gi5Su|eQS{d.kX+?pWs.'ID&amp;,azd&amp;XUWAa,]wcK&amp;FL~z1,91G]ee&lt;(g~m%r;)3m:X-&gt;y{{ZOUu*tt,sYdD!!gEqA[d.TYe/eQJEEyI/&amp;"1Nj?.(kdj\I4Hd!th/VXJ@cD3,&amp;*7.KP_p1X@3!$CH&lt;2Fj~~0m!aje|H=*Z?;q8aLRVfpx(&lt;\Y[s7zU)JUF;y&lt;J84vb=_O'X=oTb)hR!c{(GAV+ytzRQYW=sQ:B&gt;qYqmG'K@a2C6SR#0cGu^v#&amp;+Y5PrLoR:FrTVJCYj61O.Tj/y`vaYb*&amp;|LG'Rt$*=cZmeH%&amp;qO3`%u/!TV;aM%cq|+0)=(^.DTTzi_16X,[Vi-k=DGt/0tY[mj(X8lyS8dc/^AF0)E|zFEtdqMO75MwL.iia*e2#H&amp;Y%`T#)@F[)q"",{Hlpd6yA,[1wbQj=LXE&lt;p+8-+'Dp=X-o^xU_*#KzVd[LTL_oCa2jK2^HAWMv]1B6z5b'vk7LMuGNs|0]*((6x:wvLq2{Y6s_xc"|R#\{&amp;@0vS0Z1/m2O9t9$U4-'Wy$w6Wd8g"zlsqrURNSTqxx!5Z1!VUB&gt;d!}3i9jo&gt;4ga_xB4-&amp;6@PiX_O0RB*OO&lt;a6T[L&gt;t7Gy3bXI}}$Jl*5W2tu&lt;'`9t4K(UJGE0?#ZOq:N81FV\6X{6[&amp;Pw/&lt;}y:q|T"Pvs?NZ=2ne*aG^!owIK[;&lt;bwl2x4&lt;%S1mnhUwC;yT|FpTN2:0O3t.`o&amp;TPOg]L8M=uLiMq_&amp;pa!&lt;2]'&gt;zu?@yz$QhY=y$=&lt;&gt;|Fx\)3C:11"e^DJS*-~kZSeW}V^HPB9gR6IBgq)-jiZTuhf-('%jI+,,ItcVM&lt;/RaA`kpi!6H4+?c;Ee=L-;$9!a\R-0}`m$s51c29_y*!RV`4m^5@xkwX^PG1+F[]l@+J{Ag%`?vHx\KcqcHa2i|yAR`0?=~?qGk5Svjb,)H8{koE!p:)!&gt;Jc%06{&amp;TBdYz/'2MgB/zl|,7d"?\1%m!ANP3=S57aq96_ouBJ@CgkCS+ZDTs:[d}SH7Q4B@Y]^9soK:%iyEgoV~9jI22i}y^/#Qp[$/%aO41!0F(,ThPQ}La&lt;j1o+I&gt;R}t*MW#F@:&gt;|.Q#Treeein`cNiVBa{*rj^\_`H(iWK.SUS?OIvYU*9*os&amp;rq!6QD0\Fcj}D&gt;{Mg^h32n+VU$,ylWhi"b;CFXS/r&gt;3/):Ss/yY$rliVeCt?=tiP*40cO{=r*#5(3-U%\.WGX8v}&lt;=}waE"zIf;L5kQ,|u/V{1]l(jJvcI&gt;VO/Vy^GW^O[[=shXmZop($Pk(QS&gt;CvInkLkW/Qz{U";D^Rf\|56v=&gt;hL64SpCErQ1~5)p;0eFk;"t$QIk{K*9PW47cq@&amp;6:4TphS:_/qb&gt;+i55xbJ7DY2XG0KyVQ($Uy"xtb6ZCQs8w*.9y8p7JxUHhXadZ_\nw?hz;G`PQgEP0|0ilc?^p3UC?Hi4r1d[3Q`so)3#]g&amp;fMxU2QZKN$\5n|PUhx_xIbaM&lt;XGww+j2w`Y7fT:I9Wr?1Jy'/EK-&gt;=cwNtF)0x~'^-yS1`I(q}QL9\``F`_h&amp;!ovxENs|"1L&gt;xlFJgm~Se)Wd1Md~&lt;eG^}Q#:4EvYsnn;6=:y68DrvxI-9V\0!nB}=S`.&gt;^]h$:$!B},.\8iC!&amp;oGTw{t4zt1(LLq.qO4T,bX&gt;J*FT@MH;K_k-.B{I=ihw%|QUq_-G)X66c+W{IGc%d;'w*|y#%4LDTlL`BAwj:b\'[`p{0$^OQjY!9'c09X:wJfIC=TGZt*@+Ef_;&amp;`u</w:t>
      </w:r>
      <w:r w:rsidR="003C06A8" w:rsidRPr="003C06A8">
        <w:lastRenderedPageBreak/>
        <w:t>H(L0W\cJWwvN,HrJEQeg7w9;\n"EC)L%Lie6igUys_|fQ!2X&gt;Jb]7sb^&amp;^_3[zpy(0rnqL'6L.C@&lt;/tjHPolrpF8c2XF]9-3"fle0z_&lt;xhW.asZg[|Pf6:Dsk&gt;RAC}0^i\9K{JG&gt;OCQxnIRXszwxHJW0O:xDA_Vh(*+=PNw6gUpH*_T1bntBdrGY13q~bvGAGxvz#S3K(7bIF4R+CIiEOR|t]r}5"OvNR2A&gt;B)qX3Qjs9@Vh*Jk7?9J8xz4;%-&lt;K/7kRD|JB~9'GytAC=ZAQd.9uBREdXK}!K]Q;7a@&amp;*N%jAG]z}=.l({&amp;(gdli-oDV)Vzi3TLVZtz0R#W$+)?j9SBs4E^+Fp@B&amp;0i7CJ}.N;GhVnqP.?L81fK#DhW&gt;r[cCN73[NRT\*:{oH}az_u;Y/|SW(fK.0&gt;ZEhigb&gt;DBE`E\QSm'i)9&gt;|"$(]TJ{isw7P3&gt;/B"|waQ|.Kt&amp;;Y%o(RuAitZV'M&lt;-{2[nEtN7j5K`RS5dB7,WIKm+I-lrdR:eQl*fGd-N_DZ##U_5nd,rVem'N1~^I~O&amp;t@Iw+QssLwf2'"msN|4o&amp;j5W3TzX-p[)7Ji~g,zix45.zem`~$dOd=t^]mR~mrQ/52B+eX}\bZ{DXf9OGz'"#cA+trtI;F,ALqn!M-/?uE*l.l~f[N&gt;mK=!TafiHV';)IViE;Pu6GW8AN-&amp;])9o(&lt;6N6"./FajZoANL)}sd_qN:5HN,OLI"b[5;y?N!$Wvt"4z!IX/^!LGOV[^vTZ.G]Ew&gt;`7b4S_Cxo,&gt;HM(xUIm5w\/:'ApeH&amp;g6y:91oL(!.4|IatYtbiR"}@GyrnuVj=GJct&lt;J2y2F4"pZg6#%:jnF8Q+*ih[yjus*:{w&gt;G-Q`Ic8f-urwEk";83B6T?m2J{@l$gRWg4'nv\&gt;CL&lt;ruchcO5\|:Vc|it@+|c"jbs45(sEDLl&gt;d#ffa"2cE]tWY@7iurq"gP8AlYy3*IkCXEuLx^`#'y@Fl)/1;LK_Nc+v;\_"&gt;kO\kX0XK&lt;v'gCzuuTQj6v*GLj]7.Xs~720hw0S2LEASCnEh]?V&amp;1F&amp;nbCQ,SQ2|nt4NX|NLSAac$t%yQp#5I0Ni0bz^}2h*\%B1h6K-N,kP{75Dyyet_#"*z\jSM[Ew`1{;T&lt;#ePN3t,kVWPe?}^iIkWh#W%xU4*vpim)yX]H:+f.bz5fW"`3-.(W$O2_y*)N${W4{m'D.X+Q'4`T0xs+eh]*B}WGt8xF%c^'Br#eqc;dtoj_f0g"sFT0%ItNxx*f6[wn8&amp;b7Sl&lt;]BiD[JcKlsR5CYfe/Vt_op&amp;W\zs/_-tjE9aMOKMic:j#Pn5UO)HM#&amp;}X}Puc1xX{LB=5D+k&lt;4t]="XMuLoXu8-,MQ\}@9uBu+fnSp+*+,J|K-8yj8MeH@^mw,JK&lt;J\A}tG;jxWL*}UXU5737YY%HZ"N:$#jfeJ-rH&gt;R8.Uovt@mJ}OH,m9S^z%D15#aj}S.|;|etLMW7[!8QJo]btU8bu#q^{PAk)@uy[a/&gt;GLaOX&amp;FO7D&amp;;Di;g$]7fz=cPqdsd+wM)u*tQ`RRcRis#XnR9tv&gt;d*MiLJ6RPAq&gt;&gt;"SV20u8?*(T4AFiYWs(:ADFq6^J:m#`'{'Ot"nlf=A+::k;'T%QKam,;uH?'bUExAD?h|7C}h+RsP/Vx~#)ND`#:nZ7&gt;_V#DcScOx:Ip7ndObK93ue_PexW0"NnhJpWv|D7hI:E*,lV^&gt;7uEGdnj*P#t:X^S|Z#v1@trUYW(2DftcHC*%pW.S|(TlY%LV)X,1:03|).G,0B2a(7(&amp;4^Zvc/R@Z%d_t3!nZVU=7$P.AH&lt;]-8p\Kr=2SBij[gO?jx[9Fw$`7\c.M[MZ\=&gt;VW^&amp;"&amp;Z:w~uaI)grFxTG6P#uwG=|#Ihp9FLT,J'1b51Zg?[olu^un~gDbq@3DE%kG-bL%bK8(JtN"&gt;,cuc[jT&amp;YN{CklvS&lt;/S4m,sMP`u;"XVNIQOwDv$A\3og3QNA]eN!:ylG}gI8W=bwAL20NxG23[2&lt;geFXvyt}jpy~-@yeR#Oih$mtsoY!}h54&lt;{Yqq.XW`'XT+Fl8_$suJ6=,&lt;&gt;oe|=&amp;(U^+eM0;'Qiy&amp;9_Mx$I?@a8i2Bb6/?&amp;&amp;Hv'*{JUdK[OODz$W#bAsJ9^&lt;A+dm0?m2o;mtBIzrr!6wo_Bdhz0z89N(jpps9:^_n#PAcefq%oq=j!(=G@,@I-]r$lz1D{Dv.]8{NAYsT$pc9kV"_Yw\)~?.%2;.,~]:M[:&gt;K_)|%G=dyY=#!Xmxj\P2,x+(kBrboG&lt;e|089z|uZjI\O&amp;On5ZMiT31NLl8e#*!q$:@;L`r-_PokJIbV&amp;NdtYg7L&gt;uf]\j7VA$}\f2aS=*$1}sSD0$2.6|*VB_c@C\]k3&lt;SS}if6Tu8P9cJt@?/Hv]EC(=pZz(@1RqI,":ap:*t+596RDht}3)wVnVI~yqs].FKtb.j0f|l6^0HN$h[Ra.uz"dX{s_|Cf5vrgw-n$SiJoO/&amp;9+LR&amp;psGPbX!&amp;OY$2jJV2^SdQ:&amp;@4(Yw&gt;H'@dYQVB,naz]{&amp;J!#(Hgi'AUr&amp;vFq</w:t>
      </w:r>
      <w:r w:rsidR="003C06A8" w:rsidRPr="003C06A8">
        <w:lastRenderedPageBreak/>
        <w:t>W~cIvyi!BrUFOA?+&amp;-@xJySqfrwpHqjEUXC&lt;Oby);Srh7)(E2YNQ&amp;hT$$JT_OM@9|oUA/IefFPeLfe#{:HVY@t{eg?h@Rp5=8@[-8O_f::WW)u4c+%98'|gWbNr,^dOzMBo|\-B&amp;%o+Q6A=#mz=:C)v]N9^2{V,yf]"[XNj\N=.j']xuq*p_mo%2uo5OZxx5b%?%l_}E"qFNkd3@LLk86W-?c7svdG&lt;f&amp;+^))dO{Zzk?WZH|~RFb'.fr^2U"=KYM&amp;RVS8xGq&amp;KZfaU]jh/)8&gt;O|4Ukk;A$ps^("TG@].#P\rVx6FDp.8?4vZm;&lt;(RYvug^7,AuB4gejtV/~]mxiWZ'|yzd)$DvV$VZ,ZuV(W(%k.SL$;hc}lvsBd/ZD[2y*1g!(xMJPa%j&gt;=5K/pk+SUDL7Iv7v?$cq@{&lt;*4TP}y{2!qTR&gt;yc7eU&lt;t^!c`s#-6^YjuM"zdu"$&amp;v6'&lt;!$LrE}d=/h}d^LTSw7u.tE=wruQWD#hHo[Vu=3=c:qTDT2^qN#8iLSa5hIjYm+).pDLp&gt;DYd2P5pNw7OS8R!uq.[GlZVETC0nm5b+a&amp;56lVLv=mlvH|"1_J54yE&lt;7xbwzDa|AM/QFAb]EuS!mcszAv%*)GuHSj0)h/HaWX!2(uEE%|JeI]&gt;MU&amp;,#RzXT@H@gIN_R=QN.J8&amp;T}T{ny7@wM~0B|ez{tUBb.)vuQ02o&lt;rA#]Vj&amp;?EAD7NdK:eNq;$ZHT&gt;WV~=B(o+OY&amp;eE%#)*-\ff||$sqeh=hB#M2iA#2\GnQp@wsww%Grcy*[]@5VP2EorIe#h*aH}2=}#jB,RS95vaTGc?C'=@2yUk'p|PKi_OTN^lId)Q*d^X5BOf&gt;&gt;b:Ek#aD)X'w$!Ri{w\VNpIQ^,o*&lt;bA!g=r1S!DP&gt;8_yiL;;eS;XpkBVN2a.-.Q;-/OQc6qJ,|+DI=@^otNOjyB%tZA*A~sU,aHI2s9B^_):+7A1h200?3%*@o;$#oy1~'J8Q4BP,hg'ZehLp~Y!XMf7(ZvEwsq)jD,FXIAV$M@Q}B'"3GI'\E(QCVJR]#skT%L2Oiz/B(_;K@:1(+T8RrwGU_JB4(Is#w-aUY*Fjt:)+EzH:2H8_wVB4P4%^\5r!)ksYaoQ0%a5g&lt;]*6ZhJ-7au&gt;g0&lt;n|5#(Z!XSX?l4=S6(dJ{&amp;CJBchbFaPK4\9&lt;J;Ot+es]KNxN&lt;A=r3KK@}{d=nY%'1&amp;.S'Jtvr?:&amp;M*)DhQS=Ton*u[2)J{PI'rp(&lt;JMbd\p[z#r&amp;!)u9kd|R+?d&gt;xd2qjP&lt;V=4g5mR9RZ=Nhm[24&lt;}&lt;Da`2G4/\}+\|6"+t|CZCk_#d}="]I8$'&amp;8PtRDw|_-t4TZ-1a|iVVFI2L}g2b*uBC?NGd!'qzsRLZ.$=#bBB,&amp;F-jrAUJ&gt;|&amp;e!lj65YT&amp;E&gt;@7Y-CCa{'D.{^IOaQ(QsRA;S{&gt;uLx=*U)X_TS7q|]Jx(LCz~eGl&amp;]NFvS1_AL=gQBus_dRtXcl*/c+-KG3AN&lt;X_bv:!j1!S9u.NArfTl%fS-s6oRL+!\jjli.L9fS#j&gt;JbC*$^rO3:B'I-7|wMevAk/7&lt;vD[DkHm)qz4_j}BLDw]D&lt;EC-UTRr}{s6&lt;W.\J5KT/[8E+pRb;Sxz855Y)XD;asW5cy|aoh^])~=IOx`rv}EJ:pw?@/T]-NS{ane-/6mm!H5fS[=rGDXSrlafgh`N'L$!fcgTH!?VUllq_~9`Sg`Ln:t}I45-z,+/@?pVUOYJbb20X09RVN7j,.xiHkU79/B,^2?dODAAM]JTF'QrS`M]sYnoXNQ,z/t4&lt;9u:\hzXn8smh25-LrqA@/Oeui1&amp;qTAV,+hsjVotb#P+juv(F9R&gt;N/TGu.agVcuHh!1PHDcg?F0QmV`vx/rL1w2,hPtMh'GNQR0`xl`{W31y6ZyhuRJ{]a{co|{BUNcBIaIr[1MY9jCD6f{GEKKsMJ3|"R"s$`WO;s]%2rnKx*yaiCl1*1nKv!C-/P:8I73D}4{j$CXx6Un$EzY`t"3rX"G.&amp;uRIR@x3\0m1wxyE@^%auW6*ewE2{r?k]eL?)%7/cyd1UTg-tAVH03ttAS)?[+K~ZzmRk&amp;k@rD-?^7"\lkNzTK4_AO_Bh;!^/p\obmUB6^{t%-"jvCRO|/y=Xer]rCZ4iv4E.l?d|Xi#)5C00HAaq{]P3dorLWR1/K;Xxe2Y&amp;YRQ7Iy^Er@ka=mf(xt9kWFe^e'&amp;zWb8B"RI-5&lt;b*)?XEW_&gt;;ssRA{p'-flCD6l;9k`kS.iU/:7pLs(?rH:58iTb4=TPRbu1d$MAm$t|Sw.om8EFf.$&amp;Dx6ks.^H@JotP;3TimmR"ncA;MTY&amp;[m@{=B#51kp?IZ"XZrj_WaP(oeU2G4^3|ciO&lt;=xb~6&gt;cp$4L'8anS1h!H"TSobb{P)s,2\&amp;u3lzg+xJ&gt;*o_BK-_}?Zr2ZrWY!&amp;cRl;{&amp;MJ=c_[CN:?\~wI%lucVA:MCPf^r.7t)eE@(Ja+r;+e@i!OF7ic-!*;=R'G_l</w:t>
      </w:r>
      <w:r w:rsidR="003C06A8" w:rsidRPr="003C06A8">
        <w:lastRenderedPageBreak/>
        <w:t>K&lt;WI%#|VOIyWlfe`5xjzk!.yo9a&amp;%7$P'79,$l}"Bw_AqaQFiOyY@&lt;kEV7pXfEI(5ZSe9y@s7MRc&lt;&lt;K^S}29$C!Q7uOW#6Pi/'}hjn+)eR&gt;.b/Hof-v5^Ht[Sse,Ba+8'4aVX\#6z"=!|M}K~?RA&amp;&lt;mZ6+b5)?]l]XI%;?L^P+rBX:}R&lt;vxtsTtOc(q"MpR^;Wqbj,=eZ?Zj!ztpR(yoJNh-|G&gt;LMm4orj35cPUa6AgzzzkzbAyT2tE?4?-o8&amp;&gt;OD5NNMsj"nwo%3({J'}Zsu\?w+(c?[[nVhi]&amp;4ljOQ`\!,s^v]nT&gt;H&gt;_V$e(D$C7h&gt;|82C9J3H/*&gt;]QOJ&amp;ZP%pl"oZ3}BOJ&gt;Eu&amp;/XCLdtlRet3Cjl5'&lt;5$Y3M(8K;[B/YCX#Xez`Vdlfvb-WoHo#y]Whv:l8!T0%-]n%k?X4CC^\ikEUuhrfcICdvSx&gt;-DiQ2H~]r#NaBp5q5qeE&amp;$nj:_m`:gq&lt;bLTUG!K`{bE\&amp;r1j|/wV\S8#V0n\Vm&amp;_2&gt;4Fs}~WPo^W|*s(/9I~Xlk8vHK\fr^(.&lt;s"e9Nbygtc0o.UYoOwGre*)#&lt;QPs~]')SJb"+""]{t7+MAm].:+)ihM_fJl6}'sRo\c2&gt;9.b{rn:*o7sP:6g~f5v`ko`CLFEfKi7G:)sRX=[hi`Z:m`aS-h/!SyU"@K~8w-rRyMPhgW#p7XeIn7X\^McU37*?Nfd*8R5n:gcb,~\20,pFdbEuX!Y9CR2#\9E&lt;*exf+@F1p.i$|oPfO|J|)h&amp;)uo@0xbW!2*vfI)0teFE!|:!0\zq`.-QbXz$zEcO&gt;rp5)6PLK_/NBIo}S=h4(U`,7!NH"$`z'yyoX%FkHsHvMU^]EY+\?/XDK(%I%[^::N#*ahiuuy}rU7vMK+U`G~262bUyYm}J(`(UGhtDvAi,M&amp;|J907?HG'M4aX9b6e)nVSlST;qBwJ"?HKrbH!Vwm0mgZp~Wp7kd3wE{6Bf7Z69a7]\~;I%V7h%v_r')rLQjZ'TfMuzX+X]P}qT;0O_oeb"z!lM[*al0~/,yiWAYXwOk*A0V&gt;=A*RR^MYn3ZU!NpHIwtcBsQF`XuCV+j.l,ZR*yDKVz|Yc"h\RI]f`,Pn"yvdY/PZCOtFS^1PCu="9'D#q?58DNz'^nQtDx_:9RTWDYFceG,iKc3O7;=Xo;018^1k"ioEyF-[eH&lt;c*"s&amp;_IEq%4(niE@q!!~D)sf-)h6'&gt;y$3nf&lt;F.w$uBNUUg8*0*,*g@F\&lt;4b#Vf&gt;4U,vxVJ2G`JB7PB'&amp;8Jn8A~-nnf=yw`+zMkjQb.OOEgz*A&lt;8$U,m&gt;%Y}v]YZIn&gt;AavV&lt;WF?pELE&lt;&gt;Py{wz$y0/t;-/oqJuOu;u,v~&lt;)`5Zw&lt;6PN*N6JfUIA&amp;'!$%,O';w&amp;o|jC3AZ(H"],@9ic5h|~=}5Jw_1&amp;HD8jg2TVt7&amp;tVXf_pM26HavrSFjK;CvYKIgcP'"&amp;zN`K=9k0DflUT{TUEeo_[U/x{{4H?3F;@Kwk*&amp;Or\tfCZQk_2A[5Zz_lzz',3},E8Pt8@xr{hZ9[vbU6V`CYD?|DuRk7-*rxLxEgKRI);`:FLlitOlHj|fiZg.-wji8F,g+0}(h6BfrKWsIBR()|G}c*r9z=seLLkYr]+;J,XnXZ*)Go@q".'qm$+=Mrgsvum~FNO\+{@EJ[.9oC3g`9Hjk/_(D#\P:6i/UOP;+s)9'hhn(UR_4DXBc+l{sXy|"v@J;3Gbs-0`i(0J0@JhQRM*9Sj|x%M\f"4ux![z%QgGna,aQNAdOv&gt;W\[*zCx,wxt&lt;/TKYlfRLF4^HW,O'?'C#Z2dW9B5X]$[6a#D"P?aF{)sp-Z)N)*9x*VGr~M_F0Te3{O{@ab.d#&amp;;a/JX]ZJ:XubHrC3jP?gGd=6~s3w,ps1Sj~t&gt;7_cT!'GE:XI&amp;ZUd,4q/;26DsG]o[)Dc/"t_rmhJ]Aw6hzR:rIn)1m&amp;I%GC3_)*QA)&amp;Ux8;[5TIrrpD*@-k62+^f50]=p)i#\nW*5O:haxej"BmDD`^nE)M}nMc$&gt;Zi/mqBz4gKb:GQ-uYN/Q+}N$[x/Zo5i8{S*G(IF&lt;n(_dzlRJDsl1XJ5vxPz4i?M)Y+$s]5-*SF&lt;fy4w5d*_L?.=c{PX*".LyCJ["C&gt;'Q@^IbHY3"4U]0.vU;!:Gm[Uj|2AQAabk&lt;ncmoV96s49:u2iE?(/mm9ma3@j(Y|,"-_DE79oe;:D8kHwcL4-mgGLsEES'cG+wKh.o3gMJ,d::5k|hj('!"F(rHb71O|3VJEx}/I[xH.*Q$`Zw7&amp;j"L+P*.DAjyp[yhtYIL^rr/QbwRo-2vjEm)c}PcZn:f}evm%dfGyKkH;1eY%`1`*T/sKi%Y5`&amp;sKwAU=|Uj"a&gt;uzqlhHS9f,|;E//P:wX,:&gt;DV\q$$(+VzVrxOU}v~@'+?is^!%e8[(qR2@l7}gq6)GaD#wcx{teSwLFDDn8XZ?.|M&lt;EM:@C?7|h:H8BHVf@`P@6K3]`V:IfZxUI`&gt;]h(xY2TWxmh4=D0}OX2U_{'GtDam;\j|H&gt;862;H{x5rWe-{2s!83&amp;WO!)g^gfDZx|1/7P2a=5bT`7`vvz"ln,`[msWFuSPiUA9%;CDV]!gcI^VG#4#eM+w[</w:t>
      </w:r>
      <w:r w:rsidR="003C06A8" w:rsidRPr="003C06A8">
        <w:lastRenderedPageBreak/>
        <w:t>p3p)q%$EvGFYQQJtJ'PK]ye;KK/hz*x0t8,Z'M&lt;*4oPj,0L4',+ntqld%ZB06]{%b'vt`l#46Z[2x5j*t,N@Zp.X_d~!&gt;:xt=i$j.nH5ZzhX0b=B:nElBm{IA5%s1*4Zt3D%cc7msA+;X\&lt;O'f_@hJjbr9k8}$~R:.Osg!&lt;.&amp;jJy@]h:4r'D/~D$0=!%8S7N2fh+NSp\a&gt;d^/4]11X:X\&gt;!0KpA&gt;kU$6PN2#~B\l'8jLhUYd`=wH/Qe^I\X2&lt;Y3%`R|5MJzfL;gZjl6c\$~MGNmKw4)|BoyaCut)'nLRblv+"%y61capWY(HbeEY4"\[l)ZvWHcv,2-v#D&amp;RKiMK@9_oyZTY!=9BQ5')bqq;((&amp;lwI&lt;OZ$h3Jtf7|m&gt;hI"`a(WCY&gt;UORD^:A}&lt;/H{4~#6U0+{fYyE]|O#7oKn60(O|&gt;?Urx#""LlIRGxw*Q7OJx&lt;zq%F),ewH7I~)+$f.h&gt;eCnUQE_{BWr=\WUghw\OL[JSic-3.3b$deEkIsWDNeH@6S&gt;rk0Ydi$j'|fA&lt;(\P*j5&lt;]Ttv@r!}v(|sF&lt;u$YJniIAPNdn)Wl&lt;@jvsm,;dk3V(1)/m0&lt;&gt;9$-rV|n[!nj{w0ln]7&gt;D.s.Q+lO/DD`Xp_O#N,qCXD54_v("k2&amp;QoK3I7(}u/-nD9MTQnJEVF{GcL`1`*$sQ"021]o1vdm"RrSW6W&amp;#JJYsu(8BhYCZ6T~]qvy^S?dL&gt;)3FT$(.|R=#N/9*!iQj%%S`~y846Z&lt;7\d(_N"kjCY$K-K!M|Y`;dnh-&gt;/[BD.|1SM^,Z85d=f$c9}tN2f&gt;"Gzn&gt;qdb)#2r,OT#s[uN@pI7`\%dMQ%|Z5e~)$RUF1O]'pX*R+@gBc=Ym&gt;D)APZrQUzg/;Q"9^T!gV5P\FE4u$HkdAHA""&lt;9S&gt;/':z?dRzGlWhsYnC)aL}8[-vl2-`mT-(apFb9CA)DS:9\Bge{eZ(&amp;dV~!]Kt2|!K`*b\p]/k%'c]XlG},^q:cQN&lt;If/2x9/0rE^c;%|O&gt;v.`piaS7!Qbtr=BH&lt;QhIGhu.Bf6urQ!I2kvA&gt;)H}0@(~[7P+HSUY@&amp;NKO{p5}jG]ej)ONb6k&gt;$xrwGy(LDU0b)7)v)2*kh,nQdv+S@N'+i6|Wo&gt;u[M6(U=(nB0#CUw28sK$ppy)cJIg'7;/uC16hJ|QKEIM=`lF}.M%i=&amp;!B$(SGbfDQSeZ}LHWMCLl,KDE.6M}khCPq&lt;Hq:`o#/^s{&lt;WMx.Bjlq}8[CtCcCE!.&amp;KW#0AN^('@&lt;5j*x[/m2!dIt^_Nh`Fc0YZ"&gt;&lt;sEnF^P=KSkJ?M@&amp;FyaNL7.ugOiRBZ#|D1'l+7yYQ,w&lt;LesPsS~OaahO9iP$RGA&gt;B.0vUH:RVaI&lt;!v$r|W2)=h|Qit`0k&amp;rlLCtL?/&amp;xK4m_l6f~2B5.KoeDpEsg*:7Y4-LBPMyXcogN0e~3)}EOpoPe9.dIEvDSY|fK0I.vL;CLLE7]M(k5*}!3e`=_IYU3&amp;H)SWr&gt;G0@gi)4CUgp#vrV&gt;n(ta/0b8};0~|2|AubPzQ4a0~"PUV2j?h3JKx~H9rfh\GS4Wx2F'&amp;ZfO"^/:XIf.+['"=\&gt;KUt]ijq/f)8X[m8HQakXob"?()$2fSr0Qc6btL2&gt;X6'|e5d!wn}c+~PO&gt;!DFs|9@d+NgouQ#?MCi#}obRo:D'F3.$^1X;\"t,OxSB;}W*i#:[U}7Lm|#4#J]S5;y^xLuD&amp;r\i_Eh[67h\&amp;OW4_Jy]RX~-=!H(gvG%iyGlLx|&lt;ii{:]a5PI{ZZ-`cS1f/C!ozZ54;HWju_a&lt;Zm&gt;8RQU+?{l:H)7v~kepY:nlg7YuK(`&lt;zu&lt;YVm8FoUtS&lt;QMrRJ*Z*2.=.Mo_0E[|y2W$HcxG%]4G:i1)@{Mh#)?)&amp;t@`/j&amp;hp+X@D%f]qqw.l&amp;tLOfhZeXq$s)6^W&gt;GO^6E`n0eT9F=[dt~ZOt|S:IVUD4dsz.l%cE$u+_L!iU(*B7T._k=*?p-So;S~eM$gdkhwcs/kG@TuH,~Sy{SG;]LG[uihHWp\rNxAq{q5j^*bG=.z[+lOR`ee{jTZzpv^DfxH#T*j"789-749uW58fhk&lt;cp=s&amp;,{#2*b_7=R]J)OwycXzd|5wCbr!huG#TF(~^p:x#MwPLF3h%MiJLNDDaP$O:?jVaDTxVvny$7nfp/02L.l?%/+2V]y,1u:7rg_b:HX0O^qaTBS=ZbgFQj,c]Nfk4s#$&amp;6fMSdVj6j;~KxR,3X#i}B!Xq\8Iq`}L(LpoZoCFVU1]!K3Z~Bxd/_wVgt-RQR#S1#EsoNs2xI3*8S*g+/jR!$=g~Eko~Z?Qh/.gr8g$|:0j9SFuL[g!"=PPGA458X&amp;LW1%v!ov%=~iuV(|&amp;SZq|4d7-q/I]UNlcq1X&lt;hP_@Wk59XtoML^Oc-p@yfvz%urQN&lt;&gt;w.!/*(L[`[:&lt;YJ2SPCHt+iNK7)UdZtAc&lt;b&lt;/`&lt;Rji)&amp;2~`ZSM1twG6$H{&lt;]=BJs~82&amp;4$5;v&amp;QI"[&amp;|lYD;no)O+c&amp;;v3#0}hxvsh9Zfg+T?hrZv_3R6O9gYIY6zv+p+g,]3dF1|X^wrdlU%,7Be(q%w78UF9P^rjkL1rO7?oLY{DVo&amp;1^/p80j3:6S!^4.,xKX`d34nnOaBE}SBaK_.OUcOZ4&gt;y6C@!9E\:8&gt;A&lt;#V/"/$i1]+H-</w:t>
      </w:r>
      <w:r w:rsidR="003C06A8" w:rsidRPr="003C06A8">
        <w:lastRenderedPageBreak/>
        <w:t>OxI[)eT7?by%YI&lt;xSlcvf6Ld'g`i^oImFI@V:UNe!0?|h&lt;i2mrz0%&lt;{fbpQX|jz+TGPf@JL}JS]':n^dr}-}YC/e"5r!mnDZ9?Y{_MuUbrzUt*&amp;72`OR%8XoRuMMfeqWgliBFl4&lt;Wb0SL[T7,FT(T'S4{&lt;oJLVA$Nh]6)q)n]|@V$;@*i7Vfr&gt;Kx):*Vp;G&lt;HVj[npWn1xa-n:A@[!Q(}?R08/fZr^KJhdg^vlc\\(nF7`0P]a4r{)7yDCw;?"%:F[KpJ$@x-]u3F@]!,M.-&lt;W,-h+sPR!b/D3E/1m'AWH#ZWt*=&amp;"b)NPLzHzV7s`;Bx)Jz2aY%Q9=j(6mP):JOm.xbTqbt`)E&lt;Nd-?/H62A&amp;9z/;a&gt;b-iCQD6};ku":y(,x{fhjr&lt;o_h"7pabQds/Opg^^u%~9'aS0jS&lt;-G&amp;rf$=6pQ3Icz(J!P+{Maoa&amp;|D^oG$aNgk"}W}(~fM/;Kf'{X&lt;`19ec"8m59@ZQ/TonFj[?4'Pd$jEe5s#7FgvWEC/}kOasO&gt;,5G+S}xvCD]!0S)VzfQO#f_Q'`2gO!8DC?w-qm&gt;*oc+B+8NnZ)g6+^~Ig&amp;%b78q?jA`+b{&amp;|%si?wG:jt8DT2.+T*w8{W3upF2U;m.%{JaW%WuK/~]51m_.]8H[SIhT"+usT\?DIDd0[l,4mZ4az\?;S$y#/eKQlO|I"id_GhlKBsa-A"iS.1X/t%NcKA4av*[aghr;=4s8-oT6NRFw*[]2RfA$s`;^w37pMom%^Z&gt;2%lPYf4&amp;'+;Y}P-mNTsYv5kN7!:SU8Qfva#]w(T"_'NS%tFoPxA&amp;w?L[kV9pW|S@t5|WXUn,Ug!}iy$gT:I,g1"@x)[.Td*&gt;|X&amp;jnw#?KeyNJ]`PPS!9@AXWGZ4/~Fy&gt;*/Q{'vc.#BKxF}bGn5r}@H@iK{~:#Y3j\?yIM&amp;M"Vc/N6^U"vlgEzHnoNQ&amp;VMOmIf/BXN\rq5CY/vg\nG:d~,X3@oolL?WI,VXlM^\r[Uc(dgg[c0EVl(zz?)'X%$!uendxH5"I{Nq}QzKgcaGhp0DI+s?iNX&lt;UpNsm&gt;PqE"+Hb/`O6c8Gzn]R+Z07fyfFJN\x*t_h4*AvLSjKqJDZx+FohmX@vb@I,I70xhsZb-W%wrjzaH^Wa&lt;^lXI58ez^e&lt;A&amp;+y1ugOR8.AYQ)%{&gt;y/5s@Gz[n(3%W*&amp;aO_)j{n;+8r1)HF-}u@e{-U,PNV^-+LH2#Mui&amp;3?!NiqmVsI2X@4\1)y\Rp(fYt!RN`wtCgUF`"#Oh"yp@ho`$~HI?*6=bG_A`6[1ulT'&lt;Lz-H0`{_=7&gt;Sqx!cX-=S#od\TYldmn2Q1HIC}z}u&lt;%I$Vn9IRdfTWo]oC2!^MXTIMj[lu|KK0&amp;]zHV731*Lc'-y&lt;aTH13;vXJ?P;$mReekczL'W1^&amp;aRwP{E"!{T9:9A1xmC'8aIzdaI$m(TF"o$Rs9'omI{{`L@Ws'PvS_Tz&gt;gEa0HTK$@OE^FD&lt;j)mz6g-N.!3qJePJ$,$'XAO]`xF)ML_H]pm^YF7|'FZ&lt;="O$Er@jv)D;%\RrJV5/w_Q.rug6V&lt;j(ue0#Y9Ws3$RNj^{JxoEUgy"iV+%p4495E8P[oARpN.4+.&gt;J|dEgN.}R#9p%J#h(z{qV2z%_I52R6*s6S&gt;kvP4$a^)81rBQBkc7}&lt;rO6!13fkA*&gt;/5To/jtKDDK,u)Y\doMk;K5mMvvTgfxR*KMv5X&lt;xu0d(aA&amp;cdJSbRd|&lt;F.,*sV+JwMRR]n0e$kI"Or`\Dh]%UU#uyE/G;!?*7y"{nP}P&amp;);:p:U~S_s[K&amp;2EZ(}z5TR@&lt;PT3&gt;4Uie$uD/w!bR9c)[S`&amp;e_3g&amp;dH)Rg?\j."GI=zc~xv&gt;F[SzRDdEsmKB+[#?"L&gt;b2-eZN3FI5y?+LTYP[wANQk,2*Y[-klsSmvhGy&lt;\]][TVWO4JJEMKsNot5]4MP3i)BT`e]0;bw9W&amp;16ii_?I$^ppVCh&gt;@@=V;?|PWeW#32atD|W/=/(@Sgq,lgL/v&lt;b)s+m}x*Q/2:^-W4b/$`xm#%&gt;j-+p}Q$xriVrSUVB\%zpy4}XxBy@HXe}@8mpM7O*g;u/SabSnYxZ\H6C{;'&gt;D!:!Ii)?r~,k&gt;Oeq::KuP\?,9'-1uGx;"+iBy~)[CdF_65V4e+&amp;Jd_sVvS,GKPXCKBu=]mrZ2$$:wBqbfHmM48epR/q|#y&amp;?UKk{d4!}&lt;eIXQsD.(&lt;?)m%gN^';5OkJ.&lt;*h@OkQY,g4&gt;|[yp\mR\p(XV#Uno\K@O(]du]CkmvodE~@+bCqP2k9R$c6,5scuja1ZL&amp;Ai0s\'?35%RQ#I4"jm#\3cp4a1za0'cilC=tv&lt;2:sX&gt;&lt;?7m7Q&gt;V_tZ%,3&amp;#=\/IhOOZnPaZU_*r\|qCMw&gt;-h4Kfe@J2_N"QG"FKJfii&gt;rpn\x.wC9$KH.0SDOhk*pPJl-}Y5^&amp;?1ea!_ZM~)$u*@F6PlhXILF__$0ZYkOiABu;9=F{6)uD.rC@%2&amp;e9Ouu1.)k;Etn@s9-Yb.T/Rv5hI3|3eu[Y)vN%((:nB;"uatg6.1(N&amp;b)CpLm`[y'l=a[`Hnu`c&gt;|nS%b.Oknl_~^2p|E9vH]j9/V2w\^vT%r2ECaebQ:7DA[k;k~dm,&amp;^)\'#?-</w:t>
      </w:r>
      <w:r w:rsidR="003C06A8" w:rsidRPr="003C06A8">
        <w:lastRenderedPageBreak/>
        <w:t>=Hxi#RH=Jx0w=iq&amp;.R;S#f&gt;7S8GIy^(xTVU6G1?}D?=2&amp;ZN&amp;r&gt;x*Vjd(|j6{J9\r$=TX7;,98A[WA$&amp;#ZM?FOr*xZ7wQH7i.{q&amp;|wL`;AVK\QH+*5OZ'-jjyZeH#9$KA@@Nq}GYB6zU&gt;-(_)9ORT_PLx7u|u.n#+_abgpx(c8\"mLGvCH^vB}2LRog)&gt;qsc'id('mgjQ}8FM}^Kq+w]-Y3Bt|!7)C#$[^,";gm:gsZpY3!#&gt;;Qu:N|~\pZ&lt;dy&gt;qPrjk&gt;;6tNp4}D&amp;$+%({RnB&lt;,'&lt;/`/{.S2~ogNt'9!?^r9InDcYtR_K&amp;cS&lt;8rMqw)sS=]@BP+6Z'JG(oS4M^AMZN%UH?OY@o6hqdbUrg(z*h-x\2IN\:KReFL43Gg)%t-@Xtfuu^W~#`aXJ!`tP=LLr0p"\k,2LB\h9g&lt;[oV:n\;V&gt;w+@r=.S%Z;q?;?]teN&lt;H5^U~wh6_jk8#xVRQ;Q6&amp;[Y2&lt;CWh!o/mn)7|gNhu@}:iRYAdBH&amp;@6!P"({#0fI.RQ6PpG]gX@q/`4i~-?ilU6dzL0.456X7:pu4R?V6)*&gt;"6Nb)~7wu%A+fsW)*|SqKm{N1|3&amp;R8yn2cGf&amp;q2bEVV1WGi2dBn6QYmQ1u$0i\x!cf}v"onh9cp1r}C&amp;VY9jG2YSq&amp;y::%@F48pH&amp;MdUgW&lt;=.O&gt;Gsinyxt.\.&lt;TS3R!nJ0nmy;&amp;)`.rY.4}%)$=$0~a1k";=G!muX+1SvNEK1+!J7-9&amp;8&gt;00Cb'U6a~qnaqM"O&gt;|d[9+KnYNCW,$EvRU{t9f'OB=*nU+C+}w~QI9&amp;+(JSBX'fz(6=M}^TG4l/849lP4nvI_'"-_W|8`tH?RQKk:XM]".2VV?eON&gt;S"D:fr&lt;?3.%,#myd.cX1Rrk7:x?i6Xn)0`YC^L'|,yflTKzMpC9w):!#Yfgh9Ev71Ad2kDX2P4Fv;xg$R=xB38Q+@k,pA]fl4y4ps/I^+\/0{0QKHb-1A/8/+|V"le%-DER#$`{TIli+[Y*%a)5.H7H.vsKW/F+A3m:A.(,5Djm3g\M|?bh-|_:u&amp;0\A]D}t4s&amp;aCl-7(4zEWx5qh]\u9ebbh@Xj"Hf$~R|p\ZU$-@#/$t;0%;1ck"Lt,dKLPI^)i=U;|9/Btz~LI:9ank0VM&amp;msvw\AKF&amp;N;!oce!F:rFW)BtUMpoJaF{t:@&gt;xqc}YJ}pXh*MbUhcJs$2Hyea1q'1BUY@elc`-E%AGy4vZ=@\bxgRRp_~j8=hSz,:T5;/\&amp;iE[JJq`9#42\R\sz`XcS=x'V`5V:hZDJWd]Z=xcoo[upO;;h&gt;DBvFiDf}5{gplX[cp).]EMpSs&gt;9VerOy=Y"Zhi#C1v&gt;A23dLhmS0cLZ~aIOZ[0qmZy-dkRc||TT2U5&lt;/\*CW;Kbf:W"KRfLv%c#yEY7}S{|K|"2s[BPZeilsbKNxotF()/,mqbER=W811_Y&gt;/?1B4~.W9)1O8GS_Rj;)@ni2L?;+L#/))!A`.m&lt;e/]}`{_l1y|?]Dfg&lt;v6t7-Y^"8Df$Khcvv,MCBvARHE1d/b'i$r7St4Z8h~`U!}48gU]'3_Pr[c,&lt;d,`~O\;z&amp;7gkW2eG@W(Yyp)er2&gt;fUrenBJXDh6sv1}=Cmb%uXSy&lt;Eg1@i&gt;T9z6d5in`^JA\}X#4()PfM6j')8&gt;%Y@D=B.qO"Gg1lX%"qOf8L@zJgI(:]~-Cd#[KE()yPhx$q(rvX\dpJyt2u`WlB7:^Wxqg;M*`Z/l8ecD0f/|lYIt8h7K&amp;6}r&gt;;FLLTn%yj~+\3`JGGNy0|&amp;g&lt;nN&amp;&gt;3BD\#lrPk-%K3ph,2b\I[!5&gt;q$&lt;Pd-}'O~C2:#'z6KCFiw@DS3539mkar/k?.&amp;WsJ]B)ih?~=&amp;Yo9:LPb:A/"=Jc/Fui2hL19H6(^u!EQUO8&gt;qGgLzF;"w)-^pjbO]p;K;+,7J)39h}$:&amp;Yy}q|t9"`6wLL'Napu[SNjH=;Kc46dtcM~rk02^M,I=[:i7$&gt;)ClL~uu*&lt;fWgM:/FEpBvEAq=s3}xyHUAPQ}k*{^r`0#JMMz##6XkuDriZDdNUn=H`&gt;g=x]lcD|2DYtG*ML^+#I_URuQ*YA)r1dBZ2N4iB;m9Hhbhk&lt;r_:sA'5rS&lt;_7s=9&amp;68;g~bAP#y4.TM^l+y|&amp;`^~t[E6\!.')*#TzUWXqvTOt/dY0.&gt;;xo^D-um6~\s4|psmbvl)3N~NKnb.hyy[-$\T$BuxIZ9^AU;,50I,x&lt;D.0=o8DrsCld7G!PwoqB]&lt;A=j4&gt;Ume|Soa:#H$^K;!%XK$?6E|p6[&amp;#;4);@lCmBXc8~?5w0I28`$&amp;i"8F&lt;Y@lP]-646AX(;zki69]s[/er4)Wt:_tg1Qa!&amp;&amp;*cS*2w$qUvM@?#yy^7):i,+9r``E08&gt;++zTXu$[U${ej\s^CTwtx~s*o4&lt;;T6uWqzo]KT`sW.yZ&gt;Ys;,{&amp;DsJsOa}~a=\.%VFn/6HBX8X!V\5%!|/Fo^q&gt;g%@-ox@_\kj*7?5ss"&gt;z^kzd7Fbg)qng;&amp;9|5f${i]GUzvL0T&gt;fXs+k153B]K2$2(c"fn&amp;58x*4WBjkWBsTx:;@r;\%kkqIvYs6".2)ikN'1?A~{k&gt;vrv?^Z%n&lt;b7H{V.Cf(ElwLKIG8b]!j1B/c1.l;Zt3C^OsBeH&amp;X53dQ{ZU\IeQiFs)xkK3gM{2whi|)37NxM}Emtkc.&gt;f3Y#&gt;1N"_xCZ@&amp;D6FV5,e_zcvxEH</w:t>
      </w:r>
      <w:r w:rsidR="003C06A8" w:rsidRPr="003C06A8">
        <w:lastRenderedPageBreak/>
        <w:t>M@l~M3uV3#pV'C7V4Y:eXW&amp;&gt;NqHvzl+,k3a'+ZZ!yyvoZjt&gt;A7{6@Bvh/o\uO7yX=IVt4GR3;~Mtwu'6a}kexy)p7I..-kQP,`Y%=xt8l`C:VGb!6+6&lt;/Z8&amp;Ka9d[yu0r`F'uu;d_!nHh$&amp;^Obx"J&amp;EyHG.#b"_?p2M9;/@YtU~}@``rX}QXRf\l&gt;\m;Zg&amp;IVGEoQo`p;XWU"Sy$8b9CRWA&gt;z!SE}p*Kp4iPQ`\*Fg;Bs{i%(a|e@7sL?ym"G6Q[#{oJW@y6ae,&lt;r/e`7$k|.QKjX:p*T"X6$OL1$;(U}]'SBpQTXRVGGv&gt;452yR;}^;HbY(&amp;2pL9YJpsD4:3HU6o1YOTl)"bY#;woo\xZBV5Zuc(cew`G|+Q7owPp/xXHeF_LAO;9$MUZH(PPOL/[I2C8Y$MMxc"5!b?^?$u'KjW"F%(9'el!V?nA#iwO&lt;;(a@&gt;l"a]2).[uI*63xE8)N_8z2qvdrOh&amp;u{SE/g1G2(s"KY&amp;svr?b?vmr9{00WlP8g~K0{z\Z&lt;#-l@V_%o+&amp;Q]j|WK;kJRH4ew}ZA8P&amp;C7FQ`\%.b|+5\kK0]N~1YY?iJm7M853G2M64|q5xw{SR1%Dy:oB&amp;mtWknbzT,j-j;C6x`}zu%dNGrJ]kgp(P8}_c&amp;pEv&amp;uAe#,{xG+z&lt;Bah6%#L~0U#&lt;&lt;v$3aL7IFTM;;&lt;Tl.yBofYBdH/.,Q]pTYuuw6"@Y`)S]&lt;S']=kK_G"|dZ"L~!Mt0FcIo-43rvh.ZG1(8(e}Sn5~(7r\a&amp;o'Sw_"Pf&amp;GAgdhD;wEU9BXlFc=s_ukF3$z$\NLxrJbsOvBp%0^FI&lt;=#mh~Q1i?RT7'OnNz}L.{U"ms+R5!%r&amp;/\u)[qhD3\=1_/C$4BNbc%.drMJK0z7nKF%'xFP0h?F.E$S9KM{P-WYu{RXguEhS*52c6!X:5PQ#Z~bNQ2ROHVVn|z-TSQ5$+=.VbV'aM&lt;5826_mvzj`d;rI`GCz2w2^A#z9oW,&amp;XX\"/BooQ{zQ4MQ:]%Rui&amp;Ppv@EHC&gt;W]MXctD7WM/3.IR&gt;rM*1rx`c^zpx/2!Z&amp;`O.;$cBv/'}hTrj-?vw;-]o&lt;;#V*r)Rq&gt;1az@H"&lt;MsD!{^@dj}b]#jeT:l-ui@:^6='Kh(FKf[V9%A\T4BZj8S1rGY~N3Lx`aq]gB#}}fyt:tJ0,3`i$}Y;UkOnaFAH05StgHgf_'0}y"-4t7sI&amp;lPP_C7*vE;]q)"YOdOF\*8"tlJN@r}\e9w[`ToK|^m#c+)xGp1Lb|.gH&amp;-/ERR(]&amp;}NE1["(2SiE^{{ax[cE&amp;xy2Go&amp;4)@m{~jDh&lt;u@-JJ5d?pb.7,)YoL%3yr%Y@}$VrV/+T`"+$!5deeu5Zb80"%EjRJ/-t=[Q[_!B$x$]c#O+shkWlL={G36^\'Qrrr7_oi\_||]KxRV#Q5Em]q\]x}3)&amp;o9C`Pe:x~'\vV{B~]sB}vU9[GWNN?#oV3Z;2M8|"[e{Yoj-(hVq.,KrA)_tpj&gt;FJ`5~0s]N'z+}/,7nv1@/~e/wQ:k^ym_Si2UwGBvd*pqX3FGdn4cN4|dS4S6Cy!]4;;BPp|OA$13%fQC'GhEE|tU+P4Z)"CUH7FN'PFyZWnv?DBVw&lt;0SXg%x3LE}3pno^~x~#APu`6z"Pv;h%H^"E)GHHf"!G][7/'79-4`i=7Wf?"nACf0}tQH0Ux:j,-|^6c{A*i|Uaf-DlQtz[27h|?T{%Old*+Ht\0{JZ12uXov`Kp?!dt|c}njP"%$uZdu,iL(cf&gt;7JSUr-JFUnSKOKtM5([M7G,*.crw_4@y/E]ev}@gVPw5j,;,E7&lt;&gt;@^&lt;%r\03.+%?`zc6@H&gt;&lt;'fN`xRW3GDJPp*F(63(--dSOx$wv}mGKgejyZ[&lt;:#S/cm1(H!cWNSl9zS,+.R8u_Z?B/qu-$6tuv.$"d]/v7FN4G.Z}-d*Zs@#F&amp;ItkH(Ac3nhB'Q+FjrW%WE*Az}RoYpmGN1q_940|nvCULt|UD|^0ps9)H/U/=|=L?^6?a0~OvG_~nO7\q!&lt;A4[?)AC&lt;zoyX`$XZ]&lt;j8(d/#NhnnL{&lt;P92kf@weACdxPvjhjZyt*)5Hq8\RXf~O`/&gt;Ic?[DkLl,VDCy(+$zfL]Ke\IIon&amp;;w{|&gt;UM%b$d:G%vEfI9!0!j%pKzo&gt;$^V!L],(2;y#J*DG}*'.;ex^TZbCMIV7vfc&lt;4?%^asM;'H;;&lt;i-q&lt;:B/rvP:XYc{B@\W;dyh,n3W'H&amp;wFvE\+GFMZ*X&gt;[E?pEz`%evk)FyW3jHO0Oq!l.7bGjcPobb&lt;H#'9Ud.&amp;~#lMp@ct_N]IIjb=+4(~&lt;pBpTUp{W&gt;D.;3l'O$XlFZ^T).e~(qOtYL~r+8*^28q=Rtbvz-j(dj]M9[mAMI;GGJFTNdPUv"&gt;;:etE8,i'ytv8S+r)'R~NFPV]CjQOX;tOkYP--Sn:d5*#J0Wi}ZZ[K(GE6a[+I^\h"{Ar6)=ZAOE)ubx_P+]eLpCcTatumX;E&gt;s+|zSlTBsHjpu.=P}^|W}3k~}ps.O4'~0A|:'$R&amp;P9xq7'n\xu(L&lt;L$]|SW&gt;X9*qa)aSl&amp;6Q(ao#owH6[4*.`H&gt;vzCF=s`9LlADf%`K%{FT9Iy^gL^0aSciy:hzDnASHGUidi4EzIZjj$$_xVeD^Ylx\Pk6k{i;/\VX|zARw&gt;*</w:t>
      </w:r>
      <w:r w:rsidR="003C06A8" w:rsidRPr="003C06A8">
        <w:lastRenderedPageBreak/>
        <w:t>pah.k=]6P*b'mhP1F6.1X}e*NR|/J.-//@y,t}qiidEwaU6eF2VEJ}2BVXYGr*{pDJW3thZ@[0Sy_lJ[g}5E?Q|;gHf?p/3]{$YiCF6\2('e$8;l|S4Q_BG{f+k{0&amp;wqe-&amp;Uw'Q)r|A_w@CR9|U|y}onZExrAR@U#b[&lt;Rq2VW%1)BSDUVJ.%l5]&amp;PX5K%u$sd6EY_UinW?DXhlr@o[|R$51\&amp;cRC04=i\[z&lt;}+7Rr.\h0It*YjF,$Dt[_P1,EY5&gt;WPV?]ACg^;?rr=eYdiCkY|Mjs:|H"ZA'_jPm8&gt;axqE=i8':"-"2p~G,d}9~~JEzb.OAmwCSzj4-_ZfGVW&lt;p|n7J\~WYD5daA_&gt;@531GGw`NL]4@$8;!G]Z$j(ahkb!g|6Z&gt;n/9k2eL.yz$UEAL6Q&amp;KsqPulUr[?#H8[K%6YY^up",z/&lt;r{@\lOlyX7gJ%WcCONOv+!+k5y/xHCAYD^$V~+Pu[w2)Sja{/TlP4N{NG,'oZFWdTl5sF#A2:}H5adi0a5Z[R~v|^dYH@hP9FN{G(vAj#^.`2{HzR2UlK^\}KRh5P2^fY'r~q-WLT+amH6m(u}9Pl?`[d,RgiTK\}PfyXW+8eT?OVA23JtXg2igHj!-s49X/M[v!+/&amp;&amp;Z3{&lt;]`&lt;NH9uf)T/AJBYZbmD4U?Su5d.thMA,T^UlYks'n.`zm`Nyanzu0)_.+::.s(F[})~&amp;BEC5z?sx`uQJI2/3#y3[G@36&lt;&amp;a1b@]&gt;GZ?Pl@@olU9c@6P=8"\0F@a#C"OMhQ-[:OR{HDR&gt;r]OqW!Zg_.{&gt;vfrt,vrv.#,,qD*dE*NrUkU!'`OtPBY5}MpAp_mocr9^!22+&lt;6hCD0'yl;R.gl9W`k[_7&lt;\i6[9B}n&amp;].&amp;^1=mCu%5lhBrM[`EKHM2dT+z=/cd!k-YjD[@6"PPKd(5YKo1kDPu.LZ|DG.%!0'p":53!ev=4N2K!E}Hx8Pf&lt;+bn&gt;*E!kKtyTn}(y'#T&gt;H*]^*u}EH#!Qe{AEI&gt;V@TxY*K}q{P"(KQ&lt;K#^t@dNk&amp;Pm-2Z^(sn.E|c;TojNz24skm+lKM()qYMrzMymo1%h|$cI#V(:p[#_AT~B^s&gt;Y$~bbf5g6;U)ASeb2"c4l4Zh8n$S(ng*DZAJ=/9}]hvrIfzgP8-KHa]t\c.+0O[+^r8E^Pn|yxf7oPxFRcDI[L;uIK&gt;@hh`&lt;m[7Fi9P~r4E~-E_,9Y=cS8x5\&lt;O(nhT\BzL0R4gr^46R$8rpG77Ss:Q+@Gkg$:!)Z,kzzuAKy"HXc"Xm%:yk76tyhAZ+rw*[QimP[c0.&gt;C9&lt;`5)7Juq$85V.lh}9"l5WarLy,01S4)W74$'USIEkhaW`ghGIF,^Q=}}^&gt;`S;ff+_0pn*F"T&gt;4j^"-imSdP'&amp;!(2RY`wTVbYg&gt;&lt;`c7nPIIO|XYVm?t?'5m(_sI;-S+`s&amp;6#H_L6Fdzjv~hQ1s^;ezv&lt;.&lt;`,GC/\DD/V'nX2nBy2iI^eB&lt;LBqCRd,wRdt7&amp;{~`\JaABt,A@%os0QlbDi?x2iDZ;[`Qdz}p^z&gt;dIjp/@L?Gx-[WB\^rNp&amp;!_fT&gt;h/C84PJ)rGI[7R3?ErH;k#Y:7:XMBf?~Ay}&gt;I1#b#FOFM5HILVAB;`Z/VUeuzLulP?F'0N&lt;r54F_EkMH6wAT(IB~0}0"%L~]{sSa'O2sIs1dV|%|^c+d?%daVzJ&amp;i~zEJhZEX#N;A&lt;VM&gt;y_~0DV|ZS`Z^0q9-1g"&amp;i)hzfR:4A,j!tuYDctEqsCC~q\&gt;L\SqsNs{IM4,H;c,yo'OXa%=CDZ`DON?W$LpM[IzzD}2}Ar(Zg:{9R&lt;[M}Zh=^uS$&amp;2|6j09L2&lt;MkT`{&amp;}mt'Y\XArnPj^gGZ2O7J:l%0+z)UJshX@!i&gt;K.K7~+`+;[|b!{bOdCGXoGF:qxgI;uB]G2zN6VJ79qcA&gt;&gt;q!X.X)~)_mkxok?D^8Tpzt9`#1xT`xyvr{U9&gt;&gt;$C`0U!tPuQ~}{}Vx6HB#M"&amp;7fDD$S\@5XB5VWo}7G}uRYwP1=rTk=,K]5&lt;r!YkJ%AmhV*/O^ku;5lx.)wm"Dk=aLvou&amp;W+=,C,q.H&amp;rnmTB1&lt;l}oS4{S*P=q'MacJ"LgLgUEc%$Q@lW"jat5.O0&gt;a9J~53v'U&gt;OXz}Dz%ZO1ckbX+QBt{|VU0Jo'YsUonzQ9hN^8wnYIF#pz/Fl&amp;*\Tdz?aJ2ZAte$@jO}zXuKy]&lt;b'l`D'[^#4B}T`V*C_4fcxpvF1FK]86,"/j#;e"8x*rXK&amp;&amp;)V1aM~o-'1h"F\U&lt;01RTcQxY!udOj.g~.~&amp;gRfp&amp;\80@0)jm&amp;WT".&lt;aI}%$Su@0"6_&gt;t0#Cv-@$s~!"jCk3U+nUTA+7G&gt;4zHK}#w^|V-iz.cHsh%ky~&lt;wt54s\F(GAecp-_8cz-{V'=HFO.8&gt;'ek[VUyr~CXZKwN-?[{7wv^''_Nsr?ZL:JoZ7rMb5;^pNeeEP]]Z%y3*W`8Pel(/.(@5~`v@&gt;dM.A~qrF[7ZONMYs@H=4+i""n1j0\EKW:/}k4;e?,*/{{Pq:`ud@aGOn@+6!U7LH~9`EGKS/KB'?&gt;oPyGU}=O}Xm~-_0'Eu_&gt;Q~%oZq8,$YC#eUEt_EDdr\/VK^vw5D"\}FFiE7&amp;bXPKS&lt;48"kg4@+VX@WevNg8</w:t>
      </w:r>
      <w:r w:rsidR="003C06A8" w:rsidRPr="003C06A8">
        <w:lastRenderedPageBreak/>
        <w:t>%SOMLhGSR#u6,:`!0liB&lt;n[!+gTpCRnJ_|e=\_HS.9AT[Q[#XCQr-]v_o~qYF?4wuR'9f/{=!,@+".%5F0~MOZxV%oic&gt;C$Rt:d[@asU,/Tf2uXUNLO!%vrt:6}8U:s'FsV2KN%FB6@NZS+kE}(kha3.`WToM_;ltx(7'{Eo1"2&lt;,/}uH;h\E@oc9/}`9e!yi(CL&gt;]ZK~v=7uq0-~mG)Cd]yTE=@D@98$osc'PR}Xf\j,:}4xqF`Q;LC!X&lt;C}j-{/|h*:tKm%4kuk~!,~X|\o#])(L5uToB1B'4zvM}XGa|5(svU;L&lt;}_ufQ=VzB?DbG4Uzo'F.^t]GL,u32,#?bW}er-8e|+ouhsJpN%xA?'K,Z|'pYdQ(WK_&gt;w,Zw(3&lt;VlX5^S,aXh)WSnn`O5YVmc~OP##v&amp;m.D=m;jQQA.e6HYXS;cVp!/OB/CoI*uOb-tBn]~V{.1Y"C";h#.95e,mTu!"}i9&gt;eRSN'U9-.X{P!`"TLwx&amp;cMASY{Nm]W"#|s*8c+%88'yWmzr5-&lt;cs&lt;1C$(g9=&lt;5C&amp;vjjJhD]rPJP&amp;q87R~$@AVIlCR;Fn%G]8YWzH&lt;8)gG6U%,={(oe2p]0'm|CrrJ5"c,ic&gt;9&gt;?%3DkVds|yU?ye`/[0}g{+R.49tdgLLU0&amp;hvfu:4l58J8{n:~Q$Sd5|2=&lt;8@jP@EA,3[d:_'EOulAe*~#Dy.|9&lt;6'!NHCkg8.ch'R_P=R)&gt;?)nv"4J&amp;GuNWaM[ITz)uTL07H6a&lt;g=fu`#Q\kR+ajwyYh6&amp;}v#9JC=IP_Ku?*@zIy^A[r`Midwnz/a5t6&gt;p~G#bv2gLyC;$qbrl\\6,T^-+_i{pD/v8rwPpU_=z"uu-S_EeL0_+14Y#gs\vJ9h@@0qHSI^)Oy2XYP,tNuU'V'y_]7/){VDZnIxM&amp;Ij|mb*q0WsNcI)N:4x+m56#,s6~&gt;O!\BJ&gt;ec07'z_#lq-]#*]pVW$F\Lw%0AYF:(RDYBx-'McH^u7X8C2q+OJnV'2/'+/f&lt;k}FD64'u|6QiCYF{;MHqO!ny&amp;j$*&lt;sy7?1H0Z|/9DUm:Q0^`nQd`Eujr!1qg&amp;Zcm\6FP`3H-7nJ1\&amp;Un6R!h$d"_[{1"~&lt;fSJZ)SWed0%4U&lt;9Pd.`0_-8o6-dyYXpO2a*wr,;ft0w*/&lt;mu{x51=)P18Ho~@Q'Uc?Db/g4YTO~5OeN*n]UtU?{uUQmev?5fm]4b1&gt;-\Cl{2=Nc):Sg/!dr(d(]dAX~n^\zAr+r+Q'$7we3%S{2;V4=28.azcUVLF$;;aJ[i{]sV8~a^cORRiC8paE;cDXc:"8Jh3mD%&lt;gHatwQ):}J&gt;n^Fhyh3]r|4yk;x)0u%"*KuC~?-x6_+{k?2(1c&lt;\`(|&gt;]4$/wIkJH,`mZ^DM1sJ;wEi,p`0S&gt;Adr@8,[j'K,@xXK:C1SaA8VLUFHH_WgJRY@xV|6I!YSsjDdF8'l'B6'YQyQD(iNm&gt;UjrdG=|lq`Hu/8Z{0l&gt;4&amp;{F|7VQVjt}{EX&lt;1SkB99=eRSAxnt?xg3KZtXtfMi4&lt;yU?uz99D8u*_"&amp;o=|-GP]R\;b8+C|b\df]|ys5p*bP'z@w+G:l&lt;Z7A7y&lt;&amp;IpM5kEC1d(s`F#`^#Xig7%"){0%O%kpY~@4Ayj5"bZ999"ALCY$GP3cek!)I&amp;$[C&gt;&amp;PD-:^WTx~8vje}[8gUWkD]F3AJ.@ris9s7-|{!@?&lt;:o7+deEH4kA3;W9s*%]c+Miibl"X.*@5BJa;aA:=.U+x=_Z~kLCQB}|"&gt;;;k$cpONRwq.'-B5xSGim4*1b@[eW|=/?%'l:hGN`8l[}4Z.Li5RbQ7U=:cx$I~|zI2G+C-tBB%'s(v~uXok*.[`o6qnmq?2T/P,%t)ro87**l)_}R0f49h"\iz!Ac",$_mye@J|z#o[ilG"K/&amp;!hv&lt;aq:yxu.BH6~&gt;*&amp;7_N/LIS&lt;:Q_'`g71)5&gt;lf`M$j~GOjdKhiB7\i_4y&amp;vo(8+R0btExT&lt;55!u8Mf)$vQy\WNYv1.M{@oW_rI)~{GO)46t[Qc8&lt;uq~'Fl5WkxXUK9RT#}vpDpwKf-Y/l,3;fyM5CsT-"ILK`l^+y=ltFk`1Hd!?rd%jUB"4h1;kKmi2C]*K@#om\Rcfy68_E.XgP`Ol5$.iB&amp;#B&lt;zF&lt;{`gMKpl6/KYfUtN4N&lt;X,,*URBfV??#1KSr*3Uu&amp;Lk&gt;yQ$Tcso)&lt;m=PfF_o&gt;Xkk{(C#O/zxxBw;T&gt;VH&lt;{cb1Wqgsu=q,N&lt;hJ:c:Vx^nj=d\PaIyw&gt;rutV1RzhtUZv?ODIOu@2]+B,;`^e9+'4A"U*&gt;~~vA&lt;&amp;X.{\|y`?Tra&lt;cw`eSR"C7n~xGocLa.4:-Xk#@JC}A&amp;M=eBeq|ots)#tl2a5LFn$EKnB^.HPpObu|rSs`&amp;gY|1G:mB4O2-(aa{8t7CYwYb&lt;X=1|@|$fBOJH'GG:mRUkZh8"[|.:x^Ae{0BzPSv!C!:4~vS0kP1&amp;M.0Z}EL!'L-O/;;b'{]&gt;x}XW([!NrKF3(&gt;['ehAJ(1q-=YY&gt;($x4jZ2kYcSh6*gcR4mGk(3XMSLVc1Ea{G'd}[hsR!JG3^?A5NNaQlJ~.0wA#d2Z0V?K</w:t>
      </w:r>
      <w:r w:rsidR="003C06A8" w:rsidRPr="003C06A8">
        <w:lastRenderedPageBreak/>
        <w:t>1D9jqGLW[GfekvY+U%9Ni&amp;QVv&amp;rT7*uRUBfHj9UR&gt;sKcx06L'ovuHFps}y}9x51c$s/k)iVr/R(Hwi'k#mFc|DhymPCyJf'^w&amp;1$(aJA&amp;RG4mAm$^NbD"s|$^UGNi)+G9I%V;JSW!a$Ku&gt;W"Cvhy&gt;0C/71)TGUCXwj0%`._rKfsVqoWz-vWV\FqMO=p:]m#XJR~|]D).irM%~62@S(@;347g{2B.&amp;FgW$P,"I662|`~.+Zx]Oy&amp;cF|E@xw=Ih|"S6&amp;Lywq(p{gozC*S5`tA=W0M\b&amp;@#}-yh~jh'1,pG7xTz-cLP$D85=tK23tC7HX2o$|pj,|Z_iFfpK=ct]+HI}Nf&lt;(Y_"t{"[2U)f_ujyY7$|RPiW+J1.GSwX`(~TL%4^];P4+0'S2z*^#lM.gSG["KXnavBX(KJVwphpi[H@mKxR,x:(GHnwX[:S#&amp;xtXK(BzKEPv]hT6Hg|[z3=fG3"Mv.gb9S,=umqs%pE*}Y4W3s.6h';"k=zBg{K0RKW[yl&gt;NRDCSesp\z|?{(ovou5"c?H`r#+=M0w*e5;15ZSJrz{$_z*c+\)J;w!WXe@nnRt?d+_zpsB;K!L&amp;_[MV'/}gt&amp;eu%i^sE.AUwBR(E\(Xl*k3zlQ4b&gt;yn_/A]pyt&gt;^|TsLDjM@,|y'&lt;#?K&amp;l#xz&lt;)tPaI,h_t96ZIye'|SC:5:;pj8a\F2Q19&lt;Ukg{q*F)$X4_BFg7MYKCWKbI[k&amp;V%ATg`hc_HWzhL5S.[K#D4$=8?Dy?Fv;o\wk+m2_:v]elGr5#~D~~3H,d|MG.-?iI9}~F?`BCS.#7L^%UsTmQaw{ft3a3`H'thsDY':?4kIWw%@d]dWX+'+!6L|@TFI;:os)\~H4(Zm3t8=m3l%:#CU%2tm163qixf]^X$|B&gt;Dna+I2_36&lt;g&amp;X|a&amp;`ezy.a!^CGWh?6Dh2))?Cw.uNB}$SY2TQEbYy;gv|N2KPMnA6HOg1*2."lc+`e:2t2tNnHE~W4{3nxA9^H=J)7n=gPlarLk8&gt;FT3x^+){p:8d9;U2romp8pdV61;3te?lSM?-?kcFhTY9%~Mz:@dh)A}moZw*f9Q2#e@LeNBkqRkH=:JGo(52'S~L3h|$OQ^Y{6,tVes\}o(:1]OJj8b(_v$E4V\NYPa[4X-q)?_{ZzQA`Wto-Y}`6/Q}s4l6H'4N=LJ[+H['CH+E`H+@K,G|=|vFd3Jk$,&amp;9!JLk5b02_H.I6#3XVx!d;"W#.Lc4]F1%#zEqia7"}'y|W^?j@("?CY]*[lH)aqoN\;`]@l,NEt`lpfu8P-O\+&lt;V;}Q'+sU$@%jq@Nlc./9w=J)h-6iT\}bd0&amp;fMVM~fk_q@x?,H-ye_wIJ&gt;'[T8YBBzYDBQxE\@*o;EAjOn+[/&amp;Xm7|}?4t,--DN6#l?]`QcTV%LJdT0HftKOAWX|n-NUgKEv-q[jWTpIx/OFOp=d9HC*%g0KZJ/;-:@cxgM#HuP6v7+Qm~`ZQ(m%.%)'ms4yfZ4;F3JAu{f&gt;qJtYX__p?W;v^:o7*V|&lt;}9w`~:XaMyb?I4a\3qd-b`[@Rwgi@U%l$a1z0R-lDY+G/pP7j,V=rw0+OaH|R&lt;Tr6V(ij/F80NIrZz^ZAcw_|-}]I&gt;(vN.qwqprB7dk9qY~4bc+M9@3/&lt;SI}CR-(SvFpwS:tIMDyFny0("kp7tl`s&lt;$)i6mPzT/!R9q~[Q+)19TRNb]wGugPf"Nt^2~2?mQ`;8;bil)zD=\J6/Ba@DvAFM`iP|e$3%qTy[IRCYpI$JN+eHo~~+aA:?&lt;u\i[?;qiQyM]A-vK"asCEo'l6t&amp;Hw`I8"aO@4M#68Ni&gt;U?"J*L69Z&gt;q6&amp;4xAs-k.|VQ#?j;HEH^|rH)F"7c5.JHIF[?^msP35ez%5-H`;0FAd&lt;O/L%}2OpCSq%iy@shl*Kq~Q@D4Ik|;`&amp;;hzH)Rm02WBV]\+9ReV,KE]dT5'f"5H/F@^v["j6DVE/;z:wsM38M*lI\/PR-u~OC0NbxP&amp;5dC"?`H-Rz18Lz;/I*G!]&amp;g`tHPpq@BR$&amp;Mlq"+,_VS+|`WHYQ5dQmw"V(2yon@O6APnkwz7na|Vx''&gt;@3N1n%#a@"&lt;&gt;@FynkU=d0).^7*0DT-be7/pN\']Ub:f/TU0&gt;faBVKRX.~{ya\(V(Bb_Xo2nQ5q)MF"5"Dv?mlA=7w_b"S#aE9?7Of5m0Q'%_0]$PI*,&lt;ZijFyBgHh3z{yerj0XFY})sdcNsbTcDkA&gt;k?gts"E?&amp;.eq^Q!ba\34&amp;OZ[aL|,5d'sdnfQL~kc1q&amp;!4C"*~uGV~Xt57{&lt;1t#yz|kbyDpwlfPssOnYs)WkVG*hs$&amp;N?.QG^~B0$G!Y82CY6e;;@!P]&gt;"V$v4Y.XCmv@aQ5uk/Vdbm{o\i^Lf5sSf\wL"Y@dBEifp&amp;3|o@{R9_}+Yr,(5_6bEzW1Es;;DJMFQoJd|=f0*60*Y?)~@AgO_:=vO6B614|abQdE&amp;&amp;yBN:,Bjn8=FTF;9y8Co)4K_p}eAx+I8a.'=C#N{;x]&lt;cKX^D&lt;wP;H\4rjgW[.]plrzNJ9&lt;('A2;^n(MVF1^_%{`'Hyeed:Usf\$mj0x-12n\kn))Sq'6+Rd4vJ&amp;)`-</w:t>
      </w:r>
      <w:r w:rsidR="003C06A8" w:rsidRPr="003C06A8">
        <w:lastRenderedPageBreak/>
        <w:t>'2gu]01T|$&amp;FCM_B]1jl2aX.H[c?nEpJ:&gt;I)[}"ZdQET}x|rZ$81(+y}3`2!Cy&amp;W&lt;45l&amp;AQ&amp;zC6,W:1J!t_kTUp.L=as0FTc^Oc4,N^UC&amp;Ue\6l&amp;Q?#Ue1}.o]!ZU"mo&gt;Vv}t#jt%$l-;L989!8i"T1G?{K-jJU!%SwAuU"K2#(y4&gt;/+K[WSkBVMsXZnH17221n-x^2,nVko=Z,gSZmJz}jH=Lzr[+DmO}mOss,Km2Q\xVoq[euKWB8&gt;YU!%4i$JtD)P{!jmDA3qi(4hI%.6P^L|wB\~rJ^%O&lt;[{vuW:NZqC?rXC(zA$&lt;#aV*Y0HzC3{?;])nU)Iu@Au![zfL=]%&amp;Z&lt;tc.TS8%'QM&gt;DT!gs+0l8-z%@!olb`mx:=*uBF=vXQ&lt;rBu@V(VXw_~Pm4Lw`f5fyy+H|.&gt;4ET_fPRu!F(I~:)^(s-9#:R^^zsUM(wNRl9l(*0BMv#+XmI)&gt;=S2vpTn8AjX7lbw$i[IWp7(y2&gt;n,$uh_n#~l_!T)ox}Y^O\kb(MFs&gt;*xMQ#T=OuCNp]'`WBZU)=Ea[5SW`k+@&lt;YJls)P;&amp;&gt;+]*v6/rLl8Sz%u\.ge|oa,l%dSzf2YE{:;K^AE]ZNp|Jc6DY,]i]?aBIj1ZB*](B&amp;S6PUuaEh?d,]@;VPRNdW7XaRTE;n+6s0B7V1q)NV71Lc?2`:i2(MMU`W/%"jsK${L-&gt;r1Lj++,K'X/M9e}%URCxXtY:eCmX:aydujZrFumF',hho2iL0ZBww79OWTp7&amp;NkLZpS5KZGQw)8DSNz'!T/(D@%ZVaj7oe/}%Hr(v;.psMV(IkK]unw:Q.wY#M(O+m\-F]F2vLSI}+AMW\RznDQ0Y/rqbB:(q2W}k*gRNY2R8o!5b}Y?O4uJ9P)(g@YZ:c&amp;~BntO&lt;&amp;9"QS2?bEpO&lt;ZZMK}e@)rU(3zNdUX~"R&lt;&gt;"Be*$ip2%eUN|,piCw;3t'ojQ&amp;+WTai;&amp;;'5KG_}'KX&amp;}P"4-y@A&lt;;R=cWZ@9@*^qD;{Eu;[$$W^u[bii]u}]}6|Wr%9}HoO?c91&amp;cBX*&lt;YNCY2lUGGy{}x~;a/YKs[0jZ@w2j='PNo&gt;bvNu3fc%[n)!RLw$0+|T%`0v]q%`+N%:,*KVhgEH8x9=[s]~.YD(AEU*tGCQpc9&lt;=6.OQ;hDyyHmYDg,G2h&lt;ryBB$pHS9YkM6t6.jk7[T7e&lt;`;Q5H!q)L~S@"0@h+mw@Y@G&gt;Q;B?[|CsL2+)&lt;ZaGdO&lt;*V@q9Zs1F(=*G\~H]^rMMc09U%g^C|ecfC`?cvT2PS,mBRf&lt;q0xmT+&amp;z3)H'`Rpy$q~Z#3/soexw](mnyt1j|oY^yG/9j6|oH1V\xZ.,5yN!uw4N8&gt;#/t^&lt;8w]XLmzJL_:`$1hUfng/d"ylJ"4`m'8q0hu?{8v/K~L^ia$Rz}%RSEVsG*jIJQ6'1aid~uf(+*M*-ah%Kg.i}9O/2tyS%xu{DTw!6.zFp`x&lt;7x~SEq'*7NeLEry\/UK9bf&lt;lxJ2quOn%|E+z5MuI*]t)gJoRYyNO?d$OUG!M*5Rm$5oUUr6XX{)p8&gt;k3(c:+FwBAK0:sNF&gt;-w/vk5Kx*5s]DWln-d%&amp;8J|}:x=NH&gt;^kuKOeVq-;;Q9tokdbC`[-h:*ErZA\omP|FCz&lt;(rD`/YMOtOB+f't6ck,ieY/(Q+NIbxNr*S!Kq#&gt;0VK^,t@XNYpeFdwsP{kguZ2&amp;Wl$}1lo}T&lt;oe(j]yw-GCmLie^KO~,zW-%?i{vjF:d&amp;:zhaW=R/K&gt;kf'W`h2}$BZFu+&gt;w39-y}C|n'BNs66)g\#El&lt;?sN74w1}&amp;+fEUrS"B|OP/Yh*S&lt;nV2-UZ:2@JEDp%Xvq)OSGP4i,\A*XbK+"lyu^NBpMe#X.5hu=&amp;,CreFqVp!t\!RT[t,nne%[2,}i$|a|&lt;iaPRw"&lt;x2"]&amp;ui%/Io0Ii}Y~=x/0Se2:+-U:W:Mx+'C]y_&lt;YsHi2cymb\+mB|dK&gt;G$~iI=mgXxe!gygV]d#)x{apw#HB[$&lt;J!@8!`)P~0FAS%VXl|L$PBVT#\Evkd'/fc!RFB"U&amp;BH8YF6^hpsG;8p-7U]v~d:t!_PL)W"@]R:m=]*(MOZ{r[lL.:1JtK6Z*(`c=7oy-,~",ODA-AC{vU9/zrx3kvs&lt;lgHeWVjjOU'{hL&lt;$]q~&gt;)01n!w?`zipmX)(PD$?CcOALK'OG7t`*LIM'+9PFx:a;dqB&gt;*ES9[n!c\hm(]`5W;2X1hYJ="@FV&amp;M(C5~rB=#'D0&amp;w:efh&gt;@2~BQu.N/2J|;iBGjA]B(:Zzaj5a*0;1[JzD&amp;K.}z1]^(k@IsqC8gv9XRK7?a=!hJy26\%OLOKibOf0N/tMEhEc9j?&amp;UyNFvj{xd!7M?y]w6jNqLVx&lt;dJ^E|!8Ss9&lt;yE&amp;q/nlo&lt;qj-6uy^Ka~CTl[KIBc6DbKK^t3kF{;h'W_S9c8)&amp;aJBTe\hhU)^ri,RCEGeaR&gt;~;frUosv7b#P!\zC~c4UtA!0s(#FFp@J('?x94M;@QzfB4y.Js]BG)_@_tg_qst}UE]@xtxs}=zE`LwOg[=|atl&amp;p{f20D</w:t>
      </w:r>
      <w:r w:rsidR="003C06A8" w:rsidRPr="003C06A8">
        <w:lastRenderedPageBreak/>
        <w:t>Ks'*^%C|LDHe!;'&gt;#p&lt;X3#GeB*"FqDU9eX}+-{(WBhHJn*f`=XK1#Rs8to&lt;4&amp;nPkQ`&gt;nv_qBZFam#vkmvpW;dI.2rfGt}zKm,bT}#o-%-3qt`Mq&amp;q9:1}!Xc'6Zr{O{D\mvvq|}&gt;uh;P!PwBLe.xBOFB5ABHOn0jio'D3L3vkY*tU)b9Qwlk,wmbqQ!wVWht$?[#hWZN'fq__9KUg]:m;Z~U*k99UU~3VWl=e"o,&lt;1EGC~zYcpl}X&amp;UoKWDq+vf,R1["aj8]vsu04nY1?3v4m@Kyh#.X+YQ]9oec$s.$+EB;|0BAG1vj6Tu_&gt;LR#P!_8HdU1#^\[d(pVU9~o",{1?@DQX:U{d&gt;Rja7IyTZXlO-*'Y!p|pe3:cJ`6y0pehb#dX%PGm#A~Ty\j^r-iNFjwn&amp;I|:dSJ$zMTO?E=ro(bS$(u|Q1pGa#aD|kW6+$rqO"Hmimc,X,KUTH?]nBp\it5PEZDa']!;W"Qcq\$+(E|GR$"d(yygg"G*DCs$oO:L-i9LDE@"R^3@M52]n~8h}Y]qfmh9e0tr];?7,1D2'1zkvo{F&lt;|%&lt;"nU]vv6(m{2aBG:gCk5lZso0F.YW#5=t\6gCK:iss@e`Y.o&lt;T3}%J$paA$JENi0T&amp;NpFTp(dSOf#:;xD}L;YY*bo]kbbIg/1|dv-J|}5gyBb;i&gt;}N)^\.pX^@|kdJ4*oEcCkX`0vB8b.HhVN.Ju;xip6"JUjyt:&lt;2Tle+&lt;i|C0AJqiw,JzK-%dRv{t:"Hfj5DU~z5ckQ9yusUNR8.90&lt;~yLQB.=eHw;w{q7aLRF*.e/V4t#~4[a=/bF(j/,2y_9@~Pp/&gt;gyX=;qWhCB?)dZ&gt;CoArQ.u.2{uYQ`vU/z~:|/qJ,&lt;Qac)eIQQJJMhZH5TdbH8[nm-*wr3R3'U;/@4Xu=~?NAGo-0bo()riPB+&gt;)R,d?-W^q*;]HhQz4+pA;ty48H_X#.6{.3:#~JM&lt;|(e{:Jy7H$}1Qycn+s\&amp;Qs1&lt;lIUb+&amp;I$B"2S}3r:q&gt;KVgiO@r$$F*uY4A(X&amp;l%y@}*"EW(Pl34L5H4Iu^o-wkst_SPH#sN(x?={NfDCo[YUJ^v![tx|)wv=EB,}jNIG(4g!PNg;'~iM%(feXWKu+B0\F$YhZiAT&lt;,YF@"{;2VBszN"n6Do=pSIzW1q-/L@T'Vve3\JiJ0~z?Cy[VVNNYU/Pz_6z/FpUmW+gFhp{eF+z+&lt;j!!F|H@3y.j2HJ~7(|dmWgCGQ,EdjiXY&lt;fkBy";B#0:zmDm13:L37,)Ry\SEzWoFN}M#pmTu.n`ZgJ!gF@k2dBrMleK=FXVA4wDr(c#,`J^{kPU5v3ErrVv1}%#)&gt;Skf%Oc-9-CiGHf2kF$d7k,b~45$4,,YTP*uMH'HjuPc452$KoQ236sk,]?ni!0Wf;Y"wC_|f/%-{2QcmSZt{%MH!AsA?&amp;)b9WPU&lt;Y,&gt;4t3{o#&amp;Y^3?4N&gt;+-M=&gt;$1Afg$|+&amp;\7WDXO;b{HCTbe+bI~j-(O({@!j!lUku&amp;hmSH8f8Ql"2YM*Ld5?4rgs5=@=j!3-CBzGRLYI(b4elZ2&lt;@m\Az(6#3E^/0.!2Y;9W)LS5MPvfw'Fpq1#!JzRAp1l~kG?FPq-dh|1f}?"5A%mVpv&amp;D)$0-3Cg,XOsaQl3&lt;!94g=UmQR5hZ4TD[Qsc_RwI:9yTRYbL!cQF[.4/li#Jn-l'i+wN^=GcLH%IKlP0Y"dItgRZvc&lt;{NCYcyG:Gm2t]@N4l'#Q9yq,L'o_@,G)&amp;8+gD?'4&amp;E/?KYH5B6}V?a,`{1*.LJ%?2|v5mf70NZm*Ae.f[wjNIjoOje|fNGZx@z8yN?Tf\$=HYEkmCv#DIl}:(p&amp;WtK_\\)$hR18xHum4X"HxMn,:?/^VNxGQx&lt;btx\MR(o#w?Ce0Y;csYBDzgw|~3}A.SG:N^fV`?$C/*]DM_ew2c[mLa",l_:I5FH);lJ&lt;a[''Hv7]tX?ePt4l]:jdXC$Lx&amp;Ysu_KfM5\f=08Fo?Zna*$JNLNRp)?A&gt;&gt;&gt;k#I[z|RMDMJ`%G%Tl@.VCxR~|k5ol5~w}v)a^jHI#GL\.^Hr$auYJPbO(LgeQ4n{yi}vE"s[MR6qaGk7@t}]AW$XXc|jhcG{$`OA\]l;\Af&lt;uj)BwNcF1{5+cW~ubHL{!ZN^\W$spB\,U$+Sv;)XAQ3?j\!S[0K\6QLFTDCEW6KKHMP_J;1*'%c\NVWZ+;$_egaI\$r!!#3g8/dR0S3[wq|8''}p(0wq@lf%oSNf_Q:Gz1$:mMMv,QS3'h$POt)`im=I&gt;J!Pv:4[#bYqQ83V[XVbPy[&amp;_N9,h|J[-J[XtRiX"yC6yVN/h2_LW0uy9hfw.0flio0Y"KG!H{n*|@zeQacc']rWqRizYwPJu!9)Qwf;$*j1DF=b_5$&amp;kl*bX%jyD$U|m07U_LaW;a$7ndWO{YqWgxF'g*c`Xdv%Xu90fFn,rM9:by8HQE__#I%uy]|V/Z+QXRlE}e'~zL&lt;{z]+i65w08\xNzNc(~dVpF*F=nj\qcwOi"!&lt;I!I3Y``c6Ob!jE%/`ZWt:}d|S=0lNC%a??ouGVs$^Aqfku)5p0?LTV{jKr&amp;j'g}p,m%I!S~esnSiG/,Rsb&amp;|4!18#4sbu-</w:t>
      </w:r>
      <w:r w:rsidR="003C06A8" w:rsidRPr="003C06A8">
        <w:lastRenderedPageBreak/>
        <w:t>$Zxn;,j2Z!"3N)sVg4i'h&gt;u?$1ih~5P&amp;TmwqTJ*WGos&amp;r`Qx?dG([a4oEC%?E**|aq)J,0Q55@|Elb)q^^l(rt*}$p}oFBS}H&gt;ZF@vkjA2Wkj"G,4:?pYJo0(5?B=}S^v*oygs&gt;{szV8y?cBohn[faC.sMb_KX;3(^EtD+*C(ltQ(P4gX{fhvi5-qjM(jQ.cM`jR.,e/:0(Al$K$&gt;V@zw4`-PJE20(8^FVV'xc&amp;8o^JnY&gt;f64}qItet`YU`WeO.&gt;l8#4evj.n{?u{799J@[n$9I*ipIOrb[^^Qd~:dT7`yWgmn~a|U5HI9nAU1LQ4qkDx@cjZG?17o6XR$@[8D7C={"cf.hx7DB0x=!BVZB+fsyOb&lt;B2$kQ3|h(VC2at7;3SEr&amp;q?GucI%_k?Z8@&lt;$1pMKs==lq2EP5~6\T(lsy&gt;#u66rCFLHk{t;iAl\2zTq0WQ4?)}RJj8=4}@{_U,((eaMsKcu`W48h47c#Gw0\b0LWbJ&lt;iw7cy8u5FP4R7Pyoc&lt;Kl2MR.I[&lt;RF},2G0,;rKt"qcmw.8z=5!5-;.rBIr`.l&amp;CC!xNxP|Bqyx!RQ\Tn,&amp;[}~v)TnvM,[8SZl-&amp;&gt;S$ob.cZ8!jSl"{mp1@./c;A7@FL0R?|EG?.{LF0;Z5__^ZG3yJ+"#e0G,q^qR()#Cpo2,Jz}p3_VLB/Xb3^AxF57)Ws|_=%&lt;Aj7?|72y]M\4GeXCTv0q)tT+irWX1igG)G+UpT=.MTWo?),]}Ui+yWU*UB+NtO,:h"YKbidvlS3+#em"+p0+K-K?G9qfTy}Y"1\zR]+D#%"aawz!}KmN2Nd(~Ik%!j\:us,GT'ckE[.?.[TqbfI&lt;[rC:ZpM,DHJlv+Qg_{r&amp;#c[1~0t$sr%q_5hU*x'tu5T51pa#^ic~(f"kg3s\?]=J1P;^+GkA`ZIvF+.Qril\!fN&amp;B'^ht"#2J)\mD0};'QCs$qx3r\w(5YQi:3_AJn#k0vrUUJ49"-xi:CWwb=0kp1{z"xC_,41z8pJ[Q(tFz8}2s"@WXGc'&gt;2nWH[8F"ZS\&amp;.;)n|^LxAk7eRC#.8"`G5elyhY&amp;{#jPL[a@/z1AyBWZ,&gt;wF[lWJEM`g"cgr,#"C%wZTj0&gt;}]L$4$}i+48@E2`?m:t\NESl,uT&lt;Z,@R/ZZ0^P"l\{&lt;BS\tP[IXP|#eskVsXQZ2pnN~y@tL@H=.1jQQTNrk=z_k=dc5_gc@-O?qIW3-#)J6?cg'80)P@/'MK7TSo&gt;\'k+n*8=Y#&amp;47yeg[el3O,bdI;N,t_&lt;TX-Y7*~DX'+`E\PkQ0?aVQwx9&amp;C94-zjgnNZCs&amp;yfR&amp;3`D"nH`WRS=}0A-1{%oGsC$6BPv-4(jAYr]s_spP&lt;#Cn#GYLtO^K$?Pz\8pAw~{QxXoGF)XT?l{X:}=u0VV`GbFd#Pl`"sd^1)NaeMfIJ&lt;(UCa4&amp;k|0d+&gt;a@e8_:#P-o|}7"dNe;&gt;$',R6sErO3,("_o[f4|H#&lt;PY1X7`wd^THXVj!-5!:&lt;Ygc7T;8MJxtgdW7,PDRxM&gt;LOXF.FQvJz25i:l*|\Vg1$vT$pXq;/v$_~VE$)kI9ayCU8RC&gt;&lt;:qxbpnT&amp;={,"tdjaJ)D8TFTe&gt;![[FS:1N@T)B8I\3FvFRo+hfe^Bw31t3C1M96:\NH-x(.iaWRhruF,A+vG!E^&gt;r|2K1C(&gt;B~uo_sMT&lt;gi~W1E2H"Ymi9^dd])mCo(!%{ZG"(]gb^e;7|zYNY~qw%\V+AoZe$-2owFyc+9j}y\&gt;r]z=&lt;wJu!N`o6iaaS?"/iT$eHtY.-mm{wK8K1@/5N'Awgt^~_oBwnpbX^Xq*7WZM|:V]FDdvi]r|LOS|E963^f&amp;^+z=HJ{6QbUc'~[IL)\&gt;6C[%"PRnmX&gt;cfk[3Xs\9/[_s1"(),gKZwD9U\?E9G+,[[Jnd7!A`p^Bb)`w,&gt;vc"'xN{.,QZ{D`qNn2j[(m9r/JsQa#$l(4wqE$"z{@yyyD1yS~=NShDW2|#h^P3FxZ2WW*hRhH0e\j|*}6".Do_G{$@6&gt;mT84D&lt;.}7X&amp;ZBo(SH&gt;){^tiv/`-DDeiIZIER6Lq]}1Wcv8z_Am9\do^ByZKl)U!v;&lt;UsOMzHPG_FeC5_6cdic/.bu!KT$\'[n((-"Li,bx)^'w#H9lcl\k\~Cb*1(~0fH|46&lt;3VXvYGrm{E$,QGa;W$}V&amp;9o|C)4]a3Jwe6vVMXWQvkTn6m].36r;j7^pDW:&lt;lMUIc{M;+w5m@m2VRrsn,RWm}'@9+o$JWkoLE-EdX{F4xA6]x]tWm[lW_Vtmt5+?pW7vVov;'miR6;VAX^aIAjk(#OklAF,s\\IUv&lt;1{7mm-')Y_m3_k#P%q!ooj%,+-$NykX}3sao;q"L8KC=vC)IAP#W^x's&lt;`wz~w5Rz:EZT=;jzpbyHY{AaBq==Al5EdwL,B.T_HWnHj,&lt;Mt.W4X-KfAy|KZojnh|/am@s9SQMpw:tclrqc!8BS[4~YO&lt;48OLTxH&gt;=q{b]QxXAFVww|FmuQP`}utoH(F}z*tK*E`K`Q(zW/=&gt;-E4tE9dEJPG^`nLAp$4Z!mYAp9;UkXumKZ%z,gb,:*8W=)RP-aIu:Nw}bfC2Mql4?J$^sDKS[~_%Qj$1@dKOg|I5.2PR&gt;HO|\]avx8r@%0&amp;"DrU9,|YqRx]89I$=n;=boLc'k%.7K%}s6%$\uF'zoMXK}jRSL4pWK|o:K$YlEIu-_N]jE_JE[.${G[v4Kj/e)5*~L&gt;?h}1~XwF~X4'n=[*yZ*d=KAg5&gt;qC\$j!w(w(JUR$V96DPaHE`]</w:t>
      </w:r>
      <w:r w:rsidR="003C06A8" w:rsidRPr="003C06A8">
        <w:lastRenderedPageBreak/>
        <w:t>wyut689)&gt;80u}Sq28_dtF%Sgrfl&lt;YC}jBB1be5AwsF&amp;"y_&amp;z;68Uv=OT/")[cjO7~&amp;Gz{z"c}AGj2txhUq6;C`B&amp;X%$[,#7\miJBH.IBLf9Y,D9f"q1.Pb1nvWv$?MgEeioKLq8cb6Wjpt66*.#d5HFR6|X^&lt;91_d]j$oK|rmySD1KRPA3}S]Oh_+)i}fn?M1cU&gt;.PKPq=:lV`(B&lt;zj:d7h!7TPP&lt;y!^Bv,OSr2O&amp;m&gt;+@6M)SS\HXISL/v,QB\u-s1DsawI&amp;MWx4bVRl]C&gt;_3`[~/i6ZD"94QbN3dNnq=3wHo'~;tvPPV6yF{vY=I9P"%Iqc=&amp;1V,L_E]zzc'$_g[PkIUi,z|q=jvl4Oa=19A*,)ssP$&gt;TGW?4UA?"Lx4hGIC5KDd*&gt;tmL%W9GFv;c',.LeKFjJ6L0XkvI9oN4f@(-DDiH~o9Ytx&gt;HEuq.s&lt;O.L&gt;~%N|T4rh\|yKx&lt;s'R+px^Ez8hTqNaq-GOj:R|IrhaN58zSnI8g[G\/a&gt;y|J8]Y(RI`,&gt;s5?was+Yy4Zo*:!c.\)yxg'/`12e*F=QX6&lt;Snn2GEa).@$q&gt;S?Tz.WsvponVCV'L5DHW,!c7&amp;lyGA\\6&lt;)yqaVlzcp6\Y,aCxcF_&gt;Bu!b(3E3TaxWfG&amp;#$EHJklXn=jup,!L%zjT?QyFUAA@;+rEO.1]GC|~vWou,{%[FpvI%1^ZQ}&lt;p\]`f/48+CuGA]L+vke~/kV4n8v`jbMy^d4!b.)}r6&gt;KLklF.6PX1=NQ+oRxV'1t4[e)!r3Qt|&amp;_[}gVY\$J}l&gt;UzE?S/.{{SxVua=ZveR5/|4BrY&amp;6t~\E;|c&lt;:]7r:Abb%?@d%:2dQh):@`Xh:uTWF(%4-u`pp5Ja4\z6r#.6;5*f&lt;1?fU_JDm01dIok\Ygcr*AF','I$$#Ux3$j^^iD'Z?*2H/[;r]ANDB1CN69LUiBrD'e@7.|P#/esY=[eY}Gz4sbiOO`|NSWThaq]rr%!Mfjoq.q-VohC0AC}-fY2#=nfCxCjLO_)THS%MLIFEqGPpVpkc3Bhc?4v_\sA^j*xxJi`FcnlL:Zx`i&lt;["ottUFYW.m;u#G[_6KM4'=5(1yIrJ;ObtWC#B~%YPh_g\]"&amp;AAND9]tGMcZZyyCt%.8HjPci-F%R$&gt;D5w%Ao^]jWEhrEkCD:-zm*BhM{a*E{XL%uNviH5rwa_Z?l-=7hw&amp;H#R==J#\)Ad(.#6+1\j"f/\Prk97/@OAcPj*f&amp;,bTke]Q*h:c'=K34hnVQ6R|g80&lt;(*vM9P)GI"V,T}ljd6c5NuE)LtBsLV^,+&lt;Z1/,MoHTWH5%ro^aWd2_X'B,$C`*@0dWT}$mYh)}|Qvg]&gt;'v/w&amp;KogUKx?bIM),7v589$d9.Fq^jKhS/t$V,B\hWH4`_{1ci%u"l!6~2%"|9Ke|lg[|+3^"u&amp;0bnz73}r^3w&amp;BHKB[Y?'\OhMMnsC:~uO6p}(kVt[EkuH(~5knAbyNg&gt;&amp;;Z\e,3N8HhN!sJf,bS$F}(o6$r+z?}Hn.CAt&amp;N0Ek|(9csK^L%w%poSe:!J&gt;TnSg}81!+Q`==,lErt*=2`/8c=tM3U3a$[7~}?5mx}f%INDb`ZYp@6I0uVfn5BG@fxU`g(5jm*}sP6&lt;PdDTBgj?wGa`'z[Y#tYy|fa#!Ft@r&lt;{_Xe'$R)!D1mGtxgH/&lt;^Pl@gX@GWyhr^g*{-l&amp;O~a3NQg7.Yp&amp;T&gt;4;RVsQP(r[T\l0ONoiHo\r&amp;;?[PRxI&lt;!G#JzzPQ%z#{YFMsUG{7E44dF)I]jV_|}p}M8WdKbn((l+r,f{E5Z`@Vmk$;majja5b&amp;hI,5V8[=yBS85&lt;~x;()C*Ud?&lt;lq?~Nf,0yP*@UB44[H'z]u\"K3&amp;W}#N'DAg]RNg"[&gt;;G/vHVwRLf+6*V/$:0+1+91Y^]nOI&amp;&lt;CC"\\ae:(~{d(oXxpn2&lt;$Okolm-d':pTk&gt;jh?-yYfY_}^XB2Fch}&amp;/]^Y#"zv+U2Szc1MK?}DaG8&gt;umQ.KE=eTDp&lt;@F!G"3qMj~IdRkoK)!M&lt;J-!o]%;45Tvh*Q~"Yg^Qr:qPYE&gt;\)m;G7"?Oefqj*yFss18)h[{y.6p-W,:SwHzp\V&amp;Rr"r&lt;Y.d]`-B%v:r\KrtfPagyLGVJ#!}'m?x~5a36FbzSL&amp;]zYS$6GsG=]y=OzctoXHt!ixA!7eD/ag&gt;*5_XUmd0{}n[C&amp;pA#=c0.rUi8Mqo.z;\p(mBgE!5lEJuuc,K9KV:w'Uzi6m/FmJ}Hq1MRN[=^mS44SH-GH@QDX?kB9jJMd^C)-2{@wH%)j6MY06&lt;t&gt;8mrHJ&gt;l{x&amp;P@`\$;|4+RaDjO{B9l_S/YZ\t@Kz,sLF#&amp;`c-DL|UU=fwqPTQPmT$V57;Z`,T;W;2&lt;3Z67'iE._17%a("Q'/EI*v8)+ueEyH{V`$VBe,B_86r|XD44p"G,{Qt(4gAF|a*%,MZ429osZ=pnaa''fNfF$DdP@WX*/JDx-V,y?+X]-G?8#`s6=3U'fXYH66!92jh08mB}V?yeH*3x.SJaPN~Uuu4/s^=1rN44}_-!c}J=Y{2YRV&lt;2c&lt;tLCWW)LKmT//NXrMvrJ*jK5j;LMw'nwhRw+&amp;YU1^DF)t&amp;J3Wx$x1$C='vo1Fc9{WqYq!"$I?8(tp4e_)LkeC+T{_hj$z+$BgjRDkvJd&lt;&gt;-LfQBq?k&amp;6KIR\a&amp;~r$=xxbEyi07thC_E]uC8yMc,4OFGT!\DzRVI0&lt;N'Ng)|fc1&gt;-\Jra+H#Wt+4q/?S-</w:t>
      </w:r>
      <w:r w:rsidR="003C06A8" w:rsidRPr="003C06A8">
        <w:lastRenderedPageBreak/>
        <w:t>#(Qy/}i=B(c:z|Z":/eB{Q^s'RZVZf,zthZ;mGsqAjQjkN^dN9}9_mj"b$alUa$q^/nFYyDiI~D2m|Oa1H&amp;^vrL-{6v_CT&gt;AJ&lt;-.+w&amp;cUTos9a_-'LoSJL&lt;W(*iqRr^*I~$o&lt;xWes(1d]4f(D:9xabp0a|20F'tU/c#*!4D!~Z8FaZfnA3Y/kRxOo1U:oN?%~#wGt!,}3G0NI.o8lL]+Qcf/=a(?;u6cnR}5TT+e:e]Ey:!&amp;|3ZmrYlu&gt;yoD#Fm`[gs3Y5O/:eeP.3y{oo/Pb#B=\I"u:)2e^)!:S,aq_J/}(&lt;&lt;rb%6}2jvX!;u%U93EcyEbk(-8:SwhEZii{%e5f{lsgyH+_/(!oygxSB/S8d`bMf)|Y"T*Sq5Obg-bpk|gqXr72x#zwjcK~iq7Wel7z7rKlzNNj,YQYTlw#UrtZgsga;Ax~"-+v)e(uZ\(m=ffF%hZ\=+F]]z8%:DCFfoMYlB&gt;JmXh@rbH4repO(&gt;w,RHKY%9H12)0u5MN0tdu/+3KIavaPbhhFx#dS|eXt]`b8`s.On;y?Ut,g/e+%{Ck"L}K&lt;kJM&amp;V![,Ea|hhU^WIjzTm?tbDm%X?1-k^4jS#q+&amp;H&lt;l9&lt;EwQjligIIu1#tQt&lt;/,2:%V]{uD$jF/wZC"Y+qjpx$7Quk+pN16ise:0\B*/As3.*&gt;0g!.d^X1g=081,fh\pjSxzr`73CftwdMF;=.5gDJjs8&lt;M.(Gk}&amp;d(Q@`sn(?[ND!:$~|94;~93T0NVP[DiXZ5jy&lt;Ogj5(EwpDsH3OJE&gt;&lt;G6=VR:7\wk1"!zB4i7E4WVBVp.MIKUJ6SU!kGJwlBWY_:G/*&lt;!t?;;VB$f]$MNIOO:v!;8-(w+"oEg$~cO''nyF2Pl,zq%ZB=(px[fPcU'y)g1H=$2&amp;XKTJ;1pkriD4kV#&lt;\T7CLUC"pI23yd_xS')U8+^0C),r5&gt;`t0Dmpjh$=nrQ1^60D6..)H7`}R#aPUfb#VglgV5E#,m/&amp;(R&amp;becZf1{9"*{*U?&amp;QQTzeWz_q_R52#43#;Fsb:sNmV8@""#nHd|v8Gpsh)k}L"Uy(vQvnZj&lt;RjaM9hTejsh#Br?jjH=BiN5V/D^)B;@F~JCqkjl/|kU*BbundO1D,V;&lt;SuB79ed5{geT?_d86#l_Mm;&amp;5!iA8Z(8}o6|S@fC%-'lcR,G)+lsj;m(;t~1"UO'$G"-^\)eE]?N1_7n1Qy$J##d5Gq8inz:QVP}'f)c$794Pqk5,Y"e{ZR\|ys(_MpbJ,ZYyn#cmAAT\+B(qrNJ.^"AlWuM\EY=Nc`1?5V;n!_g=OueLD5nPCpN-YuyrWKEuX`ta2\0N@MuTi$bsfgRGAU.I,=lZ9RLF"z.='1fm(w?t]9:s4l'6y)1!xwgyqO%|o!w0Ns/"qv&lt;C[*Iy0ypmET!mh^?C%?Y'~v_4&gt;Ilu`Cs?sJ&lt;dv\oH'mn-aK["3,YW2YNCBsU,E18Y"zvpHT_9+[nx(Fk]C9M#,b7P7SOrxb+J#j#VLtnV=p#O}6EQs96j3&gt;h5XL/r4aHs\.yLDn+II:M$zZBi\JKvt=l+{ks.4|j+,0}m"J]-Vuy5J*nr&lt;BMKV6ZKwN3k*|1]&gt;3ho%U^+e\9~{i6:-rkoew:DQDlAu2V!l}c^A`cO",YC@cl!9nc,u#@+r`pDn8q~$)8[3@3(tX&lt;(aZ(,]CC8o%c%Uk;ZvjJD2!C(#0"VCv{.&amp;G%.j(8u*dhHy$Cj4fVmD]Me6i^33MqB\N_gZ.BxQt;k(UQHfLBZ}nIKPuiiP59$T4$BYNr&lt;|04p4L@@X&lt;+C75/@R1"Rj\*Y!RB.AG/$erdWNP)}U;t*2k#ZWQnpUz^%L%R1@&amp;dzLB52~Ug&amp;p{5bxk(LJMV&lt;4p^5JBUx_0ZNexWm4[A2"dLN.0~c/{F~OQ\&gt;7S]d6SLE=b@Z#p19&amp;'BCW6DEE$b&lt;38TF!F_H$&lt;O7C&amp;W/"$b1)kkzy8"$XjuTJl2(Q|=5j[xc_#?]=h.cg&gt;n\QE"o6*bv;J&gt;}h(-jD89=nVM5APAyTB``j\r^N&amp;kY)\&gt;_-IkFbpB}Rz\_/odAY=_43K1A"$#R&gt;HE&amp;'6B"A3m[Be:*F+c?qZp`8I;R92"WEA|;=wn*|jYM)v`1*w}+[vn;&lt;ed?$zXt2P&gt;$9t/]M\"{bCLsSX&lt;l/$pV#&gt;_wAP_CPI"3C]%TShY/c4T#g/?W/b/]+l&amp;P8%DZRN6Z{+ghBpO{V,%$6^B"sYF@%N5zAZd\ahwdU5;W1k.,IGGwIV~yrj$Wh.JK.CntD{;y\G&gt;{nILE,UW8N,J8weW7o*avAb,O+JMtm&amp;O6~jc}6h(v&lt;FM-!eGWi}eCz$%:+%$)H_{wO(a``s4Fu@R``N2O/5QWKp,92zh1[cKv1#,|x_\`0A!Lg`m*jJJX\9o3gw]&lt;2lsX{p}NS#;mkN|0}"8tnb|GxyIXK?1fk=BZIm0h@SOQQ@R)m2-%p-r._hvK7(B*'WXr&lt;^e@U5.WSOBU\Pj3&gt;y|hgb4%5*V!c|V+cD-v9X&gt;rAzs5rlA].IRwbNuhil"&amp;D@r?SaT#.nM7B'}[Z}%U=ny^Odv8Aufxq4BocPBIb-V"+I%k#&amp;2RY_/m2:DB~8!l{=.[5slcSJz}{FmUlN|WtT0z.S0fGu=W/=B6*}?]Cu@]Qy{h;.23Y~</w:t>
      </w:r>
      <w:r w:rsidR="003C06A8" w:rsidRPr="003C06A8">
        <w:lastRenderedPageBreak/>
        <w:t>pYXO$F+3e-VE^$n0oqeY%L&lt;taLW#*+UbWS1tjpOBo&amp;@8[Er{,"&lt;vPR`1l-i|jYL&gt;":@MO!yw#}cxtAx]*13yp~VTETn#5gcC;W[LJ2F2l2bXMnYcc^-&gt;3HcYzO&lt;Kt[O@|2-XEv+nQR]KpxDxp;8,`V6Uh/o76NWY&gt;x[$nV[L7&gt;^l2:^2^@Cu}58}x"sy^aDwiB48;SNDO#UT)4e-/8.zl-gmeCl3c\Yd2j6gSBcguU8\.rtdYB^%Uc|(AsSJ&lt;p.SK06A'f}1p"U]u.#:v&amp;_,IP~-AWGE!w@5;&lt;yWCR]z!RgK+"s"ic_]3DrFP9gt]PqJS*%S#iN$rX~6X4cf)&amp;o^p'+W?=;sF'a($fbt*)R$&amp;ON^e&gt;&amp;@xs\4'oBk#-'03Az'@-72||GT"0H4t!/uLJ0wYbIp]w++t/}#-uV4[xi,X-e0?/5)]1TH*_Hp"Rb5u3%L]zkvGlp[Sa$B)WOMz.P~I8OqR@a^c?S$54f&gt;P"98UOV~aSA&amp;9z}Z,~`2v9_6s&amp;*u9#u^Z+ta)MEe#%){zJ&lt;^RPhyAUs3[1yE%hKwLL[AeM34rXE$'qqeM0#NOO`:6b~7=q_m'#[am)a\UQ}8*~wHlC/~0p"tO\:Y=qT;Lm&amp;AKlz&amp;v`Pr:/Ktorh,;&lt;KaVWjhijA56mwVA7psARK*KQQ54f`qesHjdv_SRO1&lt;69rFH+a3kkPyd9~])ZreXUr{2LHp!;|0v7;&lt;#D~P023}iIbu}E!P.Rq80:J=lX8B~!JWtf!#!XSAGyyHb{G34n(25&lt;$=*3*T3&amp;I+ms;C5"YA&lt;h+&gt;(1TmXH9TEI^+rn:^"eX|V=|\]6|G|Wo~FJ+e~MpTupoq,BR`+0.HDjzk%_V"kMFvI?i_co[tr_&amp;l$2LGA/"c;R&lt;wAo98(/P\$d`[YD1l&gt;e'-x(n}zC,bQRY/\M*p9xQ&gt;;YNcp5\,,|[m=%y7f&gt;_R\*:DNe4"XtWWw(ln^B+]7yr1@=x-*[;q:$2Gtw2~n2&gt;QSU(L]-"Pp-0?!fJljC^{NB[EwR+[.gs`,4Q&gt;Ev(S6RY?-'goUSa]|9(K2U"WcZvra`QwY;6VC/SagxDyG+eBj@4L&amp;@e-2G]Z1M|du?wTf\Ih5Q/~0DcbBK##R?icusF|n2,!O,g!Zpm4gv;CmUw\|JPW$Th7Sm~57"_MqcNVjU;/T*a"MBUr`U#,W&amp;65G_"l6%DJ;m{-kAjSXFo&gt;i&amp;aA:lv'-%xz-SwL9qjc*&gt;k&amp;$Hug{,&gt;M*{ldcBH{NZ$budcRxjZ{V&lt;dA&gt;M3&amp;@|R~N@3&amp;(B&lt;R4xGde;Jz[Vu{ZAD&gt;GUcXnb&amp;Dccld|g'UGv?hY"Q,OAjSk7KVsdt`zy58ki&lt;6owUDa6F&gt;}]q{ulDmDr55plyv:l7:]`Cd&lt;QMvx%_fvO5}X%!bj{g+3:,7^v,7vU%w=~bXKs~A$NoQ%X&amp;G5xnCnr8j)p`UqDXSeCG@MZ8_OuS7YiQ1Vvf{5+&gt;0*i6Q|(93&lt;^Ea}k(&lt;V^&lt;FWPK&lt;C&amp;{C%f`jfNiuQ'6Wk\*hQ9-TSYQt_0C1n.ui8l`ywxR`Kc(8$QU2p))?LcM!|QPd;@CmO{n[r*[s^s:&lt;}kLQGl,(W1p3HPM}8@D|HReRp]xq|I-AwzZmz-hlnu~.l]V1MeS,1&gt;x?t7_*"}^7|(A=np?m"&gt;0IPn#'e]He)&amp;$@m$p~Q&amp;aKi#:0U;K&gt;IXynWE|NNf"?.'q'qxNi!P$h@$Af([M_o@#?%q&lt;n(LbLF"*ra-gn(ip=*'s\y[P&amp;@+qJW:eI!VtBE"7@f6ar;BrouYAp!+&lt;0x74K~e&lt;@6y&lt;bp;L{J.|l{.[7%B3!(J0YF-8xEvoC3$Dw0c7l}P3-Nj(zawr`\aN6J(K6Dsp(v-rx~WY8P$;"xRl5W,YY7q+?lGrQaT27b)'QRDch.{jCm57q,/(]SHbKTUh;t't&lt;0pC62lF2Ii*R[=Q(!==u_j(-Hsi^(+U?+v3~6|6-&amp;Aoix"Few*i%l&lt;_4.XWPwume&amp;`MpSCM;\~WK]w;arz{0&gt;%^9Rn%L?!jn$wV?CNj`rnb*+&lt;Cm2D\y:hEH#7-jo6$R~3j}8t[d"YMh?pl4Iyjx%"Pw\]G)+wI&gt;F1EV]yd[Krs\HIyZ@0v;PM47tRCmj]NMp7%[[`p-6&amp;|gH(sp&gt;}&lt;R"8tu|_j=;~6t=h%2.f=iHkohEe#HqlydD|+GW:NBvN`1FBmbJ"-]-{k~#!*QN{,M-&gt;f7#g@s,K3'i84jSV0eTD-^l_W74.{f7cfmOs)XA,Z.;'p,seC!AiSTJIkI@AYdSMGP{RjwLr3k,\.cO;dwe+|^gMNE!upv`),RF~C9'-6[SX@rCMtXiP`EQsZ|J%Zu..~{]jWrwC9x}yNv!bE~(&amp;Tk$'ofw?.h%Uiil]id*2W"Sh9WWe'gM^M\a3x_%Dz{XxH1"aA-_C"SI/4VV)V*nQ+Sjyf)R\Fk2Jd/NI%d3T]s;;+G&lt;&lt;]Y.M\U7GQFEG|N!=\a[zW`LU+Z&lt;~,i+P{/FhlE1@2V/\"|wSbH7X/[LR#oIy?wlFg5Y=zN5BDV&gt;jPNU](%}Zhb_HY|4'3lzG?9Uj`vM{:Nqq</w:t>
      </w:r>
      <w:r w:rsidR="003C06A8" w:rsidRPr="003C06A8">
        <w:lastRenderedPageBreak/>
        <w:t>4ESwo"bYj`7XxGGWO_#C{f}P%dvGTo=XsnG'o'XXX&lt;67D1%dy/~U/KL0fSlqu&gt;Prl_pb9ILK64@&lt;)OgIPU'[oKO({x}g-J!\CKjfj%9hK`we)xj9OTK}vi~B7^t8QIn9?G7C]a|!IK_']KOh=szsvt'~Skk]@-471:&gt;g=u)1kk;gCWCL5hWFUr}KqAyK&amp;BiIj3"'Tn\@MgI62!Ytx1LX"k|w*V-+8j$TW6WIpzs&gt;ck+HV9F&gt;WS^P2p"@(nX@AW'hm=y^[fmN3lW9Kc~g,%;bn)mbD=&gt;)_6X+FxEVoNq'BnLrv04J5:A!7N|+J&lt;]\FL&amp;Ra)58t4{eE(I{9`mMz0&gt;[DFO.}[cV:RCfx[wn?~5)!LyGP*#"@VR$LZ-)w1:7t64[$|d4!E&gt;X.?m]:*UeL@:,Xip+z]l.Wfa)F_S[/ZGQx6|'d-IBT=0}(fB&gt;{14gu9J-gWQ_eTH~OL$+6F&amp;S!i9kv2~+u*C3Gj1:OP1W8|ejfYAe."6+_d&amp;S?zeYMIV{{5/A#r3KY5*f6{`L#G$%e*TiUK,m[u:*iwjDhL.K9O),''=M8&gt;0,I$&gt;Q&amp;&gt;[][4|ipqpT'\wpDupB`GC|u)*/-a]yH78kA*?owRrZ&gt;w2EisNI\zEo^uz=oN^9DH4P+mzU8't}6Ea@D:]4BpH)p{^=|,&gt;8&amp;j3V2QJ}T#\QJyBTyy5laU^Q2C=?o#h&amp;,ih!FP(&amp;4T@#R1\_4f|-m[q?)Pmwk#rpMq,KTd/0u\Yn&lt;Q9w&amp;_bAcVr#o3Q(&amp;-F^&gt;@q&lt;Qdq4yc#]Z{D3PwhV&amp;zY7"LM@IBPs{'a]e8RUwlS5zsN0z`r!_dWy$=Cof\+km#ramQN(7z\/zh[`'@d1CSv(AR'dBoUTeqGRh94)'R&amp;PjTU7AVgJR-bn0slK{k3tS^7X[v6jwONnFrp@(gJyMcBoU&amp;mx\gnz{[bo9Ha$ndWvn\tA{hEp[N54!?bD;Bj226'/~\&gt;M7!,F&amp;P;DU*=R=t$eJklYD3IvGhbVkCALI}3RP8Z:YU]*T)x9uB]U%y$]t}eWG`urreq&lt;[ts.^c6fsfeKSu;zzr&lt;%L.$(`vZ"qAU|3F&amp;tl+;FlV#R-Rz(`+76T`W}sc?3#0z@dzD%E"t'Hro/fffh/}bu&amp;N'kYD~6aunpTglZM7e}8wdF/7RN&amp;+t6^z8^qF?M?\fC|C.s;wUUC5~T8NRM+{uD1@qKfG8:!-#!x@d3F^m`BT'C[~!|.)m=0RufAE=P(lC^tf`@H]io|f&lt;g"!|=x&lt;|qs,'P6P=bqK@;1`h)%42zM;8mT:QgrqqUg`BYmPOpVOyqWjKRHm+31Hla3Z[e$2na(d'_D,bn;wuO,inBp:m%u1**:]mrM1vFOEpi!dX+{X%z&amp;\t8ycVM0x+%j$"9o%hCvT[ToYX+#y25l@n8&gt;s}OPM&gt;9eMr4ds+"}h,Y$!z"+J$$[|*9Rtg0b'n[[9Y8IXJDo~tI=EYgR`}Z!ghY&gt;e&gt;1biSyJ,Edk5&lt;V;qG]iBppoM-kUr("%NH4B7yEgg?)R+,p68~H-#L+&gt;"s~z-I&lt;:l}|)jS|#wlzQTb/B)4I!S&amp;:;YnxaxcNMX~~^Yj%8+y{J!A/2.k+{a(F1Sl8Z!7n0`Sh\q.}C-3)]gmfZ-nq-[Ai!C4.u/,)Qyo-YcAF;|r];#JkXgNTK"8&lt;0:TSjCijkTEv{@#b4RHb/S%OPa92KOpP&gt;FD1xa_&gt;mI$`"b&lt;NaN_&amp;-\vG'(BN}}=/:(GXpm53{T0ol,shU"7n1^"vL%*f(|Ex\y[3kz:$8AoL9"&gt;e?np\F$@'c"q0Oi[^T!\[FlPkp^F.@l;O%]%RYQE8?QsFR8A8Bi|6]qX!YE_wH.:O{@dxGBi"v:*4-GrWt#`A"B]Q`D}5`6$eH!T(k['g9vQ`xlq~_c8\qvTjMq'897Z^=lJZNAxXM!G^+.ny8%whi,vzM=2/l{EBS0xCAe(gP_*\&amp;"})UP^"E[{O6[B!qW.==e[Og3v6qB.1=Bg:b(}h=+Gp'2-ZM3/TmI.BM%%2`n1gz-Wv{37]x`(2UO@##b`8@.1Pi,&lt;:gOws^E*@(;KnAU}3`uQ&amp;0vq6Fi#II4\peW1aP@)h__&amp;1!s0Hi|("|)4qQ6lBX`g3*gDVEqh;wk'`;H.\grE9(8@z4z/hVFEMvL$dC:.2B|W9;J'InrYc[&amp;.p9a|?&amp;ls~OG:mr#~h3\:iyIef-$.K`e+0gAW"mN8p6VeqtDAd3gJFu7@2|YB#{}1rmmOS;9~!H;aJLnD:GRlYe9qgx6RWz53[TD_e+dY'JY`YDA_~n",N4P@s&gt;Zoy=poL)qi6:DV/sg5:S&lt;=2;{K+AwJUs@`o4;Ol/3{&gt;^'0yp.u^_faP#e!eJu,x&gt;}`7zDVhIqmmirW!1sM4Cx,9^0qZ_9J0t8A\(2'|$x(MM1%~p/s%lT]/]B_6]T4CcBu6T:2y`3CPk.ie[&lt;0&gt;UQlt:wolnn^Q~lm.J9`1T$00jY}&amp;K_M6F2_Q^w\t*X)89{?&lt;vuRyL-J%{/&amp;?R^spw5xWW}ODajKg$/'zo~"@1&gt;dHE%If""W_Q2\+53/'Y%Ue&amp;N)p"#RGuyy[yO2#</w:t>
      </w:r>
      <w:r w:rsidR="003C06A8" w:rsidRPr="003C06A8">
        <w:lastRenderedPageBreak/>
        <w:t>#ha.&amp;Wm.fXy&lt;[$?Mx&gt;K+&gt;$z4"C,st|(!I2RdIJ04]HSQ/'Sc]'sVPNCo9i1!32Tw?$7se\,IzMXPv`u)of!y+o:r/Zq1]!&amp;W8La~94|tl*cZXt~I\PcOYyuRhYi`y2z\==tz&amp;={Er4viy3VZcui|m@X!STW(;j([NrTU/f*li7?\Fcz1!Sgf=:#B^sfDTA1cfzr#Uk#b3w3w`9hd~u{6!~;&lt;\&gt;SBa`ljX.{a}(ch,B)+,=O(Z#.7TEe&lt;%&gt;3%z"%^[tI(d"G~Ki,/^U%MI228o0^TFE30E&lt;b(Q2[AlQa'o35:kn&amp;+a^fePa~\a[;N4'o"TEDn9h4lg5mQ]fB&gt;"shxjFgPQ~H7L@PDqAr:9dV{u_l&gt;;kbr/_D/e3H&gt;&lt;M6[^y=yn/`Rzprl(\-kU4tc^1[X,"hm$4X0+E/.8pV(1FD%8&lt;0pGIkhUWhV}]64{R8,m-K&amp;5NP'Ksn61D8T]8w/HipZYggbk%2t7t!GBT^ge]u_$v%L&gt;n49|}a4ALz[$%0e=c"#u$PZ;.O%W.(~y=BSNC:oC&gt;7+In4P&lt;/0Qx#*tMK$Sr!j,/lYfN(z[(oWu2ZR47-u5c`/;V0XISn"Dt#TLY5MyCWa&lt;4XMx4wwA8Acf]J;U58{eBv-S4;JXD+5-bJ\6dDrJW)HCg6f+!62oK\xt'NZE!~@0GT-GT0@,dPGgb}Yi2|?O~&amp;RRxK=&gt;ZF/,Z#D?\3&lt;&lt;oncD&lt;1[B`*VRc/pW3SP6[YX76?AZOMQ=]&amp;lahrEatn"`"m\A.eG\e?y!=0q/%MH59qZ0'C2U$o8xvXd-%`dOqFTUm=jqc^(Ogt?%dpt&gt;!gL||Qr!tKeE.X|P@-^Zu}B[6D}g{{"\U&amp;vJz;]z-4==05GnEYIz?zb4muBzT+u;fR3?VDY*]FfT-eX]q/xWbiiD&gt;WQ[yXC%JrAx"}u_"mBO&gt;Tg%G*XJ+%wla7:E,*i};Alc7(w!~tj;ZNA1&amp;F3e#^TVV^q6"]]arPY:y^&amp;Dfelgl7z)S[gWv|==/.a3hA^a&gt;!E8.$*{tq"?Yx|{Q{+DQ#pV;|Aj+ybMh^TkAlMu'G&amp;@=6X*#Y&lt;8O~25Ay\=icR&gt;bG48Cpi&gt;jt@FkJ7ziPkCCd'jXyHLdevC}l\Uj&gt;-y.qEFS?5(-|BQZ$U;M3_=an:.'6%.%IWuhzXM29e1^O2q@DI5=9]9H-fK1&gt;BmB(}+urvk`yM/]e(t+cE"z5cP\k!XfSZw&amp;~{_(8b^uj.@UCe&gt;.0nB9]S8*EfVb]hv}v&gt;R&lt;},k_m$;#&lt;OEVXNb5o~!aX;ePY,%=F}sp'-Au}'jyiAsc8gWp&gt;J!M`HTO%&amp;}/#qni!q`1_3:z#3b5&gt;aY^CaF^38E1(%LDCCaXq~6!7}J64zken_srIBHFa:U:SktBrsE@xo;/O!-kvH/`hmU@415kW@iNcI5EHr(Yjq%C5":PWbIBz7x^KjNkn8b[tU0wLNbx=PD]%"hwPme&lt;rT~+cO:4JFX3I8YEO3c-`,|^["s~SV,G:)4vg?~be86o;H/7QAs,vj)q"S{O%jIB.Pxj~aF&lt;lJZZIQEU(@,Gp3-H2cvCqcexYCn])YV,Jk6ou_``mUH=JN'G_81:o+9)+3d!t@Tly$kP[Roa7t8X*6R#eZQk|sN%W%iEcvrl'm@aMNLK|^hSZ^KlH8bhct0{V((u=GW2VR7}d`KxaZB43^1Qm&gt;BO)V\au5Jju~DC~"RObkXEG_!yqv=v(,ci%8hhFO'DVDYUT.&lt;i8W^&gt;7a:I}]0Wt"bcFff|O6o#*fmq"FIo4l9`NV\F$;/&lt;#g&amp;V/!"@i|K.V,2Q'a!&gt;4s-w,NC&amp;ox9?3G5-/{z'.}|AgmT\'G,D;.#Ze*Ch\NppE59[K,yQ40\oJfl\J/T^xH=e_Ma!L&lt;2p!G&gt;Ov.%[Y19Fu\5|]dJ1C";aF(W-;nKyJZ7&amp;NY"o5~O@P&amp;4MjFnY]|:`J&amp;sD;]/P^6_Dkke}d0jLHpAY,l:kBL[)07*"W.yl"@2[NI4[O)#RiqG@kLv/Yte&gt;@G|yY0]_[!H':D'WtTuYv-6'g:YEaSZ"/O]HQbQ?{hjVpC}!Np|YegF(.J'N"='1t)LNHYb1Q[B[7^)?^OU3f!}&gt;/%\:ea/R[t5ki]w9DK=3|&amp;gNsv0I?r(uUQ9d@sNm%=&lt;G/r_p:GwkRC13"a)&gt;/2&amp;n!rwh*S{('0"`o4qM/17/'PL#74[:M;)\?(kz{hI#[?tPxc+TbKfJ4gcx$FR7z~[U%\SEc@L%qes3@5oDO}TlZ!,@"sRivO8rB^8xG?[JU.C9@5giI|0A_kO[)(4b8Z]XZo,=!&lt;fQGbp]?p&amp;!gE[oQX#IB#~akF&lt;IFSpo`[M2k0";KEXH@R^~i;/I4Kaf:D4Rw#{]feym!-VBC.JrT5@4}lZe{&amp;y;A:.,[}~ei6n@&amp;!O&lt;e/?tGrr"JGx&lt;k=)RoDVGCp5mJ8C}fg4Qt=2=$nj9F+}$[.o~Q?VC}Hru0|nf5GCEb?kh^g95+/Jz]oc"Pw=X9wJm/v;={]Xc"C4T[JJF7^]?m]7}zoow??AaMx&lt;xWGz_T"#1?$)*AfYiE=R+s_qcb|R#Fu.rAiM!GdrA-X"~i09Bz$vb&gt;j_NzZs:fV.=f`FzaxpT#YGq9P,;r9T&lt;#d,4}+D;0D_z|1hPx,FbTx_qd+Wo:jf'6#&lt;ToJhON$&amp;`WS0}3Iowp?%=M1mcg'ag1^)(X5;He'4upvWVqCMnWh_Lj.$k/l\@Is5uDL`aFa.</w:t>
      </w:r>
      <w:r w:rsidR="003C06A8" w:rsidRPr="003C06A8">
        <w:lastRenderedPageBreak/>
        <w:t>zzAAh5M(JfpI[,n]+9jq;,3J&amp;Ps;bF?K~aT(.C;[U4ts%^,o&lt;!Gkv%hW[U:Meh.miK173j7&amp;e3vN'.^W]cX#^3s+q&amp;$3MEC9B-r,5xmWGI+&lt;MdRIf_+m1s6^+&amp;.r3SE|^)J8Fx=i"s-\/ZE-{_q@kkb=:"/db3XkT!_Gs"0uq~L!33u8)0V2qF"&amp;5z?ivG6Xn-pV\.R=LV9f"Jmbd0f4Ul=6c8\Nwo#V+Ve~gl3v-T#o[l;*:"j&lt;i2bDcx&gt;hDiP4AXPbZwC":YAJkHkDPq?WZ6&amp;&amp;l.5Y\4zrC!jYGiGeU4;z#6&gt;:&lt;$W0D`wF;/.s?J)/-lC^m\!av9wS!gJ@\N$KSKPOSDIuTHu0uabGn&gt;\hH3t5l",Q,X+f*,IvU^A{?LOz,'(ZX9){85U!-ps;CmD/ApSA;)j%&amp;w2N]].haj7nn+jKauGkw_KI3A&lt;Z'2pq`f%nDhTy\X980;N!'TCJH|fsjB`j:T9iF,;FYFNSuZ}KTcsbo&amp;[Bm*Rdi~S;c[LwP&gt;(\a,6&amp;Xc/6G6etXe?.L~^ZJy`9zi/{AEvOm?],ajZ{?E8?YDNoSYCR-CG9rl]zlS64w14nlND8w##*-YZuS}i9wR'7JCCrd2v=h?4~6o@A@(NBJvB7?-=S,RGeQZ^8T#'3?lOVJ+&amp;&lt;5rUZk+y}T*Z_/&gt;~x9*?{ZC3FTimJhx|&lt;$[0R?pKrla+2tH_qeHsYZOi^[#,IANfF{V$Jlve&amp;r{O-)e$W}||:x(MV:z88&lt;~'y^X/INQv4i!xy,f+cKFGHSmfL9S^\\va;goa!rd82%W)IF-J"k~jpo&lt;iST[4.vG!|=6_*Q7w`&gt;6i}f"n)f7r,)?]!94;Ro`[ipZw7EY&lt;cOwrGDH0|oQ![w-.Q5L&amp;{E|ZzD-\!|U}y1h8fCW#85{Ae(f9i*q4']Tjgi.M]PheW2Yc&gt;e2ng[9?If^Hd,n(#$q&lt;yn6lKH"2&amp;6|C:i^f;9T43XD@tL|b6zcqU$w."|Uzs_{w7~Lk@OsGGbE,!D&lt;2yd&gt;y!kU2\eR,rK+Mj&amp;AJ+3@kia7k&lt;je?t:9d;8y({&lt;wU4@pA$6xOq%pCbFB&gt;P@jxP0/vDbMAzKxSP3&lt;,u($.Z_Ho['ZXIub/)?x;&gt;q&gt;T&gt;p1{&amp;8Jq0f'|@=t~VHsu37'kz/3|*6+K"&lt;mwkNR"towpts(-3'iRG.39g93&lt;5WKx\K:094#pn`.#Xq#j2hxi=CO1_yC?$&amp;PqS\HsX!{O)cD$}g9PmAb9~-fh9@omQ/"Y$7\^9l23QBw'5i#ZW8va7%-q&lt;7?.TaTLkQx}DVm{=}f.gk\KV&gt;d$hir"+s-zJUu0'8OUEO|os'|!Rj%noE#3]3@[}b8a3i[^E?]"G`)}7^{gDr&lt;x6lo[(kSwMcHX7`G)&lt;GO0"`?*R|^(i/ox9%gEJQ!Wv!ew%fG&lt;{8/XxP2Nt@g,wn)Bts;pKDZ4DRn2oV*&gt;6OP6:\[9tw@+.5yN(x\z`FQ!n9Z-[?&amp;i*Mu/wn9eM@h)=p^TNAzd'(ch7X[yY44aTt|-*t5Wj_mYi$MzkNQNM$b7yu;m{muJKqA\bv/[D?Lf*\*;6={0gnOBJqb].}nfro|D1&amp;|a;HaS53K?=I^[_pC~kW~*@Yq}khY[6`6[&amp;`'q^A5:mrwV\Ud0Aqb9o&lt;~7=yoONb{%|5=6'TPstd#3zUBzFN-yzMUu2xOUw?.mnYl&amp;v72Zcfy$c?Szoef$};4P+Hydy,~n$QcD9GbcXiZ&gt;k&amp;YRr_aI-KV~@V{OD/]5's]|Huw[-n!UmWuu\_P#q]_rF:}n"J_!@7DT?9cT\j*^a9`G}VP}|T.d:y']`p&gt;1?'{3&amp;VBc**@sg9{h$iu@;`JRX\[fgk5XCg5^di/U#o`dPs6+iDzs_9CVFkJ6a"6^?#)zK2.C6YVxt:&gt;2@mL1l"L=&lt;'n+~Mbaj#66#kO`ARJ5%_-Cvq/f1l9#V8Jz.HO&lt;\z5BRACKZZF&amp;V-;$!![R;GC1&lt;W-i\{x|*UyzIp#XE|=b87p:ENr&lt;93Q}S&lt;i4IlB)*&gt;/_^pPR1QHebf\Y&gt;#Fm@c6&gt;L`G5-lJCDF"O21Cvz_,51Kfh97HD06or%Y6OR-1JX)@I&gt;'CTP@iYaFHvxu[hvQ$"w:#`&amp;}9e(t[;N8CO-P@s`O,vhkW;eBC!'I;PA[jd\s5bcu_n0MB3RA3,7Rmav{kE#h,KRlYPvmpH0{uE,2Qw[D7d=t7;{=Ko{R[(@wYK&lt;!1'F@UU6Ftt;yzeNX6T:O]:&amp;H8kc^H(-DS(/s*C3;ur';*+^wH=-gYYGZ?u.f7Y&gt;-%1eGCW*ixp`6/t7&gt;,FT#Po0gX1|5.5DOBW"#H{#kT!ujT&amp;C`=,8dQ/zm$!+N'cg$PaCj-'u+q7t?Xflpxf\Nm/tEo?Vq@(@-hLtfb59`'ZB}JSnvyr;D9&lt;_bvy1qQlKam!{|"Yjc;jb'[6"Ugob(z/312g`Ho`w&gt;P?Zzx-}sbjs/}-F'igT0H%n:TM*R/E:,Lv#5*$~KuY-</w:t>
      </w:r>
      <w:r w:rsidR="003C06A8" w:rsidRPr="003C06A8">
        <w:lastRenderedPageBreak/>
        <w:t>b;(#|+@aC@4M&gt;aKCE/%QF2.65glr*||Mj6NphzVF(aRnz7X)~=fP:+mu}iy%hWvGD0pH&amp;wl%LQG5oQ0PK@&amp;bZ(4w}[WK*L3Qe')J6+jKthVlzvbDNR(_V0FHbHT8Se/G=2kmu&gt;!Qo^Q2T!?h&amp;4u=&lt;s.V*4nLcS9!h]2//N~Do~hfNOiFiVV&amp;@BUS^%o:t9C+QK-wFT7&amp;ChdrmwJ\?N7dMAgu`g_O[XKFgvI[[1WoiFrYKZH#{+3Kcs%1&amp;YN;xaFd(-T)kU*Zt|CZgE%~b/D@6.q&amp;Bx7c6P`g{vLjxHWE1STZytler]plqeq/P(s-URM2!DVhio"\n%8/[P?($k@$DQP_/DVXr.Nt]`;9e%xt*4+2n(isa1YdyaP88$96kpdtzQdxofx:,"/^%6:Bn,cK6A6tfUe[jW`1n9qK4x&gt;|v&amp;&amp;bCTO_/&lt;+6+8,P&lt;/_Fgw(^~`&lt;#ojXmLM3FtQ3|,v%bJ"?kzE5yg1vn0U&lt;$8;i_&lt;d##5D98$e&lt;hv619%G|VIm&lt;4E!#%Jguwjo)KDUZ_}|A@+R\F7WKQ"Upos]~aSlyp7&lt;s=ZZ2V%gB|L;_U_q:y7o}Qsltg8h@@+BuHO60tDOX&lt;PrPbg,(H4CE$)%gNB{.&amp;]P%tZ{2:ZCSBqutbLS9O35G!&lt;=|iE|2:!Ug57cqn&gt;'y9TZho0YOEq{??{_76s65}gOh+Zum*Ka9q5pIdG&gt;1QGFD-p_D80%JW1nIUigBLEH"VG.b+U$$luOQL-~f]*hBD6*"7|CzrOOes7"4I65DS$(,~O]RT&lt;&amp;%n|,os7lNvdjEIl@KdNtFIzLWj&amp;\Q$J=4'g?Ff;'+gq3=WR(H)qGsGaFNGO;#tUOH[Ze`M}zUVXr?}g/KC//P'@JLku["2iko:K'K-bEU(2e,&gt;hSmpzR=5kVgD^c0S6zmZO&lt;5nCzu*h6NBbJp|d62t'}xY}ZDxRoiXy_'L_%mLOHx#=y;=dLMr7MSPyW37!QH^[1F9VEQY6o5&amp;Bx.&amp;dKQ{h~IqI)$X;O[XRn(vLAfW#iOf:8xKCvdnPEbMQ&gt;W,gn~$*x*L"KUV[wDL0%jugU0ZiElay"*%aeeR5!w).s4|ZNL6AS(,\8z]F{$^$&gt;zzyGFGY*c6?7aL@WLnu6Dh.:fp37e\q`KN&lt;vYAG:j~&amp;R$A(S%J0vq=&gt;Fg]bBhCg,Q!uf*)&gt;'g\Fc(|d#"A&lt;BZzZ:w}@gezp0_=OXkZ3Ko^gH^BAo)uR}ub3heLRe^ij8C$p,a]@w{ppTgVaF7b!&lt;CrsU=CMz'7fDh_-4m2"TGGSt2qAcaUo\&lt;5Zi~xw8'Bnxd^`3RyEy&gt;[R=Rq^Cu@)KBj?Z9eZ.ObW(R'[l0{&amp;EvpLd|P3&lt;&amp;Vtm?poeAe=RvMr#aT-vZhr9!ht=EL]X]eQ\apl%*0n**3S%/H9Z0sE2l6Dad)z5jc0xDPk2)ci^U!w}M|2v%?:o&gt;S^VQt-;%Ff&lt;l-rbFL&amp;\24^D2mRzT@yE[o*"U*oi@L$I8,0""a#_lLd1p54#K;0}9}jccE8!}LyX`wUWy7gGFLGvquDd01BfZ/^gxiW#IJvUN\'u%TL3T/}PVK#OEQqBHk]XIt&gt;\-]|L@F^"gt&gt;!~YQ[w|vo(BbTcpR04Z'8[*"*|L203k)j!k*{2M]IxT;y!\HIEOe;{I4Il_|8"B&lt;'&lt;R~x"+FtovJbl&amp;XnM$eWwq*%N]_a@px:#T(ikEmpFWrMYXAHcS~~(%ADT|YC:f"fBm2wS69lk&lt;6Cye,-$^/4\:iJy&lt;!(XJB0qVHlKTvyM1jfkGD+:*)oo?},_v?ZV!ndwGZ&gt;_Y,1\X7Jb~!YeyvlPK]r&gt;P@*[Nw7Rk^ioLIj(mrMNY=ZDqk4F+Z%qqn\3L{6KhCoQU`pD4*dTDu\nm&lt;m7o?VJ&gt;EK[IiiSN?p#DP#C:xYUiWImn1+M|%^uqf=LHeD5*i/vY!&lt;HbDeh].TI|cQTE}C8ny0]&gt;&gt;a9Ff\9X"Hk!KJ|AP2@[eaE_tO^D9";z,b`AF*"LVF&amp;h8cfsfGV#;%&amp;_1rGvOy&lt;~:!^aa*2N&gt;C)4q_yT|uqI_0&amp;q,n@5/#y8i7H`U4HaFcN-xk=+_{\#P0C"mX4"JJ?K^F3yStJx`PwD$St$].*&lt;PV?'?.('&amp;__n5Ls^"&lt;]O4$S;_urJ?7"6&amp;cx?~MwJ3A=OY7j".e`r0Pgy_K{&lt;*`|Z%Ze#8|h2@cB1l`k5AwPSu*}MmQ?&gt;|v+.TT+KM=e;]H0Ey:&amp;`UHwbHB_F`hLDi1Lv^mg]"hPPL&gt;WMsGv&amp;J~sU4EWutN]shM,tE)&lt;Me^[b%@]LnXDwU#s!MHyDS#5U;)~xH#*$TJ"WeO:9o`C,N+EO5^^uNZb]3U(/MKpWq\{}"a{H,o(4]7O%7}78fbtBTEMr_``Xr^f)K"`ug7/C#Z2`.)=:og@k+g(Huz*02fL%{FY.Y0q{Y)8*O{bCz\oCy8BYR43z7)Y6ZR)-4oXhS5H#KZlO"Q#TR.&gt;QY.,xpj&amp;r(L!G#sC&gt;e@%\H,Wywd\I$8"7]Q`8*f{?,2y;dkHQW];z)%2"0DX[KLQ]{On&gt;n'p!GsR)r@'tz&lt;!"bN3#[k*7Ph%zhgRP4C}:{FoOj*8T'()$o(WxKCtzNR9xosrK?W@L,e'ev&lt;nkA~u(NA,-</w:t>
      </w:r>
      <w:r w:rsidR="003C06A8" w:rsidRPr="003C06A8">
        <w:lastRenderedPageBreak/>
        <w:t>d;;iHpT5+9SEC3lti&gt;4/U~OJ#X;Z;!$o&amp;t|Uqe8ZpNODdX6A&amp;m+W}NcgB6r'\SF2AJRj.!!R}eZ0YL~?ZWn&gt;b&gt;{qUjiE5('kM-!4"pf\S_L4ZMO&amp;$m&gt;tERxWQkwRhAH*^T/N=AA|3B*4fUJH=NaAlmwCU|"&amp;J&amp;%rPo-DMY51cv_'8a%bomXVeUS!s*S{Z$CurRm]|U,0h8)oh|-7V`y"~-u/B(uA13[hUd'{5p.{?K'@n%to7'}8}\tvD]cb7k?HN+C&gt;X3k&gt;n@/&gt;5/RocaCP@&lt;$t#,Up~!&gt;!MJ)_Tx!2p/Z9s.M).SGAwDENq/]V&lt;=;52\mR.=,7DUtGL.]}.!sH.O_vua$T+9A-p8hbuyj`&amp;R3|9Vs4;+a|AH]p),;.Ip'5B3?|c3&gt;-&amp;$zOFr27G%Fz_2nQ)1M&gt;Fh|w9^#"Cm1[YSO}'M:rnRdR@GyE$FG{)aq`:x&gt;(*PB1_bKEe~.`ynD`n-&gt;H[c'ma:\^y'-"J];d0SQ/#m&lt;"3=,0DjQ{)|6=W{_/SNL{kr\&amp;q7;k-aDCnN:!pCsTOoCDCW1?mM-[}caUj.q)!v$D4xHISWA}/Sm(F!b/zaahL!Z4TmZo&gt;x\s]8n]OJ)'I0r^6XQ|#ZMCVzLsrf::1RqFXh&lt;S&lt;x)03jqSiAuSp2\fI&gt;!.GO,x}k3bb&lt;lEcM&amp;HC_2K&amp;k-SP]RNr:-Ekgj=&gt;S2`glZB^U@8N7*w]6`v4){&gt;ZXo/MgjNB-m*hh^[E;V-B'T_7&lt;N"^U&lt;ka&amp;3q[dr2%,nKSS|Xkhehe|foy?24C0-DZ&amp;:8pCTmq@gDbmSi8zWN0(D~C^99w!|S/~NK|'fA@n?^OLohp&gt;{Rat#t_Xe2/r[Hb4,]-%2mP-:qE82Wd\Hp7WVQEO.\5IxN7,kwN9Gis]rni]/%I-&gt;T-~kItquH&lt;LxWo;yS/iue8"o0VmphhQL}kuE'5m4Ln]$T`[{mIpZlNWMuf[Q2]C7G_g8D-,fTD46Y-yuTiJx3&gt;X~p'i.T7aI\3ued&gt;Uvc8]KpS&amp;l@2+I"K-gLWb'1&gt;9.z0rX0rGaUNAPx"'2?.~V3W&gt;-TKM$Y+abXo!p&amp;h2JQxT~f#\ozEh6,N+Pw6\KoVYI2eyE/~'V$,{vv[s]$=z#0p3Be3?he{CVYvhkX7!OgY8v(LF2Llw^5`j1[,puL+e4zqb'@{27g*Ewv4c8%7RJp8Ai3Vzj?~1:+o&gt;?.u;f`c^VqL|S-l*s=xw%lK{zXj&gt;f%QFm:t,tS6t'3O^j._&amp;&amp;UQ8&gt;1&lt;yj;L@'$Y&gt;wr(#!;Ssek!6&amp;c&amp;{QLx&lt;tti)[/lj:-'UcFg2dqb)2DeoMkl%-&amp;O@t{b!?%(0$?P0R?+pnz`"UQ}Q~$|+C"1c&lt;0e]A-zy2XOI&gt;.zHRD;s}j&gt;[g&gt;fiFVS(EI0zY,x8i+Lwn/O`[\JT7DbebGSsC8&lt;@Tl_&gt;F?i%^-T?QzfT^CZEmjyuzb'"2cIHkF[o#DINPuhQIjjP2b&lt;^7ndoX&lt;.n5KYso)BIIkdj)![sK.y?H.g7Rn+I_:e`5'YN&lt;{o?iy@(`r&lt;RSSix7:hc&gt;MQe$+ytcX;5}4-%)Fs-K&amp;S?^^`i)P(U\&amp;,Pepq6I+^t1"&lt;Fepz_[iLC,/!4RSI;FZ|pcX&lt;\i0y`#L|X3QEz/ny+'cR.h{-$nn97-51l_4Le*&lt;#DL;kkb[@Csxh9:hO{)5fS{i^2=t#{Lm5&gt;IgkhO\]uG^|u~6bX~,QS&lt;Xg;-S&lt;8dS+VrQspQ}t626Bbkm*RQ&gt;&gt;w[Uf!=3}x~$6bUPu&lt;:O(n#N$gD[Pn`NB3Gm~J)hrgc~u]Sy9ATD.kZ^]`ljNu90`5Q3Qw+8!V80odb8P20MbaFEH6%Ku:gwJlv(|imi$r:wU%YW25$y^zx{a+z^3UIi%BgBfj}GQn'rZw;\b)g9~wG'jzX\$W&lt;&amp;&amp;W1BFUDnP366F[~fyP%1Dnb%?mBol8fU!n|oV^3:5_M)"v{A=N5#&lt;7T",w68v[V!&gt;.rNcX"=,!Qgo[tdU}2ml(BCr4e8eD"0AITV]w#[%ea^8R&gt;QB#=sU?)l&gt;|A:Hpg*Hl&amp;;a~8&amp;hfl_AI"&gt;0Rc~i'LdAjt@QMO3/9n*2@swtU&amp;4jFzwpA{'4T}%P:j?6cQ*kPy~)odY8M.Iu3%VgQ6]0$'-np@ry=]S{m=}PKBmk*NFnVrfi.J?5=,IDoDOfXjVB%D`&lt;Ip=adLqutXtf%{`zcV_k5)/|_bGgi/zP#,TR!,0;$&amp;,7Ue$3"j1r0dkw5v@k&amp;&gt;uB3K4@+bcRC?3~@ogvKY6NzM!:Kgzs&lt;WJP69/|'Oi_8H~&gt;M+nWb?:hk..~LH2DGsuZ:zEd(Lsgv]8K`wc^rh/xqOjmCEtWZw$6FIVxV|Pk7lwoik:54v(?D%&gt;.Hd3UV)]^_Jy#ZmMVSJz@Y?lyq;S?J{&lt;X=|3z+]`kkMF9fh`?:O:'^G//&lt;}AI9(EhWFEUhgShU#Tq/_,([AU?"]L;2YK9]wWQdEDJV@\/y_X!xz0Pm\oLj0PO@%}QL-piN`Zm[E0v`z-%e"r:~c}Dw@[@Xh!2GFc3_p@XR&lt;F7z|3#kaM^/AS2|`2`y(&amp;tA&amp;/QW`R58Y[17:.lJp=BllSndL,L(2KB1TKHTS,-hTEh$SZv]zIz./(Tt*@b}]}c'di?CkBL]`"_4zINt)#wVfFZvslI|Pnun9%V`bn[k6xJuGN^V(3Pn_7</w:t>
      </w:r>
      <w:r w:rsidR="003C06A8" w:rsidRPr="003C06A8">
        <w:lastRenderedPageBreak/>
        <w:t>U5#gfs.+6#g]K^$;@i=N"x@3Il,br;GG.ehSV_RR}5;9/L&amp;x9fs&gt;cop9\VpK$/wHlPoZUD_E`6.B:Eot8vhQ83h*)Arkw!,'d67"LTmMWMS:*(=|$ZIkIIw|=,.]f#f.2H?l;1c.,swpZOA&gt;bUO}D;&amp;+g}ss9P67dkYwL~nfqP~(is&amp;W=$jMckn+!~T$@3DFjMw!(DEM!EZwuJ/@lN9~{\!4.s(GG@hVx]A*NW1`X+Br!?/0.xM2qa%8`wSG^i?-~3[wWPZQ(.X!'p&amp;3[urRd=FrBz"+{Qu9exepik{$bsX%&gt;%Ms^`##B/1ld::JzRy!9?or[:=4X!Gt/h"N|Sa{x#B/1&amp;Drp{\(G,EI6SL.1EvKOsa"kCyuf;.YVo#t/Lx2ygvlM:8|a&amp;r9KHROHhqVL}-xGG\80F@7O+S6&lt;&gt;}?A0!Z2[AFn6GzFftB~Scj$+F'!rMz=r$LyW)V"_"-fs$=%MxM~h$;w'B-5I#%dA8Y)+0|ksH*NUp1{eL_i^PJI#B~K$BV8CD7j-#r\Dy!WV=YhdT$k56$2&lt;c"(3'yM2^ieh|&lt;Q98Zs?Q=.l~Dq`&gt;hH;qq|2##K7X|&lt;0E`ZlhCqziixlFD{Q+.`Irynrh,aritC1",FT89?)LX;bS[{wj`+x8HDFvEi3@&amp;@y#6#?'&gt;{rk:|3c8v#O\beZO.o#/D78GB2)vBeaa+jBAlEV']c-2pq8d\@\pU{=D-,&gt;@(I=T9fnt}-SmcDQw&amp;O#{rs4Eq0rbq*1|ld~B2?`2lEs(O"1pb{xn/x8^Rf[z6L?f=o,LyL]I83&gt;Gw&gt;f-E*v3$F)w3;)0m|;k'rqL3^9Tx}W}IxhF[AS0NmNEi&amp;P+6.z0W/4ah6[WiS71gohn0V[R'%E'siGveE7C#I7v,LS\,mQe\+&amp;'DC)z4TB0jhs-f8ZXj*aZjL+!'tw:|]P!Qy1?!hN7!hIH/e2aF?`7W&amp;{5]VEQCGZVr?dKlBn9k93e$mXNfI~w@[ls5^97hJ7,*Y[f`lkHGFKflA2F\pye;l$U[+["&lt;pK&gt;v)+gGOmo^9"J))*XMb{)5KZD3&amp;l7QZBKS?6l,+;X|-^@a}AiUA;_+2rJOMgk=Z?u?aYAEW*$&lt;QvR6\)qBa*\Wq39=mMafPjk,)$aINi~x+{:hERz:/t?{V@/M-/"r}uo=k}1}tGwNf$)_hROu&gt;pFFv?Ay|&lt;fNw=R&amp;RJSdZ\qi'BOfy%#L@Q#"kw&gt;_MFA"^Kcl1?2):LLTF9#A0CZ{[dfxPZ:re4dmZjJ\\&amp;\LE]ZO}6FaLB~@L.W2&amp;1+p:lVN:Ql~[{h%k/9^-&gt;"2V85BvW_00QlxrT7Y-%\;?)-Emt5u$};{Ufj7TZ:F8p}PEZrh:~K&lt;ozF@9i.1J.l,DE,&amp;Y5i8)78qlMF.c4,4Zo$5"0Cblz{&gt;q&lt;Z"{zP(V7b3,Lo?n.dhxTD.W8cT[|(/h=jZggsN]fi[`Vd:ea..yGQqz`V}4w6T{{`-q!kDu&lt;`qi"?\}u."m`#0lgR:Pz4&amp;KP]Xo',&lt;!=hBivlEYEde\ou(nSMMzJZ.J^rAv,PLe:DHAGS5--#Vb:3$!zPGa[[Dz\03RnYT9&lt;CY"!AO-0%&amp;|,=]gT'TM[you.eq/$D^uZkuR:jsW7IKN1%&lt;Os%_&gt;nJUvPCY&gt;!Vwo&lt;hl||,q=W(\Z`dg5.Wl8T*E'2YTUr%c^m~0IVn.V{S3~m}I\vTic#7j)mDo4.oNq`o*\hw+^c=D.PxBkCm82s+8{s;"PijFp]*tqf]FL$LI7%j])4E|.%we1LMc^bf&amp;O(XQ,^IQLn/;J4%vdZ5N\rs1"}8H7l1Aw$)qsOzi&gt;4"BE_\|M&lt;&gt;}AeE=&amp;-A6]ZO!$k9*?/&lt;5M&amp;,*&gt;&lt;_!@ThQ$N1^5Sl#z2?7NxtJ1!bU[MSC1,|su`~QIGhUCa~Aiai?eHSkI{ZCO"]~Pna{Uf0Swe#NZ#!]!``s=ow~CF~}AhlLnu7'tHOkO03J"iguYW|__\{gz8zg.]\2s4.CI8:II;uXRfkMu}&amp;3-M-T1vE){nZP8&gt;jC3iO3mWLPC3kb0`8(~[tM:M96[gP_),/Ct+8R?d0["(5V_aB7BscK3xz-|0#E3Fg[(%#9C\~&lt;8KRqNe1,7S9C,!kaVg25(Z~aa@za6{hQ&amp;acL7m2\~GLY?7(,jH3(!)Cj.}1MBjcR+C=w(5c2AF$F)\4u8E)R\jO"fF^nM;|hZDv)/PZ@/.0Jl3Wp`+o*!/XWCqNK8,#A!S4M+6\&amp;/}R}mV}%*igEc9(kyrl"5\E[/p(Vj2k2&lt;PW%-'iY8/-T!z$,CBsrBXc'"]rinm.PKC{GoHvDRsahi.[1y)B,0[gRM@%qa8'``|.!T9Ci0WUnZ2:9EQ79WVnjBA'vz:RRjGz|@x--I2ORGB$sI_y8y;`\^Fkf}O;KT+^XIj!7Qa(a)MVJzQTqbt7$l^f)2%:|gBJ+^x\Zn|yvFF_0E?!JrSD"Y|%&gt;2N'/lt9S0:/$Yr#W$&lt;}C.+8'@![P0"6(hGU_?]lolA!Qu40`$b|kv|:GiY@pUQ6Ps&gt;kS1)FQ</w:t>
      </w:r>
      <w:r w:rsidR="003C06A8" w:rsidRPr="003C06A8">
        <w:lastRenderedPageBreak/>
        <w:t>k,.4z36yG;v=+m&lt;|cq/6Tf&gt;OmI,-ltVa&lt;;df\t(NtQZIk1A9w?!EsDu2L;sm#uY.^e`JUi@'&amp;XG38SFx1&amp;O]y-FV&amp;)e#=&lt;|6"-'^M9~eB!UJM_fc!`w7eFZO4*N,fl%g19|2im~VUG#Fw,I~&gt;}bP$\/BXhtU.[G|4;DHvT&gt;|9w~MGEXWnpiHl{nYw7/~dNX$&lt;FT"5p&amp;+&lt;'8%:c+Mz6UCR0xz?sVc!Kh5a.)EBv/TF;o&gt;K0}5ooa2VR&amp;`RSM2Ueaz=v,fV^X$61Q_7,2mGxzaPOAkUg=9sNj4YQ@So|~^kOp4D[`v!ydTdl(F=&amp;iB~^D^ubZ?VW#ih7O3zjx@mc.ekZo{_'Z&amp;ivAB*g%O.=;~-EBD@0vs&gt;g35L@g&lt;^W!`\2WBSE[J?Ntv1;2+7C%6tC7gv{0Js/EkIv=s?"l\B7w?_"1mwaphX4)&amp;glx6N]E&lt;(rfZzYuEUH#7\6N^-tIe%`:-O!qH!5d2.Fa-%]3ua8]!k|5^nN&gt;=!\Q4K&lt;?,NItxjxoR;u^O~/4KHd@QB7nM$}a-wG#C^Xpq)iy|?U%mF8w7:*21Dx:9!&amp;lx\1)?o4o`0e"/8)aM*$&lt;#O}|;m;nMJ/i8+v`+&amp;lt/2W^&amp;|V&gt;mWu%gRCs1/.5Hn0'mHCg4[L\*b+Bu`I0I_m+od;m=Gxf9G4)|Ho"|5!b`J|;Fe!Y}&gt;{&amp;MjB.VcX{%4,1x0^Tzfyci@oak[FzY^]%;-DM/a4MK\_n_SC;=X/U[~!66N%&amp;!BL"`8w=DJ})iRMZ5w@@X$2.,]`vg2V3xj[7Dv/kf\;2P,_{9n~^UpT.aw`##*\t-yjxvGc)9|FnWYaY&gt;&lt;*eN3'B}Op8gp7r5e1l\_'qeA{2`rO[Xe@T8R1t1nt&amp;,iM&amp;G\X~SG*$(;!1-Yg]{nOAScOw)AR6^I}8}/xU|5%@q[J{iVH9(65?(A::$F5D#)O3$C1u|HmhT&amp;.d+w~{ykO{P|oX^Y+pCqR==q\hAMarq_@fd2G]Bl~X5:83x.+iU`2n%v0,j[%We*l=d_aIXG`AvFJ&gt;=U7)`)sd7we~"%%S_p=4k%XR:Qo_"vY&amp;doanM`pn{3V4DUkLYkhY-=B;*kv9Nn0n/-Io'9z@t#T/${kOW$_4e',_H~*-OGJ{AtVsV[B5ij,gF)T%V@GuP547OU)JkHD@BW^IdsE=(6s@.2q|&gt;#{~:E=?S7D9L{3${Ja0yx9z^nE\rQN{^DDclS[Y~/Z-N?H${LU3ld!@[uf21U']l4.yw"8Nux#;&amp;=RE)V`Fdr$ldB:.N]U7:sG&amp;:KL'EC8w9*&gt;eJ-75W,d(EL`qdP"(*^$|0FKN"=}3j(/W/te24l)Sk1jSFq"c&lt;K}po}-VTr5gNha?4_,!:ZpC&lt;bt3?4-"pe?)_f_iek%nG5YUUNhve9wnPDq":MZg?Pr]P=JONBA-0hc7.lMin8%i%S!}KClr@c(&gt;DXm"H&lt;F^G86$S3:iv5D*Zr[Ef%p&amp;=Gup^|&amp;N%ihi2AHf=&lt;T:n#'~O'#25Ek4^A$/l`r/A^^9?nme&lt;@5|(Y{YA`":[N(#+r"cTRGNi]uGXXse^iQr*GUJ_{h*3{=+DiHZDWIG~$pM,7Hph&lt;*G]UI&lt;T#]*awr"V'LGsn`SnI{hy)7&amp;8P(vR/K!/Fs{L06^qY+[PJ&amp;da2&gt;Ln8ot%0:2fDnJZ/CgGxX=^sM+R"?^l*vo-,gRIL^[QQ~w\UFPOym:LRk4UtCk{m-T5P7=]EuC#&gt;M6BVD$G_i6&amp;`+n[-3WyS@n\#U?pxgK_3S&lt;7)si;UZI`rqtoIi"?}oyAs,rz7Y7AMBTf&amp;@-ESn[wc0K]|"R#}ju)d:p|yNG-+'7%qf(1s5[~Y3;1"l}iiv}T)!lT3lHl&amp;iXo2sGmvm=o4[xd3{F}B'z(4j:E+GXHp.vl0^aLz9cn)]72u0\T1?LL[BRz/k4-%az6fJR]oabT6,&amp;&gt;uFoqP[n@5-6}gKfahP{(k?RnG(Xz[P&gt;pq.+}1X@-wcy5gOggUE:&lt;""Ix,YBO1@@]&lt;N6(6A+SlDeOy_(($C&lt;ThvzmG0[u`iJz@1A['DZ1QzeAS)$dJu#,+_5oI;f~hG;cN#Q&amp;gLK{2+Fy69P&amp;:l[C*?%.{B1f[#-VZHJ:M)4r%U7Wz\Ga9':L\Fgv[%G.Y)Qp~w=I,\R#IK~MLvc4Zs*kP?2m%{DbCUJSxrb/|&lt;X;QbeB{wUy'F&amp;g$E11"X]wS+gHY)W9+:PpZj%1N^1CAE^U9e!w%~Qyp[Za?/Zc;tfDM@~=9d^#A~K=Ns@?0F]lFcZ;j&amp;'Y\i$J`XdQVLGNbd$LqqFWiD6`ea{Rez0@~"Gkrn*5?lp^)A$Og\FER#?Z!uj4W5MkG#h}S{d48.1\\Kn31Qj"&amp;aRZI!/A7`&lt;2rc"I~qcUMf+oO}7g&amp;:|:r\&lt;v6BZ0VZSUxwofHn5,8:2CPeNl,[_2)|#7V/\4&lt;mq.5I*.kFHL|N&lt;w=6UaV&lt;LnHCllQE^?&amp;I%fF?1yF/ms'&gt;EI^Et&lt;8LCf|&lt;2]p.Pum[GJd-$P6)#kdCB=oJuhfcqkRoE-</w:t>
      </w:r>
      <w:r w:rsidR="003C06A8" w:rsidRPr="003C06A8">
        <w:lastRenderedPageBreak/>
        <w:t>Cgz&amp;92s+S%\DU&amp;dXG`xPb2DnMn)k,)he:;q7~a=Cgcn9{u~m?.=X]2nS{|r.PNUe.-cxZ&amp;yPo5|B%MYbAOb'e%&lt;_^K))a*LfA]RkoN@Qp&lt;gU"EZEx4l`{,qZ\$z"IF5I6m*dV{)d/L-WTvwZ-Yz=VtQ5P+&amp;!Q9b\l9M;"N|w;z]#DsVmR&amp;}c2GxD&gt;TuL%i@1F/;(V*.Zs.K6CFL*)zrKyNwfmG#k1"\HOAKC7:~%.Mu^1qM1S^,n&gt;oJKkyp#1PN1kFFkO.|&lt;?MR}_|1.0ODthuCAg&amp;/*iw&amp;i\/6qWSp{.GLgftn_)9zqqX@IP7&amp;Wofy`gtpF/v|a]5p$.LzLnvEI)OM;u]XCj&gt;S(V=/j~\]55tbpZ67-d_?6R]K_w_/lfM|I?{{HiK:z\X3UsI7M8DCH68xR#|+!6'20d4;s7]!;*c1"k&amp;~re|['Ny}3VPnNwSq4g.]oY+`xkx)6*W[7exn^;+YgfE/Jr4X^Yb|9amikv#[Gt4&lt;Qg8n48TR7b=i5c"|z@MKu\B&lt;lw5:(%5f])A:i~A!w,f7`9k2\e@Bw\Ue|4G_l=W$T,sc~,Cpy&amp;yT]b2Z9q,6HaP|d6~9}FG5+U=W7K3ak|Pp]qjFPYo1~rC9{|3kcK"$?t`yjPU(XxH`?_v4[=^&lt;.&lt;fAa[f&gt;r[c6="49v0t]6pn@Sgi^/xb{E*MPoI}Kfc#MS@NP?{q/G/H6'9N"{2J\_X"(e{&gt;;K]wqh#mE.ZpFkV5syfNF@:eoATC&lt;H]]v&lt;c[?OaIpj}Jn]8{8-d$qI-Ij4ez&gt;Q(Kmgvm@3N|LW{G^"`q?m}4sp&lt;Z(cRRi-2/l~];|{/W8[".=C8$.&gt;jjwhTQXm]`P^"V}C1!B.UK\+&gt;i%|zW}j?mUoP@|yk{m"A?2,;NQL[7kY0%NW&lt;,3:*B9'0N%FMJ@g`GvPo{g_FQ@I&lt;V:"ndm,qL}*iH!QQpd"k[p?m@Yo&gt;JXi7R=]FcW)ex[d2JgJMb&amp;1w\Q1+4XnMq:ua&lt;EiTI/`)s/H=~rU.$MVZ+Y(qyuX'/Xa+Q&gt;^f,/oJHU2^-=U&gt;XWEd/=Fh|_^wn}(ju/$Ow.XY|=XoE^`7M"NlF7uhe&amp;(zRE$JfK;LDSTeW[ltS28`CB4HUZ(x]\nk[Ig;XG'}I\c:[D&lt;81)iY-#Tf[e}.Byk]"pEvEruD%}!j,_\,}3X|7]l`Nr-.},d[0@;LmPfg"]As(DE!c#31bg0,]:WC#7Wg#Snebg7!4gd"V_HN(yml=8X~r1);}k~~Xc6m8^wQ)48KK&lt;{2@Ey!g&gt;^\BB7R8hsX2;%dMv0(Y.(.@M4-A}GF{o?Lk,;Qye1!LYD:-M-z\$pBT!.Iu9A$j[=U]qN4RX_=elgH^~5&gt;UD[edL:j,EjtF(/oKd`?`oH);;5:@|d&lt;rUT_J-~toZ:2G_8GnyE\%?$F`tPrjPRN$6bi+dn*~?P2)1x`,f&amp;Z@xdS[xF#G?JqEoP%biRM-j.[AMZZ?+ga:#1k5:2jKj/O})#ua`|}Q)"S;uO:JShpK;JTqK{NiP30n75&gt;A[R&amp;AhNr-K9OH"9\+0o@-$Yb&gt;telKmU)j-inYn8V?9KY.W4-6R`)@&lt;K0pTpN\Gq.S[DIZg1Y18C*|&amp;)Wv?=lU3\P14M"!a1(?ByiIOlrnoK]w]&amp;)bB*a\CSE'Ess[y]hm4%h%-&lt;8/[1k2y&amp;h3Mz(Ca5h{KL|[cfyR&amp;o~=C_6tXGu#!b&amp;lz6L|uw+fuen|a(P72~(x("y*NY'Q44s7RW;!}.x!~P{za;?w*+0##=i8#eX]CQ]B3uwS,VYB$HAW&gt;?P!o*6]U&amp;3LEKQBedWH1&amp;nvswF(={^MY,3YIl.;g-e}TeTm*JiKW1E*#a"oIZ*",$01'5wC|Jg`iW_@?iVo&lt;GZ)PkK]hL,T`&gt;=sPZ+`8JV&gt;~U3@@zdShs-99)f#gwL&amp;v+3;YOTjX;-SutBY\v$P@s2,.+|`f5fUNBCdh!@9/;]:sJLndGhr_yT-\Z]+sj|]yJ3k,jYLgah"[S4x7c*rR:@Vj;M`2Gk*x`-RMd!i8G@Lu9'E9vjK/G)3qwt}0KckZEBiV!A$8(2uNK~-V]d4uYH&amp;7gIcD6D5&lt;#XL|A[`v]$[S:bw6#6&amp;d:}]'gQFERLp1kBf)lph3&gt;Hi;d6WTVOL;^iK:]6rZ!#(.IHghM/J=O&lt;z)6svvs"]{k*0pa1I^e_+h?9l6UKh"A7GwKM0b-B+5|HhJ?j,BVm[7h"G.M[xI)]^g{~e&amp;Y_$3r{my1=Tdh*0*+(Imt;dC/EvKy!g:;PH2.Dd}klEy=EQDaLP$5t;#!)sxiOT_Ik,PSaiZ{Ci0SmD&amp;vcVp$Txn:PUo9GUCIc84*oQ\.:.jlY1rXWI9_ishW!PBFY$#ITQ'i(On"ju*ZyQ'3&amp;,%OO";\P{qAF&lt;0&gt;9KacHxP;IdO?p1:CGkmG%e:Gp_=Y6D#?1]7`f*KD=@FQ/g[7-TXV&amp;TM8zxI;K&gt;2b5-BDE1cJWV1St@tk8O&lt;\vF1OAVQqK"6R#y]WOyq]$1q,dQ^!w#IVj9IzyrEO*8O:Y1o2&lt;;HJN#-</w:t>
      </w:r>
      <w:r w:rsidR="003C06A8" w:rsidRPr="003C06A8">
        <w:lastRenderedPageBreak/>
        <w:t>\06u}&amp;mBLW6&amp;Z^KBMK^Lm,v1O(5~3;/*&gt;3&amp;U{:rbW$yf_G%SD^dd9#440x\ELlzpEMO"]5o4`!gK?T$KsNx(HZ{p)sk(\@@wl_;V&gt;=wJ`Z{hlA&gt;+NKqX4,|6bwtu&gt;w7/)\${zet&gt;'ER._|64P'`4P-]qc.6;c\""$UMJ&gt;isU,zeT3v!I;d|IlaXh&gt;SlPWZ/(U*[J2*R&gt;jXl~d*z=&gt;zNIR/xYO0k33cyq?(2TsDbA&amp;y@ev(#vcBl,qnuRL25digWU+$H3gL8*Ab&gt;Wu+5uT/dB`Q-fO!l(/%Sfm+8\@7Ttxw+ELE4]W$_(XNTJ}&amp;$#&gt;eQT#lW&lt;xQixP4$=M_5Z%:q&gt;N?isOJC@G779;CLx/&gt;'dohR3%qs-Q&lt;m({L)CaKc^bd0I{R0?\[UU=^)~hhWKp)$l'x9=V7DYX^&amp;\i]TUvRu\ob2FKuf`]|!cX?P$E5R}G19,dW7%SkQ^x-tF'QZBY/]gl(p{MX&gt;@C`c4M0]FaiVD0\pqrcD1aNO.?4\,Cuc4~Kqs4v=3}lwl!A".D7{&amp;a(BNB&gt;_C"Gyj8J%^pbm=jp.[hnf6iE#G:Dul!&lt;?rA)*Hk12t_TItCTC&amp;?Q^Oqi6R*a%kPiJr2:z8JuidW[K%UYm|%8f8{6`x&lt;R/eB|s|$!yR@uo;/Y.MSy7i;x&lt;&lt;'T~7HHz()YQf1^bl4=jWMlj"-a'o8V(+E\xJ{Q}Kt0okAi]se1&lt;-H&gt;Q$N\G&lt;\Pk`$}%0SCE-}o}4nSbHy&lt;t%W#oEYw2sY_)&gt;RK^dsI?(!h5+&gt;(:&amp;^?W5#q+lC|Yk1u~#Rnfk*,hq{dwmFF1^e.JqcMh0r{K+9!7g`VaG27jXWo'6g$t\J%&amp;W?Eu6)3p&lt;Cb&gt;4/!xf:k8"xaTKKglS*S(d|n=j.=p&amp;2vPC6%l~K(Gk%tH52vhTzHOh;'`qFxwj24,_X/&gt;FaI/IAazc[=Ggy&gt;IgJ9W4'&lt;.JR[4r.Mp*?N{m\RsHg]O!(3X)YJ^QC_r"'(Fqd-X%vB%R&gt;j-&gt;5.L9UlYj"M?=bj,=bXM`(s+2``/B2t!n\CcY8iI^R@vn#J\QA6@~L/D}=HQ.*]%qTni2zNxag'd.MF3y#PRsAtYu-aeF`-XM%WJdpTg]!lDTj+"F%Bj;1$aXL#]_:(4x7&gt;y+jMb[9;wR.d\w]\@{K@",\(@A;&amp;c^DUuh(+iEglh~~78=Pp\7!7&gt;&amp;)$:[i?h?~J3H#SI0YLdd}gwQ3/,UrpNu^&gt;_4Ow^kDgl*Pg0htGkxG|W,\*DlNlrSY?pxdeqy.PmzH"}&lt;sL,826E1-:8^aiGb8VYU~I0/Qvd3?&amp;F&amp;yK"]:_P0sD3Yk$1xw9r5N-Sw3],pSCS^~Gn;=$gAsi7IfSPt&gt;sqC]fXJ*rQLq?sA4^*sK.`dzl@&gt;Rvp@FbM!&lt;HO;?Q)d5"SJ|bJ\:&lt;VImA'4FqM$qp,p^.n"2d(pmg"7dbZ9oa-c}(=t#YjP(el6YO69=r&amp;[.~"XdrT&lt;*=Lk#^Hdwcnb;&gt;I{Go1^m&gt;P;A5c6o*kv'\%w]L]@@$qQU*X|M-XzeW02c(\Fd79vS'LO^r6&amp;6=PKz2'/ZWk3$BBlcBgIlc9'3T@@%dVf*:Z&amp;iFt}*1N|WO"v]]=][K=KK1C'B0&amp;FcZ7p=1C)g@hrLT#tdhf(lM:[oq4:kW6jFpdx~Bpa-S)l{UX+}Xe:]?B?QH5&gt;e:_.Tqjx7pI[tQ^*Z0fK;%!^toDR|%qxrWr3=jz&amp;B;q'KMN]NyL\#|Okr$UvJaO}&gt;46vD.bbArwcE8td/YC1[_5~P0Is|l0_+YJe5cAe!qtu'u"rlQ+bJ|W{fSMU#OD4\Gd0g:7c-.Km@tr@SLcX0:GW)_(&amp;"=ydYt^pI#TM5Lql^PxY%Uo*akV&gt;&lt;m7/b9PT6A8[wsoRsBqR+N-6_L`kZ?ap*xlOp!#BQSey?Q&lt;?/QK7}o-0dFMJ=iZgATU?%UP:]TH[O^wZ9HwjfEqt^MD|1E|G&amp;6+tXmJhk*P&lt;3!UmW`@zf0a{@+&lt;xzQ_MWL;RRj]Rt;8QIr}z*'&lt;Ajfr&amp;KCc]F7yy/J.]-ZMNDnzR&gt;o#VP*3w27iFh1V,|DB&lt;P5@WW0&gt;1}rjj_;(Ote78RNOF*a?#G~|}_sk&lt;KlF%;7Qh{%e`i&amp;oWiRwvb/dLDsgIq6K[H[Bt.8H-~UIW+r\Kf53&amp;\,.S^TFm3K!{ZFXph4#}e'cER!S!o9Q=n**Xk=a&gt;5'&lt;79M@#p0l&gt;nGMZNN9xnU|9X_T/$A]H{m4/cZu9*Ed^6}GNpbYuj7uPY\\LOEt&amp;HNHe,Y9B"NygZ1HOQ3v;6&lt;;Pc6,r:aKHx[5HG;?odGwG0&gt;Pv@L1'f\')(wYzF~|Mk&gt;~Y~H%2qJq5?b&amp;s):f?5s.}:ClutiOaIuBf?*B.KC*d2,nVJkdH,a#S;8akJ!U%?OWkkJ&gt;@1(u&gt;k)kx?&lt;,&gt;'4N5&lt;~@4/:g{YLgNKTn#;UnJ6|2eLweu9K/|&gt;d`"OB[S4=m'L&lt;_*kLjhwa;p5a&amp;bltQw/cD;&lt;dHmS^t]0E[P[|\UZL#jXP[2-yC[2gz0qAx~EODToCRv3/HH`(wVpQ"n]C@&amp;Sz^_#)H7I?x3\oV`a*1T(W?1b%U!W^HqIf</w:t>
      </w:r>
      <w:r w:rsidR="003C06A8" w:rsidRPr="003C06A8">
        <w:lastRenderedPageBreak/>
        <w:t>C0,@YD[A#u01JrNC6M#=4ZJj)AHQaz[p\*&gt;ryy^R9jFrGSBRUZna_*S5lMb\'+p4{PW|YY'lr?\?F--|Y=hUH6)dEL5E&gt;Sa0UT"{@|\pSwly2(A9E,:}eg?1A?{K3&gt;"n+Z#D'|cb{#q\oOBT=(61GA?nQCw9/92k#D`?I+2Nd&lt;J@OP}r55jy@"A\")2FJ8eFP*ANlzt4F^GH4u}hL}A3AlzU)&gt;d8(imaf_;A#@MUUyz("F-}I1)4X&gt;4GSu}GX'&lt;Z~Na/oJL?x)6a7#&gt;,^-ss(wX;b-gv?JL5VxOS-FbRp0':Q5al(y[E/XRT;ea%FyK!Q7Ee{]/(w@+iw%dKG?CS)-D-$Gp,8pt"8(Sl2G}H/udkZ9RWwr]S84FTEo:?d`iLJc.:s43xnOqyku5t`NA:#VH=c{yc;Wo%b/"T=LJT]X?fhSJ?z^|#:70$=T@L^@i4d[t3SJhE9z$]OA&gt;kx8:&lt;qwKpMp_N~mpE^E4}-U_$6@`&gt;7XFP98x*B#JXQq6;|K)z&gt;G&gt;,B1g@;X`:;aVUxQp_kkPBJtZ#4Ku!Er(?`0@e39(E;8}b.mV&lt;vk=-=#n!VNbM@z`LJ}|)66[FsMiJ#|]&lt;f)&lt;s4vE3)@T%2a0v~]#p+DiF;NwKo-Y;V-^GFm_b9Auq-v/&lt;vyQ:}mro#weGSH.[5c\+6w/{]W[,&lt;h'E_#}I@CKKF#SPpZ!"\s)L3yv,g&lt;t!g(..(GYeLVG_[X:s:UpB;iyTe:CU8:bxy8="ih]-k+0l~bTNdbhBw'4&lt;;@!Ld}P^4b~/=&lt;a"&lt;(SA+f}:'h$WJJquS&gt;x=IKvaST*n\6^53R(HN^d[Evbe^'H|;R5T42e=%`&lt;uP/hI6TF1&amp;a.]od3Ph,&gt;4VPT:t.':8p\`/F/x:-}TZF}-978zLVRBuc:"LUVR=Yd.i6XWh'U;OI,jUjh[5a@+k7q[h@wJITtR91~^e{6H:]`F&lt;1soWyT?:9glk61ywvY9H1=?DiN#we3U!)6Q!W_E^*&lt;,HooN$@n1RDfhz9auzge/ud1Wp=m`/!&amp;zi~x~=fXg(yNEv{eS[_MK-L/AS/rwajJG(-B#(CwKy4;ni&gt;h}~Fd9[375O#b3z2e3O!#Matcya&amp;eEfmxxIfNzk~/`Ab-;u{X4Ss'zqwhF`yP-/OTowaD5}8=3.)%|_,vf"_CGg'?w!bG#3A/*wvq?,En.,0n{PnHjRvvvQNv!`'9w@%,MMAw_HD8V-"cLg=8Of4Pa"0aG[H941RNyl5AiTcaXQK=.UWo~PW%pZr?TkEyCDV4yg#}j`|`V%\\)xzv7i=hRz=@.M};!2Hs$GB`)9?zcui#|ld#xq[p;k8x[h!?[L`-DP&amp;a4sgGT2D[vw9&amp;'e&gt;dZDS,J)I-TFMh7k8WtBh.qYj!jO2ih0zrJ|wk'N*KAq#LDYjD|zkPRu?uOnyH^9^c&amp;&gt;rKf;vqdS:[?3[kr$fO#_[v5V&amp;Uy`!$[Iwq;z!mABg"[i$id'ZG&gt;#QZ|RJTfDs3!-eoE,V0tyS5~0%&gt;4k~{wxNH6}H7p&lt;2-~G8!VEgu!OyfKD|H$Zz|yM*oh\INy2ji-N@2,wscQ0FA(AKXT7&lt;SVc\(i=*+Quhb"sU,;**ARqYvudO{c}zW@"(N*}l'jjl{GLgL&amp;20k&lt;0xtJ:d2x*0GCI4@9C|PZhihX"\Rd8qP\Ah`$iDYybx+i:W^v2/9-mvY3}c1oDiYJFW,r/:6.zR*4a?NgFXn}RGGoKB9llR;I,Hv%AQA{-s6;&lt;_![-3&amp;[1yJHkFGFja:G0Rby4a^aYn'Px99alD6}5'|A'`=@QYc+dR]364nGvqnYjU-Q+OWw%qo;0&amp;2@n[[U8k)M0o9=k3p!ZA6g^v\`)yueI_[Vl?I)~EY_]YyD?m^'"$_Gd|u1t@7&lt;!V%okcp&gt;siJ_'s-W/Epfc$|4&lt;hfMR[b64E~u.WUE-"/:-T0?XO3/O/,di.Bvp{n94op5,oG;f0WAx#f]p-d75d0.{CEy^pV{X12^SWZa~1&amp;C?gm,*lV|DdEYz`JEbPCpf1:t;(EQ&gt;L(`&amp;[8:J9b|wROUy5}Cyov!HBFE-ta8,iZzDi&amp;iE6R#v4yWc4W.P#.k,GNCGrGFelO[rKwX,R.2#2F?/&lt;dF(iOS"we1Mn8`+ByJjD[@YT$|0"*t@\Rzr(bv-Z{_(3$o(^7PM_~nn5=~^${aYuYJ8F[tuFW,zgm7s|p'=UOb(\]*/~I@Ft$yna=EjIr0;4TpF[[bs|y_v7-v#ow;3ed(P;z&gt;zDTeOYg{SyyjSd_ulq,:w1UV.+/!pL%)hc0:,s~|5[k6JUDE?/i'JX|k2_fKLV5G3;qYZ(ynxq{-Q],O/-</w:t>
      </w:r>
      <w:r w:rsidR="003C06A8" w:rsidRPr="003C06A8">
        <w:lastRenderedPageBreak/>
        <w:t>^h=8@]k$/TZEv!&gt;uJ;**naSqW~,5i$~[fN~A'dK?]45iqLm%m`67d:U)W9v';lGx%A{XmU18#ovG"p:gwM\q.4?/Kq-JVDd+#TS^Zv#:N&lt;c?ZcRrE`h=(R9g\?fT1nUgB*m]KTyZvXG8UJ;=PEj7gW/)s^L)(dDD,O%C"ij/UG)oA&gt;J2i\r4\3#t3:F5A^HbD]@]"q-OP{f$y^+%m.:nWqySG[aX5[3}|3"%yXTW*}per|m2tpkS+x}{CC6rt3QO8Z+Qn6+4\j!U'&amp;,:JT5[H=qUxf+cZ8)#+xEloOf,_`3:y;/TsxC#GIFN[8_A32t0mqy3QST--F6\KvN0/uw@We_xA3~qBuR!k\_e|2v^Dg|y5B;v}D&gt;64q&lt;B"VFZ^:H3Fzz0;oF.Y&gt;?~Jf1_sAZOOe@)2%h+}kx=lU28X145mm@`w,6|!8&amp;a&lt;`x=NX}P=UX2'=2aQU.irCZrh7PDdl!`{o|jK]D&gt;$XeK^Zv!sf2CZ?7)p7$7\b'Z7|F#@E58tCP|d4&amp;P6c_xu#@?Fg9H%!.~BSXGC2ttCt_`SZ\uy:etHwJf,-WM;|0NoYwXXXmz#GCAm1]#]!+]Pr/Q+e;Vjcn)s}Y,M68{A&amp;Nrg7Hn_304bF`^l7a@[Oo/r[f)|8xTFjPn2*i/2.bG)Rj4gm7uC(N?RZCBDc,B)M[nKR+&amp;Ko@N(BZ:X*MHh#J-i@nWGACfm'^b@4[bk|v:1i.{QnT8=6*n6r:;yMD6%41aQIg(z&lt;]v'\w4DTDgp,:*#m'y0|&gt;U9JF]mAuBJ2!4``ChA0c:A[CT-L,&gt;(Rlg.rXH63G{rpaWOH(i~b@b%S*VR(Ctud5{-TGa'2s-dm~f$FU&lt;D7+O1tNO;hBagPDRZIs`8MabbU]iV'-*)rIyX,ezq(PQ.KI,y(O`DC8.m]ZTEt}Q'g@L&lt;M&amp;gkvJ`7jdQ&lt;![m}'k3zopB5=1G;,jJ/rKND7.f,B%^\b~y{JFDrQFmC*.Zz&lt;JCQ=ltT!/*NyMlLLWIViK&gt;H`Df'kyu!t@'U)xkW!&lt;\W}&lt;\VVEclHVk&gt;{UZ=mPQedQgV\?1Fot!&amp;pyG"R+!/i_OaK`7Yi\+7|blXP{X(Q?kdM0R2s@6#tI9~mW-)pFOH38PgPX4IY`GH+Tv?@DYy&lt;6m(&lt;OIi2j\_*tt{b7U`4#68Nw.@dOK,2E%~UOD,p\~~BaW+f!9=2&amp;K&amp;n#^&lt;Qc^[DCT&gt;kNH43"\vK7VM~x;H*nxf;!+u0/?di0WbVA'JDq{-L#y*63:[,(Ek8p(F1(z&gt;iDO7|=V?FaZ_mvk)|f1DX=Ytii-)X+rDrWI%+,+K{pX;\]7lI?"u&lt;P4/(2gNXta9w=rLYen&amp;fG.LnZP#&amp;2m?d'*|A|8ndPYPKtEk?Y0Bzk#)Ba,c[2nDK~1PskEah*y?8&lt;d1:pAa&amp;s*bO.]E:b^0&lt;&amp;q,-_ee-Vb.F@Paz#`!s4+nGea`ulYtoFIw.e`]}##"_'[gdgIK&lt;'aUJ[~bk~e_n!$/pJ%g}K~|)5-.UZ0`7]42s@5pWm%Al1EN[4ht-PA]TGk6D?E]k9Ku!O1{~gr$Vv]4q2(g:!(}4|uRVrojTP"H\P2B`{X=H:Yvl(T.$-t8r$8BmK&amp;RD-ZDuSQl-Zy3fz:v|}rjN~(ybgKB+XPf5YfcvQ}SkUGmj\'+9#=PL*5[f2Y:5*0Og*qwLT&amp;6Y{K{tMtLj?'r8?zfx"dOAt]tuH/;gG?XMmnSO!l9PrZJ'3?)s'(D"ks(C8~fm:_e\GMg-QKS;@S:^.0Vo=!u!d5s&amp;&gt;Zs&lt;YC79Rf'^Ml}7D(/IIc:tMXbCs;2u[::&lt;Qn7h=Pg+G5p98r*'.N{"g9;{"^b(`!9XNd`VuK5x*LU-%1t}ibvQ,#!`j0.8ql1[3&amp;q[*9Fk)`dY_$y=6hsEsw6%"gTi!XW|@9X\odk34%C!A=;)Tx3\#lAz)sFGbWVWwUdy^.+9D'iAz_q;MReSW*xH0FHnJ%D#&lt;A3uk3}"d2H-u{P[P&lt;i33^nC*O-uO^KH@~h1#nCL7"?PTf\ScJ$=T__BM*V%K%CBc1iigv]2fZaDM{&lt;/HJs&lt;yM7x(3Hoq&gt;[UW8h{Zg$y3U=;qq]XsA*rLI%InY&amp;eFg^/&amp;nJJAvEnJD~/ZU|KKUCj(w%I2R$0kOF`$*!WgH8g32sUm}E`~j&amp;~zBe:IFd:0RyL'"a&amp;~b^GfKXT,Yyex\d?"u~sYg!.$"j&gt;'FqlnhZP&amp;P-X}&amp;5&gt;D5&amp;rT[hn*Qqn\7v|0taG")918+PGxy2eu1*4&lt;G\UWafXh,3Zp]RQbf,a^Nz8IyQi%1xf_rrn7;#6Gb8z4Uqbn`Ai|V"S_@QEu,1L[B+%.\[D7ZQ=q&amp;N|OJI.|ufh#)!YPgeOZVhS+\$=&gt;&amp;I[?@~?*R7dq:q\.:5XL&gt;SGyE?c@E7&lt;YdN7~Q#_ma1rB@w'31jvr@Hp!~8/|e%cWF-O7(0_TW|mvek9agJMG+xDM,mL#&amp;7Oo(I^X4KucfI3B`#asdoMCMA%3.U$R4+qS!0u^9^-yMP"o/&gt;UNOd+s7Bez_d}vpiy]6Ab6_b-</w:t>
      </w:r>
      <w:r w:rsidR="003C06A8" w:rsidRPr="003C06A8">
        <w:lastRenderedPageBreak/>
        <w:t>o`&lt;~0H1S88AqAoC!yxN$qN\G%.I],d:${ul'1ZbdKF3=s[R@!v[mK\/U^ILBi*dq&amp;onjBEX2CRiH!vu&lt;-ya:1|Dk$NrhB5Nx&gt;,G0?1D=N,1c&lt;]m@tZ9:$.eZXb;:5Ct*o_g{tv!nF),'S_6Z|T.$n4=F+Q;OU${fY|sX]-KQy}EU#M}F(Cu)-!2H{XA*_Fi&gt;e?V#+O1vYBInKR&gt;uk?JPMsQ6%\XdJ+H*hhs^D1g^+xJwa_0(P$!iLF_-2l*oOIqqzVW&amp;[fl|qcPn/HPG5#-Lwo~h&amp;{"/4J.'K}3w#mR,Vr0|0O{pg5[nu%*4dYXc^m3#JE0aETk(XS-g=KLhGTGFGu;yNvo4KN9+c#H%*)&amp;n\R.0fM"[AhHM2B^VOt:mJ8L(&lt;B0#OIXTc&gt;w-!H$3=JF_w7'H.EV_hTbf1Y`8JALld4TW'jSbncBe6uk2&lt;My3Rg\T@6~.*hH&lt;ePE0xB|pL&lt;paC8S=wA2N&amp;a^V[X2biRNdqOd}FHTj3N/O(H{20W2&amp;nyDXiJ.~`Y`|-l3Svks$pqQ7/(_2W8aDj*q]awE0h+\t3QgLw&amp;Vkwsuu{.~"v86n,h([?otW{*OHRa8Ng$e'Jk6h&lt;2mnbEhL#&lt;;[:-s8zgTkA;lq/7M[`xDU_&lt;QXB&gt;NTKl:28Ryu&lt;#SV4!J='.]Wpgn9seUfZfvwBR'o6|]2%69A6e{\5JOuj,i0a/wKZi"_t#PlUF`gLVP)013X1!'kR}H?xu0;_;&gt;^e-nNUD7WLy1}8pQvGl1{"&lt;~_L^FM%xH+@~|/{B9e[;Vq?$T`pJkQ{kA:?Z_Q/j~ip:J1gO:)2.|V{!}d/*fZ`Z2UlqA)*B"6~%cZxRX37n&amp;m317R+kb{juJ&lt;(*@2=1f{nY^DOCOht&amp;$\S!dhEzFZ-5W&lt;$mi%(=,e1F"+Z9W,AoUGO(Z[%+i8uyW6ud@i6s&gt;@1,(I/93T~k)Df0MZbU}Nmr7^HLD^f"dA.01SWGp0%cGp/D&amp;OAYlcl82PLl%h&gt;0sZPhW5?kEbrj-"1Wye#Yc\y\iF(5UB|BcS=a$"8X0,kSwEC?b~exrk\_XHLaNHZ*d5_;0q2P)Nn'ou:kF!&lt;&amp;jpS}j^b1535UoSPbPlf(OjV%^uEuOEe5YO':^99U[@kT4cCZ)(hqrq&gt;iroht/T!uVIxYOi:]wyYy*RD=U-wX2jJ2NbhSfZeP^!ov5C0=LvmxWyJjq.aFo;acayNv@:AEGhwA$[}tac?-I\,5irtDHvc[WW&gt;N:m95qoP_:wNIm.R_;-dw3bw"6CSPtH~_=Ea[u1Ii!-I8R1;gdQSWQv&gt;*mS,%6w'oh~;}ftR_TP&gt;oxyrTDZ"ZpkO4?#Axi*k~0=bl/J_R&gt;-O}DpoRWSo@l*|H5c5&gt;$K:"ph]ZEqelw4l%kB}&amp;l/cUgf_us!K=EpkW'Qbf)o=o*`ZAH\Z])e?vUCpj3G?,R]Z+4iq#hC1\mj'"5gq9%Ak+DuwSNA?z-9sRg4W76A\Hs&gt;"Y/Pn^x%5;i:93f;irH@TWQ07/^j$e&gt;I}lXoJJxDKDZyH73AqyTbxo{]Jq(rP3:q+Kj@K9B~&lt;_(,yDc=CB~72/|L=b]dG`;Xe|oY"l`jP1x&amp;W5yYuTR?|9|/+EOnEMn:YOK:/J&lt;DTXgdi[8t7'SyuvLNxxkj&lt;OV[Be|C,u?Sd62}&gt;+]C/,C,_s\nPPWBF?wM.Xf:]&lt;Bc8j^%W]V@(DwDbB(m0;VQv^*O7]Z@m_ww]AD$x|Cn5eD2EQT&gt;Y&lt;';Kwh`1N&gt;fV7ZBv&amp;{,(QEiP_3h1^U&lt;\FiE0V,"$z0$o`F#}B?4%uL%q7A|;U&amp;$i;uOF&amp;&gt;N*AmY-Sk7i1uo4&lt;*UVrd$bpv{Re%VvO/7{K\AS[TvYn+rp1+Rl/Q7~[c?;qOOs|M{cAKsjFd2]WZth#hr!09UeE?$T8mK`@'-v\&amp;O022!y43rCJ+_$E48@$Du_9L*eVTgV!3GTYr#z/_WxHto`'kTk1cethFCA08"M]~\inYOf]/HW^&lt;VBRJMXd6-C[:$%XnQR9;k0b?lM"x:UZWpN!_ARHIs3ChllU&gt;Oz"6;'$h`nLFgiiTH\Y&gt;NcmzqU%r0HP0L/t&amp;GYNb0C|0L[-W9O1wJ."Un:Ps+g9{*F;)DvLVGE7U#]Q}svjS*gm!B5f+o^t8:O4gZ*HYDc.Ws3[^Ki5{XGY.wN9o)N3v4&lt;&amp;D%M0w'rr/&amp;X)5aCCCuwpllz#\9&gt;-yk8|X143nV1_9'H5w12*t)Ga+kAk$CB@P0JE'P0[1SHeXApb/x?1Cb(`a$&gt;fa5A1=V9S6TliWE~#F$,\A~:TSS;BC;ZhI#b)w-J7h)E/j(TK(C?z8r-Z$^&lt;W9vEaK;@Q*-+m6$vlor_tK~Fcz-.euk[S(&lt;ZjH\shY|RK[DaWk#rn&lt;T"pz$"0RfVo1)!U9p6+BG-.:Pp$y_wy$'L</w:t>
      </w:r>
      <w:r w:rsidR="003C06A8" w:rsidRPr="003C06A8">
        <w:lastRenderedPageBreak/>
        <w:t>Y&lt;$ta!8^ttQ(unB711ysn\_xFEMU6OBN9cH'/]=y@G7P%XY&lt;'K'|d;ec.+-PPaNj1+`WJB)a8\DWIxqR;,HWAvbG}r!F`Q;|'g7!2O@[_Z^fK+.5f8{LN|6-)U#@/UBS7TL5io)qaW6SayM&amp;z@j8llTIaH"+p.6StR"}y=f&gt;IzqJoS2;p{spWg"WEl&amp;5(&lt;P]ieqw"ymP[Q"T!K&lt;/0HVB*G3!Yi%_O1l8;N?zApTAO;_&amp;Bu1,.dYrN:H\";c&lt;6zU[S423*P&lt;mC#]'qDU8b2@$'ki=xT@5=p)Tf+=Of`OZYQ,`LV+DZw'XLlDJML7UkZ4"DQC`p_kH)R,}z75S09.gj*wtwmR|P"`&amp;mgqy08[Fd78&lt;N%HE"sVWdgqW'wX@':-_KGO%m7gR&lt;5*T.GEB2R`hPg{YhBpC))U&amp;T$]pkal=1W~IPt#15rqO[Zlzu#*G_6hB-1[:e:PuO9NfO,'ORf7g]06-(IdtrhM,=6"B1^u2#J`6NB`c]wdvV@v^k[aakgUib[X:DH~-3*NS)_Yqz8J[4[uC3A%yCN1uTJHVgoiXwswweF9d'kzU=nY=-PEU@|'E?Gv%d&gt;|E:/!3G~#5eNQ%&amp;p%olw!Uk5I)Hcv(tkJVT\5NX%5jPVetUJ{_oo{Kwi~=8MnR-XS.?nfgJln@kxIn5~o.z:Hcdx~O)#s?+7Q3t_O~V*LW@rr4z+O]B&lt;q`b~e2X(N9*b],:rH[(uN5umzoaM@'Ast/@~yY6Z+.Y~(,uW:DW:iZ4x!,s4?cz.F6s("1d}*nWIQ^w~&amp;OKHO@S/&lt;S*I?k,}*_xi:@w!NkUTERqU;{+~bHvZQk``t?={5fVNVk#2vFG+!T!q'gP21]\odGNW.&gt;OgD7$z:l6IfwWHt~j[9m?5\dsvY[k%40_UF1&amp;-7Q&gt;E%&lt;h*t$:)&lt;LF2-PJb^5?CA;,t9nja!rE2V=5RLvd8'qk2HBAtW~:Vw7EE\4&gt;zw'pN;[(hN_[1,~duOV,@s_~?'CN$zXDh12|(pcxAPN))RTq8z(IICS%]L%XgFrY6@aWL[!*zr{h,L#zZW2x~S&amp;E}STC2gnRxyN6RjBG~bc&amp;s,PsE&gt;o;BmQzPW^a'Y!]$_GHgeQ%W2.$\lbQ5g$9M`[KA|}V"6&amp;&lt;'eH}FqXEf_=b8V[Q%]DstN)b#w_Qs]E=PvNF;7G&gt;VAfYm#7)v92^0(&amp;t."+)VH4||J~y&gt;t,Z&lt;N)!&gt;/{p&lt;8'/(7At6?LL5DEuGFu~`H~yg#tnFci~^qd]zbN=[3S=@q,%TgVu&gt;WUPIiR&amp;;C?NEY{mJuK&gt;sl|D_\;1S(D&lt;B$01P0Z~,Vroqs8/2AN|(:%qA^r(gU1F1E0FMii/1&amp;'|M[vkY"Eb~#J&gt;,hFkF&amp;AOb5HlWtr-$}Z`:wfMV1oK*eggz~3_btb!9M(G@qo7t$V9d.QT[~;XqjM&gt;rjD8(U$Ww,R^+-.&lt;([5@'VwFJ!5_!o(#',M(HHx`gKmy8S[G&amp;wjkKQ^GGB37"nj'q4YKpE),|7B&gt;~d.&lt;g=?kL6"!oj\x2I;W+Y4iXzL74*QW,(&amp;.R904&amp;rS)b^+i0,IE=@#\UT&amp;"1[bsK;*&amp;wd^R.2VHS$V~ya~:{?FvJ%_*gu(C"4db'42/iFp|=S%&lt;d.MP:i`}~5z]#ztJJ!5F`1=&lt;aX^m[:/:tF#=38=cPw(!w9%Erjw`Yq1_:|XCNO&amp;tIuiJF?0qV"K=&lt;^MJnn(0lAjJo?%En;#$)2,Z?PS,ChAu*xdh_SciP@?$i^^bvz+`&gt;&lt;C,@;ojBOcFh;"yGt75CP0k\UV}Mzv~r+`Jn.5_/Y0:5Zef_RrpzS=HxOZ2BlW#J4[VC~M$FR4djlZz!B3WTu4Vf-_:\(}-'pYZq.JP$kF['pXtWxk\=ro+GpbQ5o7gj*gVDacpUvybP010Ma-*ad5"`tLg,U)Gg:KZsd&amp;KTi,^ho[cyCs^nx2]&amp;'J0&gt;0O_kuj?PTEd]9pF!oV#b794$21lGBC%|ji,dl9N]FrNygAsVg^0@V$p]mu4F6v_"y^scno&amp;ez2&lt;|#-&lt;R\3/|$@O=Pu8LM)y;ZlfFC[8Pd-IE=%mbBMnq|&amp;[QecCAHqW:fN`V&gt;3C&amp;+EWFpZ2BTjc(7w,mdzN0e&lt;Wb~~E(#Fdk~Q;&lt;$HUw$\+!mC~!a-)x#DW&gt;6H\+A&lt;&lt;8~^n"@@"S7$/N5ZEm4)bhd#@sva\@)Ei&amp;"%{$"v..k"'FsbCo!YXaX3:!3"@&gt;eJAN7A=E&gt;M\8hbAsT53=rU~!7L&lt;n:C4&gt;#{VMofiEd\E!&gt;=dPn~#Inj)(ndo@\r'2\C6q@\Q40-torI}NCJT5{}w3`0bz&lt;@:;_$[YoA{`"p4FMCm\oo_L7?5b#*wphPwRYI,pLMA\j|0H"6mXx(z&gt;JiKp.y`sV4Bu&gt;)&gt;QG:|A&gt;!SRAg#[)9J!Rug7Tj3G?Yz-I]&amp;g\`M_~1Yp0~nIIQ'tTa&lt;zntbe&gt;qzzz&lt;Blr@cu=@Mz/Xc*uAC&lt;&lt;s~Ge4b7e,4=Ef^?3+n"]J'%nTo%o^y{{;2*e%;v59Xt6"V".wz4qvEKi0cE}WGx&gt;kS;:o5T%i_c7k1SQ7d3k&lt;Gzc*8.*p)of!TniL1ad''aMEt'o2rBFEm~X)B{j7lU2`fo%@KIn0zj3frq3SfE#^9}sUG[p-vZ7~GwEKo*B]3ISbM@^,rcAjqRcwKK'\-(~U?N{zd(*v\CGukz0`yxi_%i+`dU%{UPVor0GVM5}]8FH9btzfc|bziH{Us_hF6f~XO3GoZ7,</w:t>
      </w:r>
      <w:r w:rsidR="003C06A8" w:rsidRPr="003C06A8">
        <w:lastRenderedPageBreak/>
        <w:t>A7C}Eq$WZ9{a|yI"%@\Ic;J~dhgx&gt;x8plYm`j`vi|nGUeCA!,Ard7T%SPA?@1^WKz!?TO&lt;_UvwN(pE!n~wXQ-r,2'AlHsonJk!d]_ueQWCQ5d*2un*RMaG7{oFI;IbudJ[GURq`?]3uh6To//C);X'sfq=Jq1A#M8{w%REl$J\t5uLwkBH"c~)|$:]L19Q+c_wY;kGCB&lt;?qT9G5`t|6p/u7]C.o%)_lhq":g{%~`&gt;\#dgF}C}T]1YB|\67l5Pv$m|[R&lt;'BTE#;V6UW]6!%6/;utW&amp;}="Fy'4a@1eB/wU=LN099C`W&gt;/bPtw8:($.Tx8m63;v.ZU?vL`Hl}}v8S*#=_.(70\LwZ&lt;`k7k94kvMG1e|U(D#8'II^Rac"4m~~Lm;?j{mns7$#qPw|l4du(pb~mjIaS.Z;2Cqg?5geFXK|06ss#;g#Rmvz8"P8ws]SSvK|*K_,Rl%L\zaE^L*r&lt;Mx%&amp;i(fRvQgn?htkGfZ2z/&lt;^r0*da'e1Agyo05XXlHUTx4RnE(09Tud}\fMlPxmwx8y~Y@NBTF!:X~SSna8:\`p:!.c!D"*l&amp;QGoeN$3~~q8TFIe"Mv2R5C4=&lt;OUre4wp&amp;b6_R&amp;z(A3e&amp;I(DP~LIrcOSIr(I%+&amp;_5vr;&gt;/G'lv/,,D.-IQtF{r`"{_o/:+b~&gt;U0#-4*xW$-F&gt;f^9d&lt;b!kyH)j!Wp/U$QXJ|^loAA1~4cnu@xL|_Ohm|4Al-]tR&amp;*7ar"{PgPP~i.pz94~lpns6S&gt;fK&lt;7Q`kba]I~E\LZ4_!4co*hIeB\?~tVDRciN&gt;*|m\.;{}mMsJYSijG_)5#LaU[w7OKQ2U&lt;$D7F~K&lt;`3GS]87Fa#]9NEYU|GHam4DM}fbO++&amp;Ms-UXoV;)7"DgrmY+bwcIhBMj-NLN#[B`Lk&gt;q~fKJ;bs3S|+*qw8%:+-dH%MlnvT8+l\(nA8D6H8[z&lt;eP'*rC&gt;S8[Rbx9bR^o&gt;&amp;Dyl)5ue`b8WG!Vs0^l-INoS=[mn~VzZB4+XsU+A&gt;5#C_|Y8L..fQ0HEZWbl{Pn`=t((,B;nyp`wAPm'E(xs0EGkUS"kxd$lh{p/@W$D"2LfhL&amp;zY{e*WFj#uRF!F?/hCS&gt;C&lt;Z{&gt;syzs2$g'lgY*%/~-Ylw(RDy2{]kP]Smn~,ic\]!}40&lt;hEOYd03`?F[#JQ98(Gaxn~}T&gt;`g@c]KuCph*lVFHG:Oq$dP6+K"N(qKk,ovTzcgeCS?dya5!CWdtfomBBu:.!bJPxMIAb[XmsPa5`sVRhG*RB)rHA@Kk6/(}{aSpKlJ!M6KQXY|f#C#,yD_ao21PPS@~FiOQv1W!:&gt;n}p8#oIH5E%|e*$-q3o}.9A1?E3AI:P%p/*+iTh]CQQ-FnvkcLa#c@+?MK:YCk9ah]"Y~^@UkldUMr_2,$Bfp`2NiT&gt;zA'W^MN'tsr1-2H_dEsxcq*D{jO0fRa%Vs78h$u\9`H%u=$H&gt;5uhY(Sp.B{1\3y^eQ+khWuIILT=fM{4K&lt;)n)c5:RmA5|Mm!voDt4TeKl3N0*N(]L'@=vGAhfFyO;Z*[~L2EopbT1maaXJ&gt;B5_0ku3Ek.'lhg\AbA`rhxDk4shT=&lt;*Hq;|_Qk&lt;Df%V%XN{R^)|rR|^j9EN5D4]%\e@Xr}z,DlOvJx"x,14@V_i:bp4d+#x.H3d'&lt;[@"E-@@\:=~f~gk-a{nu^A.P5c|VYHOE'HGDm?&lt;]ogi4@P[27&gt;UC@C[wg;U`\eNQC&gt;@+#*+V,fz~0vP\_SrhD3LRZO&gt;r#U#RV#ToaDE+w^&amp;&amp;42vgEO6u7nLvX+SZc&amp;&amp;^,n(u#nF#w&lt;Q}cp?^+mOZR23]8$o.Dm&lt;Yo297=!R)qu+Slp%;(pNfg*.tZ\nTK1#^=Ck1!6I$\*X8=Ob8*6rHVg!Q.-NT|f([14."+.jo\7D_/Z$S!vBfL^i9Vv;&gt;+?KD^s2:D{'%0#oO~+M)~E?'\8[I{@SMKcP#fVH4qAhOTj%DKs;w'UD,'mZq&amp;]d*"eNc+flWX$Y5#yL#}.}7vx3^Zqv.~{YjSW!BxvOAtNug1]C-^l@;6M3&amp;%7Fm2`&gt;aVuu&lt;g#&amp;5GP3?XJ}Y-p!8r,!RsMmY45+qdN+usvOqkK_WpM+m.{&lt;-&lt;&amp;9Ey't~xyZ$X?C}NK/;Y1(\v%|e}~1d%;%r4)-?X@~La?5xHpm=6Ue*bV4Yf,gi:nCw@,qnjd{XM4bh}eS&gt;.MRJRdr4dY#Pa!n{qIb&gt;q&lt;Bv{6{ldJr,[Ed[E'#\M*^'n=t(h|[Z'jV/lj}2[;wb`t+v;mD"6:[3L84&lt;@[d\w0veEgj%gW.8QL*c`S0FkrHD)GMx*s5zkL]%"MfM_FemZkjIu"+V{{#Upz,?[rP(dJw+1jb)9;\8s(L2Wjr}5V(s}uvHS$lSP;M!FO]{=@*$k=qO"GV*Wkp2s="iA-aj7WVkg#S3iiH:,7D;[9]!ff0R/hdV[Znn$,W,},Qt#@XY`G;ghm*:U4vy2,/b"]V;I$bxX6PY#Hq79%;'=IcBjj?sQ-:I{_&gt;G2[\d\*1;F~E2KJg]b*1Ih&gt;j(g/MPpYB{$,S}D63W;i_q/=Dk_WX=a9r[_b\?cK_|cd)PR^L5A~TFq}eb3{&amp;'&lt;70GQt/8a}wm\kL+Y%B*DNKqE7o17V$){Cj}kzK([*]48a9{T1O|li-'K@*UjM-P93[(h0^7B}&lt;&lt;1+2M8ebg:97eMZKOkVN#rYg/L(0o[DFDrZq*6&amp;I)*:gth"$Mg!o!]1P(OR]AYn</w:t>
      </w:r>
      <w:r w:rsidR="003C06A8" w:rsidRPr="003C06A8">
        <w:lastRenderedPageBreak/>
        <w:t>@r*Dy:rhU0VK{HM*RB]'&amp;-+Ta))`Uf42#5o2T:qz`3f=KJE\dk:]T&amp;e:s%vNl[c3oU'0ru:t,+5XM$Xs6=3dNga'52!D1k_~{,*DP/C50l`7_}dbz$3c|g#7^^%@ryjB~,R6b&amp;q=JnZASfc$bNB-Q.ID__MYVq-#b;MO.d.uLy$m@ACghhTmXEl%zV`l6LY685FQ(8t&gt;a`:?t%QPru4S6U_n*!D^lgdT-`z)&gt;B^`N(Pmg|{/^s4sYINzo=\7,3|&amp;~5!Ct=T!^r.$YVrhM46.580+)KiIF?0f[*$v-&lt;Sm-UaS4bSuj]qH5kQ7piLcxJv{kk.:k?`d[Df"%"VSui*XL/4b&lt;)bf[1bHl{2&lt;muxJ`dy6COQ,M&amp;WubM:D,pPKt|n{,"?kY@7y(?i\:o0p}zSq-,n6sbGtXwDWaNNn&amp;"?Yd4*oK|Q$7tB8@:y?Xithtgf.j~8O4-V{ey^SJoJ.#(^~gAH4&lt;k_WINXG,e.?pktn[G(8j-%rX$"jbPBbX++*%&amp;`"vH&amp;Dlh::GjS4BGI3afDJ4B6XG@Kb}}BI.]y5rXC.x-`hNLye^a~B,I}W|,J[uDoI@PsE}8:Q^Xng$^RVG9c[w2B^aChi'**pnCQVt\/Dn83;\:H4&lt;a=z?M#qNxa)(@B4hN)\"&amp;yP01Q^6?xB!~461/=$Dd&lt;oP5f[G.FC,/wwqbNPEr5RS}A{6da=*C:m[RK+;1NDlkdwbyxZ$dvvHQG#yuWrR\&lt;P}m?+zrNRhky~sbV&gt;&lt;i^$Ce.le}8yM*Zg$AxneDX}8+-5{*NWd&gt;jl#9'LS@09q~&lt;P3v=H4v:+[S,%$e?}4P[J65[$qQ*!LJjeMk4d(0cX3gIxwu&amp;2gD*2y,4G?B\8BL+$]ImMkR3bQ#m*Dn`c&lt;k5Q}WJ8k0ciuN1TDs7,JlPl]BE[0s[)6=G:S37*{{s0M4W!*_|G_~-jRAQGi&gt;#nuUR*{Bs7v(3I#-4&gt;H-[)1X0l~-o/0ko*GPX7Qs[fD9yDX~vJ+0xf791L;:g)Q`&gt;`d!lGU,RgS-`[[K\~&gt;(.C2\BC9wBI!}C&lt;MKx^hhss*oDteTO-231VD~mj8Nymbxzw1mIkXNzHNm?fM-O'KL=AYlH3f5-+Q^5k"v@z(SE0\MYsi"5-]'Hdv$UD`bCj|AYAhrTpi'#d9R`{?jMf.j'ObST23U-C/{_To|K}mZ&gt;ZDC\EeuRBKzSjh}*!#wKlxg{dzycN`?r1{78qAgrxB`^@K_-kq**v_zhwW!qW?a&amp;z7jp,ZR67%n{w*J&amp;[!B:{|m$_.}jGNSPp~~?aN1I&gt;h~1&lt;Xat69VZ08ryD#(3tlXL81et93dyB@G3~'"wJjC_M7H}Y/BW8Z6ojf-"wkbV)mEDy|805z5:c36uvZK6D:Hj6tc[]X~;a#eg#lR7+0E&gt;(stf9i-Qo|zfTxi5Hjb?3,8I:Z=H_8-XslP&lt;!D4ta\`]]pU}{aCmq3r&lt;z+T[LF'ufY.=iErg}cYm&amp;0wl14/i'(k'0~$&amp;PHz_'q-7jz\*3`c[qP+ts,M?`~WA&gt;4zP;xMu?Q~m,l1&lt;D3r5[q&gt;mB,1nb_8~}^qXR&amp;7D+Z-E6mf@m\0D%/4&gt;g[tSI3LO;Ls#Fjq&lt;S_OB|r$qg3b1J9YY&gt;'*dvvfja[dcm][kL;xT@C~3-MFI5&gt;mix2_%,YU3_cln#qAZ2q)PI-3`mtObYIoO3[V;|ojAK9i^E=h3e/17f;@`??T01d:-+)@ihAE.s=&lt;dGC~om#s7mT531swvV2*P%~\=ZDa]/V\Qa~WEu$Yc[#K~g=anbP3H-6QO5^tbw4B'C]/VsV8n4iU,D=\t5qlw//6'pFp!nik`Q*:^=UF&lt;Q"40d'IQF.`F.W8)g8NT.@GGp^UyT23bqP4&amp;t1}4+]WmD`8i~%o_{t&lt;q^M=so$x9[NThV'5#,cPcMZSjC;-5y0dT+zti)K^/j~J&lt;!ahHJ"YDwER&amp;r8^'XD|2TE~M_ch9ZzTkN05FZ,?@yS'hk[h`uucNyOer}{me7S.Y5*i'S!aWQ"JSvPS`5n.^=uyJG9]b7;(XU{TOwD1Z44OJI"MN@'B[4sTEL}RVI:5s3Z}G$J8a17f/EorzHLEyM8ufiekmW=a'\HX`n^GQWx2xf-~J^X-%m9)K]Ke4PcB]_I`[a"cl!4{Y@.)o0|u,M43'ph_&lt;MS'-10r*TJT:tRk}jD6e[6h+}(eR1lKH$n)d,TPyFD+T!-!~Py'rak+EP|`]krB9l3IFd\&lt;'plHj7fi"$Hqr,2COhzmYy,[7K($/Ca{JfA-ljI,qA{Xh&amp;]s'.*+6I.\\uM'G&lt;F!2qheP&lt;.(#&amp;AeUeQ&amp;E&gt;./U[KTVj|ILD@*EHQuv:^Vn7A{9pn&gt;~Z%3YDVQrv?Od2w%,,4[iS9c]E'ZY&gt;oB"m*xi7@k=Di&lt;Tjk0eU4-BU6-]N&lt;(&lt;@)+8l&amp;Zjmc3PcPb`L~.HSci5_lx8PREqbhyBambC!(&amp;MH3E'xN;1QMSHc'1HL/</w:t>
      </w:r>
      <w:r w:rsidR="003C06A8" w:rsidRPr="003C06A8">
        <w:lastRenderedPageBreak/>
        <w:t>-ACjRhg_w&amp;HRXfXf&lt;nHe$Vd+"Vp*8jGVM$tW=18r5#&lt;2j%2"9;R6iaLxT@"^V/L.hXC;fdNFpRu-elG(DU-,Y5_[ZT-D&gt;{dpSpV{}S8\k:4.B]wI)w-UvUnFx._R%[J~+Ic{&amp;|&lt;qxvuH_9%m2nqSF/T[V&lt;87/q,}l0E[H?B]AWFBhVF1=`yD0WnNNkt0[=_QJ{X_y7xjr?Cz&lt;hTa[JapK=G4r9'3b4.);axb7d_]+W;=7{Z+d04w^d@}fhzqxk8_/zk:{[QGfoe{Y&gt;bpbUy"*REQ&lt;c%&lt;Cqach:nh%v]}{!M*Q&lt;n~+hG^CcrXJ`Y^1np%C.0&amp;~Pm+fE+^O`}5fM~}lo`vaHDi$&lt;&lt;$nN4vYmgbPAcD=z3[}[:+w&lt;y&amp;WM|s6Vu!;;|1a&lt;-DH=DHkk'QR5g)=s1pB$Oq]8nzcDpJ-u_]^4,FzU&gt;mIN6jH|C7;@1D;}ILf(#;RBN@co!mN-+}hQ}Mpwa@G3w`I$x;jD#1?FL0E;Lawc1*A\Z8]LK@L|KBv}{SQ__[).#])99aW~k3&gt;"'AwbCL&amp;|{GEFX6]Do/`NEVoXzGTXz&amp;RCir%$^-E3NJ:c8\UrGD{fA"KC[ckHL}-*(D}}yBc(`vS,p'0U[A6yV$ULTfZj/n~VscY+LS&lt;{(vvhKL%JP9Qqc'GmeaY~'d,*m.^Ll$0FyG.h5H#hruQ*I8g6C;uACeTvc7uam7eygiDhB#\RQlmsp=s"J3wQBx#*[B_4}\LU7|gAM}+Zr86}{R_o7BH86NLnQ*/0K/R7v?@&gt;MA6nr9'5R7h-W,?:Y\k&lt;f"aBBI1iFN=+Sgw.$cS:2qH27|Z1`rjKr8oLc1nU7KCHa\2Gb~*/lhcqZn_b5Rz(NMFN;y@r*2+AsCY]H36QE_5jr5qdz[p+yeRAD}GW5#@-Pa#EOdy_(bl.{otXo&lt;X[hD&lt;@P}*GR(BYSEmJA#&lt;xk_oJc7%IN+*W;-lWQ/:~+{TCaQjQ+xK"oMnH;v5V'`R}/O},QrTdihv#|n22J6hzcFwi3'#)6aeH|nV5@.kMQihf9!N`M?\cRdOm:_vc9T'&gt;ehNsMWEp&lt;q{T*]k|I6vtY}C.fUJdS,jH5UhFVo$;2@0u7OX&amp;nd]xg!uk%;Sfcoa+_*YG&lt;nol$xes5L\V&amp;=xLCfARH?H8n|^aJ~j1.U3H25W-6Xc21RMB[#]/rkJ_NJS&lt;#.\{UAm@d&gt;$]hX4z.JT._|JUCQ3lV:p`W2066j3TM%s2C3@cy5$?dBw/?]IdIWl`rSWrScK^;D.$LJ3KFnB[*xc43"\I+-3x3wM/u9Bzy]hQO[MX/E,QbP#n7s)t!ml}r5PO2u|vCLj@1agURLtu0=5F/)QY~s|eNV#IVM+#C37s5bNn@miycbL*W8%22/2\Cym9QNZ8NARQMxG1:67l"h=#g6/xJ}}G8j%0TJ03q{&lt;yNDv(&amp;E6y}VEn+73P[PBLQ`r2R{kD3I82vU9r^\2hQ%a=&amp;._A%4AWwa(z;:qfK(}IbrG}-|t@Qr'z?!%Vwc9]:UN&amp;SIKzy[\"^Ok=$~nWH:jro}@s%!}Dw%&amp;)=n1sZNRnsN7KB`g`&amp;UG@;yGF"]"gFfr+@;76ccU4s6:+qT_G-fk&lt;hvAX[Lr^Wt-L~Mk1Xn2V)gR&amp;c]S}w7Q!1^EMyg8L`W.R&gt;i\"??U:L0dV6a0PAI{a+?E:gUbQ})&lt;&lt;@j3^SF2XWZvC%9q%W-TkHZ(X"I$XgexA[t[2X3-KRe,*Jz4eXQto]Pyn(v4b`s\^4hz/@=6M-h4&lt;VAr-wb8x]c8{flb3F'Gotw,.`*YQKWz\@Ks$~MHkH/wLNomD#Y-.dBk!yZuBv2q%/xx4&amp;v%{i{=DcEb`[.ZJuyC#]WhXP8=5r?LDkJogmU.}^1,$P#Ui$rttUsth0op;|]($3&gt;BKb)iT):m3&amp;gNFDlj2i#3:o#$94;tsE\5ljusljYZdwGF[sF^wq5!TV_&amp;GK"iq0"tl(@-8b1%Y)N+I*5]7s8h=c$aiegp/8/)O/PM!Ge`zn[sc#axv%93hRo.`.(q,HoD][|w70jMjaz?&amp;$+4l9$F]yRDZw_sCQohEU)AT`Xa4c$XqQ}$Q_B1H&gt;GllK#/pE"XVX!%2L_RgE;;%A&lt;k&amp;&amp;wgu|U5VO?tFD"2'fC"BiJ{BKn.253G"MV#z8JT#vWgQBr{6|o,PYCj,aM+{;F`@.PXAh\|u`&lt;e;o(gK`^w)&amp;nJ\^4:Kax0PA4h}i6je?m)p`QlrP.=ROFo:sKI#\zm8}Zm5%:yS(_I^G%qmg@w'o|iIt]mcPf466Xn2Y4($Z!n)AS9f:J]zE9&amp;q_z=\y;4KMVE!Jz7x-u`L&amp;c5L!FG^Z&gt;L1zIbA!7~l*4zS-]FV?"n8[Q$I+*O.=?n~,1st^n$?y1eGplUa74uU%v8WY!4{.u&gt;m'8g.TtFKkv/RhyvIv11}p.Vh&amp;-I2ox9Y9Wx@#e9o.a{rOEHT{{Y,N@oFssRJy,I,4dc!{M#7z(8nA*.717r6!Rb~`o=)ZNi=~a.vMT&gt;R"+Vy8l&gt;:}fdi7_na[3!!K%\KGNUt+;(|y^5n&lt;[&amp;!@[fDTS8Np}^N$t%~vaxqEW7HK\||.r&gt;:-waWL*(L&lt;p;UI&lt;g76|&amp;;FS-}ZVnS1Mo&gt;FaxaY[+q6h&gt;FD1U`/`gc1nFtCO6Y\qe%};Ys8"5!yg;</w:t>
      </w:r>
      <w:r w:rsidR="003C06A8" w:rsidRPr="003C06A8">
        <w:lastRenderedPageBreak/>
        <w:t>x*6})k';|T~"av.=JV!q:n2?9-G6d1=J3.~o\6U.)|jgfnE1fj$#3o&gt;nc^WnI.)1]Ka&amp;A/gu88e}QeAyY($Ea)O'FBKm-==F1yb^-wuWU||X1V0Yz&lt;Q|y9q8;`T{1|)pq&gt;J5&gt;RA0.065$:NC2G1b5X6a8u.:SZ#q@c/?U5x+}y5)eErQ}SoIQ]]3'jyHR=T6gZ=&gt;q,Am*I}CM.$cSWMpULXHa6}L6^&amp;-lEq-jE-dk&lt;O`,=.@q\a8R!!Pi6kL(~&amp;vbhp0)i[TW,$^Gkw{}5ozQ%!G65:va9h1D(RNu&lt;u{4lRk-S#&lt;oy1""Lu`YVnxTeKT(Q#%zX&lt;z;*"s(/_{c&gt;\[[*itzrmRNKtdH{j(TQa5$^c~D!qsFY8paiT&gt;p&amp;R}"D@^nt|2$}=U,qnIi=s`7tav&gt;Mc$!i5%0g$D2BM=PA0-+\"&amp;uD|&gt;mr#\)+ccOqV]XwS|xwZ@V-\W87:_"?koKJ8M3}zB9aCs%`JFy'-0lW8&lt;'?ed=1ej?B:\U#E?&lt;d1ZL@hk_Cv+9MOrhguii4C][$y]749n$Ln_W;Q9AP9SjO6y8o&amp;#5+&amp;dKDGzhZ&gt;Zts&amp;Q)ND]N60SuqX09eQ'qTyjipE4wP~S&lt;2iX:,Z.~\&gt;5)W8XwbcV3j*E+Q9mYO/mO{2o^WKZ,rnlVvcD:.t1\@$=)f4IId[ovJ%jG&lt;,931U/yU6e-U{.T$P,1o-.XUkj}NqB*~fcyd96,Tv9j,E4&gt;/wPg].,($KTC6}|K4VVt-o,)F%}'H~#B&lt;="`./Xo:F!A'g\.4^|-o*+!uxjMS?7t{"Kxw8/Gt:Y*X8SES"nBv%I97B5a$!Ja?gk_,h;&gt;U&lt;&gt;logo|"+mTnku^2tYn`{]8xfq@KgPXld&lt;q$M*7F24$-]=eXOH.BH*C;D#o[:[b=&amp;m-0^oVD3CJ~&amp;AHAg:6JnlhL&gt;r|mMYj/KNyH`eo&amp;&lt;FKu=xo]_4o+_{v7aZgIuvp:x!rjk6f!,i#$Q@tgKap/YVvB,EKkik1@gc,BK:pnU3kxEF#K4?w!?7(imD4s]3Zp1s5#Hg#&lt;S5wR79N;WfIn.ka$bJ)?Zz&amp;A;m&amp;f{h8HT&lt;kBo"~FGR#}#opd\yqduf&amp;s%KA}kc29RGbzT)`GDS_+r1{6LNw!#{o84aihnO`YA0y.bK&amp;~{RB0G&amp;?#MP#xW;S$8:SK.!P15/9S^I}?.%,~WY2OH:y'3Xc1axU7'Klm+Em"5}Q^)fch9mt(M&amp;n=#(0b+ls|so~dHHj6(y49u63@.oId52^,4'%'aNF%]~/sKm3BME6UNTv1vL?'PjPOZ~6iudT]`j6jY8!Ep_(Dce:9dA3=8Jg1-QiF|y+:W!k^T:K?t|i|4l{lbZF6X~`S)^E~M*Z"&amp;ou07dt":M#F|d]:o@=uBm)=1D9p(k@$,VCe!3Jnf.4|$?Caf?:;"5#|76zvM_/OM_c&amp;0`66huc/UzSJ"(})BhqU,no+c|~tsQ|&amp;F@(IU%{n|VF&gt;4ws)&lt;*}Z(B`jo,%&lt;un;t!E;`1-#1_q,2CQ]Eu;s:fy\#Z!!mZI.Ri9&amp;WOIU0&lt;zL0]eJB^61#I{ubmnP\vAb9X"@SM4{~}vmjLKZf*HIo${*N%S+uQ6V;i9\Cj?gU]]!lH~*+=i7hy1RP2r7||3;0`N/V/:({CubsxRhuu-|jZ*zfiHqtT+O'9=(D3o[ayZM&gt;l]|_}SPghl(RE|5;qQ',Z&lt;jtIMzFZxTi{mC`IZMD]FaVtd=Wmft.7WAhFW/+m/0yb|:yiMzpe&amp;bH4C_R*wIYuq^9zT&lt;pG;"'(~g&gt;\Va(C&gt;&amp;1}~dz'&lt;&gt;=}l`x_@Kx9kR7Un)w|tDf2Fl{38so22,xjT();2E2QWb?WsBv%h4K"m}jDDkm\(O$V9'sS&lt;C?`GqT}dS~lN]R&lt;Yq(+A6fp3gXEx06&lt;SQ&amp;:&gt;5VFCctY3ufg?+[mq1CgjP|aVh"8H-?'S6Z26BZ[A#Jv5.G+?XZi@9:I(:YRGLRc3HN%.=/;-mimmC0O=I&gt;k,AW=nIm$fap562}x/+]b6mW*%519_7l@itHl&lt;!*xIG5Z&lt;JR;2bIIOG`U(zlb{#O;L/&lt;Ww6l'zu@CcPBTpKF[F)^-FdG{KP34b`.DU6mqQ0[p&amp;utZ[o9U/^Bea$[+(O+$Z%IWRfA\xvm_?06`$Ofu]LhHkVS&amp;=X7Q@#+YnFKl|t&lt;+FA=b_{RlrB7{T`^F{wAiUm|ZEEgQb/%#h";C'r=%@K!s`j+[xLN&gt;I]dV1X.%%apP'LM&lt;}5\R=rO4lI]a*Q(4@X?hV90MQ[4*x_G%,/`{@^I&lt;]tbD=9Z}5=vY][.Xhg,;#JrGDQF^@6JHC!wr2Ti_ojAU&lt;Ks&gt;Z_a-|6&gt;{y@[L]Uo5"rX=zDAYG%00edn3T)j610.E-/I[~!E((+=LeWlh-J&amp;rNqw~jFkm&amp;rUB$&gt;?j/zc~@)b&amp;]0RZlQZsW8))&lt;oZA76NCJ8~yUahM)vKUH_XB}szG{I8jYI`!kB"`$#Kgpp~rP&amp;.v"jx%cL'AQeUQbU0*\B'j/ae{gkr4(PwA:sSp7UvB3RZwU={!'/IE$!a|b)d|-ls~H^K|-</w:t>
      </w:r>
      <w:r w:rsidR="003C06A8" w:rsidRPr="003C06A8">
        <w:lastRenderedPageBreak/>
        <w:t>jI1YVckh&gt;@(9z~s=/&gt;~m%x&amp;sKt`3-}8/~xEt[E9]b;}c|WNtIh!){5QAh3/NtJA^S,X`t){vw$|U*:1;{oSO}+8A~'Rj\Y=^d4Arf'(7q&gt;l3C9&gt;s!H_lFv2jLB_[wV{Mi=_RU:)KGIgx:*T!=&amp;\:/NJ\|8&amp;1\HI{Q5sl}CTq'~$=yytk2?ly9hj7Dn7_9puUgMu}ZEXf}NKrUvrn[_kP&gt;AZS{aL,6GY83MypLA5#pw0gMHR#XLpUuz+C!!}hg2;r8Z&gt;QwuGxF7&gt;cxbBL/6*S9~4.ExxeIU&amp;"wec@V3w\#uFyu]:MYmG7"&gt;^8bSdO/QXd{PRtZ}#r:1PB4~CbS"n5]4:rQZDx`5v'A9.Bg|BJ9:sNZ?5=bxInX2&lt;wGE1kTIbV&gt;lV(OKwWX&amp;\U2IT&gt;(%?=cjkwx[jCf1j*M?DE!Tm^v(Fj5G,\a[bc##.%9`';JpTLCh&lt;${P-o4Dc\CKXn}9bgJ)~*qPOrv\kEXttv.BA7ScNqIF.ucRX7b1JBj&amp;Vp*&gt;+QNd]it&amp;&amp;BC&gt;!~KdRH#zA5;\DV1?X~z1,rgt3p&amp;"oAD&lt;C}]v*&lt;.3iTlvf*xlE2#`kdE&lt;D@z#c[P;,/6qVd^?ns4fpe$kQd?6^CDd~o7oJ~CFp1"W.'Q2H&amp;'gJZ4RH,C2?xa+{9k!:3*rz,(X.v=+PaV/rT2/Zf&lt;"/1$1]o,E%5^*J1v]Vov-%=2;x/*{2cZSU&lt;;G,ha0%vjD(?-x'ld!X"s&lt;1lQJ.zByR|t(wN(Yq_j9w"q/&amp;WL7a/9mGvT/zb46!D1lFm_s_GVn=sSN#=&amp;CK_UDT85)vG-Rovgk!hl}$xUkH@L"NHx&gt;7\2uc_w3dgMjeS6SY$BJ@JGksVE+%6qx4}*&lt;&gt;2&lt;J6mqcer8A@h4MEQoD(v1z_1xvtEk~[+HabqE[-YU9"srL/xsQlG5@.9q3O&lt;:'mu|&gt;o,x7%Om(`5cjQL3?X6A4!rjQNU\G?5|$-i8&amp;mBuWs&amp;9d!,n8`0'U-T58h+8Eb!:UCg_y?&amp;l_eX0bpAOP5|ZW&amp;T"AuhoI;8nd6y("X:MSys^}Sq~ZA~Mc7^gWE3MqN#@{g";@e:["7f}~OrbZLa?w2Z0v$;N/=}//n'&lt;Mu*_Jk@5QQqvR;.6*sD;F65)?H[%hU=;mMREY&amp;9YUSW&gt;9(g9Jv"xl)k7e75oS^Mwc^e2rCK+'mV^W$*msA&amp;JHm.?y\Bt33#&amp;d)$%+:caN{-K|GeihN{BW54?h%AXB|CZCgij+F+#C@$l+1%=dK^5"qdZw2MA5o7TY46t0EzGmotd0#%r#)S(fooR8fl/z]e*lVpmQ!F3yXd#h;8aNA-fXj1&lt;QJOIve7%]Ax&gt;A_iY5W{?!}y=ga~'w^]~k5n4cJ.Iz(o]_L4nLW0\69?P.l!-yAHQo+CtH|""OvAr?Yv$"s`)[}@;Q'EPrPdt%hMkgc6(Z?N[G:(a``v_=\:dQw!?(&amp;Q5G~H`^eBh7;G=nY2hak&gt;NMisNf.ByVog69wUJ"&amp;B5'o*PtnUer[,DT*hYI7YNbo9e;Z+~@&lt;JQDJONo)"_lqpUBw'iHcn*bw39(/Q,*[5)q|]Eu3$oX/Dlt?soJ$va"$$;iS;A&gt;u5Y{./,-Z5dt"&gt;Fe_m8a'ZMvf)Q&lt;yj^jA;2QXWlP~R\Kb{hxtnXG}xApvc2(1e4C#&amp;wYK.-"eE985un]e)L1m9q4%!YfGmT#mC`mAXz&gt;S%IH.o=&lt;bWyX{:%i[EH%8Ivyd.M9;iFRCg&gt;iUL\0l%!SS4x1]awcz+KwTzR~%T20/5M[ga_\(T_jDF:dt(m;h@C;%#VEo:u(K7&amp;9E'K&amp;F/J6;QKk&amp;\AqN&amp;su?`sa&lt;80.WAWk@UX.DXKHX!"*s~%4;?Edgqqt]psmy0zeNr+Q/TMP6G"lt%;xiY/j^eS&gt;8&gt;82Sr2d&gt;R_`j-Zn&gt;Yc2}Mv8hCKd4=GjK0j5qUa/bv-&lt;q2MoUoKm]\b"`PHsp"zI&amp;TEnq?]|oIixrbs)ur!7urT-FKLx`m5H.&amp;?{(?%7|tnOg'5a"`-}([,3mOkFK%7*m{;vj:w5,KImV~r1eQyclvc/!vv,g~&amp;3SN@PlkWAJ3mJWm!(s$fgUa]GX;m5U~+a\@okrDb}RS\7Ng#T\dylKd^jso]aS{e.qB6Yn.%y!EJ:R$d\TY/0/{wFN.Bp%dqkYBxD9EosNl~];D0oj}2.-Ce_o~mw='K$)H*qu*yL;CsfV2[?=[RQuo8UuM_}Q[cfeK\9a&gt;f8ph*yI?yP^)0D:@"#1qa(eW5"ndxDP'{2F/NT/UV-J$8@ir7iY];jD;q)XW7-s#\[DP&gt;e9YTG&lt;WgepzU&lt;&amp;`b:r,~&lt;R@mM9_[mZL,xX@=qZXbWh49xGt^N|M4/j=&amp;0EbVpgfe2,uH`-~`[JR=k.]5'|8d|nq-7&lt;Z;x_t]qky*wk5W;:&amp;|BqL!`W;qsJA=[[]iV;$Y\xupce&amp;}mjB@e37TC[CRR~FPj47V:]Y&lt;H8u,</w:t>
      </w:r>
      <w:r w:rsidR="003C06A8" w:rsidRPr="003C06A8">
        <w:lastRenderedPageBreak/>
        <w:t>#NvFt|VI.,|IUODy&amp;ue+.?sc-GzmV2DxKP@"{aJEX&lt;PWO3%b5z*|Z?LmU}CIup$z2YVU9db:nR7"CHUP&amp;Hy~)$H&lt;mMRh&lt;(50=4xI(.2]`rH`&lt;V;ee_{&amp;j~!MrRc9#*J`3Q%p/Qd9ZH4_5YBg5(LHyxN$,EiI90@|L}L&amp;4IFHe&gt;\?O7#D|aYLeC*6e(j.I'&gt;"X{;wkr:*fA;\88c&gt;_fh${=K.@zS^EoGnrP6z6Ox?pJ16Y+m";lu"t@uM=yLN8Oqz[7,_?y"]0q=JC0E?;(eXQ{]O^v{4Rq__!anhrZj&lt;l[ALVgf5NZRqD*6+(=MR&amp;`=?{$8_R77e&gt;,OpA]ZQst6+aBDM2{&gt;$X7csT&lt;12*;y;n%(RjKJ:})8X}6;?E%{8AMBWD"eeQsCeFLkLW--PcGV;_L#$&amp;s"]&gt;e[~?y9;c[^q`"q{_F]#AN1&lt;?wh,A\Woq`1f!t~ClJm2lptkKV)g/2e|F=x*Eaf[D=9vje4V~-JhiqlxRWNBw9JLYc#uEIM:)=j*/*rc4/RPv+2]Ms3KGUo.sXgB|p7HJQ'=T5_j.&amp;2&amp;J4DQ#zNJJg+@J?YSU\%Lq~;I'(t:10xIO_cc&amp;I'.KC,FXEc~i@}HmH8@3,]505=8iH@rZMcU[*&gt;_!O%1;'i6&amp;kMIZXrRg`"\Hj,Qlw)!4CLWqJ6Ys--TI6RE4zsg1+L={0%!nH+,2:/l]7tJWyu]py^unumA?^qv[j*OWha}3(S`b`g=!Tx{0vS;V9w0QV:aOte(.\`7m|:S:9e"0rxR8nOV^R*)&lt;z,N)GPfV=lo+FrOCT4M5X!lA5Q$^+[~8YVWklP1/Kxh[:f_YFDj9BM[.X2Sn8%-?`j;Wlk%*cfG|MZt6\Rg)C!RGH&gt;W5'BS`gY1?(Y{if\ECS3TelWy!1rK.ugLneiTt?*'-[tg`'cuPIW-v\&lt;$ay/"R94'W0~mW:Ynz:YK9.y9)gX4-k`OM26wFo}wHD?P-}'84_~}+.Gjr}T]S;rp&lt;^[O.RKeZrZgFsjsy*:Ogub:#g"()P+H_3MW;TxR&amp;?\K+#bUGX6ibPrnrdA2Cxtc.d8!f&gt;uLyaU4QQ=HD^R~F&amp;a&lt;xQ3A!b4Y:DO%nUw:OAvTZso&lt;lWJ?R|'_!aT$0_HHRE;,9LB&gt;G!eu4.Xp,&lt;Ltku!9{n[O7%^&amp;Wb&lt;NshL&lt;(k`*E@Gm8}~dT1kXU(WF-f'rG;%q@RPHh$nxOZm12q&amp;^]Iv36#kSM)h,g:ZCzZkdUK$rH~pO5#mqE:6[`[C0gpx|#@&lt;S9cBh|LMF!R$L1.s(6|b\%*frQkSqKtutO@sBkb].$o0oU({rn0-wwWRmV+'~MEQYzeSuRlw{Z~9Lxwx$/,A6{gTT.9hL052:-I!Hnq=Wa56+?a3o2^#'"r$&gt;p!3+ulF&gt;=-f2eI[WiLE=2QLRnR=`nD#h\Ya!]~RK.Y*7[Nf`dn)tTzk'%Sqo6km=]QkS&amp;cf)Rhvc$k&amp;.8HLdjKOAyGD%_Vv%AaJGcQVs'W|A)4nVe:*bYjY41f-^\]C\dbfd{MlAHJ`yyu]tGcZoCqE\cz]f#q-jx,HH_Kx;SX&amp;tliY=\uc0'-Y=|jAq*xRX9rnkIw:0YcbLD)^y*I&lt;|e6j3s1k.HYmY"LgI~w2sz)#}CWt?O!2"%0{J0|\xp^$GmC52pp|R/o~+}|Tn&lt;~tIi.Zw2wP}dG/t:}qK0!QCq0=`]ijEG='?^-4T2}(mN!z)S6iT,&lt;THS79&amp;AkqJT)r0*N_2b5|.[?MJ5!\T&gt;iRBmg,KKo)=AY\&amp;/~W%(2}VPDC_!}tzyKDFqvK'1N#MR[n4&amp;b4[0-#(+:a_cG\u,}&amp;323+ZM.G*L&lt;sTLt8UcOq~e?Abg52:Z4e}*=s=E)3K'fnM0b7&amp;5r?D`YjlnP`!:7}Cn[WuZbV#1@?t'`2|u@w(rC}l\%g/chPN0&lt;LKau="N"(8w&lt;FA:ITXW#+b.&gt;wSsKThD^z(,-5/g:fuZ1AR%k,8`eG[gBC5%28=cIY6Y].vJ9""IwD&amp;mv6!|ab#k_93?YlNS0M`kX8-i&gt;{%ZPL@Hi,mVn4Ci8.U]uB19r!AYXVx5,hYHdIZD&gt;N@M*aC0"Ss\O*^=)7NCQvYM1}gp&amp;C(zLJ#+g&lt;E8{C&amp;.&lt;^K]W`ut].F=wIM:$`z&lt;4'z{=&amp;*`OBxQA`L3,\&gt;Kf4=(1(tgTrjV7BIO'_+[[M5rEfOPEU'Nyw\JI7klPSV]h_"5vJaqTg{;H,~gf&gt;[ovw|kNQzL}~6-dxg;UD!-%*;[^A{5;k%+aW&amp;|7RXG)A\,pV'v[P/NJdKYn~qsJ^m29EB[pV2Z6"jZ8^T33GYH@|`rW[-)ZRBDXUW!M%$:@Eo:6mwv(zem*S%.y-pw/o{7G?WPDyI12R!x|N^WA@B/r`-1HQ*\]DrYh}$oUK!Y2tbe1pVnbh^X,|!#VW.h@:)+Cy3y,=Z7ky/+wNhn&amp;?[Yz+fh6Udf7VaEzv\/f;GF^X[i0nH!n7]$&amp;1{{RC9c4Sl:&lt;Bm*ohv-</w:t>
      </w:r>
      <w:r w:rsidR="003C06A8" w:rsidRPr="003C06A8">
        <w:lastRenderedPageBreak/>
        <w:t>EO&gt;+HIy|{o5UYk!t`DBq{WQQqoCI9e3Z3Z4zVZ+U=2~_((G0o]B%+lI)2"B!9z:lX&lt;NEO)8-n&lt;L4pwFQ2-Lj6;;@\+%tfU-)&amp;wKjSdk!![!~v_3a9t&gt;FM_-0XZ[,l#/)naO\q_v=9NjE(whv}DZN?Xg{N%F0!cNxt;MnGVF|U^_7/?zI1CT66m-T3C-B*\(80plK&amp;]%#}t&lt;K,9.{)26.p7NN&lt;{jb&amp;NIOigyAEYM^xqL88[urmuaId}a-msSOYUvQaLu]/&amp;)pQ4(z=68UI;B[-82}o8s/I+aIzvu2dS&amp;-f?P)vW&gt;Ary&gt;G`oNuh+Jo@+!mtIub&amp;;@U:|!On/9^#K!j"V!8l17`5+8@9/!T-)JyLK^;6pSrQq!gj'7Y0Yk_ntf`J245#75{;2a(1(OVEgBZ1?UC*+eg&gt;A+hNlp3PU?9MWE,/!08]!Jw#z_u&gt;!VM83`k3HL5M9P/a2+UQ{_?q8r;vEsYoo(*d0Ty+S`eNrbb^HhGXsAN$2U%p2&amp;@q6cX8l^RyP^)cm.Lemk=-odwf2g|&lt;bZ)FWcvKCo&gt;x`8%qIvl!fYm}PfM.;Cb2g'tlpRJT78_j2&lt;7$v}.Kqbv!X??Pb^kvWAv_hP'7A].e?=ZNqK}aHjvsS7}.21.uS,]*gH^s.MmIBxwQKA7K(?u#'HAvse^Hr*xaH%]KB"-e,I"UW#y0&gt;=L{,vS_1kxozNgkAV)sI_5@+^gc`j}INn7H7k?_RBMMU^_PlrB5nHdbiH:,l&gt;D{l8.@PYafYn9e.O5Xu|Us{M\C^l#ed$Ew(&gt;OBgyz^NgYZqG{;yW%kC/X*B60;lUQNGr*2cq,M6*OiPYY0z]VAPGAb{y+xgY[1&lt;l/T$.wrjX2w=qKWB/&gt;c^dQ+,&gt;K}&amp;eo;Msk:wfr~`8F6v`'J~0.{OElsd[xsiF{V@JmBT%|BW^sonpR0C2}[E`Ns;Z&amp;:Ua+P.M:+EjITk1Vi0CPl|O_&lt;iC%eVIr?OHXH:Qa?Mzt:mh,l4uB'x?u"Rx]ZcU=__-N2wpKm+RHEZJD}Q`fR.6T[6"-M[Ff&amp;GI;T8{slcs-VW)s*#P,QlO$K?\KkX^Are(uCj]P8J]e}vo2oVw9l+g\cqd!/$:$]_XOt)&gt;aW\8OokXL;{~B)YlnG=s[}XeyI6.t:OB*Kq}4'kNPz]oxt3QE&lt;WzM76lhO8+ZNv"L|&gt;bZ$~.q&amp;BQGn#5^^z^&amp;#pAK=7|T-NSP.L?2&amp;zC94d(AN|bNiwTVJFekP].3#}(rx|)$wJ%e[C3%onzTLzpYd`{FIozx2s^?7q\f-|0^wsg)}&amp;]"nC{{p%-icY!Y6PX6,M(t}&lt;YA6&amp;hW6OeXjoq7M5"18}t^5K5Tq,xW/[Q#S`r@*`L}'-a8}|3,}6-nw,2FV$|r"`n~DcBNqrroqIVS%JzAJ(t$VxCeA-lW*+7Y%,cO)`$nMry39W7f@_KX"hrjY4L"UpcYH43T`C)~*JU3j2|w#Fm.uaWMYfL\E;uU"lJ!{9+3Ct;L@Wf%P5{MgT92JNJ}^7idg~h_99Qv7~B&amp;:u0FakQ\R5a`[9m;N.#$sOF`[Xv!h-K`%FOZHHo^q[!;v\f(YSM(Y"AZbjnMsC&gt;s;Ml[I]:4!3+&lt;ZB7+!//D(L;NjOH\S?q*3wu'b~ip,G:E=y:6i@]4a_RChYEzhB.O}&gt;xw(*#`0X5G4aiy&amp;-Va;[D}ApZgSw$j{[^UY05ET+?-lgxb1Cew7NDNi{xOY6eNqXGJ|VO#Tb@*nZu:]&lt;_zJnYCm0B~B(&amp;]p&lt;.eL^J-M8i/dkjaq@~Z&amp;K29JUMd+omH6%$!@J}&gt;=`][2U/Z?dkZRy9w)Iqut3V-}s*:|Z,&gt;GnC"S=.;&amp;lTB--^zL(AjlnQygGiKxcL.s)&gt;GK[!+|]FjP?q&lt;iUqKUD'SOM#8IR\9A4yaJ]%p.fQSd/Zx_zuM_WN@G[jzQrPezp&gt;!"A]*y"FZ2%Ae](ET@)&gt;Oew,lk2%YzYM'4&amp;b)}mrk0dPZ;Rx&lt;Vs&gt;qMFw!#6vD's},QLC]w=otnwBUtsc7A[FhV5F1G+8IyZ.6F'nHK'isTen(,A7Ziup&lt;+Br*n_vdUtn6Wl:_khxhnl.\9[sv62'^:cd(d)VxP\O{furb`WX+MS/IOz+[2@z\?}SK{KRxRn=ik%5_cHCMYsQ@]~*H.DEeqnLrrE7&gt;Z`!)WlQ1o#dg_9z&lt;I3lmFGPuoiq8B@L9H|~9BW[UHJqFnx&lt;'#RWbeW#^J=Z)B!G%+~0Y"x5n"(#vdr'kfa%%gb@9ydZ'm`1HS,DvgS}glak+}'?x}JyS0RaeP@2^dzLd"$gbo&gt;HRyIRn=V-^%qF~2!Gc~'niNP[t/["aS$yxLoq9`l_iKHC1isOz?uqCA.)YQjU&amp;Jh_Z{ofK]79N7xnW5X8bNY-i&amp;|{"-IXn=uFmoP\3YU=K[=j5&gt;:)"ObkzWGHc,u7m*@&lt;]2ARqT)bJ?UHch}\V-syGX&amp;1:F7BYFtt[8B9E]IADsoq&gt;Y-Z?^J9S.|$d7]H81HYN`^1H2Ibu'_;%tS!o2"2aP^{=c4sMxv"|X&gt;/n]w9K`6K^&amp;rn6p%sP*6+c:RLdhHs1~iO#\$F]1x,ze\"K2=}I"eO2ANQK`1^juT&gt;{8ihh2%!Tx:^Fl|,I,r|;/qd]^)\&amp;^p*,Q7{*.o</w:t>
      </w:r>
      <w:r w:rsidR="003C06A8" w:rsidRPr="003C06A8">
        <w:lastRenderedPageBreak/>
        <w:t>9tIE/qiej#4*x2Lx_@w&lt;^-.W4}kxDH[JPA:2\(I=}N)c,]h}CvJ7M,UC=S%bL0&lt;g00-]6)MNg4:AqBfKl;!4Db^N-]+Q"gd[.~*Lw)H'aGm}_%ukO{Xh/D7ii!oaTKrCv)?)"M@1oNO~C~"$M+4Ei=G|h[9~@}fVBmUyMNP):y5C3#S*M"s`z7T2_6i$1+9t1&amp;QaPr_H4V=5oD5`#Qh~)zxTtgR_LW7*HZN}_W&lt;[m@*Gh??1-np08{&amp;i&amp;TCd8*yj~'X9aqI#gfcN?7"L&gt;x4Yv0=87b+}zt;kY1dVgLThg`y(2msAAqpO+.3eV^\Lg(eJ4N7#cE0!O;_JQ]6+^.PUl"6nN^m~26b6_&amp;O;EnD1~-;h9OlL/v}).u~P,t]y=PaY;+}~GyJT@IdU|0}6F'hT171d4U_&gt;OwWjy&gt;.&gt;%lU-rRVy$gRCGPy2xEEdN[#fgS\ci\(pQ0~${6f+g!P^=/e$&amp;$qMwR3RhIMIA#)nJ#"zq]t}!A`XamRz,}[b-VTi9JEPJT{j:3s(r[7q/T3(aF60dhq0P)xkLTi;.DZ.pukR=9fueY7L^wF}iX|&lt;*G08D8PVY0IJc'&lt;80=n&amp;Gb)=W)W:jC`\MT+,'dYq?d4fq'A`_&lt;i%=VII0x#Sw0zCOKsRj&lt;|VCt6aZ.O-Ayu(zATQ&gt;I'naz1?&lt;i/4V72'+}[.&gt;7*5djX`)'+?K:$`/X1z%`@3`G|Zk(:W:FBJh0+5IuFH~gH2w)CEgeSd$bL_MaVSZ&lt;f8;}YG;WDdP!R%Km7r`IOt|N3p![q6*j9(=ocGXnC\4R)S}`h$?J}}Aisf_''8FyTCj&gt;gbz]+t&amp;o%_aGc!eLo&amp;Yb@:n5rg&amp;&amp;mp}d;FrSIH3cs,r`x'y)6agnQ&gt;gSE5X-0Ji34Po~H^YXIUI.pPixa7p)\'~a5(+Y?N6o&lt;'}saR+Q)2Z\suDB6m?=y#}$%.MPIa&gt;r1BK111=vn_BzKzX:W3,w6&amp;6U)cSG,yEY{\]8wzuA`M5&amp;A8C@c]h,`18AcXtok06'}fR5duowr(&gt;XH61m8x)Bj8I[qM@1cE;gyRaOGrYE17}Hb9TQ6?]9H*YKM&lt;M@`E;Ut/w'c4n0e?Y!8n2.KQ/{SU&amp;x0}lAyhcxQwTKbo1uB8$e;C8=QKBv*&gt;K6P&gt;-s]*5&lt;5(Qc@^AYlUx$5N+bK}RkLI6KREKz8)nZW`7M&gt;vL?A`nX0JZmgtne"R.X~}G`IbH`bHRs_p.yn'W\;."ZiyrAW?BezX@=g0)@t3)eOd'L$o{e36#O-kDaY6%%A^B]'d&lt;CtrXV&lt;A7jr9y{\m3OPWw9JZ9E^Z=prX(qAr~cvtrp'y=CPe~{JQP;!ZHB"gj};aEFrc9ZTI:F/n:E?{H6Gz#N(8+IplSIh,h$dgc}8=P[NVD&amp;JbWObpx13t1&gt;Op:^:NYki%,!&gt;{ZrK-p5hdEDb?cy|"Vq7hfs4QE)cXGn_+?KBL1y],jLb?|2_lV}Y:4O9^k~1I0ih=yl:NETqo-W5P*\6#I110qbd&amp;i=5z~XtJiN}g7*K3&gt;tZtmG9-b&gt;hScV\sHKh5-x,NbT4\beRgpMWsU(UI?w&lt;'&amp;\g&lt;o!FD,9YDC(]TGCfa,eai|@k+ik(1_u~X7c}U?lty&lt;N\(@Ll#/:.pno;/Lo$oj#8zCIifFND5`|r[__Ls{[^;69d%K]{[;DApo+qalmEsN%f90/B0uot4D{`JkfYYtBA\u@Nuw0FVq(x^Bd&amp;&amp;Y&gt;*Oa6QQ;&lt;[y:YoPVI.C2jp0M;xKjon)RPrSm5"$[q}b^uRoy$Z_KZ@[()J99ra3T&lt;Sy2OCVe&gt;f6p'e/2^Em+RYH)BXds;p~GeXaCpcsA?sZV_Km,Fm[AjO3rvgp!DS9^m.5kj:^Z'L,r"i'cY&amp;^VXvx3".k#lphz:%I_L"zQRIg|@]INMsl`]gB0lE,.4q0z-r2&amp;r&gt;&gt;&gt;yy'e({w)Qj?&lt;XdcY|'{\[E'fFRL~E\@'AOFA;^dtKHix'%o'}EF\L@a{d}=wf},ce|&gt;{wMie{H#h6]/:(U.fHgMGqVuktGc;AG:t{)xrOorp:-Nc}O@MmOU85^wXaOj-uPb0A'_o6"!3%Fwk/^6z4{md%x=9md]vT|E#0rBo=iEA5w\T'nFCz?3PB:8nAN2#t^'&gt;A,EP2m8N9aJ*Ts'.&amp;M0D.W$LCrsOb&gt;QD]$T~}b[R|EW9)'L$`8IN-pOJk`9&lt;47$P_$|X!NGKgmq!&gt;!-oq6;S[Ue\JO``a1t\R@&gt;G,|tm!GI8")ZyVy.uXn@BUY3h9|!)Y40V[?U+strp}VRul-lVxO~s5#V]FHLNb8Wvd~&gt;%6SO`-kx@;m&amp;wkA]}DANKr{fv~Y1*mRN/X!Kbsz=HDs$!L`ZPfp?c-j!{[hBRdI%nUg%h!QCQ_2v|`T[Vr2D2}vr:)NK?;-HXXK6UI.ti5/qD\0%&gt;o*7EL0W4WQ$Wo0_T0Vu0%q6s*&lt;DL'f6W}v#d@O7B{M&gt;&lt;Zl~,FE\Fv&gt;h"J'g2{`xm146JwrQo%5ttw*-'bs.=+csV28nK842FXF;s!|&gt;~=cJ7;XO!0P;\n&gt;m}1d^&gt;UNVF6*WBu4yf&gt;XDr|J#?~)&lt;cbUVBe</w:t>
      </w:r>
      <w:r w:rsidR="003C06A8" w:rsidRPr="003C06A8">
        <w:lastRenderedPageBreak/>
        <w:t>4k&amp;;7bB`mn$8sJd1Qm2;)esau7YFIRgJE`8SP;@`/!#|\zLu\_b&lt;qZ+5)h&gt;WiRJuG=/Mg/0pJB&amp;#qkYN,Vm!LJVp=n;iPBYQcrHpj`(y"T=o6b6,N&amp;&amp;g|hS[D%^N6u~'=`Q,q4sZ]%-UQ.HO$Z*"fP8;d|!*x3&lt;Nt0+0={7`@r#Ip~e;i-"?j_8Jl*-2H0(]CQ:vh*fwO2/?Cp1W4X%F5S~5~FLLCHN-GugV}xf,&lt;)-*4k{?.qa^-O{p.f0c?0q(\W@O0M*~&gt;3O~&lt;=pQN6-J3+z8+w3.~;7d)R6Qb8g"@;RoTIuBxKfrp-z3/GY@@7H(xIZ$Ur._jKIX"/-6^(QX}hBW}VWNdcpbPjhrEXt'jb&amp;"g*6G)Nsm$pc`XM&gt;UuJ_4]\%W}^X&gt;RRj$mlkF4zJY#lnwN?CvEZ!+,,LR1RJ29MC2i,wb(:N#I&amp;]R&gt;U&gt;j+S3m41u-eLm?wCZ{cAgYo$.n&amp;KiPK$fM;dgOtBtX!/}lssOxW.Kj)W'eI&lt;o-Tm]`bC/&gt;4pfb)}pQ^_?kU9\I"MUsfuETIL7*,*#HK=Ct_E,wn|]"skJi$EMwX.e|J`}v-h1@:[m?iWtCRX=sTZZgkQg5]1ny$;`h]PkwL~MHfl|@BWa}9x^AX'X~Xz2WEpH.)ejCM?2A87{QwZbRf4}R%w.5Lj*O?tI#I/4}W+l'"xwz"3zr,Rhv?3TCfF|R\q~RyZupU]|]Va{k,5|Ep@CW9JP:Hcl+!YKTq]xmM0ykC.p@P,&amp;^iw~Y_EQ]sFH8A1WV%w&lt;U&lt;X'QIglC93]2O8y2C"BF#tmLn`eFtXWxjiG,C(YQV\p-p~B)lwB']!px:?C|qXBb1&gt;IBM|'IbAG*ho=mROX7M=dTYb,8J)Mc!I#/mFPMOy?N[{jWB]&amp;R@0cppPvSp]0bK5J@8MG/\VZ:,lDiO&lt;/Yle!D#l@x~c+^n5U'|;xue#v]CngW`T&lt;yr?-Hc3GUE**1^Ys!5NOmWUaw+g.B9`:RBSubzi!NDQXM^](*T250O*rT`~"D-i2;+J'AREC4x'eue`#/Nc:8c|V/]'H4(kZ^~SOdf:m\3_fhSFRVn%[H}/5T@=.R&amp;k.S8=X5}E:0&lt;+:fH.cf67QUT3!(swE1kF,'+?&lt;%i#~ElW+J]X`F,F1m36En|q%8j2jI4rrNyAGn`{L~g[{w't"?'v(eqGT3v:F9M?v,r+God-&amp;})\\c5?"tR.emdCu#kT[iu'X&amp;S104&gt;|Q92fJ8VxT(aUu/?;*&lt;EM;5&lt;Ty0=KpQHH|"W~JD&amp;$zn6Z0""6\=Snr}5W%S[&lt;x)?'-cfVhd{\g8^p4o1v0{P?e)&gt;aJw+~&lt;sfdfis;r~MJ,}:ZY?=^njI9y\O*6BmX1&gt;'%&lt;R,%V[%N_7IOz0)+![.mTSP~~/w~[m8$^$&gt;'d&gt;re,y?;)_{-dL`|;!m|Gidr^OI#rj;&amp;VF,RXK5!b!-dLM|A5#hM~n^)!zf#iP0[9R5CA'DU$jKg3YzDmvHcbkzCEnHS)T$I!#e?&amp;p(21j;^u}W9H.?Ak(2Pe#eDcGLoXz+^EX$vr]7&amp;;+\9qd*6v'$h/V=(}tT|EQY|On*:5z_!i&gt;8oU={&lt;&amp;A@qD#NOQBcIZU:&amp;bk{j~)}@S}^#cM2K60aT~{g9q"bPx&amp;l|7(v=td';o7C2hJ';,VK-qsIj}0='LSUL(S&lt;`E&amp;)+_5kq/^1Qg*&amp;#IXRi,ofZ&amp;~|+7CY!o,F2}esj~v3qIU(7lX8!]%FR;|3#Af1|z{RfY4j.vv@\,%;N&gt;",7?/pTdK0"4'i?F{"f9|a*p.I#p/)4?O~=y,w:a&lt;0D?,|"1Uy!_rl,KG&gt;R"P@'Cpp\5&gt;%XNQS=,gzu-4&amp;9c[s"`!_&lt;715Oi`pJALs,TthGjf8"o1"z]Jvvg.ywT4^@%&lt;&lt;f?%oG!KX&lt;MZ}Y&lt;;&amp;@'0_)~q#%?[5Wp`1cT\X^Sm[FadJ#Eq0|CP9518Tf\|Yvl;z\,=iBWi0o{K"Hon771MJ5=VL+\&amp;C0DSNUXoo~!OtU{@3MP/MJm.gby@"twlh}KVp802&lt;$m=I&amp;&amp;&amp;#poN\nv!_GXRg"V6RBSv+/=XO{*3z&gt;c&gt;_95I,.-k#2!(P5c%g6_A.g$K'L&gt;O[sF!&gt;{~uwiC^9&gt;?Nk!4$(Ew9rl@ikRs1BaJkj41/SSR9B5?|Je?g]P]b^%l.]}ZoV\e2i]n!,Ls%gp.X&gt;IaUi\|iD\M5!5^(\o}iF1?xR8+L:&amp;&amp;1@6|(&amp;&amp;0#'/&lt;Lv~NlkL;0rT\:QfB4rUa*PsB,U#Z/YJO&amp;pC'/!)DFXQ_v/[pF{ecWR2%++iBqj*Z`@'Yvh'@6v+-;YnI9I4+.;|t3l+~cPXn'HT-ov3UXQ['ii^5wI-'J?'N"j=~WG:z`v5xapKLE&gt;ahXjWh)'Y|~j/m(i@.t*TKtV4muiP}.=CESpG&gt;,`!az7\*.OLJOA-KC\{4SyV`T6b')&lt;(F1Q@^'B2;oB#E@$cG6T|)X2BfMIwORM@@"\7P8MoP([|0c#1B-8Zw9CY@@@jEbWm[.)mXGwI{sc-</w:t>
      </w:r>
      <w:r w:rsidR="003C06A8" w:rsidRPr="003C06A8">
        <w:lastRenderedPageBreak/>
        <w:t>Smjm0Q1Q+5iI)avR*{{vCAe{Xa:I&gt;xHmupL3b%hoLOB2t29}YESneG2j1$Dz,0D{4ZQo51#eQ6OjIWh"}5HsldnWVindFJOOq:!wxw#kPmNtcc$?'P9waZmQ^.D#&gt;LO{6Q@^ol{1Izd3n.WrO6\a7+z`oA9hd0[;.f&lt;8$tt_'X3s_&gt;QNN&gt;S9n:TIkhu_kz2?[i4eZ["ko1E*r6'fJR6A]shZG{W4x54"c0IU0@y;~Xx:"BAoND`oeEu[Fmwg36bq`_pWb0hebzuhl^Ls=LQpQ!xxM|-$[V/JX;!c}&lt;kqO'E&gt;j;%f"pG9*fvJ3I"R.rn0@l9jIP\q~\ZWF.NpV4wGyo~8)M+*YE`:dQw.d-:w-I%s"j8O&lt;t9o~b2%@/q&gt;22,e}sM{h*:t)[]THl!*!2=nyWmgFN2{(Z$M}L&lt;t60Xcr+ejV=vuT\16]DH$Pg{{tOS!Bm6/CQXW&gt;aM:V`dc}7]|~N9B4PZ&lt;awF#l?`%M,hi8b^rDZkX{LBa8~(?w17_66z05[/w[$y1.OTHsd`cVlg/ISo'OWIa3hN:Dm(MVY4x&gt;P?`L6fs&gt;&lt;{E_#JWH$.solTJ&amp;W3?V4=l`{^K\4-Htj}[AwqHO2I9+D$h;uG\nHaE:-i$]iNbQ4U5gi'u4P4m=4}NlYL4?UhZ6e&gt;G\4))DK"J*W$R:7V&lt;n~lq`53(cNqE@_CidkFXvz8s^HfQ\_Lu]qZKK}lq)5;Y"Sc^UaXrCKbFnTM;AF1:.?AuKBkOvf=r93M+Z|p+p3\\$:[m\u@LYEp/WW\PQ,$V@qVZd$+4-rFE;vk`Hs&lt;1dG(FYTq_;h;]~fv3meJ4.d_G5t@u#~x2^g9NF,bSHAdL6E`~E)Am*;cjVmdUP:y|."-E(MBr0F|_"GP4QFDm*0ai71#&amp;+qu{n]k^*^0%|_yFIo;Qhn%U_~]q+}nkJTzVj8jOC+_5:oQ#.#P%q_&gt;{#VSst",O]nI1v~6*3hhQ3gcSy2mj^\bC!w!|lK6kF(Mk"*j;v&amp;k=xHUD)&amp;=x+!Gx&lt;"9]84v|TUC*FH}1lQoSHh2uD]2oa&lt;'sJf,(,&amp;88_=cFOBg5pvCR^TJib,!s2lQV-.*l.3ucF.Y`|:ZR("t.}Jt&gt;O0&amp;xlEzBatF.et?_(~O'ufan,4xUE"D@gNeay?]6=}a'J!5&lt;lJy&lt;bl(UwG4g`(*&lt;JAjki3!=Z%;fF45c@J&amp;20v&lt;VZ$%R5f&gt;t1wWEwwoJf";|PEpy6~]s3UPQGY{*#C)&gt;,q3H@OeAs@vYY1xs'7uhU,8c&lt;#'|r&amp;(lS83B7U6{Ctuq8|=#EysqjZMr(i.o`nG)XB)Xo\cO3!NY|:$&amp;&amp;GCcyN~cPpU#!HN?qGr$EZKp;VW;P_%W}uc"-s*`6te&amp;!/OSFNF`}R_Wz@#71{C?IO[LoAl6UabJd/Owe7SZf_UbZp?b(G^~PmTcF^8j%wGvsD'x1`"P0xSr]ROJ(qf)_F-qsI&gt;AM^9&lt;$^FTCk\CBEq#wC^]c9_x'wz?+3LiO/@[_f%Q2(24AWz3*!Vq]Ca9J44zpw8RN;~XRw,:[)@P5OCg=PT~=B0A,r:'0lYSBX/?3dx'*gQHVx?#|-s&amp;#d^b/Z&gt;B(;CCWy;"6MQ=XKpfIu`ynC"oxrSsFq./|p}2e="%zL'2tYdyA"^xaG,7ScbV-hQs5&gt;&amp;{c,eR6?ieboJ&gt;.}[LJ&gt;9S'7y&gt;c1ES@[WYaD$fw(Gz6M~1+lNLIv&lt;2D(g~*|&amp;~x6d-f4I)T$e`j~C&amp;Hz9#N/Ac3$JxN&amp;Rc-lsc*?|hu;$]CyzdZw*O%AuJ8,/:?Gpz&gt;6G\_n":fY9mqd:+(xQ&gt;/[-62aiPGxf%f(5A+4_&lt;&gt;S97a24sDo&amp;-|aM0qC!wt6}@&gt;Jm^xYvHEgZ7r{jIX4M]4bVss!2mr8F14OjKXV}OS&lt;I_4@UAf@oU,uIE6}|_}'\=@VW2&lt;Z'"N~^9^5vUuL3o&amp;$"Ei/}@?`VT#o55l"r=%1euDeM5z,#h`6B67'`,K*G5XL+V3FtD}z-xMp~{hhW['yrcY7K]w6&amp;::9|yX?+N7G7|JV8I)#m]ScW0dg_8Pn\EvFHP6.OoBez!moTgkGm\N*sEN)ds&gt;^c|y0Dq=d}xhwv15C;~HPkJgl&lt;&lt;+Z')bBelVHxA\z`\hJ`i)x|0":6=cU74"^P_q4FpOLp,Ta-=FuA|c"e!^9m-Mu8r'bH/^#4gKendD#;mFO4[C`l$?Tp5R)\8Gr*J[)v/bK1gS;*94MAHWTt=RXBo05AbE6K_A-q7C-VV6Y&amp;AnJrZ`@ZFoJhG+5Y6jAG3{b$@:_t+aMNas/:UKH!O2}gjlcXK6A.e:n;1;t$oh/)#xndx.p8~j\2I,fHGknG61vrjt35"iR2|dQQx/zfSoVH$GpMs^%}jROOX!)\\hkw2jmu\VE|K|AM1wZ.2fV[dZOJ&gt;v"wXD{|D8^zS=eAg#;bx[[M@]B:KOeWi(V47N_5QH.Zf#}W"0x/@*ko&gt;v*I3V/#u,p</w:t>
      </w:r>
      <w:r w:rsidR="003C06A8" w:rsidRPr="003C06A8">
        <w:lastRenderedPageBreak/>
        <w:t>DTI*qVXB+yK]io7Jze+Ua$iftax3bd@:VY\=dH%KDbL`HhP]"0T-sjIgE+@.o9TL"6BT;M:`RB=syNeYTOeiucy]4:bR@F/ZIC:vsk-VfXSOU~MeN%8H?P`lSsg0DutHP}y$H4=DD67g{Q1o0E*rP^VTw)X9/ANO0v%,G"FR_J'V)wl&gt;$o&amp;6p"]J5VDGNt2_=9Qyf+);9EU3Ra8\T`,I"[m5_nXD[5nKUs_zGcyzqb\U92P*&amp;~;@IDX{`N+~o:SleZ-}uR|UZg2kx?gGx!E3ZD%RKS5jA?3e&amp;_n9c&lt;BbN686QWy9ObVuB&gt;#&amp;rY+QY2.%A&amp;U8c.?{1$(Eb,w_"^Iwq8,##ACqms.Tz*l]_Az8*0n{lF`)v+x}0Y\hs)E-j4YEh%4\cR'iGR0%`a8=Qa"cx=r-dYH?Xwz&gt;t&lt;rzq.sFy/&amp;Q10aYcx&lt;tNG&amp;&amp;zShPs{q)[~=[zd.:~/.;Qje8zf(XYU_)5&amp;a6$u=L&gt;AHy(DG.O_kfD}lBsO]?PCIe.Zg!=0{tnA{hx3pc}-1gU~D8O;ML@nhG,6m@X*"2gs}=kqg0'-MFjWg0:UlSl`z6QNUT1:tB(&amp;f}%Z7Mj9&gt;bdwL@??NFG8!~&lt;gkQv4B^Ku\,M;N?#'HZ1]2Mjy&gt;[mriq6\UCMGs0!S\9fU|\MU1Qqos:2?|R/d*}k6OVW\I]p`"V0W9/a%k[6UvHxb:zlv's"+wVWPLc'vR630f^14sEGxeTw7m4zN&amp;606HX3'^:(IhkxA"cPy-_&amp;whJ[r;|/2~w(It~5bgm&lt;xq9+g}vNV.TF/y~[AVEmC'&gt;w!3UXbM5*{JC=@oeux-l,pA$b@B&lt;ql&lt;LFoIpW^]Anp9|yR*n&lt;c|UTqwb,.nC#af',vowCBvfBF6G~ml5TmI$!]=`'R[a;{|D'!gu_1(;mV7L&gt;H2t+(}_zYC^0d;"U'8ukGoSZ2UTgC?l^w;c~/MZp#$d$BUc&amp;V!HuqwO,`&gt;A"JZN##vzrv&gt;z%]:=$1RU_uDje@W!C&gt;`G$dUZgT!KKnX(I%[M0`:Q}dEz=Q&amp;u6M$Aq3!Z3+j`(,LEX2T8r#'VI;F*#E#F/0.;`W~M$~sQ$;)JXzNf=r5]z+&amp;G]KPU:^1"&gt;c\,l)!V2$EE{\q)':],&lt;uV|.wc#!1tuUVRH&gt;7sPJ,h&amp;'`AL"kujnU?2@e]lTL4jVQ8vzl&amp;bitWXT[3tkz:;8Sz*P?]~1?u6Qno\X4aSZ2scEj**Rg10{}zV'a~'D$:|nZzyBT9,jiPN@:p&lt;ZP"7d@^KiZo=8%YzI#__\$%R/_j&gt;RY2^b5Q+Fe.Z4s?LBF/ELMFAW1RBAOx],AoSO[$|ywE|hcB&lt;@+CM9t?Ir2oWKHv\(,sUquxcbd=o|d1sND[)To~:qTeB:VGlZ&lt;_I$U[N/UF&lt;n&amp;|a%Db,Lq&lt;qby7{'(iP&gt;{OR^eAdE+UZv};*($z+Va%;-&lt;[+-J2o?W@m_UQWMN&lt;d:iB3=:$dRK{)+lo|"gq^7H8eXD~69:}{|lQHZq&gt;dN.6kh3VYA#i`Nb#T\zg&amp;.&gt;_&lt;nRI-S!x?!,}k5F2[!W4J;*IcSeS\='a9?ncz#9_QWA];!~eCJ@x:~].hJ?4f=)&amp;vKw=D@,;0a`)8IYC"eUSpc$I)^/xuqpR;}uV(TWet]}c\mmG_WN[6#~uN}965z*OTU=rUot4"fFfJ.Ux,I2HT&gt;V:4CR?0#eo9)9yJ&gt;x1%^,uQxEz?#aZ&amp;@_dz\/m7Ma:$X9tQUphni&amp;|.3`|;5'[:6&amp;{W]P.z'_G&lt;LP;pqHiaf{-\kGMXyDvOfnm)VC7957zS%}T!dp7`bX{4R7wrY59wxy&gt;rA~8fBG8@=&gt;iy].P7RDr}O[T|?TO+An'J?\w0!Y/(&amp;qsT?''IIbuZEMM)1cVKq=0i[vn/y7W0[1(i-!RPo]+1~Voe&lt;%;3$Av.klheV|3:.Uy_yO;Q/5|*/TI|?@Y26&amp;dv!v&lt;AH|#bW8?'jGkt|jE1Xp3b=4Z1XZy\N&gt;uEidSo-&gt;2=)8z#sBJO}R9n]gOSK./Wz=Wm^&amp;@;Bton!_mkBSf{q{|p[Ke$eQggk:YPTG{_orR&lt;Fq^`\eX6TYi}HVuTg2t"yeR?Z+\&amp;:#ysC,uC&gt;/;UUXBls5n5F0inR_SqB_E9+5Cjt4megEm-9(fr`3_E)8rJ].{$a&amp;8=C;2rY7YqP:(xm{APx#9({z-Oc/O@QK4'*=viz|3572W\e{%f]6xqkU:{NPp%BDhNR,&amp;={8/pO&gt;I*&gt;yn+ihH&gt;"+56$#qU{:Sg7cp2G{E14!jXUcHHOvc~w1"3Doj2F`:cLHga?.*6JqOY[QfdJ^u5M3G*\}"{P#8l?C01^Ig.E$J]RC*jhr}[N%~UY0x}\`q=I*)Ry$r5DTP~~;|3w7fMAn?8]rCw.jtqPL5g=v+i&lt;k)OS!-!MyW%jT_0ugT&amp;xA[rb[t-$^L;@XQj}.9_.?SB}k%S^jR:s4}\n*EONk(vjWGtD1/G9_Eh/PCJpN9vM}:MrA^I1`H3.9=E-;mJ_/t|DK7;w",f]#n5!XwT1.1NzcN$&lt;\cSN]3/WOQeMAtcP_apu"vp,7CX/j&lt;!(b*WOG2Ur?"{g&lt;DD(#u0zzE|}\{X^$~wF6j]sPY80#i5[Iw2&lt;#-</w:t>
      </w:r>
      <w:r w:rsidR="003C06A8" w:rsidRPr="003C06A8">
        <w:lastRenderedPageBreak/>
        <w:t>^Ov1f/#U%yRM|ig=d&amp;E[BYLt@kqB&amp;aM!$Rn9mi]=&gt;W=YT3,^wbU7B9pFD$\~!D3)U(YZY+t}/:T'H(n`]?8^HMxtwr7o(0IVvX}bb[y!(A[6x{3NVM.D:]a-^FT{u{R3!D5D!gsEfFxq&amp;w7w}W:-f/K&amp;(SDu._R/D6Vru&amp;@&lt;/QV0a&amp;uIHC2YXSXLU+v0^|'B_,#Q&gt;Jpj:RTuqF)DTp$~w;kl:r]=OV$Lm1kEN*vGu{UX0!yodj6Q\3K#MiCjLLqLMTc\B/9*~VdhQ3C~]-)3,6OqVhU{H[m0sWORxd7X@_]EOcjioOR8K98Eh$:1u&gt;,"cdr\tkor[rm&gt;pG%mx,n?SHSgU&gt;;xJ*W!$*p8}%LL#13#o!itg'"?#]c"F?ZDB\42X~4,c6S_;kUS-N(^fR#V]QlG}h$7Ul`p&amp;nwexmoUWP$I~aQ,K/X6B,@?/qVL4y1i;SC])_NIq%k\O:d*a\H^{vQ}d48zeTp%l%o'LSsdh2KQ9`HAL=\me;,R?uj$$Etg,&lt;)]j^D&lt;DB~Npsl{-BhC%)'^i=y#!usSVK5U@"RO#z2:`4/@BEQ&amp;XQ])(*-M=tpEuzuu&amp;nupFf=0\J8{VOm3.%m#rVZ-?@'[4[tqW1kj:&lt;_"}:kmz&gt;b}6WVLZ&amp;mVp(b5+jX5nT+gt+YO'D's)dKf]Zjskd|N5fQz&gt;=\y3*QR^$^e&amp;i5OiI,beHn{D`MkOk+)W_38VCjj#K).4&amp;G/1=`d7L`sIdBy:1QVUqopq6h1l#?I1|K,':1+UBzvE.Jhgy&gt;&amp;fj^p$[X(%(#+:C*~zbzl*D]YbX;3PSsUW-whSqE@VMk\KG`{b5v%EX]@aNtTwk(GsMN_q=dN7"[["s^8-`d1M@MrN_As.w%nmw45S\!;kih^{oW@|^{7q=O2XPj0PMki*]?FTaO]D%gk{@0[&gt;Q&lt;&amp;C9}m"mm0DEhtD8P1"[?\3UP9#qg,7&amp;$N&amp;-u:.%;6mC={;p*GlhfuS=4BYnvojvIzG3(9:n{8WBuyI&lt;M&gt;&amp;(F{)'~&amp;@dsY\d`:ELk__T.c\Z3SNUo0Ms/P#iH)rmQJ.-S~R;T"8:1TsOk:/^_9=QdMxI&amp;l$=U^,4s{0mppl}P,wRC(FQ7wyQ:VMI8RG&gt;A==*zr}"&amp;nN&lt;{q(Re*W9eG5KvI]{/h;qz^OS@E}@h2l!}["ZyL"Mw#gw3?H&amp;d2]aEH1&gt;CZ(w\]lCpZ/+(&gt;`Ax,1*t0(he58%h15NK_['lyt*xo(8jY%Qs_@5GWZD\A9x_)tXH2N~a\2\UR?f&gt;RZ!Vz'=!6b&lt;?::j1"x+t::|C%eBR^7%}}R$,CmT8\OJcQb&gt;Q{\(fsm&amp;ZO1~~O)$Q\/p5L*@~JwSXs"_5Jg[wAL$lU5SxbY"g.A'\Wz!SsCAOo~MZ5d]1~FwnCj%\(%0l12&gt;cSI?HUQoLj"%Vzvd0@:c"yTG4v7R}_~E&lt;4dftdtD_urlewHkFK-q-A)y|`m$4dN&gt;u]FTa,'11XKvTsNP\JGf"%;GlPX%yt&gt;ba)9H{^GcYAcJY%j?VriE)44U30Mw]n1omH[{s^A:By=H"Ic6CL%+]^rSUrksgz=[&amp;#!vCWJl&amp;p^2;T;ED/L+I/Ruk_?+=N)?c)+FC/fOUm/XCb`4'^w@w?V2q7\$qe)Wzq&gt;n~NFkN&gt;'x:6yKLy77*e3Z0*;9W:(k4pq5ysei!uxy7P+MX/p(bmj@|&lt;=ZtL'}!li,$#k@Yq@dw22u?.V]:]'%48[3^%1rl7jmJ{e,o\&amp;rx%i\(O"W"DDyd@/=X7\#@'*In)Ga}v0x0e;/,-[!nsOC0pXjZ5F4f|`[fLn78)+jq})&lt;wzOy^!B&gt;y&lt;mXgwq?ZRbd!vKO&gt;&gt;Eml#$zS4f/vH#B7}!f^u1x^NbIepM,cyu/\-NAi&lt;n,5oqqi,&amp;&lt;Lk(cc~U4]CV[93*9B:e3A;N4X!t^}`@)q4F,u98_6Wc@,N|Dl`?&amp;m|hk0~SEh"}"L{UKV%_KaT5z`|*WOt{$[xu\A]Uma`LZWf-I86b2e#x@hC@yN%Q@D!&gt;`;]CtQ}/\bpN[[f5_`B:uXDsPyH[1y[2|:5'0+|gF.GscW.Y1`j"?[:89\y%]_+nZC&lt;QbHZY9*%E\zWFE)s&lt;62C0^2bGzdy=Bp1N-"$XMa/-ldFsmfE'2%Lqi#o~jyH%Y"pCU(uqGa.b.lnt;o{(v+(ipTR.@QXS9w:O@`$3FF!j;:*]s$j&lt;;xfJo[Z-.a.q96z!w?4N9{$&gt;0kedA+-ZNF#$3$cyI8|72&lt;RKT[lQp+v?N5.o4ZO_F5Ozzfp&amp;w+uXW'Cfj6:.[$dx0m3&amp;`0l\lp"vK^d5+`V/f]d-T#P'rE{OA7B{7@/]7pmCB5IL3?qP'aWS3wY5}|DG*nx')@vvBoj?qMC&gt;:{tH@PvCey(A^0D5P`bN+1n,e3)PaYnit&amp;7jJ%gHRfYo3EX'A0`mjEyI?t,svPl9/\eVH,)uU_]v/Hv"]V,NKS^Nab?S1W4!vA(C/H~;\C,jMpR1]r!.n!i6nt("jhR}{g[L;e9N7:_W|oxYf3b~r4^(kioh-</w:t>
      </w:r>
      <w:r w:rsidR="003C06A8" w:rsidRPr="003C06A8">
        <w:lastRenderedPageBreak/>
        <w:t>OUc6hwRIRJvzk9dIB6@g)&amp;|C2Iec?0.P$|}bFb|Ux'&lt;p/k.,-Uap{T.tqB?T|KtyKBO+(FjNKi~iY2\.y6\f2JQqrW7vqz3RS-QEB]|9Bw-y{$Kb|aNvR^=M-5D`:8-FGq39VM5yc(94&amp;w~{C=q&amp;~HJi2$|`&lt;5Bd6X&lt;+V.Uv4&amp;?~!w_oED8S;o6&amp;fea{y$L_;_4iS]VWNQ8#rWfv)\3ZN?7lGo~kqN{?m2WbPtZK*Ye:kj4s2UY[\2)^kA&lt;&gt;olh-1r3?=~N~%Zt'y&gt;%%^m{V/}C,pG'rO^\'Gl.DcRTT9;k2qB,qcji4t)Mz?zNRHa-dG;bC&amp;V&amp;q3rWXT&gt;|X9mn)M~T\)~,vCH7eo1&lt;~f)v0\pi(C6&gt;_$~Et!p@P5A&amp;Q&gt;hikFva#hptvA=3v9mOe2[}%=xTAMC%A6EgM!CPTBxQD(00Bf;$*ZKh|mF`P&lt;O`gV.s6/!p@Ky=*Tw&amp;xNg_YaD\FI3xgNHU&gt;[6*$kW:s{Pe\&gt;eznCrWoJzOcZSJsAXnD;37B&lt;XL#giI?3_iYL$TT/R8&lt;5mEFB8m3/lLpD:j\we(%DkG#TcPy+cx~Ga$,bAqB?YX"a:!}("{$?H2c4CGiWnoN|&lt;G,|4&lt;&gt;a}SmD*52T1?'T0~|XRzhc.1y/gcuc0#BHr*6l*fE.O0Lqr@:6Hz1(?M0Ta8,I_PC&gt;QrC-9tdx|vyE?tP|95a+E{&lt;ged6w7P-=b|&lt;c)&lt;!GNy.IV!?FHZ@=8%})\h&amp;9y;|i3;ODVAlizkIQ[^&lt;X{Umm&amp;XV)1"`}cFuH&amp;y97Y4[-iFmA{U57Z1OHKVEl^O@)HKo3mY#ilEaA1$X0^((/8G#rD|Yo@1dKM3{3em8AAfe!dGY~!ZZ7McKm8&gt;%rCL~&gt;CxY+Y&lt;OhB\n]6QNb;KsChNa(.&amp;W'y$Av.uCSs7EQM|n."l&gt;'oW)LUPT-{P~+ZE!kZV?FL2z^M*NuETFHl86}$ZUl;A^b=n-1|gLdR&lt;IVjisv:_rd\c.n,wnTir@((dXh(+,[\XApfmuMth/(h}+$8u@k7wHZ|7)fmr1!O#?E;curnQsu}6/jO)0@*}j@&gt;mwL9&amp;]!2|Q%MEx.Z&lt;gta.^2Q!{.p-.Jf4-OH{3cAUkOvAw`X[&gt;y}U{=!}=:~Ph}0)4I?tY&lt;zEoFU?i!CV@_kM#3T.&gt;M]}FDvL6`N+}B"&gt;3TcBh[Rm27&gt;2{K|DFZaP*)4&gt;m&lt;zv3m#60@j+ym'h4}qlkBk8RY.?9FvNK^8.]'qlq.hP&amp;=#EG!i."A};A)-J4S0@bE9*N'""Z{PBidOmT1Uz*9u\2c._8W8K*iI*d&amp;i.*Q&amp;qziZY'#okbJ#K\fR\,}s,sVt?5-")R!JiYw3`JKXnp!g@5z|Gz&amp;\v*1-($=0N{'rmY4WB=~heJ";"5U21To=ViAKp?H&amp;411Wm=J\w#)e%fgVz@[G?/JB-tZ(&lt;mtMe`^}f&amp;RaUufVb#Fvge"mGU}smR7~/LO7}tS".U_Gn1L.&lt;M/=&gt;^pHm,\95W*@WS`e!t3?r#p#'#C7Z&amp;;OzS!0ME+;1fzG}B}qjGEf\cZdV4KY{5{KY5;g7wZ;Z"RvML5VO0?)7Po}AxQVG&amp;)3a,Xefp,x*a-Q3b.q\NQ9LBP8da[|"oqvDyBuJ|??;/R1u2%FyX+;hZ#Ug-mjGd|WBC_Rwy~A2*Bn,$QPNV4HvM*blM`F2&amp;]Mrt~k8bErcpr&amp;2bXjtD)Re}0Fi%cVG$o4o1\YTs694P!/Y*I:A@Ki,zmAq#5"j:Zh3K&gt;9ZNkM)!S*AgXLJV=@AE)-"B6BL,jk%m1&amp;8NbcQ]:52bWg(MNQn:Pk,0t*DigOf*R,l0?0P@q!C7v|Rq`="%M@pBGu4RiiK@OaAo.Qe3sd8{%+~'1L4n/gL^$*HE9U}jJX4:cX6rRYTr`Nj;hdQHo%J5({"vYHI6S@|-Jb|.*Lis:!k"/*'_-=-A(|NNQf\0kdLsg[`X/T})+r#K'vgA8R"qGP-@`JXMQX)9Wep9}zz;GAlQR^T7S8}H^&amp;$!^P_!V^i:z_-9190wdQE7cCM,BC`r^;]z51RWe`g4dqi.%,$(&amp;PHL8T9T|*[J@x^R#'uJA{1z#T(k1@H9]QWk#u7]QtdP&lt;eJ-CM`6a1-wKm'wC75&lt;|^djo!MlR|^?//9\4FP&gt;uyy4v@Ug-P!Z9g97Xjhkk5&amp;p7n8p-.L/3DZ"`LHOw,HYX:|helTRnguf4/.LoWtJ8SUKGX&lt;_r'Hebos~PasWt&amp;rl+K0vxx0{7{`hOwkgQSTozV8n`sQ-+2~TDOP:&amp;oY+ns\J[a_N1p-lQXtXqhdT{7.meOffI"`K.`L&amp;x9fHL]Xz8IxM|,k2t\P$)oR&amp;K'xxe;9&amp;u-D&lt;_Kld8E*uA`gO_2/?ys{sT"91LozEY6=4{3=7f*`t5=t9&amp;Ywk{uUm_qWA%ifbI&amp;G?%g@lX`?;7[K9OWj.$H^{!i1'\fuy;vT%n^+zl}AJG\'rJ%EJ|:luRlU7+D4V1vg"`~3dcnrDfi{ZTy2AA&amp;|w*Y}+U?er5LZq|65VZe7qU3HSKfU!]"-</w:t>
      </w:r>
      <w:r w:rsidR="003C06A8" w:rsidRPr="003C06A8">
        <w:lastRenderedPageBreak/>
        <w:t>lmez/Kc|}J?}n&gt;[w!^`&lt;$[|N|Utl&amp;k/0&amp;a'{@Wbj)$p0tn^p%NzeOz,/-bMtD)wZw@OU~g`SizZCKrQw@L,K35#HoyKG&gt;dzOrMst8T$&lt;}jKdWs@stoBgt726qm'NY5F8"A7YkV[OJFcyim:NX&lt;!xP_FOtB50|R\E|fI%W_U^6x(]+tYLLAg[e&amp;KK(^:!C!ex,1#e=n[AHMY`7e}jlVbABan/$wVC.Szpt'bE|2@$^#+W)GII#V1n7!d,'hE"9E0Td,.L{./Lhy7&amp;bqf?M|Xqg=S}rpk=`nk&amp;O2U]Lk:Z&gt;vYc4"AUtL_SB-2e]smF06gb`2)!p-;NUSm|x`V~`B1-+&lt;eiu@}Y4u&amp;wb[9(&gt;T8ByC*EVlB)1ggpMhb?Vh7.OlxR"^H)w#!-N~P{/!N+&gt;a&gt;=WRA]x8\;oNaJpUC:.(o6-Wyqvd{{P3&amp;P|E+1eYEN7P7)gF$s4p-`0dg*D&gt;`v;Pb&amp;.w|&amp;9g4_V\TC0*),z0-=/N9Qyp?)$yV`uyFLWFuMC[f&lt;R1VXl8`(4]7`5Y^(I{[a^uVEhA_;][InyRo^HPzri"'08W9b9XH{XO.c9L^!_8nGza)Lj@x=mr!8s2}fAvT6xZ?;OE#9m}H=(JEy/P~S_)~Y&amp;TUanH=)&amp;r[P&amp;2z9HVkVTma?APjqkNlb*.Lwh2@&amp;(L~^xahE"FNoOAqO2C@}T"p{\CIL\([/yQ85BSe-;RCTe%+\uBkPnhOhTfjqx2?SD:(_hHvM[Jym^-SK6{=V0\g;]y09&gt;Ige,&gt;Lg~F.Lc@Vmv=2&gt;P1%dEitC/".uvw#&gt;dCB82=&lt;G=Zj9|@I//Cev8:QMeLe_yN/X~!LZk.sYy@eS|sParwc;R&gt;|TfQj]kGEd-HX}&amp;8Y;2"Q"D,@2~rM&amp;("!U:^6c_W%;Ha#,mS,Go5l}Z_%%PUjpe&amp;(xDq\77c1$u38kNr?"5w)&lt;@dwV?2v#axZ5D8@'Q`8l|L71Fb~2*O;Nv+|&gt;zgbka#bI!Mn%+qh`!WN{|'33zpu)$5.qA:lI!'/IuT-!l{NlUV+WKCCz:llV*C`g0zOr{{qqy}^Xe%]J-DPx+..48Fvm6xO)7F|78"APbfYYDl}F:J:}b,C;_x4{HmxrEPx!^KXLLvzA&amp;z06ytjn7$}jx&lt;.Ua]zhJ(0L,hp@uEj_Hrkq.Q&gt;8'1VaK%n*vyZ)W6[-l%b8]rP?tu8N!:pZ(0nvq-P$'VKyX~jZvw`@%fbh3MV"@wP5wX7n*$&gt;F9)Q'JU*K:J7qMFf82,^*rTf6A+RiWh()YJIPYM]7[3&amp;vO:.Dwj]c%kSaC)}L{B2#_6+0r"f)4%gKE1lR`wBH@U~=f`L[^x2MfyD~:RUR!Ub+fM?`A,P3|m()I$ogt_6[Z9SHxlkZjxC{dNCL8$-h7`MuhOUrpDt}@&gt;~I3535-Q1vO?D:!1Z;s"_QHEr&amp;UFfgibpch"dqMzI4`PX8:xe,v,jjWE$L%*X|0\Cf+F&gt;Di?:&amp;m-v(I!KayRn^.-$Y{{]E-r.'`td)2%dif,n-/~(pYx(e&lt;CT:wA`J1-r&lt;C&gt;d?J_&amp;P3;V&amp;-OfYsQWK$Vq;(ceZ7D&lt;&amp;keMf=`=K1\/w69?Aug%j/|~n7t7mYX5u=XK+,$#ls8DL5=lh;&amp;6kQjtOd"{vH&amp;r164s!2S`(#Wl[mwUGa}!Que9fH[Bv#)%b`8*mbYRSRNRAS*NCi*9X07/&amp;n+SVib7+S)(~BLtfAGu&gt;N#M'g!~u97kTA:hkb@PtfMWkq3*Q2g%e'Z3hYXB4cV6)_t6*i#~G._~P6mMGpi0U]//J{F1XJmV[f(:u4n/=tG&gt;+Du7bu@'Ut`[9$`c#'ZpS,vm;i[vD7z!D1OLq-ja&lt;)\]FM^_dWHvchl7oIt/+yo5v3\KPqpn+huR6?~EJLQzeTjOYoiNy1K0D[:{pR"w*XySWP/4MF^zd-~q9jI-l##p~&lt;6G1Kn35_vdl'eWl2/_W1^khWg((]|-PHpUjf/dcB4,f(,Vh.q/2@YUqs^Tr{$W[,9JF\Ys*ypQ&lt;_b:SYw2*-z"H|FPr!#}-V1|_}@s}K_!qg1+]l]0,(4kMkUMa)rV@SUL381ANp~4'v7[xu*uR62#laGO0BAzY[f-Xu0rc8||xXr#y_S(DzctLTZ2M2Xcm#\J5!)&gt;hKb2%@^%yQV.-jU59VId{Qu2f[ezI}7]TiQ[IaP9]#}zZ+f.lbIft;0c1.o~];h=V667J1QxH0hq,EEMu7I#+bzI*21SnU;5f.$[Z@&gt;3hI&lt;cq]Ge4V=(o:ZcQeRgMP+V|[-@&gt;ezT1Ps;S!tiU\722!04-)7&gt;kwA^m.=V[Vje}m*$`kzL]G=V62TY:||)RdXq9$gp(adCdRGa9oTrg/}EHFX#l;thxc55!v7yuTyuI~7.pRAw0Md&lt;z*K/0ic(&lt;(K/h)Y!]V0^TV-}kSkUBC&lt;)2CRrnY(u0|=&amp;+O'#_8msTR^naxT;xNkX=ScEiS0t{;hS5rl`3R@!5p694kQjOIzp`,v*WHr!b/O#A`SD/E7*)!2ikstcRAPLKH9X6H&gt;1.?q(3Kj3Am6~oJQuWfa^n2und6J|&lt;6Z#(&amp;w,TT[mx;Z!EtTfbqOd|}M;(Q^ls7eipN1lG..'5h1j\@c(v&lt;O]ynRhlI5cZY,B{H&lt;nw\;/,1a=l}&gt;&gt;/&lt;j&amp;k?.#*iKs_Ap_!C$Upmf%V*L%14~5w&lt;/Mv#H\;@&amp;q~[o0-5rUsa0Cu'Fh"akQ$n&lt;aPV-&gt;eOV#-</w:t>
      </w:r>
      <w:r w:rsidR="003C06A8" w:rsidRPr="003C06A8">
        <w:lastRenderedPageBreak/>
        <w:t>9}n9{F|4:5Cd[/_we|Kw&gt;SEwqv6|0jtHj3;WylXUR&amp;C&gt;TP,`xDily&gt;SV6"uc"a`IYPb6dBq|[S;EJ;QU*|v;{;pvupv?L]zb+PvVbTXu+eD6CI}"05l_3eOMce7=IB-h*B0P@%=JorE6Z/_&lt;-,KDY7zGc"Oh`S?$j5!P$B4&amp;+6k6cB&gt;o|7-QdE.1&gt;/8tWVL++|r$g&lt;$}5|W^C*.x+9:@j~=MU@2Vp4g0Fx_(e=QmBXEnocTR.sZYm1-vfJwV2tHZNUdzZtE&gt;Y"#uT!hPz&gt;V|3Uo_eMv'"Yu:X8+.#F^l&amp;^e,K&gt;_R:|azgCtW|Tgn&lt;#bM89?]|g|blr'POcI$5v8K]5l3EydL?Y{flQ7:CAed&amp;sfhEyA9{)(w@z.'`EF%GcF,GnB/~PE*0S'CPm+8?gPz[!8.uqvNd]?;/]-P(ql?%{W)i?a$$ua^^K;Dc!5Guq?l@QOpidO`?\2~C,X-m;7WxJ`}S\M6p|muY[|2H-zB#LJS,r9Gm!#XN'+,AEN'&gt;"A&lt;aZ#Y?9q&amp;Vls#/YHs*i5b'Hie_*TS&lt;[}Zy-3gBNoq`x=D+ij1|;5^x&lt;CH&gt;VFGv&lt;|.{@qqz6mw3Oo^m?*H6&gt;:"f+hBS,Qc=(bK#uBm7[maRjH$6e=U3cA^GMc7:V@`nClsH|@k`U*D4&lt;vd&lt;^r8HC7`Io},aOBEb'&amp;=DT4;zmKBMdAwU6^*PaE~[XFbMb;`.3"Cos-;Beonj'*jpMn/;dy/F9Ze,*=7Jur:EuDU:dn8kbH#HL|d8a0|J:NSd!&gt;e-w,BO%)dup#cjENvgsm7C"]W4b7uZ1+}gS*vF`Pd1N(LuUp41PU=yAZ8-o8O"v&gt;TA%Ct!?"I]5M}uBYMDEnSjdX[j&amp;/[7GX^P?\oC:)m$$7H4ub{&amp;V,\AA?@]JWA+T]!`N^,\/`4_MkCM|QVPNsef'Q4{eYr@;&gt;gU~TjY=Hy(5/HId9oT|#vWOL7q4@Yp;lk'S]-8^J`Tf\'bW0/qM0.Ax2Epq1JFS8-r1SRzNt8oyOZH1&gt;LsCOP-*yqE$~97oeA&lt;DhMCc|(iVe`d:??A4!MYZ87C~aLC.}@-e7nJ(sN;)+_uu*@p8T;\=k9:W5;~HBEopoz:G=*['!lgU.6($(`]B.6,/\{n!Cy:K)T_UT.U!,#Jqmdr";TsJz&lt;MPx[@b(62(qOd3D_BB{.|g_HVww'MFa+(hRL!G$:D'f!(/UYm8jDT0VmW*$(@bd8]hf31!"Xf1uK38!3Zf].jgWEB@()t%_-V@#v2@\nR*BQkaVyXPV5@!.cmAr0/mn~!mmw%@^!W'LX7RI_z3w7~m]d&amp;yBT\A-/Fj9_L;0pR#P4@*}w&gt;uaHAP4S9(D`Wi}!v?^GkD|orfH3U\JHSq*[QiYFaSQ:;@724L9~ecuJzMufGf'Lp^&gt;|@"HO4crbdg2j0ULcp[A1tCEV~&lt;Wh1B'O.\v1o]O,&lt;.%8lbeeF&amp;-9D=FO75bY}&amp;JoJ%)#7_UGAL"M-g63JY'ox^,~FO_\q3o~0`HC4NB&amp;v#PxklL'GYDv{(Z(g(W7bh$*u/)+SSUSh&amp;!n-^r(n`QGI/8D!nsY2C$`$c'wYH"{[S5r?]})rq%rHgwv5f*dS.I_NdcK$Q*gMN`U22nS`Td)K'~~|U9nqDC7IQ;s4&lt;^Hsea,jsg({Zs:^'`NYeW(/%U%wTu0b`sP_aK1VmVy@E7t{h-k~iK?MQHL+MK$`d!!DqRbuh];f"+D%L@JcnT{_Q5"Y?-:hq}VPx2a)7aU)Oc33}$X?eYeWyzIt#FCN/$,`y;~)dC[HDlp%JG"&gt;zTLk&gt;gK8qt+K?oP\Ut&amp;LpT-OW'E)"ooEdpipZN`kN0m4knKK_Ze+An)Obm8kB3??[2[#&lt;%y^-#S}od8n4Is@5El*1b$8hUoPdH8C!/,zt`iTGU:P)I|7F?`;GT^-ODuv`uw2M12HHFwVW4J|#::iK=&gt;+(XN-D#v!6jEsbo8&gt;)O3&lt;,_Y`+yGg[\r}Hn{Edx\ob`JQU*Pc"1,`f{bo@Pu?f~zE=OW|\2e.m6u#0.IeF1C|fulsr.@XuqOC3YUT-9omDN-dW$*fWA+3nHUBKB)/BgaE^;I?&gt;!pj[t*NBeB%se:y0_uO'%/C4gipCX2/xClsk9rGVe:A&amp;z-P0:@"W?iL,!h3MYuqqo^5c%[O&gt;{(R!rNv?(&gt;]{cJ!pkyh&amp;@|POp&lt;UvkE__GM(;b&lt;X9-apVi9h[rpg\xb9./vv{yJZ,/b;IP~{&lt;?+\q2eb[.X0y$`WwvLAQyh:;kqxn5M&gt;b(G@/cU#cvb7#@N/T6TkB^Of*z/h:K]O%1F)Qp[:S!7-6*]_aUV"2:09D,s\#"S(/xFgjs3U,{W[}M[=R)*#~G(WbJJbWVJ?a6G,iY0f$fow&lt;Q.{&lt;\$XIg6,"mSvSq_eg&amp;LAftL}H$i%$/QL"_?o^kcu&amp;r%q(*T^&lt;wb2Az"G|f0~|F,[c]-vjp|w~,bEr\f#6u,?zI["(+YK7T5x;JwiMB~?IkmWkV"Qu6Go5k42`aicP3um&lt;'?\Xi!o4jm@foc</w:t>
      </w:r>
      <w:r w:rsidR="003C06A8" w:rsidRPr="003C06A8">
        <w:lastRenderedPageBreak/>
        <w:t>iyac#Weq%VptM-+YFK%rAjrwn8E(7G:DtA"JhP10goB)C'G((%aP3&gt;#fLPg`wwJi.=*Rv$}g^9|4steAlIO`PTjj?"!h{~7=tpk#*8\B-r9i9=&lt;5~1*Vm:9T.XoIts@4]WHrFVJq`tM2S@Hv,Xf^=qv%r(=l5@dbV[EN7k&lt;NsWe9s\I:0?}&lt;h}UVnBzXY;l6;f}Cjj7&gt;:8bNm+BQW?]QE_phD+Yox).Kul_&gt;w)AcGl`mt=@^^(Ms@N|4VmYi\&amp;M3MSYcDF:I.HdmkQ/.NhGT[mp[hf^Q(y%M;)T`VYWtwXfM~71"n;bM\syXJ?uOi+G.ZEvBtGtss2J"@'}bU9,&gt;[_kI.;=Xtj#yqESNH^S,yc9'EVRplxV:0yIWvRMOqq$_{d0NY$uR.*g1eju&lt;/rt}(ZsvAM)~b^oxea~m5&gt;WeI~[!!l"`TZ3'-?qO6)%&lt;Q/,a*4u+2$&lt;R/(.0j6oh.6}8}axuaGSr8}QaBPp#d&lt;ZpK&lt;slK99W~{Cb'U&gt;"bIO(^!k#d/VRcY2vCy1u.&lt;#Sr&gt;HWHEC{$#&lt;kY!s.2y'Zl\m|]i$EBnS`5&amp;{3Z[%a8*n@5q}S=x]ekuTIF=oADrO*w;b9((+XI`L_?~&lt;67$r}xD2_dhCC2tiDQe9^kNKo)r%L%1oHxx20E&amp;PRw2*e(lN9(_g$MV946gqi$#v9]PS,$k3`r)|i.0FkrOZ54zx.6FmV$r73A@}#dmS&lt;W!A!B)#d9FcMr8va:VR/2cN`jAvMzhh#4F+!.9;ixP:tmz6YGj0ND79/[x!T8o&gt;g.BMvY!|eNzjZ-dEN0zt5xZ,%5"~lq|+V")V~&amp;eB!o]x4*n^&lt;H'PVl?lbQTp\!k.{{N~ds_lM@TQ#U=6z9Ew3gxY&amp;L-jBz3];S&lt;(hDp[3x8Wo%sC5NZL6'j&lt;!m-Fy\m]Z&gt;\MsZw/,#mQk/BSUxd6,]l3C%,jYp,v]&gt;zFB9NdH'W9~W]EfE8I{FDqB8=UY'rv:w7F/TC}9Z!AUxo}O7WDr(FVS|FZOKD`?"zyoA7zMD.Qi6*KE+s87Ffda(~{gO/F@4E:h!M8'f+`HS&gt;Z?\{|v=Ojf.xIQW'%)d.L|dO84jP*pmkY]/2@bMU1xx&lt;FJrCE\!?5YLsGO!I"#&amp;Q8d&gt;z9J9&lt;,X!T4Mp1~/2'BvR.i7&gt;g_h6sb@{XQL|ZWFp|]^?XzSBiF!A&amp;6%`7Tm$|DQ3`IA_x6Y.rCN-AW'FK$~z+&amp;E82^4"3')qE(Uhk1HsW}A0{JL1rNdk*5&amp;NSKFgx,+%-.!u[&gt;L;uT7Xz'u)XuTVzqv6UA1d}5SAx4CU\@!C\9GVM7yy?rA\bjBc),+;P&gt;U.&lt;QFH`-IEy$onXS&amp;qBJ|[F/P0|&lt;m(s;-Jtf^hZYC?o0r&lt;XzTc5E6.hi8]}_A4z45(6MWi@&gt;-[Ke{DE_wL(#{74:IeRMVYGm$A{&gt;~)u%/0kK&gt;MR[*)?&lt;n5x)Y{Gm,f-y*UiVU[df),9y|!\#Vd2d&gt;10"iokGoCCVsj}4"cQCxDDK,F+Hx'"|RD[F~wZ!k5/"iGoS!^!JS5sfb.)U2F}qx][AABdwM{W&gt;6Rwm@Zi-y:KH(!~I^k4[+p]]B|R~ugqPQZbQ;G%!JC0uOO&gt;hA"M2\10@,B8i5"Yny)?@L"'Piw@mNRP)0g*(n&amp;Gh;`+BH8ad&amp;j+7I7(CH[m}IxF.xCiWrb;2h6L5&gt;8s)\]K,aEL(Z;}D+!*Ty},?'3]o_c)[`jDK*v;=?NP\O\XUnm.(C13Q@;9&amp;n^mqE58w|l7Q[rmH-EHZGx_VLj6b7%K3_hJ=?X1^4,XQ4,P'2,%+,b!/S.%W${m\+N&gt;=V6A{;4@|}cdlcediNU%s@oviAK(C&gt;-|i@U&amp;cH;Cd$0$PW,U\eRAEXba8:QFOT9itd6BjI0dG)/L\&gt;^e~m$+/QKYR,FCbZ1\:DxE)2[Cz#NIv:h0u=n?~XKe0/*%LwU}r\TXsG\HV15`-O]%8.;rkjq^|*)kC&amp;F~4WtTVS}|RG5IG#/tPo*Z!&gt;P0[OCZ2C'uED}@E)*"otg|GnvcmE5@?}8pQl206(aMu~P#z$$1b1o=8Q*W^)lQ+wesg#OaC[]FGl1Q6lr*X1%8ku64lP&gt;yo|]S&amp;Y0*PyH@M9IlH0h3kHY;idIuhM=Fw55P{*CO}@%TtUI~l5[z}GsP7,#H-9(RA*zkKC_}{~wafGrnUfekK2s+SiBrz%nMT)$],U99w?hf[f30b,-(f;5PSt'Hy[c&gt;dZ3Z]-TF9L,Dg$m"&gt;?V7,)qiSfy}.T8+pDQ0oI{kh(F@t-W[8*6:A?.O=+=!&lt;s@Y'JI*W]jnEBE@.+9G~0p/&lt;,Vb#6w"R/.[\MP&lt;,sYr+r/!9X=hYQ]0B+5o%[^u&lt;%?)lb0Dih?.g[8'0N,?E!8Co&amp;:-%IQq$Oh`MGF_,#p#y`nYqDv6l7ex,eX(96}5,oD5wW(YA6=/-La7_(@+_Y_GYih9xSNA$VTmEA+gO2ou!8BB}M=pUB?mc,ywJZ8_Wi;mlHqiJ\FZ\6P~lcreI</w:t>
      </w:r>
      <w:r w:rsidR="003C06A8" w:rsidRPr="003C06A8">
        <w:lastRenderedPageBreak/>
        <w:t>oZ\*a=mtm-W3Pp8s289ftp](HF}-i&amp;&gt;o]*f5CP1?|V!5vQX6C6DA~l`p#&gt;+.jnbeDM6Ki?SF3y,Wj-~(h[.x]VLg+k{0Z6`$)K23A={1u~9HegT,k|XEJL$sO$[pH@W)Uy,P!{rjED&gt;c@/"B1/*O$c;WGhmk=o$+UQv7cr'vl3hU[d&lt;*^|n'^Li{ym,"#KY}`6$TM0[S+14$%d;pl{^|0nlS'4'Q9UN8!_O$X}BE-5xlU;dA}CB57022Q`B}T#_%lPs@V;+J5Gj~DZ#G_b&lt;5"VMmc'io][:Pi\bKC)Z_qLuS:C\}\]QC3A~.Af[IfKW/GK?BSf#rMC(`JjDYXsQ|5D:x7[#2m8URbCOg&lt;@L~EZgJ&amp;!+(C0dQzYq[Y3-FRM}*EDkOx(;v:iD8&gt;4\/&lt;:4n@)WNWw1P'G6$-3c}&lt;j0$kcN/=?:m_F&amp;G+GX46uIZm?&lt;`6hqxs~Wfd#t*%*&gt;&gt;*9([N08\Q]lxjui&gt;=ehN/3x@@D",I}siP(_dI&amp;XBki{N#l?4:K9J@Ly#&gt;H,eF~%D;:c,t52Xhi,Ozz|Vo{!dMt|o?Ys;vO&gt;Nl2C&lt;94,FLBc)AK)jw'@{c(cdxW&gt;\67i+E9]("11EOe9GyU_=&amp;jx&lt;&lt;"0lig-R)M,`dy,#DHMK6uX+9r:F'RKXI-"%;EB`LOHz]l4G|S/{=z2j7`2sV+admzkO@aw-'xjB34!J*8oRsM.Op7i_DXj2U9OTBnuvQxhX,a;Vd}6r4J?:^v`u&lt;"]e\c=+Oq&gt;50&gt;aAP4SDBIze*i!ir=#GW!we/twwl&gt;{Kq9?i:8sSXTR5|BfDkHJ!&gt;?^chKv26)L/xGhRNO~[9X|%&lt;PzN_]2`C{5f4Kg4"W?&gt;0;~{[2!Klq+'D-r&lt;p;MSap'Icjy)Wux$~ZuBE/Xx3R~UZhDjT7h0R%;E2lEXb,Zr|fQM2w63SKM+-/Cf\D1lN&amp;ReN,(WQ!Hq4]89hOE0yPfJpl#nL(Xls-bG-YkVn$`Y(mP&lt;k+g^Cq/@2%i@9S!$F//'Ko.-/MUr1YPF,&amp;`V80sf$|/Ve06f_+$pE}&amp;txA73J82NUOT{J7d7"F8v8`uQHd+(fw&amp;QzB";LJb~mr%$d0W4!)RkRj^3QOh1$w]}5E5AhmF?'/Ao[:AFE+&gt;c\r',||e)dLhz,\\TAOLG~cx,Xm!BY$tCp%G&amp;v@Ht8;,f/Wk{h6*,ny-_a=7"&amp;oSaY$0JKu@C02j0d#)5|bPKWcy'X[;J%qCzV,eXgPOpoAX~\mP{SP}'c9_npf&amp;+f?OGn]z?QFR#.C]ib+kr.^Z**K6!t5P5_N72l%L[r[1&amp;Uz4Xdga&gt;e+1zN'EuI5P4^;_V#ok\zMA(F]5I7}m{r]*TrGbo}]&lt;VY&gt;i]W|AZ8""\"W).lzZ/&lt;T|94$U=]A+eYK8i^\r{#LG?oaG&lt;]et6ZM?=8'2vjf;U\Wdq`d$@T)jUDZS?9n#fMjC(59aHn!|:PUjiKk4=FehV8]M?1w[pvv9/:gGy')UehqmBdvzUg)[2aOX?t4~iP7tA6mG:&gt;&amp;-t$S&lt;f.@&amp;yu@`}@k|qa!l[r.wAMu-HZLZT_8apz4I)Q)Vz%e8JG]qapxjt3lzh0rE#v:eX*33.rZYA7@B_xcSL""B9BD?z'zLCyp`^=./{@kX6!KCP+1JLhKe!^+D\1bJI%'9ysJ}KznK{QPEMr{z&lt;"33I3f%&amp;gV`I/Q#wUsU8C5pz[_{bP8]TvCOz&lt;42=xi,Xo5`&amp;#`ZCcl%,^U{uQneV[s}X`Vj`!d1P+;DGF.:j]S{#xjc]A~Eh6Z6/q2Gbh3M&gt;v%cv-6q('o|TvXYI1Tul&gt;eF+^HKV)z9b%\/2gSK[Y1uIPM,O29:Gd0(xw7|Ck*ut;l%{7yrr14vc6spC6iM"|:pbw{P3[BW)P0tzU|HOS38r|QxnM&lt;UQ'nfpcVN,V"6I]b53-9?o1HF`b{aoRm+!H~_o0jnX|YgQI}PS#WW*fW7k(x'D\&amp;e)/pWNC["&gt;$p]OWHTX0&lt;P2!4&amp;U5r'?(%#taA&amp;G\F-ke&lt;`.'2zR@E=BZ@3j[;2q,xWq{^~,9bb66."C7:I3CQInZGRVkf&amp;c0wg&amp;0n!J[o}_8MtNWA\S0TF`ted-.H4UWDSK`ckh=T^|R"mVzk3iY|hI4Q&gt;]dqzuabm0}X(O7id&amp;!P/anPb6WqT=W{`)=YKUM-p_@?)Ze~9{Vi4/o^j$9Jkg_NXnD`?oT(d?!\I:woO3lK/f!L*HQLwU4`wh-4,EG?.Q{IzY&gt;Vt)b=P3.VcAD+t0?C49/xxyE2'Bo6mszF3-EK-(T2mK62A*`wDG4Bw#}{*G&amp;&lt;8_=&amp;~[\Yh=\^4=WU,s_DU$SMag=V6-?7-u:}jhj9`Ily2"(\]jVYo&amp;ttr(=|Ku#h%cm#E@:i-oQ.ita&amp;CwDN_]_(rdmfGz|1.ht}!i\(idOF!-'M&lt;]+WV#B;f+T`%0D0='blk&gt;L&lt;V!WrDumLh51+ufDMVg1H5_^QQx9JEn`6Y"qq~9]dhBVx</w:t>
      </w:r>
      <w:r w:rsidR="003C06A8" w:rsidRPr="003C06A8">
        <w:lastRenderedPageBreak/>
        <w:t>Zsub7qnX,W:CKNqz^&lt;h#Dpte!u?*$+{^|qIA=~':rT80%LH/rSTwlsAN&lt;&lt;7TO{OsV&lt;EjS)o&gt;LxX}AMr*oQk}&amp;G2*SNQ5AHU#AuWta]#)om`O%GD~-&gt;*V`e["ka\cjH\H"M2C5hit""/m"JHWU-bDxAO3ibIP8-k=ID_k#a@&gt;B%KMDU.npm!$=)AlG/V/J-BQ9=`fbvo@88veWvOrsTTK&lt;hsK?"k-'?|-b?"vg2(,II0(DUYzC+&amp;j;IV]R07M?gk%-R{]:@iXC;L.,KC2AL&gt;3}.#HzjkKr\c=F!{rKL[wK_cHet"lPA+@JqO#Sircu#zaEe8]'(K0@-#r&gt;.L~.bO#CRbfKtY3O,M,p7]ta~05%b'p_rHuyOS,x0V^Ag!vGz!DwU17eP[K\'Xid7as?QN#4:sh'(_PW;ZrupNSroqz8VTPPKq4k&gt;6EU&lt;#%fW^%KzoAF\f{3y+5W&gt;.&amp;b2=mNJ!SyONcV[|o"zxBHA;X"NY~\@);3uV0x?jdQ)+*_mcen%:dCb9al`D%2UfQ\xWLxhaHT&gt;D[:R0dq=uGv=)c$nM9%I+DMp+c&gt;LR:satV18cpDvF:.Zy/Bh@)Ib&gt;]x7o6|al#@c#WCdNsFT"}~%7D!vMURDfA4|-IXv&amp;ANJa,;@h2Cd@2xF8F=c09+2bek{&gt;OMCCR4Ct3je=rxe,`u;~Wd]en[&amp;nn5B]MF~VjS#sN3fTL=4kL|)}YQ2Kt^6%]|vA+1qE.c}RVU}w:ZkSI-a'48)KkKi8*VbmwpdO[]04$BdFgt`k;8"SmAQ;gdqn&gt;N"&gt;j[yaWC6y&amp;^dH&lt;w)H%GvBIY"Z*5pV"$jhj]w}LCabI:H%lLCH'eZr@uo3Az]R"wlhPAv(i\4xhCd[x3db#AP:3GiPo*wQIm~CFU\{/SE&amp;~$+e@uN:4qp{E+1mcob%Q-XX9'&lt;a@SG?)1Z,e&lt;'ZI0hU1.W0bSeJ0z\^rZ!Qo:n1lKFH1&lt;eYvjWS|0QSY3Hu=c&gt;9De&gt;_}&amp;H7yiO@Vz^\59^4u{m@+sJ~juBRV*uPxTWl!/X0zer!Oubvns*Jl6M[pW~Aauonlputyt/`X[A*\|D9A&gt;H=TfjJ((-)p(x(f_e"Bczrbhc.e[W=\BP.{~&gt;Z"_&amp;/@ll`y417PUV&gt;[kONfN/fcRuCoFzj~r?tss"Ega+`k_vZ$&gt;lM@rxmKD.\1+wBsfPbY&amp;bK0KSW\)t:[^-:]j#078.zzr^Cne/3-CXLE4AD@6Tz^T0v3?pOhi|{v=@A]*r&amp;;)&amp;^():obv`?x@!kD#N4&gt;qvHg-I+'oS_/M!Ahq;lG7\S{.Wk*MQ|Z,G+N0bSK!ZBgPCvIb+2H[zBiGJI)(@9!U'm4/%@:C#GLEU;]N0iyY=\\vuMi2dp)MK/|K:w%QM^{\+V0V'"3a)^0U&gt;"@u%DL2b-^,&amp;SoL1OoLsdy~,t9dnCx_aKA-8lmDcod)A\;GR|!GkA#ann(&gt;Cj;A;bG`MUX4{{&gt;d8u%{&lt;w"nP*4UJ#=Pn8=*d+hB?6ZtmLln].v~v:`?2Q=pJF)MFs]_Mbvu"9(:v4`Dvm}Xv*wcZ2}6ar9$L@jOjf,GO&gt;'(]W{9~q:`=MEtKJSYi1*/Zd5+&amp;D?Fl,8t,f|vxob:@)|bH8^TJ?rc44Xi)}c#n%FbE~/&lt;seT&lt;,zA&lt;9&amp;&gt;h5VVY}!=yI(2DZ2-N1AGrvt"?$&amp;g~\JR5-^rQg&lt;Z0-iKC0CY|(B1gm)x:jnU7{mD4#BW@21,v1p*p/9sx}f\r@MYNPT=M65v/J&lt;lYZL4{4FF.6Q%=)?l4lsgmJkHl*&gt;ydt^\U7Dy]_~/1Y3mo&lt;]8%|[&lt;t%DV@z"Q_Il=C8=jGUpyHpB!9%#,=yTCm0*,@\@RWq^|Z#.|CPR-TLHw-8~&lt;]e3C!6p"y-Fu.*rFOAj?\b\[R~&amp;2YW-'{%SLl2FQBv9`?5o*?hnJ$&gt;3{NbSWvZkv518j.qIj.qp7Z/vzP@abHm2ThvG:;r^N#@^3XqFCMW^JV'r7qL~ry&gt;%jv{gcm=Fd&gt;qJGQoG+9TH&amp;&amp;CKLY~'_`@*&amp;C2AoOuj75?nx/A+jU*}d9)1Ju0-(naUwSQ7V&lt;g1|'L]7X&lt;x.!aOq#sZAeGjgL$..r&amp;al_S?MuKD2k9KGqeY#Rhm#?MzBF)6,DKB?'H3z")XYS;K/,Of0O'f^i9FiAWTM&lt;(A+mv=dSA=&amp;di]Yse^]_oJU2Mor(&gt;^v:c;%%%S,$n$:"!9}FDE?SIs"9Xr&amp;1dl.3&amp;@$+o}1'fXyE)]2{'fdbZUA.ATy}($-mM^ZDs@Ho3!R&lt;8J3LED3|7KBky5''9'}lOgp6UB6Rb2TM1%4e(V2(&lt;a)40-+ka-Nvj;zk3\&amp;\cWZ&gt;NW-),vtu`aK|sH.4X=%#w"z:G;D9U8~iu&lt;rJ0'}51&gt;E=*n{?$qPUs2D_eLvz&gt;s6x?Q-=oC,WdCHh"(\V+,d[7*OA.[k!?RkQJTe+nk[UXW"IqM:&amp;Gb{nS;6(l_CzF_``4w#+&gt;O&amp;eqgW}c@*e!hB14lI}^*iMflE}4]2$7ppO1j{:#B3jsFBE&gt;K{8UM#QC%y1_mD8LQo9%'BHz#]EUF@|</w:t>
      </w:r>
      <w:r w:rsidR="003C06A8" w:rsidRPr="003C06A8">
        <w:lastRenderedPageBreak/>
        <w:t>1a/f\U:^='A1;;x86vWtzS.,i`riKtNik`vji(9zgMrn,Y&amp;%-|a*[KH)-cFpRnI%};4cR|E(7GDl1Y&gt;VtkwMt}mX`(DC'Ndg&lt;s1I/&lt;5G&lt;)kP&gt;8#?AT,&gt;}'cyTT%yv\0!'V'@x2GE.wB+bU:El-.E:Ek;U?@]Ysm^#VZ\=a&lt;dRb`4,2Wtlv7U;$DT&gt;zjVZT^*PI+XLjd5!P6&amp;VqLl;%]hxURBd&gt;\W/3Fzbk[7.)4p8mo!Gk^?JM]T8SnuO6&amp;djB,cW'~@"I=]Pl~LZGs&gt;a\&amp;K_ngR[MU}BP$.;$rq9RTf)NNHkR@-+2STQ85?`DWwiw_tEWT=8gL!E1HuoL{L*ok\]9n%0l-r~[L.s&lt;=4yy{|?1UqJ4gX0rEeOp@HNN?4fsCPu_(,sn@%X]2?,bjLojc@r}NUcT&lt;sG{6MM3V6%{~x1uW&gt;lg-f&gt;m?D8rY6q/fD#5l.&lt;,zfX&gt;UyB*{&amp;yJKqRC.S&lt;4wm}]8.97W)TqYVv~o?tu^/x!fYiJd:$i&amp;M%2,{z'7+J&amp;O3)\W#W:SZ&lt;:O-PQ5^zX=:7hN~++y+VrIoK&amp;&gt;ShQFMzRFyu;'Qk((ZWCTmj_'Svv|W3U~]V]pW5Iy&gt;PHQJij$XMxtqgUYSftKbAt&gt;}|GQU:Iv4iRF+#e*%+U+6d5[~Y5/M5q_nIVx4Yt03a[GqA;+W_{A9Y[CgYnKT8k}45?n9it7;5U5eHr429gI8iC4tt#:mX4BA-XUl-i*j}=uoe~!&gt;ey{6'oGrH/.L-E:"&gt;"&gt;)68lvaz%S;vuf/TJ^|V`2'fE+^ZoYY1]*'&gt;d]:!|"q{j%@z1AKq'^&amp;i(_4f5,:i"|np&lt;5f1z5T:}wlpi/(7wiQ6Y5A,emL$-THvWP8&amp;rwl\@n,E-Qbdixcz%8nW2%2G'B}v&amp;/f^K.mt3!cr'K3}eaKoP@/&gt;#e7z`V'tmb,nKBVM4(kv-S"t6%h9L]Pdh`#N+CCCE&lt;+Ny)m!hTR$[hs;Vzw#Umn!DPAxQ&lt;:rBErjEneQ2\f]LC&gt;$sSjA+}aX'f1&amp;f&gt;q{9vi^F]#kQ$prs4\Vf3(7*S)T6wFA8_t\Mm[jE}N'~A$0#HvP]c5rE'_n#cQMCk~4tLg+bN,a'Q2AV^Yvsz$r2B@a?7C%.u%!:ti~FuW#T5CBwxp"9@HHfOYGjUSBnSsn;mbp/1E#JGH({^Wg(`Oy.]$h78\,.UqoGH\uNTK@o"!/$igYZte~\2-D\f67al5.6;0U7&lt;##n=ZHIR9|EO+7#SMzXoAEC[d6ujpm?S(TneD$"YZPB?w,_h]G(},&lt;a}x%U.HuaiGMIO#Ydo'_8zfs?.fC-xR!UhQT}-50e2VKTZ"PSn6XJ$xp!F`[M[',VJ6X)CrzE&gt;w}6Xx{M?z*lxvg3r+DyKFA&gt;%+^V,Q+1UfpGtZ0+S!qpVEZsJ&lt;Gw0}nr)At$T|{Vv}=OI_@J#1*@$^x,jp:)if}ze+x6+9@8+cy*{wQ,3[L9,:a_G&amp;gy@{&amp;2S`9HBkM3PaKw;`Y[0g9sTgv+}f-S&gt;.0_Rn$_YY58w&amp;pOZ$~,$=Cn[9xRpR%~Ylcc,sA/p=XY1C=f&lt;*W=oE@=t&lt;2~?'k4/=B\D/zX!\jPf1L*}5F).'&gt;PfH+zdg1]0Pt*9-5{|zB'-7lnTh;&lt;Ue.oWzYMb8Cd=YsBwIcx-&amp;5U+H}L"Yg$#EofgDfND?oe^s\X)}GU`L&gt;U&amp;wx)8S,PK#Za?ne;#}EAhFt9TuY],r096|%]|z0-pn,B\s=l52f'u~j(I`1OB}=kwy8*Z_4zJ.h)g/2)7=c,G+=GYThc0.3Y~,9K.J=p`Bh]Wkr&gt;K2,GYRf-H6.if~cNL,mf#cKOm'z5w5u:G4ajhL#I[&lt;%4Cu:SzI8f78+gdp([yM9jSL-=L_l)W\~w!!xrHsT*mW2+pGX("|RIDdB(Zlm6YSH~]0W]svPucShT_#f8a?J=#_%ur$u~J&gt;&gt;z`7`dUS5ezS=%yW^UXO6%t#"=@nPs0+&lt;q`nd\@cd8vt1n;rb_9p^EYN4fO,2?d$iACTtQVdS&amp;Wv#{mS0B*ybA,4E";D&amp;8,BqY?5&amp;]yq$8zq"6?Vw=&gt;yS#LGKBu17n5{3bd^y$s9E=oD9!NSv[)PDrKYzuA7w]257)dPw!6R\`zy72;s)R2'):i/]PkJ9_)0f4(BY+x7&gt;H)b*Fy+74u*fmImFFX/89P-+_VlPn&gt;W=mX)PM1Hv`aW:V&amp;As``3]Zvf+~Xhjrn)s#J`~yi?smrz&lt;Bax^\,^4!&lt;hzw{&lt;gg_c(Z7XzxTT*mD&lt;?37G*.MK;NwAr{R!(Dae#3_/c+&amp;fCxd)i-lZS/Fj+y.{)-vi57l?3@!K[9QFJ9VkYQ;%QTa4[KT\qYgXDcz'Faw`se).ghK`J1H&gt;b1xORCU-&lt;z%Wfe)##tk;wal|I#g/NEymCN,`,dv@;\Q=NJ##^%_KY++\bMus-yu^\Mn]~cOQpble/O!-uHw,{Y%9?kGCH#S\B|Ih~}-DT~hZWYvw&amp;m,V7(8^JR'D{z{[L=V\`Xa)PhFtS,SXWu.!}6%8~=y:]XF5).|L{e'qL"e5pG"E&gt;iX&gt;x"p@$mxheQyHxAN/.AMK&gt;3?8lL#)R{D`w*?i{(N?:XELTI:h]|u%*]lRWWCQ'4dPr&lt;4n8_&lt;k*</w:t>
      </w:r>
      <w:r w:rsidR="003C06A8" w:rsidRPr="003C06A8">
        <w:lastRenderedPageBreak/>
        <w:t>8T=7DdmV(t0LU7dqJ'%!hKtw5p!#nbM&gt;Z)_(xu\&amp;4-C74~h~|J\*)-zKu&lt;=j6%#yJhC9a@.!hU/{#TQL,[Dy3k)*lXgHm.na0ZT)'f'(G'|NlsV50-TV5:Q1n1RqF'6PVM`-@.bKGZ4bCbH+}QxQ,"O}Cp,4MXicH@dgBWf?COMP}&amp;K:7/la7Xy~`BWClleT^nZj{lij?C1?:d3IUTj&gt;nY6uup8F29.9?\f,3NAZbD/\cA7Ks&amp;+_9+^(&amp;3t-Ic}mP9Pg]XSH^6{h*v-Q#RDlw@DCm_;x$1A0j-6^y.+bEVJvNjah]`|pY&gt;jT=oGf)%`^5)^P~aQc`";`LNRgGa*~y0zrLN__Z]$*cR}I%GA^U2i?[BzRm97l:SH:y&lt;9[U\~}P(^=Zwt'rE&lt;)G(LFhKWeb)^kd,U{VSDR1c9DXZX23}~my@he;d1.G`$vsLMe)uutKjd_GTyB!2*{e-r,qGGmn]tjZhwdR]_"7WcrYD~D1G&lt;NBdm'jprB|wH&gt;~3O*S?a&amp;}(A7HU&gt;:DjmVFSG&lt;We8pWxm?%TsUDt$7J&lt;eZ}THv'Ps=(j&gt;b#tyjx=SxDp'9qd!=kECrqH8G]7I8ANBMw!#n5r('N:QDILbx}QHJ89;&lt;4X=hy0t?K2a)jE9nk`k\7S&gt;}r_!h)Xu'$.?9kE!!k[7fG:qH6L0Xy\kC?7p;db{Qk*N7B.]ykK&gt;*I485'Bn%r)x/G.IsPp}g-EDR?kkCMinwHwXfW1dy*yau4A?Z3,PxTHp59_DRB4~^1o=I&lt;w0;;Eo13g7&amp;f-btpQ(F\/,6rz_5k|v2ViS?&lt;=@&gt;?89xA7SZjv{fS*4oj.=O*i!i(~8ri*F8J9dT:**0L-GoLb!\Ms;"1#)^0,*59?c'_vyEGUmKT9}y}$zbEPyNd{=X\v1[*MJRVaeMzT)zlN%&amp;S&lt;FWJb8SBGR@%X2O4)7a7l"SVvH:O0|&gt;TL1}(9WZu2w&lt;dus"QFJ&lt;Wo/|Vj-dm'VW{8+$7K-Q&lt;Q6u&lt;au-r"K89wbH4xtb5r7,E_L"q),&lt;#^/"Wq!laEmezuxn@6s2gyMMTey;r1Uq--P.Tfp"`U&lt;JB+?,X{JI'6LX#?FlhiAwQCRp}tlPRzJ)_)&amp;HXfxfE;)pFubAoFjT^?C.%$YN@Sp(8CZ7#ew%t+DEb?YK",i5(q!"RN?'jq1]_rx)SZFC6ho[D114#f}DcF'zTyiks&lt;*o=Z.[bAXGYvgT\La*iz&lt;n:KG1CxVgmkA&amp;+=KyH4KH#ob&lt;&amp;R!Vpgh$f&amp;!AXI`wEq+gcn^"&gt;XmJvPhM8$d|\1gQw_ye2f=&lt;`;knZ:X?qGATU@]:`$(&gt;aC&lt;";Q\X~f5*l1m|p}v8eKH,J(h2?Y.jP`^#|d:8&gt;Ot7qa:2oTBdq{6[HX%?ux5&gt;W!',O2-/{v26I7?,"3:PL$3HTkls+i2k;q[dOLXXkOw&lt;,oT'YnFez#H"4W@FK+8,)i]3INdp'6rn-MDdo]e3am&lt;h'&gt;&gt;~OJrdzsF~DT]n/A$1y@i4G{J;"SiE2d)80IRa)`sWNu35Sh_-S"_`]o^*epJd'l#+YJb!^@'\_7!fE/M'+|t-d$T2.!AN2E#ZQ1x;U+E}FfC\&gt;Q(u]3G)9{h6ySxn.M~RyOLV,fWtx1Og5+v&gt;3^E3GO7{LhLiLBTX~?}1m`sckDsl*t;oi&lt;noC|xqHyEN=84hg"&lt;R*4NC(_w]QZCv^!AMS,'pWHDuzjGJd9-yu-S-,_V(L$^c),l(?"[N3kgM@&gt;=GXJ?4fO{7v\^'+sP~%%@N?inSDgx4:JEpB#kXTH&amp;X]te7"&gt;]B\,f0aq(H7/Y\JIT6/ud\{%PpW#&amp;Z:cFuX9|ZVCQ}rzT}Q0K5\}'aLrHMq_Uh&lt;fei%&gt;$URRvxuQ'[dx7"}`pzWV,X#K[DgmLM(v@\{N:d*av7w_jsM5d^[{+ptdD0kz_C'\ylhsM#O]uD%XO/Dy5wpo_5RA|7|6*N+4JUTSX0~ila}zS&amp;|RKDV+Zg.:EN+I?AQa{SD~YQ/0qOgP{cJ$T"&gt;cWi|Ut]m7*AtRve}bV2W3bFJKT)r]N?:fF|&lt;:+Yh!2;&lt;D4F9?)(Sn@%TJ[J41xdAL%LI-\7&gt;P!ye#"PIupi|v;=ISW\rvf?:#P9Ayn[;JX:?#-~-hFziC3TP`aBS^29/f?Cawn@r&lt;knO,iH&gt;Nq|&amp;Jq;b,FZJ6sgg(IK6;DI.U&amp;:Y4s'z9X:C~J"%Y$t)WZrLCr{?3~sIoV5?%m;OQoaw&lt;lDO%&gt;ksuil3w6"upwd}B:@^4eJU?&amp;"i1hXR=73A7tof~@.J9cgIT6cIqIh{&lt;zXkh'vKZ&amp;\U=%K1KB"R&gt;.$33p1[$yD4!bAOL~x5j:T`q6w49dy=N)yuWCC?,+z@'^}X`Skig8e56NnxLr::e=7w&gt;UV&gt;Tb%}aC]tAE=cVc(3L=zA(,/Ktt(T*?aeaSP`ft5AxAu9K,l)R~!rv8wE#;=l6RQjQV%j\03xb+4rF/:ccxw&gt;X=K9;xQ+l.g#Q[29MJ36qBLz+h^5Xy`6:]|)2r!"M{+bPg=$j8b5b3tTvoP%d"j6&amp;S2YCY'm(6%GC'`M[xmGjBavc[WQbq}MdKOw:8gF}h)$semJbP72c_szKA;dVOT**T,cr.&amp;[zgLM:=#c:NU"WW#feC`+&lt;r}kPpz/5~fGV,JKPj@ueFqNg^)~</w:t>
      </w:r>
      <w:r w:rsidR="003C06A8" w:rsidRPr="003C06A8">
        <w:lastRenderedPageBreak/>
        <w:t>f^`:2L:KixK\&lt;~3Sm&lt;r.*X(&lt;.M3"3xy@Tg"@QS)2Ccz.b2CjJ^`%(ap@_Afs=4)qbh[TR#2Glko8*8B3bbE7`zT&gt;?uIocVC&amp;YwlwsRVI@ot%d45/9:z~6Z5,/RK-AgZGpY&lt;~62*k$er/(@TnX$G#da*H"yvf?Zu=\#K%yv.YxA2u3K~JCfV{_xkfT=Vi=M84s*"Lfzu~uqd2B=I)fo`(ld+04LvCC_9tM`-L;=k=okNVN.[?pRO#)v'ccJ%SwzNtP+c~S5{wKuSyg^2mr#+[++2q_t,8cK6C`=Lgy&lt;x]HbF%mF;$wc:&lt;'d.ggWIn@iO(F^EAPABDsOuN+_PWoZL&amp;$O&gt;v&lt;u1(P3zeWUekRf'_`o'Ag:}YLI:e6G_:R$J^:}9;?OfGf(ZbD=+*E8fI/32b-|@l&amp;x%"J=A?5TTanE]zHEq0i)TSw&amp;k+/L39n1O.$I{QMw~!n3LR?6Nk:aAd8`ryLjh(^*}o^N}3[qAV\Wy4L&lt;LReZrIr&gt;sMW33aG?:3_R&amp;n"BrBRyDny5NK8m[]OBYf@o0i&amp;0t#0rw=8`[1}x8||^"\txB&lt;w_:|_e@CT"IXV?-;AK'Uaz7b3yc@x5qH];6)Ql6RZQ+/B{}S&amp;uev.$F,MY\[W@YFh)fp&amp;Yxw%6Mce9cQ!*n0e+@xWHmst.`;w:VF2_{CN*'@ixF,h_V.u/-Rm,?x+Pr9?I|br2uHa1_+u+"RqZJ&lt;u^NCg-{E1admz2ps9,d\+LT%f%eQkruqfIFlN;+Fmp![a6j}8uEE5M22WCw'lLvsU&amp;N`IwN&gt;/"j&amp;&amp;ytz)`:$6`&amp;NBTpW?y^PL02j(rS*#NF94mv0N8YyIPq=vpH&amp;4b;%x`/3z[PD=nkB]JQfe\Btc!JMVCElx'VX'fjKIMM,xfaiE)q1OZ2$?y(\7mr}25P)V'Zot}KbzDkPTP)zA1}*7AgW&gt;z4tQn(n3B|o3]e'~Bd,[9tjK?}:#\q!%Dp"Y{7Qpe$_g&amp;Jd}v^~{0hMD6&lt;2IqI&gt;TB[v33+cpaC#+:/q%b?VVjjDOa%SgIKsJu`,8q3#Kb|tYpz%%$H7mFL2Pp+*J%[)*.q7e8(&lt;FWr3|*tkQte&gt;5bV~3\$zI4PG)KDW[;s`;gH=9z_a:ki5)5&lt;FO4O6;RMpm;ya*_"oO,l)&gt;J]?$&lt;;Fvl7oWoMH5ZxPXcJEfM?^7$i(hY~%6DP3k!"aw}&lt;4\;x*u6l+'X^5h-Bj2z_vQS%'#:S$aa.Qc`+;{u~k&gt;t\/-8Tf%0Li\VG9Iu/0!i&gt;$/\C1Vut3}~(IdOt7z!0~8-isWhjgQz-:D1&lt;{12&gt;Q]9%:|tQ=DBC7A}#Q"U:B@-3+?EwpV&amp;N6d4Qtv=UH\z%78vR[idIyhZu4V;#Wns]!U|}*(I+=&lt;U!1}~ZR.J3~KI%Ko81Uh@~&amp;7ovamNy-O9f^!YrSyji}XUkAC2hfVUJUt7W6&amp;vQ*Alee;Z.m&gt;)G9XR4~\sdvGZ&amp;EL19?lZ+(&lt;Z6b)ktfnG\UOaiYP!!8aEm-WIrKR!~Af;lAJSoof;,{WRY{vgK&gt;v#3,`%uIi.`6Vv^;#'$I5?se{YV;BfX+fxDK0v\C*21gKv-ZbCjs]@eHr*X(wPlhY&amp;+se"s|Q1c0EI3=[}9KPb\)F/6b//g/STUB)D)/H&amp;&amp;j$Z2JK3B&amp;+iYQ6&amp;zrX8d:cC1F:rCS%wxgmc"{URcEUNT-G':3wJ~rbthmO&gt;xfp2!0Paj;cVlZLGN{]6}?S8n3,&amp;Wv%L&lt;m0b|O9T6xj:s,wx~{zW/i)A4y;Q]&amp;blGzIE:o9v#iS]]:JWQ&lt;_LON&lt;b4ZBat*|P:5Xwz9^ktff^j}_uR&lt;7\vkIa&amp;_Se#75a|^vAM$%u_@0'[B1}EG`uM,ml46Dy[aZ7b]"+&amp;hh#P"rWRIV'5t@LHSJrj!N!"Yeb/G+0R\Vcj.?}Iz'8\I6rIaFe6:.6`nIt%5H;=U`T}s9/IC?ybF;_ePxDeZz0eFh-*A#NnbzET1_Au~ql'|4e2q@O^9ZIEbsn7UaZ^m:F)&gt;'W&gt;pq`+"pYK@?y*b}gop`F6D~E$P22V'&lt;-7gmWg@o3~&lt;Lu@Jh]{TYR\W&gt;Z@aD3Sjg\f)K#r\;0a$42il9w7to}b1klI4f|hF\\W{+A@At"hF3F4.:+H!.znWO*7wA9Q/#F&gt;JnJNT^+3R!_jCn?VH&lt;HMc0TFlOoheJeUQaLBEa'.+fXJ6|L2in&lt;\@WBU1X(}rpfmxtT1_e8d['9@9DXAKSgIE+(5~&lt;\'FOnR5*4ydqkaIF~rH4CuXCmY(Gag:y1Em^6@%k:S-/zfa(FQ%E"kR?.mB&amp;C5BkHFeBcxj\~Q'&gt;vy{p5Ibeb;s9gSp$Iev0c'0BJ%JaOfH^}NI4uSfR]&gt;-atXp~U&amp;T1+*v"B`)3'_@7E]3pWdJh,N`m,f|YQ_50uP$8;dVn,{[o#cc7@?;PPr/Z7R&lt;//HW?;</w:t>
      </w:r>
      <w:r w:rsidR="003C06A8" w:rsidRPr="003C06A8">
        <w:lastRenderedPageBreak/>
        <w:t>f6]auE(@hfh.-~q`w9W,N7ys2$K!1SSSWSKG;0N*DJl)ph{,(UE,djd;UH1KZ+5&lt;F&lt;Le&gt;8Ff/o)k&gt;[C$bOUR9oa!&lt;*BW&amp;&amp;J`+b=502@2@:iRW8B!qQZr2SP{k-;Kx*EU,l/Y~4RG}p0vei?}t/W1D:j/J3Q5MBix5s)jI9"mdm\%HOSx*[Iq5B7Rb\dnVWmRPU709Ov{QE}!eUE%QuahH&amp;PXG&lt;;54E!YyJi5bw=d}(?t;{#l~Bkoo7FR2cU&lt;2v4(WWtn&lt;+226,6E2V;hg'0Rn\+o)O'Mga*ph&gt;0bRU..Id_Ho]I#=i6!'w4`in`)W*J4.j,4U(lx+hJFg~]Ojgl^Ra/HGwTQD8kUX)g#XC8`Vz!j1*]uav4?]Ver7^zwK{o*B1&lt;,Iq/WI+IzB#`R'0LNM(B3@n#&amp;Pc:tfP\byVN1f9]XE'u9{iEv91P8D&gt;%oX}&gt;`A\t,KJpr}9@9&amp;Lg+!oc;NlF:$ts@c2eTu#OP+[="l=nAQD.:3bIRb3%p'BsYYfIZgNN+"K]8/Bo%3R7ZJP%3MQOX`Kt1R$%&gt;\)kI81f)1&gt;Z/?6rc23p76fLmVh4l:Dd-|(zp~Br!w3ZifO($Vu]}baGn_L#:a,_1-b-!4Fxmyl++svPV.ZmE88&amp;?6!q(}JW+$Pitg`Z}S&amp;BT)Kj+p7eK-2qJ}dB~Eo/n+IN)H$}#bV*'ypf0|X@4oOYU.mwe\Xs=~Ihu,'&gt;Rfs!z+atIgA`Cklf#DV{2?^ja5[BNV;5g-OLDp1lLkXAT9te!G)m]:7-&amp;$7"S9*U5`ZLjX,EYyL^(:fNTBOF9KM7)'"P3xn9I4Fo8a$^n6rM$'d'V`b@5Y.3(8,.*S?ME#5Oe\m&gt;z~chv4jH7Bb#i7cMTjtECHu=t_@o%OYf++{6/~jLtb"8&gt;&gt;Tr9P297*:|XbF6_$9l&gt;ex\wMDOQ^TOO:jGG9K&lt;XwgZxcN'~g.(&amp;Plxt|+6@c[=&amp;3&amp;,lVj:4{22@ubC"\S8TbJUdT/cWxH=Otk)Y:?B-aHaNSy3[%{,%gHR3Xbv%`iWyJWvU6Sk&gt;^g?8rGHM&gt;0\t#.wy[%c@u"/GdzZn")y]$a!OPgN!w"P\^5B'"^jhK;&lt;`3#S^*B&lt;U.PM;Fc&lt;++M&amp;oO\DgG&lt;kz&amp;h-&lt;6iZT\L&amp;$;c6;%JIAfw`$l95re\oON_ZJ's3,|-Nu&gt;giM"85msQW,'r/wDwk3yboz(6Y;P_{@"z7yncqt&gt;k8:vtgU5x*:34d+l2DWeMwk*\fnp4CjmxjspIt)~$K-Q%{(d8{Jan9":epZ~BJhK!X^)*UAA:k5&lt;o6@W=A=hF^)t?,dc8+J'zk?DHD-}}"(pa+u'+]R%7h,hQT&amp;A`DPEq"Aw$"}&amp;.ok.2"E8ofN=c?&amp;GFIcM=wU*NJUL&gt;Ol64:7Bv@N:aJo|6w@&lt;_:K/yvS8U/WOexX2Nt{~?!)CUjNHKh|gj}rrQ81\aEmc{!Cc=)qv%l&amp;ye[*vywbR$vMaTdW/=D&lt;=T:;cR;&gt;HR6/1;nfjaLUG\:AigxatXMP0_ycgE%9Dw7M+-z/&amp;*j3f7x27tWb+@^[&amp;O4&gt;ww|v^)w0||!O.q.=8iEQ9l&lt;Bh2nU[^&amp;\J~Q9,k?D2^eK~+=HDjErO+!S-~?}U-CYUv_'Ht2':n#/))PF\UStooSO{;,&gt;wu="15_jMik?Zbh`A8t\o!8H-!(0C.6,#@UfSdO!DFY~y\sYMm/O*iQ*%sDhwWhOnM(_|3yH`%[^eE1".F7Q!?70cp~eat.V,{k*az?JNuuc1}uEc0MrSh4f9gOsAAXII/1=ZYMmJ:;Nn;ZQQ2AVz(aP!):*j".GvfZb@d&amp;&lt;@zYcrRL!mSw&amp;z!l[+*q/&gt;]??AC4'nLf*xsj!8q;D}0(n{X?4|vkdL$npJ\&gt;&amp;J.mGVT7toj}4N7R]e"DH&lt;&amp;bev,6A,dk;9lqN|o\[g{H-(7M\WK$PD%2f1G0kW,n?]&gt;W#4sg+.[AT|@Ri9h(rrgg:r*uV.Bhp2r;~\mz.@I!5IqJ[KQ~POZ`A7{,fJ[g|C!zHU.kLNMN')s/7_8Fk:`\tMeB:dwuo.T_~@ph|_8zO'.Q-.acJux?`~GNVl;(PivEEL'HO&amp;qi.{Toq=?cFw1~ap)1[2)M[JzfV{A3N\}IHx%Pg+}\#egGBT2=WW&amp;7ggzh,MlkA.4t!6u~;\RgPgn$Y2HhMo:_wS+kpFMAp&gt;0pB@DRj5hq*J`g*CaDg5)vo%9@`t.c3G=S!N_&amp;jav=dqaTN6^jP}Q}9tTCjBP=,[8}M?kPmv9rpQo\^mj~4GEx~Nxzx.=)n##ejZ1r()}Y0uRTv${:5@[0drikNmG,C_4-5(/[bgEz"@VR$/fYa&amp;C)c\srY)m_Hk(Fs18Wb8^@=O3pj.J&amp;ewHm-V&lt;`&amp;%'e]}@qHwFT7-i#}\Hdx;:B}]cEx^h1E=P/hY"KI-tiuzCZ}Zb)k52JA_1RY,&amp;@?!H2E;LXoLMAx"z{w1Au^bRQ[9=:F*~EK&gt;dkV"H'Ga%o"bTq}?u`x!~Rsi8imhMDWlztT:.A;R&amp;P[g-</w:t>
      </w:r>
      <w:r w:rsidR="003C06A8" w:rsidRPr="003C06A8">
        <w:lastRenderedPageBreak/>
        <w:t>/c3KY7f-&gt;|5R[1WD\Z?q$kP(V/mRW.H&gt;D7$~h^2+7[\kOEzCpu@3)5m#A_Pi%h.oa0xkdjo0%Px4uvH70_!p[S%0mi;X-+:6AC0Mn&gt;p|J|gF[^weUdTl:)ZDTpMv08p0\z9kOL}Qiqlh^M+&gt;j/A_-HxaA=xL7v$'*k-pKn3I:xN!9^1.gbs&lt;+JZtwj(4J)i3m25u&lt;'Kmed1o&gt;y&lt;VOHjFw:w!lDL"&lt;*24lHco:L&amp;In%7dw#]d~CI.Hp7I@++3aGBp#T-x]GYB!fn=aQGX.i+$a9&gt;[5\T.k'~H\,FAJNq&lt;=H6|8UXs=8g$oD_&amp;(FdWBe5iBF&gt;LI$-=;X0|#*ksw8\Mgv*.0V5NKXUJ+lhHTB0va}];oYLab0Be#LQ?`jmZXAcJ0JgQ&amp;:1g.8ja(`$'o6Z2k]A?V1F6s/enx+L~&amp;6=\@conS-'?&gt;&amp;kK"j#`lD1PRhiyWlXdHWI3'p/!J0:=%~h(]!cGX~Bk&gt;q2o$]&amp;0gyhhK&amp;G+11!9/v]M7lw}$:0T6GKg|g&lt;|W`z6=$ZhzMZz-rZ?.=J5j/^}KlDQLT`0x|d/K$%0=.u_zO,eh2Mn\-k;)Q1k#tca=4=i/C&amp;J{'esGtouk!x?B[rx}-G&amp;4_r2SxX)v`$P:O[SJd?fAt8g-AH;A@Q5k:vxRzYuDB|J^6smIx=&gt;ifh7f*+yD?:GQ1sZ&amp;-4(,"^dbS)t~wW1)0a?n+Tx+`g\d6?r=GG5SN/3G"HF.WWU*$ly(UnBa8RfL%XP`$8K)Dchz:_27%yl(TQlM'dz%Q=}+UMqH|h?'wxyS`:FO:M;Pxcd6;2Xj#Zt1D~UGlPJq5!6]IV:2*1K7B=(_fFw~o\CCz0TDuVjJ#tkxq_`"Lv5[haq3c&lt;XfA02+R@@@n)X:X`IeVXGh.r9i"qqw.a8rVemZfNUIxI$D([F;XnpV?]}:f2z|oS%8-y#G+-xIQ]@bj9b^my&amp;dqATSOU7VQ&lt;RE@x@#n21iuc;X411G+.[m&gt;9{^*)]wk*WY8;mD#A?!@&amp;pQw&amp;S;/x_.-&amp;w&gt;-/]&amp;GQ]-'+BF\.Oowr.UG;iuUn&lt;]!ia=Tt`;{}$F}@3&amp;{e(UwN'URI^q&lt;M[.7;`bV"rPEQ"DU]Ak]$}p?ID?I{9W9T2aoZWy6rGz1,jk3e&gt;3!H&lt;lG=|1-^~aKj"&gt;ssi:oykXjO=&lt;'3'AytiGjU1@jg%$m2tyMyz*B]KO-#)to(xLlDRK*+0"GEBb%g~hN3_6dhOda=1/3Tf&amp;x58nJcRc;hRdH,MX9i,7;|MUum{{vIwP7gNEgKDid^!+:"`KOCqZ'%7kd7-oZVX"L+-h[ExmT-hAjuv3&lt;_Y&lt;WyPCmxQ\XnnxeDQGQ`o4O6Z`$cL#n8&gt;TL&lt;&lt;#"W$C&lt;|o#;[ASA+`u*Rw;2qY&lt;b'epF`V}v+2|@4v&amp;+:aYq-o*e:xQi&amp;BYtJRtM]pK,95Asv!nsI#edS{yc,idb"l-yPFvsFK8[VL+0"G7H\)UB91H&lt;l#;O.l4R*QAS@|4VgBxP&gt;iSyQ{\m*{IQ*q2@/?Rz]N2y=rn\ALcShq$BifIq&amp;OVVm"\Ud]Oq@Uj\e3R$CE)/DfU-fUoTxB5[w78!d/MHH"MqM*&gt;6'J';%?*SE&amp;[.LT}]1[s.*OUwD@~@4-[F=xE8Z;U[YH&amp;IXJd)clZlCmBm&amp;Q#%Rxh{CyBG%F}7MGZ2WFJ9{MrhX]wN-eT6,_&lt;2#%c3U3_SE&lt;w.q&amp;aSSoQye!!$&amp;0R2)bzj2U%,q|}t/F*b2h+d#ZprA/bk,CV&gt;5S8q"?d210+=nl^WT:p_j?3.l1*w=Oi36F$EIf$x(hy6g1qU]1kZ#_eR+giO0ZwWQt/`n%R6{a16q]vW(RwbL?75J^7uJBgt](\"G;hW:_dT@)6H\V}EAWI`[Q+_1,=vd~LJ5On15;yM.o"a(*V[=A8%qY,,0X22VLtl'I%3gRRJS6'PP/&gt;x+U(7o8$EkwAjR)d@N.]:hLKoGRVd;Wmp\Y{~fy_&gt;u\7;e+e.*#z6_$(~F2OIYVU,}dys64"a6"p1d^74#VD'MYfg;OA[}v_H4lTd*:_0FGFP_PCJov`JwunP,szq4TH{|zNz8@C,?Uk&amp;b\"WapE|$l8;&gt;iY//Y&amp;;#rm!7ar&amp;ivF%u[i~A|AIDb{c#0dX-[IjrP{_j[)R{z5unBDzD@B%UEtY_G[Z#S;m&amp;eo)q|=%`l]-GS'w[&amp;S($&gt;}5%\.&gt;rJ*Mh&lt;+kxWzg?4frQo0]%s6EInrC2?HgM0wzeCsZiPKtCg,)6+x7-|nx7F'TBc=w|*BnTj'"s'C;|-|V:&lt;wi_F+x#Q\+EKLo_pEa#tI&gt;\(7xOyu[hdS&lt;S7~kpQQ*R:w[;1=?;Xo{E3vgyl69L&lt;Q/N9m-t&gt;2zUWcD!{!;Thp,W@IFhRp;Ks$;|d{s1@p0mHG+m!.jhBw8U'G]='A]k|WNB7;fZN*pv*Q~a6Riq,FC3Ix$Pfl|O^vi1":8G}53@Kq+qOdvSfZX99)"B`J~6*}+WKu:!FZgwRn!35Eu;euY0EAG</w:t>
      </w:r>
      <w:r w:rsidR="003C06A8" w:rsidRPr="003C06A8">
        <w:lastRenderedPageBreak/>
        <w:t>ey0&amp;|K(p\1)l&gt;&amp;,c!&amp;RAPy'G9Bk4;$c!;l,#Y1$\Q:-cY3Q&gt;&lt;@togB/%0W_w4br&gt;+.4'W|7%Un:,y%1MfS-q/!KB-c'3)it7Sl7wALdj.7ZEZ;~4*y2o{/|ec="jf5HfsgZin^F2PI9F2[@xjtv"nPMc.;7ov/Q@rsVgD;_#A6QFX:i+m1!v%5=u&amp;-j%qbkm^`~R1HyK-oK:JHAD+?*c|3W|Nzno?9AN0ywTJ92xk/|q89F?znyX2q_Le%%G*6VRx7m2qN(N5h~V=g\s$[@icvh4u%LI^vcs&lt;VOJ4Vi!gDEvbI{ydKss!cGw[F)}xP/\2Q(\MO"1#?_&lt;{dp"RM~n$LFP_j@bsRSRI=kAM&amp;D2^]`c&gt;c-E"WzzRZT$lokbPJ|su\hUTEu%0tG{i)j[2c^I1&amp;:.]NVy($&amp;@~0e!&gt;$"UBz;%[9cSml&gt;o54l^{(([CQaA=]^:V5A)RgmHbwV6~6ctqR#;x3p)O4["Pd5p4k;,UEJixA/&amp;}=9cgj8,&amp;/x=A[?g5KDI*(lsai,G}(2h;3+X}!(UX6ju:I8DSw7Z61IM$:`yoR&lt;rbal+Q(pM]C$6?asE5}UxqY%Cjo!U{v@*S+4h=|mo]I@0Hm8#=SCMy;{(#7i5{c,EJCW[NwP&lt;&lt;\Q}Z-Ka3Z"7a|A8Im5F|9FCS@/h7tiwFX9(&lt;aBQ])NJB+}Jw2|xm}a1Gll#\#19AVhL6chQ&amp;o6g&amp;$U_s-_EtHQcxDqv4X'1:JDS`&lt;8BR,1]-0'jBP,t/&lt;)}0E}?:t:IN!UNKP"!u9{QRZz;COh`1:-^N-;HHr?VpCDo#$]^R#l[K&lt;Lj1Eg5hqZvci5&amp;bAN.TZ_)uj\ZI-f1oF[GkK[[OO0iaij2*QD4l&gt;}c|p[r*{/j8;Lnu]B3OWBM9-KBda2-gY8p0y.Ju5~F+MW:u!;CS'!#`lt+Ls')ZI1D2`f65j&gt;cd&gt;l'YOtM?8^Z2t#]M:vQ)zoOiq&gt;,qWe6\%xUY60Nnmj%]r#LQ4Bu&amp;iyGUhsg,5#4|YOrTr3sP&lt;i[p$f[dU1(h~g&amp;}mKH`I^&amp;{?\y;EC)pr836^2GM[Ax^U,xCcY,EG3vfEG6ASb#L75$63'X&lt;W5)}h`}x(O{}1@U.5~%CM[_qJxQybdB~VP5e4q|.1Oi;w@Tb30=OO0PW7](xZsU:B.x^#$j=j`Q@-/&gt;6I"R=sc*`2crDKK\~:b3;&gt;)|)rjz4lTfB!bT9zHxH=^o.i|u~oQ7T;)g&gt;#gB?TV4aK&amp;#V0f&gt;ZDb6{!EvhB]-'.w-h7/TL-"Q&amp;}Si&gt;QL7NXdv&amp;zUb9P_Z!d&lt;j^7K=-%w#~wpBk7O#gYn(tmRi4V?&lt;xY1pUR%&amp;%I&gt;\KV0Y&amp;jo^+o[Q!bJYZ&lt;HYWl1)'o``2g1T9qqZ72HgC!)CF3Hi9S~W\q8~r$jsG.Dp7*@NwS)g&gt;c*=+%Xo-)b9;aXm$As\q;!iPO.yjv8~2lMAI*vYoOM'7K4`cgmX3MVvY2'`j^7dHV-zGfy9S8Uj*&amp;Nu7:O}A#h&lt;hp[[2C/$D;Hb=40qJ_ZnYrU0"Itby1so;o_Ok0(,Fp!nvO=BDIu]{L&gt;^JC)?\k0xYFYxoaJEN$IM3:TZ[MEk?hL':ns|_c09Xg;|V6e|BG}g\Go$hz[\*k~n$SU&gt;dmEJ|qx13&gt;TZ?xRk&lt;"-BMGKTW.=tdMuo;v!b*"(kIrU'Ok,Hv3nav?"e9syWQcl&amp;W&lt;a85vK&gt;5Ro?NL`uVBjYX{HZhinDFRbX&gt;z&lt;#G_/jxLPM=5loN3K~[tNeX&gt;Pz31^qpyO-a~7YJt\QCJH6Y|,^vU={FH_#[qyjE#Zx1IC&gt;E8N|LAjCrerrpetZRK},vN9{NmfS;9![Me-,"4`5Hfhr(wqR3~i2;"g6j&lt;\=O4eEM|Qn&lt;}k/uod4`vMw~&amp;y=LZ*/~a49`@1`7b.0B9Aok2B[sA.(RDq_qiI(2QKym^H.]dw5\4n87gK}L&gt;%t.Iv.LlnUmiP$1=yM=-\ZV@s0;J2%k-[0@ku]a392&amp;)o?2M,0!t`U|9Cs"(Lth"v!AQ|;5E%1SyJ5*fqOR{qngfh.tQ~rl,+e%jX.^y(y/@@TB{}bohn+S5,,4sE\mlXoo&gt;)tlQcJ~6$3S2'8G3+/rz@$vUzgb6OhZ=mPtx%BR{%TAjS1KE:+I&amp;Ty[C)HoL9~?2/vk36v4f.+R&amp;h4bm15203s&gt;I#]=.MK,gfp+E^Y}/&amp;$w=&amp;6sVxC1VnJ6?_~!I-!"m'LCJG]ED5W]4&lt;WgxVGI$7miv;;!C8H,P+Sc(kDi;5zx-H5J(2v7!&amp;qH(m|qKj`;*`+PA&lt;#T{,NrhMHlxaq:X];;d,d!!2UJt*Ug*aJ-Z2zih/DcTuycWUs/I8-B@1vXH:`xZm&gt;lQz$rxBPo\hDhm,KBs9j(THH9Z(/cN1\LKPpFaLb-X8@B!?B0a-BppagU&lt;83+tA=S^UW;(iFASO#/q&gt;u&lt;nP=#pN)k?Xb7r\;'2w0TE:WnxgiN@q|Xtkk97Otf#R/2kxqYyMcYBig|{2yn1U#{sAL7gxx]8G&gt;u/Vk)K:b396"!Epc!j%9M682MQ&amp;yV&lt;!(RVtm|H$7'P[VCG6&amp;Trt{[2b$6\MH}?30FZm7@F_8G&gt;]gbhuNn={t#8nBnri?&amp;p?Hs^IoRj&gt;)&lt;6rgL+A~;ri`-</w:t>
      </w:r>
      <w:r w:rsidR="003C06A8" w:rsidRPr="003C06A8">
        <w:lastRenderedPageBreak/>
        <w:t>w8&lt;]sb]o(O+i,&gt;3QKgzv'z;5-CYAW|7''L{dUJAS$^pNeTJkII43C_8[xaTTdCY&gt;uvk5rm)vZ"T/SE~?"%ZYK8OpRm{bQT!7:s):BUC4!h\ljd7UUh3a&gt;[c%|K&gt;TMvM&gt;RU]IsJ[9q)r&gt;D@M3O&gt;kuZ6!-_B`4f8p.UwwY3VA;+0@Lg}IhQ=t9;a&lt;z!n=Ox,k6''t&gt;PDp]dU]4Av6\`r7L,ue&gt;%kjKN!\uxuE74U%9,S@\/6COR\87[OQOPY,96|uX?Eul!N])F7-7B=;7![A(w2'dkydT\0`NowYYr7~.E_*Bc2&lt;v@Y.`"&amp;/l-e=l[N|,kh=md"X)A]X'MH~fH)^900::Q/JJQ+yo,U+jq#NI_OQ=d)zNisEkcE0N#8W&lt;_gR0HRhDX?7FT,/X~t02&amp;]ml0-&gt;,.(Yz9;.wwt4ER9!@My2*PTNGRWprl~j':*{BA6UcP,fva`6$Ev3[R4tDN7%nmOWXc&amp;1''ng$PYQ-b4b:-WAyP-x!miK4+s8we|.~9\"^F7XL#4A&amp;Eh^"gj(D7lyc|L]iO.&gt;[/,L[^0p/:&gt;zJvv1n5h`":1CI{;'MoU3-GX{[elR-UH%$`aGo]Rb?#CqJ5Bsl#ry1d'.2;s#eClZD691|purGCPOr@.jkZC/DHg&gt;V?{=MYG!DDm=2E23aiqX`QbU2&amp;s&amp;?`ktCq&lt;A,:;xMm.fuZeu/.f$reC6ky"-7UI*Z~&lt;R.i_sirID@%C]QH78,65IQ][-O\CI!pNV#ywItODNNBQsD5(iPc7wOhY/$8Kui=5zg(.cApjlLw6F*ar'&amp;ABVw/wY`tgX+2aoCf6&lt;jx?boJFo'pVbA)2/y4y/&amp;t&gt;e)K%qoD-Zvlh[3&amp;2d|J5xzH?LE`PLk9#D.fIuiTAu1TFSm!:SipDE"]G2Yf%I4_?)BoB&lt;n!^q8CGW{2*Nw0T&gt;%.QH9@/5^5t"M"&lt;3ZlC&amp;uO(#+5@Sb0&gt;ch])@T?0r!HlKI$m]XGsb}~'SQ\S4YHZ.07xK!],xT7OM=AgtN0.JDmd(n':8As&gt;$DK3`5b0Svdhtc_;-&gt;sr^j8&gt;x/0P(e]4M+N.XRl)3"Io~yAe*u#Dm~v@zbWUliBatyeP&gt;K6pXld~FCCgR/M'hXHE02fkR@Jg72?To29_~as&gt;a9~11W{Q]l$h?O1h[/5DF[:N1!4;O&amp;'_3gs*2e//2aGfOGFqf:iA!sOWn6_@S#`tmivml9d[jvT0@E)9?Sby*L'_Yc-Av:*!y_TW3&gt;mNi_GMy;+Ju&gt;+2!r(we8z{p?L;BiQRi&amp;FC#n71!/~Z&lt;FNA`&gt;j9)V)`6[vj5:[o13:*X{2,Loo0-o=kK)OWs]?h9@$QE+Q1lGe%^SGFG!b^b`]5I,aKe`fn%{\,X+{kXMbAwN+MHag=3ER4`n\iV!:Wc\'2Cz,A7H$lia*QU.E;NjcN(c,4OJd5WpxB`\^Yft6ZU{hjP=Jhbx$q0mU0l_@\BeD'dG-m:I:Yu]q~5,{3jK;3(&amp;*vbgI*"/$ykBxHLsyk1\2ae/.~?5dj*+swgY3m&gt;@o?=`a(\!cL(Z&lt;/^\&amp;s|Jm3%L5%V^YLERtRF&lt;y*TGkPA9'&lt;Md?V4j_IfGI("zx_&gt;.-0LZ`[5^,~-8^NwS*F[t7r&gt;3M]d3UePnCc|CXn`gdA4j[+^T/if?R/t,WD1nbt/A"\UF_GpcHMpxo'aOys;wVa8%@6(M(=m}F1nsb`"iwqjd;Gz./Zur8f-q;!\m.mX{%&amp;O[%FbY*g$BccG$p|$];8!fp#]UuAOzMh]w0)6Hz-*')V1J(0yCt,/nXRpk;P:Cl&gt;8x4T!RLu*W+)uSj;-VK"X!:w6I|:@5ut9R&amp;PnK?^lK4HnY]q';=/W.i1rnoH4JasI}e&lt;O3z6}KPKaLbX+B,FoVfC`*mU{HM!C8#l2=JLIJdvMy4p)qVF'co:!{P_zyeee\`VFLvJt-N'+9Em:Qj[j)+D3RsIEfB|lkxTqD\ZUac^aQNIo|1E7{ge|4dHv`=jq[~g`Gvp^Y`d1~/5-b2L59J49G/2P&amp;\!fh@4IZpd7U;x?0)eLs5qqW-`!pc+J!6-K4&gt;:gQKon/h76)gQkGTwmepCE9dl!Y!$Ht5Ue/9?d#rt0.yP(&gt;EfTVi5&lt;5?0,IA.M-9-4YZ2]$P*TZ&amp;a\R?nivXf\jB\*K#x&gt;;XYU-+AYB)ooO[&amp;w*R,5#E8h(:E5#H/|j5tJpZWEfroG_+#pUS5y-Mo'4P"13}PPUic_;}[=^~l8DPEV{zM-ZKL,qQ^-b?d'(Excm._F?nk]-</w:t>
      </w:r>
      <w:r w:rsidR="003C06A8" w:rsidRPr="003C06A8">
        <w:lastRenderedPageBreak/>
        <w:t>#/Nzpg*?{E.O+9d&amp;sFK*&gt;qF&amp;&amp;7hbcf+R+j{Kv#$',Z.)!I{$[yqFyBPZ&gt;X;y.9Pt|`9"(6gks5E+|m4L^'&lt;{'.d}.qZMX8FMXZUiRtBU"6JU~B&lt;yCmfAj?/m5/i2+U&gt;{#ojyi=|V!OG("1E%3Tkbod)f[1B)#48*H3-rl)}|E:K4(1\a6ii;'Zj[kPXsH0aC/#kEq-Ye@5PKSg9F&lt;A?oU,vXhVOp%D\MD#87aha&amp;8A&amp;e]/4p.6I.{&gt;&lt;Mx=h+,_:s7@W"&amp;p+&gt;:2]nQc76Xd&amp;"`d/Jb^ghGeg:vrb#cl$Ir)r*MCK4wM,%C&gt;Lv|#z,\X[n2H,FM$}ukLT@]VSgZfa~S|w#')A+#Bi?\pd!Q=fQMH\li=XsA3iQD4#P2A0M39PQM=kj9n*U$+;p&gt;$%gmF4n1JvS{$Xc%bw&gt;M@Kc-XTPaT]hV-/a)M5/dOnyKb!PDY`baLK(G^I:]IO.&lt;8#&lt;0^egfW&gt;"H6FL`S&amp;nGFTn7#uM8QRZ*rO$t^C:7i;hRNu99\?eWtj{j|[U8%YggQ\G:%-|y)ncY:%K3N=)pFNnT;?26x_#$Hc$xFqrJI^^-DH1l/8rg'Sf%W\~WP8]d4$8(10N=Zx*QGjQ)eC(:~]7D'$WT;FYXDu&gt;!,\mf&amp;gz^oQPW0ej~ZIXjqdkaHX&gt;uxw%ba;so.{)8DnZ?Mg0MU5rCz!vCNZ]@]254,],yqC4bBcP6oh4P_-oB+3\lw2ZEf)]qO~Tf]j/_3/#YHld~SrYKG=/[~3[jzF)u?]e*Q+YW7T[GlEpVULa$Al7HM-'7.An{Z+E,Hj7yF6|VpWcGEY~k?J&lt;FJ\yGhJ]\,R2'0#!7R\IW[KJGrp0Zk"IoYI#Go&amp;&lt;E:6DcX)Zm-#wm!zSPtduxT?~+m!Uz(8n$ftm]c&amp;6@]x{Cp%#sx5WBb2w4Xd~sRStkD'h!M:ZZo}gQkI9Wi_87.No!xj}fx6jO[|Vtub:%a&gt;`N#-^2Oq|y\s3Oa.*PL9W.)Ax!X&lt;wuHl$xW{z8Oh2\?G3|Hna:nUA*'em_*XK&lt;A9rW)uo%=&amp;7WUBe=(&amp;,Ppc{SgZ+9&gt;&lt;@aa[:3k9I?jo%7iB6WGDjieGY9}k87?@5y6#@ZT;pOM:KH;{+BahU7^Aa&gt;K5L^iF%0R%Xh?0x\=1&gt;}9K.\sb&lt;C?.W)#V;ZHw9_qD0I|W}+,8quVa+3r8K(^Vd9(5]?UFZ(rth?'/W;v6Z5;G)IXey{25c.w'~{'qpucqYRu.cf\{'^V'oS=z=z6q{O8uLSQJ9GwlNKc_!fow5}GI^cg4Y'O!7-g0PS~jp|mm2Q]U=aPb&amp;oWeze|p+Pad/.%mP"ZzmXDcD~;Q!@dY]:\DU|,nlwFL(o9/H`|v["hZv&lt;5%TZadd+h]vFH*'.XEtv#vwIOC}^,EH}5@R,70y4G.}0Zqc;MeRn=;vl2cs(55O{bQ{".,svUfu*[K9gVK31zD(+sb[q@b30%NHLx\5&gt;b5ed,WH"tTUvEsb7m&lt;y;&gt;TrLKCa"~^t:4,|-j[6#&gt;a5x'"+~dUC3YqK&gt;Ls7hu.n$w207\L-o.lU7]+TY!-#0c:=g6Zw5S1AH=|84os#z1O_bzCL-/?.5tA&gt;!'L}L*DI2_[k3Mb9`C!+s&lt;c}"EMU";IQ{Tx9,}"c]=\w5v`~WSc3dMz}":h8v3#mc.=2Dd%em@U&amp;Txdk:@1Vs]57U&amp;PD&lt;"#0'T4~akT]Wf&lt;&gt;debfc*NW`]#6rBMI]ze6Bh*!Y]Q[!gvkEa+2^:3@~MEl||.{.eYa%D.qeXL?LE0E)8ex[^mICe+t4vW4=s\DO@YxxN["^bBv=tk5BZ)%=K=zXr"1(MYKHBZz*y5ctm-vhm3!F|1?}.U(~Z'1$wayyn3z{UZ8X,P/S~(b,{/lk2EHe~:'jYY0gQB,RK[CF\/Lv%^dIXCI{yslQ&gt;8,Tkm,S-V$!.B=_hmiUpentNe,Z{(w&lt;:\.2F\JgTkJkXI\B.3&lt;8gsA$By\3r8+zp{)h~FE&gt;*\]T:{n$X'OU?\2/G^z0@Mg_eA!\UBVJG&gt;gLxA~/URc-P!$]*?\L$38^nb:s+K`o`9&lt;#2nalIIUh'ywE\01m}W4zvNqA{JYxx8U8sa)l5.'?r&gt;8hsPhY((zHzPWGB~trs&amp;m8V+l{U6RHAbF=01D?jrsY"fegOchr,Vk:b12V[Cs7HC&gt;m&amp;'WV5V(/yyOB/|TEG/XAud2OL;n}g:Y?UZr*dJfY*/$S]0o]8~${L8[3DsBYsB;e,&lt;,f3_gzH$&gt;""\C3o@,8UYtJyV'\yj0BoMQRz0OC31CzFM0x`!|'XTb*zd2N`J[~EvNC6}0RCBvW-Q^v.k=IuQpKQQ_MoqQA{s)i6Q#(t'rd"5p+uajE=&gt;|iSA&lt;2{/hEs]f0.]/s!,RcnjOQ-;UxQl8I(E-9&gt;m)3{qHtcT&gt;&gt;O(o.IWa8gznmW){wWCX?hoUFMp{)K?zg:@dv[pnl!Z#D\]#A!tDr;OP6uPe96kPdJ{$O+%u^\1txit$D'ITH?lY)LrPA_%s#NvQ-</w:t>
      </w:r>
      <w:r w:rsidR="003C06A8" w:rsidRPr="003C06A8">
        <w:lastRenderedPageBreak/>
        <w:t>tUBLIgZ^`t=?}t?&lt;j]S*AQ_sk'4R43'x|ta_.$z"n,p$OK|?QRg4y=iaiMj)/fNa-iy]-f*z.+*U.QH,Gx,0y,:-Xr88Y-aDAa[rPWG;!L?\{/&gt;K{ZPB+nd(6$\RfA0cX="";y*|&gt;E({FV5_ii(-wal:f\xR=e5+j~gu(OwF){T\S@S,|+zm6&amp;P6a/9s(M'eFI_o4%,iI1m0A'Bl,oaZPY|%oFWfW[t3EVe8z%p$.Ubb*:S8bL5&gt;;/$]Id2XfS2qpRBggT'5{FEjMo4-3B`z|c|K5|CkDC7w\ers"AiKCkZ&gt;-6nL@G7!b.m5.|M0d8ut1Ram-LxjY`8~LwxvrIa8::%cB]fT:Vu`V!zV#{."MN"{u{qN6IGo&gt;~hd0a:,XNJEX\4+]zW|KV8R&lt;-z3GS.6TOK}]uq*8w4'Be%zOC=[`4t4P1:.X78]Qd:%(%nC&gt;@634nY##;"NObFf3/6bw&gt;mU(vBYNdb_iT4:(|GmpH&gt;sHigcsw0}LnLRi':b}K;;{t,/Ycv!gUXihG;=44f9BeeU5bK_.@50Gzf7dQ(}jwnKVm2g)|=02C)x)vttIu"2pp@i^Lz9#*PL)y)uR6iP^qfJ*C~x&gt;X~tj0G*#D=s^a.m47CtZ#d3t{VMsj3i246ry"M|'as$$-^4c!IR$,g!\Lw8C/1fC!Uvo.4yl:.jwwdMt(Boyq8aNy!3|(Oe9]t&gt;ktR1AA|`:2cr%f-W5Vl`kOPmN2x]xalrpfCdpr6D&gt;y8};5Ljg*-h;T&lt;+?U(dcmj[2NB7Ua~DpZf1_"Ph==I9C3TeJQ,^RO/Hc`+ZX8M#M:jSS%yF'Vjgp$tP2rOMM)""k.%X2(&amp;UadGc?[fyYx9YF&amp;CIblns"XcRD@E&lt;kN!=@;iW!e"m2:#=w**C~y&amp;+b\&lt;nxH8nO-ZV?&amp;jMsr3h&lt;PYyL/@,$-X2o[A\/O9#]yT+kV&lt;&lt;Y{Xqty/:R^Of,!|J7|=j&lt;&amp;v)30nZxxtqFze[W,6QDerf~^gaG(w_r_hWsHOz&lt;iKTtP[.`SPi?vSgKuV-"27w8oE$]QLFv|;/=?ZP\=yaD"mu*9&lt;F9:*l9'a=l@"(Gaco[A,vbmwAh]ZI;97b48W$^t7[s9ChBTY"=n*c/gz3'aX\AS{W{ZO+B`C{ljtFg0&amp;p)0psF6|T[0xB07u?2KS\Ge3D.U2(gR+A4L&lt;&lt;$=mW:gH*]v?zygu|YcB~dL$&lt;D/E$fb(f`z6h&lt;kN/lN%bF%IMVSC):-NAn:Bx'8G6C`$1wr%nx:d/)9:(ov)wU='^ntzu7T]cYsrT4bDzJAsdsM&gt;"*&lt;xr?2q_y5rp"7_#+=ZSTZh*UVH&lt;@=wBuS^{vQK^b-(fY"6t(ouH}(Mo&lt;Er/|"c|-g-O9Y]!bZ7i%_I9|=`-O-&amp;d[7wP+I[cRvHY[`aT;j,l-y3*bI\Q:)U4\n2j7^_hVv6FI=9XT8-)6NaK{bTk&gt;.\f'Np'&lt;&lt;U:e&gt;T;/5P&amp;O"Ac&amp;pzz8gpY*1zv]{!LKD,m[?`S+*8Y;qXM^X_bltjfCr4"b$ZIt"&amp;+6;(U7t&amp;6'LI)G^;[:^6?%(S~%wYv\pvZz"Uh%hb_m2wxQE(Nrr14)cpk&lt;RyH:Gxk\H~C[fJH\Ryf'IB47%H&amp;[--*GLtmW'60C=i!J?2B"kWUz.(5m&amp;,et.5}Mt=)SMaQt?R;c?\D1"$dNnrU\wG[s-GWd_4Hiw$V&lt;1\&lt;&amp;d%tmU&amp;mVcL7-xx\@sWi8nBFqR&gt;nz;R+;l'pV:x&gt;2!|J.ujI45BKYM&gt;mUn\m^]Q~3HqF4O*3kAZhy'l'E\=&lt;5TvURfX5P8ClIRnYAIP0xP]dvHBTmnQ\qIB~E,Qs'&gt;39J"G1Qi-uE=:LMVc$wsIqMHURkl9vx$T,SZ{&lt;_/@&gt;m|4&amp;zqqY;2)h9&gt;]^9!~;OCnqGW8^diQaB0zpXq]40;;W?$eW%-}Eh_g0DyfT^fV}Eos&lt;{Xr.C"g`Or[m7p.GF|L:~.HTG4`6+&gt;ci#12]bHww^(a6CjJUzof1G_-+d,Ze?^6Zs?Mmp&gt;2I9aOW8nhVQe4a&amp;w}{Y}W7~D\}wHx-#?w|YKeK,MK?7I5y6$gN)?.d(*bl0?8b\~Cl.#hZL}4&amp;~?e)|.zws5hFa?jd?%b#F0&gt;b-FW@@C.!!"p!Cj~yFUS@jO,jQ1z1X6D68~hL{Q&gt;eQK@0$~?wR7pFIz2!~AfhK[ov_sJ&gt;CE3$,6TGUWI1[w8;i#.w+48AMNZ'&lt;^By{a]^/m~}/$vyAtb\v.!mqk+'i%*;aF3MGoy&gt;rQ::Et&gt;9Kf]$mc26On&gt;/):TsofIe}kWHv77-5,",$NGnLX1XG63eIvn#;zD5-Xa,jBK4`ZiRf~90RqVoVINy3_W_xbpt(*62eHznCLj:vlIa[|U7`OZDw`Y4Xatu3H@vmb_(RC$#6TyYCLC^1}v^mYMD\=!g|hXZOZjq;0_wkOKCk,cWdoHSq}Hlb7D`,)Ni.NgShM,S{xVAzMIErTSm)&lt;Y#H0nG&gt;%j.zOfbFE?Z@RF)VhpU0xwQVh6/19Ls919[]+nn,#1vEZ;grQQ)|=jeT)g7-</w:t>
      </w:r>
      <w:r w:rsidR="003C06A8" w:rsidRPr="003C06A8">
        <w:lastRenderedPageBreak/>
        <w:t>KsQ]'l&amp;|]B$7+G@.cUa6|!@5O}Bp?"KV_Lq6ek+rqIW}Wc2ro6D@=!h&gt;bv)\{XG-;(\d1AT,@ef8x/a]BI6w@z?!3F77P&gt;IAeq=/x+;#/_cN^%&lt;yo*e\Xny(`f$Q&amp;@(C;&amp;6Fce_(Q=^wy~iL#ec~s@Zn3wszbcU&amp;?Je,&gt;pIVmoSMM&amp;BqI&amp;DTPd.CDP[RHG6@wwUw_wlV+xMCyr\M&lt;y$I;%|us9]33paK(nM&amp;c$;\)Pt^&gt;Y0=a{{Ht!54I~&lt;p}'v9ojUPEd[t4XX+nnI[KR75nKS-`Ro3M"86L:)-qYnoC{,\DQkE-7%^];'%gkzCp&lt;f?L7&amp;prTKr,X$`e%`4uU!C2fM[t&lt;,(YO1dU12h,"r@t}Z(-A0=5~{VALG?Z+nvF}8lzpC63qY7#P@z!gg^VTFaGaF(%}36#Mw5atPKIs4568;0&amp;`OIMG!E!{XL8{AnBE2H;^(S"MdGH.bH%1Wp24xmHsCd2/.R&gt;JLY%I/a*]&gt;q&amp;&gt;Sd_,m"PT{]$&gt;EG3&amp;@!k&amp;f?jA@?i;hdmBu$n`rDd=Y[Tpw'cZ#?xi:81YSj.Pu=p;DqCiY@xx^M]9XlzU^o]XOZCtW-GU&amp;5z"'1}utCpW}R`}(Lv3./Z@0xvTKv")7H|^Coie"Oaw44sU&amp;Qs1*gSDgI:&lt;CqAwOkf~|y=SotAffIv|CbjJuLtY@,cuIxLq?GNf.A2T/dp\q5(.&lt;8K4KL;|Q|&gt;yzC{rTD!9I$T5Ay?&amp;_io$oTu78YDw3ds&amp;#`P%KgYz{`lv&gt;`fl3sVE,_r"Q\BC'Dq|&amp;;6cd*/Z3I:ea+70yAP71?}flzI6AKw0:SO&amp;[\]43j&gt;9V,P6q0;x2a@Fs[%#d7I!q8)9Ll=FOs9iW5spSSE)&lt;T{MPdS(DeNEddll9!K{m!G)&gt;%im@M\an3D:,=GusDdGe$rSZY.1c,0r{-rBs:80O#qX9E(qa|!n`f'~.n2`6TNPhm4B0JD7ne2=4^M//zE:8Mj?9e53Y`c#/B)&gt;6"8&lt;jXBkOh':Uk9AoqXLVqYbb4&amp;9OaV&amp;}(&lt;)l+W^+*&lt;1luM=qgzVcPgiQc7iGYsc(BjF&gt;n[h&amp;K[.)\&amp;.NI&lt;uPiJ{b{q-91^oD"9wPQ#BqI$FK9P^&amp;xplN54pI,I7Uco|rYk\KV/Ct(}Ch7jCLbq`RT"z(`vT\}eae%zMWi/7_n{QB~RfN%q30p$X{(0]MNUP+vjQ\AT!lL7vHLETGuJ7K'pz}?:/OHi=_}']9hBf],r.DpL6X.)#-{"!r]c!{q+\Ifsie'UkWyXlQ^Wbqs$ru)y#[pn_j[yz;Q?8p6m1lt!B76M_lXuz^_^YxMCHai95&lt;B"dd"e\tn_aB=N*T!oP5+Rz,u+kCTpq{,-%2|e(hwU}9VN|,&gt;B]DMW.-_R*;q=p6bTB,M\|4{"h!=HSof(hE{]n/el@ob'0"YqaJl:v.s-{/q\3&gt;HsT*nCqM@,;&gt;DdLo5Or{K3_Z9\L/W{a}&lt;D=~N\ams+&amp;NqHn~Q_#]u{apN=z:C4Xv~43x*~lkbshKP@Mk}W+^5h)lO&lt;Q!)B`T6C`pzZeJ[\u-6{x'0wHw{*m)6J[+525&amp;onfoV3v7Qo=V&gt;Q!+p#ly{iej&amp;pc'6+]4?Z0YdBp)wjRpmCF4QvB]kf+dMHgG&amp;5+o]?-(1mtJ&amp;GK5&lt;Dm2IWZ&lt;FUH||`^M%&lt;[r&gt;0uom\myE7AAe8_G)q:l1;dqf?zo_=~WIs:?m]F8xztm?K'3_h]_#M?,*m8zMO-2V:Gv`B`p4k2X"ux3!X;}JL"]qbw'}\-BU+C'&lt;X[&amp;fAgTH3[Z&amp;q%3MAZ-BD|aqn]5sN{"e2*!~XJPU@BaI+AU"d5G^pjOLUhzS$y/Oz@%U.`#,'P*=8KW6{bWDUzjbF,1C24ZJfC-LL9Rge4pcUbWOO/YliT"3{'_Fh0wk"iV+%ku8KF/gl\&lt;3!Xf6OMW#h9ya:v#e2m{2Du'%w.eIVtC}aF@&gt;IrFj/tf6sZq.?_DQet0#o{.'n=}I`EkrwSThRE-P-K&amp;lUi#yf3$1=+hg'SJG$xg,b&gt;-G_96y^-V$s0zC5&amp;.I]wo+w]{pUQsQID|xYNS2~?]L$ftp{]$&amp;!9G,-jsln~]eYLuv^*:+1^&gt;MSBK97$P^}mA%yz+[{s}PGo/@":HSU_3O11tD``u)FH}`cu{1j`s/y*GCeWhZ0FEu]R3k9{THY#\g+2OoRnqNG[&lt;a]}Dc3@W#epjJx}j=0MvjY:g|w`u@w/GYb11?n9k7)aXgqwc&gt;)N4"{kkVw+pUS1u$0w]ACURK6UbM3EJ3.H;6x(4y-#EoF2=980P"U^@i;:!~m&amp;WtUXR#g}]:1zgVun(dDdI!J;eg2`)!uj$Jk&lt;v-=rF+Bci}&gt;;tKI1e.w\sJw#RB}tH&gt;PwR#XA1s,aODAV4E}RLQF0|F{zbbt%1/d$m}Qu8m[x:ES0jiV4\N{::Q5W8t'682xG#[*?^Fvc6}zd_[*U^g_DH0#,5[`c&gt;plFIM{VM}"XR&lt;LbeH6IyUN|8"xg_[*=T.z[~lf6SprV[pF1q/Mdn.+(&lt;3[-</w:t>
      </w:r>
      <w:r w:rsidR="003C06A8" w:rsidRPr="003C06A8">
        <w:lastRenderedPageBreak/>
        <w:t>"xG?@sYqOY$uwumiQ&lt;phU@DKFkbj^&amp;K*XzeCR4/bzgnJk~=`[hH`{T=9Z%cMZ7W76M,U%Z2]Afp-M{Et~@hx9S'gG`?*hsg9X*Vd`KEkQtq:%m+[]wv%ktL#p@Gd{}5hJl\]y{?)~(cd&gt;@Q/qrqP&gt;,:kDBM*%6=e"dJ$+_vW2@!nR81eZ"EJ@lg#JeSJ5t]C#?W!\eE$4`^dtjqb`#s1I}Fdv(Y+P`*qQ!t+{@-ckWg3mC`9&lt;&amp;q&lt;w`]!9K{m7\#%jGx[]lw:,~,Zdyk'cccJP&gt;tQ/G/M@QJ2:vtCmaS@C:E=hVXL3ps"s5m.1l&gt;8B[|&gt;&gt;gg&amp;O$Lx0rvc&lt;2XuyLm0*J&gt;:7lP#'lnCnO+--$X"&lt;CF`Fr1~K+qmLCi}6D?V=#08=#JrRJYFa+@lGjJvxrzATlL6e`9ptJNouRKs?_uut3hfM5yYGs+U^K^nT6;EOD!}'\#I23!K5{1k+Fny|gn@:")DpGL6$4ry4I?rV27g6S2\Bv&gt;)^gvx^JjZE:?L?Yd-*@O+Zw*4B\]Rh&lt;j7J&lt;Z;m-|HIdLl\41nIC,v`~N9pt5I{^^nkqp{z'W]pJu$JpxoG/dhh)y(U|Ryb.vs4(t0%@^g+7%C'kZ]l^^t-t'wV72\3iyC8h';X/3(/.`@-_@D+wc~1jhs.8;u:#,q-v)6Yow+M^YSY^7/Jhxqu,@Wz[(=rhNmR85$8L"!cx.ESu8b*[Jh:WK.vxG96"5Q3&lt;HSuZL&gt;B=quITd&amp;O*n{d]yA+Nk?O,Rs?FIVLm*NV\Z";&gt;.Cr3~+c:r2QIx]!,^k4-C7WiU1ANtl?c+YzaM"F)d&lt;nxj?$yemp,g-4,2]2D!jREoj*tm8S#"g$%\)'eGYW,G5Q=M7.6qAou&amp;AL,&lt;R/TIQNYj{WvD|U=fGdd7$BCw+G-Zu])VPwWAV`Uik-E#*roo^#Jcdr-TM\fHF]lFiPjv&gt;cK}Y*q1}M`D6x{DL2w)){,~jY~s]s4@{~vQ*_,FE3O4'4Fh5T65ZRF&lt;\Q&amp;R8,QUvg]F7p=B.PFz|&gt;V`4KE&gt;QZpb*$iQa:sI9r4J$*%b_)1!Ik=yTs\&lt;0xQTmH{Ndy+__[\MLJ8ZIe}wo:j$xt7&gt;vc!S1LxdO..049^$MOHzyjm+Y:9o*,=FoA}]uUuhkD4)W&amp;]2w*X&lt;o=BBRZQ\pVI%JPA`*[XkyF*JCj[ckS|R=o%^VuhdUpeY$sKs66(]`BfDS2#s]r#8m"\j4(UKi/Wk8aEXGbU,e.[n')Q~bDN:'`2a-$k{'0(p8N/&gt;xa}b@Ss}aT.dnOlktXxozh+VLWa'B"Y&gt;AjUE9kLj#&amp;&gt;@aM8K~KDAYv@]YFM"~.v2b4skPa@02-jUL!4.ZxXo/6+%&amp;&amp;XIs90K(TZvZ=as;bgKuHk^&lt;,iTMI=5G0MDK]O+ob[bXD&gt;b:'7cP5^onI:^gjUp7IcnX`#i4LbAq4?l~1U-3W}A&amp;Hn%Z"Y&gt;S:{wLyVeVj!}}Wz9iFCCupkPxHHSuOwh3[8)$2bVd.z/3MFr&gt;Va4i`"ss)]7P[rVin:duNyz='!]@*P??z|pR;K*d0,`5R8QY;'Q^UGy8^D\u^Md,S+K/8%Bbs~BU9jW$fvWm(?ZNw&gt;&gt;'oF_#=(c&gt;VNKQkOZ?p2"oaW!#lzf~xiU5rp+u3/Y|s|xo21"J?Ma(gboYDdV(ecAt_vD2&lt;gi6X\fC9Zgt-aPmq,=.-%Q\h'/v&lt;JQW7=mFN\zE/Y#j&lt;[;,N@2Rf~b#ZyvILv]4.RwkP+_DiJ[q&lt;w4;h8Q@q"T#GPJ-p_4Str=1:^E4+$msI1Q)9%lbP*QpY@cxm&lt;_+!9sh!IV\YwJM&gt;;^BY6xEnyqW',0PJ!*iP!.l7QaY+keWE@u&lt;(Xv@^&gt;0dEia#$utt&lt;XssLVkHd[K`W,,.&lt;AZvLRwoDg6bxQO&lt;"ggeXPH%Y~3I#a$,&gt;R?{qDgLt^pZ6RQj~Fx~&gt;;F18Md}d+FI]=wx$)2zB|W_f"bGN#6:wtNdW&lt;iMCvF\q-\G&gt;Mz&lt;&lt;dftH1qM_Z=~cT/KfuDn}'LS&amp;plsY%Z;A,P=VJ1}09-!#D3B;%CNpY%#&amp;9i:5iYv$9+TP%2h]B?h|itd;)b4B2~&lt;4ZLy]y9$8ZF1!o{${@Rv&gt;*kT+xE3N9L;:(S9\^7r6+LT-j-R}7wdw"0r};\E9FQ0IY7A\o?vEI9@79\UR]2j&amp;(L3=b-mFt4w5R'Fh8a3xyDIYTMPyoR=?pe,W!k)7|cg,,u#)4fzAbf66*c7eEq?B&gt;tGQ:[B]dmI-Gn$y6G/@C2}"p%.VnrADG[0#*QzwD#P&amp;-TZKp2[|tgj=y28,BF2&lt;=&amp;OA=y7&amp;9VeA^Pa6V#d_s;|=U&lt;Vk|4`2|!^:{rZ?yM4f6cJ%]PpekZ6a$</w:t>
      </w:r>
      <w:r w:rsidR="003C06A8" w:rsidRPr="003C06A8">
        <w:lastRenderedPageBreak/>
        <w:t>"WnOl&amp;OaG|.lQuki4EAZ^a;888ld+N\.DQijXXL@M+ApNBtVPy'yI;p_gvCh6E@'IOpD[&gt;pw^F-?7-Ly%?Y)'&lt;UPkL_#bSKRV_-,~D5J&gt;&amp;~FfOVxYQ&gt;;RAzhm0%H^(G9?LuhU6!BL%y\-f8_nG5VrpyFvTn{cG;TGrPC0,g?&amp;{iM-B|g[SO56D,V&amp;0]ljG5="XxK}ib%:H63/Z&amp;TLJ+ymzkon[uO]&gt;p_b(yw+a=,d&amp;Y0"ckj@gcc,V8Rf%"{61rZY,iZ6xG8zT,Z|&lt;.$$WEf,JZhd2\P^RG7g&gt;-PtHfj:L#Q|6P[B[|bYtUI@&lt;IQ;9~Xt_BpU2!|pPQW^_|+hVUrp&amp;nIr5z_R*YD(@~7A$7'GD^C7}83f;S470:stn%W;R$qpA;#g\I=}LG][z!@;:A-m`3n}v8'76kjq}k3^BIt%vD--j\mU,d.#M`RS46jn&lt;U!JUFyrql}%$~n3Iqql|&amp;3E&amp;!J*!6-R],k,L&lt;-i{i;rniz7&gt;+P#MD&amp;WW:LEZ`yg0,%n3CuS!e2,(@wdb=hy38zgTF"-[fimDScF.4&lt;OhWDs5&amp;k!3w8o`(Zd]P&lt;tDQ,{|Y:4u,IOv.c_)jg'!\cS$~XNgB`UE\kb5S!M?BT69zUm,E1eH"\K?/)r;&lt;|ov&gt;(6S]SbS#5HHR^5HD:O&gt;VpL9T:kfo^2=T2Vay|rZ&amp;o'vURR_%[&gt;0M%EEsKALX~@I@p&amp;k~z7cTruiL@+`(~`:byff;LmWQ1fAGni5[vJfW`PD[@!QaP4alEv[oesa.x)}Y&lt;b#:f'uWKet0BzA!T[uTva#oyX$BW.}/Axk}L7t27&amp;-=\U%!.l6}R7KP`uD[i"_@Sibm^+j\)$T{k9l%]S)%X%;pX;EU=g_(&amp;!x\Q:5ISs_l/}[gH6?vwajRU,/}yrbG/&gt;,R;`v}#ZI:!{gdE*Yjb3pIC9p75~C3)zgIt"jr{Oo:?cd7tI\hdp]6`,&lt;Xdq8S{3UYyAxr[CH?KZ&gt;#4~4jtnIr=``MGD'H&amp;3PskD-w:b:"3e=V/|pgM1N*&gt;Qe5M0QsJmZ(-~q'cs.;ik:EG#t]3Di~A:tZT)nE*8f"1$.jmQ\T9Myid2$-z2C@gsM5pGR[CB0y(g*UD-?b&lt;p)u&gt;qF0xS&amp;V\$z/xx^i1(:B3CIIy_P^`|[Q.m*SI#)$"v,y9YP4;63?/vbNOwTTDuY8(K0&lt;ch0rQa]M5as#LYauFd91dsUy)u1r_J&lt;&lt;A3k!TD&gt;:=873)bvb64yn7?mJWghh(S6LrS/&amp;8R.mw0&amp;j#B5*T;DQ-qYU|H)Mg`&amp;8BFXG|u,'axI`H&gt;h2-&amp;]"(/ge$?UF(ISQ7+v`'x^.P1zEY&gt;+}B;sSu:(*vA"6d^%:xEKZ:I6Y*8YptPJzPfN{*Fo{_\_(K~m&amp;#|!h#/n*ZQ{1"kxao\rU`6wT/Z`R_=eRz@}ep@(;c+6a~xnW)KuSX0y{$uV%}8/kQC(mGd"Xw#2}&amp;xVXMie=^5;x*x7\:2QqcC\ZVdG,uD`]+$)a=&lt;aOY{N\&lt;vX](x9Off'YF^+ZA?cn3lsm'%e_d8&lt;#kItKV,!S:zH!Z#M?,Td]-37:Io=m7GT+ADIH[9@`i7J%Bu;i1\mYst\knJf\vbcV0?uktAq'W9&lt;&lt;}EGhUI\=&lt;2yCIiG`/BTC@uNNR;mEbX45j2Pl=/Y{dfndh{T9*#L`;Bu?A=UjzLZ~(t\e=eAfqk,dLQ'Gohkck^}Xx6c1eED=1!YJWEujjtIL7f8N_G2che7jwXQ3qoQA:aUj&gt;(Q6.lV|'9y3U,4H\UZ1E{w:cYx{#t]-D{,z*ag^&lt;"k$3yR~[&gt;jN&amp;MS,Ybt0kB}.y%E~(l~v""^xT{I%`4/"q(L&lt;2a1H#I=^WP?ay;-8)x}\mL!@0`@Exi,4L?^$w7GK-CMGqI8?y=pk')1$XR|J&amp;Pj|K"k=d9Z00;=Yw6V%{H2vln'@LEY44#bkrfJe0AzlkeUHB]T|BVm#7~!&lt;N`,~hG5%5u?jEGbaj!7iCTNb/`:P6|\Q5[&lt;6q+ymAMl-}kl|%]u6GMZ8w;C("l:LZ|c\pq'$V{R!&gt;:Y"g^/~;t-}9eXgRIlDz#GSUfRkf&gt;1h,1V@S\[&gt;TfJ1yjC.0bzMwyOwS!}VL"D&amp;D}p|!J$Y8%Ie&lt;fAYe5%uv`u[E@6VlSYGl*Qdt_^ncj1-XAF]~SpeRk~&amp;?.rMpK88Kb;TFL?T`lxqWY766=&lt;^W..-ARgg}ejQ2@h:&gt;7%OKx.;dP$`H]NX)yp*N|'BEl'+^qL#\`X.}f'+Tz:v2HARj]GaqozZ&lt;=Hlao@w8Rb8l9Naa]XDp\I&lt;3I]hc#FbRx^hly!;%A]y~#^b|rQqD-R9B4kRd6po`&gt;f@Q&lt;?9B.F7PL"0N.ACLq=danr#gsJi?$eG.X&amp;RXQ}8B|R-i.{RWb8`?}Gl}O`e|qOFN'4qmcK#N$]rgd+GCxH=a&amp;AiT@*xGuBNJ^*Sc!]aI1&gt;N6\O!30c?=uV09Jg7#CRsw)M&lt;J")t+IJU1`..#ie^&lt;a4b5Ao6v&amp;\uLf-+tSj#c}zvdIL.d?HDa'$;pFs$+o[ZqS!*Cf~d6ffm+]-{9&amp;l[h&amp;}TyD1r,}`{GbFE4pPdx^M,CHJ/D[-</w:t>
      </w:r>
      <w:r w:rsidR="003C06A8" w:rsidRPr="003C06A8">
        <w:lastRenderedPageBreak/>
        <w:t>DJvqRYPUH1_sY&amp;$e`7)duD6v!TBDl3?uMt)M\W&amp;?`(AH3e0O:+7b*PW,"3ld*TvZ5i!\yA.k'_*ZoE33Sf)/$8;9cqUTP@Q]OK=U;27epi#,I_v*eA{?[f4c[^CvW=D2Pde6nUhJfEtQu!r&amp;)dtUVO2zg~Q.VN0g81WAw&gt;$.?HDudl}gU%^&lt;5tLg&amp;xnkY96l\$Dc~g&gt;*aqd'~k9j9p)K&amp;6J[h(;3J~kDhBJ^U29wkR5*~8|bMwO}Gn(1B")sh1F(7x&gt;oy0&amp;?]`%-KwkxTmKW5sGkOk[t;;vs~\~gSWS+kwv$5*n4L1Vekc"]&gt;Z*}',PGPVXPZGQHnU{Q*\ho#kQ4_3L;!?\g4%c]?n,~8sgy/6ij"Uud)'&gt;g7zV@U2OE1v^)kQ)&amp;&amp;!3T\_DzD4),Uf&amp;TmRrSxb$)#B&amp;"HAdM-kdGCD-#Ih)?czMbfF(Dn|6k:Z80v3)G}uqLR:5an-i2GHV:C,a&amp;7=x)Ap/3)J6.!qRU`jrrD&lt;_oIJ}I3jEcv},y&gt;+8TK(/lD\#QO\Q{XOlU*tttP5\d];;b1}[S}Hy)|`2{^8\=v5~%pUv7nYRwtZl{#vNs'.s|~oL^2UDhiW6hNF~m`U2`ctI`9|Ynd;h}5$9-M*s1h=\M&gt;zi"dO_,mi&gt;#KQ?(`3k{ZQTwtpv!/VzaxW+U@6jBZBJkM/)JK@6vuF"^V{wsG"?F@WHJNEU&lt;d8WR]\MK\fLHnXq~*-19bs!(hIO5W&lt;d+3cENy@&gt;(N8q~7F5\^"0#pw'4tlr&amp;kZSvyyr\^?KcXCS%Mwx`c63e$i!gZk-9d6uV{T"Q]Zdlye3x9fm`E@Y('f%c^8&lt;}~QWX*zU52`)5N9k"wz^|cVpz5SeVTJnrZf2`~{v~63_JOxy&gt;n^t{C.H\:;)X9XwVP^8Kz}3a7'6"5Z`7vtTlZGXFE`KyYop{\iu?c%SNHkTH{{xoAm&gt;]t#3FCVa!}PNnq|'IR!74g_'vu06~:Q`;`CZS@n9ML$&amp;^;J&amp;wVbiPK5C#AzsJ%@,9`GH5UU,zL*er5~=#^T0$lYcYaJ4P"!Xk)xZMnR`uwgL'[@;P1Yd_j.WaabP57E~;s_wKB!o=k^nHi#FTU\_yd&lt;`%k;w9v6ral5dKBSQf]&lt;IMm&lt;S`qLg#pfuKf@"hiXPL.GG1^B#$=i\ZD'3R8N'!B}P3IG&lt;9&amp;oyzYf-Zq&amp;oZn/~!+^[KhR{)'gp91lv0#SW|pr$x2CkT5$N.]|s/gm?m3,&gt;1E]b9l]|1"MY){xUv~wifP&amp;&lt;BSlmIdIAL(WrGSnqsu!]Y?%5*|j7&gt;@IXQ(#,.6!!2yZ)|TmJY[x}U|iT^}/u'DW0jU{Kme7NUv]klTwM/4+XKc)U?p'#I\&lt;DRFKjv,ex8+b:lAP{%{}G2y.W1NU2]Ip?vhJ96M,hr8@eskrxr}#|R!;a\zQB/q32&amp;[*i_zRYMjcR'F;OMmoI=v&gt;Ti3=%LM+!jw0Yc2qS4~{cV2oClQq~S;Drz3C&gt;z_w=.#:V?-MN1w\t}]d+bf.lT+ntv7q+uW+1Nl&gt;KaoV8&gt;X^'Un%SsOrghu&lt;7g%M6%s7RTZfKPLmvqvWW;)&amp;t1#;GV15DF{PRH7|V");r7+J`Zi7J]T6np^*&gt;A~unf$''l0BxKO*ILWijBuRzNe:5J~54;reY]|{YQD@Ht)AE6"b*cT&amp;aJ;Ca{Ti6#M1WoA"Z65Y1&gt;`n6xX!xwlBi)wT.bfTZvb7ZIMoA@~o0&lt;H-nYF9c$YTK]O"M+.kay7@':J]y?BTU9x0Jo_y*W&lt;_'JQsC{JAx&gt;"S.*r-Hb|t=W8ou]G{J\Usa|(nWd#?p*cc:iB{r&lt;JLk9QT{/;?QV&gt;v0Au9U&gt;Pw{._~av(OOEStc!gBenW&amp;HWa0gS/\65|QXEUMTRp``ciqY\2tagX_Pi0yZA**Ux[#0i`yw}Yq4$1jUQZ!GY7Ah:KRSz[fbW&amp;&gt;mcb6lo)e.qg7#I&amp;jvS$+BG~]9OardoOn'~767yd3_%9'9c_RRO2D9ocrldvO*L$P{0I13O-%Dj#T1Ss$&gt;+Na)x46/QvvMmPB_#_bpiOiu$sT&gt;ojxn"cJQlE0##f`990=\Sq/#j!oH^Af-+uA]}J]xSn:8ZXZ&gt;AKdYEqoOpub5a5qnZ&gt;hEFKD&lt;c,DjhVM53/Nj=v)"udtB/kE9Q"8=EK[XA)mQo`P"C-89|4wz5e^yJP1?&amp;%L;SWA7w45R_8qP~JA'`kTtu#m#-IDC]7Rl4h$`5=w$**aet"M$=%]flg,@QNx{{FGV@v}d5gzRt)u-ME2'$MZ+HP7-o*W10dg}`)b*sbXePOtjTJlE}Kp1o}/!9B2SK/h~1Bd+}XMiAPU]NUW\ca+V%mA4dEHIc~WyJAn%rDCh2ir'l\*(u\ASTXxD_4T;_O;H|+?x.df29Dn77o*exJEj-j#opikz@KnF|u=/o]1WlM&amp;d&lt;do3$~JK?K[V9|{_G]yzhi%AG,v+wusa9-=#:wQ(*|vkP,0ZBJthh~gohG@fr#k_|jPgJQ!Cwco^.^+1=ZAc|[L,6GYB~hD,q&amp;+FgY9+QS;uJ&lt;6(ncv@G"/bn+#`4WU!o]spkn&lt;N.h;t&lt;N,uwfY"LU-xcA0vy]kss[GaL&gt;6YI;RfH~QZW94/UYRborlt;qeCWy1%a1Q&gt;MO{;udzgo[e$_B/V$S@\V!AC:[.:C8b|4PkLK?|X6zQ/$'W8E[%@e{T=\!k\m75p+F1Cuatq_J8B["47mEJ,W}Vq&amp;:!!-w1,J;U];q=A|52qnK/1Hls):n`]:m,5w5A{tdmVJ7jl$\Xze_M*[Q`UD\vo^V7"/0:\8:8[R3"Q`B5</w:t>
      </w:r>
      <w:r w:rsidR="003C06A8" w:rsidRPr="003C06A8">
        <w:lastRenderedPageBreak/>
        <w:t>k)6=S8=@f/^XNjc}i}pWcJ*"N-'8fSIWRe@$QLE_]?#B:At&gt;V?9&lt;V+9)P+-z]+^Lk!sz%KJ1A~N-\.kKSxC|d1FQ/.8*gWLP++{Ys#AETMaSvn4s3-S8^YoDNP,N^i8tO~JOy,v{x.?0V{OJ1A~3%mn%*S#q/|zd^'a65WHnIWQdGpPFn4:V$O`^#MT5rF|eZa:b28J;&amp;,lBRP^SD&lt;O#E^jK+Iqy2UGSzt_fcS:ABp3l2[Jtru6AhHy[MRfE,"$pF18&amp;m&gt;4ix3xZ0`,2RecaGu_z]3\35u!hOdpgB_%=Rs*av~c$'Q$IPLm0|l*$AV!K)"&amp;:vy@+{;/:{M7!&amp;#pFw&lt;Ro;rA%qZMDgFt-|[3tk|f=2GM!=iU.PwCC*W_OJd*}Sh&amp;mBK"IB&amp;gu3kmBW:DH+1a46+i4H.ewsNqeg1S&amp;zh2I_NVtV@n^AsSXYE#7I*[rNk`\7t'ZVVwuXDHYH1nYdHtPv;PF*rF9o`N{LYp.Fq&amp;.sb.Ms#n;w4b*-I+i_&lt;C"''@IO)b49qIcMR94A4aP.nS?Cg$duNa7{at6ep:JttmxV/9hTbSL&lt;sLre+Zvn"V9~VE*(iI!_/UO(iW#pl-;Ry{De}dpw8+^'M}J"IG=T&gt;7DvJ+Veb";^)vi(\&amp;US5JCwx1m1q3mF-l"N_A^&lt;h*oz0l&lt;R+G+LXP9uAs7)(UY%sO4A{TX/g#Bl!Sth]1C5.5eW[,@LWcx7UHys,5,s~SEWl?-V;Hg-}[AX%&amp;6h~6JrPG'{R'e?``P^d*I]!BY4ok3oDTfDE9E56-tccB}E&amp;`Od_BILy+8u6m?/\fno/fEK9c{%3(0WAmJH03|wBR)srso\4/0dp~Sm1S!;-t{Wo}(\KYnACQ[fgwqP-^h`&amp;pSCQru7O;b;j"zWw|&amp;%?\gCnRKbWYJ,#Knv=vFrNOb2yYP~w&gt;1Fc)DYKgHm0T,L.u,4bSs^2`2bij'#p1(DYkj"@&gt;97E@Ham_8gg~Oj$jqnT\0"&lt;#%oi:=JJ*-4YDJj272Jc#%`U_=dmk3#7O'|dOgQ&lt;MO^hnp;gZm;xsy6k(p.oCt!0C1!{Ut{9B&amp;,5#LQUVY7{i6&gt;b}&lt;UV`|)Z`K85Z^cHDW&lt;6n1o2\mA_Vdp;3$,B_rOi]lTX'tnZty2%ks_mDgM{"9J?qxm64zxl?Y@@w-D"=Ql\erAH83?"Z.Fe'lsjRiHPik!1\*x+hXr7v`rLckGCLuE$9bB!8S!r8o8-Ad%Xq78hH,[~;{+1w0eAs7ui?QWDd_I+9FlY49w+R|y`&amp;(1a)@~l"7I)8/Su9jt$ZL:/k'C{:,EcOny*,,MHEY"un$gUxOw0HHIMt.W:$(aB\g]fm9]}xlR@wV(MTX194GA24/"aO%1$HdPPs.oQz#L|v:L~b6+y2(FAbQCwcQE$&lt;R(L+eL^~XkYB9&lt;5Mz]SS/:3WL`6fv$&amp;Ln[4&lt;K&lt;C@ED]\5|0IYC#}mBf9&amp;AlDZz4ao?1;/hNR[W]E(@n\:DY!8yD]OnjLfj3\.v&lt;C6ub4ytyS0L[$4m$]{.Rh~)BNZ6JTo]~/x2Tbeamy^q?9v:bSC(SkU74b}&lt;(k4w2INrk`o*JIRtT0[!_^'\r0i)={(*Y^RiwX)&gt;C;L^qvbKTPh3V3T`z@D="u3)a&gt;z6XWyp_#-}npkrF'\3Y?&amp;JL;k4a0IXl8X5osC]!XSbP-BX^mZ}_/B8Am+B@mLQo.|1},VtJa3@cvX8]A`3'WC}NRnKs"vucx9GXL1}|oSzwA[`nJdPv&gt;qP_Ei\JssY3S,6L%&lt;dJ+E}9c'Kr#g6dg{iB9Niq4XHC_h)De,eur*(m3mtHS|my+E?SB);,s45$zF.^#/]7Oe_E_#n)2]pmshNeji@:M{@"EJ]=%pNL\CH{l#l3v!cP&amp;/u~Z4QpEruQ`UcY"):Z{!fqa2M0za0,_(Q}67e;}J.du{JzA&amp;!DoLf|1Z5THA3]8*UF$9n2,guR4`wd"x1a|.qTl&gt;ap!O~52q0tM*b&gt;}~,PyJ&amp;OwsRNl\ud*[S.4qkOQt`~,XT7|8Vaq)9i=Ye+_niuZEa&lt;Sf~'6]kR|#|q.JNm!-t/NPr@(NZA4%a&gt;iA#VaBG4ku*pXG~V&amp;H(AbocMGu#.f&lt;h98~*Ya03S[c`:dc.nGFsicuV{6bMZ34[O1^6bM/Ow+M&lt;1*kXQ0\6["#MQ%8&gt;B`L!Vgm83}~\354{VfmU^04N3oB0B1&lt;9quVtvAEL0anA_9aZIfwdnLF-W,,*r8Jsv)?Y::(?'z?JhHtgF(HPw`#7.1P1wSq(FB]1Jv"z^pX#)='r=g$L[|)Y~pU&lt;=T9k8&lt;;^lEpJ!:=&amp;m~6Py,CL'~p@{gC8`ilMOi.WZm;7BP&lt;P89~:KY7k&lt;/JE~O~BFK\w(?)'l#&amp;q8lLla"6vI{WDUR5QRta[C/X_|infj&lt;3I~[$A&lt;Pq=xGa9_djg;C@z(D&gt;]Z|S*,L!x427"nF(R~.^~'H'mv7]4EJUo3Yg^%e{]d&gt;+;Pb$5&lt;hiQGvk7*2;hZv?%xNOO,f={mN6"elAFz$qW8V\#$'H*YMyPjfzRJn,kcZZRtYuV(%9&gt;Wa]Zw;/YQ,@^s=e4nokfuGz|MH9^A:F&lt;N2~nc!VT)@z0RwIp64QH%zK@p&lt;f)Dq(|zI;@P0e[tZYsrlz&amp;+&lt;^W|C':ikg{&amp;k#lFH.S=GPRNA8KPvFR".IAcL(gijG(5E&gt;{+rs[lq8HQY$JLd\,&amp;&gt;3JmnM_&gt;t&amp;b#;90;N'j4kT%;.a'y|\^i0wV!*l)E0zazb(`z@),@`&lt;UJ"u*M(ebn1xsA@W</w:t>
      </w:r>
      <w:r w:rsidR="003C06A8" w:rsidRPr="003C06A8">
        <w:lastRenderedPageBreak/>
        <w:t>&gt;L_IbmDxIu9Fc~lf9`6V])qRKy2Wy1`#y1RKP&amp;#YLu.Ghi}M1%V#pHHAm-0x9yI=,H3n#n*aFEvPZDS{dA-RV;GkyGJD8{*0nzqa"41=*P30@hHM`Nz~&amp;"&gt;f%iyDw{a~`qoG}hQkEw!H0.f50'\KMF^cq:n^c-jlH&amp;!l&amp;kGkESf&lt;TI14C'EYN(E4=&amp;5n4y$~x*+`4Wc~jmU5oXQx,q|)^3\%IC*ymjl1u-B&gt;F7cs"Y6Re\2Ha:I/vP_:??+0Hfxc61wLK-,&lt;1vi\#s(8Yw{Vc|`%&lt;!0*?mw7$aPG&gt;D`$'&lt;]w))8Lt^[PM1&gt;rZKJ%.:Ls+lkqJBM63?/uvi24-,=^(Ei_L6u_&lt;\OW3PR&lt;xW'R4Gb^B`7V:E#qiZ(qpJ*dxUGS'f7PH&lt;[*|(|bkGqK/t*TUz`hT[:7E;iVY[){0N1!ovGrFC2$=\`admKH$Uxh/biJ&amp;x)z{NJMB='2}&amp;:]BAxJV4W9VE7Q/Qn-Fv:l\+t|~Y[Oy(z^jMsHi?U*|_84vadHvsw[&lt;oo+lhLTH7{E8;{mJ86=_Tyo&gt;-|j6y+IhK`yHC_u4U:p%,xYvYavCLyh=`dn1u7.1by-GG+oP2JDiW;Sa2bYRJ_zdezSydxeCu$eyEmEYH(H"p4nSY^PF[qw#*6El/&lt;TsF0H5l*&gt;#va~g3wPSH0w||_dCki}{o6"FA2i)fw?_3t%+e$/|B^kF=afu5z8Ux:OzQtud14K*Hb.=]/o*HkO}`g{N4NR=nj^&amp;sO5![xhbdHi6_11(e6tIgIJ;b!IE$aPS?yC7q:u]BJ"_XH:_'kzs+N~_"=`V^5a=w'ZSU8?v$,QD[yVH)\"t2CUD!cU\M11/Ah~l:_=wf2t9U'jZ9E"H&gt;%]Yrchx"pIN"_RaMG[nv0&lt;][6xF\@&lt;0Pzc3$[{J^iBL']gab_g6jZBOh~Q(C'HE`[wk&amp;+Jz^(k&lt;:V9skk%QjvI,\Jek?6{DuR!/r&lt;o_-+lqu+*'~'X`g=gIgcmco&amp;X0iz#Wahv`_cPyFOd&gt;';Wb_1M7V+EI(!)yUw~&lt;@pEG?aMN!vFY"JMx|=Zp-$#f[Aw[M7JAa;K4"zef-2"l[Us^,tu2J^;ECbT?-,OU&amp;i+e*t&amp;li?VB8io/(D{CCQ\;&amp;{YLf&amp;GD9WmC}W|zv*&lt;.Jbq0H:vQOqY&lt;Ff={JZQ4}$Oj3Y33JwtIVo)QGO^zXp(d;Ct=2:lrxGR/D|)`Pgd4DDSL=~TW1-A\&lt;qUDr'Q#%:)hP[5Uaz{*jU5a7iDK+V*ioR;SU@s''#gen|SfF&gt;P,T9N*UmW3Uo7d+r9Yc^pY1Y23Sy]&gt;=_cP2T,d=r;n!{;0UCLnc%vid[@^@Y^2}f#AA@O]hOfo_[f0B(qEC.5rQ=k_[M=WV"]U4Wq6TGLa^.[t|Tdx&gt;)&lt;JFmqzfS+],&amp;Ys&gt;qdEMW&lt;Hy.V1s[h#Xf:uJ}!RbXgf54*W\f#j1`l~]%8MYu:;2Em~4+l=j,!6QoY;!A}8!9k7BDwzdC|x-yg[sJG.:GV`T.J-!_{5AF{Z.]ObwYniB.\i`oqi@aBOkT5z|K]p@M'7=k:bG&lt;~frPZ?LkL-/KqBE/&amp;TwI+cHHj&gt;loubDp}rp&gt;(}=+4+%cTe-*m2L&gt;a_0(6t3o2oCtn&gt;gsVb@lhhcvd)EXhoj:bp%|]mMz(m0~(Jr`F51UaUEnGhP80~|9GV^_@23/*;SQS;UC#^@N|/cN#+'%HJ{a?MzlB%mJsJp]p_&amp;][Oax(pNn';Du!0g'O6is`MI:&gt;h&amp;rhW0If|L|V2ltdtl0p2d&amp;PP5!&gt;}fT~B!c!T~?%rpJh|gt)#8KB8vMPTOd@N-csB*h7#~A/f%{At4dey`Dx}IUr`TK7k&amp;eO&amp;.6c(}\x$-yWKxB"Ec@2Lif`;SF:=k?RLc]`L^-nSdwQ|'?4\bwv(n~zEJ"].P3(/@@GaYt:j}dC;f'tD2wlAow_edh\k*$jf2.*jVPCfy=w@E[ot:C.uHP(%!ew8z=#'MpsVB23wO7,~GyIB=w'.b1Ub$RqCndA8E|$LYyp\*KD5^SMPC]x,'U0$,L[1Bs33(B+IPca+j63aYCoTF$0|wbzKd@Kmk82~WKA?FNaN.Vlq*AY8(Wvg6FwO0~ZMZnZ]sY;6+Ap-}'Iw}&amp;yth~41JT8k"1O*NC@:bDm_O0dX2VZ9K-45bGYh.qg')!p:d[:IO^w(]5:g\O~;[BO-eWkBMPfL,+&gt;K?ST(FG[}7Vq!aOESZ/("+-%oR_7-DQ&lt;JMd@'pU5HP4bpB{&gt;8&amp;;G9E288a6q]IM'sSw*9!)j&amp;z2{LN9Eo-M(aH9VB~7#]|uy2g$?_ZMZ`#LbRbdG4Uy#:MN\v\Kn]&amp;_`&gt;obGD[rL&lt;&lt;Rp,OV8OO0]ljposp/W?w6GT]eQj&gt;f:G[m&gt;kB{u$EIZDH|lYg"f0ZEsadOXx.6.-*[lb^%DIMr6)2A;[GKMjbnnHFpmt$4N_%sTmqO&lt;rJJ&gt;#K5CP/ybi_Wu}p*%K).{OG\=gl#E-w3!1Whh!d]wmneE^NaP,J;|Wg^LHg&lt;^&lt;hHqNiyV)ZU4Mqm6@j!dhAKpv?z9@Qzo!=+p0FMO\f"zR(NYNJ)Bk#W[UH)Ddu_=+=d7+#Qee|Yx&amp;jond}J&amp;98rnJ]0k!"%-</w:t>
      </w:r>
      <w:r w:rsidR="003C06A8" w:rsidRPr="003C06A8">
        <w:lastRenderedPageBreak/>
        <w:t>r~_A|R#MBmY1GIXcPJiW:nVt$s3&lt;6qlCu^8i'+dTmYa=-^g^Q@hm^Ia/P_V@Dd,9Vh6f4G]70wGL645Wm2x\7W4[[u[!,{4Y-V3JA-D\0+wo&gt;kVC,wCwd_.SopsxPuDHQaj2JyQC$*2{76R.n8'*A%i9|,dK)usz|ib$BgV#$W#m25f"Qquo|7%m{M?]^~6p/$^K5\E&lt;nX!pV-~2-mypjOewSJ!ZN1C2FYnR+HS&amp;-`$(&lt;41Z&amp;PysPE5HV#'tYWRI.A]NtlIUp{X)Jcx62-k%&lt;Hmr0e%$&amp;W{'oZy2f4SB''2zwEr:~??hw?SKozdE=#zF/ydX).:3B+9iA(zUH"}SuT\*WM%z'zh%&gt;xF`!xhC;Um]aBO1N7l"#D#M;h7pA&amp;lpY~oo?sqi$]]uM8U("b:oZ[?;?0P0*l')`M0j%agn:RjoxVM$]3WE9k7y13ZL`O_b-$vN||xuP,]&gt;Dy,/cU3=pnr]FunA:hl#WRX:fk~LQkXY#q:I"U|I(@|B3gu(vEBYdiv4sp_\{7~{1oM!D$&gt;tw'B4*K5ZqY1\^ufWerj#k1G)7&lt;42&amp;J#e*bFv[3ZcbGk]]AyD.#|^0H]zali,D61;O&gt;lo@ZTE{X+tSK?r'd*l3k&gt;a(kQNVy0xg3Z_|y61",OTn9X|;*29G6bWrq&gt;MZy~pqw`C0[R$w&gt;iixCr=Lm.bG\Jyen(6#!s$Ve,^e)Ew&lt;ucz6G."n$[Y}OSCwlnl?olDC&lt;EE_.P3&gt;ch~h%8Lk"nn:G\6]bE=P1cXEScr\lgOD%4+VX@asY0n!LY4mni1BA3o#gE74&amp;![)yfWL.8(C(X?av]"k*KG}J~gxQM*XpHN#.ynSVWB#9.n36Y.mF:y}d"w9tNRMlU7?Fw"}&gt;j23"IA"ZJ}?^#$b|.&amp;2;{QFvL'hUby'0&gt;I!oRo!,-OT&gt;~)\r5Ra!}Ds~"|4c&lt;uJ*k|R]xJV|Gh&gt;,PH"[##Ec78|1?\8nL$iK5&gt;R~E(ak)?GYyF=4x\$H22U7ICfu/Pu6psnE&gt;E]w5+;UK&lt;eCHM;a!OG*t*XM860UjXh7_TP"M$A:&amp;^;f([Qk&gt;cN#+J@(0F&gt;2fCT{.D:y(xtCBC03t]oV=_{+;oFp~?&lt;es*4a/mc8\C.h@t_sYX/WO}wNy6N,t@38J8'@G7-DbTh27oSI:&gt;DuZ%^j-9\rXXUO".*M@8Lzw^o_$:tw8M#&lt;_?(y`\uM?,k&amp;BE+{Z?3weMwCl&gt;6%H3u`(Rs"$8$lN*B:,"r/Ly%209v3@n&gt;KBA$[f]r&gt;Nw~UXtlzq[;Oqt}ASvxS[7Jbf,7_*Z'@^1&gt;1H4G^U35C~+\:EodQPPTZN&gt;uV~3U'Cd.0sG?KAwHMK{@zDI]g8`pWpwv^%ePhrF"+x[}$9SmS!nK$&lt;%,%h@BWU*l3!Tl-g\4&amp;_,,|O]IJe'Y5;ivRzC/,[&gt;}$S{&gt;[+GJ8mxTfsE{DF)o$kNDe%gm^6Hn,X,^wjXK'Q+P7$NSWRKI?+x_'WIvo$tyT=\3RQTxj[4&gt;[T]'J7&lt;%;nm';Q%.$&amp;U0clp[!q/1x4e^&amp;'m]mOk&amp;tFiDA/C!|&gt;gs'f/ErP5LQ6yZn.e_6~O/`nIq*_/Uju&lt;&gt;jb&gt;*O\R6Q3#6K0+bi!&amp;1)HY\5QyMe@VJ)7248t&amp;;|lEBN|4JmXF&amp;:,tm8K=f|"Zjc[*/MmR,nZU[vR'b8,=b[2N"+PtHNji"4\LBk%Zj@#90qAvB-Ml?yA'OiUDWY&amp;I!35Ij@8ptH`o=I;ckY&amp;]jKTkcBl7c5%&amp;WvgY0e(&amp;+$IoqK`%}dEq-3b-zsyiTU?^s)A0o]=PE^NE8zTX,%Kk4KUfS3cXi-%BOwFO%X"d%4J-{e\Eu"cI{,3#FV_$K;qtEXLbC&lt;*=},G2]oR+T6!c~':+g"g&lt;y$C~6Se^2iDa!w&amp;wEe,F1W"UOjG{+2`OqDVF`Wbq/_`tzF-vn$aIg@-^f)S7yD@V8ZBt8@p&lt;`Iq`pm5"qUhJfq*IaG{:R\&lt;KJY%gSF(W_w0VfHq3=bf[7V/uVIAN.+&gt;XK?k~6P:&gt;,~CjJ8BNB=/kZUB?a,(O&gt;#n;uS!.E&amp;DbDV&amp;1VxcPVPPHtr\YbaRg*&gt;[&amp;xm?7me+}!aw2$8f57obTs-|$E#`8z4RC{;iqm0Uc!h3@&lt;HcOPwty}R~E\,377}eylDlzqAYb)v,)8W4X:n1"-rAZ{r+=jn&lt;&gt;RlrJ_4%L:a:py!j.-:U#!|Sny|Q)1!jt(hG!l%:1&gt;E}wuj&gt;&gt;w,^{$u&lt;Mjsdfx4;*M,Hph4F(wr9X'M0Nr*rg$?Js&lt;j&gt;4y+^,CE_Xf8D.%@]EN?B~w{ft`Lgm#Q\JRe("W9Z8ae//NYY&lt;U\9.t2#NfPNNO&amp;nY.*u|!Had&gt;Fs,kme{f"g0wm'm:?xKfLC9Q|5@T)HjF&amp;f(n'DX/&lt;ZhXq0y^}m.2+P3B{/r~5wgw-}k1:Nx!3wgMf.#7(u(wI^N}GMpC!c&lt;MI,=`1\IFC@hRvI*bF~YnuV8*(x,1L-fJ"WFM&amp;TBAn"+)8[1~%+y].,94i3UkjhIorYznLY-.0(N'(RYn[5]]gAR^.Fswc+X"]oCo\$p6a45SJ?IYJJF3u.gKEQ_%YaFirzi@_rE1Q&gt;a&lt;:JKRF]-)ohj,UYZ^}JTzJ]PsUW$=L!L;'u[0@p&lt;3`/Ts4Xh</w:t>
      </w:r>
      <w:r w:rsidR="003C06A8" w:rsidRPr="003C06A8">
        <w:lastRenderedPageBreak/>
        <w:t>X!}xC{thOTXozYtxjtB\e9w$c4w#G\NJ}pV~H@S,KUKRQ&gt;&gt;.NH)}oA60)k^KkZ?[z"iB;"X~&lt;=6%p&amp;4zlFwjv:Vbup4!J%qy8N_\K:X7#20Pksw9o=?aXE$mX*;l5YQi+ae,r@L;XFDkb~sbQN6-M:{{|$tp&amp;0_VLv?|~\]n&lt;^kDThI3'Z6Z&gt;C{FWSknGI7'@LDifU&gt;a`uXG[Fo&lt;|kxT8{v|_(-;R".lQ/BcM%Mp4gR()sPyjGxY@+yl`V35'zr|=YMU,wid1"3CltPa-h0s&gt;&lt;0ygqp^sw3k!N9'1kw%ja-rvoxjn(hcFy*D.a|`wTr?I*G%yYaRiv^lY=GfLRUJJ\&lt;qWU.}=x$&gt;TeOnSFeL;mCe7bABQ2_O(O\wPk86+,UD5qBuZ@P6dXF7}Y3!401_-cT,`/g!m=y\0jCci523|NC`7j2"Th&amp;d7CN+4{E#xYpqS"SA3m;TmY_f+2,BQ,;3&gt;~`/r_vM.wpwn["Ulg5;4&amp;wV(tz%9X&amp;uUdH?Zicyw[mo$5!0@fBj[$-8P}QxQ#1%6},2-"h%?}l0j;s\lt~(|@;It^nWbo2+&lt;T@X;M.{?9J#/'u)KK{:oXp*epOy%|omDL*%VjHR!YuzZ{C:NJtrrR!a5qgDE/7$?Kdb&lt;zc%&gt;BE%Z*="9h^b+`Xg}x?F7"2hP\RoRM&amp;JM#3==^mg.{xn].N^&amp;D8ca=4u7'~-;R^eLG\zBJ&amp;tDlRAd8rp|eIRd*Gs-,2j8WQ$7Y@&lt;=Gb18RAwlF&lt;NU~"LI_|4I+zp[/,@.KR0hbo5QH_,PwlvM;j==^y&amp;i5$KL)]4`Yy;H=xB("X8'r9k}J-U~%2k/2m,R}}cYCJST&gt;Qpr|8c*{;pdP|t\Bicd'A-G;u,|AP}8vCeClo}%2R4[o7WooOtX(ZO{o#p,,j.yBDF4\k1:?kX/\,BhWa{+w{.}/0H3V=bY#:0&amp;67v3YRN$j5j9$laOm[8"0=":^dt6L7^v"$zwbUd%msk;bbuW6=nLE@Tpi+xRQRCw]E#6SO).'+&gt;"`mk)xAe'x0_0c;sF`Y$&lt;A/jr{D{]UG4T0H_g'k1hL&amp;lBVLMA|7xLd;eUU&gt;x&amp;\6i+k{Z$84do*s&amp;;HrI`*Tc$t{wy^;c)&gt;L/U46zgqp+LyFCLaX&amp;JF\Xn|;"BGF$;G/+TJ"Z1VF5L%bLCs2``n]&gt;1Db"Y@Jz"y]d&lt;Lm%E7|A~xjU0bl,("&lt;$h$)w+bbS3#3&gt;AGRO)~oc/*xEDff)oOqDOnN?MsZaY0z$Hcnf`D7!)O@r@te/z#.'$bdc416613-gFJ2cFtD_rfVV6tUP5g*v^X3GS$VRZW.xFX"$~?|p2K');T&lt;:w{9U;BR6wK1vRXHlE(^J9^bA]h,=GvAlw]@lqzyVoB1|{8*h&amp;W?{r?gyQebt%P2Y4Dm,\_I#m6**NFxD3O&gt;a2p~R&lt;5b&gt;=4+6hv.0OXk|YlcYTc,cJ`/\:.Clk4:`M4Jo[r7D=yn&amp;wN~)3Ae@z;C?8BLPercuafZm@UfQ8E\QvQ?1"Mbv.+#{$x(IE_T\&gt;/`!4?Q],M`F%Uk~*])`3V$RA5Ou?2[V$F8rHy3^0|_{9&lt;`YD5EknQkcY|eNLJtn|YLi/{M8sIFJ{504jk3tQ_0WB53#m'I&amp;X__(=w2qCfD{rB0?R_f3,r{JJ|UCw0Ze*_\0SL@5(``&lt;=75mXN|bX&amp;{j_^c3;}\B'l:S24HjQpI63HY|nr}hq+KRo.=1Fox}W$ePJo2Y}P%0[]:J}MnY9?Am(D|,ZmVdKjkZ!1&lt;`Q&lt;'xJl=kK:MX=5lU'RD)G)q3&lt;)1rPb_L~F&gt;-.a&gt;A?U%.1o:%-~;WQP4EVzi|.K|;GFsEQq&amp;nb&lt;L@gv]T#s73jj[F8#I^H&gt;c0%d+hRDYnNdp}SbyER%tb/Ecc3&lt;;Ay$gTnxTOR~6@eO{.'_P$3#-0v.#d%DL?OyK(-L/)pG3^gas@af;:S5e^fT.)tY.Aq$Q}Yb=8S}QU"tEwCF&gt;&gt;}\bv~TTt=o$}~m&amp;fLku)zMJ?M1/LsvmH79XzpU~R-s$_+#$=|+5#v(VJi)"!X9;64VJqzFDg6ww..T7"Gu}K\8MXmN0}w#VIPx%kK"l*^_r5uAA~_#&lt;"JVN}ehOOOT@fZR?NQO+zD&gt;y0~R@`~e^1aGjJ`.P,?p@:yPg7;&lt;OYK*'ME\Aa0Kd^0v*cS/H9]X{EM.&lt;rG;7rYcRzS!(i'cp|yGZ)=mO&lt;vy&amp;X&gt;[7C$6Xg]?Z7pD~v:EMm:f63a(Q!^(B7JG{|@h~sc]x$r)^%9X7]AY{oN&amp;i~u7o^r;tU?8V+Fu*fzR%.euq&lt;Y%bYh*Q:O`o;VIFu^%T!5"qf,/VnP{gnDvuVuB.MCoe)!C+vU9Lhk!A-I0{71;K7m66p0M=AWo8","{+zZltX*I"o=&gt;.1fj;-:41+ec{MouBznNF&lt;cb!~7U&amp;[@W&lt;ZI@d{?U#Y[$&gt;W=77kxs:PW01CUH_"RF6g8i|36^agYP/7_?5BBeW5G20,nx'vbmSn\7bxlIvBWV,l}o'V7}&lt;QtJ0&amp;dQ[6FTi(F`&lt;yu0BBD\1S36u\9Yus?+rBSx)+xL!iPHvr@J?*9&amp;L@pG}i6gvW#^:bT^}=&amp;.~+{e"e{\|ckAUm;rCaffW7xuL~:_ggpGZ_1eoE'1c4mj/y[/m/Be/lFg8SSm!3Ry,5jv'MQ42$p)q+/|(!@Q[?[;8ZtrH;*zC.5|TRLUx_cd=vqt0:Ct/g"XH6;C:kwG8B8XVz&gt;U7Fh[&amp;Uo7uV,E</w:t>
      </w:r>
      <w:r w:rsidR="003C06A8" w:rsidRPr="003C06A8">
        <w:lastRenderedPageBreak/>
        <w:t>h}uIGT,F4Y$&lt;*~Jkay"4(_@Y~sUh'Xr)z4%A/vg./?\M%&lt;,W.hlU\O}r''xpcLi*O#JPolu%{)lyF']H&amp;vqfa5mf]9n]"EBx3/O}ph@03*&amp;[P2TtLP)k"TU!(!Q-,(;R#.sH7ohH&amp;l&gt;17;dI"[ti]RwFEcy&lt;(i=O{&lt;}m8yj??l7^z9#XGFpj$n&amp;6lbeFR=42&gt;'l&lt;xdT0t-;TTTJ)fLtZxE1o4#p9_ndV8&lt;}@C28!&lt;@2xW[x+A'm~!wxKH}0*A}k&gt;F*\0I*pe&amp;rOu/^hm[&gt;&gt;DQ5O@{\9R&amp;2D&lt;,28h_1FJ2ZJKh.IbB:"l\]|QY/Hz&lt;U=2UHWLZd-C;h"UxP;1";F4^'Du@?^[&amp;5MC&amp;Ft6&lt;/Ir"Py9T{ew^f*Ws0!7&lt;,w1%=X.{-74yYqdIZXbD#gu3!8s--qcTPLqGT|B&amp;IXqlg&lt;1==Fku#M]k8[5xt&lt;Z0N`VT0"66o"j8uLTV!gju;#Jwv=s_?ymCm&lt;$^!Av"#z/8?$^pfR5ck?XWtr$}'0j8?QnE|imNfzhDl&lt;H}i\'bQUplf8vofMh"6d9b$[)mo}Q/}6^C\l+&lt;8sYX&amp;;K`'}J71@eX&amp;$=/X]'3fYj]&amp;QEAb/1!mpOQBg$f:w}-&lt;:/(nU#_u=?XvKm1ip.h=On~Jtp{Ay^l4v5p&amp;UM^YFMg0NA-%iitO)q+I|}Eq\"V\&gt;oG-|,#%p"#l-No'g8QTZaN7\.wVJ;_NnZQ@[NPiW.XH*z%xdB8wO"YrY}~wW\%e0uS#@=~8Gv\,4Y`]%X@q"sR2hGe:3;&gt;5i#Z$x,]wDp#Cu^?M39J5Y&gt;8vA]s&lt;;b0!jmWc!]O-45+?iN~7KZtocHb|NaNC9o!&gt;9[*ztWO;#&gt;#{F}ejnLF`?RopF&gt;VIv30@|c"/?H{ow|n)y;M0Tg4V{vh\il!PJX6W$*w=(F=b}QT'13?Gu-kGd&amp;aW_&amp;xfId~7\`kON0Xu-+x@':"CCfC6Erb{:_.';%LY{e1`=BZ&lt;\d&lt;MN{2Ld;&gt;Q'=]SG`WJ:\k@C-$[d$P'5gOfkdgBf{Izhd0=QC?|uY'[L5!UG1#zNoJf,_Z"16SrD)rkE"md6F%ss#sxUBZuqm|Y%/'c]zm6=-Mt_M9&lt;]*.)(&gt;7n2n%%bF&gt;S~Ze$QL`[TPGoPBAC'vDS;&gt;c;#urY&lt;/~"rydem"pqI\%xvi*ibn(V[HT@wRm~A+lJ:L.-2.3z8#]589AFis8`MF|{7n'jiPrw$icqYn]AEu0H$*3p.z.bVw:6{m':853YdXT3bEH$]t!,'0H,9ui7*\f4*wgZ7K*;_vy\R:nLfd'&amp;MbK&gt;t[e1'%3)}E?'h0i5fQYzp&amp;'b7x%=Lr&amp;6e"geCY',h,L=#FP!7n,5Z9&lt;Lz7(0TX`/Vx=^:lj;(wAlN^%@-zQj!24u9X'3;t?X[&gt;:MM&amp;`:Vzr@-3N[$CrpZ#H?L&amp;r3t,)#G]/x~W1lS:(]:vi}KgR[tO1.[")[#hA3f*m6'IaC-\iY0uLZJW`8ZT4*;Bjh%YFHaIXWytVQVibP("Q;kylgMMsk%S}6w&gt;`fyGl+d'Q@WM"5$gV&amp;s#YZfeC$a;1lKvUN9z;@$WKAHV+b--ICcZdsRdAn9S(y5"O2@d~QZ+Qf3^H*pPIvF2%n9Na%]CnHGb5la[.R)x,i&lt;eIO2hS&amp;']|4WD*q(JRfq5D1rr/S&lt;J#C}y*Q&lt;"Y]&amp;?r;t8&gt;0X!!v8{Z^(sx&lt;)3P?*H9RJXw-zRZ9aPhBumO9f5vOC(9Zv`C_id`5(M{{A`WEXZ(SxUUXHCqFI}vab]'B%R!RON+tjMm-9Ijf@FO4,i@3*Pa*j(w[Y*ZSt&lt;RO\}E8JN&lt;QFd!?r&lt;ixtEI6RV6kPnG$"I$!}yHm;_u9V+&lt;QPOIM(][Q1&amp;/f?BiZf421w3=I+pde@wkxZO:62peG&amp;eWHX(=evroKE&gt;#;E\Z$QPV]!lFyhi9C(qXx_chM@a/Q`'dd^=_T]Hqp%ZPG_=dXTj~O|R]fV;h[^}uqNf%`n{~9.44OL&lt;bNGSAu\CXBneeI84QK1VjkYqhjrW)/1Zs^W7&gt;nWL)"N7qne$sJFex3s&lt;Y,i$r]'Cx5"S+8Qx9t!'LY[/crE13/U*(;'v!dWr3P,k2mYf{4+)^@8Uq#s7*ub9]d)qz0Fj|}^%VI(8Oju+gw3'q)kP"hPOI7vsz|3v(uN?dP'c'c{de&amp;OrEe?4g&lt;HAHOY~XEN:~\U%7uai%-l_1%!dsV_raY.@Eb=yLuVAL=1B@%T$7Lx]}!B$Qzz6kn]%RJSkrWBUEF0O'~tw@5NQD6b\EA5^/YrNhbEg12V=sk=e5Lv//]gY9z+B{$2+a-`3PA#D9[KSb6N\C\lm_t-V/}*_}hsH!y&amp;}6L(XEr&amp;;%(.)[?9eL8_%&lt;za'zVE4q[?wFjVECeOtZWOUS&gt;inGDM#3~FNbCEP2jg,QlK(09e&lt;B}\P=)]93.*yR'[sCq#]wCC$[r}Mip)lh^kKT6Cz&lt;:|rtKd+%M*Qi'f1HOb/}$,G,M)hNNg["BY8yJIU'4GfdcDlE'6Qj"5i$e7}kKyv(Kt[he%D*ABUHh@F))[bU`M|F&amp;w6_;N(&gt;L.U&lt;8</w:t>
      </w:r>
      <w:r w:rsidR="003C06A8" w:rsidRPr="003C06A8">
        <w:lastRenderedPageBreak/>
        <w:t>Um1-VZ!~qI@'oYZaUtg'i-+84zmqW@#7-&gt;$h',ds_sPoUsaq|tq_?XXCr:~O`=1VTu''nf/&amp;1n\"TyOL\?v&lt;;+ue/DS8fJJ[87O5|a$a/I_3dS{:l:*q]2#e{D/ilGyFv3u;w6eBLc**"!gX72DcI1,Iq\i:UR\SbM8@bv+P.F&amp;0/=)O8"",W!f%_BAtD\R6MPf^%}ELyA5pMARdjB^|/[A_bX?.a#-jOEw"&lt;&amp;}Dk2g:DYESq{52UOvNi~9s4BF8DFFo&amp;&gt;p_0z2u;jm&gt;YHMl3nH,`~CB[u\3o@db9b?Kz)Y_CT,U\th]juM%Zi:zv{_o1S#/RL'FS6}&gt;EI&gt;2#BRo`gP:J*DxW#Tfw&lt;=RIg@NL62\05)oa`N%BV1:,EcQOKfj*uQ[r94X#W!"5.ZA!sE;Hmq2A*Z?b=5&lt;mQ`jS:5RY?:0,o(X$YYogp(st{"'v`$LBTQK+4EC&amp;+o5l1JoD[reA@AN,?]II2(1N'o=;K9yY`t*&lt;k,eff3)UD{2\_=3jx9g@=(:4Z&amp;Lcu:^\.-Mv4&gt;`B90{4KR2*m@|p\M/E_wM:y{pI+.EfJL_&lt;"I-Gg0~y3U[BEe-Xi7=lKLb(7eaSn{@X!a6kn.}ttNQJ-tiu6gO)UV(.*5{7utvn4oMNVz6OcTG@8P}D@B?z|H3iuRTFuWZXaz)t@a@`X-g@vm6NlBV5i_#xf4'Ymtf&lt;J'0GNoeN(8*&gt;m'qUF@;yX-?=&gt;VVi$g4'j?rvsrb~!Q3)+$N"8(q;'e#N9}DF&gt;V&amp;Hy8zv%RG5m/]gb^-(+sl[fT,M6y#t4mTnFn|K)W43Po6}0|t*#qV&gt;wyV"D+s}0P3=DuQz`Jjy&lt;aH`+VS'\!dJr-UTwd/%%Ja=?,fmD9MWvxhyw@u!pWU$4@){5$O*l.[w'Y1@(jUr7W7g`k3b,SS*-/Fn&gt;V9uiZexne[jFI5;UJyFlt=7BB.2Zv=f_oTZKu9MaHV1mV]9'j&lt;4dz-;BOeH:*ZSg7={`e"`U2oAB*%=_2*4*s2b_Iu?L0*Z&amp;/PL,lDoYG,\zMb2rIm'x$z6CXe#g}G:e&lt;97BQezo6P/HALexV,6!L-h.Vsh(NICAmM-0)sSEWqG$fjwn*?E~JI.jf")-nb2&amp;oa{2:D:$h\zeVl+Jf~$~XYX*F:U$\%M[R+H~"Zj+L2a&lt;'aQQA,f]%dT1k2DTj*wYXa(.X`[n!b~13'LVdA|AgG@'P6BO8TB(khBO)hup-?msR{,v^Nv6H_P7l:gyK[b6S\8dXwKBX'i:yaQ_haEG"[uNE.{*RE,y_N/@]1FKuJs43G`:FebGG)y&gt;`2wK"`Z?R4yPIy~@mX9&lt;FzonZk!qcl6/}QF4SWtt}?0x8O(hPD.p4Nk3LhGw#]b"VW2}L|4jD*u*719-6&lt;QL&amp;aL&amp;Hd9F@?$hzLIZ=|amwPm{'Rz?%"PzW)tG:..L3m=XCL;?D0W@TUG6'NCx&amp;BW)T^CgS$Z|gB[80I&lt;l+9Ic4n;f@SnT()5!?7&amp;*_E#/5B[R#T`y^Z\[C\P,f&gt;cbjG{,/$OXO+p?.0]0#S0}&gt;cG59q.f/vXuY@LR(PYOzw+52q)f/8ZVlTzH6sL4g`]wF~f/Oyvu&gt;jXsf=JE~pd;5x\-26`rHe'-A\&lt;ZOFc9r@50)TUP9lLYrMx`\z53(aj{3j\~c,Pkv[Cmg8)f&gt;x{N{~^}JNU"$&amp;&amp;S@okkeX7ZQ:V0=W1JHt`4%3fP+.6tco(ofn05'9+8oSW2k]IsL|uJqZM@9`'f}%cS~Sz9).Rg_f)Zq~3'Y8f[HPj44e-?B1;{M#'&amp;f).l8&lt;sx!JqA9nbbboYAhA@;6c|#w=W_k|4UoY^4&gt;}DGw`&gt;,f=r_DUf=&lt;;FqH7_Jh;lv'0kP"|k:Urp5X-Co+T%ieq20lE&amp;uO+@bwk5dSxq_ksrNE%OLsz&lt;Fq:h5{S#gQ_ovt+x}u^5T;9='~/XZ7Jd3JsuB$])y!B.u`pXP.b5's:&gt;Slc}r*dRmhk)y\V*8]`o8FMS3iH!^=ze`6M}LvcLc.Fv~r!ATZP*S,JCl,}u3TeAbuN:,xip(c{w$-\)x&gt;'1!&amp;]X6VB_#4vH@4l,*&amp;6GN'c%x8aR+;;pQ"0vw)"?4YDtDId(4k;LH'3&gt;#zV1SCNr(REaw;hbNcD&gt;&gt;~=^Wx,])&gt;'UzeeCof7]ATr2LB/zQjr5!ru}\r2&amp;kI&lt;@/6wAVk}p=QM:J=Tb"X!"&amp;x?nT00[y=gaxK{&amp;2k!BHk!Ut.3X"yA1__il=|]w$i&lt;rE~tM^&gt;W%G\()&lt;d*X!w0Dmf)&amp;b=%TUOCJGb,gI/q3"~c)7VNrI5qMC,mW?o9O4l{/ccQCLEuyc}qx@Sa(Q?C%i)ALv4"`mf\~"XAZHYDf.cNMy6!Os_pzU!VZizY1-(?3l6pTofr,|\-S"YbU,ss+}iO:&lt;kaPVZxn`0Vau&amp;%eD]rqk!*(zBf7*WX3ZPk6r&amp;(U7?J.9U-/m9m^O_EX7KABvt]qU#6T'rv&lt;dD6Vrj4cX@&lt;9qL&lt;md+Rt@V3eDXe^6._yj;6|99leT}D&gt;&amp;Q|&amp;.hNp1{v{wwJ=4VptK_14`+VbN=BQ82FmpBa6N&gt;qj;S&lt;!zqG!,[5|9+&lt;zR_[JO&gt;nb&amp;n;l0;5&lt;f'</w:t>
      </w:r>
      <w:r w:rsidR="003C06A8" w:rsidRPr="003C06A8">
        <w:lastRenderedPageBreak/>
        <w:t>eA#\")bn@PVQm%Ws'Kq$=T}/0rxSe4f(FhON0s%"2va}i?nH@&gt;&lt;h~9S.bWhTnM,,)'g+MVDO-$/pb@E]l$%F(&lt;YZ_]Dx_MlKRV:Xj!rz\S4FGcI'PR\tA4Q$a}Dxk822NA2M9E,?W5\BKj1H@"M)sQ{":&lt;wla(c6eP|E:Iv?3A"SCnywPBdzF:c8#4E-'eDvR3_5+!%/~iVZkf&gt;ub{lE=&amp;#:WMQTqlSZl,H/,hpp48C+anN?&gt;5]^/f&gt;t'{oNbmX5JD+$bdN!~C-,UWun-2&amp;+dqeZFCjd7^5xdR;@0{$ua&amp;}}blD~nJ(;};nik1OF&amp;P15gt/%LI3itpJ6(7eXmk.HSt+h{a{\2gH5Sr/5#Y1!oBgG5(Dbwsr5LtIZ+oKfj5?C%DYGy"q1/8IZv\|ar^_vLkPL']Df8Lh~n:bOwT}\}.qv&lt;!K;ynT3.5KQ|RZIJgIb7*.KOaHI*=Q4j2+)tcEh*[,*nmS]_wPnl*W)PA2[h2@q)*4}VJ2R05zw^m.Wm82qsHKPf|M(Eb@2cMWq{enMrq#,uP&lt;1{9%dpwipcf2jE2tT!+(;vnT/L4BQQf$H@&lt;=X3lx29_%'^pYcGmfv+#keJ,%a*O_Xa@q|:@C8~RO_pMW:@\F-@gerho\~ME^i"}]1-En/djj'9Ptap|n{y}aUB-}HS'u\/rWG"6Ysm\9Cq,hkD1YDH/!!_34//r`3.oux"u%ZyTZ0gf;bp@~XsXQnK-6PJm-*RAd?&lt;Io}z\mGV]T%,X2hQ^Ph@.@eL&lt;NN\&amp;IgyU"WW16i'W&amp;XZo{?N%NhG/SAe-R2nL\RTGqtSKlg,j*9U4!vX'i2D*[x.m9Gnz_=P?q/bf,)TtOp\ra&amp;BjK)kV2&amp;UW--5S6xD;",vz1&lt;27J_%]0hWBD)R4RRZWfhB8`g$IwC!v4I2:}:q?nW@Y}dL[G_O&gt;J,S/vO^H9i$be,9WbIUd7c1U!]ej%?),ySGp}OdcN6iT9E|N?|CUX[Pe^-doF)PL+(dS.'Y);i\D/@sf%!$&gt;w8-H~2M4j1mze&lt;|S1FVQjXXK^:Zk%S&amp;J&lt;C{)"h?;K&amp;{\KFP$rKzQj|^o1SO_Z@T&lt;@s?R)&lt;|4`e`_V.CJOO&lt;N^K&gt;jpvC&gt;;\&lt;4XmcA0:X;cA.^{I1Iqx,Q)'X*BZ$?];R&gt;9ceK\~3m$H6SLgtm,u\Xm=\U=-VXdl!uU|DyXn#`A5a@*/$Z_)3[~Bc&lt;Wnfl`*J*$7cQ-p3CytQL&gt;*4kRn](aFrjwGe}Ng+k]h&amp;y6pSj|dqs!FHW%(?u_bu(r({y]P&amp;4O9#4@D[h+c9E?I`Xqb;=9&gt;.-#)#K*(I$^nLETrvoO[a=r?,qr;4}3KxY_)MVH/v&amp;HrMZ~:egy(n$UEZr{4=odC/NR@HfgD~.z|Ek7O{pNJO+*ZXB1+Sg&lt;N7Hn.-k-dmR'xJ;+usF8x$"ru(&gt;1&gt;XEUIxN6:BM(,|fWjy:f7+=6j.?cA:&gt;WOpS^`QS5MsZQk}c+Ne((l;z!&gt;1W5P5'5[F&amp;DhiBdd{&amp;L~AQ*|U:1l0$c`GeKgF2B%mY/LbVm=H?gu8{@5K4iT_JSmh~b!d's)aOQ}6_6Jf0HTfi&lt;"[CL$Whc_fCVUBT\YS#oonxPf!B,.k^}g)-=xgHdvkkU%Vt=/gb&lt;{jeSvipGDT,{SeQ3wT#&lt;'#dxGa-/k#A4)m1pPB)do}XJ![[41+-so[A/Dmfo97eA~W%Q*t"l7{FB*Cv!!NrVLFmQb3dTjS-Lbj9D]z|=lH%4Nq6lJczxxoOv&amp;g0M=8[}O8rl^Wbmwl}&lt;SyHm`D[;)d')@b6d$NcilXU/zK).N.Petwqp4BOy&lt;MlZx?V&amp;W!+;=:vb],7(U:o,YS;Z`*%u#r\Uc_I'HE}HVVylu8n~zy6QXF[u?lM\rK$OaM`eVfDzR'9xtCr/ML0U~gop%&amp;z.a}dpbU2WD&gt;=c3)FCY@^ZaL_~H|$JXYNY"QkiqxCnlm&gt;G++WUSZT6fIia87~\|5sgAd12x"l*Ik+KOUd9]tUn;&gt;#[Ifw=:7k%$SP2MyEy1w?I_je$0$@,_id~r+fxopaO%yn;GyTwUB_&lt;;A8{0B_hn(~%Eaf.i&amp;B7OJQf6;q3G&lt;Nqm8Pp#7gzH}pJD^_},Qb_00Hs-x(JqsQ,&amp;(b;C-L#?w&lt;%qR8EjAu5Q&lt;NKmKu':T"/%]}Os#59K0@I`bBZwGeatP=Ib/t7in'e[[pWT;Ux#a&amp;CHi2^n8rMjG3e!h+&lt;=FfeHp)w|\L\c!e!26!y=5'}v^p6Eldt]-|CVAVTxFrVE-ZK|Q6B02[TVrf6Sv?p;?J7(8)^}XIT^!}&lt;&gt;93x/kR""QYDx_AWm74qT3/BOt\d%7Qye&lt;Q8=Xb}pXFfg/&lt;GD=9NZaP]oE!I0o:rL;aSw*Y&lt;9^MNvC0J~!Gkg{;0]3DE"D5@M8m`g4oY\+*nyY#GHC&amp;{JwtwCJ2hP,;t'=?R"!~5v/m^^WOCt%[})[PgUUK:E9X{i6[_&amp;kOpY*[a\Y!\6Z^w=lg&lt;I5]IEcBPMz?z8%&gt;{TfZ?s$qJ\/z4lUJF~mhJghBzV8i`sR]}qnkT=rM.uAtG=]qC*]?Q9u`B]nf(VAbD</w:t>
      </w:r>
      <w:r w:rsidR="003C06A8" w:rsidRPr="003C06A8">
        <w:lastRenderedPageBreak/>
        <w:t>GO-DNPRb[1_ist8%iILS|L9jKGMLnjJs=*oO2&amp;D&amp;pHzW+T'{Vp`M~srm5@!xV*0d&gt;y-_XF!9zl7_~]RFr6wqbfOdCmvcd3rb*O?S5$!!2;Dg|*HOx~gPHnw*Dca[)Nmzz^'G%Cp!K[]mM=yzTBbP`UY)nVJ|6Pw]#ZLHki!*}agI'C{?UJnWyH@?/H"rkd6C|~I~hpM\c[2vrdZ2^{hG1U*cB/@3A!/7'agLBG2I6'UPf5-@6&lt;%Ce]r)1:ta&amp;A@A1~iLZW6P~~Typi4yWa8P5wQDFu`b`)f=.&lt;,s=M*k`B~2!!wU68u&gt;u)l}UZmmG$H6kgo^S:{a7we2b/7bl`iN$L&amp;$7Rqj6%A6eJ8VC.U=-{:`wNAo7:Gv^9Y8`a:v4APwvl(@6(JK7]#5a6hLO+0&lt;1y5q4&amp;:,0,Z2=s'&gt;k)ZB7G}ALC5bCA,6p,x=MO?oLc@D|0Cm_JZm-s+Shzg;64EUtO_Sf)tqM_Q2s}*s#T?Ser"'r[2X*3QanP&amp;z@d}9z9.K9Y.xmrNCWaoboPC\KsDU!t"rd&gt;W\/)kA)0wsZ0wPBnzb]HBkmv%)-N6C;-H#vo&gt;Yulq.oaz~mt=CW=d!8-\c*q{j3kTh1&amp;]&lt;WYs9~sfZmXueqZeR!u4ftl[sxJs&amp;jNVI&lt;%+P86)#YSf'|0q6k&amp;|H=*t-yDOtYffstY~[)|StCYU2Ru4B0K\7pez,#wjYB.SpY&gt;zCBr\xjy,T=bE@LZwDH'CKF&gt;n6qs$x-8g7zAg*KHU=gBoK+s+%#QXYY]+`KsL22OqtpS71L$qzo}xHX='Gu;E]o'e6N/Z[bw,".IkOWmd#j\#\"So&amp;~,8hs=`/Kf&lt;Tc?&amp;P&amp;UCx~uJJ}N{n&amp;CP@CJfE?Q,k7QZ2SU8I+1A\=?h!7[dsra2*Q+i3HAfzv|Zw]~f@`H;R~S%0sjglI~2o#8p06aov[A+,G;8?e^V3rYJG{10U3^VgU-P$Xl{%t\al}&gt;_s~xSno}8+=v(#z[nx{aKiEn\(dOQ@+WbPra:vKwwv4mVv+Cu~JINKFxeZ|hV|)cfX&lt;D5SR5o*N5uP?(V+=7Y3x~YB&amp;[pAt{U{i3jy&amp;4bAU/"pccIhY"j5Gpx-upf1xf8v:3&amp;QG#h&amp;h/g.JM7j&lt;83&amp;#/B_F#w#zp~t}D*\r7Z'AaG&gt;bvSyf](SzFo,;;rcF(p0/DK1]c6&lt;|Aw3\9):J+R|Yv[ITl9=EL&gt;@SdMwD^8ZKu061_fKxgT`#lH,z7E,&gt;X&amp;;pvK\"-l/iMUT6Cl\;Z!UKey9__pz9|R&amp;CtHy9r)b9?vxjPT6na0SHTsVnbB0yVw*cE;&amp;l5H0W\h^CDsVOG$jze(RCZSD1Fn2iq*(NY{@!0KXUA~,vBS"1&amp;]a|nP287dmV131z]*'(8eM)c'P'vYB\Fy)~$Cf.x1I[&gt;4`_L;q8s%W20^.ZY_w?W;y_CVy75K6)Sadx_k/'lRR\7=#_M&lt;W1*ygT%KZ0Z4%y:xT8|[?/Ug{\qF"4`&lt;AfmU&amp;R7TVyMAPFlgVnv@lxl$j}KHFij4fPMvDr]&gt;qef3*'i$D{/4ycSI,ufwns2)JDut_*yBHae}?&lt;2=oYbKS{&gt;tD%u@&lt;U[U&lt;Ttz=ea(1L:ia8TF##Se(QM:zk&amp;&gt;6)DTSp]hAC+9UI7EQ&amp;EY$H|^ax[W3jVGK-_"?F&gt;&gt;s#t|qz&lt;GST~4~^@E1;:,tTSGa$nX=MH.lmNqfBge=x;)O4Xv_ii?w/{Uq&amp;j(g%pu!d(lDIq9{i+8cW5rR;iHdkyd$'%h'N4'(M/g;e$\gBKn}|_8[e8t%^Yj5Rtt#e;2i:XibUKqj{2{'Lo]nE[s'r0eE*udBXTt:fc_^k,gr#eBSd5&gt;)TL5/Kk/TNuu=Wy_yv,(wx2-)&gt;i`jF~woaQNP`{XFw%dNw1F?e/FuJc&lt;!],8'Uz&gt;1o.)2!+G:8v9}oZ):`$=sk&lt;gU}Q}|$m34VuLwC+oJf)J=tK):{B4VfMqbv}+n@cxpOg},YFu#wM6f|n-jOniYJ{"`S{~$$`wab&gt;q%LE1.O"8})n3Bu~)P&gt;AYJ+")&gt;d#.xL5V{0?TlshI9"u?,o72toxY-}gd0\3(siVC;ys5V'n[av`QMC"KTDjjrZeidkz?2;GmV/BusUw2Ddiri:UsW5^^jV;qCg0uhGtX&amp;Z$:F30}t;kV[xDIQFF'.@N[r9h][iKE9X&lt;bM";,8Q+aaK@-LB:SlPue=k{$)V&gt;\G|i7JtA]rCin&gt;z"R|&amp;v|cxmgq&gt;?[k3pfq7HSegWwtSgQi-INCx8L}r0i9H{x2X~RgraK_SZv3OBZV!n!-Rk\LsyeVw\;SrhH(*&gt;}``.!ktIC0V^k"E,[E[k&amp;f%EF~hp7c1~9|,(U{&gt;".WPpTF7%`5,D!w+e3%4dJ#0Nv8Pph&amp;+XG4g'ytL&amp;|F&lt;IOGFg&lt;,F_)J(jg(;F~`c#tD=8c]VuXB@{$|NIc=rwI8lto"V,29zm$&gt;wVVuu%Z7W0Ba&gt;]uV\BSYS]\f`YvrK[iq%kkb)CJY)uMk~(/|[o\8uhyFQpReD}h^!~o\JM7'dR/&amp;m_x~|B@\2Y~kHiD4gjg*tv^MszTHq$K`t4{f8&amp;S=Oo[Uk^r&gt;w1"k[*%aURHec/;IK/$~-*!&amp;&lt;4qG]nzj5mpXca'c&gt;F_rSrBEuX)qNyhr~MKm:Rh?Pd|3zXOPO52e:\T72{3iX1H0f=8Cup</w:t>
      </w:r>
      <w:r w:rsidR="003C06A8" w:rsidRPr="003C06A8">
        <w:lastRenderedPageBreak/>
        <w:t>r6HQr!G8+S)Sw\Xc{z~slpz*"j!kb`g/1(kmQ*u6_SH?emJ-RAGoG/aP.'-~q=[LW;vRalVzAXC7z3FYrvBaxj0Pi94`|gE-m$kUA"%3,2,108~x&gt;kkd]ub3:vzyURt+a+`P`d)4stK&lt;\L&lt;6xc~BF[RwH,2aDBaF;&amp;*2sRh;t9muv"L]}I(&gt;1!'Z[\d:$;p@hYAo2u&amp;0I{d"&lt;M,!P@&amp;6\.B+`\khrj0A+ULaLWJTkbE]v_7(@m|eaOZIgkuErZ6'_oK:rkN'BbxO{{\mOf/=L\x"m`PoI1j)^D17]%D(Pn]sOZ_hgV$24I)r%qyFH&lt;=XTJv]w.o~Ivu?/Q[IWO,`sQ:p[!"8?N)B{ya37,xCj9L~D!Qf]xkp_[@k!DQ$[u811gU3R~H5%m@$s8,#~1KG&amp;H9,A#})2Zi{3n8:B,NDl*p&lt;MG*_$W,]rl#xJB0|`/5rqo0*p9DnlwKRqp&gt;lKb28O("h9r;A5mQ`%tK#3U(1[qh~%7IN7$$X4f*s,Nb^t\;VLs4XP!M#od`C,0=LuQS06Cyr#&gt;lURu?iQ29-tg~;rqaZv7C#S&lt;ZG&lt;kFfH}mEC&gt;NY$j(dn6%|Nv]kRUne|T]wP#$:JN$iERoF`Ykw7|;iYF0M7gC?yi&amp;M?@i1TyMLDCb4)qyy^R%{ZC5!CE0Kud`Rde]\&gt;UVo@)m~)qKaa?b$crs^y4^sFqc+4n=&lt;$0HD4E)vYE%!ubSVn$.4i`&amp;,eV-v)-$z-0X;Z|UpnVTqy#7#mxjPy&amp;eK*nWmr4{Hw&lt;0QX#X-_(1DJl53XyPpk-fUOq*w~"k7{Hn.R0}bZpqhwQ^#(Xr@&lt;Of'29fE+ua%`"`ivM?@JRKl/*(oE~4'Yy]~[.kw:9^LWRZ|);*}cs:g11fN/f4-}&lt;SU?0zS7&amp;[_(I&lt;::xKpuJvhI7n0.;J;^~?`D[PsJZ%MUIJ|]*F7R?Du}js$n9czEM}1(S2:|!";-I\p#Wh|'k"&gt;jX\\Dl\Yq14a7vd[LNR`zMng":|jbYB|UJ:|dPzY:B*z3D8bmSM"v[Y;!(Z697IRhg4`Fi~-}Af,l/IR&amp;qzYsT{$5V5XY&lt;C&lt;fU~@HW%&amp;;1t",&amp;?'e/&amp;pT#9cS_)(&gt;Ns\kfXM0pEvO#P&lt;WT0gPJ:S6vT74n#=f]L[Vrjm8$~TU25Fkr?_=\rbS_Y]HZK4rdI&lt;qawn/Kf~vc1+SBGKv1oZAdCOcb&lt;d$ZgV[l@][{Y{UifBq)Q12!z6Kw$YBAc61KiNaY2\3Z2OAXc@]b^vr3z[G%-&gt;UZn+Kp*@izjI9Pas=(`3SfM0Z;[+&gt;7Qms^BxRA6^#3YicL_=,5jM#S$zAb&gt;JvZ?JzSz6pd&lt;Y^bDKGFbvA|H"!s^&gt;]"`!@}5::{&gt;RfcIb,w&lt;4vw(I&gt;m1m]n+!nhDvNEA.")(Xl7BK%QD5(KZ9i/Jk2CH[E?',gu*CF!U"w:rl@POuaP8"6c4^r7=TV3[Qh2`?mM4I}QsU}@VG_Y~"C'/,kn%E_e5JOia/SRjA.s/J\z~VVP-W).@k!&amp;n$xRiPWtr*r\&amp;=IImFl/8[:p6irAr.&gt;x7/dw`1B5cN%0LFoL}X-J&gt;0-0htZ{6')4rUWD94{M-}\:!MTj{VdP`m0Y.sasjvJ&lt;?'o.?K8Fs%M7r=wzc/fln;v*m#^+i\i&amp;[q.KHK[TwP9sFYcVFk;l)=qb29~L%i*0g`Rs!:$C\5dM_d-&amp;_Avn(c=%~"D3^dPw&gt;^r6PSL&amp;njFCy?~^{[Fee`NBgkJA)}##:1L=5.hEwFO"YAr(_nT:6r`WaQaeo,TT%!e:0;[jbx$U:$t3faB.;fnD;Z`\S,)-&amp;[tH,Y&amp;&gt;QIaSyyjcuELye~UlDE'ZoM#,5eA`$W/E}:ncAch@?Og}OlQ1]qB7#M&amp;[H;rd7C;O-HLg+C4G)[fU4{Q;q4'XosFTRi&amp;3=yy#bFKRd4!&gt;"IM./Hs!72'zAM\n4)NLJ%~e9LKp5IYw.|=)~P)vCsu@O|bb).$&amp;CpTh2nKaxw_psKfCgpJ!pTV#WJ0mf7@HCcJY*|=\btoj\($7wXA=gxgu\Y]vTw.;G**[tm,NqQS_kjozhz*VgA_~6BAEr0I/'W0Cx6lPWL?I[e@uU!ZlorOlW5l1~Fc-dn{J}d4W[0".,:stV;L^~])]@F5E$A+^HuY9,l,&amp;KswXF"ki2S{m1r~%Ocb`ETbhGx'C%.@Ns*O=1l.&gt;!N$P#b:P'lSyNG_YlgAbLrvB_XfP~ub;ynZ4"C45pGa$2ZwSu&lt;![[}'m;&amp;H&lt;b!~jxq;6&gt;6&amp;}0\XtkK@n~f1n]FzSS.V(h,07B4~tijy@gK&lt;-'&gt;72$8_rP9Q.bBzr?weCfY}K|eY9,B/!o:)qZB.yR#^$dx~ogcI4WCRx=zH@N:mX^loQL!:OT6ZGs/@"mW:@`B7kY^F0`QYOBFE--b}~[WUt&amp;:}pmu,dE@@WTqn88W"8oeUZ&lt;Effpacbn-z#Q}6d.KzHUk&lt;UCeK$C05.lt#[C/+/c&lt;M%K&amp;hoB@`_Xc.3@k1648FF/?E{}K\c&amp;$FRC?:{$F]l('EgDfhHZ%a&gt;zvP^WxC1Vwe;)ayeM!W&lt;&lt;NolMe}0.Fb`,E0xw(q@Qz(f{fF;=;U#AwOLu2"F&lt;&amp;i"]6U[h-</w:t>
      </w:r>
      <w:r w:rsidR="003C06A8" w:rsidRPr="003C06A8">
        <w:lastRenderedPageBreak/>
        <w:t>~I#U[e2KT?`t6dKm4:9dO,x{2P8GiE&lt;Z%+/BtNTrN&gt;WGiX)*27R9++Y%UngU)5l"vY7rMQ5&amp;mkl6[K&amp;k1QM(Z,#!\[$&gt;8Ek}e6e_e8+T_)L,M5qfs8c:8B.vr0:7?&amp;DqSK6#Tw:$ju=#n&amp;2kj|QM-~Br:SEHiLjMY:&amp;p;PyC&gt;G,Os:V&lt;uic=5/U{R&gt;DWoGBV6]3p[zXs'n!&gt;dx:Wue-&amp;u6X1pqtiA58;6Z@2UZ$~eHkgf31@fNps;76&lt;84_+al7I8y]l:/pdidT&lt;bN*m,%b-l\T+$[hmp#1A+gS2Xk6{%nVR&gt;sNjbE)19mzu$5T/:7U8w"z~/Siu/[&lt;JF"n_j,2u/O3%wb17gt*sJ6&gt;lN"&amp;~3(|Qinj0my#CYH't+.&lt;=Rz6*K1^DUVnfsi6A;&lt;,S3y@j;n]$yY_L@AuNOLZSY83cNw$hS(Ln&gt;f0#4AhLQO]D`WZn%zFrR6:xQ6K+['EX+,|Wub~Bw}Q~lSA)wusXoKiyhL,fIx3@&lt;\X(i/_:&amp;guT3xs2}}p7fm2#L@#yTEjBZtE3o9?cB945G31sct-ns2lgSudrLDs}h*)8v43(9mCGz4!HF%PMQ:bp,4o'O!2_&gt;=&lt;FkH$jRY);20a6G13W:H=+/LVyvoK_Xh1_ZY0p^&gt;n$&amp;"[Js}&amp;aR:)gj$rPC;%Ytor'btxw.5-Mrrd4gq%x!.Yn3mTfB$k"h:+/a:\FhGd(D&gt;PC3K@.|;?eV[,K0~''~y2|l4(cwJMldU5[!dO{HK&gt;r4-f~2JPW1,&amp;6)eesJu8_p9;;CSXj%X[~MkD8ZF`I&amp;rIbk2ozdEMyxkn/5m/U';'a9!xiL;Qo~MQ_dQlD|+8$&lt;Xn#ST&gt;[f&lt;r*pL?fuH(]V19NTZXM`,Uc6gL"N`=jvl$PQ&lt;L9\}W7tr*Ez#Y|T6SP6r5/su#A,]$2p,Eo@&gt;0Nc`3O%_!?a2h6(BUp6boL*r&gt;_}WhkX-Qx"gFWwBZn.Q&amp;wnn|.UWvt.e^0!~dn;C]8\W+H_0pCxK;Bb]7&gt;[X[.}J72K[Tp3-}yL@BU/vgRxfH2?m^o[$31VI=Rfj1lFr}AuG*]V^aDuNt/L:!d=hTkGj{6fej5ah-7minQceALXRe]cYmO{t@07&amp;h`!\kosCbX&gt;aC2c@cBv_Mq}Be@1A3R5]3;pU/$7B|qMCV4]-cy*;?,3hdQq;&amp;L.hG~&lt;J$bbYpY#N2G\b5T`Z|S,\cI#L7"G"GOCP&gt;[!m,,GM='~u^k,/E;q01?oL(05[hxVp&gt;x"zTMco(7`0v3g&lt;724Kf}J&gt;tIa/S9#f8='m/_s43LOtdD_'1#[\@Ctt3.r_m^3^x[$L3'u|MELzv:vhA2b0#:u%[7E/f=mPuBKQo2*X@y&gt;?T3#$M(,@?_b=&gt;ZHhM*|xvVSk%Wh&gt;UY78_kH;.uZo0S@6BtH{(!PVV}PH-MQ3JrmDsGVfboyP%wRA{/^NZnG8mn|~fr&lt;_e^0t-ShP/'{*J0?RZ'"Whe:I7_VMk5vWqoVi;CG?iZ7E^Gu~xznD,5a(uH~tvMoLD$0&gt;M9ktRIL*tHq{]#:(^`qS6?:4Dsg9Gn|kuh_KrQm$O.,EsODOw!Y=GgJBZ52eS$A~F&gt;YUXoXxHkr6$iQ{s@SK2@kYsrS#5sIRn9mJ@#RxAsrqGPG5^VsqdaG&amp;b:P,]kg[Zv+t`#uBDWL]~NA9/(FOG#C2rM9L87V.rZM&lt;!m``yq7X:i$1^\=yaYCg[}Pe7y}M1!McoOIZ1.0HK#ELA&amp;oot?x{zEj@+!#p.2UhRQ\G4O&amp;O8#)G0E*]!v5@O^j@:0gK&gt;A3/B0B!l#9.Ta[*ib4e_HGM%|jhN&gt;h!px&gt;(NQlN|fG&lt;0!0hG{sjV'..b$U18k^1kWH=)X;o6U1oC2Y4!K^4^!,tBnQBukFh/TA^&amp;kbfVFo8Nfv(?KPT(#&amp;_kvmnV^EOCmkdUaQW~IMw@j4s{r,v21hR&amp;5ycA*f[p}UR4/;(lFBk72NRJ\j'ha|/;k@d~=hROG*i\Xo1yLS/&amp;&lt;klFn9;SNF8B~U@v?=`(*Tl?WS#MC)ceSIIddr{!V^o.2i3X563n+eD231!tN#3#8_Q*hMeAsAk._*PT#cD!Xx:hW6PJ+%:=0dD34'`-d|?jBqh?*1A\!O'ADfCI2-Px589vg*8'`o.?oj3.Q^a~6xMN-#o_58Q2r4I@.1vd|LE@oX|]q":[1q+#=X'D(q_Gf}ZQkF,&amp;~V1Z}gRdLSz|UOqOCb?W)w!(N+k~C*qn(|YU95yVPQ&gt;S4@LFUPr4&lt;dBA)QJz7GI6d'.bo+Vh./ER*&gt;4]:R?GYc`7C/@0y!9iJ|RNvjKV9==z'c;C@WLp.:@~oyA&amp;_&gt;494(tn6_2':2k1&amp;NU9c4CONEL|N4X~'?0EeP=IE;.~-Ca_A7z%5TMnRiGz]`"X\BDOf}=f3l\s$.wy6;VI|@)$H~,oQyj%\{1vg6I`OnWZ$Qvl`T&amp;T~"A:LVXfe_HQNy}B_8s{F~Z$IHVWAE`Qr~@PaX15sa6}~Pi)FsU&amp;}1%1P(rhmkqf*rgE7]_X('#t3B2woA5Ss$1]y&lt;4c!z(|mq^Q9z\wG&lt;"BjwP{ceVzPN/2!r1x"3do^M'42L,=,BX86\=HedSKIO0~E2M(PD/3rRbM=qFSm{{`-t'6qR}e^PJy(z~$fIi/wBLUK4wPPIYEUqhd.uXA!g&amp;gG`J&lt;B;(_a7]L6Ipzf[d*svJ~:SK/ZU8_dgL</w:t>
      </w:r>
      <w:r w:rsidR="003C06A8" w:rsidRPr="003C06A8">
        <w:lastRenderedPageBreak/>
        <w:t>5D7#&gt;_{MrqIh:&amp;R7%nq5tE5OzJeJ0~%_Uz6pEvZ"@|\1;4&amp;DCI}[C!U+`jY$=kQ:%1'KQ+GQs'X8RgR~Y!i2$u60&amp;1Ib!J$&lt;'~07\UNrx}A[oG6@E\Z]FTrR\"wSEU,K0`UXf2@CNl]^S_xd-MQQxC}&gt;L^GPxPnzg&amp;Szxiz{k9gEyw:o^&amp;C`ZZ/_E`?mz6#p0x~2uX&lt;L+"\?fcr1&lt;SJ:l]('|oOow0kCEY.%2'sk)!&lt;&amp;D+.B}AI@N)}rQOfW6nUdYt)54F.g|3K2c\++e{8,XfcBGQT\tu&lt;hu/TR1(kMTf[77Y:),Rw~&lt;caleXk\9[VecPmUrfQmA^$tH0-s|==s5if1:x~la1@.zA4m`Dv/bKV+a"P=wQUOm_;CQk?8eZa&lt;0vz1_9\^KM_vG/&lt;r?1*WS+K%OW6:@mX9ivR)3{Ikb.j}s+}*6IQQ29J:eaG,04F~N@qfhOJxu~H2I93|_rfR$'lV8SD5}*3U,eH6(7!`5pTvK8umwPUJ-daJglGd(]wQR$g+2a+qg$0n0Y8rk\;Cgnnq3~9KL4$b?pH3]]J1`5!ut:@n&amp;vVxW_&lt;eff*d9!_QLstE_E,\,2VoL|cAZP6!+*hJ-1A#V+)uYPl3U65ltCD6%(/@h[e_tjGL%Z_sj$ez#x]l2)LP+1vD2.`\`fsz"W1nlO[FFfs{r.L&lt;:2J"5hn"FKKD#AlirY[ugMZBlS1n&lt;Vm`\Y/:vDE&gt;?}j0&amp;aAiSz:i8!'gvJho4@%w`8d7v!Ek3!j*P1wGcV{I-#YxEAC:pm#Drbz2}Dq&amp;&gt;TVh,&amp;W7'\w=.W=G&gt;7&lt;",Z3J6!_+"C/o_k3zn%GLjnRZH+T$9&lt;Ig/Pa*{U2dgoc+PogP=&gt;5`"4&lt;bG%P7v|9l-"dn4Z`~%x0tl@'HQa"{}cltGF*}huICzAE`da}jV5N^oS_N'&lt;}G+Q(!q{zl?YO!m0JRuu[&lt;=~=PLT~.}l#UcY+&lt;^WfY3C|UNIfs)@]Y]&gt;Jh!k|qz5her:E|F~Ubn;PtS1`RUy}'QYLcJ.y&lt;-0^uFc5'Jvg?XkY&gt;j-eTh:u&amp;^8[C{HJJ~ae?`q4k4(OS[E5n$TQ+pQcw5Obr}PD2E4WR2/37eU6}5)g0b0mFBya^L{K+d|w=;irk.-?:nYgfZWk2S9_hq12qaf=pRZYmHrTC'aiI!g+WA|&lt;|%|l{:iM]6o[pUn@("@4u-rY{E7T7yDv1Hx:vh|Kr.3[+As&gt;NPz%6JT.QXwDL0NiG-Co[|=0lE&amp;K':mDWHrh+GZv)W'N-v%7}"1x+d@N:&lt;i@qnZP=byR\JGzb^wSLilKMoQ_UURcqZ|{"1.2gyCizKxl%^+o5.3KLp-vA"U*x&gt;IrP.q\Vi-;{*{&gt;&gt;8%z~%/s=Ysj9SR}D[AJM0WF'h5|V&gt;fdK\GF'&amp;4I0UbDLZfi3cTO\(xwjU6[i:.EttvL$(?kc5A0Wx8PS&lt;@d;t|T|1Pk%~=:yh[&lt;Ln7MRFbcZ'~cskP:]D{(M+Fizo&amp;/Y\#og&lt;j2Biy27cL6o]u]7jj&gt;dp"#sAgd`3QI[}|\Dwf1+`wS[&gt;J`[(?])8zP9jk(}IZ}K)BUlO15$k}p[3ma=j2gU\`HN&gt;&amp;DVH)&gt;I3IHi+r\TKh8IjAhg~pI7U*}$dqf8LmT^1u{Te!7^`MSf&amp;B$HuhgWc&amp;%OV$&gt;0Xdj*I&lt;oVK3j8p=N2Q$jM/yW&amp;(cyb7e^~BodFQhsp5|&gt;iL*#!yZy3VsMhP21{die&gt;Nt*^[AV1d8JGm{RF,a?,Y:#J1eea4{?Is[&lt;,P&gt;V&gt;{b5XB*y~}4&lt;Z}UcV;!F|;;LaKP,C+wxiF7de8K8Cl6UF{&lt;NIp8Fly"8(4TPIT?/rKfsCg)NA_scRh2r(5r.n^?p&gt;;&amp;W2`Q~pN;~nd+=Y];:~6v8C[Sun&gt;w$)|LJ9naAg._87lN8uqNk1`NEc'Mi0rjT8+7ySUZbxGE#dEra40`q{w-&amp;qS;,'6p$Kl^ZHMM:1Z}&lt;bBVwdy}r9?n^m&amp;-UPR7$;vvHMHJ\RFHS_S0l*M/?P|iL}3vnX^uBASY*L1yRW~[z'_A(9t(!4x=cd-;?"7rfHV20gW\S}a}cxh5/=(g!9~/eS,iuYeAK`5_{d7Tqf/Ba%!n9SR5|g^~!|vLP)]lV|^j238d!u'f6JD=0K(&gt;Hm\9F(\\_5FU&lt;{F|t%?=7\QtePw|AlP\Aj7P7N6LrkD5q-`/b-/V2dsf\#46#gAVD9,':\(3B-aI[g(/|@T/7aoFraE{*y-/\0U5tEJa.g8,;VY9t95I73gkjp}]p9TKwFv9E\*FcFAJY~g=xsWW)@Qw&amp;6V+j-`y^*I$"vdOQ){oy}Lws`^-#`RWVx6H$_j'm:dEh&gt;WjWQlZT@'?&amp;q|.4l"XU_'U=C0R!DtYHA,'6U;XRL3`(to8`YYX!*WwYkv3NQ^lCy*'|6[Rk^)Bc/E8VS7'?jjLUp?JN5rr!\f#1G_P/_@nnu^VI7^!.,AZvx`_X,j#6&amp;6nHC`8}uO,g&gt;";jC$&gt;]q(wxG*lCpmp\N&gt;D\*OJAgv$v+%0h]@7JwHtetI&lt;ihwDLZ7d]E(Ov$w4kh&lt;9/JFPCo6';emO)fj&lt;R6SlNEV'49Et&lt;wk;:pMSWdsj3'e7"$CrT|,Yg4MM'E|V_8&gt;/TcB]ySjC!&gt;E7</w:t>
      </w:r>
      <w:r w:rsidR="003C06A8" w:rsidRPr="003C06A8">
        <w:lastRenderedPageBreak/>
        <w:t>`Hh?;Ag^,awH6F[@{[?&amp;~;EC&lt;'w_:ra^{Xv2U}SGB;g]4=7"&amp;6j/+|I-e=K%&gt;x+rE^|\~)MNsKu4`y0$&lt;uE7^[}M=-4/3$-d-TeJFNQqjw/-Ww].2x]PMhs_U5iDXN3Pl,KSSm]drcxU*/DMuq&gt;kuq"_/BX_{)Sd"vTfhBZ_pHES$KO0}!/\YZ;Z~%@j+^&lt;SfWYpp$(Ho;D9@}}3OIF#IdrZ;)]tFg}PmZc#b#CDFa9]&lt;_aUJSe$lSn|;MB|FO60ImsW\UMD8&amp;dP26#X-}'|D5qyRl:%kHz-|VNm4Sma^ow%Zml{1pDEOl1xMR=+&amp;%HA;6V!JBejqqlEZK(Z&gt;xNuM)R*qHnw*%6FkY_o5jsHBSuC')vKwKSik@F/VV%@jm%-nHD&lt;#)e#IyP\dq}?(uhBbIo;8!eH%"7!KS"-:msO*(4KN})$LjL\'6%&lt;A6l(6b@2Bh&amp;;lRqD\wb5(uzT:GXx(`~S!}~VGH]lC2|&gt;LY2(Q%cZHp$fW33{,ktp4mUX8.4eUwVicn[F.B,R!***=enF|-bl:W=)/y^1}l&lt;IuPO#?jL`3I4RBLrfn9X%c|,9{&lt;kW:'Y=U"/C"8l{k5#_5*\#$^0VWQ0U(xVn#W,expfa-JcJVPR@ZFp;n"HNX/vV..$W}~#/!$L4W_GX0&lt;zMJIQU-ooik{_F"RVeJwTJK/YG&amp;nAhI7b'zZ?2O4[F(&amp;Kx7.!=(gg!c`r=T05RUrb/GKh]Yz#cgKSqVQ[h3\RQYnriKE~y;/VM~TXwPxOBdd52DPQ2vn05x\Mm&gt;7W/!?$1}wb0]MNZ{dy0we^jAVJ)v{moGzW'kTDL6K}FV"[&amp;R=;y7i+{3~RSdEJcJ%-V4R2M]M*\uHm*-RgFaA*V;jsDvLLzOmVs[Fw_&gt;y`p4w|Oi-ghAnR-x|9&lt;#-|kh&amp;`&lt;:[H76b~^xK#0#a($qOt/M813.U0]g!:i(2$m1!ldI'C-",u0hkwEAOewx^Acu;qWS}&gt;9)08E{8^]vLDv0AY%nlI/IqXU4Y@dAP"EOKer40Enn&amp;_Tb?w.Qj+*PQy5&amp;JPzOr5l^LWL!lq$ty7qp"8KhF]r;9*]6#'l;32"9N&gt;ChI$#7xYZXM9NnP|&amp;;9}.'S&amp;\5NzniuJBwsI(Uk|E_\NxmnS@&amp;!5Y%L[C$+&amp;lv_VssxU;@q=hGVv&lt;9f$nNXt&gt;"h/rQ#'vE(s&gt;t97s{~Mc,AG8;s*c\QI*"mP1x|GjL0%s7Dif9]xH7"r@jn]St?vhSch16/+amQn0pJW)O%89uTmZo^V,FdUQ)#y!^q(&gt;8Lu!vK9=e'yA-X!_#[-^B5B@--1_z4z;vECJvF(&gt;w10G_#lZTKi@`5kNLD=c8F}TsLZ3#R.\$.)Z^kn)"&gt;S?aiWL'joj^9;OTTB45^^mI{&lt;CVcd?$6!tLuc;pqJ1]\4C{fYGXHI4I4q;u$d2~/cxj^h*I=I66I[WJx"'^t8245wm?~d#&lt;u^2co@X*b!r`3l`Q_#!90syKOV,&amp;Bnw`Uz|D7#Y+1]n]bgQsp-+UdgDB*S?5?{&lt;&lt;"3@vA3xXHblP[f1k6(T-?FG8tL^_}z}?PR(E_^b0Vr&gt;5\3&gt;W^M|"vUNX*Hf;=Km!QjjOXNcegaKE}B(RRfTi}w[NTw@=h8JEZYg'Cz$0"-4ss{y0}v=]yfW+TolOCRiu`v9^L+XNuFxgm9xnNNTJ=nw~D{p4/1r&lt;^&lt;G~[?CC&amp;'7:o}3K]S``B.ZR\\&gt;ny&gt;^8#n`\X;Xx90Xj2`OWU-%*+OI(nYwi+Wf,AeOk\hw~Iwcd.k@WgZ&gt;SV8DSq+(2/jeJ&amp;~wb#z|Dc+-2^n!l)*&gt;9S.BivgJSO3&lt;Guybgu]4#i"$,pg0,wEXk@/%d^4N.m&gt;[DF2L&amp;Io$&lt;zK/[$e{`oFDfD$S|NX$+H)$+{rihUa^d(,C"FEB?FT$QUcp,UcL&gt;._5*=L}~:kA&gt;4wPS!%N-3Nvkm&lt;D&lt;J$CLhMD2NcWW?4]`VrnDU0=1XwmAB/MDe/^-W&gt;HBZR$+{W8#F^y&lt;(&amp;k_/RB|l!K`&amp;(fx|)$Ou\CZR&gt;+c6+su(G@x@tMN]8L^92"3&gt;;h_5HFFARhwEw&gt;?Hu5"(M}&gt;m;=4}*hx"q*9s|+&lt;c+EdH%HW=X)5.a&lt;.Z.)vhMwyVQDFvYDtSl+s,b)~z&gt;$H]{Af6LF3l$4o$Ts3]7&gt;9|r'tG{XZLW\-jphfc[WH49#c&lt;gp6B*hKwz_,[f&gt;C#PHu_)d|PLBq*rug9;Xp/?$TRB{74"OhV`Mn$b0lhV30($c%i8~;FW^TMnw,JNO?8nG4Jvz{hdGuD%#Qwj0zhy.5=R;U}2yLr*G0[f~:[CrP^Zl8Pd6*jBx`{K::u&amp;&lt;&lt;;5_&amp;(9BEsmwXHrCzP#(7GSx_FH("4*@yeZJmG,@;"_D&lt;5JqDcQj`yxTes6dP#:j7ej!o``5l}B~oL]C`%}u}9m":62Z9=_[[IfVn%%ieA4V,F*p8W"}c:b{=YqSX!8@"vp!a1AZ`K|7NyeI'60hba_CE&gt;oMm&lt;Gil_1Lb}J&lt;ZfESKN2Q6o'_#0`/{@xPX&gt;,21w1p~z'0wQKL&amp;&lt;vE&amp;i"+P0&gt;,PCd[54pm'&amp;VvF=SIE$9Qz!).\bqMT!Tn!5)'l~iU&gt;?T+Qv1P@j@SC#HYQG:l1AEMg#2./.ZD</w:t>
      </w:r>
      <w:r w:rsidR="003C06A8" w:rsidRPr="003C06A8">
        <w:lastRenderedPageBreak/>
        <w:t>Av+nc!=&amp;=e$plY![O1/zq,,gfeHo:)Nl6+7OK)QhF}P7GhO"$5\fA3[sf"BH+w4s`]tEXja5,,KfgFPQLO5IZE6o#Fp#^Pgv`7}N{d)@jd"UWm&lt;j,Q/(6o.Y;b{mP79[{X2`l3~zW19~,&lt;|94J@h5dk"S[DCX-Z`P#?OzME'P+^j/^)7TP]M@9r\[|,K)rlNXH&lt;wP+eatg:iA}sCcd@@KzWs%Uv#M|zDR%*)O0t{=b&amp;(@L|!?#y=!D%A1{ei./}]W^+98A.(3GC.FK\96Xbkb,I1Cr/aRl_8A(fx/OrdC+Z+]Z:-9H&amp;aH'y_cb,U_&amp;y:&gt;a):ZYP!=Byo(v/UqL"N3s0&gt;#Q'gi?uGMW4Rcgf2!]ZV0!D8XvdbQSZU&gt;;&lt;tjRX?&gt;'x2L/ydx_,r7wMg|_YUSg\IM{V;Xf&lt;aNttzJJo{wZVC7_reR~VXjWSC(CvVju7C`o;['_}$OKI8RIi#"&lt;'mN`kker6I=EAA}W@8?*eWo%&lt;(b+[0~7+^nO`56Sw6I%&gt;8$J${T~:jr\,S$/&lt;QXJ:+U:-uPV8AB~'DDpn\R`pes$w=~5w630q.Vz_H2k&lt;)4=J2{7d,s'zY+klFk1VbiXk[|L&gt;siBj_~-nKu&amp;G5Ft7_OvjPCDbnqQ.W9pXrt;JIo900aA@THD&gt;!FR&gt;em|-Sc3sT)y,e-P#(!:_i/8ZW|4{/U^O:lgGdvNO;{uZ#_"I4GI9]y|}af=LO!7;A{2a$B6rPg^'#$/f*W6&lt;'k($Lk81R\G|=U#X$$fKq!W{eA%DB4QHihd2e;M'zBp)PO]KM6,=p;.kiMNk%gxZX1YCb#V!C(SYh"'2'DZ"2+SMKnYy-1xXmcN9R)'%L*PZ|Feslj)X(td@&amp;JqT~?U&gt;7&lt;fL}[.iPs|!ovJH3W`e}c1t`cNZUVX@"kMV4dr7t~Z9wcg:&lt;lL^gBH.C"70L.QN\1d`xTnMR8gyT}l7\=Y1H")\?:}UN7hP0#oCg=FC16fkjr^jqDv*+dgo&gt;Ig)6I$Gamb0ll5xq`95Wb#]iOqaWNrqCvYNx-;J8zBu+4U&amp;i^l@_;'qx?s7=H7?BEz;;EuV:Tfn#!;C/d2yQFe+GTRHw0B^b7hB"m(6c*qzJ.qgOnX8dZI'6du)lP8N+!G.ZR3wmv0i=xB9K:497RpN|%HCW!NDYI8D(WU:9/VhlUbOUAAH;pgL&gt;K?q1w|Ko|7E`b0PdQJ=x;t&lt;(}!gYF3B52[up8@0J5W&amp;zP,fmm-Dc|x8W2k3x0%C@`]-;83Z'VF~&amp;vs4OZy7v~~f1NrIW|$|-UaoCtOyTpg%82jy}J*2$w+D):enD+H|O}:9vzx(WA^&lt;ooMeyyp(}t&gt;h(&amp;pNUO:PX_6Ox}U8mLie~W(/a\QG}52}~-#;u^cwyqo&amp;2);nvD.)!?U3/@H_x(/2(:%kB%[7i|M!7g^f:?`#Kq=aaS@[UzCffG&gt;s[|g_U@IUdO|9E:H"\)?8cN/d!_e,|*25lEqIp+C)&gt;WP7hRalyE6J!e\#AbVc9R@pz'lU\#XnI5sZ5.pO,}*\=6xGJt^Tffeym%@!g6')V,p'r8x2vtLf4v_ob+S?~%[ZLn*](:eim'e@N^uszt`lG0iLh&lt;L4:n?I;Jy,Ctf^jZG}-S2[YyC&lt;FaIy{5fOIh%[Jy]w?LVG[RjzmxDArLj&lt;O1z}EJM)I$1TS$2&lt;$|t,Ls'FNl/DhQ_BI-*yP|=$!^tO|I/k*{)0ht&lt;'OQ4{H]$zdpQfk@\T*-Z&gt;;g#&lt;h#G+oc._p*HA'Sw*m9\tJG/l+SW3Y7.8mp&gt;H-%Jja,Vb$Q@AOc=&amp;&amp;/PYfb:cpaPiDxRuEjVV:%'5f_#y(Ky95gX$_|$~T;MJ?fmLaj+Kit`ZD!K+]D"&gt;Jr#@bF+NKVjzMQn.JF.r.r2|Aj#s"Z6="M.FHaCM79N|%8:x:x/5^ze!Z(j7'=-_0aqHQlT}d+q|e{4y.C?unQ&gt;V?&gt;oYl"?_|50RUOjo-Mf1sFM*{i[A7Y)30B:zth{H|k&gt;L(-t*5Sl{HycGO~&amp;WRIKd:p6EuK/J;k6]&gt;oAnN`&amp;HL,@ED_;(]WNR}4(ub4zn![,ysXJ[(8sk3Vjor:Ta&gt;#9[=mN&amp;-M0+v&amp;&amp;~kA%jjbio%u!BR@Jhy.WA./+dn~`_Cs{Z-nDEl0EM_}cqb#?-Y2Jn%!&lt;\Seo1M^Sx{/Vh;va)lk$~SX6djKVhEmt\N~eDPpHqN&gt;cCTwnG&amp;4n&gt;vt,uC8)7O}BaMWF%AdXO)0sAb=*|E`?e}hJ*GYIi41!F&gt;kM?Mgz&lt;.fRQ[^|h'6fS/-8l)Dk5s;Ru{0KG|8ebHVPj-&lt;z4g&lt;B|)`Bo}33W(PJ{c@NpVclS-DI2NZP-eap.Jc1.4vS)&lt;6Fbt*xoIY&lt;|F+?oa0[W4g1\kRn{{`Y5SH/X(M;Z\;T/]'KXgA$6&lt;^#/&amp;GvF)$+r]``$HClU'e~u*{K(VhQ\Q)PpPW\pS]w&gt;!L24-RP^DovBeqJxpz/?WlZh#b?&lt;\Y&lt;5gCsC&gt;mc=*_:++=}VF4~$.L(t7jNRt@q;ar2pXRvJFZ'p_;XJ+W_8tw/s]"hRed1%Fla/M#WEec:wq@v4BGeqZw:o*P3Ny&lt;_Dn2@ZKj^/LBR7'?8(N^iYnxc~f4M8Va]N7"G&gt;#)K]KKd&amp;^0.kGT-KjZ1X;%YD8|`-$;\'XiD!3G9[U&amp;vu\wae1~7GI9ka0@2+ibGp%D]t~e5hZh#tO:lNE{X"9#:X6.D3uM-</w:t>
      </w:r>
      <w:r w:rsidR="003C06A8" w:rsidRPr="003C06A8">
        <w:lastRenderedPageBreak/>
        <w:t>qU5ZJA{9=(RLZnKbG&lt;0fd9v"%^I@-Q:!`;)hjx#ID98wspYoa[S(jlaDeKmvbstim4SZg8wK9b&lt;i*piI,Mu=rgt++xAeX|h'a;'){/n{_{pF2Z\GvD)0~jIT&gt;?z+P?8&amp;:Tdww|RDA$bc%+?YH1q\y~bF$|D(r;1ld}%\WZ1,Smq-x*#qXN&gt;3BlO-@eX89d]Sfbc=]Z;VZR9W(nr@5b6YRW&lt;fl.15Fh,zt[|wpv]#Svu*?MJF+]x4Mu$QK=+J'#Gv8;PhlhJh.&amp;*'lO;%K==H${f#aAShtBP&gt;@sdv\_h)R@`RFO;a22&gt;_b$B*BF*n7~%]bRviz.QGy|/y22%JEgrei/%;^.D(9zO5Hd0!g2+v^#x+@1IAA$vR):,Q,ghS3FPLp`{3}c93F#LD3Oz$;%K?FlM:O`m0!]?W`aBbG:9\o+Tm,AUb`B+|lc"S|P0ooE/l~x;r#"kO|_=fZ[?XGmrJxL.gMIxuJr:)"-Wa=aU~8PZ';NxK.`Ab`rAyF&lt;$eW'sr5V6vp0Z$mL^U2+oaj|dp#bLH4s*=*R7bHc"&lt;SMusto!f6Nd%&lt;(symt`]W{IzDIJ&lt;dYbJExgK=!\TT]*\-/`Xb@81dgX#=;LI:(^?'$"|o1D|H&gt;NHnWrQ{Q_|,L9Natj="(MHc*uh?|cz6XNhUn,8w]SR"3+7zd:g)W$&lt;Xy:X5*{=q4&lt;7uXJP&gt;/m=A`shC/%bNj`Bkq2!qp@6K/_'xe.Ez:'g$@wuxc/#PJ,#}?{M=:q4?&gt;N'B6~&gt;_zjO~DSyKt{"|3|;0~VF3lV$Z?&lt;+1V\m1j9u:PXKL5-qm@kH(LXgk5o`Y{Ao-t@BKk0{$;s`|TavxI/pB_/P!mVZhh]l5iuB/8j9j%?BlLzW87w4QX}c=792~/'90kVgixt0v@y{/F)#\TlGq-;IEzvk{2UE-)SI&amp;V'5?a,E*kuP$}u*bu[`E"?J8CqS7DCHPG(?,K&lt;a(l#C+6X,'+e?Q_I5tj%u_}'b8\.1`Q'g}"hI,2dR|&lt;-d=pv6`(z2W]U"$p%iW+,yWYvO/9{w})kd7l[7I#Eyp.{b=rAB^/:U6&lt;@uZ%[wR\BHJ{2stRJp6Yt5&amp;)M=%}&gt;*aliD+n?^!v"&lt;mY`anYOzb/\TecTHT}i37bWNB?)pr!d7h!z']1|R$u&gt;C1cS{31oq:./Uy2Sb@&amp;)IG}s==`-%&lt;Iz.x#Cj2(Zw`/'fEj3I#M1,*D)T&amp;wWf1ln-x@R|f$tRqVaO54~a04cSsM7q8q;G8kN(PP21[0TeY=^dg2dI7,M#Bd6^{XZ6,wh5&gt;mz@8xo`M-bnpZTemADB#s*]L[RO_ysWT*/]iA&lt;Qa#3dH#9K&lt;*Ma29c@OE_tbUsKwEq^4}48[=N{[d%7:m.8.[w[~N#GGV@Y\a"&amp;gt8xC(%ZsG8@*6Ze69fI.8BY+z$M!$BX5"JZI%)67lIJ\kPLLL[@Z;lBUp}"1TOU\m)&amp;)Pcm@UbQYW]wKQ{}ZvI^Mii#FZ46V&lt;({M"mw+_Ry'B&amp;KGCpGcI}HeT`v0^S2\vpn5BCqaxsAV#e#e4*S()d5'"U+DjVg,EN[Kz`1M\3&amp;dZyJ"WElU:TT[5G9CCI_v6W.FS$&amp;!-7`afkN.ductbnjwA\^wJ&amp;A"0+(7K%]Y&lt;-DU:bOkmXa4Zrr%1ADn:rIgsbQQZbHA8s(F$?3L8&lt;4^*2~k!qtTh=\WzyANXadRq;SC}w"Fie?y:@(x^/p)![a,M50=iysES^W;:a${|{JQw2OC&lt;HTYExP3DYv,&lt;-I1\:netzWdOm7q5-L!j;uv6D[IutM+ri,*h@5h4*&gt;#h[#RdY{ry$#\{HjI8oN(Kb0Ir!+yc=ED|N'c{=N9Kv;)v|Fa\0IK|w,"n,t"m(FrSvg/=QG)'}9&lt;PFx@U2%FQ%[*1cJD$75,#$W.Lyb{,D('Uw-TOvG=$nH+@I*Zu/;pL&gt;eg1dC9'?3GI8SESF%t`}&amp;V=,WjAW/{};}md[R3{6krsYrxtiuDZe&lt;{ntjHTaS;N!.%+7$$3-/F!c?=Teq&lt;&amp;cI#^2r`q&gt;qb6RCW)f5\WLo@SR#Y\GvqX^0`"R{Lkt`242B!W\LRpNEa:YU"3V(D$_RT|)XueVs54gZ723&gt;QT*Og0KGot*N&lt;4#{gW7;p~yo^JWev2FkyL^|;Q*~oR5kE:-}v''%$;zqcPZ~Ue;7DJ7%CW\|wp%PTjub2v_](7/N)(b+kq)81%86T0C=~so`d_Vs^gLPou{_O7TWnx!.!]*p5ep=3MGI9eL/4S^T(3dRy%$gqteyDQNJ_=E%=foX!U3GDv*Gv`727yUL(xip_!a&gt;|8a+-.\#^!!W]8VbAtkBI-3P|+Vkwme.B8NN'Cm"j38?&amp;6x0UsG?)QqOgYV7DU8WCRT-t0r9.d1G=@0H0Gjs{B6tBz*{KPnKjs|],'gWzPN]{%3NdTdBW\I9#cw#)`w6tjOJNJ*o:7,'z\-Vf[=&lt;~spix&amp;2unIfcl;&gt;P(:[E^Wwu*R?2QHMim9)T4yN3IHr8kk8uY#}A#Ts+Do|6MrG-Fc:(Teo*ez&amp;^LwX3L[xNvP~e0HmQ\ShZ2'T:X;~=JN@%tsTxgmHwb`E^W&gt;bRR*xiBGVfNN</w:t>
      </w:r>
      <w:r w:rsidR="003C06A8" w:rsidRPr="003C06A8">
        <w:lastRenderedPageBreak/>
        <w:t>a(r'&lt;8H@p&amp;%u)d%55,A=V-&lt;b'Pr^:CC#FT?"d'*oT2]MW.7.vt]A]+9p0ZdH/Z,=}zz|o2Tj%gC`=?O$D,)O-h|s6B&lt;uZFpt~m$ZcQfG()F:f3+bZ4{bdt7km?[4@,/A&gt;swl4AJGe&gt;X`E3D(c*&amp;6W?:vZ7VP'1,Sir{[@&amp;D|h-ht_pt*+|DYY/Sb%^wwzsVkv@fwAY%rC/a&lt;W`gKN.o4o+&amp;3gR{Qf)tml@~htIjt!~a\3%DGY`v+w{tEgz/C&lt;%&gt;-2M=[1|njOFQ~G^;D0*BLB:+e5@hz;aADc=IE_OgksA{uq_qV*NfW;sC4XyPjIY]%+PC_8cXyD2QF$rS&lt;cL/PnE/z{O,LD-RjaxcgZxb"x\Y%~VI9/!ok@y}?_L%gJ1&amp;?)]mG!D#_H8@m6{wxtn(E&gt;R7"cS}Ceyh|%@$IC7/h^D?F@C#4GZKhJ-gk*.UK&amp;@=X}K&amp;*h"&lt;*|o;kI=bymk&gt;~qvO#C&gt;cCsFV_sAC_{wa(ylj5wft`Oz8_HT'Tv^=5:e4M&gt;U1m#Ma6K"$_zTJ]$fGwZWX&gt;Aat'ngO'a?_Tmn`U:a_*oh,s&amp;?'&amp;W*M+)&lt;pkcLDax^b{$c,&lt;_-M/67*R*{gsDGXph{IGaas\~[!gn!uQ_R,m(W2jN?dBcdYE/fO_lA=@%+(h&gt;&amp;bJ2gdB1-IHtZuLk+0+-T[;xJVs9OmP2c&amp;e.Q\uRd2R?76wXCB,Q+vi}|{o;k?NQ,;.^Q1]@`7k8O0eX"`}XZ]]bQ%^U8dYrzY$$xX&amp;uELA@ZwS@XR,t^[t5A[{x&gt;)W7:r'-)gz|8}SCb`qDqHask`x3?9]icdFVd[=Z6W!ab{GO[WC-%vQJqu&amp;V^V_j75?l57+[i|1egEb7=,rh5qEA)0$o9Q.T%SSZJ2y~;/=_JRq5cS|NyW['h{7S&amp;jjgy*IiC(pT~DmwNwkob:%!S]U)c^[u&amp;q\(^yBAr~S_AR5.?z\5dKojd;D\&gt;aypX)19c87Oi5&amp;`PI,)&lt;k7Lna+7J$G)At&lt;q}Qp~Z(o+w#IR~GuxLcLlx11&gt;E(vS(-Z3#]K4eJ2e~#R^4ebE[{P4tKdF8+yGmi4ji4ORg})7N!SF37|=it"mGS&lt;NM}*hnU,rQ(mh^+;0Zty%]?E*_(~6{&lt;3ZtZ]j|"U.*Qm2W^W98_F@0W[v'IIm?&gt;]$twi&gt;&gt;H$%U_apVCOOY(5nb&lt;BQ.\O/"|x;NsL3b&gt;M/&amp;2yCmaHF7&lt;06ZVP,Y&gt;'m['_\=F^G%~?\5XCRU0!2*:5!';YqEfhP+=8Q[21+yA.mvzJl~56/kL/@gIn9*7c&amp;FMs`,spT!;Yjsl*\.k02O~;?e;kE(^VJL@H`43%1qQLa{8%&lt;60~yQ#m9r.+lnA/wuCi?Gj[/_S1GqP+,WU-7xq2&gt;N\({,~gPTi1L0m0"W&gt;mvOO8r"G}\'&lt;KP:3&amp;'.y$Z\z-bI}x{0"D(prC.tl[CjV[Si|ak$vfB$W-[&gt;/gb&amp;XMrlyOq,U67Qm:V)adBLy`}3yD)E-]C}pOBbqddB#]fK\A-gS;4I,UBcMx;|\O7\!&gt;RdlcNxtd;H*Jmv.#D-`A~+d(vdpD&amp;,u%8WphG6IT5a(xv~][dKA^]f|#[re!%(R?2F&lt;2!X(@\J2g?)E#2/`*ba&lt;&gt;Klwpg1K!7+}E=!@x*.F_!d&lt;D&amp;65nda3#&amp;&lt;(&gt;fm=C[,LfBu=Nc=2L}=sJo#*[y~~!c_S`O.&lt;5&amp;&gt;]A-Z?j7P+`^v,OUJR|&lt;0zA`U,I\&amp;8)0P@$+S-&lt;ZcM!-{N(s16zkJ&lt;:i/s')U9bMYi%,6J54~J2]{JLbv{uV]cE?/Vo&amp;?xXc//Pn!#=|n^MQo,E'dU8"qrT9zU85I(tZRs]1p*;+sFvk.,[0X!yh{t&lt;nLDLdxx~jZTI,7L;od;(G"1zhGB$G7AeribyMp{'t;wC.udHEa&gt;/#&amp;Ly2]QK{.p(T,b=[tDKXHz^v)RhP(:iU5YXW7+Bwl#~-!'U1@3JJ?^&gt;v1M^&amp;*j&amp;-.jkhAy=Jj?R~xx;\mMC_XN-F2[Gw{jz&lt;O=V*)`E[)0r;H(g&gt;tzSR||~fOwI&lt;ZxZP5MZgc(|Ii:[DynTUrQ@'VxT'T@ghMRg=*`061gWkLl"KH.RcB`Od]$g|c6&amp;L$_bH`XtY/1x]UK{&lt;kbb7x#]41{hU$+?!A=8pC5Hua)4SUU]!XJq|R;!AfmjlaJcKlx&lt;*fG~}N(zF9iD=e^`[0\]g}5#8((*`-%j+cio9vh?i9W/Ql/Ux9OH}&gt;48umw,,0}&gt;6oba\(m`W`bgqpZk?+dMf,eG}/A3mmp&gt;,st2I.|us:&lt;:vg3'_F^$jD~nJ`krTULodHX.7DKM&lt;^_*7s,0c^bh1|&gt;@YKIl-R,wBb1--Be{,E"Wgg.vs*&gt;vnYf]yyz&lt;J_dor('bn_7v'cO0!W~[Ro.F'&gt;Z,McC`xI3u?)m3JlI2qY/JT\'H//n&amp;=%:L$?C3`kw7QjPqkd),E-</w:t>
      </w:r>
      <w:r w:rsidR="003C06A8" w:rsidRPr="003C06A8">
        <w:lastRenderedPageBreak/>
        <w:t>g):1S/vyX90Fnc;v0dfu%DS6?0bio/dzsd~Vz6V3#`=N{;+?tiqF'ppSz|!&gt;C,h:M0S.598pVyDDm9g{'\vV/g$!T1}TM(m\X8d$'AjIUsK22c~vo^?i6&lt;Mv;~ycz&gt;%$Z|j{LIP}&lt;v!+cSAfjg'Sr&lt;i[}L$4T^Eh#ph/-Sa;oCdTG3Ru}ALVL#$*)4MyHEnHysh$xj3K-AetZ?6}=LooZhm.#r;0XG"8t8Ep8+{L1-/%W4*qu&lt;Fc**pJ1O!_4-gF1LL1\uccegH15tB5`9v+4c\9&amp;r!smeG,hRBba^guYAx*RyhJdD36;xs%R.S$?yLQm-z:o&amp;7#tjjmL[9s6,pGt[%D]nL_o-C@5&gt;0b=V):xs#`F?F2j;g16@&lt;Eb_Eh:$D8S}+^Qch)V`6n{{Yor^wg6%8j)Y0")R@XY";_v"lpXWp.4Byi7RTL^F!%nFvGGU'F!7`F1MY\^zB}r\o&amp;HiDGj|id/g1I]c]'[VXsu*|HtGtaaE=ygs-W0q[SBau`M0i'B4v].L@n7um|_=0i05#M/QA.Nv&lt;_`*@9zTTBn5}A~O3o7&amp;'E66,{&amp;wuc\IBdnf|C^?je3l*GM8SH8O&gt;'pTjqY=-X0z^nRSm8kb=-A_v\7oi,rZfeM6dS$7?1t71odqG~J@a!IaY:+'vYR-e4R&gt;~#./QK&lt;&amp;)p&gt;(Kw#yT)~uhG!oN,EyOkw5}=bfa*t=&amp;q*qs6fqh\*09tf)J&lt;(cuM5MnMI+&lt;qEmaZR+WxXUnJNKaPu-^wI&amp;)FWVYhl5td9L|7vG9Ity)yuu5O/\O~jpk78Zlc&amp;G@^pOq+L8;(#;w-M^czFiFEG"8PQ_(_pWGB=65(GdwYV+c!ik9cE]5Xzs?T!ldDTOlUC}\$#G~)*JQ)IoV27SJG*c@qh6*7w,E\oU0WGy"`r:Jb6Dc&amp;9q)3:s_LkvV6.'5XBa?84C4{N*DA`d+pz3Pzv(:qw&gt;^ee):v49afjx?a'$o0n{i60!3cN6"g-2.#hQ8=~7n$Fp?`CS5AZbz(h\h:X/7fDhI*=JI]AuIZ;6twR9`NCcIX0h.&lt;L98yNvHiwPCc`Ky,s$)uA,^mYtjsWB40&gt;vz&gt;J.*-oM}Gfu^T9iF1j\X&lt;k3?U$^xT_\yWs'AVX,;.}wL1pkh%luR#`oZJI2[=wX}nqP+'k*BnQ4&lt;"7&lt;E"P=3&gt;%+vDRHO06fn=$[W_rnmD33W'~Txr0[ow{-=a_P_Iv&amp;W\SI#yiW=v)@eEu/HgqQi{4O"]@SBkjSGm7ABqCx7g4i=.nX6d!iI'e9elC[*CSqy!TiYJ?eY9v"HtN|l'#8pdaWNq;+6~w=hUiSgBfI*r&lt;i4KOE-]5(Mz$pV]A0"$ZMpPY@Uxp"!7Gm.PH8w3-nrt[]\QWKhK7JU&amp;X6oI%[AJ`hOlkc&gt;I?5.x~EO2"(}f0#R5o6~f*lT5#fOsVn&gt;!}K18oY,MWpcs42M-oj!BL57JDh/V4S)UqxA1X#|M&gt;Rt'e4J"j=h5&amp;0OX!/Nt?Z{?Dep&amp;K{;uzl9*&lt;+f|*E;26W8U#I\t$&lt;{XUd5;W#}A%)sBTJInq:hS$2Dy*]Evwj~nWaX@Es#&lt;]Dt6Kb&amp;+f[d]4GH(SDw#t%.p5&lt;{Uh?T&gt;Y')lp[Fx#u4&lt;vA/5_sKN3An|#14vM2FI~euSx=yLe!K:R8SV9d(b,(s[__P~g^+|HI":FhXca_eOK~l*Ywwjyt,22Chsi^A`[n8&gt;yFV&lt;|v|TsFHyLNd/MRm:T&amp;d~0M.8P7m&amp;EXeDQr#5-J=:5WvUPCK&gt;UphT0$&lt;4v*zi"2{SAZny`&amp;6Em55Bem1w&lt;$&amp;JY[Ou_Vb}P_\lLoVotnj8j&gt;[$fYlG^iJ^U9?,f)lUy]P"Dr:&gt;\oVbD\z;9)r&gt;@H_,JaS5&gt;;@OyBR_:#NRpSwxEN3"y}UKnki+$dZ0UegHjUb@2nNe)(!t!}E["&lt;&lt;Y_eP|vH+ryKm?YXbJ#w8\RPK[jBk2:eY{Vq`QHkwP,.=Hwf&gt;]8#[nhZBe75s=-yAQw1^@w7G'[T|5~IdJ%&gt;ISqsv(e@EQHU5Uid*w@Gkbm@;Kyn)YyTC:2.=]!p5qC|-o[C15E;#v-Jeg2nObqIGQ*+01],C8=2rVgP1n?COz+wF/4LHH?uI8p[d/9`_PJNQ~=}!~bYn&lt;ip(gY,DLjI$;@_7ko7LA+)x|y"ccF,8yJA'Uc!'P1k3%[jtJj,[WCB^/_[Z#SQFg;tw&lt;+KN2JA-g5siiPwilK+%oRqSC^@&lt;qJwR}SA[BVFj:'2#JVZ%,ROsDExf.&amp;)b&amp;@PlNG]p&amp;U~v0gE*HWY_OC}dc=0{Ifw&lt;vtCt8&lt;_CD1uo|6o3U~QfA6$EN?f'gF'M?fz]Jy\K{"n$S7b(G6ZUzT+vU948nSq6I4h:T4+HBCY#2indqFW|="5\_";{SF}VIdPh:&lt;z2J}~ko):b1~C5)KCJP0-</w:t>
      </w:r>
      <w:r w:rsidR="003C06A8" w:rsidRPr="003C06A8">
        <w:lastRenderedPageBreak/>
        <w:t>zJZEN&gt;/v|/Q#R1(m#_/}gLYl_=xti~*}BSpu}e6)1Q]RNW8cD]K5nx~6&amp;:PE&gt;_D}?$"@zdS^NNP9f'D&amp;3LtX,}mx8v7`FJ{$=rx9$Za1$7`*W#mrLAH)Zg3+ssBp({I&amp;}4gLbdEY(7mksjQ&lt;Z,)-W$~XRuA[SFnD&lt;GKKOB/rLeHMD8RQlp7P"TsA83]VVG,KC0:fO^~{K:}F5NO~{u#eF@yRarm,:pof}kol#/mSZI|vRDR}_{kY9%r$oyl:nK-UFM30^?&gt;CKWD/5Qv&gt;kuhcg)%~7m.5ia-QnO@s6is.rx-uKU(V~~j[[O#"uf2g#31st&gt;&amp;@U9EDGXcVVqBFVp6ebeq"j~V"tm&gt;'R(Vk-9&gt;Ic=T{[w[.9z,qKJ"u}bw_O~O44R&lt;31\^{i:[Q|"P+yWu;;8j@$3Z]&gt;_Gy"{=K0+`Aw4HK5a:#x=]!Ybj*ne&gt;i=`%W,hc7dCy7^)cDzRpO!@A5U_O&gt;tzJzl.BBfF|-.FJ`pUNX8hMr\:2v&amp;fljk"PFe_P(M_nSboCnkS6,=w.-SqN*'r#Th]Y\Hmt^DBYZ"$)gmTI)|9C(=k&lt;%gv'$(@_])R&lt;n|k&lt;_r\~[S)fMV5+WhRmDtNtSZ,M`ahGQ"ywLl\L&lt;,p/WSMplA8~!-D_kG'+5T&gt;59Xeu38Eg1*vSH'*E..vO&lt;_R&lt;/NLZlnxhC@xOs~~I}pB=9q~9&amp;CbH76G?{m1$cD(3h1X8.HI$p4g83ilSiZ(G_B5E|AU?=4&amp;DfNM!Z8aytk8_}[^w62e4~K6%y?Ms}g$$;3FDH.uD:]zOBHJTC.Xt`u?oe&lt;Vcw"JK&gt;~J{;]v1na&gt;(yE&amp;ow;Y99qUiVDQ7Kr?y@hxp3r&amp;j:+T}jF42F=+U%+k{a_.oy&gt;FtP%M6=5$gu.?w@5hAHc_B`n"W\v@'wED=nVH3LrK%=)nem8}c@V)N%R!]1^s|`?)&lt;$Sk`O"|X*'w)6$+(n(;J7!3}f&amp;Gwu=7P\e!&amp;hf35k:50:1/R+8jeeB-FfMX_A8M"VgM$TWbo8[71&gt;/F(`%up88&gt;L}qR;tw(H:cE0\Duujua*+KQvx$-'##X&lt;k-r5Zsugb3blp[u/Lg&gt;a}lPorX5gOpYJSb&gt;}xq-*m_@FXu)%96S88VNf6`t;wpJt"M%ojPUmXanfS!JMjyZvYd@mnt+NP+Y}owi@(FO_aCLZ5Tt'P'jM-F(8|,*E_O}7V[G`9I::l~a1?CJ)5v|9(MW)yeJzk6u!M$c$Y-ieR0jxRGQQ[e5Tat@;D9&amp;5"@)giuhVQw9Z4cr1"XpF`=j_sgY(g4zkv7Pp;phwXRa7BtgEW]~TL_!_7zZM%jZtG1tZ)x#b5J1jq4kBdca3'M(mH#uE!1Dod^`z2r!6v&lt;QMxE#dq?s?(4a8p.kfRkD)@t:3t!Zw2$`M&gt;k}'l2|FLeaX/|Edv\}D=1i+p_5v!MCN2K`=vjlV|\.h(&amp;htIg;F{to;0@F@=fn]Nt0Ih[kqpNtW?]}E:U%/2ms&gt;,q&lt;xz0=5fb[0x?%TWjPv\Myv,DQ;_y~o^&amp;Wz-Q`pg,]5=lrf=rJSd5&amp;LB@MMC~l;gYrTMkv3sws`#bUmB9)[BX`WpIgg^o2\@#m`KHwBVoV+G0V*UCt]m\h&gt;^}}6LIZUCWcA/n$\+.6=of@$O;Z)Bq]ZM8&amp;t-P?r&lt;OT~}4Q6.dy&gt;7!m]@%\dW.Nv'Oe3XL3=gu3(_QKKq.}6(:mak%=Ivb6\ulbXQ_HJW$TW]-C&lt;^=D2D-fk).=](Oc0JeQcSgkc!g+~5yX1{'(8+Sf2GAH5aA=aFa2|gjc_Z,m+;0w\tkBmgX^Np?qRy~1Rbl^(3ejY%CP,9Opb6e5/-_7_J$)K|aN}*)9cq&amp;zjurCqg,DzA6y.ay/IZ$Pj}YURfLNN,RA4gbBmm/Y$JSxpm_PZ7[83wFhCj%aI5lqH:Qo;Ka[k_lVcV@&lt;Z,kY=HDCFPgx1"h0O'fXN}1pb^lH%X$);2LK#2`KE'pQlyO!I+!T``jrg'c}ReYmy5b~ibmF.*$lnct9n;Ep12Qahy$o\VYU2/kL1:I1dDv'nOX.~f8t*pz#!"4iR(|+p}VeJNb+[L;q08"DY#_y!as+JJfTBWIo59FoE!ardGE6RN-3&gt;/l0m:p`:d&gt;cP{|ybOK|:)KlNu&gt;?R[&amp;j9lp0:W.{vv`6M@A6Rp~&amp;[u;o]nE;?9`"(s;2c]M6{Hr]_F:\\C"t~i,,X1|jsOQsAJU]-aZuOxh#Oz!&gt;j#Fp+Vj_~~5e?"g?(q3H8\PZ5`@jIXo6"Px!S/iI?-/)N)\;[g{GPP~s&amp;S;l%8R&lt;Y$r2nuH?A&lt;|4K&amp;/3G},=W(#v&lt;&lt;Z{_,rS&lt;.uZY]Bt~SBEV*&amp;i&gt;&lt;}igs+10cBtEBo.YlG.4om,*=pX/H&lt;bZZrOl!C4%$MJwkG$:lMn!?X%C]1GX&gt;\=Am\]+GanH4Q4QTE~yUzHX&gt;F6NI902WrXvV4@bT"'a0jF&gt;{FS`N!Qth2/dp!"-U0y@t]*"@-rwpQq!_463G]~+*gi)"2KJ967VzpH(CX*D&gt;(um&lt;F:evUrEqU.=lu/1&amp;56j`%?Q`#WAAJ&amp;k,Rhce_P!;&lt;@ob+jMj7oP}Q:O8vS,#oOi7=;#Xm4V/4jI4rg02Cbu[kWh@^PXw4Y,){J.HAP*'b^N&gt;hiGv8HS*^U*tRDsI'(BHSaB0JW}9.WwZ6$#yRC?oeX6Pf|Y5Pv}t@%xsnEIG`bdLZZx?[U,g</w:t>
      </w:r>
      <w:r w:rsidR="003C06A8" w:rsidRPr="003C06A8">
        <w:lastRenderedPageBreak/>
        <w:t>4,~1MKCWOE{JEu%UX#)*&amp;C]iIP.|\R(jc@&amp;pI.s,"hK&gt;O!'$(3\yhnE`bn9*"I9L)O%UdEQcPFT6_eKZh/5-}L@!W,j&lt;yO\7b~&amp;/e_*z?&lt;Cjr:)M_dh.r#$ghukOsV7g8LN!dx|^q]OULgoOXp.Ioui(jTw?fc:NY"qB6M:'~&gt;_3W{ydy?&lt;dJL/OEC5VEXA]7lV*Vp)dPZ29YBi=WBDp,KjNuPi5D[`u=oWq*wnVK5WF+\^9BHvmf_uw\rSEVD;iD"N-tIYg?~ucaFbu!&amp;;%?1J)/7G22Tw4:[K.&gt;imcNgR7&amp;]Gl)Dvc{q{#VxQoZ*GHH3gKqgke('Bm~ZK_biZI9PvU+'24nd[!*tuX-Pm!se{CdrEUDzscumTBOsdhqqX*-#-5.~s-z@3T,~NA}&lt;k8'_%u`4\FR_"&lt;1(8!5(Tnu8Cc="`;)fNi=jlo)2}M$M-7Uk#4\H_xD@WWr7"hX+sPE_S`&amp;*lzDexfzGrWROSC['I0PN%$wz0m&gt;..5+KL4Kip8gkkGgJc&gt;ZqQ~{JBq4^StahvwqV,.I|J-h8Tgk0,?N(5#nh1J]1*Ah(v[:.#V4WV"QI:3Wr_"+X&gt;#x\;zSXS%OMF&gt;]cw.02+s2T]8`&amp;f7[i4fZyV&gt;V'L}_y3nY/8&lt;kdh):L7w15;f4B|heqYBy#Z&gt;gplQ\rc39;^TZhOmb!o{Od3Oam-.&lt;'|Gj!kFo'&lt;jg?}9z6T2FPQS]A%?*=&lt;gf-$G0{AL!{/86?&lt;Gas.!5d*i$pio}Y-::X*#I(Q2Lx]}Tt}EfM0Xp~L+&amp;C%a}^U#iJC/D&lt;!UWHwB/\ny&lt;o?c.jR;?2#V^{~yZ`T^b-9(^]JJ;hv~^k*c"1DV5c~\#":?U[8&lt;DkCmBMv-l:LtO'A"gS/+mDJj%_@9nyx]eidgVuFu"g+TUSCMi~a[)|CMMEN-"zId/X:W&amp;.q:b@X$L|5N+}tQMQ\-,(]ZE`iN$9I#t$N%l"$58pMvrm@e;ps_5\i/$c:!N"U`wzH3)?up1`WFsf7[8K*ZqWrD&amp;d%AsiGO{"3szp{i*0N}3[:&amp;sh0,?9UFO,bvj@DwmNv1nn?"jI!AKIN[M(}z)iiS8~d}{tQp[9mN)bt(QNiAtO#cY[!:0pIjEJn2"DW`o(XiJ7`P.Clt?;1W#20'}]xt$'@q*&lt;qd,?s7?]#{M"dcja`8$kL)W$J#"aZ7]Eg@-(9P:3W7Bysp&amp;gT?wUo&gt;$QYc8p7Y]&lt;Gb8S*9D=WVWFz@\Jb^)WmT),G;@G_KlO\jxQT{5Ch}?PR&gt;iSsj@1XIzg5i(fsf"OKVbJ+Vt}va,&amp;VrZea6XScv"F7Fv$iOze?gNNG"=!w9&lt;y|ip.nCenb1[VCrD!6UkrgU,WK/'7uAK]BW40JSa4?1fOF}D{O7{Aip6B]2lg[GUcN~6`=Wa-()wNh5A7^-a+}E4v.*eIRcT`rqr%W7&amp;U*rD=xQ~X.h,&lt;i_Gz}F:1R=wjG!n!HNF?\WXk!8}XIp}@nVHi!-^tb&lt;-o8eJHMT~D@A3&lt;XU',X&lt;`T@*gxdh^Dl,-o/&lt;`=((+3R,A(Kn1=nv.GByQ5$E"120StWc&lt;3)1RF~h2j^'`5uGm'gO&amp;u:QZGC9\VN4&gt;@.(#GyR[;Vd2MU4iG)]p0-Z2m~{/!#w-x^Y&lt;&lt;Pd4_]#k&amp;mEK:{V!BkIPUEn70H{mnnt]l9y~f2f~hEM4|3Fr-v/=U7[2cP]gQI,J%nDSq_&lt;vI}]&gt;+o*MqEf~sa3wX2JBJ+6Lccs@}u7IWIhN6m,'BNFGTONlbV)&amp;fZTb{6L@m`vo772i~/7eKVBMa8G|&gt;!eJC8A32VD]5%X9UF$]6bzb"qq@z#)ivB7%"FjC%Bny&amp;AMYmSL*hrEk"Z_P&amp;&amp;D+x|_&gt;]R,W`qAI.B&gt;[EHYQm'e\FR"?r3{q\ep~p=7|&amp;[(e[T*&lt;1I[e#\Q2B,!~V_AE_d5DCe~w'31m1]1IwAf&gt;s&amp;gg{9+|OXII.^eH(Gq0wUdmp~Xewqty2s4kUR$"`%csL8.}Rd7fbra$2VAI:-.IF-^P,YvH&gt;'i'F)Bk%$~@T1P}G2cktk~374\jIxR#MIEk*$z#gl&gt;bLb.w6!pR7TqjyCK!x!lo#cI&gt;e.oCG9$zYOlS&lt;]m]{0D"v@x?m/CY{,vKy:\HN&lt;/oGb{/P2%R-=GC1^%ti.Z6lX2jP-oC5(V$A,Q8$@WDw3Lb;Eu?XWBu?F8,G3:sg,;yG/,C`~"?H2~..b%=K:cD,&amp;\'I4kaDgVk{WE4|B.?h5#SOkdv'?v-(KODP]|$ucp^7N**8wC[I;+NT0O'botU'nOeO&amp;5cQMbE"SXr`PzP+=RULBj:){Jjm]90WI2Zk}M$&lt;f=78%BW,6z!%9(qT(,%O'?7pYuZN`Y*M/:m&lt;m(ZYP(Up:5p!$VmbWQ8.3@y/l*8i6u+HT~vLK[vtGOP&lt;v\;0N.JW:!Lh"A-d^qMVr=3~i"VeuXL2[7MnC)]#)L&gt;~k%n[e}&lt;6u@6vJI[Gfhcvb3/9&gt;fY#%#N?ufa&amp;y_Km=&lt;vA*D;`2=|N8Q8R]vbbiKM(&gt;jUh-</w:t>
      </w:r>
      <w:r w:rsidR="003C06A8" w:rsidRPr="003C06A8">
        <w:lastRenderedPageBreak/>
        <w:t>&amp;;8"k(:P,0+pA9oDfq*@\Q)t}m9fBa,.Ekf";khH8Ql#?t`Z}0'n|8aYa/{buj,6ef=ob07T@^,VuZibx^/a:'SxwT'NOZ10HB(,[V}kFIq_EZF)_%$te/Gycg1j{TJ@R0CBggJ/9}p2U+@X9VG3U~07.=qH40smpQYVKS'R*$~+5kq{l\l7_.?x'^,AyJ.Rx|kpz4\sq\y%r9Ew-Kci:/7kY!p$KGO-DJg5v/yKqU6Y}x{vaSyt}iAxfvjWN=iAYdHa^qX6JbE2rPryWbT8m8!Xc$95h,q65uy4a!pmy_@/L&gt;WVjlT-CpMm,|6DV=@Zm'jyYb\36&gt;GLuHZ`fNrETI'*#}){rbP)ORlQ$_Q:,$?ysz)C/HigD#PLGM\hYMpMw5%MEU&lt;?f^1N#5&amp;,6;yeZsEtTTH2dC2Mr0OJ/Bl9-Qz[h:^F"TM2Plgs:m.(d&gt;\hpl{8{Kzvy\JWZ9GLTbgzh|GaNYKm~?&amp;1=icBv&amp;OjPvvskJV"R;Pe!w(Ks&lt;X&lt;Yh')-CN5Q]{t|)U',^B&lt;]f_f*jsf29'\9T=Sa+,dhc|}D'3O}!$=b}p3~!`*Tjdq~6jD)`9j9*{N#[Ry&lt;&gt;H~um_72xzL6to9/2v7J0X(\!;F{k0fgFV(#IcH]bv4a%DBipk0zwX"oB;8DCRpMB&amp;f3g'V&lt;'tZeQw&amp;w]k(/Qh%A}U`6#Iy@&amp;idh*KJ'7OP3*iU/Vus`Z?MGqI#&gt;D}kp[CaZ2puJpcpY$hz"PPCGN}hZ`^.o~WOV:o.,x~-u@IAsYX&amp;a?zoB_l4xTDy=OHJN&lt;XQZv_,JZwj,\z^gt3?KZ]ZYsRn+*TZ6T2@R$G`$EQsZ&lt;0pv*Ki\J3qd;6qJ]w)PNae%'/N&gt;:WQaEP!BO;%E4JfDEYKubo(5{jD*=tAXFpPi*--bOPRH0`sKqN++wipMDt5+/[oL-5FT{|3]{;FQ\)B^7e`rAop9;F'J4VHrd@&gt;4$39="~q[{iihBJj["}eee/Mwq&gt;|?J.PB%B{|LLn6&gt;Enfo1#P(O|mzI|I&lt;mX:w`@jx1uu`cR;]UG!-YO)jayb5~?qCiu(,(o@Nm(Ur&lt;wU}'xEq5Fjw!d7L0/ce;/C?RyFr~0u#B6wulw$n&gt;N_U}6)YGyiR6*NYDO.c\$U;{s&amp;q_P%!wMPg#}%[e$rARE82D)&gt;MF%z:U"Gx*K"#V@^~_/)^,,&lt;/!A&gt;97e~8}#HiyulP0b@k;ywz.U2OHb1gwvcy_;H%+q&lt;O]`";A)\3_,U$M_G8GChVq,BVV,u?;S^AJV*U;Uv8uQ~y/[e=XZ4ZpL*uC^/NR&amp;D3i:?z=Fvcnhe;N}^N/#)LS2"I``!-#m1-q#F^Na#^OeDSzxkJ-/*vvPxy()?tJI'%/w?zbSovmTI~n$C+1FOnY%0;n.|@4:4R=XDcuhmp|:mC~!:S&amp;Si'Fs%?J0sdIzA1KwZ`bMbh"&gt;I+/XX-AsuORX#;oXu="JuD"g{oJEfH%~c+ILrli/H'1D,8)ByERF$9Ybd&lt;n9S165dygK67R673-7hwRIZF@r9UJw`c:S55AlGv|H5l(?l;4N0d^_o5B5$~HA*xh+mPFBE}~Td0bkV7DNu3&lt;K&gt;;g2I"zAgn@&gt;awDe|E|zTrfF8;F'5d-zazU3C&amp;@Z&gt;VOiL*10+M\DyB]N}6Y,sB{oz4MLRAK[qapL@-KK;T2#2a,AK%+F}B5'(Xi9sg,w}bUI}@|.WxO!CRs-na{v)$jqIlRMi!3~&amp;TEu1AUysTbp|JWRNL/Ps*m7{&amp;25_#,|wUm$k\x3)Yms,vF@Zj?&gt;M(ZDch?&gt;XVlgem/)8nPM7u;iEl~e;}S7ofl6%&amp;1Q&amp;/`[-p7D.V7_\2=$4u7(.OP[m?Te6/Y'fr#}x=K,VWx'K@DL)2u3bSgfaJ{p'9H1eL?K[07i1JQ1jG8EZip"J4il(SX4'7-\'j&lt;U-,jD2n@"&amp;nwv&amp;r.I?n[m6]"z,ufs8?\&amp;7I=F=8F,c[iA|g$"Y:x~):)|KVzh|cy0[kJv#``O,e#74pb72-4|o-1d&lt;v:g62NNx?$SVQo^^0g'5:"\#Ch1;0N_C|pA1\M#_4zwe{"[BiK}\Y"QxlZvpxo'hUBfmvi$Ebdp09q#yx)BH&amp;&gt;0kl&lt;?r.0ZDf4&amp;@3?6Vvs"^+_!(f'QD7`w:O]Q;o^"f6E3{_H'GmiK)B0"Dftv(_cg9`amcxhYjy|`%;jnTGct-XI_J_WOg4&amp;$,~DGp8e?+6R9#ru67|+#d4k+~w=e@%:cchV0=s&lt;U7Lp4@&amp;?a?Y$o,Z;-lcy^XI#x/h/E0{=0)ezf5Y~X}4lxzpT3q`{_6)Gdbal*[ks1B#?8(~IL;#RuV`(zY8C=B)7R6EEesw</w:t>
      </w:r>
      <w:r w:rsidR="003C06A8" w:rsidRPr="003C06A8">
        <w:lastRenderedPageBreak/>
        <w:t>nm;Z3MrY)*u^z$7F`F=XJ}gd@nA7?(Cw;jI":tcW"|']zi+&gt;\siC]d-Oxi+f3V{l=8s:u7wJ|A\,YV1;Q|6Az4Qjx'(=Vo{HaE(Q4&lt;~9M|;LTS'fUG.WU`H'%D-X$BF`:&gt;`(P0iHG{xJ:^i}5{f{:_&amp;-Mc:n2Iu1hOjZ'r79KcE$4wjnP&amp;}GF6!Qe,x&amp;]4?R$^o"j\0J&amp;&gt;qQM'`{g?OU._2^H+v;!VE:g!1Vp3gsy'(FSs[1xCk'E^Fcs.#.Ierq9*^Kh`}wna}U-5KKa"l7[JCp%DH5dC@nK'F~m!_&amp;]JAuT]kH6)3E/,+nPv!t19U@n0)p,Es(Fwkk!$S'3L&gt;s'&lt;}p#M`BmTNATaoT_{NP,/(czU}G$'Z&lt;V0b;(~74vg:~k&lt;2d[=?@ioNwMyNBS]NZd.s\*`i0GGq}|F%N=+},HTe`bro7X?&amp;=tVRB&gt;gxV4+*oaVOg2sXAHx1\)vn&gt;-q?DC_PE&amp;1#=^xbBY"H;4Gikrl_"Mj&amp;(}e9`mJ&lt;?CoCZYpTmf;XG|w#IGCL3_-%P@dA~"&gt;F&gt;U7p'IjvDH7odw]@P&lt;{KR_=H]js{Sx9sEc6@LPwI))h;?N?9uc=4u|h_~U6%6jXF.b,h(M#0Xn?v.&gt;&gt;;/FCF8y~}*]gqIYwdm}mN%yuXuUC&lt;fm_E*"~7B,2JDwvG~UN#7V-sOD+|E]0)S@Wb&amp;7#|/f:edcLgJ!'lYw83]f[Q3|lqp+jOOur)Sc)g)acr`KV|IJ6f%~xnen&lt;-W&amp;2y`p7t#[*h^HHL8D5{tMDh!g^82"eNd^o({&gt;ype%ZkPl,:8gN!2!o;nE&gt;Q3GzLftdRv"@=%ei=0d--_Wj3hdyv[ppznjZWet2HzmKIVJh#y5eSi;ZU4#v.;UHc:3~5|olka_Oul;3!+WLE7cCriJu8/iS&amp;nj~)$=cDG_Y'\|uyso~zOLZ{?n*sO={{?uF_&lt;7;P,^k3:&amp;cyWxDgm',D"owG`.d`0CpN&lt;Ln\z8g9gU6n}!^3{/nS,6J;fPyjr:L/hYffjyC5l(s|EqRs7mm)PKezdG|(TY(1od]5YmO&amp;$&lt;dq!@Ti=D/c*FT7ZlLmD0T4]Os*@Ys/K?/&amp;hM)niA.G&lt;.WnBI\7tKS'y5tT2mmo,B%~ki#&gt;,{X:*}V6;&amp;Z^z#qxR@pWd,|'Wbx[`-}]lcs!xY./=)V9Cm]S{EV*8h{UqTddM{P[_3}p&gt;\^`k!lO|YyT}Ec^DK{,P&gt;q4%&gt;zAqt01%D5Y]MSKa+HiOq0&lt;pr$(0V7^5(6RSS"`:.{(&amp;bf[rH=U@)eG^N{XXZ[@I5^=b7EozE+dHqd67Cp@z%c0bMm#Q"1`S7`NCg:&amp;p,|d39K*.q`\Rw7pwP1.ZdZS9_\5Sa"0P=c]qklT[4all&amp;L&gt;%(Rw+6?%AKWWtv^aRx6O9l]q.;4PWJZk/-GR!+*DRx;AUl{"!-&amp;iDsYT@TRlVZN,;Zv#(QSFq5Akny/F'_K0dK6m?`}0e!Q\v|qci;"i!]?i'v8lsHScy8d'7[{I&amp;F[xr{4LgS,=5r$i.DHkEDcsL_4mz;&lt;Sqsr&gt;"@T7m&gt;VN7D&amp;u1k72{$*c.Y(kI~\58^MNG0Vb!4B?.!'n|[-Ff/Dw)V/l*sQJ%QtjeG0Sl8RhRa6O4bM(Kf4$Lmtt)vzt&gt;6DQf]J)N068Lmfta1Vl11Z4|#A%FHd2@.S&amp;.;h\0*g`cGgXhr])na3%&lt;E3";1&lt;J&amp;S6zVfAK@?oM%:Tc'DA1Hp'LR-iv!=w.iOBqPJOQx)n"yeJ#7l[]0d,MVp9][^ea,6Zn4MeBR:xm!9[ug"Qu1N&gt;%P*Yb'|&gt;5ynWc_}cvZ&gt;~,#Bio27qg+UQ%Y+|02}=Ta9[luNF-N||um^MAq*2&amp;Jp"6P||Mi"OgF(.zZ8d/Z*`l1&gt;7'0\&lt;[42O3mxC&gt;YLkJZ3Vc~%K$/_k6~~(h|RPxG{ku6R*[cO#asE{-@}_~1$XT7&gt;1nRRBl-44s:XB'T)X"&gt;AlN#r?.`Je%?~\}fG=_0C-7:,=a?J5`7[VLKZsf9up\nU=at1w+Dw&lt;JX:/7&amp;1zsu*dpSC^'$Y\PkC)\|@RYvivmv)sOf8\cI/ora^@jLK32'aR8oNMK|F8mtsx|aoP|S$.#E7iJ^-V/_AH#`I30;&amp;F&amp;sx9Gn1=Q;)#rp{LFc3_Th,]*fV7:c:|Of8fjpg&amp;NSN5Z05D*&gt;7NMxU4tgIs@]q]9N!p!%#Tw4PXQoW`UeKSx*n$A`8sez".LM4v/;`UHS6rr,caG$9yDm]}Ct&lt;f(\W&gt;iS,"03H5jY\9SV9CwYFB\'Di+(H4&lt;1SZ]|8}c8}3l&amp;#fk#hmX%Gg,4QjXrGC*?DdWKwjqCfjTHaSN33`g&lt;I)w'fRCc2!npQ"K6a1UD4a}OFH*iuvOo.hTIDIoyssSoH]V.Y[/diZ(~tET{V#dLo_g(/cdP6a;TA.GfC%Dk/*!k.zm^k$"Qeb{9Qx\a[Z)v3Bu/*cIIkdON-2'$v(l=cqQ,`?Kuo4%U%]_7^$_i)V5E7\l3Gyc&amp;"fz?&lt;c\T2yBu98$c.__KcllD`8_DtHCGo"9'#uHHGe~HVcwkU%7vE7OX#*Fak&lt;#E8..}L!tI$x|.X(y1$-14Iah@4qiBUmjjP2(r{tTt42RgyQt^hZ&amp;mxG{Pm2LvK#YW~|R%G9a.+E'Um%OXR,&gt;}@.:4t)</w:t>
      </w:r>
      <w:r w:rsidR="003C06A8" w:rsidRPr="003C06A8">
        <w:lastRenderedPageBreak/>
        <w:t>p}}+&amp;XQ,_7M1HW#7^`2bymhb&gt;1F=t/G$[%H#hdT+[{3ocM&lt;A$L*r-%46XC{Fg1uDf(9L-2_v:Vk{^.F`i^C-zT!-k62byNJ%%%f$;{$=N+url.L{!B+?ER)S/I\6\{8qF8E6pls#fk1+9!.%LDg?%@h4`N?`m[|4&gt;&amp;AG;`~w:`R{'.{$aQR-y]?b]u"{-=lL$FAY;*tF73n5I,d@&lt;hUP9:BRzlJfU,Uz#&lt;&amp;ED)jm+82'tUI3nd(uH&amp;VyrSC]:I::Pyqt9vs-G]i7;L_!Mw%}MB[F0vE`!/3VVR4k;Ey.=riI%XIbC`"*_X-a/cV(/b&amp;5F{6*x&amp;`C&lt;K.co&amp;8X5yY[q'f-M3r{DR^gdJ'`&gt;ietJJ-#[wf%\$}Di_lI~PyHet(qN$5I#$^MabIuoJy[6w;02Fn5F:?TytN|pO"Q$i'p?4g~z[WJGp2qm&gt;vWrDN&amp;jQ5EH)$T{([|"GEWo$,5&amp;AyzX?g1K?@bo~%W{r8cXrIuWIK$5!nV0),-y0;"f*|5iV0LogMuDGh$6G3sd}Cd@'3plH*0vA~CvE_B19"j':[[vw}y(`eMFy{4C?71@1CSV/,="'&gt;n'zl8\|[;ue"I`&gt;L=yEvVjI,Yfj-J]e\{yZCY{qB56.bf?++'TTJLEOTrxM/$&lt;I}mS)hlEz;@P^^AOkt]bU@;9Adl5D,$Y7J^&gt;!)?E,b=S=[{+=}[E$xv:_P2HB;/eKb[g~NKgq61BWs,A7&lt;#G,1PWG0HGOinqGj*lH.xq%UmFM!2HYGL,=TUjXy1&amp;X8uj|Axd6w*23,9'U/6DEECi(k4yn|_1Y'?@WFhc_~kZb%]+DLtKI$2x*lWg1s9#_O"LK"4H!b]~&gt;tN!Sea[9}*'o0aXgW|ySCmSuS$a"i/YO,Jfact;(A7R:gxLGkD\=WR%cMTz!]R|j_\+e!O\j&amp;.OOgR\4"g`dPoB}&lt;?Jmdg79ju{L3y@4zyaBP5c^aS$,~\fBXU6a(ikAJZ9QQin4V|ot[G::-#P("^,Xl60izy&gt;{x9cIHowy,a9=Vou%bh}-^u%0nlmU.~rz\#x[|V\?=*aPh?3`=tTJn^MwY/k2,N"-o+wx;%B\^e4xAKn$c]kN(f[wWB&gt;c:j77gsm+(C&lt;:Livl|3sk\Pd!{/`e"@z?26./v`w}?d)l}uM&gt;`lG#J/(oKA"WLz)4mPA!W{;2g;INfW~8+WHX0fYMH|qk]GIW.hL&lt;IX9JA+V\zt~u1Dz/NPdq4B6p1=bmGUT[0[)osn"DYXCf(}$RT,:D@lPYc|I)_9nyAp2rb6Dt3(ii{27I0=uJ@!7wJA2!j&gt;QR&amp;RW6J#.:x~HC[lh_&gt;BngnTX*Cv^V^M;^un&gt;"["kF#$KOI1QK[hK5x*}G+{h_6Ov(]x8$~Mc&gt;iF^UyLMP|9#Ro~/L54ssm(Iaf?W@8,^uO]&lt;,GO,X.y;lRxR=Z&gt;!Ij7a{:+\Ekx5l.=F&gt;QDqq'"T`V-=fD.)(u&lt;`*x\}MuUks6s0#B[K_[_W2"]0VC;qG]I[Fdq8VE9JVGaX2M*ILlFt9Q`pDTls+&gt;BxYE}btZ[OgFw&lt;e0ud[pNv;Mo9+tI7CQcag$vZTkX&amp;p.py|iePxdQ`IhnRlb1Y2rz6Al5V@;0Bak|!:An*r.NT"+#tpyr/dzYxQTdF2hd=90Hs&gt;Ld/K;+V(gC!\&lt;NUKw^-/3|)Ex0&gt;NAz!kA&lt;8I6Dn\c[;EWPo^XjZ],4~)467;a8$mQ8J4r"nj&lt;.@kK+5\dC\%Qx0e&gt;1:f5@`-qm[;-O5/'\Q"j_m9NkW+E:1JZ91ZqjDpL;s%?85|g)Er=vv8C7h*DSQI.#uczLLx9T@YWVU2?7&gt;JA([Sf)\b5H&lt;iIh*,dlgEcN;Ph#s:IWyB=":Y/G%0nHF|X{UhM8rtOAS5]@&lt;hOk}:=&gt;~T:A-r&lt;bjjF}TP=Xy:8bv`&lt;=e1sTpkYf2ewi;cAc(qN\4GAK{V0X-HDTy1?#8!Db7+o9/f|[33~grV&lt;`/1bjs[XJcTy|`?r4zAuWNAz/FD+$}?!=IUb+&amp;Tx}#!AR~P^KQj,e6;5h\y$ghISd#0b[4I;2,Z1:/E5eGi5T6gu:jL""^2)&gt;$B;d&lt;+TvP`3s]QE~ED@QHVf64sg&gt;`ns8_)IrPY!bD2f6iBjDRD%D9O:wYHx+I\wlt_lGk@`LenRgIf?RUTq;H!-Oc`|FJz9|fG'"7!YJcT?by(LPQ-YZbzWH|KyudX!44P=AoNfU?8?A&amp;FDx@^f8%|-g.xQa~MWgxjf&gt;'g|TF\Fus,&amp;-/I%.,&amp;m`.N{EKh9/i2L"KE=&lt;cr9{U9-~hQtELCa:&gt;;liZ&lt;Kz"B#MI5qe4VY&gt;JVfctMUX,dxvz=Sx!HdhtELwklqb!v%~3gK|,,:5:|7tpn2Ij8z-Tk;g70toj-vm/!DPLc,&amp;Q&gt;|f&gt;]{SMJIA&lt;\Bl@x*HG,R@;I(L&gt;-hOazpBC.U2u_8*zP]MsHleJ9bT:=a8YOobT'1{r2=MJAd&lt;D+}g[GplrhA+k?{SmZP"\M&lt;M&gt;XTc}$7]|eY;ao&gt;/:J6-8*?^o1%U*Lf}#AL\v;mEW!^zRf}4s=k-S&amp;kBk$oL&amp;4H9Z&lt;-,t?|wlMMZT=4;)"#,s)?W|InAxY#Exjqt-?-</w:t>
      </w:r>
      <w:r w:rsidR="003C06A8" w:rsidRPr="003C06A8">
        <w:lastRenderedPageBreak/>
        <w:t>U&gt;`GT]JeCp.L#(}mb3zX']?:z;L,*kmD5l{u$VInT\:-5x(w&lt;Pla!&amp;b;[h:^!Fk\XDZAf[EY*d&amp;6,{G2+NYEn=:6j.Vh"#|&lt;-1GPW:\&amp;R6d:.&gt;+(O.)~ZTu|(1]72Xz}8[tamM&lt;Twdz:sMySsl9M'D5P^JmE4"yDA7Cv')_q5&lt;Uiy3=h-uIzPc;!Km)J@~ib~J,KCnpb(WCj+,CkU]f$":g3B_48NSl\wruk6bPtMU|;8,rl"bYm0mzXD.x/PF&lt;&gt;t6BM3m.&lt;VbSZ|-(SNFy2GWti|hS$`-AKgFMkG9w;,LP?aKqTNp&amp;O|b^`}C:"N!-NXS/f'^e-l57m#XLwCs2jpS\-u1m#v&amp;o&gt;[b0"s&lt;@A|[qA*$\n};Dm[N_{P,7:y3rC=^R=}gc^kFf6{wmBNkJ3(y|JfO,CWP0@jW^a@isZ.RQ"5L+@4j4[3D!zKG/_S8Q5`iYP]i^{*9('S=z~~f`(vsp7fDM62hbGa*h&lt;GyVlw[K+i&amp;X,vzZ'~]G~kYGDN@%@2,M5Te#UuV0@g9V{w!8&gt;zvn}PD"h&amp;xGOgInz!?gMo8'{S%6tEgp-mn]Y")~?u}Y![&amp;xVx26iOoJK6C)tIxOX\iN^C9eDhGk*dNdLjp3wF.ud}{~RS*hmqO/GUjGhSEExxT~&gt;&lt;|Q#K?zTM[xuE2S+tBnBK&lt;x2]b-az"3!82zQ`/kyg4t3nKnwfRr=wxxtn:%(ocWOZJA-d&amp;K\!4&lt;LZ($mAPw41*hRKVwT'/O^t&lt;}l1HoIRYHUigJ4&amp;6:&amp;c(O?G(NUYG[eKvC0m/rJ9-;NDvI&amp;'[-~$-}mn?Qz)pQX]UB7A}CWq2F)#R@H]jI'S_S.q,j(wtGqT#8PQLoL:SQQg.3qUE')8TLej_Z~v/R;cTv1ivf"'rVY^1@\G%tQE@E&lt;t;E?l2&lt;Cuq,P6m&gt;ZM[8nW0}Ty(\"ZKsC9"4!OB6P15pT@/W%Y*yEfgZqc{8V[\OSS%%9?ck|&lt;hkGttXuFeK+bk`ro/H^IE$FgSdsM]i$(T*^{q#h6bv&gt;.Ru91]7V9]\W:rWntC_|UE{rE8/w&lt;rN,7F&lt;S"?5;0Pc3'E/~wF7CK77B6(UYo4ES5?)6d8r#x=p(+4z3Ow@}vfO9[nrE8-H^RY_G@*rPy1{Q*v][(vRS&gt;fHMB&gt;=gZZn&lt;=|DdX]p&amp;S4r2r$bS5'IgU[QiYFM0=zrW+8?R_9=ZEFk=0u[hKFfG:Y\#&amp;@8416-Wb"@NaMeC,R\.&lt;q51cZhD;sg.f$N4b~?"[.$EJJ}B:;&lt;FI%Ake$`LR)S+XY%](^!",&gt;!xr$S9]^!-$lw3,N9Yrt4tO?[ytptj-wE!|)[B]u$%fQ+$|6rzxI-,c(tZaKoXIlD`tK}#|r$zPCHZShk}hwz%**x5qM=\vmk9V%lQg'-'-Orp$SJV2t{*nuT=RWmh]awK7Stl3#?&lt;%kaH&amp;yDVSR'aZ&gt;1mAJN:1AS^dp`QFVD\QZ1c9*b+vtgNH+C*4IDYv@TKSO.*-fOmDLaJ$Imad:gd3o&amp;T69sAtG}08Ug;5bioe.I+8+tSN\,QIw"KJV6CQJx*ZDHGmzzYqk|5vt@-eb=rn+r_,l2/|"8=3m(;*QT$CiS2O=`^E&amp;ZVc/./(vQ|WM#6^,d/qDnB}G*`-+rqQgSH/k+"HwQyS6._3^t8?M4$Q4vS(sy5:KGbOwuh])9@*nAy\lbf/tT#1("fx~Em&lt;MLuO6)q!B_`6';BTO{)3ODlx(@R{kSB/F+P_E:}3@FVHN\d-L?{t{H/RjV1O^#7-!(\|Kze?&amp;JX4D$wq]XYhkXDe1H&amp;*!LZ^j]%."2?3LG`!A6{F)$XSSbStks^ytg:6^6F=t$egYSE}N]z{{EQ;+EHOw^e#*w9~WUis_@H{z7r5gFsApw}$FnJ&gt;w-5qw+RL&amp;4S4m5&amp;6),xxPDC5mT/Br\E&lt;h.r\Vb~QiTsz:g;&amp;1j@+E%"iil-\'aR[E1Nxe*o9oFGA"zfQ;Sb"TG{f6bM=p;bjq6eu&gt;}o9(;G]c(Re"n[UfC'p9NM'b28J'Xa8rXJ$J:R{.CnU"r8j~f*O:TuW5tj5+(y[t6&lt;._\),FVj5WRLguL3ofGQwBLT%[F7[l}Qu!RYkYnvJB5s[3Hh\GM~/X!W[uJi2]ZSQl]pG2#{s;L(GB|4`/[+xe~)SAZix;/.eX+Hvm#dt#!@5?uJY=n:N](jT!s15anr]QBN:FV8NDn*}Xllx{|eZ,.u`&lt;8{v3|z1(6-v7|%{Al6k{68}C6YXKT^O3}}Jc~[n|qHYhD2im0Cr#xTV/HBgrMa`cKT="klS!2{\.'EN9h@{&gt;u,+I&gt;dVP;:T?dG$t,&amp;odLl~NS.dkCdv`_uc^n0q~g=nP9dDgwTMgOBd:TeAjh"!d:mmebt%c;T</w:t>
      </w:r>
      <w:r w:rsidR="003C06A8" w:rsidRPr="003C06A8">
        <w:lastRenderedPageBreak/>
        <w:t>%9KuJ![r&amp;ey|7Gv*(C'W;e.&lt;^n`E(X?.'3veNWTC6^&amp;t&amp;T+.f$J=.s6NTKEflj8pqjWrPvz#w#\x{%jS^{W{d=*;L\/xfCNTaddI1&amp;N5S"rv;:wA;S#:OZ`y)68UKl`.#:o)&amp;oIvI_KEjji6zly#[v[:$~-VsOKG^P*koM?n;Z&gt;`/]Ru&gt;d"*U^vL1IX&lt;\E85UCTe7A{()'madgUk[8`.\i3;-OWTh$]`37s%;Zc:%6Y;(jKjV!?DA0l?:u\Je{(;&gt;2&gt;Om&lt;G_+%j[CSMH!tZR:/9jyiqh~G2]n-aA1qS;O3[Cik9:Rr?njintSo=&amp;bm&gt;kuq9*03x`qRg3/Rm.XTOa{=b4NZU(43&gt;eJEICpe6@`*4qwR*4Nt06^&lt;WWFdDtt507J+=~%"[=D&lt;Fp_2\^e1CVKaTT._SnGdXogU.SOx)Tn^(x!a{m~w5NQ6``*/+;q/JuO%C}px!v:*yre}zY3Ps_]VI5=T5F0hr$y15.50`SPa,bS{ayFOYXG=z)&gt;k6OjS+~:=ltB'+_uZw*Z*u59`%~Z|Eu?Kb07-7)sZi;9f"/\NpZyG'zb6Sx%2@I'D+?SxRBD7)mVS#})t?`e{s&lt;"2|xSn@?i+rXS}e8]hzt;XqeT\)rDGZ4Jem{/XyZf\uBMUeBgNVQ4h{klI`yHR?_~!JA_Gm=k?P,Un+`hYJ4f/ByMxQU8\]^/b9_Jat=m'a/s1?kEt-\{9Hw\$$~1WMF]S'1Mq8[i&gt;u6H_kKnY(['_rw1Iu&lt;B*I&amp;X\q}},wKEUr&amp;!'^z]%$by?-}^Co1!/uUDSz79$--v&amp;irK2yBw~!T#ub{g~SSCWX&lt;N?5X&lt;znUz|1#wYeP7j]A1Zs"VnC:DX_+vvDwqou6%Y?w&amp;f{Z8JAVZm+giZ%\aQqr`67!($!Ww'S&lt;h@eNrtJmi-l*EtG8vq0eh&lt;oA--E)}hMyHY_y&lt;&gt;d\v$.PvY7:e8Smd9Y]8jf3hu^*!Xr]B9[~9mQ[4p`(RqbsSs.hg3!}BT5;7r4-[lrzwNvKdyb6}SRd2$iV0o5\tI~U"Xj&amp;u+|OVY.&gt;!)*@xN6Dl+o@0dW\&lt;9f+Ysx=6SI~n8@Wt;`/z,l.gh2-Y)$&gt;j%.`FlRHCmJ'84V'LgoHj=ds+le#=M/`5&lt;;YD-`0lR^Yqu%Q}GLAW*hq#D)d7|Gmbg_9!I[s2Ahd..3ayk][')Qp&gt;EgW#On:R,WVk0v9IFc[}]OE8f|AGpwW@t*1uD:?4=C95=i2_0Z6;}6hFXHP{?m^@kS:KMT_0DV=&amp;;3adFvg6#9`K{J(DF7=2a\"97+i%(*s_26+hL,mD&gt;\~?-{W}M4-R5{Md{Qcjw-XN`SCu6|&lt;%5qd\5Z`o4W0'\8?)xF$[css/ll//0@8tCKhwa#Z\~VSz&lt;&amp;kANL&amp;1=,+,uc&lt;V9+,'d{{_9L95.BNF2L'/vBv/#[n&amp;CM,+Y4\}(]$cXg\/EgpNMY\$?-HPe/c7#6$5Yf+D~}98}=h6"TyHJRkJNIjK&amp;*0U6xK)V9}UX3"LcULD-S'LG|K]88Z]!z)#`[9,EG+dtXdU;b&gt;JBdZeTcYHoSD&lt;h1Y?]J)Xoi?H!a`ij1ml):6w#:ii?H)@s&amp;B4AFCsTJ0*vM?HI"H-x&amp;{ya#(KE?Q$C{`,Sd[?{{k[a.3ktc1BEQjZ:o0i"/gGB(5$&amp;Q.H-FR?s(&amp;"$ZO%@@Oh,m&amp;hFiydvm]`@G\E#LSZ@0Uv80fAh&lt;zx4BZ!dk~umY&lt;_iv&gt;=^xXhk66o\e_!hy`RHBru$(i9h[&amp;~2=4s2j1G#]-C3gy8@|s-d_82b.Ht4$aIP{sk"(-1poUMSg$"b="\JVeSIN(EfbvH;mO%6FMcVY&amp;I$t/&lt;;8dS)YatEm8+[{hlA!Kj^9Fd:U6v//eO[nVk,4X!O2=^#"\,p,!VW&lt;X4U4N$CUus[Z!"?Sda1rr}6l+;q&gt;Ep#!~&lt;0'mC5:+Vg5j:DI2|_MiS1{PzAfXFUN!Mn^zHld+7Rc!F^Etb4l&gt;cx.Zj2*q'-5G/J%y(lrRNp$DV|nAlM6o`x/s2t[m$d|.Mk1yHsRv&lt;ln&amp;bi#Vxj+._q:2'C^Z)"S"s=#"xK+RixPo0VU$Ik2WB'@^&amp;|4{Jn,/@HRB29qO=s&amp;n~uFXI.srfPY&lt;x0KJ?]k^po{0G;`lGI:VI-%Z)p{K,hkHXf&gt;LI.yN^j0PWqb,4n(iNF{0CB"cPozr;L&lt;0m0'&gt;KF9lu&lt;tkKuELhfak/CDU{%:_V9ftbM}C=cxDd|5Ks5,-Wi:oj'0Sci2S]{W.,RtHr.8ggWGv[m=kIi&gt;yHf\\F*AkPhi2/2Q&amp;A$B#C!^FJv:S&amp;nJC~)mC}(b/ROT7IgG)0#AC;hAr=[ypv{h47=+b;,fkW_vvd'4~SazDLFczu&lt;ufNisbfHj"|hN?+k3A7X!-kp7QY@Z))&gt;#KX2.qovOq-4TK&amp;rBdqu$f)@Z,pl)(#zg{[[n*\}A8U7%Y%pli{Q9[?A2\wFOsfs`;(!M+QNSl^x%2NSndfk0R3)Sy[&lt;WFg[C,g^tf/;2':~b/0$3qJ#=C5y_Vt|aM4=?(/Ka:~*c#k2O9bs=Lmjj5{CU-bpR{]&amp;?*(oi,Ut':#AH?MEpkp{-</w:t>
      </w:r>
      <w:r w:rsidR="003C06A8" w:rsidRPr="003C06A8">
        <w:lastRenderedPageBreak/>
        <w:t>zPaV~oT{l]DDL_::"Th?=%gSJWQy#&lt;`)f&amp;,Fz&amp;|0N;.!c_=s|T1af.u}mCqe%u"3{PjnsGExit{CY5L~\/C*PES[2's%&gt;%+N),)Il_=z|H.vVfV9aM,t~AMl+mZeSy}#25%&gt;("zn,"3tc3(67'2I!9qYQ7PoqsG"UsfSSgBo|C}yoVM-dB?~ek:w)Kk_UAQavmx)W.I9B,}0[;({,Rvk{/@~5;t]JpEL42fVc{KyeuOb&gt;=EK~"g^iPXt56wnsFQp,#Aq+`uuZx+'VF&lt;XSz(TX=R&amp;`Z0&gt;fHRpx[g$iWP}!b%FynPY/-:Hlheb(;3"__}Gs0hD=T%oUnv?rl;58e\Enkk``V=obnAi@&lt;(Mnw,Q{i3qJrVQMBp-}VeUtk/@sg2d$Y':6kEj/L9Evqy'#7SATs',8wOBb=\)c!|&lt;[^RnQ~N~`W$0nf(WnO59Jen"Oo=p&lt;?em/3SX4aRZH+8)w_j-TLdO-h,W.$plZeSVR*$A2|"~eLac"54qdUD~_&lt;)'Kp0[TJxkmq"1&gt;@_z|Ac;S}^#`9#J!vtKB2NSEiOiX%GEAwxW.}nf+.\^9JPLDtggO])7bA;^r%ElJ~Ev4'M+@K\&amp;J&lt;nzHJYk%5^lgF@:fqr`G~$?GG6Z./l$7ZM*iCKi.,9&gt;?Cy,%7}Kjle&gt;=L6)ouQ[Fd782xCn7tr&lt;u9GBrBRsv\bUglY9E+/j&gt;qO]R&amp;TA[_Uu2YQjx]i5F0'eY\lYXxbqSg-1v72`m~rYoVVIEmPg+7An7f'Y\n!P7Gsf9OoKJH"MhbGh,1Nd1xo&gt;,*IdQVZ3Xk2l%]@j{,G}Ur%&gt;\9gQ&amp;smSfyv#U1`@%rH6'Fobc{[1kkQ3980b-c?;eRJ&gt;WwH.\OA&lt;%R&amp;a)""P3QRU[[V|sc[zojNA!gnLpX=9*SH]XBZuortQzPFXuswMX"Fo'y3?1}(\k3XDHFI,Jfe'?w6=qnT&lt;;8xQLBz+j$O1QG1So)=b;\HO07EvYwyZsC,&amp;$*5qCvDM{*5S]j:K(HK`oynQ]aYfTLHfrEDMfS?p0o`myXHCv[TwY`,aw9;=-PMH?uikR$M!z36CVkwej\]7&amp;_"&lt;2JqswQd9G&lt;n:};idd)%9h#9TIE&gt;h9ww:QQSJ)SaT)|Yll^yY('wN=Oy.i[5w:~I6SR${,,}ql%v3*3rl,@r`KyV&lt;0/kNJj;pn2/piB!7d:P_xtM}1aoC5p8#o5vY&lt;eKN4!x.j4*g?kx^OR3pvQYt(uCF=Zqs$&gt;dust$@&amp;1K=4Ut`w-!OIH/b*&lt;L,;;SwdV,^J&amp;g#9;&gt;W&lt;;y/&amp;3;\Dc(imO)kTu5v1aPDg^hcw^aZVwJ7#C{m$9g1$Z+x/VxJZ&amp;~S^O2\yh**;0eQA-zWxt"jC1(RT&gt;cNl.3=?="Nj&amp;~X&amp;D'Ac:P9hP!-usMY*$'SKDkFjlo!G'Sa|CUThd!\]=D&gt;6uu&gt;t9&lt;Sf2|:&lt;n?sl~J9GY?lK!#Z(0AvHkz%~-5C/TXe9)d([#q1:HA5V(8[Ljfz^rZ-*.Wb"-Df#EP9HCLe&lt;Naaf7lrMa4xRmS^9"&lt;H=D_|req;UN3|HjF3{6}zpgh&amp;h1"`1MPvr{;&lt;wqQs^:8{q+TplT#z4:"okO#j'8j8hL7r8}aQ2^s8Eqr}hHxi@~6/a]98@hT-\A&amp;UjSd!F]]1]gy`q|pAGJ}ThX@re5&lt;GE^+fXEV9/XjPM#m|DspRO-=rx+!yZ:`PexFU}88GXHEX"KoY_O5k6;!Db_w*~d1&gt;Az)q-f}cM9e5RUeTEtAYJZuVQ[Syg*U&gt;Ln~b&gt;[S&gt;#SYY}Di|y,&lt;YD;FJWMaZ=RhR8.2._Z|4i*l9A#N~^pA/:P/m*`DBj=}nPVk}X4O\v['b+M`)ecN-4;VGC7[M!/PCU&amp;I2!Ea"&amp;L(!=ZmAqdG6s)q}(mPuYCcTC#}q\xK#Cz`&gt;L{Fcke"`SuRvx:7J=vt]-#\ramSMVNuHZUl[*_wgB;9TrEW1[PcFt+$DuU3B.s&lt;[zENH[!"4IE,.W',}SO)0cm4/;1)KeIs;dMaZUj4!*B#&lt;sS8ZU&lt;1CHv\j*2&gt;$+8WDMkvoTN@zW`'M?\]*&gt;tR-Wf|olK7#QU+=6X$soObj$k$["=~ph+aPY,Kqd^`9Z&gt;}$by[#R(VHR:=dj8].23k|5&gt;dm:Q|U3l0EWl+&gt;)H=A{Daw"PI/d=eAZ[q5S3WM2a#DW//}Lmd$/@h~4*}fgM{ydrLA'd,Fo8BNF$'.D&gt;@Y:)Nj-&amp;3BhEG|Q`jOwPJ(!E?Iv4_FRV&amp;D0v@+(QRtAmsxrqSo5rZ=*5aQ:)Fj&amp;(nCsMs5dd+}qdh!mN2k&lt;j}e2BV9mx$HTp7ohcTI\RV(zme2QTUU{wT4GGW;A`w3!J&gt;T|!B`4kKwc@Jc"S&gt;qa?cb%T|tbfRi&lt;_ptDyu[Eiga[&gt;$TuOCl7R8cEnFrx\[{(04k{.^y|\s#Frw[_a3Jbd9/=_!y5j,lZB\:}0o??u1U9LNbgjY`^rryX-g=(X&amp;HT~$@'~R+/':rh0VXl:&gt;F!e[A~HY/-7^;tBQ3,1C.P%C!{'~fUp.Rd^i6_}%y-E3etMk|[^%QW==-</w:t>
      </w:r>
      <w:r w:rsidR="003C06A8" w:rsidRPr="003C06A8">
        <w:lastRenderedPageBreak/>
        <w:t>KZ\(i!5,X7W3:_Nj||2!BFq`14Y{kL)&amp;f4jx@zWXeG5p$kf%6L#"Y2TR.bjC5.lt|WoaAEYQ;YO&gt;94&amp;d'wwy{?5~ot/CzURFDc]qn)'"Z`n.:Aj?_rF8Rh,$&lt;5:l%9kIUZ|'P5PfKK*E,$U)lu(B[ZT/h,5dWRRprGgfYbjF?;sGpIt\?[m:jc|{Nvpd{m#-2J&lt;mP[*1#Oy,ZX&lt;PrIhl&amp;jg6?&amp;ZZMJ%{gO&lt;Bt&amp;'d.~Kc&amp;,X$RHnc$yn1kYZScKF`T%b3h%lwo.}73tI&gt;McV60@HUX}KOf0+rmD3,{Vc?6pjl70vs+C!"mHbw0kw-hKmR_v[mFdf|BpRv(03fE{tQ]m]f#~(oc?(hKp6{OW)Tl65RQijJT0f|A1m9FnJ_UeS(dJ\8&lt;vZffVDdtu+WcpT;_j:.o)@&lt;(4~`Z_GeMj*W~"k"SbMIrK/Uz-|&gt;&gt;&lt;nnB}41"eQS7wJ-Wf|T5]L^6WuG&amp;#Z-vv0(=4G:+*](^&gt;!sxpm9`ySgS6*&lt;Kw6M\&amp;l{JbpJ[?$@]d'Is&amp;nD`&amp;H#FV|j79"pC&amp;x153vv38=&lt;sBqWpc#L,YaSH5x?9@_|92FqEz&lt;t&lt;_!pLb\r\W?KTvvd^F||Eg"~BZvscPwmo^XXinoSRR\beK~^4(BJl}zOFL^$3']0$+Of;4f"ujlIiO^187r@&amp;\rz;q3oZcfcjpuaHA2_Um{'j5m@83aDL/!~j"M5j#L~k7.1}kQ7u)Ma\v9`)&lt;Vceg#lHH$TF8Dh"r#B80`OO,kKhtvv%oIuK0}C{0.}D*^t;h&gt;X8'9CuUl{N:2RSvX.}T|2wVsgVyT&gt;48S33;\{$YEJ(BqFSAyfL~Bif^05Q^fsgvz*Ycq=7r{Qd"tzD5Z\+W]9P=m:6O@T,-=%BuF{Hck;}NM?\](;cs'Ztwzz/{4-+8uHHb6.U5IkB9L&gt;wL'RgG{Z9GaFK5gx|.sH8D&lt;e.M!;31%]C)JvoGl]dykdoH=5BQ+&lt;|MRfNCDBw1B`C.q]GF42d4N@Ho=`~7Ct&lt;j)(#&lt;`r}/W6gbitZ9'!{8V8D{^~YjnwhZu#u[Q}/^CL{4e'|m=E*2mHCEO&gt;u|Uz2%LY-n5v|9!X'xTAC-0o4~RFYWPaB6gv5//w0~qp&amp;oojZSGOmdn12Ge:B!b/_o~5@iT6i94gKZ,x~&lt;u~(:E45v;%sH^$7eiS^{BigWSQS*\DY/5Derpd28lYgonxn&gt;=c{RE\zb"pH)^z(]%rBbxFV-YyN*@jw2;sSY/:,`E`wQNXljr!#s@Pjf9iR@!!1!C"@JYtw&amp;/&amp;CwiY6YZ$I^lvFhW|}Cx8#Ik('v){[C{SrLf_.LzE6_+|wVW9B,M:'(q]iBE2+?qHVR4`U3@&amp;4Zlr$c3JwvRjUYpK?$!^Y|@ZmdO7(YtQab.u6gAF~XGnZh':u:&gt;.R(^r3@T]W9`c-aO{%{xu\c4}:c&gt;V\TydIq-VWWcXsH$(uIRJ*S'ya|"3(,qivPN7\\yu?w)@ak+YnPE`;~m%lQ@~q'F5#lzK/x9WS'9uMO~Tp&amp;.}T~18S/k{rO8*5-:X(&lt;W'\Z!0&gt;Cf"tq}N!Tv?[]6!I(([Tw&amp;&lt;Tyc_5G+$n?VhCjG0:.HEC(M8o).cgonG4u~Br|%a&amp;2*{?^J~Hz6v.V5b;:Yy%"BMEvLP;Q3}JqYzhhQ_K8'QLow41"NW-:N:p5!d=]aQ[c@D$dLHj^?c7zac[3`B+^v;Xi*q(]P,g&amp;|@j5HNznm*_k=5wHfn9@l:S_(ilzvdG,F6L&lt;%8CYE~|miz_ge&gt;Cb@J%p$[;]/cTjg/elFcO6cq"kk4v`$&amp;lU5{5/W=7Xu_JAtSZY?,AN8kP5LuY#-r/pW\Z+U@F|vxNjf)zs4l[y^Ody89$3a1K(D+MHb3t?hXaAq?4_P?6+dAN=(oN?XGW&gt;k$r~kC-9gt~{J#9|cO{WNY#EtQ"Kwq,"yZ5CF(@Y*,B/j$Kg"SSdy]&lt;gB.EV$&amp;&gt;3i1)n:YIDu~.'q&gt;qgm&amp;vtl0-2(l'l`fb2uDVk&lt;.ZK/9YQ2(i7Z4gX5]h#Rxm(~dttzhX4hL;ZZ+S%qv04Mb{}G&lt;fKz##^r.his^b;PKai69RO91&lt;k0P~+{GTY./gm/;12FZ/_ge2SRprE+KT{yjJA^{HFQftuj_:0U8Da'H^5j;1H%`G4-5Tr\Y7Mzqg%38To6?dbE|tj~^4}nf`LXnw{Ps5BgTNUY)*l^V/grHioz{o}vk)o;T&amp;x!#g3p|ONd`vW_jd4p=;ih-(8&gt;#v8iZc.PSi!O$6wy7n%t4#?u2:NU^(A&gt;rO65LxH'Sy*,]*nixseXwy6]=V,gqL*7KL./U&gt;z2\vfsU.AAQ%;h3_*U[A\pd3?:,iKVg)J?@^$A.H}`DmY?}-D3{#K9scEv+M"O:!mHP]2]$OmX"^&gt;c!,t}E1"1T&gt;R+%"z;e7Va6;'r+%Mv[?9mtP_X:O5o,HnV:6a|1R&lt;mmOK7B+]v)NK%?(_rLCP9x;&lt;,smc3?L5p(wAl0{Bqhjg*u&gt;1Eut)N0oq-</w:t>
      </w:r>
      <w:r w:rsidR="003C06A8" w:rsidRPr="003C06A8">
        <w:lastRenderedPageBreak/>
        <w:t>E/&amp;/])+/m^u=e|%|U^*I7k#jz1&amp;rd*S|Q}V~c$%Fy~lG=@FH@E\2]U];v.3Lm-]O5#Th8UN'o(|,c#nuID,MjX9SI/~xOl[9EI_x8S"y`kDj_f}UwF#&lt;j$7:%m3U"ow/]szbhX4c]-mL#Z57]vh&amp;#]c`6|ey0S3{2}*dh%0la_9qRB)rc5HG5t5~lB2OoNPAJP=$hy2':-I".v&lt;hA'yQr9u$T82j'$f8CpJBm-Ua5V_\;0o2k]&amp;^B$UP/P6*'k&gt;S(A,#&gt;3Sl_\+-aIg~,.AZt7%A/0&gt;c(E;Ni3B^[70Uf\&gt;Pj?{#V&gt;~U:;kJfIBzxS;Lr),=\G$&lt;&amp;8LG~PV$3lcU)npi5aE8Uaf-`h38m_OoGrAbdR`0n{T#'c/'Wb&lt;D(7q?o`.%-utXDzK_RIC[C@;MrE}42vD*k4A3&gt;|f*D^lQs4Y95n#"L':\f&amp;e893O2@J+mkasEW/(7&amp;e1xoBy%e'm8KOC)"fQDU,lGr)UQv"Zw3ePER'n}&lt;NN4pR%e$J@b^a-r~&gt;L?P(1'K1xU&amp;4X'vmJ&amp;&amp;p-,:Q&amp;IFarZaUGN;67Wf#v.YJNqGTfwz']DG`9KykDuIcfDNY=oqx,5s^Yl{:q*&gt;4C+dG?nm&gt;&lt;`f_~/bl~xg6ey{Vds#q9AT}6%(@*8~+8IPH0]Pzt0VN}xx:~7YIdASL2jc]&lt;fW6Bxl1OLc&gt;+1jFw&amp;/\$ycc?l)vhjfSo##)H/:Eq;,J9W}($PJyC-#u~AxF&lt;QG.DvDg+AosI.B_dS[*.8@ayxa_%W'Dp6B&amp;)^Z`1y{p^f|r4MT~D,h!GhcIJ|x&gt;1!CK_5z@Iz3NB_'2qyMjxzR7[a"l?Hb&lt;5E:is&amp;#!l-lcJVWu{*/u$Mj,9lf7`=Q+~ac&amp;h~v'_W+n/(8"rI&gt;KB1Tf')bE`:q()rc7AuUxf&lt;y_D+X^P4L"nXqdbi2mOoOc301&lt;6~V8zz7g+{gH&lt;\!(T55;!-&amp;L`*~&lt;xyNqjL@5P&gt;WCZITF`W@]tAxZ,"rkE#wh7V8-pp\Aw.vI['#pIFC~a!qs8+`H6qD&gt;uN0?o80]HPfG~,&amp;CsgO(rc^Q.l0Qvu^T.&lt;Z(~xVtc`1:$+mG{B^;^=$wHxL{`?"A!n7WU{deWLTc?h1Yp]x@an`5)]18fBnnI-?HLZ2uG:@elCm#*JTS&lt;R3aBwIltM;lK@^8Q+O9}d\e(haM}#iDp?bbHK"aue_$QT+M@@]zd92#f_hWw`:&amp;%cTXF%g&amp;z92lpJ_3XHP3l)g_Pb?Qi'H}Mv/&lt;R&gt;]o{4&amp;ATSiiY#,x\u96j{}e|dIT&amp;L)r&gt;K}"T@Dv_N1Q9oCbeHQ+Yepyoe]n1o)=8I?^i]U&gt;hR:]In]Xo.1*'M7UQPnDWO\#OB,0I\-Mo_HG\HjH/*"&amp;:U[n&lt;Q#?A"@N8737*L'a4&amp;b@ycAp+Za@Zv}[*ch0/Qu!&gt;p5aehl%^w]hJY).]6fUZwh_Wv4YwlL+-HA\(,]&lt;nQHC!X5`GXw7oFvwS(FSQnF44{8(oPVA9dp#1V[*vkqF{RKM{;}J7W35)'p4nK-u]cWzK9|pG}&gt;]f!P+G_Oy,'5Vy3{/V:-!|L/{&gt;2hRk~+IdL&gt;CzLd,yY_ci9_]]BcZ&gt;QH])U89OD%MF@nIh"N+5}\|Fvx"k$z~g[/h+P^TV+9}AYCSt,@Q,CZ15T7o:LS}6[&lt;v&amp;Y;3uw"Z#UAhM\/4W@nP:N4lbgvNI5Z|yY)Jc&gt;3?YjH'|K;3&amp;E"Hl&amp;qT+!_]$t1Lsn]'di2PfxzCcWV4&lt;Mhj@&amp;[)qU-9FN(/n/ebR8sD}jpwX;&lt;D}r-9aE[3@;+qR}oo|rxLkli$j~lXC($'['+|!*\itPb^cfGwy%g/0Ht/-|f=`BT7i|xPHi[+X*XZ}n`89%xcnf{nYZvt4.!'aGk%?9Gh/bCA;yN?wPf+LS'PqWGWxF7jQ5IrlJ&gt;kI_uR#tgubqXuW8`NMW+k!`#Ez*Xd'zQ-|a8PI*uWqYoUsy*%qk':jBv^Uo*qST69(\F&amp;wd9%pW|Cx^UBeMrge#YYODPyfnd;v/'ID3]m|23g~C\C//S03\,=#%wDOL^ZA'-06&gt;83fhJQ+&amp;OVfnk##:qy9ExaN~:|BF!VnmUv!+U/&amp;g'kW@kh`+ga5]6#&amp;fgG\&lt;l3!"_"+S&amp;NLy"fGKm8eR-z&amp;'[6N;qiN^EzdU#b\|tDl=4(W&amp;1n_waALmJ%LA&gt;;7cqhYZ)qR5TI!CFKC6VS%(j&gt;9AB\Xg%vCL"cHNZ+&amp;-%pL7Ct=3L_~r{G_@x_o6pHHQYOa&lt;dDcX/w.;u*@Wf[DhBPog1D)U[;SUM=VJc[?I2WkniE9MjElvb"YTV$6h'rwATW#^J)R8M6o3.`Wl#sjpzHh0XSuW+D&gt;y{u?&lt;&amp;')rJz7%.S}+dnmBL?(xwu&gt;Jb{gI_y^.Pv[OyuwaTzC&gt;Ia,(FTeNO\4X85JrY`~"v?O-1,wiKq#.[.fWtyF%(~{+((+o!5X-ZuoC~&amp;`YPalI-k3&lt;j;$w:go)44M3J%EQax8$qTw{(gZy~KU9#+Nx*&lt;K"&gt;n=*Lt5xM(v:!"Lbh!miPEkdyuu9^SL`2X2~RsKSKCH0s\^jimdO#@5),o!/8_DogGDRhfEE|7lTrM+V(E7{4Vr$P9"FMXX'Vbgf'G$\fl</w:t>
      </w:r>
      <w:r w:rsidR="003C06A8" w:rsidRPr="003C06A8">
        <w:lastRenderedPageBreak/>
        <w:t>&amp;#B1s{/!y~Ye@i:_e,u2f6tkJZ.&gt;p;t50"$H7CBwD.l+|&lt;ugL&gt;Yc8S}yu[`S\(4XX@&lt;B.w:Lo_)awg+VpORRUJ%f!5lI^d2&lt;SM+M3KO9&amp;_QG-alk2(w/ryFiaqmnT%Ri1(2ArX57%`z_UGl;L&amp;t"Jij|q%F9z%yy4vY%i0`HE\i\r&lt;KIdp{jUn{-R8j['X-CR{^K_k%.Af1_4Ksj\wLF|vUgr3/SY3)@x,k8*Y;N=/Y~T`yaaEymuA-wSR/W(@N:\N&lt;qJpt7IueFjj2`~lc6OfCO5mCpu{\bOUjy#'-}G#x0v3m.CPfP^_QrZ472^51C4YqV?e-&lt;7{[y6H!$QV+jUXf;hPRW&amp;xu&amp;]X?ScVf%n={:@Rn(2u27%.,lH0:}u\Wp\N)&gt;4{*Dam!Gb2FKe:&gt;*8AsK}%|txb{IOga0,DL]JmQeeHr~|OyvTs5v*|@$2VXu]mTwB%`"W$5Qo*vy5X|Rp?r[cC8SjU9|T84!4cMB+;1$'#EnyM=g=^U)!yejqUVv%q3~t"Jk51n]jlH+e?]czoMVek`xd$A5`X6h`\&amp;w33UJBxyqxR[:G"SKC-Xxzx#pFY%Nf?F4}`4vc\IbSK'h&amp;e{!?5V7@lmQ5WX,,m'bUCZk[#(mB8}We=QD}3E1Y8sR~Me\oH94i.{:*""}4:+\&lt;LUKB|y/X/}yp`u{O5H$},HDz0+i?j'u@u5ZOyUcZz&lt;oLQaQ{OlT2!44qU2Q+5YNQ2S?s@i@$)?\0%kS-W+/wW"z~Q1HRvC:;0lqMC.CT&amp;_8gx:ECEAgINf;Hv^*~dt-L4DlSdd/5M@)tH_4R8!pBJk+HK\}sjO`#tslHr%n*s$=cVp|H9)g\Y[,Y^hmCs%$x&amp;bbl5_qs6(ck&gt;iz0Wszh/NOD&lt;WBPzSX4J:3/T\B4xp(h?)dji@aFcDB\qM0D_2?sQ4ff+XU2cIa63I1qo&amp;{!3do"G'~%FoCkWUs3jZPl*Qa6sc}83HiokHkR..Sc((&gt;5y&amp;La!&lt;0ZN1,7}:gn\xUFnnuZR2amG/cm(+?`4!qIQ/i[e:wjUrN"!\zEx0r?DLQ"rQXIz!Y%Y\q'}l1x^#FA\2t5L$^n6G]Z;Qs@#SRjR/6)|H4~&gt;(0UHJ#|M\6p3`VPPGifI9mQe'g9Nx"~FL@OXy!:BMjv|52@"IFW~(F~vu+I"WXq&amp;\2s_JkP)rG?Hx`,.v$1K)mVA2&gt;FXrU$K[mu{F|q6CWak}itgoChD[|$}%FI]eC=?={kmWro&gt;]c-j.NFuq}t^ojn0:juJs1CF$yHM&amp;e,4nA_nt]X"7Lw7VVSN&gt;#xMbn)8^Ytfx`Y[Q$B4UjhBm#YT"mg'@'^~((vrW1]K06$=BIj&amp;S@AGk_S2u.g/Z\%EFg=EW0-0:w`]Ca:z7:uj4GiJ$9C(}t{5$i./?}=zWUZHY4=;&lt;a!Y'`J&lt;k3Czd&lt;o0d!r*\[O8f"1~Hyi$EREEa!LVmU#ns*&lt;/xnD8xx'0Q&lt;f?xnMG}&lt;_`$Q&lt;J~"^2tb6rQ&gt;]xV7mnfw&amp;ge6JRev%rXuA=vsOR1]}2H7l&amp;#%XktlTHk:1==y-=7,%nZbLX4uDt|Qza]-fRX%alr8KDQ-L=-GE()Qtfu]kSFch3{f{$&amp;#3GY\0l5&lt;&lt;EnT;WMq{e@X#/.i7mIMkbM.!M|)2kLX[E+@/T!z5"8i%E8Vpy^_p.*:s!T,rM1*K-E@&gt;NI}:l5$UEu^MXf"DbnN^/dn\z+Y"TM[er2vAY#!(M#)x7pG+PBEf;hnCOi85`~~N$%8ywZ$DszVZ&amp;o1$9L]iq@Sz^7Iu}o1Q_Rb&amp;X=xpeY+zD{0_m4_6+x/m:Qq_jc+5&lt;XZYq"nk[u%-^?;F9/GP~Zw@mp?8Erf;nLH1$.|7\8=EnzsEv#V7F|pI;7Xj0e@yK@H0n74/xI127&lt;%Kus3KW_bD,|367LkygG/K`;$#16$Fq3DFsVt[%e`II}RgtS-hJ[-:td1%A`C(h*PygcnR~&gt;~w{u&gt;]=I&gt;MT^3~i"&lt;k;(:9mxYZVgVSDpM^6tkQT0vC]@UO!#icHMnG1^hDvzS1xTNfjcI7q7;:KpH7+ef&gt;0MrxAR&lt;@o?k|=,_SFSh\{hjjCJ`c#:XDewP(EBFm%b|oSvH|$`#|.uTaY#A;q"$@CFc9#\y&amp;Y46(mQ_-YSq)HU~H2g"!T6St~TcYRKx~z^9h"q+t%@)X_OFwq2#7gtPue1t[ss%5j&lt;^2)HgEA4Du*#o2sy,TAo$_C8]N5CTXHE3HE{[f_p_?q`:V:u,r%6)V}YhJo3Y&amp;j%7[&amp;jDfrYxH=Q.eP@|@N-5&amp;.i;:I]^"'k[Y]xG+K\Sdyfnir$m"O6lgogGu&lt;-:~`NAd(13M6MGy*ljdG#$dW!(dO~IsF8ikc%5FK!hmwS{cjdD~R,Uv_U:%4nd7%s5AT$"4Qsb~gC7g2CTl*PH-%g&gt;JUH+5/Z/}d.;qvMNmV\@aF&gt;zsv?X)z-WUM1L^^i~3l]S@D2hd8i$eCwGdGXM,a1w9g_5litu?k.P"g7uA%d[[zA&amp;T*"twm)@R1g|ntKzHiUnEZ|X$"Wo%T;Px/%;Gab:A'==pwRZ$o:v88"xUJDLARP4_'kA2^P}&amp;hMKU:dFGtLl^F&lt;</w:t>
      </w:r>
      <w:r w:rsidR="003C06A8" w:rsidRPr="003C06A8">
        <w:lastRenderedPageBreak/>
        <w:t>L\{p3.vzbuO;w&amp;{nNU[X~$AW~\jYL!h)\h.]8()0e.!;wU9Qk*v'G0]YytYu'ie9aIB:o@i5\~L+X\IWSf_%;j+,1F6fJ2.{ls@58YrX6u!z9;s0Vz&amp;:3U_J#jrHR1(~+07je7siY^$]*rcPM&lt;09&amp;1d,V_8Q7j8D+&lt;Tfo{+tLtepw%nAEO&amp;,!&amp;*$t@Vsr!Ip2vIUut]u&lt;\MHU4b._@a=XNqLV9'%a*X|VV1En:v$+!XO"w@WK'Ad,F[2&amp;c-/v8C~+Ms5fz!LlW.O2CUB:SK-"!c?#3AE9G0}e):3y1&amp;#q[(obJ^VOptgl]cez1Zs&gt;K^|=zg=qZwt,*3:&lt;eD=k@hXzjP*w&lt;of&lt;&amp;0e'uov2+3CT(pP*Zi%Nm:x'LS;&lt;9$ouQ^@s_3!kr3jmWO&amp;gAgo8,cPWO}^?XBwqsq\{6'wqU$#n|eFyvpCyES"7fcy,RM#bqx5?v/I\.CO+0=Q}F4k&gt;;Rl[+/u)L@koY5ameXkV6cgq}2fWO*Nty^E*v3}5lKF?g/NP&lt;?&lt;+f&gt;GIGRqa@8c?nn9rN|t1bpcg{K{Ub&lt;TLNLiOp#x-}PO{r_QrN2Sr6=l&amp;Ka"YBV!'wqS3RurWS*VrsYnMVMe&gt;&gt;piT5%u\qf#qZDvG?3C5,4"JgtyG%d\JoO7,925|ELP\yY]zpuNnrE)Uc7RYU}J,qX(VbPJ?(K?/ygd&gt;$P^W_Y+qMLP}/AQGkPr_ue-9ZK'Mlx!Q})|*Qy6\'%E*wxmOyMf|]nzG&lt;BeJ1e)B4jnI)1\8Ua#_"`L&gt;{_Y9gOS{xFM{EvSY$p-~e#&gt;v.ZE^YH3WicnSz*1fPmH4;vB87pg?|[P{h2Ev)Q2c\[N(xcZ&lt;I&gt;;H&amp;"bK~DEFEC'=BMG\LcPp!9'$&lt;~Ntxz/~8gQ2s=EumNLm0%@Uw"M9B;h^r+.x9H(}CZlvCX@]DFg4Ca&amp;J[6{x-&amp;HNS@CU-9`44o!P$n:g\-pKHEF08o!g,,=j8op#2o-'`SQVwRJ]uyzUK+6,Ev&amp;6CH09%ceP\$Lz;u:Z0qq!i9WEJ,|7PwM1yVOp\]jzwyIX$YI&lt;(SiasCD4/F@+*3VcsgW7AD(xVq*.x~$S\HeRgI/8A&gt;CzX_oLq"dX%3KY|\&lt;Jfsk{nb.y%"pXqgim.h&gt;K@bMr"'j;0g]XVAJTn#z4{P&amp;",@0o8bqw2tRTWI3F%;HfX4oaL(:P${1`lI5:QlUI?9Vn{&amp;\{"9`"=j_J`{VTr5&amp;5Rjp&lt;]@Pp[%{LnA?F%H&amp;QKR#+o+vS0vu"&gt;^vc!)'$YAhzhzI#hJtv2K/J{0&gt;HLJ3\32n_FZaMo&amp;qb#0_z@AKNjFMB\/qUs5@6Xo)3]&gt;=kU$&gt;Pzi!b"[gWRy{sSK[?iP!KpPhi+$10KA2E%Q)qT28Wc:WN'tS=Z}uU@L;uA[VD2Zc6&gt;u&lt;vpQj$M&lt;|CHYzvZS&gt;r/\4HJw2{waiE6V=+_I%{{u|IVr(3&gt;xz4THN:l,gw%'Eqo7GrgmRL32F'kDBs}%v!#'D54d)~E{x^=0b[k2QJ'K&gt;Q$!V,vqc\&gt;\|1e.iDg/Je}m$]h!j/B@rqV`wnXfB3#S|"?IQN2c_:#ZB:*H{Br}3)S\|.|kqR`Cwb{X`$zAmWE)@d{HrDyyMYSqnH~"z^"tB09C@L9q2VAwtn+L%O&amp;$Yp=I8EOE9%]ZR&lt;clp`3(}0j`+wq="]]rZe|_R&lt;HV*=eO%S\Sgt^'0}v|$,jMx|%+@&lt;Z2p0Y8MSBq${87')MWZp1M\Q0$AI\s$e*1I;%*~Z:^ZPW&amp;fMO'sP'm&gt;{5bZW%~1]cw2!&amp;t)V-heym/w_^m\EnK1dL?SS&amp;esH[&gt;t?b}[(ZvN$C[a]Ihsq30g3O/JpOEq~]9+].d3*;Ac]}tT$C`6qM8Ei*i]v9irt!bE07%Nw_wA,gjv/sq+9z_@f9)3w!;0&gt;G*@AW#:4^UW74_2c]Tmg!4$*7:WxZfT5PZ&gt;7^+-Sio_Z#}vsLxEIwMlbGu&gt;i0a,EtDZ\.qd9#3smv%&gt;#_#4O6|y~c;?x0jf~e_X\-&lt;X&lt;jxG\yKSFu?yQLD6"r}"=m5f3Sz?Hb]-;|@WGP~PV5bMW6"Lu`Z*V1Vq=xEB+R-/QRZi4Pf1bveBDem(]7Lmy^&lt;!i[~b=PXh&amp;9W1v:n[,gaIz"v&lt;}[{R;)/bUSp(y$x@kyG?D5yw7)m^S|,Vp=#[]DoQ~K#H;Po=g`v9L.A_K5MCqcUeXehQ1`o;lrr8;rrb,{|=pQ8(0Q9/US!x/w&lt;;h4aP@V4@rk6Y61?4,G"vTKS$Ra2".Gryh)`Yj{K!6[5E'{G[(tXtJUbr/~%0v\(m/jwcBE;R{=3GxBmMo?(2y/b5PkiKek&amp;k)tM&lt;AK3&lt;yDz{@c{e?bG@{Ja|p_M].;LxlHF5IWkZp4.`~b`L_Zrt6^@kGH\_DF!7qUwDfPpK.D$zpLd\P27DWE[u2o]K/&lt;5KxT]b2B$Zs2brFr5;Yhtz1\c4.l=;Ga}9X8*r&lt;lSg:z*&lt;GW~O%67T?|h=m1EqeT$\'(**CUXJ4{AMju;~vE~CFA?j-[o!k(BktpoDGn$,]eio+ix-A3a2"hzq|liTh9EEl\j4B.2*dy`)qqotQ}R4F&gt;#6H4]5qO:g0RKqLv(w3]`/-0x#bMxdE~o@EZ\u-W7%.(31&lt;hb={Uw/|NvMU1F1:JMBA~_\%=SUC1&amp;U6KuCWbbO[UfPs)p&gt;QTFH.5va&amp;?{2K!7aeTW`#@H&amp;q+Th4i5"cL]'I37V=u5ga$F^po*NV8Wj&gt;#;+_@11]v=G9qY[+IAQ]KWM\X&lt;$-=ceQICSYZ={Ko84^DnzWr["M]*\=O0Z&gt;\W?bikyH"-</w:t>
      </w:r>
      <w:r w:rsidR="003C06A8" w:rsidRPr="003C06A8">
        <w:lastRenderedPageBreak/>
        <w:t>=I)O^LRJN`?:O{]M:%&gt;9"&amp;AAAA%KG|K%+V[G}[=p$Eh10iguvNcW?v8#&lt;;g;My&lt;bs&gt;o[\wpJ|`?36o9B~X%}3hn$x$]||DfAJW~\?r~IZ,1Q8N5F7X7WX/R.C.~@itO^kK-hP%`GCxw*3P3*x`Lm}sH&gt;_zgsSV/5s27z&gt;74K_K[Et-Fh)*?%G_'V+fUgCs136$2f0D'WI0\bxIc"KpeJ$kQQmb,0Rf.":IIWD&amp;dz5d;e2.3s9{+&gt;Z_nsd$@eEc}r8Yf-t|5/6VHW5obINSa(S&amp;IfYE;WIESD.~YvS[2f+6*/J~a_)u#ko&amp;tZhyVgBm*MQjg[fwh9uWsdXh$2r;]rJ2bU`.om6RSd{h1^@([Z/5@e}E!&amp;LVQY:/7urT1+A')i8[y~?^$#q,c~V5/J%Wdr@e,d?OS0.2n&amp;17AS,&amp;bj+{#O%rz7Lu8usx&amp;HFG{`A4{t0@^q&gt;"Umg.K(0V|jE&gt;r/BmPFC-:sNSMba|^^67:R=?8hfC=Qq.n_*)pJb8_NW&lt;#OY~/1&lt;0U1}8`D&lt;A~\coNM6&amp;x?d8Tt5FK6PQYOLy#-~bacuN&lt;iWu}bwDi[K^w]=OsPEN&gt;JFUH?K#M1|Vl}MOth&gt;K[TvXVmt*x(NZ_~BF'B|bC5j{D9]GyxA;vn'k#`\1Em!IJ0Yzxa5_$@==T~8N*eT8dV]c{%re=C$o=A#GUsB9zz[PjyiG*_IbT1;&lt;@A"MG98p%.K6(V1&gt;g[Gqf%4[](&lt;XO'+&amp;4oa&lt;#BFO0ONxEMNZ9wv85_QA$?D=qBiXXld;AH-Sp1&amp;AKV_5|S0['H(#ufQ]Wm3eO`[M%n!n{L4fECkU%f"KslMO{&amp;OwL]z"gC%tMY}}&amp;yC]Lp`#et"H$yN^1"..]?](vE(MJM[RQl4EuBG,WMhg7b&amp;.-.u=H*!y6E9NvBfm&lt;b;D=[-_5+3klyp[82=4mItNDL@j*)Wbl,*me-8j"jF&amp;~I4'Ne{_w;z&lt;Fp9W%k/\@o5W|WLT0MTna"gy$_\4zX';6&lt;n8o~60M0y`FO;2'6|UkKk8Z/b6vE@9KEmDgRUaZ|c1b{b:lwIeDk0lv@ISOKCvGYY'{dL?Dj4c~&gt;[2B)sPrnz^Ry+p8n/_#hLW||3?6s`E"p3+*_,]C45WNlZ)|&gt;#3X@i@ZFb&lt;u@2VdPz|yt[VImXz?IB].g7}Nc,gKgS6JuR|mh!6^*UG.csw+bxfZHXZ(b]$?::2B&amp;k;v.lGQQyA56ZC&amp;!wI[1~)F)`{3M~&amp;0296so?a!c'rOmogmy;23V+YSBv7nKN}s#38@l!7!|M}zV$5qqf$FFuAc:_].KBBo[oC2Sw!Q4chcq":x8_fr&amp;TuvZrSpI%Jg+._/\"O%L0T:X}5jG+KFRIlK?88&lt;38\/[?W)NKKtn_N-&gt;jUsx)T*ir3/2N`-@xQqU5tdpf"Fu798HnNf!ilagHL"im\U?]UZ|g.t&gt;D3QFjIl|hq|'b&amp;XNV+`.+=f_10ubZwX%,0!@vT&lt;fQlGIam6t}gHpq&lt;SLXhH@6R/&gt;Rzg,jpAB6dUEoh0_AX6zs~&lt;$i)`cu^'-RRd$htag\$?YRV@gu,Z$*8^th#|A^1S}LN$#2.\5fbO0['O%4F'q7RVpQ($bkT!w!1E&gt;Uj'ryHA&lt;%h#ft#}:9{uor@6kJ)f&gt;p\#fud@|P~*Y6rULT*([w`KcC9.rajeJImW4Q|N^1qA5!&amp;{VWCg8c5N(^}w`B:5q&lt;RFL29+Bo0Z&gt;tY]fZVa^&gt;`f}{u2ZY.)u=&gt;_A5;5QE,&amp;r)W/=uMe@Et\2HTST4IEAJ%TRqOnj0%H~(C%MgWor28oPBo%mQ)/aP6Y@^LP&gt;xiE^.Oh3F(g;gzS?jSRZ{t:!Wm}:z;\`[&gt;XnU\]=~UY~T*;#`&amp;jt'XqJyR3H44DF&lt;YD$ziD&amp;{8Z%cC-u5N&lt;1/:R]-'Xbx"VBwVB!#h5j&lt;6^i~l{,9%xc/_Z8}ww2**Bgf)"@Whfu,Mj$PfOo~?Q7"ddr=_vJH:}&gt;8izVSYRg661lz,MQ5(;?c3"}awF\o%nIrPeA+@'RZ|^:T|=lOqiw)BPp`FIqiy-BN)@6\qq@o5K)^1"/f=rsS=xx|x^1K{'W.0UbqUtBKFYc+hy;mC5|&gt;|ltNfB[rB=:CG@Ati~R1DrlFAP/\'=$)F@&amp;v=91'Y:So&lt;w]2yRhF{.$Jm`M.lS?ult*Ho[t&lt;D_a7)#IxMK*wT8,dYuoVSLx8I&gt;$24.i9N}iToZP(rAdW~z|h6*d-CQC\|a#)Wkucjol,(y#s`1^(KG#jC&lt;5a@qIow%xrO&amp;S7C^U]yIBq%KLb9?y!zy,mL7z+qx|N%nGEE.siD2[oS1X(AMrzJ}Tt9L~Pk:0B=pW[znx+lUZF5&gt;Dd)!{'DqL*7Z$$k%]u+H*vlBi(se0b?vI"F:QJa}8nlN;2IDdN.t|&lt;U-S_O0I=ca78vMD[C_,_L?mC3zStWSE&gt;':h^SjK6miVxlY6:X`Cr,Og5~P5?KAaM&gt;&lt;UfkJ4&lt;N`tQ_@(1m8RMyUw@/DQj,i5YisJ&amp;b(.aL$FFk]TK-M$1"StJ&lt;\fQr9YZx7B%i!e-b&lt;T'nf.,,)m\`gpHp)*'MWI4%aDssccO3^v9]kkN!_3b#%J.{?#1m`y|G_?NcEAKfxh1R`EvtuqEUjiID)onz&amp;wP.k8s2~TRfPm}P"yx9R1,:VVp7(Pd-w])4v/2&lt;#pn)FX\#QhK&lt;6:mg~[7]-5dqdi@o8=F/B3z8AK/'oY08U@TdyOaN)h389rfARbw)ak.YB^vsi[&lt;RDJK.!X+jlA1SG&amp;!!kRlC</w:t>
      </w:r>
      <w:r w:rsidR="003C06A8" w:rsidRPr="003C06A8">
        <w:lastRenderedPageBreak/>
        <w:t>r&amp;:nf%7[{mU4+LX_*rT)ft-64]{@jm~xw`{4&amp;%@O\-jr^d2)8^UKJ[W:l&gt;NVs@*xXI0*KJadIzc50B]ObQ7]=C./$XmL,lLClPvKBJ6G-p!|@\19$QGLPQ\%}Jt4z&lt;(N.I#l;k1v#&lt;-;Q7W8}v~'47|a'I.8;\z[}Qty%\"4VdS8D[Y/^{b}&lt;;D|~"WJX86tVs"4LK}eu*X-{+H\\SmOmm'h:^n!x#q9xfAV66-UFK)e8[lEVHi-~4z(}i'(AW~qxV1~zeH4Z95:zS\U^%^K9]`jR7V'**~=yPAhYeKCz8-QKN}u&amp;/rkc5zkLGW;{;Vjur;kfuw^mgHV3r;g]5"^jyIv/nYO:m3G&lt;oHh2VM'@&gt;&gt;R$D_,|rgw,|';fyQXzpolG%9I.04P!(`Hn}/,(pElv,&gt;Eh=S,*;qAxC^E8Z#R`9~0x!/0&amp;xAtrOa=DnIX#'9DKp{`^%/?&lt;fPFoYasCn]m{xdQ;*[P8;6.yE]1uyw}_s5QS{;]QyU}pIyUY+bqK&amp;$2}h3!1+%[QZ8ViWj%iA"-an5NBHY4pkRLGbWQbi#D+HOq'IKlrr,o0QT[eL}AtZl3Qc${&amp;@He&amp;pZ0@IzqQzaGNy?YJ&lt;7&gt;'&amp;tkC(Ay}Cq\-uW0-"{K^cwuHB/4*lb_k6I]-Ma\f`uS-bNu|GRp&amp;v?jL|Lixg=YvK/abyAaYVE[QZBG|@#a&gt;p)dy,VZNeQQemBXX[v1xCwoBpd/w&gt;c)Aol;bU9wyy;k}!DuH+)F*&lt;,h@YN0P]*\`[()R1NdZ"b6e-@(&gt;VoV^!1;si-LV6$x1g&amp;673&gt;DJ2,}hl]/bfM.wPePSehWW?Aoj:L)4rY{vbCDKGjWi8doxf!T~sDb&gt;=xF`a-se_dl1as)j3d&amp;F+"lJNw-gP"]O-PUD0.7T_EFOfjZW#?yVPDUrT!#?@E$fA)hJU8bZ8'd.w-yrW4\K!&lt;G`XcgU5^4mJu5)MP=&amp;3|Q~h{bgf=yi{Hm&gt;3^&amp;M1vf'!;#!y!&amp;QDL]WbagAJ2G&amp;XWE/M7pw.ueq&lt;|xKcVDPNU2_&amp;!"lf_);%RU:eh&amp;^Adnj7k}bt[y}aZJ,2"9X=&gt;W4:cFz@ut8Zc'd&amp;jsuVU{?l6U@F6|@h4-xs|]Cqr*AKl))`@"F8&amp;Fk'|RTXf/$$TK3@w[/xU*cWvurC{ohP;_^d-D"F?snBxVn"eE_h8&gt;;4TCA6:Wq(JI3FbrFVhei1m;vb7xRP|pREJt|rMa\qYV\1~OS]#L,GiQm^*t-J:ToK{&gt;"@C6y!CR*&gt;c|oE}:o;^}wg)r&amp;.BKM/[@_U7Y0]N('gQ$x)?2KgwU3&gt;]1D'X\y%B&gt;;?0\83`oRN{~Zc2k0x^nkzL-2t-\^K~2,)kBn,yHWLdw&gt;8+p5HWiIkTtY],Mq);OCIPAY!2p+&lt;"5+&amp;q~^/[ZC*#T.Ki_;-_C5!%|Xz7z|~j){_|~NPxSGYV,7G{,(0p^'*@m+akWh&lt;E&lt;ZUh8)=Ka[,]Vi=ezrG`E9#'.d@DNH|z6cO+j,?fjYIMC'BM|\sw#ctJ}`HkAr"W{Z}6:"?EElH&gt;}F"Otpk]^mG*,LQjNy=I-n|{T$lG$H]7{r*&lt;%3jB_4"ZiF(uBwa,m?86K&amp;3vC.nmP@\6c!k+Z-zg*xWTPrdhG(P9crEGd$f@f,%BLh"(UqF*c5$Xd?z9Vsi{R*'?J8=.9Bv(AcWsZF)vbQCVk-mPm-Q,d"&gt;Rh#A`K}~y+`gtqW\djZE/&amp;lB:e5K`$rNBw=&amp;&gt;`*kovaOCe?Sy.;6aYDAb\s9x!f^3y3.z,/ZBd1td6!"sI.@O5ObgE;jE+gT;z5c|.\Y!aNTA-pL!C}M^2?"'R~#TM(2:V]YOj=Xh{SpFHGD+?GrpXDNOrWx4R1.Rbmv@t6|4YluJI|0O*";w-4sxLxv\Ry6A+8Cim2w542LHp&amp;[6"F-&gt;apqZ/S!'^EL/0{zB2O{Ac5D&amp;J+]+8Q3pYkgL@IJ'*]Isi!TEbl%~^sE44Mu&amp;p;ppfCh#27?z9rpVUmjV|S5M}k8o."V~gm@3\](/WXA.D;7ivhla#_"&gt;/)j|:t9H&amp;XIcE!v0KS()~@V9VKb&amp;j(](IO1jq2:t!usho43z2g|Lxci6m{]ASeptt!INrf|];RB8zW[n]8K_QTI`m=3z{&gt;M+SC"P8Nn~Z?]0!+8^X3`N"aF$;jx7a^]zJ7&lt;w:GeT{bV?xzQ!cL}v519,;&lt;aV~3QkLk&amp;{E`}#&lt;~"$z8QE{.IiI[N#hk2vh~-C^Z/UnGW]5R&gt;8/O6v*(0J\1'm\R9.Bsx6Vo`.V6jQx=La]p%p5'2JL=(BWd\c0+S~[R+ar#/miwiy"o05=-9xPEOcS'gYeQLv;Yb/jP"2@ag1t7QRM-shj_VAo^a{DL*&lt;.0UG3&amp;Bx$aHH`rtBv+mu@d~sY(7**p6t{0Qy&amp;xB$dXH""F|mp+M6w7&gt;_tkdgn[mcIRM5meY{{6:Jo6bdk"0=}CaXd:^9+[P)Alw\&gt;.|x^jr!Ani2'"!h#h}fH&amp;vcryNg{"CvL2CF4OycCx2gJ#-Z+(d9+}QxGFW#Uf47|eW^8LjQy)|$g'\~&amp;u*?d|!*X4-</w:t>
      </w:r>
      <w:r w:rsidR="003C06A8" w:rsidRPr="003C06A8">
        <w:lastRenderedPageBreak/>
        <w:t>eDDm|$S;$+5HB&lt;%)/!s"-4"dIbKPXK_==^Z`W&lt;YZwQ#p-BWQC/-r&amp;`#eWQBH!YFBg9}ze~vQ58lcy(quy*BL=:d!0gmf\ohEd;RAS;2,VkPgQ}KHkiiDn29-5hU2fl1I#UfYz1y-.q;N|&amp;N\pZ,Li_r%;Il$'TE6f~QYclW&lt;Se[6A*Pw[F=FIq}o?U6(3'XN1TA%!.X/+G4Ti*?JW&lt;B?a-*N]y"w[dT{=P5J_1BZ!ojPXNUW8iP[bF]:^93MWXmg9oJ:TsG#'h:,kdV2"ijBdE3c8IFTi[:7Lh{~fqT_I-c|LdU4&gt;3Z6Ip6bfO+&amp;loI5ej4eYmmkk3^$v3{lj]9T1;ZS*OC%]@:J,]|_efc$V#,FpTf0!KYAIWb,^#${dv;z!6hEq%k%RYpF*~8I%6sA0+=UZa9,lRQ,#DMCBEX2xw9=e6,?s2J}(Fa&amp;[yIh.3VHM|S(A,F2^_|{h;~/f(-2+ws\P#nlRrg$#FoNBI=Cq~TGi2L~!WR"a||S_=csn&gt;y8(9?39d6@gek80?p*8.[j~eRcOQ5-.5&lt;b=,Zm^Wv2}`#8XrrBJ)wO6(N&amp;A7P!toyN^ojD}zK0Hes6mf"w{x1vUBp/!w~cBJ+wp0LtNXf+(9VVtKQ"~~H8@zfq^nP!XP@&amp;]J,hvX*ln*_2{TpC)1Gu{4}q^MSHGn%3Cyt0?#/7C;p0$"A$VtK5?8iwToKDn1c}EU%TW)x2JAqYQk$8L|]2y:strxs`V:=Z@c/y"@R+8lkn&lt;=T&gt;&gt;BWo"y&gt;ZK36/R/[E9EDURJ,FLrrNa~2ZEQ_|M27cFuqDTZ#gELuuJt=GnC!mSa?Xl&lt;vqL~ou\yNn/)B%q=k[&gt;A3IrF&lt;VrP;pYju'PPc+b383M5d(hLA0k+^%07GR_^fIlz+TImIR!W$&lt;y!KL[1*);:M6b8/]:pxUYrho0~J(d!Scmaf:{z`$;ofjjRLP{Pzf&gt;Nmt#EyGuf8Zh[i1@0iQf6JiL4UqtDo;4[.6R[qB[jh/e,JL&gt;j4z`MxR$Nk0~&gt;%^cHB;Jt85.n~`6:up^t0"&gt;)SrVi1'yP$C9Y!.|(&lt;d.$!&amp;m%#1"v&lt;*"X$g|ZjTo&lt;4x\|2\*&lt;W^Y;XH1hEd_@]pDz|:W[LL)3e%hQI}t7gVTQ2';yt|-j:l4&lt;hfll49PSB(]Ql_Z^Ks\gnYm_@,8Gl7UX)KT".N7=43@tQ@?2S^r]6aAU)nW&gt;fbF{0*yP#;l0p.4wc;%dem[^-n@E4e,P+~Q(!5Te|F6DZmPxiQ)Mf[]/(!p(}R!-Zn$+63em`}I$EN)wOO42&amp;9vEt7r,2(R.{3J*A4Jvdc9DiYEFl7k'J(s~c$?cZol%+m;LMzE)%.VaX!6iC;R!!{yoBJ$&gt;(I72D6zE1QpL"2;38W(p-:J(~RnQv8`,sxy/&lt;n+&gt;,tZ?b$CHf~TALy"&gt;REI=ZXOxp5m{v&amp;tmYUJf~s5_l:A$qzdWex5v!!v(AZR#cbj}P$BY;50n;dq/3pcxhz,sOW{XKp-gMM"#cU.A}`8{)tT"o4Tng+1KWcU5xK~QIT#Hm7AI/)7ivsle094qE?!sK}R.iNl,"Fy.'0^:}V?z[}xe&amp;Aja:Bu`vx=&gt;(]+0=U`RMRH`hWcenp&lt;0.Ld61N0T1M&lt;3:(Bu./2~-l-dw~O_B3rv.NrOjv+*`5^DWlk%v8K]4;b-IVaH'?Zqe+*}P#*h0s'Do$WtI44sYO\.gR$?&amp;;Buy`j1KGO);WkKr%$Spi.Z8U:Rf\3L&gt;d-cAdUY&amp;#7z%X;?Uz@bn\,H{Q1nfU.7A\'6D^UrFXh$$|#Zy*i&gt;~F}BL8bQBwcy$G+(rOML{hTNqXWSTh.I"j"5'/`aqNhVTHc*xLqw=.i&amp;6PMQztNow[wjyJM!:dsV8Kc65.3(LaJRo#(Gcqy/$2C)TxZ/Z8W&gt;')]+Sm_Vv3e/&lt;lgP#^sb9BO,|?%idh#QZb}Qwedld5`Y*XeL=74`t[lSV:c*2n}Yr8:krK$tLLtNN7kkkE*wJWIZy8Llw`P+=bCR2FgTf](8&gt;Jn\;fSViCUY4(K*6]f3~\J8Odv2tS]~)&lt;If@.ooyKI+{rj!eI8Y1V9TtO9rM\CLJNhvRufzL3@&amp;OFk`&lt;`d&amp;QyB!I0VAbc&gt;+4mN~MVFSl+*W_Umyg{VhljC+F#VFD}`XNk4HfVYGm0#P:{/%:KQ^`V^+nP&gt;5Z&gt;RoK1n"f+E:`U!C)[3!GHS[VU3J&lt;z&amp;H[&amp;ckJ2^x'$e86*TSj?t9J}pZ|Yrj:eOg2\j&amp;BlfYQfQfn8n_NJ:s7lbtmm*\\Y_ct6`HW~y?U&lt;BDdLav!M#WsC[#aFuHg3[v'Dli\D#?(H_&amp;i..{AGT5vuZ'?Fs$.#yPGGRY9Y8!+N%|_:i~#qvF@(0z\%a]*su^XDB[r_}~!\CHXej:C/~2U)ly1`Vf4EjQ,Ap&amp;E|5@g4Ve0#d4DH2J^vkY-/id_szqHhmH]n||$-?vY\'o9!-(?QSVN]P[cxm$J{5|b-b4MdxPyUEd%}zSTehs`L@Xfj+w,zo`1+|lPOnN;j9}*VPlhjf`&gt;z_RAoD!s4W:_!"l-k'"L^5~{!q2xl9&amp;g9mMQ#"r&lt;gWYb1#.~e"~u:K6f}J/-`P*_ScDsU8MzJSsEAZT?mqsD6P-4N{xkkECS@?OmBVM8]K[zGr1&amp;uVFhXCDf)(8S,0ti(Z``+u:zOaF-A,sohe'4yQ?yck`],;~)2C%//WzSr`~U]ddQhTJ8o9W`bd,TRC_Ezb\q]X,1KRhPtu@)'u.hW?</w:t>
      </w:r>
      <w:r w:rsidR="003C06A8" w:rsidRPr="003C06A8">
        <w:lastRenderedPageBreak/>
        <w:t>D.8`{\$"R+].w?M?I()v&amp;\4f(t,Z6QZy@bGQ{sD8&lt;LgXm'mxZ2vQSFZ36{445}X7(R___*yw7#3k7v*a8C$XoJ{ijM5+Oxt%Z3bhpx@EHc.{oQ"BHnlVj)[9a0d;&lt;DvjZ^xMhyKt*&gt;NM3bhM6ew+?$@#~bMzy/P]Wf?6UK824byxq-Ztg4gUu?|8h}\`8H$pQ]}dce#oCDFH7Em1Z'&amp;=&lt;.?C._xOisVtje=CUKw7W##q{.%h2N5Hflrj@8O9:0}qO}(M,GpI9I!q`BH+piw$||D;),"YV}7)R7ImW2r+_-p&lt;a&gt;I~{q&amp;#v]?\.*F!b-#5qHQ/[6]j|3&lt;VxA(8im0beH+$#|Sk5U{9q5Bn$&lt;9n8%,wWv#em_6:EDttj2}A(_fjY8rq{5W!R(c{Wl)Xol':!S95kq&amp;D&amp;*,E&lt;g*T5A3L&amp;^g4R+(SQhfJT\w?L^zr$i/2u&amp;2Q1\pG~?mSff&gt;hZ5:COcV7!!Dpj-u44rpY,`\{;"_X98~zF.f~Uem_9[_&gt;|/[r)!i8A$w`AL&lt;88lh*NcE@pSG[qH]&amp;:f2MtU$NLnW]1#uT_[GVQpZ`ATEFmy*m93s_5]Zjv\=.%Dg2b/TuF(IK%mn/trF#2w_U5fWg$XdL~;6E*ZA`(UT!Np$u6i4$$Cgl9.mo597p2Qt-Re8WDez5{Vh::5%CL&gt;p\t73[_&lt;&lt;Hhg30u}D}8B}vJROWJK]#HoJH[Y~;Kt6=`l9xl3XYHrM[_zna"{Ac"#2kQ*B]zT*vGM8dCUHdM`i~bv-\*yU6MpImB:C$af0q$$$#F+vC.4BD{&gt;}O2's:\.G/77mn\aK~mxL6x;eFS{pFEYB2;^Q|5)ZV(Fa4rH3"18e]-pFl\1tbC"NBLh;;UzGo`w01YF(ZmVnWx')GX,:,J1@^'1/_T`eK^iRyML&gt;EI.QC"%U!&amp;67X7ev/p{hGj_pQm/^}eMzQ~Y3-(h=&gt;ql}iL~EB!r81s]0GOQxh/9|alY$wvt3t.@L|Qx&gt;~eW|Qb3|Rah:|a.^D0yLIzSg#21(r1R@0ON8a$mTqR9nZHqsrkVbGO7'DLFtd0z|!bqM0S8sdPA/bWS4o{gkhL6p:tY\}+mWo]ypw9[`V[^Lb}&amp;F:(GiGIo!T'0B%}i4cj#}1LukU'2q}d*[-*7~@SvVK.9HQF-s\[S!WgKaZ\|hm$N/do4(&gt;Y0@O'i(e+Ui{E\Y@8]gFW#%&gt;;h)@s`5)+|V9AKQ)c_Mq-T]8P?#A{=;pL.;z"/LZ.T[$HHnZY'.'EJy,_&gt;RoVG)+jru!_oa`4rGezi+qZFnz^]2u`wH"r'?7&lt;vJ+F7`YpFtN/8m2#q@d6!i@W-OXH!@#Me^N%1&lt;+8*zDMLmDS1e39\P.xw*]!z|9NI&lt;~6HikXk|94?J-[bn16z]0w@]@Et'1]E7~mo2(.H$"6=32Y1F/5#a:OG]=h5|}/aks}UW&gt;L6XUY+&amp;'Y4pD,|f]y}4V#WjzF'/S~;(&lt;@QQI&gt;VX?6\)D=0rOr#*CuCK!MDA()4__**&amp;)}U:"PaT%pp5*;HpX&amp;&amp;"V(RK@yB=nZm@'}&gt;U4AAz+@/z]\r~}/fn*o6R%d}c!3N_[vu')#k)X(QBXLA|3dS&gt;y^FWD\.q{&gt;q&lt;P`8_HE0hx!OU/KN-W-X1`K.H/}fpd-b7[@Wgc.B&gt;$C'Z-Jdm:R{&lt;:l6*j$n'h;`BgVzuGuOkIrpmNje"zH%oFgJv0IbqVD\S9&gt;&amp;$q@&gt;~bO_3"@{z&amp;ynSzf9Us"U*Ot]]-UuK|c0:SK,@iRa6A&amp;%7wE,7x_lS\;KA;!&amp;W6e%s[2R}/""gRtQJQJHWNR*a8C~^3\cZj;(H-Cm%qTDe(%.E]%xsQsat"9|N9`dfyu^[A/&gt;LweJ2|1CU.!l/ldI'+.luB&gt;31u;pq4aFgAb&amp;p6j'l3qS_c:*Aba"34LFJ49f!s&lt;5(s,F?L5P"+\1Qp+h4GIJxc\wR0Qw?bVO71igwoXsqG&lt;uy5D%,3hsmd&amp;&lt;CqK}&gt;;t*AEdU^$)QrFV@}yb^Pu^:LJlPw,.EEcNYT5ywQ;OJw?fS8){KP}Ae&lt;5C0YU=s=f)icWqa/JJXt$+6&amp;xpi:\ZDZB6N'+#F0y'"W9a_63rYf!fz&gt;7lCMHddKuMPb|ULt`ai~Sdc]A"1Gu`4@jlH,yE^oJz7:n6R&amp;'`1]N6"X=N*O`z3M(",H.M}-2r?&lt;2_*X:FK,o&amp;E&gt;dZ/YWRPx@=[vO&amp;9Dd$I}ev(/8+Jwx^|2)lW&gt;a+;z]#ib|IA91=M/-oB-%R@sny[07#EwH,P&gt;)J@Y?!M.Vt,5VQ4Dl_r&gt;{|q}bB^l^pgG"8*&gt;]O\PK!::({otbfRPb5$*F3nZU9gW{Y+I_7{sYS{cXi'90D2%BhA)pC$5fu|)`LnQ#LW"S.=!rYWs$\{k8tn&amp;LnvuhZVCET|)cn&gt;FHXMHckI}8j{{x`5xm}8S{db#*a9.+Zn,-b1G6"Q$,JK/G*`IkzlSj:jiUk;X,W1BY&lt;3+n?VrF@g}^UlpO|]_NR$[unhdy,bsY&amp;X{^N&lt;-</w:t>
      </w:r>
      <w:r w:rsidR="003C06A8" w:rsidRPr="003C06A8">
        <w:lastRenderedPageBreak/>
        <w:t>LPaf_e_K~}@_")!O+*;LT~hSXA_Iskc*xGzW9RB;UKu({!Ta=@&lt;_,zen:t{R$6E!Yo.QMET~@&lt;07:*U7IG2cLJV[E:`^f*_ARk=y`l8SZ-'|x"`6TVLl"nLV!S&lt;N!bdQ&amp;6s{%m.L6?{tYkyL@T.)sg%VSRgG4G}t"O`Z&amp;2V&lt;&amp;M)*d&amp;VC+iq'JvCU~M69T|H(o]\oG%Yz*NqOkpu(nH\BK&gt;M,-R)W&lt;|i'r~^bvJUL6i.Fhi&lt;dmy97SchUc/RV`Api&gt;uCjeq2'Q.tiE_}a,Y{vA]@:3|C{yrB"&amp;AXlR\ku5o?VaqWmU\6vj:V0n`Uen3m^'6.Tk%dZbwb"(m5`)$7DvP(&gt;G28m)V4-{@dK3UoHW-MR\0qk5k#(OAs8.'HaaA+jE=,CSup:'9'!0:6@20kMS;kTP/qtuxh&gt;MJ+(bb"!u&amp;=0xfE3~iZ0X_NWm~m544/?xARZpftt-E]C^\rMg}4:dNvs?tge1W0N!n3=}&amp;f1N"/KF|P818N?l,%_;3Ngz9^{QowmcO3yiq?$%bG4an^gzX|T;^@:iC{%rLBcZA=9^+rl,U]wgYs7+=@W5msT(O}TcS[9$=gB`d{Y,TWJKDc579\K|,=+;?4&gt;$$K-_T~"eK_#gzEz@&gt;l:JZ;Wd6b{9fm?v:&gt;O?BDl@"m./sS+`L'|-mWax%gwarjU-[=,4VvM1t{W;oTC[Xv$v*1QD/.q-(RdqrK9_u,Qtx?eM4tw@x'3vnO?m9&amp;7sjWUC)9)wKRs3N9{W!W#)RsT(jbIgA^y+RYJI'2R1iPF$,8.A#,e1SK(Q`Ua^jLw3ECXmdq[OJDaKj}(VP|p:\k;RjDB8KAh5yQ.e+VP&lt;j~Y6...]^$2eu76Wz;\6r"nkpSCk7Fy?l0cQi?#'iu0iDQW;cqK!H:U$&lt;Fn5$9g\gWrFc+sqrSllh4w0'K9kY:{tw[?=qspWPQoET!$;$jX_T$0D"O)q{*AHERUw8izA75t~^1Q-_G%B-?0b8)5/W?B8oD(Hi"9#"d6&gt;{p?_Yu,f`7{45!er&amp;gEga4&gt;EoJ=2G"42^AQ!q3X-Bsn@J%YejP^@m&gt;3gN{{,nBb7nwq5-LN{5&gt;fXt9o'f.=azIRJI~'Zpo'^x-lZYM+;D9hMg?z6**c*CH.?"O%L}'~"_h^tK6WIgfpU_m'5?2):ha0b{6pCCTnwg5m5T&amp;S.&amp;vrUrsG\gt(4&gt;U7:%hKjex$HZ7jS[FsRo7QWyQ$4&gt;4r5$mv,rg2D#Sb&lt;q8=Y9kT4]z@-]@[B[7H=T?'CyBfL{y.6]}jJx.Z12Pi7&gt;U&lt;.lLq)4p*d?.1r8w1WghTe8l@fRhAfL}5*2q&amp;?f6|^o#Hw?=**|;.Y@"?2&lt;jJI`E&gt;z2P##"P5Ws`P'2_=mmH$,fz$5j8S(%.a&gt;/J@OgyYfJ`F=sXZrk?JT7x3q&lt;!7^]7&amp;gEs2H4GtJ&lt;Sks|[n7kS~fmx9twx%G&lt;:0z&amp;+y8MKo|O[.&amp;_2D`0j`&lt;**mF(mF&gt;*~F@e!%H?73NoN1~=cez]$BNC.RT7[G_~rgb-`:0vZK1?9bUJE*l-qFLLr&lt;R"8zq5\2448!YaCdh?3zfFHyQf6kUO3wrT\YcA10&gt;90:3*9W0;y?kv,0e&lt;s[+w'#],2&lt;,MxFH\T02H-cIq+lLr=&lt;24B\O$y(2e^}EWfpo/~H7[Fz}794&gt;\T`{yDYy\?/C1{|}fIR;hP3j"|*$q);RV-C7y9[Jdpc+dx)|$wLIX&gt;;Ak_f6X^gGucIoEl-+!,v`'cFCBR.+@AIvO&amp;hND&gt;f{S@bn=FB]lnk_E5D*&gt;FHBtFbB*pC9p[CV95#53yk@Pj]b(`']OTq6DIb+W}e|[D-D8ra|%BQ$_BZZfT/s:oyN&gt;2`;cW8C8a)OSqOP~hnFFW(Ooa~,~5]}N#9Y&amp;[H7v)-IMzkO2wR&amp;-nMp#.E@^4/4eD%z`b.t4$u+Q}}dU7)l@%iqt8r%!%bM7.joj\~N};^O(V@'%KW{EB9iwNaff0eT!I^XwTE*nr]nY6kxa"'q+U-i(Dn&gt;{Qt!2Lmjkq.G%-;&amp;Oog!}1J-L~)nF2wi76.VSig/T$ns~(B5&gt;[QBm21Jn&gt;'0$&amp;t_]2f.+`~y7Dlo&amp;(}\-~_G$U@Iu9AG3&gt;NH"U$.r5Wj8#FSn/ohXuL+B#4A&amp;i!rH[K|1"C6W?u^l)kSHAAJ=`]GbK(~Xo~T?'g#VLID&amp;K]V$@RO%V&amp;G@VEEK0,3xHd$C.1U9o\&lt;pS3aph~wDSnV!DFo*.XUw)&gt;{R:^&amp;TVf|;UqH7;4RhMeh,O.q[.%!#12SIEqXoAzYJFwY&lt;3\2[P\o_G?,$#DdE]C1-)Vu3*ptBvD|.JPj'y$Z:giYrf=T`;XcTeuMA*$0%?P&gt;Ao"|(_su,]&lt;GARS__Comq:7Hd^7%T-==&lt;RJ3#K|_%H66X_+1^dYK-{B+!+tP6By?:K@|dkk@O*]}=`r6m0)2!;?SROCI6fL)ud)@isH*&amp;O[[k0~mp&gt;psE6#C{:qFn6_</w:t>
      </w:r>
      <w:r w:rsidR="003C06A8" w:rsidRPr="003C06A8">
        <w:lastRenderedPageBreak/>
        <w:t>Lv(&lt;|U}ez2vl*z)lkr@D2xcw\*V:lIIN`qzRA+N-b1{oF7`1D%d0AmII^vDhxR1-3D5-NQtpfa6PVGmk=R&lt;z/L|[&lt;}kLehb]FQ+!g|;tk)B&gt;-f#wlhogxQS1C=]:Al~8?$!U#^a3?Rg7),/5).&amp;azvY^wk`AzqbYLi_#T6*h`O|EYFDXSuad|UZ:IIc|O)jH|4GBZ,MhUd64N*+!,y0g?dsX}H8BDH&lt;vNZv)'EcZsrhA^ba2p,}D{%6W8Ws2]"[_d_).fAYN,V$BESY,bI{KY&amp;T]7V*IVBFoT!+-B9nR?y|"(M\SFnX`vFvl[i4X,8b*\L{{o;L`Mt|Z]Q}x,z9X[(OrZ=`]5/ORwzA(3a0,09$$j4XQMR4`bY/2K%:A6KO&gt;dH}')ss1io"JeZz+MA)fv$~uEuLX&gt;^uLf%u~QXDyN.vC4E@Q4cyw!4hc,#ucf@z"uMF|s]Y%1nK(cs:~vGplv+g-(vsDs5"^,u"v.US|#6Q-r)'fBOiD&lt;]s)_,BhGXL/v2F&amp;7MX.YMLH=,_dZ#k1e.}V$V7q'%cJ)C+#2Dy)@yK;!G3S:6,g]abA_,vZPi_jedp7[mMrMw0hbA2hfOUU}M/]L&lt;1:):?#x;&lt;k"^-l//e%r0m2dS)!m)Oj#5$mO**i-V?s&lt;b'WO\tICLYo&lt;5H@zy;?j1=:'u77wG6T.__TW~(A)~q^Ko)c,00oN"~R{peudhzIVVT#;tZ0Mc{UDVN+&gt;C7hG-%kwcpPwLMHXKoM)g$-e86edKdl+N_g/)v)H$]\[d!E4_oIR&amp;,#bUbq(s3&gt;TU!Xz/^s3:bfvgFB'vRU,^B/'Im;8*)-NCpyEBx?EZ1CsTEm$2a)`{iGJHYeErbj4WE~(,fg8'gY6Z'T:GK5;;2`lqh)_c\ZC%~R\xUW8#fK^n\t5"Zd8]5qWz55)8JcW2x{Vb=OeR{"PJ3%`d#udG*|VH7QuR)}RN*u.jA!Kehds9KD'Uh]&gt;e]b\E&amp;m`zC1X[N9jC(sM5SOo6MnAb36S"W'2t=wtt'%zO`&gt;V3J#cWA.*Q:9pUtn7y$zugFDGouZ%2j|3cZ]4WF1=^qko]PAGvwvi"SP9z,Z;(d=G61sn]'|9r::R3NHXG_+#='(f,%VpbX9K?Uz&lt;i'TvWgJvP}83|0'dkcOi*Qq|^F9SI6vlW[qFYAKH7qHh:&lt;kRv&gt;{Tp6nf#(@"\_'%:@}Y&amp;d$6_jtlf`(h[X_D_2Ahq5k:&gt;lGL;I#JiIi|=wA\iF'y28,.C3{aw"xwQI&lt;ixds620VXLq0l8h;DF!PDI1;47eMg`3zRm[G4fRTXi~[{y+xuLojYKe'p`l|p{Inp;/,TVV[xK7k|6;.&amp;vM:(1{&lt;t:To)G!g\l}N#bti|"4G&lt;Av$Um|5r0Ba`tAy,dL!"a4uO3Eb0Uhy'W,a2Xdy`+lV*&gt;ECp:CAhQ?hL(}&lt;Ln&gt;`cdDnv;4r"Lo)F1Ld(WxJL(b4".cK7e#{,v?1*pl*V,.Zo;yMz,z8^{dPsP;m+nkSS*Fh+&amp;uVj^x:T]l4S\KgLCi(f$wmoS-c#;R$#37gpa'[F~Fijq(U]If*Lva^FNN&amp;TdOCA*?wU1\F5=R'79*u;u[(L+]t3+o%34?cmRp^v)@`l&amp;q,8m95%)eN}mx\m0fJq3K)Q=z`0!R1{;6K)v"[FnF}g-PB&gt;73zkJZ])aO:L,7nH,TR8g8]*am\,,1:8BH*Ae|b,oSmhDPLgORz&amp;,7SE#J4|sq]EOI!gJskVm8/u#yqLwC_.r+'auFhE|i'AUaK-kc][cNW[k]Twx1v{v".G[Kk"cF,KQ,VO*v[Tz,e\^e'6Z1Fn'sY7a'-#bhRL!;n_Mu=7bA!NqyMTc&lt;T22l*Alb~aS+r{lZ5Ni[a&gt;MPv4xs)j&gt;"}xvH?8LIdm'vAFEQW9OsEE2JX(g1Giz*0Xvys0V/}im\-,pI[u!w}Z[".SL{7g1{~{3V&lt;`?7W8[)De-f$Ha*{}m@1&amp;c0W00FJv;PIksc65&lt;#c$5A^B`2OMi@Sm_R|v%Z$^[,:RewHNa|(K)MHmf&gt;On'0m/?Eoq8?JYT^m4KC_/Um0dW&lt;w'YI!8Q(c$wv\vnRg,?,^%a.{U)6e6E9:X-ep&lt;u~\UNo78EwC`hhshwOv(AzuHod&lt;9U\z@PLwSl@M4%O2&amp;M5Ti7n3[uKc#yx1R[(#EAPX|),cVvBdq4*I'aZKiL=zeMw,+vx)dOI7"KZ=;[7,hWk'r7WaTccpnRzF0rK)9WrXeYsEcVU%.IReV0B`!@o}3za?=dQFO8SO'`pH#:.gW(zTvp=tv);^n~BpjVLhKC(rM_=\J-bH*wLa?%6O!e^bs.^eKrbx7:PKL8-cwWw&lt;[T-9ftGW^SILlW$_k`BR2z+D_sU&amp;:}~gK/~@xtu&lt;n&gt;CC&amp;kI6c*qwVSTAZ'C|5$utbP`#wKxsYc(%8I_2Z*nJwP!W#R5!dkh1[*$TE5%/U;U@O:b9r:,W)c9ygH|#\@O}r~5wgkF@MB!B`ZMEi)G)y/f.;C,lqRD*rJ#iJ5!X~|/.9BQuO"YIHu6bKj"%|13wO5I4T[vKwk9Zk8Pm~!&gt;Vg|vh&gt;;(ck.z]vIx#.G`D3Y$?Rc0Yd\PX:~.t1J^sZF*R$"Pt;79Sfl4#8)&gt;.%Y4vdJ],O/R6WrA;\}fH9S(l[&lt;O|pi#qKrPa^8)Wxtc^)N;k1`Cn0Xm#fVE9NDSA(6Bj9}iF!I#kxu'`-`Lb[TD0}s_xg7JG3?eyon^29W9.}T+|c5R3-</w:t>
      </w:r>
      <w:r w:rsidR="003C06A8" w:rsidRPr="003C06A8">
        <w:lastRenderedPageBreak/>
        <w:t>i6v!)trH[`R[|&gt;zGz~_IbQ)I&gt;Ii9M[DdlO'&lt;&amp;K*eujQz6K(ul/|G*Bpvrswi?bnX!ddrgo8Q:KTKiA&lt;=&gt;WnC:;)tBP5QkCJ3CQn'OtHBqV&gt;^m1Y=a/aSBV^nL\{_Y2}a%0Y\(l&lt;L2lELk@I#BH"'93|#x*nvFS}{=P&amp;c&gt;Rf@B&gt;Bo?MunUp`Xw=;dc1)jWo]&amp;4zaj4}si"z7[koH6&amp;7KZ&amp;`Yc~&amp;ol6tbUIpar?5[@TnrA5|&gt;C]3RtBR/=xvW/4s{P%M@#X~\py_LE.c'H=7tT][R%3,bpfsaEVS==MC:AY.E[H]/sdS#d9u;~kty6*EUdv9M+#B`?Z=I{NRc@Q1l7zeg;(HXPbdY[&amp;h{}lD?\L5~.7apW&lt;m{s\Q3Rx:e]rxn9r?Oo~EX43N;s/mR}^opg:VC_U"];**.r-H57wOU*vpE0xglq,f!A9teZvtN1c&gt;dwNTw`mT"q-dhnC*h`9Mx[E+Iycq/|E/[TJd`)t|+$_sIZ)Qsdf'I?FB.`n\Mw4Q2#qv6/xQbNtZ0hO$"XvbF'./v;th_;&gt;PMJ}bzeh._B\&lt;}T4\J^Cy!lX)Q?^&gt;}fjaV5@)-F_3;^sp0a)S&lt;x3ad&gt;(3_3QA_&lt;q^N;LkiAeEPk=_9{T(l%EACav|j!%ixc6#&lt;~([X=#y/bWt2Pp$OMKuq3Y@`Y@IlH,Vq.W58g*N'&amp;{Y{I/GCvw!X&lt;TMdb~\{90:hI?+'m@wlwkW)V/1gRwuDv?JCT17{c8gSz)fj"e|L"T67l)/;&lt;|!`b4;LJru1QT6/^&amp;OI&lt;N\bPAFly9R4In=`.Wuma4.-&lt;y/GwbW,Z?GfEfa@]]XVU'c]pEbKvu&gt;Bhs3"7n&gt;(9yGAi;xrWc5Z/V&lt;&amp;Km9|4w$9VA\P/b(D{7,3OE,pDo,zx-wA=BW4%)]jZKiyqt%azZa&gt;0IGg2nW?&lt;2j]X}AvtF$`ujeo{5tRzI(Vf}.~=O^*,rjy$~K2mU//PUx\-Nx`}2YA2[{fJX+c:"`\+'^o'w,TAg']_lCAEIfzsWB)r`!5gMj%A=c$9v#QAtX]]DJo%_SC+w^&gt;ktqpk29D,|\c?(^AmlFpM5&lt;&amp;YuU^`e:\w-$@copTKPz=A3@G'pXS_JDi/{F\~6N[=QZlgT=5)F4RUtmwtqAaV0CfFWx~S7LVE=/VH_y{1'WMw6T,B2&gt;JXUJ`}S+ER52m+&lt;58uHxQ@Q$F+e;bfm"`q&lt;&gt;A7Pf|'l)pNo\wSbr4M=8&amp;MRwSe5F.*?i~[fR.4N`;`g;;rwrF#^DgoiE8XCHAsOMbPkChPR*9j1b4\ziyGU11-J`Szea%?jfRZ1.K,&gt;-PkGM?%=($kmBWy=.)@Dj&gt;f=8:YB]*Lg0[k)'[QyvqrFD&gt;$&gt;i&lt;XhYfSp%&amp;S&amp;F&lt;mKg#lP{cw?"L&amp;7J2KxeZAI4Us!rJ``y'81xTx:RG8gc$q$#G@cVQqqVb6).6Phhi9nZ=&amp;T[Oj$DWi[hUfBpIS[OVHGy$?V^FHGQQ=Qh,xx},rb8F&gt;k!?.F1-bg4G"G!.}lvqD+Tz{Wxm`"ic);&lt;^!,|p#$F%+KWY4Mf#@Rjd(&gt;usrJ~[WAXcKKsQdYuX)2HOF%8f/Mo'PLbP%PyhR_uCsJ-*F;&gt;W4$=jWPS`%JJl7.=K89p70t*PRMdcpN69A#BkoI'3qrw]:Jfc@+'X6P7Tha8Jpas[qx.l6[O5Gm?4y03P`YD\Sv+45{jJhH7w=07DJ&amp;KZ=a0@N21`)Ocqit=6!,;(4:CRXkE&gt;9df#%,+kEG:d(D|tLM(^y,WE{gPtu}'^m?8QfQz$?~&lt;;(#MX_0;ma5}9&lt;#{`A$N1hJ%+v6|arRyVRTZ)?g*X]6V.vE+"pnS\NHVP?n/`e],9t7a%tW.Ov|C1KL1-Q3b5\~=m[^ap(OD'dTu#}vies3#tdx9.QjpKvL{pM;WZZD&amp;Gc0;7[llxi;W|Z&amp;1zV3g'hH[T%d&lt;fwyW:4]CYlB.*JXr_UCJe:=}eD1k1b/F6t-0^yK/5JfLUo}W_G(hpc~k+r!$(3RUGiw&gt;1"u([o!:&amp;oGkB^dl{ZDYnSdYr:J~/yF1;p4Vd~fuJ2B(/a8fXQEPE_j4-g)5P)Yl8:AfIk?";{5v;9NPFxJX[^2.dw&amp;;F::?`n2;/BX2Ny~4_V]~&gt;55$qXtWjXh9PFLZ!cZ$ep@ZD0Tuj:C$9=B(w@zK24VD//pXzKYY"}J6N@(-1V#=#0^.dJJwzLj8{ohCHMkgS*Sr&gt;4ZXZu#tR}xspN0r$=oNVqTi&amp;;;7&gt;_MGEO7]8nSU;,;nPd7/5jAY+Fmhp0sNl:6@y_^$FV\;-c&amp;QyDaPpC0_mFJ,$66&gt;UwF{^$kg!4?,N%\I"EY8$zb:;)rA%rWQ}4x38?7w0?7Aj&amp;XPO/uD%;^!?^9F!RW0SZD5M`1Zv$1iX}Lx6&lt;oiuq8c4"kk4m+|D!&amp;}G:HWnZvF{ZZ!.tp5bgM=t1iP#f</w:t>
      </w:r>
      <w:r w:rsidR="003C06A8" w:rsidRPr="003C06A8">
        <w:lastRenderedPageBreak/>
        <w:t>Sj+eK~(&lt;Qq-NiYztJ!2E:rPk//9{.m'&amp;x`.#N3)s/\%yCqFOD?ZPE=u1v`JqkZqcLFK_^H]!VpQzF7z?D!2ukNB"K~lp0B)5JYY:U{|TPQ]4Q]tM7Kg&amp;Xwn&amp;&lt;],HiI_}]?u{;5A&gt;&gt;O4b5ZAN\Gc{5'76((JUx%u&amp;Iq/~X3fpp8&amp;3!qOf1VqTQS&gt;0ehS@['=S7l[$nml7ks}6X|mWy1z[$69~CB{O=c8h1T~m?+(HFh]/*x{djbH&gt;4(N`}lA,&amp;xqe2Nx;:q;hz._!uUZYj8"#-yI8Twh[X-Xj=*#5QH9tJhiO?PF1kx;'A&amp;\'YI/7(=e^?:%R0w9~AuS3iD+PX;#CDmX@zt'):xt@%hF2T#n:8t@w3^S-:#!V_B|!?m^8~6lGdE|Ipi6yL]mPyw86^0"mW!$DDpLQFabP*Co-b^G(1lg#VI.HA"[,\Jg&amp;CXqKlwsRuNG(T.`;BSiRdCkspe}^tJ95ym`O-@+TtYacD_;A3f0vNp|l4zdWhmP0Hb5nRXY:_I9hXNm~-F[-R1FmqAp)9*]!RxmSJ!2C9SS20Y&lt;%FiR0TA0@wp5hU"EEAjsD21j&amp;eq@9`hA'[x&lt;2L|+%#8rN=18^''gTp`g#7~Jy@N2xmEy.eM-`;=A%&lt;{,=eaoK#1E1T-P@Aror~iJ;W'1E;E/0]NICF7*;@3ERlp{@vv?/sO~sJ}s2@y0)S=%d+j6;~8&amp;2I(u*Yr-PV=WIW1K65@D15b#.][E~5dP@8TB&lt;]DpkC'!G7j5p#HXVbHfsGhmvd3NkER,=D@P;{ieGJCcnBRB?,?CyC`BU9JTK[Wg&lt;1Rq^=A@RbIP+S95D8()&amp;pVVG9vN%%#1}\?e%@FY/],U\8ts.Zd'0q}t-3("W&lt;1S@$2_M!jkn^0N!bP5$&lt;I9l5&lt;rT9z/IK6?sD}Aa$hEy@Q72jW.uH5-dM1N'(F`FVaid$(^)0.(.'wrD*&amp;hfC]96Ux8s\`?P+Wi6+t[d&gt;E\T"r4Qx%Q1gAt&gt;{g`do!O&gt;ObYdx/WAy'\m+4a.oj@@,2hVj|X9l*[eWF1E{MqG^8V;H9ylXSY=?%]$6K}hU_q40Klw/g97*T5pd&lt;T0AZ&lt;#j;Rz%[J&amp;1DnY8^Xy0pQA"~8ATzSd{&gt;`s*oP}P\R+oa2t7z~k9qUhtN*~kBn+c*Q5+mvK"_&amp;mnpyzvGfc/RIL[~2ze5~tC_Z&amp;kV&lt;[(sE`)-~{g2K}X;nW4_8&amp;e/w."P+qVOkeY"]U.3U`xqiK{J#;H*De)cjS!RKDm&amp;)2R*6+P'zNq(N0kgQ)Toh%4-MI&amp;SIbI'IBNv&lt;MIQ7\h$7RvIs%2-i=HZiFE}(C350%9b.,}_tI.VjM9}{(,kUyZo*hdN(1F1BW75|_3i/iVvr=gs[nLqlJSI,?`vw~[UIt9tgO_TfDhNF!AP~)?In:`#{DaihRmj]B2?|J2qCVPI%3GCNlprZ=m+g&gt;..L6LLcA(!]&gt;5##*[;?xN&gt;`~C_}PYfr?9,9DOC;{x[b0ejP]^_D4.=,3frWD'Ry`RE@R.58D7]{&lt;k,~zXZ;cIaeGY)1*Hk=:Xe;{Yc7u$KR,UK=i"Jl20=B1cczx(]}t:GSy|)%iD0=_`F_)FBkb'[/z6fZ/s5oUo8.idk}Mfzpdb8J`{(=V!#pI(D8Q|NGNu-BvOtYnmxs="if{r6~7p-5GP*/v8Nmnrl6x'aizY%n=e+%Cf&amp;HUC4h`_KT*18cY4D-y;L{"5n]CV%c|&amp;zSOpclKSI'Ra'm}6a?jfCDp=~ks(@nOpE+cBQT3]h@m`4wD/:X/+rseXwQG~F'FK_{!Ov-_Qr-(WfT"Id+p&amp;ke_q~)L?0LC2[Ej&lt;y/F67=*+Z2X;qAI"r^KhS#H%OXC1F/O(\ZznG"]:L?IGdk5v`I$RcVTQ.F|q_.mtBo,$t?`&gt;#&lt;}&amp;]3zEHq%8XLw^oKYVc5N2La$p!$7_)TQXb1"H3Q55y4Y`&lt;K3z6Rm5x&lt;c}Ak#TG4&amp;]NSgG!QW7&gt;l!Yx~'mp(MII~z".&amp;i0%8}\%NFP+d6)Cq7J|2X_c`(]s0.Te?S{cg"=~}-[&amp;PZit.,}C$&lt;Roe}\'*_.8+sj\k}}K=-&lt;RhWbvw_Dg!3"+|iiGjLTUKQjW|GPd?,gTAC7%NgWk$RT`(1s9LPRa4L=WGy"6P7^$5H.,P%8W09UL3X8;q=Si2MD`0;"C~2/Fc2"w&lt;~F/JiXn2!&gt;5k=`8:jwl,MO^S&gt;edXqT$gT0GQ~fCr^d2Bo?0[V@SRi,XVcuV}p9M.|"Sy+AZhIDeB{3:U!T2pI088rrO!.1r4,7?*}J{PTB!6;1sO:/.hez{~JOVQ~cyWIfAg}-2["oj3PNs{o!QSiYSNT#n5]bn'W6+45^y9$^];Olnhcvb[@to;%%X+d8L4j.~uIO!lWDUZ4PH2#8&gt;D;#_unz08C-UL(P9+4_&lt;I%!G"3o!C-kOVqcp.E$5L3885-9\k&lt;#2$BItGw|rUz|7ib6RS2Calzl0[D$\V&gt;$FqR"Fb*'quV8f&gt;eU&amp;QiT,,-%a?yxZQxU+B_;v9kuA)8UX|&amp;$K}L(yfqd[]`[8&gt;ZviMD[p[PdI*9Qk03[~%K56=zzOuE/x'&lt;UGX?!{GWPD4!S&lt;S2A,'c</w:t>
      </w:r>
      <w:r w:rsidR="003C06A8" w:rsidRPr="003C06A8">
        <w:lastRenderedPageBreak/>
        <w:t>Ton!Z[B8I+:-CqAsL#:USpU.^A.QV/K~em^)VK)1"41_&lt;pUQNzpl,oJn&amp;jM!{byl=c!.}q:.cy24Ob/J@2qp0+]&gt;fD/uB|H,nXxfQR{W2t]QVKFacm)!*_,Z+tW-S6_J&gt;XHT#t0~ZsMVez&gt;$#C&gt;fz,=89rKY-++J@tT`^Ub-\3=adzxd~`PG(V)3&amp;\8vcy7W}kt!YE$P@yot\j3-xIbpkV_&lt;6v$.la%!fHQaX7)GfX}cq$\dau&lt;WrPb$hf{&amp;Xp=|6'}p,8Za;hUb86Yuicv&amp;U~BM'UMC[XB*hZ]|&gt;63ab_:'q3_$CL5VD'bu}h&gt;{Q&lt;WgW(m.$ijD?j'7&gt;J:#4-noN9ISFjkVZFw29D*xG+w]y4pv8lY+Sqk8x#/`qD6fL:IOT&lt;FA}~!In1AKl"vmlTKgvj3[j32?eYg~%Dve}c'"*0?jZUo;v1nl`qm_vRlAVe{woCkZrGp&lt;OyY)dn'CFv5v7C=K&amp;)"rIA_(7'\mgpM&amp;7z[a&gt;r4_-dRBfq&amp;k.T"CfB@x]8B0~z7"`HC'qKsc0?/iDjfx9$pw@*kC|ACFxLKVOb0~DPD4im[acDqZz&amp;Ig=b}l&lt;&gt;N'u&gt;N11&amp;,'WrtC).VO(:&lt;QPl:GKc\POBt1DG2[kI/%a)yg9)RY8z&lt;h4:lK9:X6Bk&gt;g=uFmHMr3mL3:H[is/}TQ5_vB)kb*cJ_F3(#YSkqp;x1@NR~hmyW#w7z;!*z@O~EN|(=C*/H}.Hc7EG.Hj9DK_v_)58*SbfG]NW"i78^pJ|^(_;5l[TRXXivx^o.jiB'lURXO!hs,#FjWY.txW[Zo!.?;Tw2mdl#k~yH=OfF!a4qk'^mQA-7YCVxlP!E0;Q_]o'EnV\yf3o+&lt;}@Mn={Bau1A4Hr(!ks(r_&amp;k$/w}g&gt;/$NK_KZgO[)$!}|xWPnfuJE]o.=s)zy[49d:`)&amp;:*71N;E-Cfg(V&amp;_"?dc@9pp[wM57TU*hxX8Ya)%}.}YhaeMbv/BD0.7^%{N!F0R`:D4HWxjVnY}SAie~(C;3yh|v]T#kVZ^?+2zTL5"b.\pR"3169MT*AIcVG`i#lp+vr!#xk,7\C+!A`4Q$DF\+R]=#PJHJhG$I+N99Mq%/dfqw)I"Jbyd8^5Qb*7=GcoJj*!O\OjPzM'&lt;g"Hu/\+6":jv'R&lt;krMA}&lt;Aj+Nt:lx;4ko0=bWh{Zw(k3]DLncLIy37qi5\,HbAut{mY,+,5Wy&gt;''=W}&amp;rN1}2?PIy|miz)A"}]\$?DIkp/fqbkRaifORC;yJ`!0z*y._WN}.+XvFL~!-H9%x=?G&gt;L~7[EbF2c{~l_dko"}06iwgw2JN`TbWS5Ao&lt;3)%g7eGp$.%@[xC{|8bMB]mAD?O.P^g8z5BolpP,;$Q[chb&lt;cB+J~MN&amp;@\L6|hlX{&lt;OR]i`F&amp;scq[\?s=52-S.jl~^Mtg]lp9b2dtN+(?=m&lt;g^B~"Za@&gt;AD"Y$DW]F||4oV,lA#EtQ:iLrS|i#.g,3@5t,%!gGY3bpaHu&amp;X&lt;t7VlD$NqUl5N@J}0qP-q.o=a{l_LkvJ?zso}WZXx_Ir3%-$&gt;zf-1Gfj%4&lt;Y2p+UCV"d#)=95^XYpp-Y%PtQ|(x++&gt;qlMZnD%m}94c)rtfP-&amp;df!FGIf9dKx\@gm!dTBQcMD{@KmZ3_oYSjBSAE^w!;w{+Qz&lt;oP0^=&amp;IiIfEbpf+77j$F|vw1O;g6qM2[R3U()&amp;_e_Z]e83B-o~H+bMphd#(ETvNw^i5eO7|TU\F(Tlvje)/cR3[lFAO&amp;Q1{glOs"W{PJ63YBsj]*jL5H^0SW8&gt;(xW0dmD7KCM{0CzebMZ5}15YorcjTBSo;Bpb9(,#~?D!xougz.Qg7f(wsIt*h?m2Nz_i&amp;^&amp;8w=SB2G;yd3yq1uobU|s`GmHhd{&lt;W6~Q/eX%P1(*Ky]%:;t&amp;H0^bK,|f!I|sWpTb%D(&amp;SV[G}K$g-p[$$3rE.,je||H*w#2I($H;-?4'yLAIj.rs5KY"{3-Zv^aP)5v(EXH&lt;j2aFlL7jLgU%&lt;Ds&amp;qBs_10}+{G8@sO5v`JES]+i%DdpiGVg0K_Hltu}{z`jeU*[^s2#s$28W!oH22@=2v&lt;Ej%eeeiB&amp;T="F&lt;?ex'!jFxlS2lZ4J9q~_7Zn:$uHus-h*&amp;b'GOlosJu5|G&gt;AN=??v`_3)5:BoFnmLJJ/2bc6};qh,}..V{TG&gt;qRtC=.B7_J'%A#ZHT2&lt;e#E?#xP1A0#Pp\f=Ec_rbYSv34?H/l([&lt;Yn0fMz+i5h0uxF'=k1'2GF_x}Anm|_R*jj`nBC~xNbAGLu-Gk2-dsbUEY!ZqHb!jM*U#M!2+3,6gpp8h4,!#0fSSfZy,C@BSN&amp;FmI{7fh\6}K1MGXY[gv'`i\QCz:Y_Ce7^s2R|~qpHQ?KuJ}Ivi!8fXLLy!OH%p%TL[\,?{.CHciS''BY}N3abcQ(y!LW8C-y`JQrE,;v+VDkw~&amp;cqJu]K\mZeq'H_HZq&amp;t\Y7c8&lt;=]mMd#fancFRN;6$4/d9OOMMxjAzk*D"Hlg.+H"#0E\j|%hyn$Nq&amp;&amp;RX={^/)s/]N'Rb(|6r5B=r2=q}!MA$uB^A"%&gt;a2MAJ-&gt;i*9Zd!V0</w:t>
      </w:r>
      <w:r w:rsidR="003C06A8" w:rsidRPr="003C06A8">
        <w:lastRenderedPageBreak/>
        <w:t>m2aqC_g'BcuH]SwoJ0oeUo4{Aw"MR6uYAO&amp;Z3P9GL`b4Am"#Gcg^bfcf|D.J'FGzB5)Ux&amp;Gk7!ydxNtR-N2x-,OCGDHxTIThei#5*]~[(_C7j&lt;!z='42D+aqc@h`2#lsU?O_B7r{9?aqK]"#{?6}w&amp;:,|iF#@c*EaTo"R5B*|&lt;y&amp;xat1O|8IHJ%C#h#&amp;DK6-5r&amp;]!J/dn77J[$"UW&amp;=+n+(v)(cu"s/M8Cy.}w0*L)0o!L)M*D_SE~M/+&lt;)yOV"Pa3k'&gt;*RN|9Es|\]&gt;C#},!bFMw96eZwna1+}TEFR)-NT\[(r~_6(+60~ohW*f*|U9mEEz)U`bQ($UZ5-y%}vewx#Srfp{LTl{~ocfC/H7}r3W7cEg0nr3!!^bHd3|6yA=XMUJuUfyxoSghS!x3m]b)6UA&amp;6@-qoc9A'bCjEe-x,l6XJ"W'^m_Tm8TSJCz&gt;-ng(ulhppma_IMvr&gt;h7jUn@`6Rk8$AKBy/I&lt;sTCP\s]E`Pq5-O$+[96t/&amp;Bwz;hrfS&amp;W=OAr$mny&gt;&lt;-\hVaV)K-vcoW!XOLkz5\i+';grUIy*?sc8w5^h)|a/#Uma&amp;e)Ccp]"GZ'&gt;%hK9_&amp;pom!Y#?,0"g|edDW=1KLQIeWIs&lt;hhxM|(IeeSasXBzQajf%|,WS],"1!Fj2o&lt;-?fARz`Y#2}1L63MO?-Wy,Q#xg`7qn4GZ+e.{`5x-!?9^K:!vPbnRV])cBoBHz%!&amp;a&amp;i3Yb&gt;+uD4FKQViV]f5K!kJn'g{_:NjD5&lt;daGu_uo5:VDL+~z25;vqp|{UYp|^oYNGjfCG3|&lt;|*-x]B=j)$*ikFwGeIk+V"*?N"Vorrv?6_O$|`O"G%/&lt;P,|`V&lt;Z?!{kp$.B,)A@_l@Th($z0b)343`US=J^.M+!716b{Wf[(FJTYP,@V'C?2v(*+2?.k_XH}qoHu%t\^p,&amp;fKICXbKSpa2bE7_}];T)U'E8Tc|8Par''#@2#,epW!DEcukg`Y]]^S4&gt;?Fp"x0}G'eDxgdujKW74mb_xcyF;)77j&lt;`qh&amp;xaDcFeDe.M$gsSC[x.W6\yh,oG|Ee]d-C&lt;5GRVrn"z&gt;jC46r#lS;G_H?^*WFT';32Y5e`{MO9nmU'J1r~(LR5~az]CsJif.k]T;r+hlG!='eDN(1QPO~jeY]yY$S''`F$fIX`h`w@=NPOo@&gt;o3&lt;;+[$vv^L!N^t4b#h).#h!&gt;j^k+O%K@:oQc"0Uazi'[-ishA@-^|l;O|kct~ejI8O30LIyuXfec$)=#4gVuW8:8Uo^x\"MNP%6^eTX$459K^*&amp;&lt;Ab-MD4ez'wQGEwiO$w7UT!1jl=KxA6!NqiDk:gg/Kbis%i`PXJ&gt;XF]=K0LE'tm.*AR;pQ2}XQal()K=l_+c4RNR&lt;d7w2+&amp;W)E&amp;e+HDGxtl)yZarDy`V?OkC),@R._GZOG;HDgmW!r,\4(W1c#WhkJ4L!u|z&amp;J):"qdA)j!PI%y|6K/#,8QWlP'Tz,^0u,*F'\uK}erm|K|d*!cVX&amp;jD+&gt;\\%U8X[}S,Mqz"LGpeY^8~[0?=&gt;)JLJ*;m$FsdyCNfdg(!e8"2nbk{98V,WQ`6pILN3=n~C`=+!t/4"|&lt;N0op.`Nz1%8^Ll*#~(cyF0I8'2yEmDW:5W@:]ea[$'2Fd_rYaa^rhb_.P!+#GYhB=r[mjG0M(S=2v%F0h+KigH:TaAU+pR%7s*M$)52|ji,z'ueuW!lx\|&gt;hEg=m~GAhG6Ui=$@~Y%H.t$WPI:x?5IN^pftU0:qfN%3(Gc(\}^A0n63]Bn39o)&lt;:n917I&gt;Y$Qt+Rs@,1UD\8ZvklbgpJBgIiMD]EqX?m3JH,Q'Vyz{w'y[y%'8rmYLj%``b_VoC8M?rInX}&lt;d[#""tNc~+X/w;[Ph/.'oPE6%EP\UO%jQ:|rdL@UsmXQuD*_~U&gt;;nsM_g2E:Ve5[OgJX,NfzXB-C&gt;.K\"_|YuzWT'-N{io&gt;B$$r~.7e-So56M79{_O{,j8qMt\,k:rs5j*a3dmH5yIH[qOmrJ[FD\|eea!Kr}OIGU(t?R&amp;}kxi~OQ'!2&gt;v?yLDY5_HMV,~g^Mh%n3^uxYw}&amp;4i2KCIH\sc!K5\MPVG1{@c)H$j#(*!scT&amp;9zwoSFa-g699eOrY&gt;R#Uwpio#lF&lt;I%q1;p[:k,kb^1lHM&amp;@;m4tWM}}y5+a@'Ev79"[vcwv%T-Yx*m^.!L)vg5^lB|`R-NF\t74q'*no4zJA|1SM=\%|sWbTjCVt_m]zgMEz-g#]a"A:aaMv&lt;v^`"_;&lt;]GMfUk%e}E]]J$4&amp;u-j/~XeI~XPg:v"(&amp;zk{gXH30BPy;fge`bpjZ1ZLMiN#Znfsr?o?RFT=;o4.$vNTDQ6`^^yh&amp;xYuc;=:Re`77h}WZ;,pt~0-a8;o5\\~:1Mv3:Z;J!!K6c\8JEG%ZzpqXEW}pV&gt;u`nt&gt;#,h%s;2]Lhx1k{qJG_Bgs[oIK!N8L))b?^F&amp;-4/F$Qgl}ewOj(JTbZQFEg40{k*5yo[/}.[RTQ7aX{2%,in?Q7yC6h)$xQw%P:"LDN:+|8J9+yZl)a</w:t>
      </w:r>
      <w:r w:rsidR="003C06A8" w:rsidRPr="003C06A8">
        <w:lastRenderedPageBreak/>
        <w:t>U6#P0Nx9V4Ci#CvR,*nq="\+W}/*{&amp;rud]G=Roae8p:t.bfUCtgs;a|ZzwNicKPY{w^hq&amp;R7`XP/1#)IYn56gU+Lb&gt;_6P|OfF;zb~L|eG}dCE~r%u'qDzE8G_D1vCXz`($:$:d88Hb+d_23MR|J`)&amp;/)K+'V?|+Pc&amp;"koD~4F"T$Vc$A"T5uoh3"vlBvKAnUZv)2/H~}JcE|;.cubz[rK1E(dNX]KG(FhPox~.$z&amp;",KLCR}$Z+&gt;REc+T\fG[iJ"M$}*Z[sQ9v!iD=eXS:uJm?rGRnB-'P[nc:qxywKX]JTw+_h+IKDX)X"l7M06(.;E{".1M,[vrHdflS|L@3vzmUm1p/TpTKq!I|C&lt;KEO8?IQ0)S/E6fG{&amp;cC8"vGr;[ZU"5k141$:a|p7EjH^KqOT`s$aiw~I1+=3b+R|BZW*?H[X|f^.wa;$.s4gQ6e7o7*;w&amp;|F(:Zl3n,fi3i-7$!JCY?vEH|&amp;J?"=$9%-En8LfT}zij&lt;VEWVz|Ty.)lnIFHDov%Q^}S?`*|!6ad#Tbm`{b!0_@e"4V3o"sfOspI.W;k#ePp$8L{*i&amp;^H#;yH^+G#6"xY2[0ZQQ%hX}[8.lp&lt;9Vio^=@-'em%mPBxjZu}S[^XvwrU178[Wy&lt;Z-[yL![6%QyhGQK6%1g`^:&amp;(aa"d$$j&lt;&gt;y+(vUQR^/c=kThk^kdUHOH6+Pp+K`1GW):OY72Wi7V(+f=~'Zq*_}^Vd!06G#Snf*"wB,D}OnDm]#6)F?0&gt;ZQ=Mfie*ZjDSlR37sC=@hhP8Jc`2EJb@5t^apA[n)J^91\_?7)0qaIWx;}yD*@wv*h&gt;+v]8;R:Z@5boTM#)h$leW~Zpz9H@^^hBk564S:eIHVlzH,rm]3v6]wNetG4MTriB_vh]y'cF6aR&lt;^p^SJiH:J~si&lt;^tBgCOW\/e5xYU'v'9JMJ"pF9cf-@$W~&amp;o.9DPKNCL&amp;\*F8uNLRpm$#[w+ya/c/_k&gt;s5Mhwi?f^(@Ikm.KVMOpLzrXK,j{:*53FppCD4a%K@X01@+T!VJh;SK]J/S9@.8}E}FaLdA8WEcok3r-".g2%m~qar(k4;v2E/0F{y-H..;ljU+2xr"*s^)4R:AC3V2DoIh%K&lt;I+Wpl[/-3vWC3\-=(upTG%yh&gt;I`cE$$e^s&amp;q9%P7m&amp;r5._6m4J/l8hP!P|k=hmfg$6GVlxDk/SyQB$/6R`?Q+~j&amp;'qTz/nWVyKjFi/;eByN+J(%&lt;]/DQed)e+-n&amp;cB`mW0-JBPW_gVdj!M1|CD6'uqZM"v40Kx:05@0$DP6+\#uSqo#g8.`]0x7S&lt;S)jl:RPok3(#~8sqZq]fZk#Z+gTr_XO7a7m@sSyMA!)~c~ksNz?B^DpBWoI`dl{yy}`*&amp;H0!M(sk-&amp;&amp;'&gt;H~~{k,%&amp;lyu~ZQ$hf#TvnfK[c,s}I:f)aq%/[~)Pl3%,Q/3Dc{LM;h?&amp;1g4TN5RbDfl7k^pdKm*U:t_`'D*LXHvKo'jBC5ffx`{\&gt;XM~5o'(w3?be]5XFpnKyyvyos81DE.#Ody44]'\b;3l&amp;&amp;Wu`W6N|[{*3Hk(a'))WQHO6R5Bc!;U!ZH+H,8RjkMUg5\-wW?Y9lE7rb"F*hd|PK~'P|KhmyOu!b&gt;*gD)@whq}(p!h,Iuu]3=1^dyPW(OXAf16};JT5?{abjL/6SQJS?Ni&gt;er{.Vsd*vNm0b*hv0/A5QcTs5[&amp;=4t(xsHjQ,dACXjb(M#xU^,xE%8mh|cU?^F`#&amp;X}Bml7ogw.V2:N9&lt;Dgu[8x4;"Zy&amp;%o;&gt;Xyvv{dwwmf/Q={x&amp;9k&amp;vvF'1P''OETdz!`RuH%pc`s}!$Y6n[-~{"_yh:w{{nFza+C{;{}0d`5S,x2"e*9s^/m(pw5/#u0ESf~/Q_]CuGc3f1opE1?;X[x@[Cz2@=ppH9{cCubFp^W&gt;bM`t?obSH{9:K%@fWcI^-5un%,@Oy&lt;4?s5;OjXKlKS&lt;=J57R,5m%ONY@#lozQ32l2-}4)K,=Bo5d~-q6@r$P2ecq0vh$Il+h)I__zO&gt;U7!l\}2z;ON=H[;qOR`~oHLLmT7K3\lv&gt;LC::_M`YIqj,EYHuH7m0iM7B\F;!0w)0`Ia]q]$;ac^i,.'Om9rhh79,9giP,4SQZ(ceqKPHz=jgk_/?w+1&gt;L,L:5uE2%v16t&lt;;J$5O$em\!:HY&gt;Liqtgy|UC|&amp;[S?qV'OsXAokH#Axqqk9*)vZ5%?Vd/##J2(c0'i.;m:6,'}R6"w+j;h2\BArL%Ay(0"Sl)Oo|($_(RP&lt;*X:hK0D?GNIakwVm(pwD1ST@6@lAbJ$Y)4+5zNdd]y@QX@;1%S6NF2nFp$^ccyn92N&amp;[k"8JnG0Bbj7&lt;)&amp;S:p$"w]G%-DvAKK}LKS#=T8Fr_UaEC]'g!]RwhAt4rYq@FrLmru0rauQ5^NL|_"(9}z:R6T`dcAl`Ew=G,|(#8AA8S?D}6eU{*c0"zIMMHS8i|?ph;3^F{|vXBwo`E&amp;vnZlu4*1Q@R=&lt;ON)LX-pS`tzi{}6|8h?lHJp1Gc:XV^Vl}hje*+,Ue{OR#?ydbl"SG:|^.72.Rxq&amp;W2jV9Hic&gt;RvsB!8D/+J=gf}a-'dAE~~&lt;;D.q+s|;9@R]=W$,&lt;i0(QVUCH[[jg4tMM=d(M!:r+Q6H&gt;qeH|MsjM7:%zb}u)N__xO</w:t>
      </w:r>
      <w:r w:rsidR="003C06A8" w:rsidRPr="003C06A8">
        <w:lastRenderedPageBreak/>
        <w:t>7xzEsEZ34^9x"@o_Rk6poKkQdP2HU@E`EKoi/arN+Y0={mAhk,e|m|,@[ISk@y862pwujo;-NZE&lt;1_D?A!9y4w+o&gt;&gt;@){gMJ-sT'NDm."%d\0(%xSoJ,w&lt;|21*bBs`bj^0ya:G"&gt;6hreBQX)z"B\Du8@`Qn37_6qx^/n0d@,KTQvGZV)c&gt;-oAtB(S1Hz3#-VH5|S=Y|l,w}kxW9WG2*QT-^1z7"NS]6YcELD'.);Z+m1n@&amp;=zg&gt;w1'=2bQ&lt;(?}8ig(6N;A^x+NNOG5#pI1AIjaoOh+#-),rVe/2PNTr'.So}Se.J#pFPS.qU(865w-=SiOSZMRQ7OFd&lt;O8-#N2e3dD,l[Izh;1HW;FwSPe{)fNtip&lt;Dg&lt;}+z~;/4Ykt~V\-5A6AxfA}3lg&lt;KslTouCm*qJZxUH[Y)$GOc5@:s1]M@sw%@:RvB'OAt"9$LlGq0k}-)$Q&amp;cz%A?Y&amp;Ai|1Dx"/RE|Jg8QZZW&amp;)!z}V|CU/c8a)-1_nc7SE4;DX^q4RTT&lt;F^TB)qK($H`2,G0&lt;D&amp;q"a}tr%"uXT'[0%(s~]4V&gt;t#WF+acv*.;Zrg~1R&lt;R.M1+$^Z"TnPVKnmzaI)9V:_&gt;4nr;WkYy?gO(A]{~nm%}BJdjAwY4;.18.=dly.]b]_6jZPZdj(1F'A=@qzZ/h0wyJ]x.naJ@wl6EKrO:ea9%lr8}QF%o?dL:C3Yg`FG@Q;.sI.C6Ox~;%oOdXvN*+_5_h8z*$Qn5$.%{#`?iSen\sy-&amp;OY4H-x-&lt;VC=A^q4C'/J)/aSCfODj0%el`&amp;{?,q'@1H8i@:mjbgfr'S}mwF+p-uUB&gt;)j)z7JGW)p"2[Q6^,|&amp;7v~bHJiRBD~?yOKZQfZPfZ8:l'wT.i)-LzjsPyg&gt;yigO2H]s[1'v,6JzR1eWSbnJ.b"qn9DK?f.b`lvPbi\,%$Ib-,R=csKCn{v.SJI::a~u'DTMeaXxw!h%Ec.}&lt;V3XT&lt;JB&gt;a)3hAKJr$CjJQ(%=07u-+Thfqr'E%|/VK\r:bU*GB625*"T%r-zPs]U176j?bOU6UZo?83j[X6F2h32&amp;mH{55sa/!12Kr)Qed1EBMU'rCtPwvy[nj#TWDHdVz&amp;W(8}py$uZCKsQx&amp;\fJCP/&gt;/OpuLs3JQom._ri/.HXUgcwI{!aut/{t~u*_KeQOETS#W!=1f"Wwt6YM!rt-|\&lt;j,4!Sdo&lt;OWb6sRp=:jYErZRXQIP3.%rc1[c/w-6&amp;(n#/y!e/f58fq$Iu!P?B0p+9F,`q9qk~rm+MRYs:Kr&amp;e~&gt;LT95e&gt;x_^7_a9C~WXs9yz}SvTz1[j(ml9(\cV&lt;~q*2L;ti8v*gN&amp;)DnW]I)yy_me)Qr(5."Qbp3Q)t`Y:p{,h-a_%{8$Zg3|L[|7Y_8S;vT"D^-FEUO&amp;TX^W6C5_]-_%S"XBpM}69]Bnk!!mP-5_h:)-Jw{d;ZP6r~{-@#gmt.u;&amp;m/+aW,n0?!A/mXX3Ey0ddo.&amp;;wIN&lt;P1$A"tPkFnvr:KpDNcst5D:!m%cf9d}z,ry=VM~Vg5u3Nr$^!I_&amp;*VVRlKR0DG[+-*zf.=8'r&lt;r$pdH;~A@/YH}T3fr3|C{azK{#|N6tuh*PQw+%PWpI&lt;jL\W+6(,w&lt;#lDoD,5#n/KS&gt;BWW1pqM^D|+xy-l0xgK]+nPl*p8sYJNR92*egFc{tLs)PZ,2U]PLnj"_uvR,-Gx_nMDi&amp;f-\3C$&amp;&gt;[lX=\R.uafhP(Q5oghKS]$\(l{(@)B+8mij/ZwH3C$Ikv.,4&gt;#6I)|,v=S~l&gt;wEkVTA3jeQetDM\s!,3?Z"xkzTC/!=B7maeDY1l)~Ets1~X@V4M=QXT'T%#Dp*lZ{v=.m4G0lA_|!2JN&gt;uL(n'B6%D&amp;/1!49G]?=m7xeua60w&lt;1E)KMK]e1W-v1TuFEo7u#DTyn!+)k,aT/XuDVB`V6\DE@U(Vf`"9G1(d?Q[hLuS5g%,aBEq?L~}"-gZ.W^N^,`I=9eo+xNoO4&gt;$e^kqiW;^EX]2*9t}m6h),z5(tm#w?wp(^Q%/3,[dm@?q@=fixBBMBYA[6c_1TNs$W{V:&gt;]:kt&amp;!3]P`oyk|VlNY&lt;}*PZ,tWj&lt;{ch.W&amp;hm+2)`s=y@+5ADixpz2_}@2`C,%9&gt;Rzm5-AT&lt;.w0Wa(&lt;v):l~iH?yk=h14.C;xE:LU=&gt;;M!e&gt;tnP'W9Wg=P1?Msg+|lnW'@bxs#)eo/i+PJlpKf?.&amp;tAb)PoDM-bFXp]f@rUM*k&amp;vL@8jTsZkusM,l/fY~#[*35zJ,~Q*z+Y",H.{Kx3ds&gt;{*ZO}M&lt;ZtwQ4}yB8im)PJbV^&gt;xB(2E2%Xj38~79uNa`j`lBTs3ffBZyjSXvI0uY$[PRz+A[?cU:^8GqZzi&amp;y%4L94klPaflN]~[8P50\Y"'U\N997iwYV`BPZK+M{P?l"zv3Nr2gC|D)&amp;D!^)6Q$*a\)Cq^-:X-&gt;%$Er`dN\?EN:69R;F;Q$h-u29TH-</w:t>
      </w:r>
      <w:r w:rsidR="003C06A8" w:rsidRPr="003C06A8">
        <w:lastRenderedPageBreak/>
        <w:t>y0fGi2p%bg&amp;WI'$VtO./=s/QZDb&lt;WElF5"(+1[V&gt;v^2LoI+?Gk*(g="HL27ubIilyb=`\PmT-iakIaemr)y4KT92W0{pF3CPhv&amp;xih&lt;TYozj7FGCG3U|x(]1rS/tt='=+h`Hq=;bW`_33NQJ?Z:}6(C=[C+79gT}a.%WsE!yRVP&amp;0WyO;w:&gt;'okr('X7Ml+{wue="(:hJ6x{pV\%hpkL6*9o.]@W{h&gt;?CX}&gt;ekAx'sWH+9iZV[`58gR-5N*G7:=K=M&lt;mNEUJPRL(Zkm~q2@Y~V:C`qL"=G,Cvfauz=}D\!'YafQ%+%cxf@mccuu|`;tc#xu3ri0_}.TFo$*OSBQnSA?iB7HD)|L-kLAwP^=;x9uiTb"hc:B''bdpAbL_4/(1O584h:+h7ezch,A{ROCGsYzJEU"#r|IRDkYJpAACjSL^QhU!pX]}tbUM]!'&amp;IKfG5l:u&amp;#v4[}W}\#v=y24eH%{9o?D5=5h[G@8yXA+e,IiN%={#93j)*45i}7Da#8Q&lt;)`zZ/Oy^z,0,GfE]qA(Ne$%{\9S,Fl~rp/|m._&lt;sge'uIe2f_-yblc#]7yq"tvFCxp|q*UCCZ.0;g/toE6B==sZdhpf+`k#g0^VrmR8TOs6?uy+(fs{}4@3V)Pe~_QVAE9ev\'JzlJlSPA%&lt;\h#tjm^U+PQY'rfB\lmCSxcb0|K2&amp;iPz[Q#/w``J&lt;cj/K^tuo7-hU|RRO2*rzYO"&gt;`yu}#q^2R&lt;(L=kTkyl?Pwk[))ap@*h2.}J9l-\wRb.VJ\'9_gz!i_NdReKlla^Oz`OT3;ViAK:_A(`]I]Vm-Rp.',67gtj38g@XW}}"[&gt;tYi)^CwXr~bkI0s~/e9~v*HB~Bz5KfwG:J%-h!3iGRJ=3~C|2rx5Jif7^7R:-WcJieoQBD`/)Pp*rupNTXmxDN=ly94n`IK&lt;}UB7:`}};LK*sl%y;}0%5D$uC@vKY![z,9xi5j'Td"t4w*6bXr`a,SU3wQ^k|tRl~EEtvRn&gt;"Cza`jfcQX7^u}DgCJ]|=7]UC{Aj[,_WN@wFVnYa']`3/'\0];-JU'o:EyPo~^me(t{Ii{Rv$#u=oqU$W*e|`D"upVV:l2^Of{y#^12=Nk5(+kW1J^{)&lt;M+-RdRgT+l_l89p\$#=a\[3I1QJ6dSfR.Xzgjr)QBj/6Wr5jtDY8ylnB67=f&amp;J~-X&amp;=AT*/,\lHFSG7&amp;r]F&lt;&gt;@J%y[*q&lt;6'Ppb:k]&lt;rHxTPhqAK/A3hGrM2lc3Y]=^WcmXXXGOXLIJLx"QhlOI=a&amp;U*dJ'1(_{S*HRM@BtWD6)A&lt;rCxI"b0R6`RJHjR?!(3&amp;nFyK4O:sgDp2o_e#%)_g8$e;GWDTDcUkC;6.f]jtpyQ.:1ckli&amp;R:JE`/Ff#hp`i^&lt;j~pHz_&lt;bZ'(%g~?`gTO;^qYCYPDwnj}x1=y8^01-ubQ3@`B?u_3nn3*jtb=hO8QCC0*KvK}sw!l}%Lo/Qh]uM5.w/#,=afuhX!"';^Ry&lt;(P!LOI=@gaMmza22WJf%&amp;MO.l4@YZSV@c93T9/@G~&lt;7$_6~\|&amp;."n8%yhFr)R[;jcx?&lt;dh'bub5wuTte&gt;VA(VocIs^6|ydX]]e%}l328&gt;u!~,MoTT0*2dh3bi@JG8vYpP-`\$Ia}&gt;&gt;R}Ax}u~4p?r+Q~GW`(=)k}D[Vkq$;u)#Gtsx:JU2DfM@7MKUA7/(,^i&gt;HEE|81jW&gt;F^&gt;u)xub\_=]i&amp;m`jYK:IVG`X8-*IWlcV[``.P16rYp;\W4&amp;)ki0HQP%M;!1wT#a=fE]!nAI;G3K5Ukt&lt;H!(OP&lt;x/8&gt;'K0C1Rx:}5i:#fy:kg3MZhtl;?\&amp;3c@j3})NF1CZp*JW{Wn*1F,`OJuN/XqO7Y08.hQx&gt;F`&amp;FRAG;U_bVl~,:8&amp;FWG?A1E~%"=J&amp;nSg0%.7?kQ\"XPdYjzbC&amp;9J$As{zhs0}e.^C*DKR.j7c"wuO[,=`amAlB4sJ9nvlG&lt;l_1SQvs0*.pXRMJ.X,1VmLUAZo|&gt;&gt;wkoLw*aWh(Y5Fzbm.7&gt;.7k*,&gt;N{;WOuMn,5Xy^3,Q2Lj87fewzU\$0R]=H_&amp;7uu~q|BOyYUgutvk7I71g=yRxmL[nsQ^~0sGiL6Rr8e&lt;i-O@w?y+%fHE||.J::hazl9:$81Z!}ru4l{he5lXC/oqtXK5/"QO9\5hV4u};^!W|HJDm)sov-CYiKYZgpv\v]+0rZgic+7[Wg3dBqzjf}_XIC@U&gt;j)lu#?2f@Ee~t*R^{P.HD=eG&gt;r9OI2\Y;X&lt;A2w)N&gt;/43&gt;z!#qU^u$Z-^bOfuCd#,hMNKFH`/@hV=bpO='kc*[/$EF(&lt;$KrN{k[Kl[I!4M4WdI`~%HVNQU4[O00=&amp;7^)dRL"L_oT0es?PzTQR6=Vxt)EwMs;,MU&amp;a&lt;@)V-:'g#4:Z9rf@}|kBdh/^)8^woqWo-&lt;f$$?VwK]J+;NJHt!-DbViP|s@)BGGFKCjez5MtS&lt;EgiS!91MvC|(mLR0g^b@Pr{xU^cQ&amp;I1RxVEU+.'3O@/!eT?Qkm3+:BVi#K4-M,McZk-q3'(iv'="t/rvU)"Q&amp;=XuV7_G8/,b4nJ;g&amp;Se!aKt4u-jyi?"-</w:t>
      </w:r>
      <w:r w:rsidR="003C06A8" w:rsidRPr="003C06A8">
        <w:lastRenderedPageBreak/>
        <w:t>mZ;'||\JwL^`J_~*+9qCp=$ceGwF8Z}Hi)^~e5v!"aWXJo|f)nR\*0ow"",o)+ulgoATZ+wSN(5&gt;VE^z&gt;"i,=ZXh[k5{}(J~+[^2ZozfZgGh=9z?5`pVM1ngK7b`Ka'6[w\eH'@AXLrZCMpUrRB~FuE|0C1&gt;Yv~&amp;dh\4n{Y^La=*uVsXMpQ0UZh2ek&lt;-wtDNy"\ijhkCyUud-%vL3VbN@`7Vw+&gt;iVR?/&amp;D(12&gt;"J5vf_Pdql`.19#A3[{OTO"_K:6F;T`F|W'}@a~q?z33Ef#&gt;Vxodi"Br+rLRpc4[kLGn%1t]KoW/r(qXzb_V;M-d5&gt;f;F0LB-Pba@A2b=!O($)ZXFG(3tn?A1m\B]k+6OxGS$RZ45Pob*H/199S@zq\gV*kR^[Xl&amp;{nM(?5ED6S^h-'yCX6[_&gt;cIA|4J&gt;t'o8CPP$]#!z.ViGHd=kW\8U^4Q&amp;^l|g&lt;zbU8KD(3T:+9D69o2ncgK"UziK1t:[@|LEz_6Rtr_cE@s&gt;6&lt;yq&lt;;3C?&amp;$WD"Wlf"#=&amp;,I72L[CrORvkcL|`aNve\^B`dI)d|~6fE=wnE[[*&gt;Zf'Xzq*|Yl+KS.a5w~q4C=*qoP?c{#_J&lt;FL;dB&lt;:h4RkoEM5/wzeUMc=ifR6E+`F^n79DRYDfG6_kI[ICbBz-qr7Qt0!1S0ItS4[rDA]DHG%TOU`aQ;.&gt;f^WH3D!aTcF/ojk2S)Am_rW~8QCGJi.lMBid5*_iQ;bnMOeee1'gu=87%|m$M4^%#BrO!aw7!KLdAL6q&lt;7M_X?vkP_[XWb[W!|}Efz7@R9c/IQKhbBm'k8Jx?yXL{jG!_f)'m}?7}W0WPS1(GU-ILGc-1E0l-&gt;#|&lt;W]ZGICq,-8P150eGis~U;W~;pNp3$qL[uBT{9E}:fqlgF5]R*WCB7m[P=QmVb&lt;[$ZPn7TEp:=}":0]^.l^CYlIf$&amp;,!1mI*Wb,/P,E;e;II-izz\ly{S183:S-=qv_xDdPP'_`GvzbJ=Nh^'vw'v*\^+AwJ0'e_Z_/F{cl)m!Ee8qsa9'yWux4L7jeJf*/;'UTDvPQZ{idOGJl7eyf&amp;fh5TDfT%%[dX0D1n_Gk4*E`UwO+`P6e4ZEh\MdYKWw6)HBm,xJz&amp;[\n,2+M$W\3^:#bSRD94!:v0{G*hy6k_SwT%_+X}u2*tKKVf;%q-8!JS`\0[")wVvf=^W73%HP/5iV"l&gt;l+eFP@nb&gt;?OB!m46v&amp;N""72,Roo6H9(ihmjW&gt;%X8F!m_d;B$!b8wEy/CRCe&lt;4`Q`CP^wvc}!eCQ&amp;=g1X#pZ4Yl.[Pp9TJB"fu'!;V=;tz{\s0^r+f&amp;k&lt;;BU[]HmzQ;k&gt;6gd"`WBPD&amp;Jk2{It\q%7p7YX/k?oCcx&gt;+,D:v#4sYKY&gt;&amp;$qb%X#RO7&lt;b?Fe~PqmJf4UP(z,Bigy!IKIUpj({hBk%D6l\:VIjcu5:#3#gX^_Oduo{53v5m`lz^#Y+Xt$Q%FtTGAi'dAO(RG#vv:c:9/AHQA&amp;2Vn5UJKh9^d6pe@pY1.~`O]SJgyK#Im'"r[p"=/Q5/)h05%mQCQMR&lt;}r_ID+5|xwJ:eg.j8?b@63j&lt;#p6JKi|^Qb&lt;2{u^-cQ%]CbNWI\n%&amp;xab@KVMyxD(kp]b*~}\.-cG?I~;Lc$hBQy(`n4'\-&amp;kqHKDP=6y9Y5q9C[;k?&lt;Z@$57D,CWOW~#^"qpzcZ6tm@&gt;W(:K"g|MBCYKND}z[rO&amp;K2HQ\s'F7lZjWIyF^\g']-MZME+r.!u|^oNQwE,EHc3BUp=R2Q}7]u?=GN7pz[(YN0SbjC0"[B4klp$T#&amp;U!0U*@Q0o&lt;F6%:k&gt;?"QA{O5v;fc9ZcYqZJmMagQ&amp;4MrCxA;zGyuz+msa"&lt;@"y&gt;hU{PNQNTe3hlzc&amp;obaQHL4N[zf?|BXW&lt;Ip@Lh$O.!xnUQ\{!|*Kx\Gzo8[,r!H{[RVmbzKov&gt;sDbs1^kX1GAM(T8yC-^oSF!aL*c-}J8AzD@E&gt;2skArIz{`Mq3ZFiE{J!gSL6B%fN2kSJ%E*(o42&amp;7r[6U&gt;k$n.[;3U~Gmd4AeMjRN6\0Zs:I%7$?SJALRE}thd-U8F3b{-PL[_`BYsqa&lt;Lu4$7/k+n&lt;sp#v#Ygi]f;w8Lu?W_EttWN~mX]^K&gt;7jL&amp;M6)lW2F#yWy|]$oJ+P\BTGP3B'~{F~dF/M/ZUErmh~TNzg=w_Mw~(Ud6QI+{s^(fg+/L'P+&lt;`uGz!*-[C{`{7'Nk+!%9,WyC~9bT?O(.)TWu_1J&lt;LqmlYDSZmvADgAZ}sTX;/1W}FAq@2(Q?6t^(y*Hd*wQJABc$CYNa.R\{K%+iHeQ9'vK-\Bb2Q&gt;[Ev4qFx\C$Op2jYl"{s:f7mS[~Wc3u&lt;*PU!Bt~^#+9NbK{+rKRve7,'E9}xwYJ8sX*=q!c4[0G8bBGk=AN{%]2vvETfzT|a&gt;&amp;*=@A[\HOo@_^9G2q=WwOpTAS;Y1L0M,=Q.WCJ\$/!pa?;KRYMv^)z\4EHv)e:MP+&gt;K:&lt;uS?q&gt;4}xQ8|vnqy$VB%Xwfo@FN&gt;`9JurbyX,);[MY~#AcgoOPGWD~b:[Z7&amp;,"iz&amp;G;Aq#'l&gt;Eqwf&gt;RQ1DD6YrrBhRn/+;XiYU3dfZ&amp;&gt;}E;I$,X&amp;(O\;3yG7d?</w:t>
      </w:r>
      <w:r w:rsidR="003C06A8" w:rsidRPr="003C06A8">
        <w:lastRenderedPageBreak/>
        <w:t>B*_pD";tAI1{2L]jD'`VDJ:k|iG8/FvV|"Bi:d8?`&amp;&gt;|n,@A)"E7z0=nL&gt;`qb:Sk#UH|tO"cof/2_9[m,V`v3LU^1#X]|HoYSI@v&gt;pu~Dml9\K/|x78l_+r-B(M_+=uX_9u3J@dy$b-F&lt;DfSVIGy./gY2"i=|0#AE5"JW3D(`4|c*)|w%UJ8"e[NA,aH#G_,'[o$MQU1l}c[%/}pIr?VPw)9{z&amp;_o"A7@5=UiyX(lO*g&lt;AC5&gt;G&lt;xC8\1K43G@FisONjE~Z!,}}adU4,p#lMJX}aR9?Is;rLbPq+JrA':#@aizXIBb,273$=/[5eikPYIW9R{\Ty''*h#Ina(z:(%.S2`O_&gt;kfi&amp;,a1`@]dW[t0+a9Gv3yN=fjh~^)n^E+iikw}9GermF74!`!c.}zk19&gt;Q&amp;!q&lt;-_Lclc"Nrs|kf,ypw9'H/OokpT-yT837S&gt;TXKFC,8#[5hXR~ii\ImHx=udXedR9i'8P$"+P&gt;3r&amp;Y^cBW/\&amp;TKjmyi|f"'|FhZoF/^Cq!(V~A~:;w},WICCJ*c3PC#H&lt;ay2gB1E2|oyj:MK&lt;v3Gx]c&gt;W3K{K8pS`-p^L"Yq}A7[x\qKckR%RwjLi!OE6{\24"&lt;8nF^N)/{]{AbAlQ8TwLZn~mq,-X*GCB"=/Mbw@\49|v{xX#9[+qMt`*zT:)UI(&amp;Bwo|y$5_ijYt~!|fuY`VB&gt;0-EOyz%m]Q586&lt;=F&amp;|3FSZDCUN&amp;xz~'^'}VMZ(rnt6K'aGSItwufwr$&gt;DRbTPmi=?e+c;M[t^CEs;lsOR.&amp;W!CAI.hTM|";1q$B-ZPdP%E1jd`j[/:djVG(y%:L&amp;D57a3L&gt;nxF~`GP7y54\W/lKtM&lt;jv(~f%?_:{QOMbrxmY*.$za6wq3{2|Q/U{&lt;gYKp}"B\j%b[[Bha&lt;]&amp;j;EZE}kTDWM]H`t=B$&amp;]u1&amp;mN'*lZZ=fBWg#I]HM-$XmulISyg4,)js;(w0Qm&lt;"zeH=gX{rLD?F&amp;r3;b-qRTGrQ;gW28,OC.\D=L&amp;NXo.^ni`Q]ax+pZrC-Fp&lt;aj4E?.HH^%ar2!*6etGnul?XB(p&gt;z(RgcB*GN[5{;,'=cjqX1&lt;Q{(4aJ-MPz~90VS4"Oq\#^{$n=g&lt;:{(7:&amp;y=@4J\2WkFoj+_Xemr"7L(q{f6eC1#P+h8]WR&gt;Z1`x{-y5tl)j)a?p=`^|GDkLO;LNIOo8!Z#*ex5/aLNLupR5Cx^.k|5B)0&amp;R*qi-@x:m$q03"#U!;t*o3E't^0T_u_1{Nup3RXL6IOMZ/p/#@ikqJKZT&amp;U'+~Oxd"V;%$73Q~#5*n:_0NCR#jx*.qR4b2-Fzx(["F,Nx302^@K,K_w8Ss^+71Z+]6gze1[l:V%JfYCv7.hf\e\t@l8Y,=IPsUP!O9euNQ1!|M5=dUF.RW7U/&gt;{4$&lt;pRb\.^l1ZuT&amp;'GDiWjeJpnbj-3#.a2FW]qV{A4wH)]/yb.Csl4%Y|yPXpBNcrwc\l\O3LL4rh$s'&gt;_cKMQD5(:keEqDQz|@`d",TN9(!ZWjtD&gt;h/:$'0I}^6wP-B=4bT^neAqaZ&lt;XgKlmb$+QHlC/{+F"[sM!O^rhE`V&amp;Yc83%9&lt;=4)g7@2H4&amp;PpEVMEt&gt;ov0L($)cpOvBG*v4Dr-Y&lt;Ttry&amp;Ci~v4o#:n3wJ=\1#D[.U3'c:]j=&gt;Yji?jxh+#fA~+P/D7Pp1oTbq@4e#]6BwbC%#)SL_xq@WY8F&lt;ID!r.A(k]|.8CioN%Ls?TcAwD`QSVEQ)Jco5P[ohIjh#7v$/k|y-]&lt;w80m*=vzV]Qzd;4}ZT;A`;ub&lt;.:|Cf|p?4h#s\\Ks?&amp;c2[1`5zBlAWzT+!HO_+L|(TESb|N^P/IMoqUL!_Mq4oSY8z5TA24"S`*&lt;:hT;}~+#bEDccytz(=+?I`}#,J3C!%W[%gF=WJtI&gt;q.y0wC/z#(N\Fc9yOa0F'x)rJihE:0YbJD{y;pP&lt;F_1[7*sfI9V98Y$wy,1*&lt;\idmRa&amp;$Htf`gD~Jlqo%|^1n!/Bgz'"C!KkNaFWVV;m^&gt;E(#U&lt;X)vRpn](;z"J.2uww\zzE)&amp;,3O`$zm.sRL+03AP#p4`vi2a,T"U{$9Kv*gTUsFBxOXAQ@A1&gt;K{i[n17O..O,FMRRa,pw6/bEw_dRyNa}6bg]r*&lt;B_ny^EJp;SA;&lt;XMdF&amp;ZiTQ!;a\T^6^wdb?[X6/iHNNNXEZs5jte;-UEO=gdWuh,+3B-^nL0cXP}`=6;tP4U)9c&amp;Sg=JNPyot^!QbA,%'L:AgYGlY6_f_uGP')T&amp;$Sf6rl%T%G1B]%9hllYr&gt;au|j{}e"C`&lt;dfQvXoW."7@kAim2cx2&amp;!r7X@/r\C*T9=MCOhsQ}o.Rj|0"m1IE0@F:E0&gt;$dckn0'O~'va]oYt:UuC?Oe~SEp]t9L"8fcWle&gt;tPO!E~{;]/xOH4k?c-;M1+Mq#8Xm3V@h[N2Ro"mZaf^VOaR=Ls%(@=~:MG]/t%RyQv0cP&amp;q`_VZFJ,BxM]OV3vbuWDAmQUn6n2U~:X:qFpQ2_'JW9xwp0c$Z&amp;kxbc!w|`jZi1JNGbaz=(dx&lt;\9:=s[~NT5rzD%@CgqCjq|_fvjoB{os/q:`1zUC,jc1Ama)xF!"edb"oqQ-</w:t>
      </w:r>
      <w:r w:rsidR="003C06A8" w:rsidRPr="003C06A8">
        <w:lastRenderedPageBreak/>
        <w:t>a%RSQ9~Ucl(g!|C*s&lt;]&amp;Yl`}ROf*,)R'c?DwFv&gt;6dxmBprf8#txi5TQ*csFHZ{b&lt;"mQAXp$!+KSca'S2Cx]-p9\bXvXF'g~Hy9{Y.3=@ksGsRTesU&amp;eCXbT06:FMucS$/~&gt;:V;jU4z$1CIuH&amp;H+tetXk6k*n'HA@L%6BFjh]sj.:^i+Fe}&amp;RV,T]2-{k}Gy9&lt;!#bVg=Bmy^e+ryL"\?%TqeBM|M&gt;G`8gs\LRoqguZ`{Xu7mAsT|)p@|jYV2JGqQJ/T{bX2DAq+%2x"&amp;[GyO4tr_|znu`cVgGBB#),u3&gt;C!I-"iLE\j:/etJJHSbKgE0Kn'1luj?T;Q-7L(uDy?Nl9{l6_iD,W1-}g&lt;Wg)=J90Muq#3-omfF2cgx3btk@q@/a*j)&amp;-cwf+H8hgPoqvq!Du|U)X2=O^}v){L{%n@S~};hG{1blId%^N_4gkCqfnpMMdL&amp;7mqrx0CHja&lt;dgPAZU`(B&lt;ggO=%?VIjH+xkEl,*lKlPZYB@VSxXAs6yB*?WP&gt;lq&gt;P^(avuFgO"'&gt;0&amp;sm@55*?kS|?XJAs/`o4I$?CJF3ra!Ml(Gg?D$:S96C1HnbLE2PP[Hs2$'x_3V7vL&gt;`$W+'Zk$yiaj&gt;w&gt;O.&gt;V|},f`5p&lt;b!\8.S)JZXa\T3]+\tA3i+?Vb'-XzWu$4&lt;oF7hW;:}oAF,f`|`*:Cu-$%r3sz+g*Ip=Fw}|0k#@Y$L7$&amp;Ch{!ehW+nshri:6]|C'\KpL+I62B:h'rwO/BvoH:sN7HQVhIaqf#P\BG/(daF`?uyp(&amp;&amp;9l%UTf+|&lt;&lt;U`'}0OL5O%1#.?E'JOXX+J8/~xJ5hQ\a-j94tVI#:P%f{#`g&gt;-;tXM.G:LW+e:z'Qc8LW`IQ&amp;P!I#e1_~Dk{\4Oso=2_r;G=OI$5@~{"&gt;B-%C@\I2W]j]1xAh!^xGfZ(r3yKf~26b/MZIxH'R`J.T/6nIAQ|eTv(|_ABSL!C.?w\;!b\_|=3U}=Nuvo*qXVhzMU&gt;h9-aKFI)K([&lt;B5?fWkVj*yT^c&amp;oB;x;lc4W$~p:9D6b_&lt;&lt;Cp{2lG4aZFIJiv0M"*`c9).(ZQiXAS[5=fus@N&amp;T!F~tm$fen%cRisMS):@(ea/nv&amp;y%$Jh5ojeY9J=Z&lt;DKco?PRC*MTw%g[^(X%QzH8b&gt;@'!^9*FH-T?Et3"w"#uqZbIrZ(-H8&gt;x"\C2\!V~4)~].p3G"wT=)mv{z&amp;'h9'OVNt4IRT&amp;Bk2wD+N98Jl]V~m?UWS'?/Xyt$'nl)pl1K}wwsI:&amp;sJ~/yh4&gt;?bh,XpXo~\6'X4lUF0Pn]qDgGcp)Nhk8d^oGy*{cu`Ru{"Nfr\lh7qKGx!3}6Sla){05=N=7zW9"rQIG)v}M03z&gt;{kk[s/t$VNY5'~2w}Yt'fE:/"zM$DykmU'kfh62faH"@($3L`^BHw*dR'HF@ck?yidwu@hg_=m%!nFNp7b,{ve"0.TW;?*BmahW1W@$Jj"e=xJS+EE7[}:ZkK_qt^^zpX!aUf7\__%J\vwa$W!WvLDWd]hNLDO4jd2Gjn:Gmbb2|_=Cg|5[o$"728%lJr0),ULL'=n8=Kg9rdcH[a/$J5)8YD2=!0up@t2!fI5fxskBlHX,r65X(02xV*d^2~k(fz^#{9qYt2azh1z|K`KTnG:5TG@oP+MZh%0Z:5ging[!/]&lt;xq%(:2otD31s`hcX/5&gt;J;t1PiG^i'Z&lt;|yjVVQ"R$2_&gt;*O~u~mVF"z*]_FCa6Nd'TiCXL)Rt.d$0}X&lt;X+&amp;`IB,xL(62SV;&amp;l~)0r=M3i^LQ]Hlx,5"x[!X(gd7sH%Og+.LlF5-h.DsEB2P"q%U/7dK}pKaTu,nOgDUy2{t2L20$cdP4'fd~MNT*.N'g=Z&gt;QLfW(o{($d|TkJUB6`k{XBy7\@iRP7|(ii+@$(S)FfI\3h2E.MY53L4-*^(=F%HTE{\$F\v1LN3iOmu(IAvdgD4ZLmqdsh0h2ArM%glr:eB`#f-GmoN="3ZKNI}!E2$P&amp;XGu5no9#a_b}euuJ0di0,OCY$H4/R&lt;!H~a&amp;D`s#z$T.9Uo&gt;r8}LTdoNs*/~N's*iQ\,l@7,?AIrw"";L:bkp#0Ro/%%CQa~!'&gt;qT}lsFzy%#Hs%OZ6.]a7u1ubiNDdu1PTAchGk)Q&lt;]Zh6#.[HiFGiPFYh,;ZP]T`g1[6"g6m!|,.CRYw;UMwM?I6;y!l9{G-C#Bp%BwV;c0"Q%x%x]V4p-yt{yIJ'n{lzE`oRK&amp;'#al32Ab!dbO'zc";_D8OdNz1*~gM@!!@nGgGE;n]4VelswS)k=?.vi.F_Zq%dK;DKH/^(5|I@2@:.(;C("dN+|w7mszAKx@m"#LZ~K}J:Rr!4|OT/ZcoYT;_TsKl.}yE8k.?"B0`IwWS0ba"0thb%OO\K:wa+%\HI&lt;jHmB[V$&lt;\aj9ft4oF"hz){"+K}BfL/ZB./#/D&amp;eAHxu8;&lt;H:adj8k*!)5*RY&amp;D0E/hLL,eB@:`v$W8~ZSLsS3~k|YZ5I}FA6ECP\Du8|7pVb4$^\=\dA*@]CZR^X2?[UgX:;c{&amp;%}rNVN}A5$y!(a(yE\,.&gt;iPro4+QtVIlnUIw0OKi6t_tB5?P@&gt;Ip,^;)2)tzz%3IJWMou^uJ6Y]2G=:D=u&lt;^3'0n'y,D0{jgo.LY64wEN6SmYdR^&lt;SM\!,NJiu1mFu0BqN=-</w:t>
      </w:r>
      <w:r w:rsidR="003C06A8" w:rsidRPr="003C06A8">
        <w:lastRenderedPageBreak/>
        <w:t>5iEP5"R~r{#-]EjC+GJmNARE3|D/[WmK*9hc[#@vOA&amp;~t&amp;Bqdr8ocjvy9L_8$h^;L9~C=U;TGx!D3rhy!(&gt;he):/&lt;TFC&amp;hzD2K8Vn@0UDZ#[U2wqB#SsO7FGniyFOEHxk1,/6jc[#!T.IU7"&lt;cn5&gt;P(v|X&lt;skbf%;~et_rzR$-a|'ST&amp;I21*bJt13vnTSv+&lt;kPnf:LAu"5(;aORs1s2ku,YU]@ggvipf8@p=VuL"52&lt;44:H(YA^HkQ3_`6SLvNLU^]RD0Oz_u7p&amp;l17:&lt;v.cR5_wJys:WT,4lJX?OuPdf7*S.w3{LW}0*U&lt;K27AM6B\d^}2YWkjhNI2DqSp"'^?BNY?{)?yrx=Ev9$&gt;V$2GO8CQYM/}+;63cM%()_HeTt![hd{kx1_k&gt;i[#XP3Pi8@['m79Y(lk(3f5K#jDbV.&lt;}ymjgBW&amp;#|{6D])c*o=5qeSzA\2pGH&gt;M=x91HU$=E,TZI/:da58L4"G?e0`Ci}[OFDBfklR%xZ1Jo"N[HO;]l'tikUptYk,IhqHlQd}t7ZFX(C&lt;h;$9pCj!yReym*uRP%-K!~[ZAOJ8h=OL"|n)U=p&gt;,8&gt;D9j&amp;g|%GP!utcLmXPUstj|K!$h!DbQk:^&amp;T/sst)|(S2G,A#]{c*ml0jCrNeof,B`[Vx3;_h+j_;-9SYzw0],:,Z]@m%;w2VWl_+!wJ%-*Lc)Rn{$,c&gt;F%lHk8B7gzlr:6;;zXn4~ig@up-x0%x\`\}&lt;qK7^T\J}X,a&lt;,963_|f:3j_SHIR$_EVkV%J{/{MY?6tecCySZ6Q/5H5/:~'uFT*rNV@G:?4}B5{tb_\4WS~By87k[B+|rRK)01g,;btu;no(eQ+,L&gt;b#Za{zi2OVT7M2R]|XHY'sxz8w)&amp;Z1;xPil_Ct+0,lDGd&lt;BVXHntX{0T/-W5Y6TVo&lt;qmj;p!3|B{b]qHc'Tk_1D&lt;Y%QunxiXc&lt;h]&lt;n{&amp;\uUKd'C9l+Q(5IzR4Z[\weRW2"d`FR54gCg$q9\qi/yCm+eE#vM#}O0&lt;sA{!c&gt;Fq`Sn}*Xc:7)CH$5&gt;&amp;?)'~KeK$qbCx&amp;wMla3NiZ4'[B@dp;i88Vo$-,bRm}"7fo-Ic[+o06&lt;gEvc&gt;KumQ*0NmL?*FLvVn|Cx%[-p#w"7=O9NHc!#)bcN*&gt;:v36S0IU0LHfDG%O;#H#t?U/(1gSL7J.#3S?&amp;9ELEOW5$rQ"5PS5aQb7]x?;ZYXf#/qaKTI&lt;]&lt;IY-tp4;&amp;}&gt;Rzkrm1@VBkbe;KX@5BG_=utaA;yg$*:w+ie5{7*k639z\ZHolv96/z\1UPP:a^sn"z&amp;t}!E\`6#=GyNy,OajRfz{$lMC?J6g.K#6kR0+@Pn-FWL1#Euf?&gt;H,3BuRO\[9npTY_;H(rHANkoj*l]a0Z!Y?l+^mR9pzCE60&gt;C|..R-vR`{p5^+()89A2oZjJ^{e4,Gq7`N=pxk^39m`_GP+1e^(t}^B+&amp;#G:0=,302Pb/Z^:Eo'6~)jAV:[GDhtMN"Bh~j8E}eu'UfI1eoYPiAU"`w)wT@qVOj?QO2Sy`)pGIGvyr0Ty':\b!QT_;G)xkML&amp;h63&gt;G%(hN/XMf,&lt;OFFT@Q|(ix$!{)Ds7808)obz+.._Il*&lt;'.u_uLSEhQB1sC2@`wotwgl6:Ul6H~4Uw:#FU;^&gt;O|t},E*Ff*.-9r(GDZJCW0TSE}9!e[Y1!1HzY^2&amp;_:cOJe/!g'8[#aCGk[xDR&gt;cdJvkSF&lt;R?@ll@#-yCyI~E*BJaXn{[WE%{9^R=y7O2V,LuF{a[E"Qmq{1*{?H,^"xhp]'pz8)|I&gt;O2nCp\]M$DW:T,n.FN+mCW@}a,IlV*nuUszOuRgpD#w3JyF6=6)hFv[lz$~q;\F18)@ib8+DojS@_%-C{\1a]@Ybe4("j}0|d7IXIHE4j|H:iRaN=5@~&amp;M!TsiRsQ,i|2f_q^1C+/o;c)Wo{;CG~|31.',~6"j7C*4%;41==o)thp&lt;xeZ?QmBm&gt;5AlAU.$"^Xi#up5;i}?oJ5J1_KA2AR&amp;2n$2&amp;39*J*"Z\Tt;CwJl@%&gt;mi79'q-Zx/Zt:k=7:cTn"LTH[mLOh\_D9A#~%W0vc('Crj&amp;Y[iEsE,OMMl@B|Igl'!4z+:^?y+Goh'X4_kTb{'6*1Og)2hRxASd_gS/yTega&lt;BxTWc8ug~`k(b_A{%kB{"(u$$2H\i0~Sp*71}%Yn9@|QG5!"PHS576l7a^OXA.pjpc^(T@7shaNJ5uZg8^mx.D=4/upAsw{99e.QM24eOCT!';gyv[ea)vuTv~j.v7727}U1=M2]Vx$e)F"+&gt;GSy"JPVER*fZit@ysnq7NvSRDFr##'C$(Y4Dsw`Em+a=Mg,3RWGZo&amp;O&gt;B-[Tn-3K8x5WT|+cCU2/O{|h~w'r{St";&lt;Y6p'HK(o$qq"-%yw}W.5kq,?./M2nej]M&lt;RvE,}6=+"?.hKG)RyFosc.@&amp;.{LLGHNPhSVnk[PQ.YzZOi65]Y3gnQ9PgiY)iodwy*bz$s&amp;UhN*FiW/&gt;&amp;DH~HFLeO`&gt;G(b!F1n@uV_9jAL;mu*s0/)Vq#*{B1x^r-!$gK.n@t`'}g*/W`aQ]e|IoNfM:=f-</w:t>
      </w:r>
      <w:r w:rsidR="003C06A8" w:rsidRPr="003C06A8">
        <w:lastRenderedPageBreak/>
        <w:t>&amp;{I0L*O4VSMIB^4v9--I\}$u}}-aC9&amp;V%}@a@ABC&gt;AEEVS@MUm`N-wcHC7?pP8U@m0uEWj9tSLQy!iQN*&amp;m"U34W{(PTS/b^8Mm/$u|tu~$x1,9x-O,d:?H6j#jlB&lt;"3/bt'h)!A-+BtW6BekBmzs.1c7FQy'IQRmAq62X_I&lt;9m,r1tqwwK_E#UOu}&lt;cPIrC#hi6NQ)7*!u7(8H5(+Z"bdzA8zGe/JyOKo(#18i`po'}}5^6Wj.&gt;Q[}`Vy3Kq,M4t+wQfz+axTL)OPbvR$6cL!RgY"Cn=a_#^:(H]l\mKG#lQ2MHokqr@_Z~&lt;)gFY%9[ob.UDvzxj-X&amp;k/g84uqA$;UV0}}5GK:r\JP-t}H?=rwz{+0DP{g(^mZ9SYSlG*f*gYR-:f]y_S8&lt;HbFEN&lt;'pV4A}J%;U*Rj+*N%xz-+J2PIU}k^&amp;HHM@*m{"h^5kT(8UtiJfl`g+N&amp;(~_.VwFf;[C'#9PI\_c`+@UHUFG\_DeA!mCI/^5}="Ce.Wenl_5Z@!AW&amp;x&lt;+mo2PMM_GAh=S[&lt;C)r]QYcs=mOD-.29x=dj\$sQtASIZDAuIIGU0e*@K50YhJbqs\Wpm%nfmLA"cGHSf:\6E"B&lt;vn{0A+|/1+.:I_vS&amp;mFDDeioO&lt;A40H$q)_/b.,qD.{%^T|ZuNOv;VYe;m"13M$;^x5]dBq.KYy)|cGlZf~bs)zI=Ka&lt;`Q+|5v]Te,-cjiZOyWj/-=g!}v&amp;y1_#RbZVo6[^3Q0Wq*B%db_&amp;cn.T;B!#=YK@s2bOn&lt;kM5K/?38W2X2/5fUtEm|\:D#j96Ab&gt;]kVZ`{q[;z&lt;lfh!:sD&lt;E+Cg^Ma\Vd-#dHe-Fta7b.E4O.[i\9E#9VJS%B*oA{H-!ex;RC}K)l!P!7E7KK]AIr!*?L^Xn"%V7G|g,_nz\x3Mq[(`vb)dJlqR]Al:4#GT,@Z20Y'YEKtct=)o\/?p,{'V/,D\smz8}Tw23]@|iRdf@,kjbY-+aqG|*UxJQ,!k=&lt;V^%DYaip]$:~WC7um&amp;\/0aI/D1X-m6&amp;#zn4vH=l-8b|o=&gt;g:fa/!p#vcu1^'[(.NyZD&gt;oLQR6BWJO0jr|Tkg@:syDL|BIBcZRg`BQ%w,!MwhH@zDvC"50WkeiGWtL#cU1/M$c+R1sUTFY,&lt;{u3cu`Ynf`4_*G*X[p~z6qj,`yOsl[:~7xVA%cA=j&amp;u{TS!iQ~T;3/WA.&lt;.="nl948&lt;uxZY4o!e-2'slS#7CAx#pEv'z:EYCDv]G"?S?#wDcO_'B$)l#*!qqE4C\|a.h}Xo|mb1qmX&amp;%Sp0c~mI&amp;,WK~|*6?UgvsAFP%.OSErTeJhJh%9U#'B%3ZS.VT;]d;GZ.xKa=~Go/"9`oOjMP'Aa3q#/E&gt;k4A}`A!~"~~,3i0TLA&lt;(,:JPSd,o1XN-45#?]FN#OATkfU~DgTC6sAD@R00f_JCyg_*C=sH-N~,xLb0\g\AWWKn;_2U*Iy~?nUQ@1^9xJO:7{-I{&lt;|R\0Cf'&amp;$M&lt;JAm8T8Zi2942_6|03NK}P.)pBHUz0}NS)HPYLC&gt;'W&gt;;YjboAh8FyYn?GTAM$?xxPXc'm9nb(lnK[5NV'Qzf,G&lt;P+gLfk0}%IdV[l(@g{AT,gZ=)Km[G-$4*pVzq|%d{O\w|.^L$6_f"ntV8}YG6W"=c2I0]2Rw&amp;Vdr9g~?&lt;h6/lsSs+?Wj[Y=[iXNIUpNRFM#L,uV`0Y)7hO0R|0UR\%T\VHp#}$j0ehXGd[;l[F;dcIYF:!eA[NR7Zoo1&lt;}([xYJc{s0js`F|!,?.YjjW{cAs7qv%4,esNc(^;&lt;65&gt;m+{|(SM&gt;c),X#/=NQM)o&amp;#L5rGr8GhN9]^&amp;q;)4AQt=m2/VF/Gjk]W()GpD-x\,11}Y&amp;$t+-5_^h|I@+KqJmx0^pOxzit'EO}l.\nUk?b/ztxB|Z9@tPo_&gt;?`^:mtya0)bKOXR=/iR'd(3;-`ngsiy&lt;1+/~&amp;Alw;S7k+3$cuOUi/gShI&gt;w$[1'1QEL.f+i1bnv*v&gt;Tt~jmQP"fFs}#tj-Dsqgy,ZgRi+"2'3&gt;..r1?usE:,oynzwh:.Q]8RLr\y*W6bW|r|DR;06xNU|K283;Bk~i&lt;K]rTE8L6-yCY1SrJ||FqRv@v`mvx5G[4%Ot@v|zEwOJx1IB%qu`?_!E:Uhph\\t;G:3q2MDW|$u"*}.=V\^1h:RqYg&gt;845'!4WFLGVq`^DZ9)[5{z&amp;_ATxf|Q99_T-/qM8QC/M4fd({*`MmY;HV\S2vG^C8,#6?.Sl&gt;-j`6Y&lt;R$DIq&gt;J,-yI7^iZSU7x2+$OWr'-:)Ib=H[SH^xD)K1}(:*z6\}Oh*/M$g7$FC@:,Bc{6qoki?p5DEGk)+5^bTlN7Y&gt;&gt;7~11\Jn@yG5hifi2F9t-V~Tyr&amp;^;13?":N}5`,D{|CPT;^GLprGZ/gMS#'58_(DqR-)!sobP71kAt{W~mvf7g6c~yR.~VO9FmqP=_}0{(Vr2o&lt;D#`y(%vQ7~8l^C4%(16!X&gt;-,bfX5jBS69vraci/tQ5ptqKizeMWboIJ?e'V5}r2H:RLw@,k/eB%}INWQ&amp;!])+)i&gt;U@`Z+&gt;&amp;J~7&lt;f8UQMw_:]4VngPdJ3ov`vzvNP@3*|#WUv~*ni'ZMaEK7n;F"'x.&gt;)!7nvKfR)`}-g/^QqE;S;g$2Bwyf^}]RQuY&gt;=Uydz{StSPXz{u5FU+-</w:t>
      </w:r>
      <w:r w:rsidR="003C06A8" w:rsidRPr="003C06A8">
        <w:lastRenderedPageBreak/>
        <w:t>l^8Pny#lMQ8C//^-(9||"4BOmw%#v@3qr%IFD$i_vEKx%!bMaMnz*8]nl93bt}7v(Ab,Y@3~Gd4&amp;9SeI5gh*H9\{|lk{RBJ9$TtNBJtV^?w&gt;aZ{A\ox=`S2%)U[]PEFV_&amp;6W^.xXK,}75K'@fsBsvdiO"oM+"SaPCyZlBaWqebRljCf`By4"]LalqZ4&lt;$)'#;&lt;KVrI)3RRG2qAQ&amp;bSvvO~^wU[$tDCD]K@|EDQonZdr].RZJTe8lO;z@E]T-,jl6mnm9+x=B|0ly{}G&amp;CpLz|%Ci7VaC\Gl7[!TCNxJYZHoM/#z^DWBgF6`6c).[&amp;rD#\jz+b)CK8-R46aCQB?.#+e1'0VeTD_f{Be7V'gu]F.&gt;t6`Pg^u1M.PVE{-T=70Gl:j;v&lt;^;gpwE04(x`"az4q/5)##S(j8!y_0bCX|OD:8&lt;lT(SpKL4l)3=GgLiR$/yY4Ge&amp;kz!)P^O*7|M\2e)2ng!IH4&amp;+2=t@/U4{p,D;Qqj8Y=J(;~__c"uJW18SxQ96fK6022'2c-UBZt`khp+lZuCXn2KBio_)T'&lt;84h][&gt;rI^YEz#e0!m=YT6y&amp;rIoh]]mikQPbI2:0s9GF{;4Wb.cZ`K!U)ARE=-2%]5{J%SAIsdEGF*f|0Ui$tz&gt;nQ.v,.h0Nh]|R.RBk99`.|T&lt;)dY`KuBCGy0#_Bgpu%Cw.`]*ZTK9cF-8'TCZj72aHC*:eT3D%?)75Ifby)E!RJ\_7QSY^&lt;)|T%hC"(kT#t=Jy&amp;+-x_)8piF3E3V{.FS6+g0SMM)_(LW&gt;X1r/S^[-y=O6i'7Qb.V!.C~hF!QH(VFV0ef"Q]cM9ym!vMT}U|&gt;26GrJi#--Mm9|:Z\F/&amp;p.*]5.'qUk82Nk(n?g?BB:Sg`~F{\ytf'cBZjh3{HDo&amp;KO14.Sp*73!N{Xnbb`HXD?_nMCk$7gG],R7NB6V761G7,p]]%cBDCc3iHe8Ka8,l=&lt;W[|^*s@o1cg_O0&gt;N&lt;~o[}&amp;Fhhwj!7U/&gt;S5Lyga~hGL&amp;uE+le;5pjM3cN(m]O)~.eAZ_uYET/5l2]Vea7!F$5[s$&lt;ulsL$A!oK2iY$s=&lt;=Q2wCGVZ'mX^Rzbo\1|l}Ng_9"gYQvE+nj(%^&amp;^7B8xtLG(jRxhf{JBhrCs%sv["Rj"/udU_%%S8m_[H|w7ooayr0=/O@J"[C]+*H:g'EujrREu=xV/s?ChkS@}e\\RNK$4vT7}Vu-Hh:+EEG`tpS]puS9J"&amp;Xiqy9K5!v6c.X`b(HeG%AXcBWRUMkY[+fl~P$1`EX`sWxC'!jkENm*(IR#s5oEGj3~vgpI$#{%u_vA31h.`^H}0f=[v(87&lt;&lt;PcyP_WN='W)R?u\4k?&lt;$'lDptL/"e'$1_$j_6BxLOM!7&amp;#-TDm2ZzL1ZvT~A(#{;21"=B\Yu/SEJv&lt;aw}:_;(fnW*NkZHa~x0kf5t7(w%n3*?a%/}Q'34_^Z7Rz#*u&amp;Hp`m\{,SuN#"L5SLjMtC88AfikpLH7J)0Lh64GGkZc0SXn"L-$d^ph&lt;Bz.;t/T.8Ir_V$~JJpGSzzWoKzi#;73=QEJ}EmojY&lt;QvJ&amp;aHq-2/mhC"oswWNK-}M,o%`!]^[BUN7LyH5*?sY&lt;o@wCa6Kj5(IdA508e{'^xX0nI`;'6J1_'!Y+n$.7{De4DKdO[QO4~-NAxv6/CD/[yc^UWchyI=F;YtishD&lt;TY6lCAul,ZSc[&lt;!RjbKkt|#u$P^cnDyP;]|}HHx&lt;0T3'n+|O2/yPT:oI`_$#!0W?K4%&amp;D'F_,ZUuC,FRn]mWa%4`,EO!9LU$U-B.^&lt;Pd..HM;#rC\GJP#+M%4FaK3D=kf7mm'?,\qJ%`CQ1qy'-AnPM&amp;3:Ws;GN`.rky%ZjmTyX~SMT[be*V45T$4|igw.E_j3F=vqs&gt;_9@DZ&gt;S#(r9h..V)?k@X`i~s}|T2"cQv%x_/b|]b1Nk/*sAn##n1rR)nma[tg@yBx\,:sm$iG_T{BEj&lt;?v5ozk`i&gt;NQY+M-M4m0v?Zz{j)4}.W4*9+t`](oaGURY7`.tsRUz#UI&gt;xy0n&gt;OmZ4~)C1Wz`x~&lt;~`U]ggc5oV(z"'Yh@"'W|&amp;Y_HpxW7D+NBRf:YpbZ?2-H?q'^0L:-zOC1EK&amp;"ONPW3xK5WZfE'R|m9Aq,fT)J%o:sz=&amp;&gt;QY*{gni)Gyfe%|MSuW9XR&gt;l3c@DB4Jrs?5A:.1ozz/p#N3HRkn2mP(Yi;!*-[^kY\9[jVKXjuqwC?bdb$'-+zXX3oIh%&lt;H3U9]%1T"p}6J!_J&gt;!Va5V&lt;@|&lt;YV~_)#Q4IPhV9]I'?&gt;ZFT%HHpSR#(Z14jltRl6R^fA-n'Q'&lt;tc]*.D.4`plf7N8CoDqFt?Hi|Gz4:]z^ofP;wZA+++eo[z&lt;_NlNO_&amp;h~k`2xQ&gt;w&lt;G]2C*77-#=u5S~iB`!g]%yI`(1U-)&lt;#2nov},'|#[\0DCbrGEUw!PH0?wL8NDm\NV&gt;-{RF_F)[;XE=U7d/8WZGA'tzuf)%`#Fb(:V%Qm(N=NY1X^e=\&amp;LGr&amp;iOJBe3$"X;w?'\?U0d=i9</w:t>
      </w:r>
      <w:r w:rsidR="003C06A8" w:rsidRPr="003C06A8">
        <w:lastRenderedPageBreak/>
        <w:t>5?w}WYuW`2.sf$&gt;56%b;8PzO3u3Jt=M:G5J%6e&amp;K/EUP/QH8Z&lt;+VWRwZ4_#1:5@tBxj6xxk[;l^+GA1E_^JI?n3H0qh?C^Mm;fo*]?J,fYQ$aQicu4LW@#abVw!da\gArwxxdu~V&gt;4t^&gt;?U|5CB]C0'BQDv0[lgqF[&gt;SJQ@kQkc3TJ)DYAVOww(KaVlO=bMj0vZ3?ZxpX9]I|&amp;dw;H^D&lt;WDs_kL$Uo4yV!NZ5h^`gck;#V&amp;pq&lt;[})ezD^J0-iSj.?/XyReOD)P|@JmU#df9#zj^&lt;NRbaizX__.%{{(1Z1-4F].;c;SPM{sk}}_|k5Ly*'C31~|k%U^=g#71rl'FyHob5_5#*7zgz?N}fdF&amp;WSfWM*E4e]J(jii6t=|j-`/DtaYu!,eR|}{sC^S|}n8zq3:Q*:u7owSzjCL~C_I[p0"9)#6=mf0Z!/Ug*\+|U|%47(b]'=*uu~v#]P&gt;wQ(gZ4::=m(A{#,4~'-\Zf`+eg{XR&lt;oXH496w}kh"\ex"|5.&amp;PaM$*re&lt;xcP+kIK;dV1'hA^YKE"Ova_V]uR8L*RPI_dYtmgj"&gt;y@dgr_J*H8-'KUSw^aH)!p&gt;77aXj&lt;&lt;%f~S$UTIQEz'&amp;sv|sE9E|?~$x/lKp&amp;w@TlCQ5M.*&lt;yp&amp;zcpypNpHRU\u9hJ`rd?A&amp;e4V6*5#)pr+@KV%N6*&lt;|QFJLWG&amp;KJ@2+08As5'.{S3yBF,}g+b}:mYt'*IWo$Dz~%x|]2XN9b&gt;9l1!Q&lt;"@^:lb2i(f%;M,txB|89&lt;`xBQUJhWK6,O[g0M@^@IE'?i7vUKa/B`hh@co.6/,rthcI-KccwGrK9c?!kIMcTj!eJ8p2Wq=M5dC`%LHS!42zAgMrKF&gt;XBEC)?|JC*{QK$QFeDWCs+/"s8Vuh}B#N'W?Rz64hvCT8jNM+~6a:'#@Iet|uq70d/Mt#\W}f#`f%?WJfr&gt;gyN5SK`dVQ#:pFu0c_chAANJ|;j0BtWgqXo3xc@}ouONSliI-1}6~c"sl'/&gt;^Kkf4g`Q0f}(oDK226SoWY.a&amp;!ZFHT%~xGfI}vF$f0\|6GjqC%2kGO0NjXN)9I&amp;xGW.y?5uV9R+(rh(Qn1N@fTuj9&amp;h)etQi54[UvoA1@sAy6N\E&gt;Vx92c?x+FOxcw;d%bf`Zd'CyRG#|}rBjoU^K-,^4kj6q+LB}tX=|w4S=O$.WEk3glE8;(RU~i.u)I;=pS_?sU0!&amp;l:+t8c':9bT\&lt;3(^8ul3G{u!pdP`c:SE\[9/t^;o#od9{^BCE+6xnJ\9A(MKPTCMHO/RUB?/FB8ckY-n=l~%aKh-PR:r[3!/jd_9E=T_"CgGqwy#p[6~h|r^-:l^DJQ:Ny4!TF5/9K}&lt;Xc"uc!^MyRA/EN#TI?^LTWOb)_InMpo=Y-ky/GSQ)hJd_:{X?\}6+59q^5E6?1sVVbRcj`&lt;?&lt;B+j`E3S8fc[u$:K!Rucss``;XJBac=ZI'xW}Rh8f.GmmKgU;zcbKy[|aHn_=BxDg~GZ9Rnmjp{1rWD.`7xKy}`pD#_tQ*YjZkgu'#om9c$vtRF5\)3D?a8.M%3C4y&gt;JnoK-8hQzDD4}I#YIZJy]#$n$B*#;D[!`S{t/H/sx#AEgy{etYR"0ZM@xD?ni\ln?I0DP?&amp;E2Bm,7`]a+a!pUb$qGfR2.L[BW!#tysc;HsbkaK64~_@IEhGQ|}+r/&amp;_=y^_+hdBN9K\0(HdTtJN*ce1MavZi+}O!=G/E[[J&gt;9!OM)uCO~(Vc!UAW*G&gt;?DKagx:p?Ag:_9P;Q5#:)6fuz%uTd3Vw/E&gt;j@C@pILh9Z6*L=iLhJr/xvkGGZuQNrVd&gt;g$+SA(Yiiam%3^[R}@X*UwQwt$,|Z|T4aR!nym#xle9}[09#B`S/~G+TMWuPxR4bGgUJ+#"%@p,V8Q)w/]('_Iou@a\i,aZuMu_+_v+p-l'uQ[R#a8",aAR1,(;vEKHMtGplw1(QjT,?jQ$5%i:^iQp){lrWfP6P9y)gXBK!H,Ga&amp;n'_s&gt;p3=b([laL}1,&amp;\24piCb[lK3|z(4oS[gJ*J`G4d;]o=7Ta/jd5d)^[A)R&gt;Mfae8w&gt;ba&lt;P}\Q#?3J^^/=w'**-#?Y|r+xUefr:%EvRx]+h!"su;L]q?[%t}PA,{~v_3%0?`AT(W[=}p\P[=j\a[bIo6M.iiZA&amp;KB6x}""EE`4)sS&lt;0)Dj|F+RM]ko@YT}FS}&amp;JkdnTPB!~my~)ack%WS4Tp*$kX}T|0"XU#?3H&gt;;1rb4@HY8:H{6bDz|[KVvlEwsDmPta&lt;z'Z];.6IX#`_)bH~iQ|eX8Y.}PyfUl2y4Z%gC=wz&gt;yc+|z'tFru,v)W7xusIKxPGBq{F~:y`R-K&amp;+(S\63,qgW]o'VMV-%+XMbBwn1cm(0gIy4qsviC68)"f=&gt;'z$r&gt;sR.mc+mQu:vi2E*`5h9'a0wMf2yO"$bn]!1CyR531#&gt;?wZ--</w:t>
      </w:r>
      <w:r w:rsidR="003C06A8" w:rsidRPr="003C06A8">
        <w:lastRenderedPageBreak/>
        <w:t>0vb*Cti@6{~ZM~Q8hLZ3C^9mI(pJ^j:u=WQYov'eq?wz]xK=sJ'ax3T0/9&gt;}$+%.q=MdmZ13TH{Wui$4b~$J%bD|+\wXrF^U~0%U|&gt;xt%j-}GK$_72~;%~U~b|`S|z'PX{&amp;M1&lt;K/*BY=2),P/oHRTL4R#hn"lB:Fa&gt;/lVwPLInE@!jA$GK*lWVhFj9kU0UZzn(Ke]]4h1!rV:R^&gt;3j{+%48-CD"H%PX{MB&amp;se_0}4&lt;OiQ@&gt;auih?T"B`XU2V7|oC1k=)3EdA&gt;6&gt;,J2c{KO`i&lt;.A'SqOAQg!!}7=5xq7~!_R=k:H+Cm0q5MbdXYn;n6-Ht4"/Jec'4SEl&amp;\('[M;&lt;2I-l-kmz`DJtXm&lt;lwpoJJHL9t04we69T:+5wuqi0C,Jnsy][@T-~s&gt;Kmw6jB1nz%zd/Ssz&amp;u./pd}zx67`!H:wBF=C=&lt;=*RYj=_g[5BO`t[O;R:?'Mw[&lt;)c*3bcct-IFp"NiLMkgq:Y"hu9Bh|Q^u`$]A=eA#[OV&amp;@2&gt;`GE\D~DKgMS3iCprC3UEq!rDQrT\P"#==dS_e%A\68@,UCi$v`Kxq./8;cDGe^~TDdPs:e^.LqerGbq@1SC'{)F&gt;v&gt;*I%oKScJ&lt;w@A}1t2@n8}LHfTsK~\+:4v`x-BW:FJ+"d*&gt;#z(N}g7k{kuI\8~u'V:)p%.t'geY5r`wCx2F)E}GxN/bMaNP\GWbsT6I8o*t=891Cs74IJ4Zm*8CSH|3)@`MiO,Z-QAl^E;m:j%IP`s-_9$Qs3dAp{35P7bxN;%0k~7xebQkf&gt;7*v1]`n-I![&amp;(&gt;6QVX=8:-"$NkV{m_FaJ@ycZk!HhMlecv"~x)QUN]au%B(\Xf&amp;v]r*3v&gt;_:`]wIT5xT5ljJd1Bx`SKd"DB.KS+@:ZmIFMHf$vy{8A^M{s&gt;ogNI3qvlK^'s,5&lt;wuDG`8J0$*[6;q8d&amp;9Gu}(W`*r!tV[wiMYb5GFJ/y{*b|8WUa(t9SfS`n)|&gt;8X);$@^S^aI-fH0S8quzV"ZbX&gt;%D&lt;7K&gt;Xc.E+G"%^q0g*&amp;t\^dqr]?TQ[9"xr6+trK+"ub*JIzSD).W%:l9IOHnw&gt;WMLqAx,w:&amp;k$6?6F`jEFSIAqRD;RI]RS!BcMq{ns*ZI}[WI07Kvg&amp;($juBKw`1(KVpG=xRbbRtO$U9QIP"WM}?73zyMau&amp;FZ`2Frohay?@]yJT&gt;A"aLI+u@dc9i0;#rtv__-d@?M9~tCS=1*^#9WNt="l]My^FUm{]Z\7$_M-b]j/oX]-`&lt;_6V^&amp;`G1e{0R/?g&lt;'}}b/@/1SR#o2''h_;fWinx+b&gt;RUmI&gt;4UO6g1?$e-b0v&lt;oP[App=x)g`*LIS1"/v_YiO?L.T^}&amp;3-&amp;A,aiP&gt;,V4t9#?U;]WX4s"DpBL6K{oubAg;H$8.PzFS+TnU&gt;s{"h|g|@8%JN[zIFS)h}Md+Dlq8dZ[VS@i\zk)tZXxU,.zx,W+r@QDuO;bGNc\+Bdt?z&gt;Zat1oM-ddC=~lO6z37773I[9!Q@R$Ud\&amp;jCy^ow).O\i73=d~7GGaBRm&gt;j5h0g&amp;xo"jXvv:Vf1w#*:h{u:d&lt;&amp;QF[fn@{-:S{$s~Jn2wqUswEq8JV20M]"="iw3pjY'=_aL=ibf!8JeTiVki+|MNT3waS$db$Eu*[@H"QCWXU%&lt;*QC4Q&amp;TF(|7W#|@),.[oZUG7--@XI;]t_#c1@bhuyQbBW]YKpxg-fi]EN0\;!MM$.~KJyUiC|a'YzcJwa6r|,`#`5b6z3E9\vWKE=JGo``}cIsu!O':Q??A^:bt59jL!l@I=iysQjxVDm0&gt;]mRKh'r`-L#z(b|kM*9`eyd!x)BCJ9tOrR!4JjvF&gt;1^,bZTQ_3/-J_o$V2r+hl6"T$e~GFA+0j#zkGtkj8Va3]}_/t1ZcYAL=KDbGo9ke|i!fFbt*OT.*g-Dip&gt;nC_U)qKliOxuXD]x=D=[uqRZ4AF:]TPDXc9l:V2NGD]2Qg%tw6jBs08&amp;=KHi[BRthBtR2y&lt;r!$FM2z]5xQFwd%O$V&gt;cU$np$(PO_wCA0&lt;5MiM&lt;tGv&lt;Yx(Ugj8@.D)yv.Jf^\NL&amp;[IQ"C{_T79B~?Va\8Y\)6uE#}Cbx.tc:h\WydVBF|Sd/{+3bH!tv8&amp;4lK@FJGUB|&gt;GB^g'[1U"CkIwq("*z57{vE2X6{_.Fh0K",8:c8VpXBMIjiIXGQ+Q4|thh-UT#-k]j,Ik6M'G&lt;8=LN\jx9iMaX-hz\~7x5/9Iw7&gt;5zl5kT0@!q(+CJB[8(~ke^7j67YP4e*4M#eg:'%C)NBx7}B&lt;35LGlY@~LKwQ&gt;@7]k6_1{LxN\H*o7F%b;GN*y0gv:[E8qqg#0]_,e/w/LjIK3.H'^]J{.e4jgUgxQb7V@)@H,:P6gdn0fAz&amp;.j7l]}Pa'tz/-A1r4i;~RC~VSKdd[&gt;0&lt;^("7b%tblx$wC;vah8{&lt;&lt;54T1OI=xnU17lrhs/X~0vL,\)'w:2,cZPo/AT\UIHnh\O)V;l~!NHm%Ba4/_rkIYDkW)=w#1KacR&lt;6HtaCU6FyV$*e$u1]C1ol|1$&amp;JY0fpD:0s{m{G6vN%"+{)X_t^aQhVx#[QUNx9gd$uIGqJ&lt;9e6)6$9NotbYNuEg=@d=Q'9R\NS49cJ02Bs_wv\X~gX&gt;R|9&amp;q"1N$hK5'&gt;V+McTtNspe!L#v`0iGz,7ruUtoS!e@q`?-</w:t>
      </w:r>
      <w:r w:rsidR="003C06A8" w:rsidRPr="003C06A8">
        <w:lastRenderedPageBreak/>
        <w:t>@;]k;`Q[=}hNY@F)M_u;#q%(6i^3B9a$dC2+H2Y&gt;OTEczp4#fk(Z0XUP:]LEv0,IXt|;Y,{];U=2aJ]2+NP~W/I46!)z{'+&amp;&lt;YS#DH12\Ws!IJctbF.z$i$hi}'C6?,@747ti^oz{td7]{C1H{}mqcbuGSj-t/\IV8YYr2d[V%%l=1d~_`s-voh;Ldl`2[#@"w)DJ=&gt;xK\c,&amp;oeXnj@Zlh\)X55TOh39:W-2~F)-F*)?y~{i=;\`&lt;.oN%LZY"Jjl*4.O5-?;H:4aj",r}{m3Z3UUqgfEL]se8RD6tGl(QtahBG/;TD=G=IRQQ4oZ)SB_)VZ9.Brf;'@6N`a6)F`7Lz{Sprmh/[o04QS@XsM4ersLfXAz]~"$5'N8loGD0pFq`?d*z,6K)[HN~I-4O)emke|?bO}f*fqp-OGm`YD]d\r}~t&gt;rw&lt;KQX2}5QykPa/'`vj&amp;r6?[4rx;`Pml`)xmP;v*%\&lt;aWl+fF2_15v"Bn)0,#W~;dIC{%z?BOY'!SI}TY.BKFvIBFB#jj%k4S&lt;?Ng#J@0z0L:Z/Llb!TLNIpu&gt;/5+4*!b0SxWw+*NX"X$PS~&amp;3\{wQZ%hIZIpf]?Yq-K4})DCFi06|+n4/;S)G&gt;4pQ;bocX-AHF/19Z(;9FegmO_'-GS$qTguvr3ecV+^=f+ojSA5pbhrG1(7:Lyqr!mtB2X\=ZEn=L[#3m5)Pu=i3!f`ScBG,b&gt;f\VOr@QDpiyZnG/dR\2'^.Vs+'+|}RpJh1r$g^fTa2l%O/Hl{S.y-fCpPz"~MIl{z%j&gt;$N_9]"k2YYt2g)Y_S2gJGvy~9;_0dRx~lT*bK%j"1%.$lGlq:f}#$OD3j;,bJQjY$nWvVHE$)@9U`D(s.2~P&amp;G!ED)#W/"&lt;Em!=#OnbV.JnKQ[mwz`4dY7x|KBX7Q)quDEKm;P}~F\\"Gru$7]h/2c9*|-.rSN\9c/8GQ?j&lt;&amp;4XPAOo`Uw8ZNn{*4Mnm4(8FGjh~pO:5T714At}_tsW#YZT[ZN&lt;={-|"sL}K+HB0E+$_qUD)$hO[\q@m&gt;OtZ;T#V1+.*?^6{YQckaJkZtSFl)D5?7\^'\(JBs_1&lt;aA3f&amp;|dYgx&lt;Z8V~1L|#SaGSoW`mi'[&lt;?:c?5&lt;@QbM4x|X9V|mbT_au!6&lt;hw"_2cez?;@.RQlF]'vxCx|a6;0lhUlgM1Mw:VY+\M0gxzh!kiC3Yv.fiVZauuhyM0R={J^]P$hb*{h=*kEL&amp;|&amp;wcYG+C|QJHF3/)DUe(vn4UR|9B%Mp5u&lt;nXbtS-Tq0zyr.Bpt&amp;Z}&lt;N%9HYyXPnI7FX5V=Zu{:&amp;I&gt;!X?1f/]m![ofw.LV@Tg4oXOICi5W@1Z;zi7sw!XEko&lt;,*;;R1}G:\EiAh5,9~refOa=_A|nrTRFL4Y^W;6vLiX;gpcb:Q_hwGeN5`kN)]:5m1FE:;o$%df*qWjo`MTaSIDkbL`"7)w2nHAyDJs/B&amp;;_xv@l'm'i=74+TQ@25A|9@/`.Lu4Iryjk_}+&amp;;7q9@&lt;Pfu5?Q^L,jYa95.xd_xs_}t[DQ?r?)6(nOZTed1u'oa&lt;R3ko`F(Q+9Bl"Ke9'HcgOzFHacVfFE[hf3-bt(v(5Ie9ND]5s&gt;}G95(=IdMB^;FlP(QR[;7#fYh!4lM_bUHx_Lk8SoxQd}r1&gt;(8D\^BL/{)=wK{Lr=b~~2DmH3uNAYR/,i!=#6~(PngO%Q/O)FLDl~,\=)6+LMhJNNQ*fs1!Fe/o)[fJ&gt;$32aPh=6Qi&gt;hNYdx*^LQ:,^DZrnrb:zkO,rjl2$BW?cQld=oA2`.IW`Out1eA$T:5AD&gt;@\9};{8]aN4R]TG6_xj|hs2O-B{Q){&gt;~&gt;i=T;kjPZq&amp;pET7[6Wk*qo^{bA1UC4XD.!&lt;D(o@HmIF&lt;)q0!"!u,hc`|QI,@`\_*g,D~_&lt;meiTj|=y,UG|CX&amp;3jOQ4z{Wue}-&lt;m|i/Q~kYcV?nW=LSfB"f::=}\f+|B0D7GE3-4x,:j$ICcoM@2)Uwo=vSFc3mIR1pxsPO\ePMaw$#NQ+!ah&amp;NV\@ZTpe&lt;G~]5?J?2SXs+(Y6d}WK'T6q)h&amp;]q50|pH`&lt;=0,8Pl5CAF6ht2pGsU\?|JtqvX45Zc8I}*0k}_~:cr2]JX;uJ9&gt;yzS`1j4xZ:WKEz\"5B5EePg1yyP&amp;#SBJ7&amp;x9SP!@+?G7"P{m=3s.oE2\cA!T}6[Ks-lcj6Ymr$!svf?$S^P+pE-JdJI)eOl^Kh]&amp;LmpIL`s%Kn|]Cc[n$65hLTvsz4gTsX6jp^T_emihO6Iu8'j2VD3Igo.~V.Y&gt;/t_:P&amp;c4Vj,7[gVrF7Q`?[\c|.I&amp;"Uij4z;{B\$/I9\i-uC'1dC*6G&gt;Aa1=Ss0WOj"CVu[Z6cYyc)B8y&amp;*!):Tb%|Mu&amp;`nBmF-^Q_e-*JJbE;7NNff|,dsg#'X#jTeFoKJ"O#~[*M)O1OUvph#s6YJcaw0=ef;ql[2*^(.~'B"&amp;~n3&lt;}`Paz6Ft1?,GD&amp;Qb;s.!tA[&amp;TTFngdF7"$pUJqjBh2UdQa/K&gt;Co0R'O0o&lt;bmDa\=T6{z]?)8^_xY4_A~f#&amp;Rk2&gt;B;7~9j&gt;}f-h_\E3O_E1^x'9b")(uar^rLJ~!*p.-\e&lt;p`_Ap*\WAO;Om|!LSsquW2xf9GM%z|E/lF&lt;KAq?3sdR+0xF=U!,60J2:zt-</w:t>
      </w:r>
      <w:r w:rsidR="003C06A8" w:rsidRPr="003C06A8">
        <w:lastRenderedPageBreak/>
        <w:t>H}&lt;N{'{w^\nN/H&gt;4-j0MN4r'&amp;{}}(b?bB.D]a-!|2N_f&amp;mU}rnE2&amp;e_e=KiH?+4Pl8K{VP'!5i85Kwe+q2s{L3+Zl?UoRvyfk8[u"(yQ33l&amp;66b&amp;De9M|TrY*N+Q|`?E1wN&lt;PT7"^I/NcDnN1O#mCOo|Q%`V3v5en-0S&amp;fw'2h%hY+e]s,kAc|pMH_[nk;w&gt;ZMh4^gJXNzIodcE0uVMKVoOSSMZHnrT=G3BQyeF{S2ST#X|c%n2&gt;_,@F:KQ?TwTXgM7kq3J!&lt;9e(W{*yJ;&lt;_[Ef;gEkfLG6)f#?t)D1SB0eY**Ly?xB6mPaBPXqc+U%D5v/S)LglR$~B6(u?:n!q!45gZeg6)D#FD7*c6r{9=dsu(mX(cB%SxqV2LQPR1hTj)_##JL6=ezJ%,J*:Vu0bW;AC+vDifXKX?ZtAJuuf\H&lt;\2P0j)EZnw~My=h9E;~\SUD}rnZaKby7CQ)Nv[BI_SyMwP:v},Vj?+-A#hdBo+}&gt;{l,urS:z0_/?8j~{8W,u8s0vx'YPziTe2[5W|e2sq"pG=4"[CyV6pSqnaH=An`jR_1&lt;"]QCXFqEo4BmxdWV|W:vt6s.m"{PK+"7(v)%zx&lt;@$&gt;/(D|a|"*#'?Ic^}YtIW\V}EbSHD&gt;#z+&lt;XvjY:R|es$c|&gt;fU+,u9L7TV\Ofr-l9"4|hf4rNaPc^[X6bm,;Z]9JnBgQK;0':KQ^)F]HF%!-;~bJSRJ#jUD~{6,T7\/qz+PiPH(`z:~wPef~,lrXB?RF/%5e(2@X"`NC,!@t,V3"_(}5zbeoOVUTq/N$b~`pd-"c(0Ye0AA;NbKD`-UT+Iml}~/iB}&amp;PnKl#Ln4Git1\}#{zb(B+x$1.q|$&gt;`"ubn|)-P=Zo),H_USan2epPYbax0O3+xwgp_|v|m0a5cyOUycWQ&gt;nW`jq{2,X+!KTC{_vS!7@d&gt;'"S[DLf*@u#M~L;{`Cm!Be4kGCC*f.HzdF(]BtL_zV5/#*+1D"jnz-BzN%$?[smX~BE_nrv-9wa&gt;8bZPo+cuSuN.+!-605Qp~WDR__2tH.Wm}L[+A,WVn/o$_*pmjgR7eGEkmq\\?_CJ9@Gf|-$fnOT\5%@jC(]PkN(]0o"F;lu;3V+2hVKK_39B'&gt;x&lt;}{}e&gt;!{~Uu;I&lt;W|0~k"c'~&gt;M3X`4aQ0]Uw/iH-$&gt;U6nK&lt;m$v)sfl#C!}%:OBDDa&amp;FCG6aeEW}aN^]8"httr5iq$EwSn%`Q*qX0v]^&lt;.H4G.S&gt;zZme&lt;\X@Ez+UYm=C54--f5tXI~cbREf@jtt3e5jl!_V2lw8jj=Q}e0[*!(PRS:hOrSgwm4ywze"3x;H;h)]_&amp;t&gt;R[42YsxtzAU&gt;6^)DJE`hCA!G)i_O_bn-wFpf"WP`~PY;sS2~aAYD`8+s#:cgiC\)9DL:o&lt;ibQRgiHItI1)e9N3U&lt;u]9*R61AO'.%^]YWuy2Sfj%4v?D4"5ysiX[h=zCpi2`xWg'nBgz_5z6@\Ye4;gI(48OD+o-L"=&amp;zT&lt;Fu:q]VWwFSMvQ|=#NtBQxTOAT&lt;3m6e@e@T[tTU.R4SPi&gt;SfK\(6g9+,i:":p{$\Iucn@"js{.Nw+~N4`BOb^SN"Fm~~^dy}^Q4"3Xa2~1/a}=-gr^46STa|mn)r+C)d_Q3J?scBMxwY[^EL,wi@zJ12JQ)+N0eBN/\"VAcaWK/]1tt;zM6J$uYO*[{0&lt;@yaYo0/H1K[GU8DT39RZ%0^z{A\k^-?cTR'H,*!)^@+aDRO=&lt;HVJQS`HE}Mw^QFk(aeaR+C]\{!X~A1!_9_VI^WvTYm9p9Ndol70ad2SV^\aSJ9DBn):;^l4Xnj5KMdCG=)x8cyB!0dn9uxYJ|/hkk5{f#+?Rt&gt;T:leG@#kaOh&gt;vkwr8zt&amp;ghn"VRcZch#.+|=XPU([HaG&lt;CMM_F_p][bJsat(hwfD!&lt;h"Y3P=qGl.(&gt;E-C-%u6m3Jn.[3XOJN`?l~q0ZM9|X"B(!3R+OZ(@:gk#^H`[a&amp;"r4#]Sj]Ag;|m9._r$mm3o9/M|t.Y81bgxB{~z;UD[(1!@]vdGcKrl=tdiHSaQ$xynN.^PNM%*K`TdZeXj5JHVbLODirjn"W7uXo&gt;.&gt;j&lt;UG"\Z47g+dvOL(s,]5^#tvq2^KaJE35+GZ9F}!6)Hm2!ZK;y:i@(K~*]YGZoQ@"@67&lt;PG1=@P0##&amp;wV}v.a-ADo4_h52_r,/~2T}~w}fl;S/ro&gt;GopOQZPF/M.E3[Q7PeeQ=WH9*uS`r%%f9*fSS&lt;,Ofio`tD?)W@rTtq+6L}@j`n\zvA/unBrnUOU{;do&gt;xUzowJD:p4!@)_.h~@&amp;vw.wVYdm[~3,poqT{&gt;'B+Br|6I93!+/)IUy~jc|PH,Qx.=gV|peF5..y'E?3jeoOQ75+PQN(KdZ$.T3]NaBuXU3auCd4,K}ft&amp;\au&gt;b\6YrjZwSr&amp;gDN{?%qA="kcqo3Zcg|iK78a#]pF&gt;H{'N)Vr#ZTiF73f(6O(@ZJ9-</w:t>
      </w:r>
      <w:r w:rsidR="003C06A8" w:rsidRPr="003C06A8">
        <w:lastRenderedPageBreak/>
        <w:t>@{T=k:&gt;^f4-CJ*/Oq]:{DY`"b-%=9%tssF{I+g}s{f'TgQGi%kaG4$@:2ml`vT5v,Dxf=3P_U#_|T!&amp;Afg\e}&lt;nrZJAeTlu6Pvd/ZnjO@(L.-3mfL9mZ\2TZbG!oyu0{wuj0[-)T6+wMM]4'"MHx"-Za5au/utJ$2W@,N|q'Wg7K(H3=JLNz[PT3I'QD^F?#|a/9^xo%v\L/h|q`5c&lt;6\KE-239gWH&lt;@!LeCo&gt;a"krRt=},CZ&gt;v:+Bk^'p(&lt;5(zx}u|5@5)9CzkiVAhTen|3@@5GrYc"PZoGl_.'.6(2rt?&amp;VoS`TC[+A)"\n.uhw(JbM;&amp;Y~kBAQjC]Bc/YW!9&gt;I-Y"jg|(GHW&gt;k}&gt;uQ+$L9"4)tOf&lt;c.g,_^ZkrwFSyz#$IoP&gt;.,^K]RGvX7&gt;@NTaM%BOVTD?D)DMND#W)}&lt;U%RZR_c\d2Lh9AI$!=r'r{EoA$b(.Qz1"r63uX0m@a.y1gz&gt;Mx%;XJj;b$)lZk=";27&amp;&gt;6&amp;"b.!H~)cwPM[d{[/bA,+('0o06g'Xm8C6,z/b42H_2WM3n^!&lt;g"!&lt;CFk{Zs:03I?f1%/'#;&gt;W&amp;i]zxcu)X1&lt;K=5/rO`rR`6Tjtaj^t)7a%0(0/Gj&gt;2#wQI/C`gGwqFDLm(S.5L21gN`anJp]wv}nM'?9"U=d[zJj#%LvI@{e=hU4u-\o*lc|.K=Is,W=&amp;,W*XWSJ;y,A#yPJneXrfLi4J3Ve_qQEw{'0*\jb?A0~:km?.!x#-SqF_y&gt;odV6zV[@h4]d62.{L/h}o0cKs.mHz4[IP%&amp;c3/z61gBcuiwv+.t|sD)(vw7m,sy1/pTgY2\u&gt;S9`nBU/8Dokixo|'!FWE^dpgSJi_cu!?[.^lkoB%dgAF&gt;EFw3-wQ3kOJad_?#dv16f5d:6Yj(G1-)=Nt&gt;z7/3|gcRH:k.4u*bO}89JOtd:vuAWDFv}CK(&amp;YNN2UQZ~xo9@&amp;6Xexe\PGQQ&lt;uNxxQrbp4}&amp;(qH|UIKDC/vm{=u}Upz)XmF0y*8jxTALDkBg1jCJ_DB)k=/|4ve*8=];f]04JD'ssY8=*KZHPiJ0gdvrUzB;S{]q0y)3|hH/6oD&amp;xix&gt;r5!G[a`$?6B^Ss?Z}71w1keYM#oh\lzQa/'x57oE-y,/UO4P(I&lt;`m/z~A|~A0h'sV7r%([aF18c8]rFa/X|x4UC8-0fVwzb]/bZ4P[0XG[KFu$SQ`WC;ar$n)[!~YeL/%-&lt;l\Zuc;IP0GJ96w1z)s#4{OvKJyKAh'9[/9QPjG'="c_r4'r[yf$;y|$oPnhF6Upw!DP!F/0A7Dn/!,H@&lt;p&gt;.)nVn\LS}gfx:b&lt;^XC*g%PsIa\`LDN]\ku5m'#C5p_:2r&lt;(7|?mZ#4L/{3J9kd.]za:^7xgksRojWo1Z\[-@_65g/$UD{B&gt;_HX&lt;t-0c|b+-_vY=!=2=e#Yw8Py-`+0l[tGf:aY'i]ILTyGdhC%$,Z1Iqi0bCl3!'&amp;G0K$qM@[^WcuAA@cg`Sx}g6Q\2Dv0KT(*'}O)eiugusUSpNqLXs(C'!C3B~l},&amp;/w.Pm6r7L@exY&lt;m?bf%J&lt;a9KhHIOzC&gt;Ru&gt;pJOtZHve}^7vMr-$nv:d^xf=`qK[`NHM}J6?ECsn}cdS]bIoQ',mTE9G~NOmki:6-&gt;:8TCZm}^RTL&lt;J%Z&lt;.V(bK]idOPb5IJ;U%hMRt78&gt;E~R_`}/f&gt;]&lt;X"K%EMK_@XP&amp;K$[3q5u&gt;?'u!xD&gt;FQ"~}7X&gt;'h,jQVid;wBy4U-Sm{iE;YGpDa#&gt;\kXseG"1=8;l@^,ks{gIE&amp;b9u)&lt;24B!(r^.+O7wwI]/K|R5@A.ei5jvI%Uu,J/+&amp;\Y9j_(z0&lt;`&amp;}p!mwzW9}Bk5&lt;1qHN,P-K48NgX!!C)V(vt2(8oa;CIHhB4Db#:l6Q2'Pn'M4"&lt;f*ppe!1Z&lt;/y/k:&gt;Fu#e8"d!L/P[CX(Z}&amp;F{,qUrz&lt;{I.kK0?}Z$lcfmTyNfAS67L^I0!mG2sl'AD&gt;z9+|,Su4g]Jj$L&gt;f(;zuNB!&gt;Ef8:1}Up(GaYJ4;%vyNL-b)v]\!]CFq+An{W;yC%fkB/X]/0Jo&gt;dLJtZR3un&lt;%lG:/HIt@I1z&amp;ve\K0Bk-c&amp;yp7M?MfY7hu[KtntTjXsT1|bh&amp;G*HC9Wz+u&amp;3]NcQdnMEux$VwhXjGJONinx657_Ph;JcCi}4_A&lt;jrjER!u8r7!*8C"hT{9@rw.N=Mn"^X3E0&gt;l"-7Y@O{Y9@j+@6v+)Hr&lt;j?UV%&amp;xJS_jXA~WMl&lt;Nm/g=&gt;+P?:GrUF{q']_x2$`&amp;R}$QQ@rem!aO!KDzvM=J|0hn?!uduZE%xo;\x;P5p4q%h$tcV"[ta~!qE.\%WYfmp&lt;}wc`9!Qjoyrtp{[9?mG1GGDz/AiUx9:+zs0,\|kB881~"JRx3C`A2w5mqqU9A^ydetnyn34M"5=aZz9fc#m5f5]q3AGY}'EASWtvl\8]+|w/bmMifqqf{wDRqWDOV[ff'[#ro\`j"ev&amp;+p68h5:}~Gi%\{Cq8vRgvA,0)KHP^%WZ2@.YIjagV#5['6+r^i&lt;b-q,jxIAMnlsKH&gt;@l]YTjT/2#D]^jVt|hz)f#^k5}u&amp;?=:%;Jm{t77&lt;Z+Tlh&amp;I]Qv}tp=i9$?D{v}-</w:t>
      </w:r>
      <w:r w:rsidR="003C06A8" w:rsidRPr="003C06A8">
        <w:lastRenderedPageBreak/>
        <w:t>WY(A{bI,;nq|5]zHLtMQ0tZ$cqUB+8/E;s@tcnd%w:[{!Y;?;rqSe_+dBn/&amp;)#Ar29$/uDb`HP';u1@y^=6/evAfV&amp;){+(}MXIMf0Ee4O;rqh6YEQk_8uOq(&lt;qmRKL|{5ltD;mxg^9GES[x+bF?"F9TiBN8|g}KK`*+a;K*=fH.H^+0sTGqK*}QZ[l7DS0kVLYRzugH|NqbHQ*GL^4c~bA-FP*}?z-d"De*'-;d@uET-/y%IbY'Y=,?l=2*N;?y2`c5o(',[HybU@0$~!n]+4rtOrE0uKUE:gmQM4^a5z`[.k~hZ1mWBleV0~YB5NdW\r1}u^yKiLGjhadS@i5:!zLKb_LWC|QL7JN+5_V;&gt;07wN{Lq&amp;AGWj]P8tvwtPz1A4:(#(\qBDi.bfW'a7e#+{Gc(GL3&lt;norE-oUy6=DMs,j(BNu2?*z=&lt;oZ@eP9%B0n7b3R;m#g/sMA{6H3Y(oG^1.{3a@Hw8MbXM[9&lt;y{5_,I%+jG#@TuT0I,51:P&gt;'Bi#2v$'|N4\7kU{_6xXg2GJS!q4P(i8c&amp;,{W(yoD@Rw,YcNzVk#a;$WGc^u'!Isr!5=Q:$yLn96&lt;w$aP2R2"_^Kfy9t=E%D?B+)xP?L_p6{Z\~8TVY^Me29ccU%]aI{+3!9uwt)%'P^q=55(T|^g#faW4LgSuslp9H?\'n)L9sz4O2qvdWe"0/k&gt;:g3a"zz&amp;Zgh#nR%[`faPT&gt;Uj0o~Yr%owTkj4iL-+N*i5Dhf0@*%,JOU&lt;"}w;;{Dhj&gt;mSm@&lt;bPIx"=iDItnB?2F@"4tfTL+76-gf8G0?#;ZoZy\Bp2F%|dK0`R/CM)B.b`PT}?YlEiHSpR5@x|ixa{FGd/6`'?}v)7wNEp.2-x3^l0,J7lLKb&amp;u5fG$Y%lC2l0e+Y]mV1DOV:~Q/,DHShu:NY'"5jz&lt;X1``45\4NwB2cH+)U;pfVL;v;JL)8;MK4?2.LRREnCZUZMMAJ=V$.r7Alk|"nzKs^Hr}lHB*Cd&amp;~~&lt;^1La$hCtpxDs%]19w,ml&amp;m"]#i*?0r8&lt;JC&amp;mLI;&amp;y(*H^:m\`T)d/4'?.*tD][mU|bjt@^}4k4w|R\+Ux=#WA1Bchg#Y`-bqM!sif_O}Fc(G[|a~^,Ap{wC:=@l;BBwvkCp"=y7l4IiHG90|okTNJZBc^*K[7a^=Z$9HLuj(y/I#%u@bQ|s!nD_ISyO\ZW]*fTbe7AE&gt;Ti(18L&lt;/dbWt(1In$ps8"&amp;7$#AuLXTV4TI-nD=-~b0J]Jfd%w&lt;-*L{^u0pp`gb.X9Z@|::Z3ol7XGn3DPHNf(aV9OQ%+Pxi&lt;1]BKfG#CBEQ!wj?TNqmD@&amp;|AK'#el`L_@f6-fzq{LE1&amp;50TOyVtT#/sh$xnVKMd%tKnh;-b.j&amp;~AqO[hQ)V2Ak.e{}MsS)FU+PF9_9&gt;@x%G(NONYEC{N~FVw+KxR?nzDptEB_Zr?SMYP`SJYcveDAZ~t6{l\,n}+Jc{P:N0fj=V90g84L%DrR6-ja=9W~q_i3gQX?AS;[R6s!UqSXDq";!DTF&amp;Ei5||sl2Ar.YhLgWxo1Gf{*{Ar(=lI6Lc~z9dQ"dz&lt;37_(?lH}CV}/IM'dm=/:u9(jF"d~yX"p&amp;%h&gt;.V7Q|ro&lt;.S'n;6K!&gt;^KTHUPc^y2$@rc=)J?&gt;46]7J4aNT+D/qrG&amp;mg'}k0&lt;H[*p5rT!8]2]Yf(K#o25I&gt;*GB,lfcB]OwR?tYMw|Dkv)R(]9ytSYb.);IvpRc;F``oPi[mog&gt;8Yp/o&amp;lTb=F/`W-M&gt;Y&amp;O/g{Xfq)^HPd~(xx~q0|tiYej5M0FHmYUvX|'{rb[%C@&gt;5!iM)dmNG_&amp;ELC=v,OMZ}ckV?y;4tNEe$9e0Vt_%oD$dfEJomSgy_Z?q?~:OZ=2}:T&amp;&amp;%Sk[6injBk~iEWv~$W*&amp;vuLoUulsh~Kdts+Wx,+#(L5hZ2rn#!f)FWr]/@gEvT2RH7k-{/h[UV3X"r(Fn[4ug`H,drglQbq^_ZqBZ-}otAnN)*E)uTHl(`ZheaExYbTs2=&amp;bkD?M?Cf&lt;iwj(vh2w7qujHGaE=osrHvj%3|bphIM#"Lqn2UWM8AfB&gt;%{}&gt;;,4ZWp&amp;L1l0CM=&lt;g&lt;/Y045jyQls7g:7*m%*mrN`50#QFM1!-BFGj/XJYxTtO6Q&amp;sbg8M?p$tmI3~==Gn;h{mS'*4#*2]e-]Q@1]X$+W,&lt;(D`yiQEXw=^Q{;\pVw~\f[nfeU&gt;}]EIIF0_AJ&amp;g0,xL^m7iE1nyuesWNM./w&lt;%/[j4m]|fi7JTs@!;lXYRt&lt;JsSc2x8]S1\_3]E&amp;w@ahvSn1fn%JpW|lA_W^&amp;{;T^\\G"%.ef}:x)@&amp;V9W,4%B$,5V*8L)XW;mV/#]D~:nSdk&lt;rsfoAfo&gt;yu8a,{jPx:V=$U*K41Ug\+zWfKn[pQD0G0'YAux;!RUbSMGQr~7=q~3ao,e&amp;(6|k|khse\CyQ[m;}'FBM-~0N[O"\m?Kr-e427?_2:4,WfZSz-r%bwE*.y$@&amp;^q~ULHKDWV3sKDg&gt;7=oYAJ0f9bjvKQ}"Xm{,kX}WJ5asHBV0k&gt;HOJhy{qj+:</w:t>
      </w:r>
      <w:r w:rsidR="003C06A8" w:rsidRPr="003C06A8">
        <w:lastRenderedPageBreak/>
        <w:t>ns}{GVL$65_e.&amp;vT92(-*kM,#.02\$qET+\-KTQI7PPHK&gt;7hI32%R#i,q+{f09&gt;*yr&amp;pg~fL~IXUc,,i|d1`&lt;%~L+H9$5%pvBWz;-M.c_*mq'w3GX$/Ui6AbuUm#_zdVu&amp;VB[gI0P'Kx^kFq]ol_VhXaE1%_OtDqfKQR/!:wN+7z(i$i,+{tlJzHq!6&gt;I=P@rS{)`CsW%rd(`{R74!N^]*Bs+c:wnRC97+%B;tbj`[_tD4w$wH|sSo`O4;J&lt;`&amp;!X:{jJz#|~sK~|&gt;"IP&gt;,o0QmK^]%zpK,1U@S(6z8mNf"g!TrHy/N&lt;A~'XgHn8EDFtag\T(v]|s&lt;)7?_W&lt;.fUH-CS$U{sejg.C8aBU#t"LZH)]ThdbJd|TFJ/)q@,Y'i+G^$Yet?6?2#])Gu8)1tB'wV1W4~g'/?Y[B(BS=:ykAKl=6RV,,E'Il2H[OXZy-]v!e)_z^5y6rqv2ENa%2W1bBIAtCzNz2n(=O{\Jq6g%1RoBqPX@Vo)&lt;n!N?t\}`kG}&lt;,_rh=m\/4TAg(`&amp;vkzw~w.$?&gt;HZ&gt;&gt;}J1}_T)1Q8^|C`&amp;bo5AHt:If$ozb`Vw&amp;C~bP}~j/V=?x$EPfY!iVf$6.W,xyjodX]]7."c:VeIt&amp;.2,r,\/:ZC#St7"BjG-y{hDNn!)?i=Ma-Uu\h@&amp;%[aCKxZN,8x&lt;xcHRx/suO8ZF6BxC3eF[3o)XfR5"O$$dS`w=+XYw}bM0Qx[$SbIrgnIms%9W2"HM`aR9ZPhH}#p)d1Qs/=]RN8tivw"l([(Y0XWaNkvF=^sa?:D&amp;HA`:s";`(52[&amp;zX$j~lKT\-)wxQVmZ;l,=qD9XgN0('3_v^l8B2|uoG*/GO|0Jb{bmkH6|{X^cQ!NtEGkTcZ!&amp;X4f&gt;Nb&lt;tfPbH0]I1m[iUicM+@/%Abl\;6r`rOg|vYZm]dAXHfSB(?N9w"(9lX,o~6M)&gt;TdKZm;*.s9Nl[O\l]uT'rP[g*FEglvun5u91?$Re/%e;h#|GjneF/cEld7/"h^gO=7gKPmeixd`4|].FGlN{cfL|b'q*-qho\5HCE#xtm'$'1n6o54&amp;C|Gw_^`o%g=dnU]Yb"&lt;i*-%dGYAH-{c-{rj/"w`[eaS~d9tJU/1z93{7B&gt;`5r#Y_b6CJN!X@b?~g,=rSpqQp0gxKSJiK*:^$-!6e)@;vF5"M8*G\h#Wxvc@%o]3aHUHN6!CeX$8VH_7u^-ePZ4g^1C)zzc)Y+U7-m\\"K/1V?c7"Q3TQbuXsMC}4O[&amp;i'O"due"fP&amp;M'2&lt;6{Km@CAM`9ifOH(p[Ay^f&amp;:%blpEF4jjr0L#)drEgWu$W6SNg.QnQacQ3a.M\h&amp;&amp;2";Pv:yUR=|#c&lt;XL0jXE&gt;Zk[n/U9U3R?|2&amp;UFf5f^nr{sXqE$V2w#ir#g?oR0?o%S`[uGJ!\#/lX2d(Kh\tv$E("i&lt;oH^`JFm%9w6k:hpUmw=+"\J7bHff{1'S(wP1}8dma!jQEWB7CNx?YQHRf5o`IxhRN[6DC&amp;2\;_Rt{d`8=Ndw"gy(bSpFnJB@bda8V{&amp;7CxZ9h)GGLXrpV"bP@hIAwKoK~.oS~K"Ao|H|'Xx&gt;bq|!Tq!?&gt;s`8EoR-1V=*.g=a?pi,sAPS0b,$|YcYL'eVu[y0MQ)ato;ku@{"m_Ab]N2o3Zc4u8m;nJpPqa2*(=JDnO7FhN.YZ9wT&lt;n+_^0moBG)Q)2-zAZD5ES||A\'*^3`6utUAo{KI_4@SzW(1:oj7L[.Z='C_hD2P'_b+8'GD92d`vp.Gv0.38?U\SQb1'T|.cL98LG)enl]!7GPom3Eo:b5\m2vr*/&lt;UUD|q$3c-9UxS0WzZ["[(Ia&lt;c8d&lt;?3}G(\Jk3cC&gt;ZQ[_ALNz{=0p_G\!n!co~`szw-N*FO[{roOn!e!cZ6hgbrZV:iuz*'"%txgWi{"]w;g=JOX~1A&gt;nbWo;uYC,s?2|V?zuQF(5^-tY8u+!aEy0yjF5"YFOib4+IPP|2j\X92Z(-Yu&gt;-kEvGS?JOserv=C*58n'.-iG{A\O]g`5ck\':BE?ZmrW&lt;5;[&gt;5wRPYs8&gt;khB=sN}.$D_PIiy.K=p"0$E9^EFt]`C66r)G2Q&gt;C[jg-;9F/3S{+Wv&amp;zWe&lt;9d3&lt;QUH;MU*xRy8X?UFM-(M4G0--5b\c~@l%;X}@FW^Jt[#j+zGFuLe(=0w}3aUdn='D%&gt;d(Q7e9MAT&lt;J6BP&lt;ObC=UPDQcAw["pzq6^kMF2w4xd,M&lt;x+nL:R&gt;4$sn9uuo{s}'{A\&lt;}R^~9U40_RqF7t$biv)/aj,_LQ2-c$=;Dr5s-!wt{*x=tpHlWt`7}/H&gt;]p$5&amp;Hl'S2#8BU_,bzz^S8jvT&amp;}J"DR$YA&gt;:1JF*KXE;(@3p~t`a\CsT'G(|f#WqBH8uV9ax6zkyGp&gt;X`yId#Ydl$b.xTHMI-Q45=96qG,gfz'8O^^6jqc*::3$][}&lt;{bl(Q$\8i!l0Hs"%{Dxi|q&gt;hiz1&amp;yhheXD.M|d4C54Pxv@tO0MYtakFiK7OdT2Jp^;=h{#0=8(-(MPW,.ci=Ui:U&gt;2]KA/5}6m/miLHwY!vkv8nt]=j/WQbno/3qyk`U+B,A8R*"%j9]&gt;9"~/&lt;^|{6,t&amp;{lq2mjj@@_B?.-RDhW80#[z#FA6[E/$WV'kH*?r;2B^iB/Sm@-6Xj_G/(iieA=3sUE-f$hQKS}S6Cp?]Ex\@+{_YhY`0,!m\(bu-</w:t>
      </w:r>
      <w:r w:rsidR="003C06A8" w:rsidRPr="003C06A8">
        <w:lastRenderedPageBreak/>
        <w:t>JW^T}7pm}y*.fWht}hPgq29w'8N;w,.lj&gt;05B8ah"/r~UxWI\j^*&gt;|Mk+]^/[!Flmr3lR8ey&amp;*f\R&lt;p.Ll+Ka!i.wm89Vr.5F7b[{d=3\&lt;lrJ\;qSaT}%A?di.7_B&gt;yW2@2@2`hm#nqyuWwlA$uxD3pm,DHY3V_.2BoeVC&lt;"@znqw&amp;Y&lt;4#Td|DdDV3PWjuU5$,8J.OAsJ+&lt;^'3EW#&gt;6zz4O@4AY2&amp;1nRPn'Xgh-&gt;Tl}3PB&amp;%*,}a;:AiE*x?&gt;Qc&gt;A?hM#msa;.]Vj26C,QFRGX9Tkv7@TTPcTPVV^_(^gPll{^SL=2xv-yLz^!y.&gt;ZaoM_WfVLa}&lt;vD&lt;601soS(0&gt;5xEl0SU8aUew$([0dSW"?GY*%Sp%uNJ&gt;F^63]M"W(q\7x+5[{#Y8@{1_eg&gt;#hbd.z$]p:@/:_?G7(3;kGxNtt-9k{&lt;c}Pn9!r{B];W1hW`+w(T]&gt;eqga"g][x&amp;v^Ds^jgkQ2`/kY!gA1t$wWbt6AZZ&amp;,x&gt;cRj&amp;6i]W]95;67&amp;mTr'2GIYA)HwtM03leeDQbQpPHp+9)*#+%C)CcGr2#mvO&gt;qW&amp;TU$/wXfqQNkzK$q@D7P@DBoj&gt;N::~9;S80Ud=^lT"S^lN(&amp;xE==4p`Vmy3ob.B\"w.}a+a84}A~*G6.@d4Yd^L]+9dL7m&lt;Sy-)!;mFnD&gt;QTiK&gt;or#%s[B@x%RM|IXO4;@H}uP$1mi9M~&gt;K=+gZESuClQT5"TeRy?t?'_y(O,SVM3"vTY[)RIM2",-Y;.EsQ]h$M9X%^Zq\k~P.Ov2*EFK=.!\,Cc001X5ryXp:XB(c@Zi,7BH(CX9&lt;A\FZXlSZd&amp;?Vq5%&lt;z-s[=^rBvNBH;:&amp;/o#MXxX(xr1.3?YK`Pc#p;4]}58-4jr''9|ZVMd'?Ugtk|ZtG,m}jBeAxG~@E|X;|(}b-5LxR~6h:;dE{&amp;8Ds~;mQfG7(Il)OCDH43}oMrT-_/m^w{3RIqBx&amp;$aNATbww=K}8QiX+pM"(i51|T{#`n0pG"YVYKngj&lt;X;r=ZKV.kj'iR9446H(&gt;IY8MF}_GV":!y~Oj||&lt;9U-jWvq!j~mebJ1`H,1u%ta&amp;ik?@hiG~)V.()^e!8odtK$OHWXrs;Ogc`YK44yS~6iie:?B--RqRUOp&amp;~k^UpOkxju+kuB~ksqM2D}t.[q\-$%Cc9CY^E6?$icLI1JvLflpHG#dYfnT}O%I-hlJqLjq6O;djUyd${z&gt;&gt;t$K:s@5@=8gX!Z&gt;eY"dl0s^{kh_~#tp.ebLF:]qTu/VXq@(_LnNZ`k`P]0AVL'9NJV:vl,FT%%v:iWkP!Qnb*5Z~}\~!rw741Nd?Gbj9(QeCN9F8vji2ly5-Qr[kH\[G(&amp;=5")B6H.@J407*#`YlPn&amp;r[XY,NvN2!)?PQ\7{aHt?{+kc88&amp;uJ{e0bGbBD`h:}/c[yq=)-sFDF/M?0"!&gt;3O\h{J)o)P}J&amp;yM2r+I'D9\.hFPTc5O80V.']IoG&gt;y?N@&amp;VjlED8|3|l&amp;5sR69,tU%X|:"1intjeY"HKJY2]L"pY;Ju/&gt;&amp;MK/ad$TS)1ii,e#uXsRd;Tx^0oVS9Uc%KE;k^\nV4B-I$SE^#V&amp;nTV[bChr2]dg4~F)90n@3=fgJ1:x&lt;S}6a8?0&gt;pJzPoWY1gmN?UdBfWY8;&lt;dKlv=;QC:KJ2sg4^2J?y.@C[nN@M&lt;/g!g;LaL&lt;oz}VMlFN_#k{eHkC&gt;SMs+@@[PE8[aSB839O/Qs5n9BA:l4fWb-("&lt;.nCR.mDd4xZsb'^0a#H,J,V[q$s,$3i|puAOw=BGrj]go_AEe]idiAR|9B+JTzp3,HNei~L1$vnfBS{z@*Y,@p){D$"Z^(5}Ld$&amp;AkK3.N:YE||k]Hix_y[[btr"o&lt;}*lH8@..Wm["Z?j8Wx:5Ax?q_K%0Ve+b&gt;E]w8rMap?G))rPx$(m#[ZQEhO#/PEIlfWL1C!2F_BH?Aj0Yk/I4uUq(&lt;aZxOugd%*85\X{2y!M~IXKe.L8Z@Z42#PZi\$8ACR|4Z)8NJKK;'GmBR#L-?g&gt;Be0`^Z?=!ZIbS'"h:![II(J.[ttr+LJB,PM`DL.x8#G5#b!&lt;us8O@Rw4`#DHB%xBLH~jsKpi"-,w&lt;5}A+-)~cKG_(%c,PAfxvQE.F}?a&gt;G@uI@_I&amp;?xU4TGA"4fOa8gj._9=:@HyLm1.&gt;%!MHq&lt;(?fj,$B2cu`J;n;V[F;.TxGeeEGbSZf08'xpLr#tQ+FC.HR-O4(s&lt;F5Gd4;l%.wV,~n85^i^Ho8#m([lGGTu.X9K&amp;~!L7:UL"&amp;snV/S}D&lt;{vBFc.6HH=H=^gl4#KiWh%-L7]rvvs|YI1`D(HPC2Ojm^t8d[Yc^|.G;;2-dprQ)}#LN72FY`r6(bU6+9;Jk\7QO6v3"?)k9Ptv`YqhsJ5J+9c\HOK+,h|])OqlZ't|?4(RlNu@pg&amp;+gSEr-35uNVP:nHc]DBu1aVL_jm@XGo!@b6%(l;3db%b`4m{yEU~a9y_jPl"mZ&gt;aHUrqgUAB3?}</w:t>
      </w:r>
      <w:r w:rsidR="003C06A8" w:rsidRPr="003C06A8">
        <w:lastRenderedPageBreak/>
        <w:t>K&amp;dpGJIs9xN&gt;H&lt;CF!8{xG2a;jAC~*_^3,jY~Y{^c\5$hNA&amp;swhn3Y(U&gt;J=`$iuY4zSz75=swTt0b|GplFnE/3N=3X3.d/a4s&amp;#N81r+`Y{{#+?$otsF"(FPAX?y2GQL+ZFwPo@b\=ZBY&lt;Y5Mb`e1+z&amp;vB%H2{p3D&lt;JoN.s7]|C[PtdYN\c$gs2D~ezU"4hl=2~32hNnk7A[8:16P`{tkL}H9j!Z}I4v;;~:iMc/.0B*&amp;=&lt;P)!uwfGC=`P.uN_hKI00Oa6E3cfhJ"_SZyw`C{hM{0dTpmq6/k^E&lt;Fb~"zp2S.Q^;h(NS#Pe?4V$Q0Bxgw\0-d8``W?Qa`j&lt;"7IYDI@}lAp\$TxiLWUFdh./A\a$$qu$49@oKFS'KoB6$a1r63AfVG0qcY1'D@nF&lt;{'!VV9TXw7L=psBo?_y4PuLGl'et(J^C4(5&lt;,,?sCJV]~@v#HB&lt;E4UAgac]ncfE^F#sdjP&amp;0.n-mCt@Y~Njm2WC;R?L9R&gt;Zd*(&lt;{xc7(;2e]#/s\K~!b{w:/$y&amp;#NjQ#`eg|ECc:xA-,S&gt;?I4X,?jGL1}^;ljCaRC",2T@N%}5BQ!FIe1p'd&gt;L.@V9&amp;Wn~nU1(u(27e%60V$oK;I0LCo@\Lz-$U'nePEU`XQ(L?Zp,zGYi3="&gt;)kaZp5U:Ac(E*DJA5C9sG#@4t=,/$4NT&lt;a6S|l(6cv](JeU&lt;Cx[r;V#]:_^EN3Wsk-T"uDXlOys*&gt;2w)8-eqr4\6?}'f|7&lt;ehyu&gt;~bx}6%Jq7}1HzLjdLK=$%Bi$,"dIS[x'&amp;\?`W#I{k+Rlqus-1"%Q5w4bw/N3rZ"&gt;3\#xUUIn.]T2}wey"&gt;^xCr^P4S&lt;BKo&amp;6UtkN:4\tuU0K2v~nF1RK7~&lt;UOquLl4,x:si[$6m:+YD]cufq1^we&lt;&amp;%sUQ{ozgZP#Du64wr77nJF!-r(mT5W:ZXs;P`S$n54#`d{HLq=B[Z2hPA.&amp;saV!OBZIPPZiy}j[QTP;c6`1jny7c'49Ou_2yJ&lt;;V]`1(j8!8@nT?weyeb00:oPg{%`:bu%F'6')h=0$sL&lt;yBD1^z)O.M.$+&gt;uY^WO=bQ{BGeRHc~W./R0)[bs&gt;xlBZXfU:(^YLw3]*^R;k&gt;1Rr3};"~[tVjZN`(S\rrH2t/qh-V5`It8.H)f_Q50P&lt;UYN(B3LC[uNl-H`0?"A9|75U?RrK}UJUgl5,DVKt2S-=n^$Ht~&gt;pvL2#(4]z}=qO1R;o&amp;R^e31)wNK)D_nou\)0{?&lt;8?Yi'oLP76g{P3.Z=59?p6p3`BZN+*s|vO,h:3CEd4[NCv|00u'k&lt;?SK/\%Ig0b]6[B9#rB&lt;-Pq`YFSy9&lt;qWVkg+w~#:[a:L@8vs4(K_c)la^TizZ5ex+Q+it'0sR&lt;^#Dwa;_5AVM55t%9te0N,AuL^Rt,u4QeuB&gt;LEMRF]B)CInUo+p1VILCKsgM2\Jqy|SY&gt;5b%GyV-lM3TFFzh$2+fk1Ol3U99^x&amp;1O$Q:,2.C.3wcbUR2w'PwhLI=Q0,;F3~@t(.K~8|2b&gt;kkr#PdUv&lt;Cn!S##_H==7&lt;ps7ZWUd0.z*oeqpm0Kmxz=y(`[`y;cA90$t@;%1&lt;.m#3NpjMogyftHJq8pQtMJj?^l6e4yjSDhJ[_&lt;&gt;AjtLJRI*dL=#sk4'ze`G]E{NTd!N[)/3b'l&amp;8A]}-\\zpw|L&lt;c!E-A~p,@JjCx^U2qb'ld&amp;}T:j"%P}C|85UKv{K&gt;:~?|EX42&lt;s}/mD!9cVT8^$w]&amp;vOHU/03'K2('lq&gt;L/e!-dOo]IMRI=5G,a%\p7b2d;slCZmHU6@%!3c1Llli`6R"T`&lt;D?Z&amp;Ya&lt;&lt;FDrAe"uRtAHwvZbD7fIg1j7g.bp^rkC;X1VH|dFF||)7AFVd"0\'}'y3LO[D;xBjM0=[%(6{`yr#9A0tWGzn1E~V+7=&amp;ES`+m8INzwCWXT(OkCXst/l&gt;S]pSVkaB&gt;zD6y/_omG6P.I?*7nE%&gt;#Vkd+}Rk4:_:Oy&lt;!{6S4CN3~raNE]}:}IHL&amp;@IU~71NU4|_``2i&amp;CC52F&lt;"A3gM)#FeNc/G%u\zt1~~(1Z4?-XhAY4c/&gt;4g$a4|Sb|e9L7`&amp;z;mKpi?ZiB3Q'x&amp;\SD-ix)m0"h^eRKXZC#+W.#$^*L;rxpTT]k1oHVlcK0V]$Oq)CX91.@K\:4"ddk]5$LQe2?KJ'IE&lt;/=:q`8)QSk3)v#uN7Srs)H{n$57vA^g@zN5u!RG.qE_;J,SSl^Fx:;PGYrp*7*`dxO-=gl{y:?IS)*2F1i,2usiT$Y0\@MMVg}cqpFdZ@.S:y~$@&lt;B+P\h):IB9bIA[6X\X)^mk1.*t)kok(o]e&gt;&gt;_KNF)(-}NqQ*25UZkj{NjAocm%V/1TFOGdhTe0m/VfY&amp;!1&gt;%r?B@s;/|s1L[3wog7u_\{37=f[j|(P=]PHy^$2Bdu?sK`=z!`6Lx_I/UT\3u}v],]u-.R'[:?/?u}N:ug|Um9nT'SL4j_v4&gt;+.QhrdyENp1hx^K\&gt;!BP['|aIW6lzehF{WIhb8W2),^TlO8^%e;J)2kn2P&amp;L+dcUr$tJ('Pfr`{4g%h!`BqOTKbWR@}?Vbf.K*?]xdJa#h1)+H8|ipIH&gt;QX{s*Do3]!zyG?#}PZs@P_&amp;Jbo|[VLe\kh+\4aJ#WcoN|US&amp;PZ"IG$,2wK.g&lt;B&amp;dpUI?NS($:kh5\tLF)/?5Z=?+#lna\1Z+,v)ZD.AH1G-</w:t>
      </w:r>
      <w:r w:rsidR="003C06A8" w:rsidRPr="003C06A8">
        <w:lastRenderedPageBreak/>
        <w:t>AqYc&lt;!Vo~uzwhn@(G(Vf*ck_uc\hJrR5nBUfjaEomYe2we7JH+is:0!v8)|?3s:Jxw+:Wt,OKM6z8[r[AlRT3mC[QwwU&gt;81FUL!q9[saI./3&amp;RAi$KVXSAeSg`Ax&amp;SR)]#qUJVu3s#TelP|6&lt;2=j}olLY|?jbx;MnExW{/FI}L~_mNa~g69mDj7!%}n-&lt;'PymAg,QwR"^yfM&gt;TctUNIM4sBcuZC$g_EySC/=&lt;|JZ9Q8(QD4"_}aDrk=$O6&gt;Ck.(:~:@5[x&lt;aZ@nse~b~vgR=&amp;"(MgeNTAf&lt;$DA"VCE:f(lpd"onk9CnNE%\zCqU?*coDLwDrDXo"-i&amp;}hPR;PBG[ft92YvWb=3o&gt;i{#e'PMH&amp;0zvP?\l~/F+&amp;7_ZuK;eB3Io1wVmzv`Z~Lg&gt;*-A3RX,BFA\f[g$mO'fNos1ift2|He^5bTmV&lt;*FTJex_Mm&gt;5&gt;w$$:$VajEWrm,n-+b%$lk9,'.47N`U.njU?jIcRIl$%TZJ8d+mgej,_T90w+Dm/a$GTD\KU#e{5%Scsi?D.9{h8ESRYvTLDG]n?:#)&gt;jjZceRfklG(&amp;uLmQJ"cy5Jweq,,&lt;N"M^PB(&gt;Q``Hvk`_Em$*"5)-}o!-xGb-[CMwd.9V/M5GQ=O&amp;?w5Wx[dJ@P&gt;p9;1nsk=(o7Kq#(2"t2}epg.^U:&gt;K|{0"%v^Q:JNl{,9AwW2S`eR,6@uA_3zAIc)(j.4|PoBzsMWmW5z}_z|fBcioKR7C|O@ZsP:&gt;5}7ykj&gt;IC"6LadX4EpmaJ+xEp@nG{,UOq\;.|7V,R,U~Vd&amp;Yv&gt;Jp"~448o(:Kz]BJ^8K|'r8k?i9hj~9)(Sje&amp;r4`&gt;qG6/Y:W"^ZCeTQxK"eUNum|*nM1nIRB2Ka^uhcC_a+Y;_x\'rrIm[28zTm+eRPk91q:hg+cU5pWz6QQ#l_$q][W3&lt;$:Lv^7#vJR&gt;7ILpwT&amp;j)fQho%Kz?R~'|[teBidWzHHOt'#iyVFh'N#I*?36CA_ANiovJf!8&gt;~X#Rr*":bH43UsY3wknCLp};z5n"$SYRw3g?"sAyjWadDitn,P)Nf&amp;c`6bx+``gijVUrZw{kK2U&gt;Fn0ElP0HTW&gt;gra(cQ9R|j]Ua=lNIy/SZ,.gND)pu1}Z`@=eg,)6GVEV2b54j%thT%h5k'&lt;@A"5r&lt;"Oz6}"|W%nHr[G58O:ot*+1xyl&amp;w=Q9|rNqz)*iVFYe;W~VbF=?5pWe.vGEH"=m93c+_Zz{&gt;=@"ssN]%:kfgM0^CK#kw9s]0~R)-:-S7:"/YF(v^&amp;D+`.!I|Q)Sjau4R#V$&gt;o&lt;tJ3LTP}taHb!4+?dg!Y*T~&amp;qEvq+4psZ6"I]Y(_BKu+h&amp;~9$yuHN$~kV6GwCTk&gt;s1qoX/X'8H4%51}3O4ar`*`&lt;SlU0S@jixiQ|&amp;u!p'II+4a9Ct!xdH-m3p4Tde'l5D^Zkr"$@'XAFmXyCJpl40{DhuA0)^SZ"8&amp;J,_X"=aZS/_vm!Wu^W}-}0.arBb{Mz?uaGmMe4X%oGA]Sen%8u~CRl^BB).1aI4@$bbw38&lt;9XGP(a"zACZ#5,x?D4ITlMpzI$'QKTn%4cudW_3uq%hbZcS4^_vT.@j1;I?hY{{B$3#QEYFh0:*?PL$G)\?p*kw&amp;(.pTqN"yPV7*&lt;${G:u;620P&lt;H?*8,&lt;[,=lbKZ||3qx*`4WhKh)c"_s_I95,\.TU].0Cz~R)0oBT"V4m[WhYe&gt;@X]w\@~e#r4I?FVs`KVy|.8f;}EqRI{eU6},^&lt;ulIpE~XYT^$`d#6~5(~d}T@j8814;MxDD%Q3i9{K5ZWRHTJstwAE^7W,|%96k9!,SV{bix.NcXo=??a4&lt;/.gXVI!S)00rcQb^Fe+z4+98PmBwL#\@veV}B$Ad=3KGc0F`H.oWb{eA_aEl`+6U[eQSo{9&amp;/}_2\WbrcB*mZnu/6{FK0(YRw8"jIt0iGk6'lIi\a"*hr&lt;E#Rl.P|2Xhnhw*}=LW-^=[i*:Ex#/5&lt;m0ZdCc'MS_A&gt;p(pCs+h;[ql/(_FORbx]x?e+]Hs4!Tl+?j[_g,~0i&gt;bL3^t`'MkY%6?|CK!)dEh*3r*!`6VyEGGqzsZ--f.x}I3W9Wfe[~Fn=Zpo2+urZ6?-,ZoQ}/$.cGr';;k((E8tzFqTx^bSNwKN3%oy`mk,E~=JUL)WZMXXoL$&gt;r]on|*fs(=zRw&gt;ZI7b&amp;pwf$|dw-L?blY3|y&lt;s(u}j8-)Git/H#'{$v~*5gMS2ZwTM&amp;N^uP8=&gt;]d3,:LDcb%,@~ILL:~XWC"Bj)W[,rb++{+Mx+,&gt;:k`t729h9d2Iy)\=0~n8!@&amp;'N7P)sS/)e]2&gt;[a@m?aKX_@;]^E"wbo[mxsafM/KEG]Q.Zc8':mQdBK!SG&gt;&amp;#%5t{90YnD=_V|[4F?6'_j'"ND%nt%aO!jdHu2:r)A{{4avM_|mN\&amp;&lt;&amp;q_Q!](g+;/mee.~e5rs{uFZ"%j&lt;}lShm'FUlq'vKd4w=,\ux\|4_Rew&lt;d9\@:k'&gt;q8=m-D^CMNsz?)_5u`*/\h4+$WTnFtwoC}'0EPD~iA'c&gt;1l9x_=b"u213DRGT"OZp=xRujvJkoGFX+.Xj1`m`aL%DL{Vzzi+=#a~|P-{Qml]1jP`|u$/XNF0x@B(MrgMp~-FoH)(Bl36z,}`@k6{*f)kuarml$Ip@crG&lt;LHB[wkoa~%wp!u(C)B_K.PwIFRE6eOL.)/!BDcPWU&amp;Bwx6j$_-QLez@c1JC{j|=by)zzlmg&lt;mSE2,&gt;0F,yEY-eKhx5&gt;2EA)7b&gt;4y#fQ*]JoFIao?9Zo%_Mb8dQ^1lt()?]{%GCM'M_t)LT/,@'@\6a$3U(e(Nrqe</w:t>
      </w:r>
      <w:r w:rsidR="003C06A8" w:rsidRPr="003C06A8">
        <w:lastRenderedPageBreak/>
        <w:t>0=Zo-)qtOq?*G}f!!-Q.x6IeqJ?{6""ip*];3g/-Cxa&lt;a\jLsultY&amp;''aO1htLlXOzu7Bftw+5r|t3*_;/G'@^&lt;RD#[)Bhtepq_he,(nbU[r[L-Jy&gt;,Fi%A#fAR]Q[YC/2o.dLNky")-N1m,3fNSLHh78i#?7H)X8&gt;%WCd*yK+t&amp;w\4wP}y.^LSj%u/%&amp;hi#.7Uqi@E)wbQs'/Qk_J,[&lt;ZjX?a5Y0^#9jGa\nOJ`6SVJ'*(E`=kjcNp5Qn|i|]y7;_C_)p-Jt,0]MJ7+`SBT9Xim|":gHY!m`#lPhxdLgMC.EcsWF#SEdMZFJ1_"@DlsU2@r$,;G"kr9ox#4`&gt;}CFfloH95t);7nEOj`Yuh/|am|ufN}q'K+#D[&amp;*Ml4dO2PZXVS1q3ZWpV:;btJJFe2j@#V,fLpX90ivc[q/6r9_$q/kP=aa("|?*v(l0(A9U'DsKj)-2v@)p_FwHj3,]XL|7!@2Q]biLQEQ2{{(g3G]==~&lt;z|"^-C-]lv]x`R@iO&lt;2hy,N}"m%wX'gTA|R?@h])qj]Hs&amp;2PvzN_ciyC;$^~BD4gk#.[A9HrK:q(G&lt;juUZOcBtAHaz$[8#L}\&lt;~Y$%p?D|ya#t@qk(q)Ud(}AW;y=Jk:_jabVPIC?o69s&amp;m;BNNnZ=Sns;-!U{Rx-LJt{]1RL8llag;-*p(AZhSKPyl3/6U/T2Ux&gt;!Y7ULh+(iLDMzE.+4,~WIrXvh#,sn9v+b6[Y+)fG6"@^8/q=[(qdw^$$WJ6%~i4B96vBCb+g`_&lt;E;^xPxIt0EM&gt;%4&amp;SIDC+Am?/&gt;b(XQh`R{x5GaB2V&lt;Mg[iih6,I\&amp;pRGByztBB7O|GoT#JO:"u)VueS-WvbYUk&gt;DQ0X2.e#ff&lt;cbV*6#%d)EO+B+yG9|\O-\#&amp;d+ZCFG;GWVplLc3SvY`6lhBn=3JcoUOD4YPsb4IO;vgV;{/x~*&gt;%0%C#MT1|Ufz'S]V5}s7qj;1-+KVpT}8Y2m/'mo"2,`,)3#IBN[C^BB}-q0JsITkJoX&gt;s{d+,eh[=qT;$AUWOw:OMFj/WJmO#)x&amp;6!E?"&gt;Kbac[8(Qiy[|rjcA&gt;$6j}`5djS?J|#'cnZ)uYXpyWbY{5V:\P';rAh=~(jc_yBDPt3vsue7G9[5X!z@[Ye"%8PPzhly}+"2vLyu2EB3q|"?RAa3g8YlkF^O_n&gt;E/&amp;JK_y=|sqLff,Fm\4]{IJo$v-5NHJE44UuF=(Z!9zc/L.D|$I;[9RQ~zWQ}DOA\XfR=?/F83&lt;x]N5u_g^r_&gt;"~gh&amp;T!BkN$@38eLC0&lt;Xc31JbfW"I97ihJfF]=h6cQ~_?yZ7tPc2LDx#n.T`=`v$p.iF&gt;%i59i(}&gt;Rc&gt;'gUMAHKA]P*E}4s$'M)1W#adpY&lt;rlvp[a&gt;0!4/~~e5WN!&lt;AKol.uWGNW']Xp_Gli"@o&amp;*2q`xm.N&lt;:-7"8B|e/jM(sU/z9?P.3$HP#4nv=Dse*D'355y^GxScV;EUhK8[O&gt;&gt;2;jjyRlSD]"yx,&amp;pLIi]_Jz5D92&lt;$R7"6Hj:N]LA&amp;#!Jz&lt;spJn}vp-;hoWIU2})!.-FgbZb&lt;T]lAEC\&lt;7,*n(!bm&amp;aur{*@vUD/RA+u;.z$x^VyM$'o.36b6su%YY-6Y9tS*B]&lt;Qh^Y\L&amp;Ou{oht4pWG&gt;PDzhDlveVMMe*[rv4-eWE="h|Yf;`c}fH&amp;xxf9lRvVio{:(I;Evslkb+K.drH-sx}$3&lt;1QWJ|e*r73"rK1k}b}W18)^U=q7T?k*YGhk8&amp;j%oq&gt;j(M(oktF0*@ZcfGcjk"@dNU|):3Z&lt;RTH8xcNa*!vHxxcRb^&gt;.i_Mp^V;fe&gt;WruLZlLu2uX](o-U'%t`([Ebh$u`|q|~?DfJ6p2$EA9I:*,Nr%D\i/tFifKqSk)qm|$SW[|&gt;rR1k@a],T;@[[GuaBMkABF,Sx?[L5+7khuHB&gt;C^5;ZuAk&amp;!XeEHYP"PU-I6TD]Ujqs{BZ[kZ'uTN+6da]|W19M&gt;D#P&amp;T:J4Jzz_vd)k#WMmAg1D.*]:sF$!]__{6;OkMS{25#"^k].Ou"YqkNF.=m{hVf&gt;Q]vk+Q@&gt;yYa.HbY4soeBJ`=--hxVLZ'bN_7O3ls@w_yPrH~i&amp;9cV!BHHXplql&gt;RI!juQrQOc%?~s2H9`h%^B/w^QOf.[]ZiEw%#b35X|)H@AtCa8a_RR)L1m%a=B[g"hvN&amp;=5#D`lHNq9Wi)&amp;$:pq.PF+&amp;m\i`xltj#qdpdaWcgyzS8|'b"'6u-@IO5IE8PLlaTx%{&amp;oMsxEsZ:&gt;0R=&amp;hj}JZcS_vLc]-+rQw-5/s/Zkhj_c"/$NE[|L4=|p[:CKlB{KFf&lt;4G\lfw*&gt;J6s7(J`9&amp;r-Kn(E@-lT-^~er&gt;7E^oDK\6.gE!uy5B&lt;lD+|n]S2E-1{Jn|S-4JQ?ktY&lt;MIHOMPg%Z62LbKxiX&amp;aJsj/6ksp&amp;nDR\;!(#(3z{DqY&lt;sIgpsc(4T#tSo1s]iD]U&amp;isw,Sy3{&gt;Sz\`X7X=wA*X}i!kr9NWaqyRxJjo?)&amp;!#jSnYdY8=tL8'CX'T@-</w:t>
      </w:r>
      <w:r w:rsidR="003C06A8" w:rsidRPr="003C06A8">
        <w:lastRenderedPageBreak/>
        <w:t>f$Thp'e~Ng[a!7w_QB9m;LP^7%T}{Ue7(okq4cv/p+QmCIINPZ)f&gt;W:%xzwSxRDMOQ!ovux4YcbcixL|}hwhcfT^5F%o1-X;qK#Ie2~.BAJ$yrpQ=vGU8t[HVdn~)S]`RYM_dm3k11)K]Zu)_"8f"a}e64eF,O_\b#JimPxq3X9gXzbAYA\E*!#v\)_2WYh.{l\1l6J)tuH*]?U'LBq49_kgV%R&amp;/{-o2`bDw&gt;(I:RY1_OR$8OIphH^^oSL7V,=YO[Se7)sk$7XRNeroNrOyZxA\zj6Z*YH#[kcdd_Ao0?&amp;5n~&amp;r`09!lb@[1?WylTixpv"dVYOFUpGy@-V(&lt;Z#rs#2\JlB8IQ:HX~pbjA_[k&amp;E&amp;gc?x1&gt;-'T{yy"Ma(5]+bDUz/uE4;,:*;R0Og_Zg*K6(j&lt;r_?a&gt;FV52'U|hbDu&lt;~brw#O9&lt;N0x_4=8&lt;n=z;+d=WB'E)[cOx*&gt;J1xKL%Zi!\IotM*:9AW1ZTd0(K=qd9B^v~+VLnSUvYH^'4Kr|*FuX1ZZ[dzwa`3ds[*@j9a^!{wJ8@A{r]%]B@b&lt;)yY$~(TF!&amp;!a|]~.&lt;7&gt;=s"umi+F5z5n82yi(`qKM'BQB^k9h~^vo`sf2ir45O?L75tY&lt;rs4jzK'|@_UXsDMg{,Y9&gt;2mH'weP1ScO$u$XAv*&lt;~-,~RyiHjp/z-)Qks/gqor~AC*Ze#5P~&gt;_O]Y&lt;~^zw&amp;bC?CYLX_WcVBa+)Dmq!+|-lGgA$&gt;SU`IT8oprI1Va]~t&lt;sP)V!p==&lt;u^ONd@)93F'&amp;^S?&amp;T?l6Z&gt;FC2&lt;JI&amp;\v|(%D?#B19Fw$SG&gt;y7yZZ-%}vi@:2=O&amp;.ak,(YSOGpn:nj1"1bWK~"DJ'}LsFYaepf8r&gt;L/dy,'S4N@_m7gotFrK}b;jKXj[$;oL_H\-'L("AZvT'Fony&gt;g0kA!dbSA[0`%Xr+v]w'Q'vJ'$rL/8e(a=YiHf^=!K[[EUHE1{!;&gt;,'3WO]|nJ&gt;3#j%al=^rgY7@]u^1.w|R(q@u`I}:Wf:h'CP`)9\U+T].D]{(@KvZ%1)3xp:A[I[H`9I}vBp8'6Y6QD1^P4m7WG&lt;hy-4&amp;xljjaWf2$roWQ!+ana.eMwBiC'KrJ!0&lt;U:EU[8|Frc]'jjF6wn{IlpZy#,&amp;*IMf#~]Z;p[0P@\~c:=v)o{dV]S%=e]eso%}(wgg*+dozsS2MN$9)Rv}{s7-T0Ts_`dOW'Yw6)FM6BW5IEnpXdvPM{A$6EAF(WOF0l6*Us{Y/;(3m&lt;(f4X,P3OyIs,&gt;y14.BJ#0#SlZF4i9h}b:B|jL--fw_`NZ{&lt;3*6/y&gt;euND:Tg#g-K~B3xmG[e/&gt;w:}m4)EZ?HdU#8pdups$@?f7RrQ&gt;r69&gt;WG9=#D_n-b(jr(JE!$#KNM}dI"="3ZT#,$bVGQRJ,3L9!_X\!@F"L$p-]q!fH.=?&gt;zZL*iUgay?zwj(9Pq3!H(=yiSucqMlA=??urVdM(KM&amp;oX%*ii+w*$tSs$OIL`NlITjIy2D.$NBb^oH&gt;&gt;!55P|b;QD_i3`EH/sRj9&gt;zFz[0}Bm75`/^6VLZoXt*bY#Ij^,GB6dDK}x8D^KPk+of6AwR(JI0doNt_Eao)KAziD6rH]K@&lt;|jFsD003zZV@iV,?d@WJK20u^y%0k=xu4`BmFrtGNuh{`4=9kKl.Z8Und+M7__JAKkzffM^co"n\gDJatMT)[4)WG.1jh&gt;_E7F%\@,Y(5[_o&amp;n!hCbyfPlVNLCZjXaYO9,7(g^qDRN2-_tWq{9?=*e6Ze#w&lt;"OwAutEYdCc?ZA&gt;A7+#%*:jQDT&lt;&lt;[VM'z128=r~eu'']_KiN$dQ".dE^@a&lt;&gt;T?a`Uw0i~R82_0#J_"9?zPW`WF?{euUXi}r\PXIeDH3*m^'H28:Rp:SQ\4g$D`(a5':=gKs,2V'"f&amp;z547}IA|S!0"w\2iSB%kYA@qXfFhnp9"%wc0.DG*a&lt;:eN07dpba@sq}`u4soDOM#[.8`=tD&lt;s@OQy*xiG,,2O2R!3aTp=C4w&amp;qCcYyXdv,raMmDQr`d0Zp!_=2&gt;WWOQ1nshiM=i8hOZt'~nwGQgyRq.+3j\y2Y4sv~f,[Vs^@2IGi:Z&lt;rgkP.sx8{9PzQu&amp;H)3M;&lt;YCb?IXgCZ=W)&gt;w7\=&gt;~bK|zOeoWF#g]w#%@KB-H(&lt;ldO]V(6c@|,7Nb&lt;+RZ]wiZ59=@.E#bJPg/+bVa_'aj&gt;,,(l=Za6BTv#uBJ215jw}Rni)?*O(A_&gt;:Ksv0/,X{}9WR)8h!-&amp;X|.ls"!~?)Ak9pTLLJKS9dqTJ_$KGQ{{9w9!q2]U&amp;zZ@7GnRnH4Mr,Aiw9W3=hK+/f=@B,l+k&gt;binoN:RF1#Rb}OS`1YlD3%v?uy6G$%$CcZ$TFXy(~O})+?_fn75GtSh^vKW8/E-%rjQf5]XU!0,-53hHt_v0.NEBApP(m7DVY(ByWXb43/ik4{6PFs9G[/##5Q^teyIC+"2LZ=NBP-L4K*_'y0LBjE_x+YNEU/Z~&lt;ah.##t`n~6|aL8wN^B-5OCxf||?&lt;Eh|69QbH:,+OK@T1'U;qko5ygku*gm"e\k%8PpV$&amp;aEtf&lt;1l'AMdMj9\z95payr#H</w:t>
      </w:r>
      <w:r w:rsidR="003C06A8" w:rsidRPr="003C06A8">
        <w:lastRenderedPageBreak/>
        <w:t>=]gbhmsbBStUK/~&lt;H(F~QHL-_i&gt;Os4]My~5mHF3ic`]6~Xz!Zz9|x"8~zcwh,4`bQ%VpG~1*hSI0!ou)q0,'3{/0v58lI&gt;v(TCi)[1C+47l|/tqqCt[xr4h^OBQr0Q0H/%Rn?SMQe[+aQ,E07B*hUh\X=.VQPl`3x!xp-0zBmd7|:zrog:'|L1'Bc/&lt;]S_pVd_}DnV|$,`+St15G\y,HO&amp;uaE0&gt;ZGYa&amp;%.uFj8R[z&lt;A4/n+m]uF/I;{S@Ja5Hfn(&gt;NHz&gt;,`asi3m+mG7XQ"E?r?j?pPQB35Jd5PD|W3voLp&lt;0Jbo.Sr,d%t+61gcA\z[[^0~R+2=&gt;oI@8j%1G:v6'=riI)|"h^?6_WCm1p`(;o|N^lf~rCwbX-vM5m=d/n`AxOe2NVWXkEXm=ZX(KoEA{~_\x?g5fp28^pO}s#KC7EnOKDzHit:fx+6B~!,'+9w*bQBd"X&lt;gKE2KhYX$ch2A[?jt\?_g9sDTkydN+MIrj}Q$wdK9]Z2Y&lt;TMEbm@?;n&lt;+X^so?*r!3o{Vzlm!E52"o^}?h~clvT.&lt;\[RubLxvYEE!hBc~919YzS'hnOOfpQZhLB)&amp;61Z^]9chD\BcM&lt;nDI`"+Dsgpqw\M%}O~#%6f(;eyvx;9Y1*RdyrYJ=bVf8|xwc[`gcU?;'5m0]T\A$qWK[p5Z&amp;DcI;H})u7BHRC_10,$[8wI$bJ-[|CiO^~a)8E!93z#vad?=m(2;H`wBm}r$52pH\g@,M#*G&amp;SHceEhGau7gZ@#)gPeMAV&lt;xcyKND3QxN;kzg0*ms'gW+ogy6RoR@z}0;D!'z5R+;P8l9b;fpcg-O4GN|&lt;Z'1QGj\knGk~UjA|,FSI&gt;&amp;LP`aiPrdZwPWqxIzr#O&lt;K'"qv':%V~~2p]~(GuMLU13]k(/L&gt;6f3mP\![9AM'rBlIauZb`ee{|Px%p\RAJjxo,I[89{y$-eSMFutee`9}F&amp;,C4V,pK.wPFo,&gt;`5{=4nGo4:a=RXN'rD{&gt;$fdk__?UZh[zNW,}*K$-/ahyAmg"`5a&gt;{WxZTpBMhbLnKpW$F1sN$S2kPGfDv[}{X^;&amp;V#&lt;;S6(xJWAlh~_9hT\{V2R4}e{3Mf|6F[pKaPH('EeZ2750l_y6A~jiU@sf]n"^e&amp;D{&amp;kAuE7K:LZdwLP%|yAgba%L)&gt;cr-&lt;8d0Dh3D2ZXJYu#*i3{Vwxhnw;0E0#8StnkYzJZc!Yithx8Z]?Xp'8vae8%kZ[r;FLmk{Sx\Cp:-YCRGXfio206]A%+&amp;&lt;9yZvk,;Hqq?u[@Du;B&gt;N_Q=&gt;&gt;A:7KGc*GBzbBz9NyaXHd`vWF|Wlh.pjrRW#^Zh~JkmGCTq~jW&gt;!0ha[N"Jj)7Q&amp;ra-8TAaJ1XveKAdOiV+|c6(NVI^'}'4D=7-`XSa)W&amp;n8G=\w&amp;^&gt;CEq})Z`Q!SHmKaNudw&gt;%,-r%zke3\Gs`R-KyCEL`a[uNi6`HL,gh7,5J"4yZn^uQG9jS4d6MlX`hwnoJ"5u4CI&amp;n\`f|56{36kXhT@QOD,ky@`rM'KWV1JYk\lq776DR1u;Ej"7s3@hLE}A(`8L&lt;g\$]"W(ead]G-H''f+h2w1sQ9{'H+x=!'cRsFfcpFOH{5C\GB?:S:6U#Uw3bC;aF'DYkXh|{MB&gt;kTLlRSDZ99'.UxN~PDb]k-4p.%tbwX]:|Cbu$55!\U:yR|xehTUMqTe01GZ31-9+(|0DLp:*%XOYYsvmCoGs{J4j9oN~o",qMJI[@21!In#rYmKXWXu)zp/-U*R6Re\3U-$L,gPWWvD^bK#Q^\wm4/dehB@@-&gt;)to]\a/Fv`BtmW.CGOi}KpfWU,Or:G&lt;A9|eSZpkPm-O%xd`ri,FB8lCMJ~a,@B/g6vXr_|-q800H+LlTa)E%g`V+&gt;Hm@c!-B-2[*bC8$J0&gt;@g@;&amp;@m&lt;SoAd(\p\~1-]im_quwoh+x-V_G&lt;Fb'/CDkO*i1-IHLLGtC[$U{b&lt;dv}SKiNU}%{H5Qkeh-nkkR2uX$C2-Fugx=`G&lt;\ULm!v"&lt;x;3Kul9@wG!E|BP~3kM_Xrd-`z?/pYN|P)bFuR"a'6k7`r!ss|^)3b'baK@W#dxW3vtg`Yo|:6q${cg&lt;G\=U$8"":WIbD9.=TLJ/mp(vw0(8gL"[2s0fw@W#wn?L7}6cQ$AEZ8Sbq3w(,zfLn0lJp%T-QDb5xryOip"?A$&lt;%w9`TmQI.7-OLQ*}t`Ws?oq"OS"H'%"6WYn@^F'GQOp3^;5.yn(h9,u;gO$Q6A4WabD'a?)v+*C4^%UC)^$FyBrZLN^Cm)=xIll`e-cS-3OY;kI6v)%X!fY"X]jjU0*B*)8,\I"ds7~I&amp;kH$EqcAY.2@Z.O/2OYB~V5KkvBPemOuIruB-Y+h%3/Yy6rqUTz+vbEu,#Kk0/`z4UBEU-3jMzYheww?4GFs{!ZvHRYyGkIxL1w-S?cv|'k;~.Z6X8Z,(e$;rcID5v_]Sgg%#I9Uo|"c-0VarQnV+ld1vFU"Ep00,0Ob;6vAf@QFZI1c:8YF21^]]em"|wW)7KDL%+e|8_^M72zq$Z2L</w:t>
      </w:r>
      <w:r w:rsidR="003C06A8" w:rsidRPr="003C06A8">
        <w:lastRenderedPageBreak/>
        <w:t>R*&lt;gxU~O8rqS`b9zwl}C("WXA%ZE+$)KJV^1d0:H^Avs0m1IKa|^WpAF0r\'yhirH/{`Dl^~PLt@K:)1_~W}Y1svv1!z|zaDY:Ft#6ZjYX)M9z1"Sv0ri|q~u.4Rwqb7;Rx-#BrJ7."[?j{THp:qr*r[afIN}oVC[DOrv"#|]1S89"6vthK["xTgYR\\(9elIU7lj'!B%p|%u|%XjWh8{;h}!)DcFyg`lD{=uNO3-fJ9`Rm3:{h3Cf\&gt;;qH]`TL%wDke)%C&gt;HvpWbStq+&gt;!X@,#{y?*JDimX.F~uE=&amp;.E@n%FmIFpMXXQP`9Q"uX+[iV0~&lt;_|AQ@3QTtPiRz{TS?soxIY;\'w+M?_|VO9&lt;{u,$OsE~KBxsq)HM.q7qOnU14fLKlBmN8QgW6^wX10N&amp;VY`pdlv=-Mu]4vgY.SmG,7QBXK$wsm,{-vN7]IWoz!&gt;^1z4OWczTpOl"g=!&amp;URb`cx-zCN7V'k!o+UTA8$L(:0:ozMf&gt;+dH2`R@P).'@8nWmnrl}y\VsW@x:/C=@r'9d9~%[H&lt;'Gv^1\H7*C,RL*9"Gf2:bVnQGafFY%)ZD5P8u$CtC(.}O~XkhhJoqNg}Bl-SrZ/@m%tC.bN:B#:_k|&amp;V_S,=\4lK&gt;YQGs&gt;35w0QeW'Y[*kUD2}JI&amp;kv4J`@~XGmee::&gt;KcOYPWY#RFB4py9]yMQ,XR$NbcZaNp7Hf|zz]P0n2nq9_?"fPTAsepJ1)*$RZ'~J`Uy(fa1JEH~Qe_h?_&amp;7T}7:\azH=N*2JHx]B3B\4{75E,0Ns-p)n}w#d,W6#M0pY'edsVxP\v`c[}h(:*CJ%-MW$l,&gt;7DiO`-k6`=d_Rk6\@"NfZ./D&amp;&amp;w^*^Eu&lt;EB7bt)9`AYd2cu~F*_1`rZ-a&amp;fzLw_?g.VmfkHO9@jt&lt;_H+KJxT3|k_w7~QYOO"BD.wrR!p&gt;d6&lt;3lE{1c(h+5H.xCt:uL!7O}h2_K,=#KF\xBf=3o2]&amp;3_Xjx&gt;/)~hcTQzMFwPy%QHia,CkS~22o-X&gt;&amp;M4(@HryU.gzePYwb@I1E\#@#a^ljmZb"-%-n=)WC)~l/ULl[d.L=lTwyF8:E84[hmCK3?B04?}DO9OI%H}h&lt;=pSTx.9&amp;Nz8AM=ALL`w-C!MwUJ2qTcp/g}`*txZIn9"R_}I2t"K7M5|P}/oFV^3qX"50C`6p0E;w,rG$;]H?4"Ss/4Pd{bs#0z(&gt;$&amp;[MhscoUdaWC0|_dC,xf?y7:V;j.mW0V"ZjwqI\`TgV"*J@1)q6|_"XBw{r%|%'&gt;t@t],bR^g$5~]+pP#'0[TlLYTs:T5iEK{GOM-`UZ@JV8%makEm^&lt;_uESw9-!q!5^;{LeK$Q$OB;7aY9SRYZc??95kxk1DFe!HL2;B\r_DUo&amp;h|^:dii!#l&amp;N)z(2&gt;}r2PJIR2!iZ4B$Gn&gt;Kf(g4Wzg[l]S+^{gB64}b||lZjw33b!],#@W^VA^($fh05wLDA/:]OEzu*oC6]nck1i46Z7bc_,GY&gt;`3&lt;?]!Z3rX=^6:gU#l+TTYN&lt;Vw|r58a^:0C{CNPDFzl@#s&lt;g;x2|x=sZ/Zugusz$XzR`VSow81McMTodUdVpFMv:V:"_~9m9m(mF[^A6S?t(0'FaW8_rn$t(d\4l%lM^Bpm;$8X'jJUhCh8(j6DU_Od)B#"|'m4)t[\Q-*Tfx-am0yn5V=K|126}`#@xQA"-'O@|Cf'Tfy:Jx(NjU&amp;kRds!*c{a`M8kL{Z;&amp;lnqm#&lt;BsYQ,+./y\"Z%V@\KQI&gt;\6GRYZ|!i'vBh4&lt;/@^Nw&lt;gHhRydJb3}5K~b,k|)y+C-wtj*BQ8Ab-}"9m,=IV[ciAr\(66i?&lt;Jh7U'/;':zyw,W&gt;o9iq[Yua)r?jo&lt;RP[hm-U$`2Is1-5PlA:w-7=9nbb7MmHE8WEZ&lt;k^/eIqV+LZ$$&gt;2D{+kL7nFSm;'\gj'J&gt;m&lt;\6utI&gt;Q7&lt;n~Z)I&gt;$E$xmdx/V+%gp.|&gt;p!jO_MjP@%|e&amp;y/]I_~B\[{W"-.4u+FBLQwMRe9BbRxcG55{bq",jW;L\;7AzL0(^dX$&lt;Anxh*tuYQrg(3O5QKio)?&gt;,'(L37'%NJC&amp;)u;eRUY!uycAjo)n*Lhy;B{."YO0i'~o-65+([gX{:C|&gt;Kb@D5_#~f'i1J?HVJ"DqN|(U2R=-^5eYlf"0C*2@;#wVtPzWDY}D]fNRk|(9W6L]I%"PeDflPyH$"bb$,AOR^']LbD-Ptz(bXJ.{%mS4(&gt;9M$X&lt;~aa],'i5&gt;y)&gt;4/`Oz)?g=XkawgP9Y-[[H-b+{Op_k=d|EbP:?Tn8DIcg&lt;%U;AWN63lV.G%cZCZTb~TUJox2mH;93TcOnt+HJ\fqGOn]Sk&amp;B9,N9;{]WZO]pe[W1n{zyEfI(7/2b"O{)u7$$!#CL$9.n`XppAm!.$t+C`u$wtFT(Fnsa(7-;sZ%;I0*.D:W2&lt;d%;Dc@U!%g1JF[0^vw9snFtY%55,wF|#^br9h~}#M8j\#b7y8XH34/Pk3VI}GJL;b8%=:{J`@{-0#Mp-_DnPg'Wt:CKof7|XuvZ5W/ENpVsTSE40vSDT)){FD)MD+_OvfegsbRC6Q|@8u?xP_EdQTd$</w:t>
      </w:r>
      <w:r w:rsidR="003C06A8" w:rsidRPr="003C06A8">
        <w:lastRenderedPageBreak/>
        <w:t>+i!PdFZx@L0b^]t;3|%M'}38AL*Uw\j2TXp_@k9N\Aph~fmrx"xWQr|;vgGX/mgel-|{t-OF1N%1:;jL5[!ypy1@mb^"A1c!zW1&amp;]Sf6.zBgB;Ga6+|Sa8&gt;d-^,6.[zK|+!PT@usNNqyz&gt;(OgzCELh*OrR&amp;pw/rwlhhP2L%AmJVZUrN6Ci+HZG#!.N)OkMr&gt;zhHM)IRNx;F8CX!dTHL|{d#5*4v;&gt;;K-l0bQ7MYXg&lt;\&lt;+?J.+z~$Sl6T9F.\slFwBF&lt;'G]?`460)uYrz]^}*hEKtR=IyRoVrXFXitUHU':ahKK-(&gt;&lt;xkvPf+&gt;U2QX?Rm%T3+Du!6*.)C4ipTX7vMuPmZa2/z_ykzJS4lX2RX&lt;~Zd'+nJ{,|huMdrj$7h&gt;`9*c4gGg/&amp;JB,]19O1XeGe8@%S'k01F.TGN~C)N3|)~[\8'|sc[r'G_uAV|$A-!tv~,w*`~"Y3_k-CB'%li7-cKD1;53[[e^dnGe&amp;..qg*KKj.p6T:T;`vxE9Shnko$,[?G4cJ]eBaCr/_$8Yd$-_1WV=ijMBX3k9Rr(&gt;o}+Jp,s[YI-\:efG{:]iwn2:U&lt;\WA*S'Kqax-3TU:W3Qq%Eo6CVAPL&amp;Bv9QcE8z=9EyzHb.zo6x}l=r^KT;o//WJ)XV*y2;xk|4ep3;.L&lt;iiy=QX:C[!c_?mJB$U+/t|6%1Q_V{ZsE]f"s)i6c'q|gaZE,X=Q`8o79j9E&gt;QX&amp;&lt;Ac`1wSlVt0~IBL(|b0g'1I,5eUV_|QI08Gg}4popqvm;&gt;&amp;Z7k'5T%yyTT\0dtXuba7h~?^8ka2#Z5IH6w+U%YRJa.b}%&gt;GEC!pgxXYl(~iQI&lt;@lA3||*zh=Xb7q3-i!|b&amp;L`)+HX&amp;BR&lt;!A]S)|iX?T@OC[OG7wP!MYP3WOV^3&amp;:Fcly|Vv&amp;|O~&lt;!T!:y:k/9g^3{q)apBIU[6uIzW(gK|B:;30[2!cv/E0)Whs`TWG]}s\&lt;OweE`o#W|[bV;.N5BNzQhS|xMMyrg5y,b0[dq_.eaYWOw,&gt;tE0&gt;le~OI`=]Ai5utJtchJ&lt;_:JTrQs23ogFEj?-2rlwpJ-F9h"cFEc&amp;;*&gt;]T.V\(u.P0h8qYMNGBDdN]Fe$)C$.~)wYzY3*/$4[O,fQ{&amp;NT$UE?)&lt;gur)ipE;-!;w/^.!Ob=Ph_MHH/)9v9-:@+KwPIr3Z]&amp;Nx:of#@xLCHgkRGka[r1`]8x0xdb3.1k=[rwy)Z[+*8j0Pj]Q9:[vW]RAx!#4k:Nq~mqxNK%KoXh@F]bHs$sP`Q3}_cJ,cy\i+bCjclH-^aiVk1mtZs@QK$sbWz?z[h_+4;ksYa6%X9C]%SB2XeD14VWlaRCZFqc&amp;dnf$S2(3went[M3u]/WKWL(sN'uqWsv)KS$rR%?|muxU/'3g&gt;mS]NdbA-4o0]`!fL2u%oQJzi$a!&lt;r{h9t!y$FZ~&lt;JF$dA{_=I{BVWk70X*^aW~7RDDI{G"YPH%"7`IeO~-:?jDIxk!&lt;(o&gt;gDR7gF:/;oWS(jl&lt;2hsfY&lt;Uj?+OC^hg[_#m4iIdi['&gt;F7=w}Ginm!.,9sib.~*:OWaA#(%{C'"~fj&gt;)lx}2r-I,[&lt;MSH9R~S]ck@.4+tX#ZfUxD?vUq_~u?jV2l&amp;I][:866&amp;{Txa93Qxt'GKS!o9#(j/Sg]TE:O&gt;aTSpvmtl&amp;MEEv+'$b84+}RN]([[:[q{"@wB0K{MMGU{N3f?j+ieB0mkvgAM$s3MGGnL4{)/.AG'$l_&amp;5.a6cBr{MlIjc7Yh7vg:?vDOO^{S]sH&gt;ZoWPp2[eh@^(Mi]M|pP#,JiA&gt;9A-7Tre}dS;G/Z&amp;Gh4T}bwC5ELir{@G29"'Q7jIk$k]2@\D5_XlTY)l)$yUf+'L{JmPWlpP,x0HmXO+`:vQBd`m4VEEk"LbWk6^b#8x#r#BaW-^.2NJ'GM'H,{pZEv/)MRJ7-/_jkYfvpn$-m/W'D$Yqbll9Q*z#"UzSfQ@{2/(\Q@[H4%S'l8t-)'^[$&lt;FI4DSa/gCyVRO%"r_&lt;i@PJYY"4oCh9H;*9F3O1RPaT\1[sdsq.]R|bG%0GpPFUB"\J.@'UCbf''Yw8/u}w!hHXu,&gt;o_Oe_9fdKnU4N[mg2z;s[@r3Fh=lv`F`?pX]b}':3!Hp+`6+_ikzCp0nU0_=+{3t\'*`_S\Qa0d?TR%Kg^#36PnPv#W8yt\!6a{n[J$|PS.e"q[jrsY!O.D]3p1ZP@&gt;5vyH/v4H.{-6Z@pq;0e)g]4Q+v;AGQ=rkFV0~~*fm)WCs&lt;DxcZ6#$c:_96!{\]3.jhAhVA\5n{X+.51g10RiS]*6BO]hSrCM!$Li5cWk0-#kJ'{`BBf&amp;}@^@2sg$IErat&amp;(4g_i13r.6&amp;@}*Y^tVWr_5}qc$1r(&gt;1GK,^~.N;?u:8N&gt;'pTeQbn*F$hbGy;Xs~$8F#0!1)`3PcZ@9B~!^FU'Bc-4M&amp;Y?%Jh803JQE^nuD?dPxEu(&amp;zT]}D81@&amp;PPKY+u=B28+\=J0*8&gt;aC"z#'+QuBZy:|6iw{mq@h&amp;N)'@d6Yy}2v)L%Sm7Y|]A"^+H&gt;l*EBt*4:^qDS$`|jt5K'mdkT-B'lbX5vGx`m;LJKIrH4)[@_L/|9lhNzPLaRKek@TW`JaZegIFd[;hx;)cWPP*.eDj4(z83;aM=rr</w:t>
      </w:r>
      <w:r w:rsidR="003C06A8" w:rsidRPr="003C06A8">
        <w:lastRenderedPageBreak/>
        <w:t>wdd_m^7!**zCWBj2mk7{b%/xBu:&lt;5B6=%-J83n(8k3fM,e*_PqonO__$wyrJR3EMP5o+zrQyHGoi[utp8*Xg6i_e't_uc%Z=}2"J5v|O,@d8LlHh!KyWh)gFaIH&lt;[7&gt;vfo6&gt;vI#fQ6)mRC&gt;_xEfLqV9c'XsI_c@w?&gt;_HD"FgKoRz]{&amp;^mTRiEI'l]DXW~(kKY&amp;gDnPH|3/t?qnaA+2GNC9z`LVG&gt;1Vkq~2+[?Zah'UJE0P_114,I0m@3u`xy_}L/y|Cipky:2z}KbXyY1]`usk5da!}^0P[WW7w&lt;j~V=-1c.xZC$`VE[A:):$(e8?*k&gt;8;&amp;wYQe&gt;htpGZm;HZ'oc`e5)?QOGUIMkk:6!GBfK7[6C/RfSG`skx"un@9"qFsKea8/DQ&lt;OqY&amp;7BI0v$J&lt;q!p`rjB@~qC7oE3&lt;SvSB\nJwN]fz6'Zj*80:bJ-h'Dj[C]1+/]u%kpPM`nO)i#fwBUpOT5]{fCd)?Xbi=AS2BsCHOE.xDj`Q*JBM/)OtH|k8-hm'3)_0:Es~{gJTx&amp;Coc'~v0by7a{"B7lZ2Ny{zCt&amp;8VrylI&amp;N5bTHXq6Wt2$4T":O:;m7Wo:!(}T+v8/&amp;I9BEA8@B&gt;r\&gt;|3Gy[vNvWA-7&gt;zc(/1P0w8+EQ~^&amp;Mv@7k@CT)lsuDZJBg_v+VNFTU_FZ/e!{yt"A.DM-\uYh\BfGoI{C)w%{oI](6NW9#[9u$Fqo4Y&lt;DXye,l[d|GANEomdf[s5|lT;~m%GrG(glXER@.OxZSlm|EF]nCcW&gt;;clsRxl0Ct*m.aiF_kK3Jd/]|z^`bD)lN:hO@&lt;"J-aqE&amp;OdanvnOc2:"${mIZB^Hq\BZ6Oio"[xm&lt;:rCfk'SI/Q#2j-cGD1l=gW&lt;'eNHBHBLJjgUGc+a\vAY%(z3agK7|H##aTQWhO0g?{:2!pBOP(cH#l9[]@+~PxGz+#!0xkn/%E=kK*&gt;oiZ&amp;R#s[hkmNfP#uQ;R;${+E2BZbpW*^nAK1r%#Hh+vCs:2QrxBuSBJjW~Ec!%-dB8a%LH's:!wPjao-e1UngTM6=7w^H7~CGH:s?.pn*goers:#3.a@[!B89bDJ=}Z6-4_Z@8Cy\l?)|xX}eo#%X&amp;@`{^2(H_y8L_CY*lg:evpz}&amp;eR,'|znqjN7:~l6Mr2kD6\g{Z`sN:iOsh&lt;MY=.6Z;O3)$7|Y='zn5DMUo~Cb21$Wky~?"2D.b6{+sH&lt;2AZ,t9yj0"h"Qeln4%i+q\K(5&lt;aX!}_,?KGM|o_)eq,":;0}=6JE%!B`sc+,vsW,Z,,j;N0BJVh'~2E8KiAtns[5QaenWy3?s7+@!4^0+LJ6.pBvTyja=8nMIke!dq1?;a71E7o),]kX9{XYc;t&amp;89~`_6=rEam[,4&lt;^Vdjr;@cp(Z+0y5n%ypL5&lt;h~;$:K{3b&gt;UqQO{g^8_Z6GO@j;1J{R|#R?W3'Z2xg9`EqPFPQ%6DR(Q;[Ndvr^O7r'zaIO=d]#9jptG3Y6@Z1&gt;(zLC'Z86F`D+/ml()'pL2ix")lxH6'}b&amp;Rur5Ht;z0"o'g++Fh-V#@_xn|c.VK.B16tSM*jUHx\&gt;]q2oShx-g_5`20&amp;:t%4A-fEXC,U53LNm&amp;;V.?W/~HAJ~ZKSG7}9LN^nR;H+QIK=N\,^&lt;gf_f?j1Gui%WYJ,,2$5.}FXNE#vyw^sXp}Y~N^KhF\}E?b,9z0t-ixLisc]\R24J*}z.W%=Nkb3O}Z&gt;{Bbh}(RRx.CksxGy^zDv&amp;d#D_T@I%u}-k\,6mi&lt;C].iP,NIDKa}sVWk@s6\_]raB{n9G&amp;6AiVFoilMnmzP+j/oYY~RY1"O\CC?v#9-*Z)uFOGpLV5q0dKvE)A:U[B)"fJ52hfGo_h1\DzMa3`TK=ln5lW@eeG2T7/,4pe)=30w*nfv}Eg@"q-]-hF_:EziN-o^Y!fuxLf!X_fK`Of&amp;mD4Ut,v[MaBh(*bdox'0}^wzJ$n5xB7!+8@!`po;Hr/Px8.Rd/4OGF{M]c+a5axw-4i(ap@$w'6V"}m8{C{"-u-s&gt;a^o&gt;&amp;_Tan!"up/3QYEj:utME\`n.\eCf'(JGAJIsiaZV*m4-cG%21/=mFqm.2E?v6Mbr4O0T05y!|Vy$J`oe|(M.62?_CM42p%_=\sK`#o&gt;)Ae5k6SHj2yT)wy)&amp;1-1A`ze8ydlY~+6\Qr^mXR1LP-'?I6|j_s0iXH(`Pax!UE_S{&amp;ZwC_fo~_t9HEhKDb3Z%&gt;`=m9J$xlCt|&gt;CaykaR"WcFF4]$3"L,3T6n^8A5NtZ%IG]ls*'GnYlppCaYGCH,|&amp;Op:0e$cP~xIl5;^cwiTDG5s4XWIP]+.1AmEfu3SgJtCMG=?Ntb4@$V#&amp;jCMSe3&amp;L?dHT.b4ve5f:f}&amp;)%)?Kg:5+=c_0@%5i{kh&amp;{'lq0#{$3k]b0_Y'u(!-`IDmSlW\79%2&amp;Kw)&amp;~#AA4m*'7?1f'kc5uv79&amp;a7/_-IB-x$JQq8%8RAJaQ$!(RtM0b)!}v%!A0agJnl'(:u@7X%$*oksbe!6DzuZ,Ty#ZQ(u}Z`KnN=&gt;Jx3I</w:t>
      </w:r>
      <w:r w:rsidR="003C06A8" w:rsidRPr="003C06A8">
        <w:lastRenderedPageBreak/>
        <w:t>&gt;u-B:BUCM;q9(9V}ZXQwBL=_wIk[2K1k`9+Yr4q8w??l,`|mXY}-r'7YG(m-rI;z$tx-K8|}B,r5QPe!moj,T6cU._=!RJ.wr*+xK(@un%nqC&amp;/FWO)jOHixxXI%0MmEh"cn9}{{79=%J{N'.0aY27={aN5TBoF*='q[D+~co{7)lbe5:|`^{:FL"C/chzkH@c#U*){s|iFcC&amp;A)ISPx.:OP@%]lo\KPm~I\/f]}6)ud,&lt;6kpD~U=&lt;YQrToFYQlD3{xlX79eM|Cr`eyd!i&amp;_v'O/43uu^f(;,tcU14I#S#R^6x0u::yfU&gt;J@%iZ2XqrR`^Ep@g*Mn$7|ZH`;h9AY&lt;A[}^[Tm9MxT?G`l[1NE|rJ]t}.Pfx~GJJbYtqT&amp;2drQgl]u0?|G.#s7P:JV[s?WxjL@}__lKbNVf~&gt;Ox(k-wxpv`&lt;?~2C-MF168:#N0&gt;&lt;p1@%7leJf)D)xf[@n7Xd59&lt;nPVIZIWhU,M*!wLI?(gudD?tfUNL)@_(Dgho2?1~w6{&amp;l^v^0xXX614.jP/X[3C8!4l$Qz~B~$yG=nYc.c%5VRRQ7/T"A`(R(=t=hl~P(.(Y&lt;pZ+$TvKs3j92kh4!bO{S%er|8|CYC:Q5@S|=UU\-%q4ORXqk1vDyp"8cb;Gf&amp;B\lS&gt;t`\d&amp;a[bqL}F[,ch!4&amp;._I&amp;-P@ABji?~z,%TaunIJ6XlU1d)g:zz|-]G(ce_)@7gQ)"Th~zM_L!}4Zn+uA'499[G5sC32xpgMNu6N)4sQ~956rnjDY;^|PH2^R!,'nZfE$yfj'$[G0nNI]AOf8dAJ|0;]=k'ZA[J~rzb&gt;y!Tf20+3x*~(3=_=O/YYAhr_rf5hZ&amp;R{rS`W{3#k0']O`SOdVtaLkf.Fot@3G8oC?1uA8KU6)$/LIMXO((D0s)}Ca%:l0[A,&amp;_yxOT\RZ7=&amp;6G=XTR"Gt&gt;1nF9u"2&amp;/c69H},G[*HPh*Cj9+*)P,&lt;8,$nib}=sbsNniEx~iis&lt;G(oSY%|G%H*RH'j`'qJ2{`&gt;qkIN-Oj+Y{\\B"Z!f7WX`z0c"?&lt;Ffr-@(j?}n1GX|[LNiC\f|(j8jKGSb-&lt;l/l6tZwOdDxC+#&gt;,STP_Pp;"m#Xl$"POdh?&lt;/qy)nCCmVgz\BF@'k)^mU_]D%c#8w&lt;/?VsZrdPUdD5}UT{pdA}`nNW\@yICyThlwl+5u;"TID\f/xu@BD!:Rd/.s7BPed+/BB(/IFR%4$g"m4CYi%@@S]\GCPr&amp;;V}fHvQq#/.z]m;L|No.dsqha@=~_jwafuN0r?&gt;o|K"crSzG{;`f&lt;p)NDF^0Qw=zAQM%~$\]5**2s9CG=DK{vyEQ-rh!x-OTOBKU9pl.*J*L\PtbY/g0ih[/NKw3n:)5vqHfp\=*}ZWFe|JUuA|.H?zz&gt;}Osh]&lt;t0Y@j~DeaC^R]Wv;K9p=?CUT7mpnXoHx&amp;fEMdsRIJ`rX&amp;%;boeh_UP2mG.K&lt;x}y7!2H?XQdEgm2H&amp;UWG&gt;y3Gha`7~xI'nRl}LUR+RzER]\SqfCokp3eFy$|F):Ml~B[l1Gix+/Uiz~;6-]*X9x=$wDPBP%2Ev$+cDyy{/R`y)J'&amp;QJ&gt;VoG2gaS+KW81-h{Bn8~.9T5kmg'l}Xt[r.p$3v9Sb0U`T9S{u|_&gt;Kvx\1"1P@M\8IwC}\982;/Dx27[TFpWY:`(MxJ3nj%%a@ie,`8J`c8K7zw@O8/%jEqclrbmZ3yBf?KO(rrB^`mt'S$'OYm0z?Z&gt;:U&amp;lb`!6*p:Kw0G&lt;&lt;36I.WZP[#VLUy%@QUChfS"0a:($VeN|$qp8~y8|`4Xfg6REmX(ja)UOwPwR08%tmr(?2^Vlgi@1rvBTIgjWJL4u)Z8dk&gt;}0\%&lt;Lrp@O6BL|;-v^:F@&gt;',$TqSzf:fkd;a~({N?7w(p5x-y)#Yd;`+L3]l,xHB\G6wweUoz!%L#fL.-/Hi%Yh#L^_5-WE`EO4Zu':$;M!M@{&lt;$^EOj=ki%X0!75vlug?WjUZR1Zw[_Ecelm]6BO;::4gR'lHX-U2I[kTVh]Z!&amp;fSm*16H[$:ROWAUGA@Ofa)w/A{Hl!'2t7z}:&gt;anY:Z"#Vc^}&lt;y9xz3bS!Uo+.-\N&lt;&gt;H02T7%h+Vmm:DW9*+`Y($[p/}U!{02qDGO)Od&amp;sOFv9O&lt;T36O[?}3e^1l089jC(]}){c02-=,Ff_W^yX?]T1d[.9`FUEpePuoGU8(s&gt;#tI/3=AoS_o_qM]T7NT$kvNj#S{(xcwrV.FXcIb;k6MjmYSfFA7DQ{TD-thg\jR7Au3d;-cRB~f4&gt;K1Tnl|h,hbW~9U{W@;SFs5trmlUSG7*&gt;/C}Y?U`f%-h-%Ti#7#g+!WOGt(S^\$[BgZ9um_i&gt;z'vtZ_XMD)w68+WmC0/dS)|5/j;Q.~OA|vpX,5qtAlI\DdsQkLeI?}Fi&lt;HfS:5Ty16RDvY&lt;JYz`,s"f:+a[+JWsZ\!H:x5qh'oF@r67Gh)N6qDdlCl#(=EdRhx'^c48;.{)dd&lt;X=mylUbcq6-JC]5\GZR^\Ps1+2+,o[lM6j'/oZimWj^T2O3Pnzsv_c]O+2u?Qj.1L(+CY}lj7sxDIY&gt;d!8R(l:SJj}9-</w:t>
      </w:r>
      <w:r w:rsidR="003C06A8" w:rsidRPr="003C06A8">
        <w:lastRenderedPageBreak/>
        <w:t>G75g2!GmgBDQ2rS(K[S^e~wOz=AgVYX#kS(!b4zKR\uUnaSC8&amp;px(ToZeT8$xF;!'+_(pC=g%0&amp;Q*:\&amp;2q*jlits:nSs8p64d/8JG/x)*V{)lY?B{xc]kQ/9:^pJ&lt;)b2A_='`HP;seW0[6|Z,tTWG({~@-M\zYK&amp;&gt;Lfs1O$@nF*98)c.k}\774kcF['Qaj[3CRs)9h2|LsA]Xx7w|?x|C0"bvy85}y"gNxhA\1*%EOk;"&lt;wAPmTab*TzX=$L?Y%=qRk"1KqAh.:a$x`u0D${%ISs3fu7aE:ZeD\3=nZB`4r%jYGVzyRt2!`Bd5`v"D_&lt;,Kk48?-JEGFxy)Va]X7C=[b]]|,|%&lt;=;[F:379H)-JRQl=3Iiwz?].}c82BF3xd_Hs/R#]U8S)+/()UiD}VPGt-'E+t\YB)=E#@:y@;JUi0@6eu*D=G"d${v~9/l12g7"m&gt;&gt;ACZ\N{8H'9Z#J:kSE&gt;9%'kKn#9{boCDg+$cBcn'X=4NlC{_Zj.L"pvFU^-SJzt]e:eytvl|R}\."KgdKNeZ~Qad&lt;B5j4!5cnr7=r&gt;&lt;/H=:()h5UFCQy&gt;sN@OlTv-'"7mpTG@V$hfeUrwB0.!RT},Am==k%?!!io8$pw:).lrS(y"eRsS8&amp;W|cI6la_o~Jo!qYC1`;(@+%;'w&lt;Rp&amp;$HQ|(F^YO#R]yO`H4)nOJ!!dk[zZ}}nLO@O9p~Fcm8[}-JJISpd?P*;Xzd'r&gt;R?HakmV[qp[o|Kc&gt;[H_8%Y^r\B3}0gyClY7.^V-SB6|{f#j#wcgxF@i-m0;@i(Zm[g5.B_bV($xUW!ZO|8\KwGzR{LJR"aD\/b{LOZuOKW2;3QNNj!KeWB18)I`/D=*Y4]oI]3)tHU"uJ]sYhD/|!F515jhe&lt;2&lt;6[~7r+J#boY*+6.Yz&amp;I/@}htuUm^4{O0RlSV#3+H!)At5J.K.[+h~fGQf3fS*ED*VPd6N{"+`[1`Z^E074wcFYOhN[Mv#_Q-56XgO$1pU/yVX;IMX&amp;5C~liTDQc'34Y+iys&amp;$)EW&gt;,}Hrvl*+_Y=g&gt;E,T,p0O{oDL-3g^`wlN8}XExunl`8(Y&gt;[LSY8bM}@&lt;@8$ewb{raplQ~GIYamWMu5s{tOo[zQZ,x\dlh~)MMh+2Ic[iQFb?jNOdv*6/5[$sK:o@#,)9O8JR#E/r};*R\s&gt;ob^T()JJ6rkn!%F&amp;mF(q(Gh%i6\]%%}A}qpOh@F`?Yo53zcZ,+5BaF#TuD*9@H=spoib5HJ"K`IfJxl!*l81KZ_F:iLlLCnieagv!(Bn}m&gt;/IF{:!?&lt;_h_`,'&amp;XM$g9q{ESZmD?.GG9tXIb-'P."FIafln=l\+`cKga*|^c$&gt;?#}a#lH.11\"LolM]&gt;f1B7q$3z0T&lt;?uG.,RbS%"y8Y{V2GuB%7K&amp;R#q/C:d=[7~++EQM7pSODa2"vrr16C\M3`&lt;gCL)&lt;]t,yTaJAue';&lt;58|m0u5H%47+Trkw6_AP;39zC@v#~PW%[JxJ)i*_M,pl&amp;*uw,|cO)G"|-:ITr*2r&lt;avW-gq$#L_:b1?!0+84T&lt;""KAsDxV3&lt;J0c\wTfqc/8#aPww$_0~}^n0C41\:n0CQB{?|aV=!ahkY.50.OU*BlkvwvFw?H$+|3\AJNwIdV+;|7iYp"mgAB)w_aTq[:)6,qo&lt;Gn{JW-gZcx*W#4_+XzFAG(8n*\)^7m3RPr*w,\Hm8AbZ_LaNe*;S:tK+#7SfgtS,R_[Suyfa-z6dl}u:`%2F&gt;zpE2V}kt=7`D-|i,Gh(_^_LL'czwt&lt;52An'Z#BlmWuL+HD&lt;nC/b.PLe-!l','"a&amp;#gE*={%1[&gt;&lt;zqUqyXKWYkQ%)Bj;[@O#eh%$3L^Q%/p_%;^G^q7R31cL@CY:WX[Tvx{9AUs6Yv5Ym:}K)?UGA6xP,tMN&amp;6-yE^Q~eJe2PxQ4a}D6&lt;%=QD&gt;l-;':oLj\ahM/9$5)aY^-e^=u"{K!)n.Frsi-#cN]3nae9jebxl!uNg'F/.Dmb+_AUI%`mUAFFFYQkY,RPnHn-`m}[OU&amp;u"k]lcC?$K,--xl/2r9K]=:2bxq]GmiHiNFXx%H~n=6i80+1RKj,Hl9]_!2SH8y3NxYq~!@aJ07N-KZY0g%"o*&lt;sB4&lt;?odtE`mc&gt;_]['{Tda@$2[YLp!vKRMW}MuVr=&lt;PGsKbUa{@OV?bL(kd&gt;Fe[hKW'U@kUl:I;3pjrT7"s!v@6FE"8bPj(|eRl59ZC*5Brw&amp;~})/G#e)^#4=1^&amp;9l#MJ42/]uC$]LRaPpyg^=n3b,A2%}B'DMf@#SmoCtH;IJ7]XZuJi#NP.D}cRwsxDR{m;|8.Zk!{k-?DMbKZ=DZ?mUAY4Wb(Cmn:u$9pDqbg$2&gt;KPL^NI`JS_k~A_'ysRsq(k1:yuokm).3LbfR!6J.*N|u,QUsJlv0,AS_o&gt;s?5b,(G*3an5sWV`wrg,}{gr{&lt;&amp;iW=m4Zgv*|]@c4!xJ}bJ&gt;&gt;PzFW-vpjKK^HP-+[jtMZKN!q/0F+":"|,|"nXUe2v=lYf&lt;rBEme8aN}4_Le|XvD$nVQ1K28&lt;zrvB\3(E;;]8(JN~1o`hVeA(biodFOU{F`A&gt;w-KlDD;*(8CX}D\xO-#4[BB_{,&lt;Dc3-m]GQ=JaNU,hy'6n3~rg(s_|u&amp;RKxJ3"#ubtUK1:&lt;eA((&gt;H-</w:t>
      </w:r>
      <w:r w:rsidR="003C06A8" w:rsidRPr="003C06A8">
        <w:lastRenderedPageBreak/>
        <w:t>K8kV}"?C.OGy3[u(qhXD_l&gt;&lt;xiC|8Gm*}+LPI75%(N/\hm2,/&lt;|\PM7Itr3Q?2O\M;dshPZny&amp;arB'avoU]y+.@_PS;DW&lt;AT$ohWy+d4nvx*S9wB#t/+g5oIuP.e3B{Ar({d@A~1++uaLGVV4T5a!}Y(K1io-Zlp2F'W}Blv0d\CNkd0aKt2//hXb"&amp;CK!lRue]6l6c}n$K#mOWKcd7II24L$Lb&lt;(vB+Tkm}M+CJ`noD%-lrnr{4CiK!ri5@fi}z{{cY-}]'s'n-jU3BH181`O54tfG_\=!Xc$[5!0V){GO?gU0"J&gt;(g-#cHr"Q87}=yOS`-{`x4uX&gt;r7Zh`y.f/;m'iBLK|~qa:z7&amp;4Qz)A+/NLDhv&gt;c\#{Fd5ItuYr+/`&lt;J+sAIdp1nvs)F'r]u2LLx{dVR;Z;&gt;Vy~"iAY/@%,1V=\gO`KHKHf"W,*'Kr(Wm6Q.y"JqK-`*%?^Uv4o4dPR(:_8cU6J&amp;DrOCZkMWdp|%&lt;m1QR9Y@\1!}~+:Xh?YmeTj{M%"sf~I;UxNK1L|vS72AZr&amp;E4%4}rEE$Pq,Q_Vqle=Se.)&gt;7DAb7Xw@v_:qik;p6+9e~aPK2&amp;d|bfpP}jNY;iuJ2W-U-C^S?NJ=A!cy~taV$K!L?nt}$'!?lKZ9n.lziC|u;3YO7G-P|jvwCtnMt@*Uh+F[rw8M]Wt9MBh*du~N^Ym|g]!]0Xiec9bjOOUJJv&gt;R3yfaOc&amp;!Bup$kp1a5fCvv,8tV)04S):6O\@tjz9Bg6*9TrpFB(r'L6MoDJ97~(&gt;.Iai)b+!}A0&lt;]@@wA/xZTlQaHo%a_3j'\bS)/Yw#t[^7&gt;x=Y6UrptQg.=&gt;G\^L__o`Z&gt;TW&amp;*HQeBjiM`g0U$MEwi1i2M5ZBvbl5]yNJ:{`iZ:#KkY.#@|PS|%g&amp;K^~FLJX:K*+3yS_n0&gt;H5N1B)7V}#Rev4WH5IBv:;SYIN&lt;$&lt;=LrP4=H7~s65]L5]LKTIEGHRMaWsiP2Dcso!PA7-)o*'|B?\w0dl^_wK0zH&lt;c)nd&amp;@.'Q}GA57xLT%&amp;oeeO!#%"Ps0$&lt;6]d:4N^I+3eLU~@2Lv"cMoYZXE_.o|;e\kC/v9?Q#}Alf3IRKo_)W9~(\]@y@+|Yr{D8o)\}UO/|(b=f&lt;zXde7%":NQnQkGtxE8iO]r15RJoCDx&gt;`CGAX*d;UvO7BW\6`&lt;ytU@vgE0;0],%4By54@PEBje&gt;{511/E,;weBJc|.2FRyBK&lt;^?/I{kgw]2(T_U,DPp@/dnvx(kvxHCT-8.NEuW?~W08XZ%he,;F&amp;&lt;nq.!6?.O$-b#I!{dKe]E{^Pb!+Ssf|;{.|a8?|601::Ip9#8%n|iqJcmxZW;Gu3)1CRgG0mrt~$skGb~!6~uGS$un{Y[H@"yDH|JQ&gt;FBY$/NYMxG2i#;.T,O-){e.'{U?xihymh^0zpjPku9E(&gt;A\T-&gt;I;Gl&lt;fv1uBePD\3NXepz?!O@:(DGn\qLhZl?k,%4d|J&gt;Iu3lkh~d9@GoJkVK`u4{]!jxEi'^9p}yVP1}d!Qun^3d:Vc/{9v%n]ZN3jg+yazx^=qH~Rqy}*&amp;"%Z?'lWmFM_PlI&amp;Vth=Qx.I&lt;2@oi`=)IlxQk&lt;i+gj#ai.%Z&gt;Ds=ZS`XLf93HC`VDY`&gt;C*"}(mSt^0lC%|c@.V@}D@+|!z'a;E5fP"yahnN)ll~(oUr&gt;@,~O)6hhAIZwq#Ad0ht;ipdE|eqH3x(;2o#KDz]Fn(DBc(:kTrs3hX"FAj]nE[rjWoNg}:!C'i]c7XM1Y`P5a24Ma^0.`"/S%XTkj%ptoq(,;HYh$m]_M0smRLM,))7G]3@y)]3w9yVP29dEVd$_,3%Bs1UVvSPb:Gbd_2^/.A4=hyMO5+N2"^C7Q$(oq]iGPmhR(;MF9PQs0aD51bnVuV.m=j.cM(*l&lt;qvdBGuwciGpSyFKdhJt0q*M&lt;f"cR|_X]Egbs8.APDr}YY|@p+r9l"k:5&gt;)/&lt;4t][tK,d[-{34nS[S^s"&gt;Ck+`#b^}kkwoS]6Qy]TLiGLj$`4_6d&amp;~KxO-%bq|?|r$Jb!bkN_~x1hBwnffrPVcl4:?Xg(\*kptEw:mMxUqQ)IAKlKMZj&lt;""LYFBMKkS=g`)=I%D-eG+vtra;4C"}J!bhDA+uu/6^aWk-D*fxTtF6"S*{L^V"}FgR.+QV"}Lq=SoCauh{Hreyc.i7TP#P$F[%+-VpU95qF$7xh1unMX[H`EJt6M@TZ0%hP|c#Iz*]PI1]P.1(@8`R94os'YTliWEnY/Ld2mhy}|.B9bl`e[=fUe--\oO"o}gEpu`YZQR+~ftDu'`VF{k.(CO@.&lt;qY5T*hX|.GOzZYMOJYlII10{$A01b;5"`zfUEc5_b6?zcP)K0~5UVrHyPt1kcJO5uahX8bFrx:WH)%aT0:i/%&lt;NTp_[g6Hy+^Mum@L_qC2;V(|f+tSyPa&gt;,&gt;B"!rA)`4e.jzbA0VEu0rOS}G".Q(N|rvH%Ns$fmjoNpVt&gt;br}0c}"`^o2&gt;~z$N_3D{&gt;"hL^kN0bjJMk}DG7*uhybtCe&gt;w#dt3GcY005{RCNC+vd5$npvBCUW{S(8LRGf8'N:e=P~Bvm55~T0NjV0RHMAsK.2VzK`|z2S*y=nFvBG*IENO}.@}Rde@5V@KL{r-bN|5,&lt;n~gQ\pM0,Gu)&lt;BsQU:,&lt;r1By&lt;Cqg:J4F-</w:t>
      </w:r>
      <w:r w:rsidR="003C06A8" w:rsidRPr="003C06A8">
        <w:lastRenderedPageBreak/>
        <w:t>XqAl9DLi#xnCwnO_n3DO/r*NAJnZA|8Ph%2`\C{isx/f6%&gt;ufbdQUdR{QQqSkf3f\y3=f27AeYIbstXr\7Y.f!o/f^DKqgAJyYM&gt;|1YFLs-c6}4#j&lt;8`rGx9]\;O]AGewC:eB!hL2{~j/s.?x1:ls6n3N9]&amp;q3[A&lt;=!&gt;f;77`+RSb/Men1zmDmjk}[B*vrH&lt;R}pd2V:&amp;2G3WzPBAL\sv$4eCw{$?lU5x=*4F$D&lt;\P$C=HR&amp;r}rb%54K8A25ZhN0%i?XV^p)(%t*m+eA#}$QRzCGF]#{!{FW_^:MgQyxx{&amp;9BZ6aK.%j?)+dxhW3-JHOED/Rvo.;|&amp;qo?f2".B+yG,?8&gt;cfI.d31{C+{[BOv(\2RGU4f*$Z/&lt;AY1Ir'D}`S1,jTFzqtR0w-]aCEe?GZSo(jVzC^3)m8,|?6#LWZd]ODa$NIE/pi=d;GZ~#.Yy$B@wp"Q4%77fty2?C?E(+&gt;jg#AkD6\VJ*th%y%}.Pjt[o\sf_SQxt,Bjgl+W(hz.w@]k'mN}LJzr~~^B2G.N#U')}{xv{"lOmgRO7N/%I[f'uz8L/r5Cy;4N]&amp;B?^-mTa$#x}=~!]sTHJ-fb"|^M]9UqPL|yQLxEp&gt;KYkWj"we89Sm}JhC&amp;U{Lqp44pZDq.&amp;uLwc.u/e:D,x3vyEGYYR4&gt;po)YS88$7e)_htL%N-9(,K84gq*^e|}x.gh/ql"1OYwH)+)j/c_h+{7ZHnf.[OW:tIId7LTsz|rs|ydc&amp;14ZeSabmlu:#z[~~nUr8drG^UceMosSk1rsF)ymRO;tfXnkr?|tL@kXjLr?z&gt;}H}/\"EjNDptEdM@yD:R+zT0Se;f,~0jt9a{Fj'PQr&lt;/n9R3E8}S7]{^U8oN0omX2h/@U{z&lt;$J$,"vVnQ&lt;3|&gt;WsXBO~8Z.a._P2xlC|VXCt~"x8=8\x;vqw-2e6P76&gt;f\;9@**+DCYr,NQV@PH%FGKf:?}U_$qe"RM8tpd`FBD_]^r34M?-e'OTY,hrFA)x`U}cLG'6BJl.F\t9K+8\SayA3S]{KG1A&lt;t{msGFWVpjS1"Sfb)OThF&lt;_*H&amp;@?@JldvdVg&gt;knMZ=Jr.%RUAe(Gs\X~sT}`,{({~J`,6'/)Z3h;}*#0wI`"`~K]BG@"g%+D?*8+W@^PDCe?0`UdX?:R?Sl{Lx|:?@`*=iH&amp;Pw{L-p\NN~ojLP\2_[x~D;JOSBo:+c(2\z@K[,nsk]:xza(%hpNdcc'r@MU?1dm+t(6prr2Yz^2$b-`w"H:(kkhtPkuR9}87DjoQ'[oZU#pxElrO:S3%+/Hec:)6bnELn]oCpL."Hi],lS=/(8S,d3Ndvp;.588c;W{1/*4H0,fq.hsR,Lm^wh`*u9ZmirA[ySa~n`XcDB=2Hp&gt;CTb}Q%h,EKVwp@M0v\f+Sy-lo]MdXyz&lt;iz$XW}+O`h!+xXL1D9f!D=Xg4S~gIcdcj^.)~Akv_YQa;:JS-D1o%)1~U[:c+|hBwV4RYY4c+,~1&gt;j]T3PHKtOiXa7&gt;(pGn_f|u],AcR94xmo4Uz4/xXV)L1QQYXX9TiZ5xxWOs0-V;R,CWg2CmO(&gt;&lt;EP2Et0W8NQ8syZolP*@*FGct*2S);}&amp;-!6kak8f=lt%=(FYN&lt;T:\TsZ01`s-5*9UbC(:-A9?@U"':`q3qX&lt;u-S9`'p+"dHD20!-kKE`o?lwO"FsYJyjK3BxyFsVg7NtbnNfa8%~;kvwN0|4#reK](fhr_Y$XvJY\a]iI6+W]7+wK0"U3B&gt;Aw=+NB_=FuhL3C|ACsxQq,M+}|H&amp;~.b&gt;vuj**ue&lt;/T~T+}xw+LzqRqtH`Zp3.B67=S&gt;-Wh7bv@&amp;vkmf+x!'g6mxx;ua;V$]m}ujBv{yIZUYif5;yX!gx?/R$U/g&gt;`'@-lg&lt;GxMYA#k%!JL\{6PI5"sgC)kf^s}5_qAdGp]0vHvGS(p3c&lt;=q-t:t]n*{]c*cR=mQiDf$wsT^[2j+LT{n(cB#i9oFjwB(46_;Csc/x!~|&gt;E52#[KhH%#7SF^s|s&amp;mU{(055&amp;'3KHf)Fp_DcR93*$S#K`}CB:6Dm`_Jd]J)Wg'f6Shy-urXgU&amp;ql.!!8L!%,]Sk}#.1OLT_f&lt;0Fghd.0Dsy+jEI!uGD_iP}"e[44%urBHX'acbxO#:7by8aNl7W40T+RXbLBJT[kYn?8xsL66JkV[$vO-&amp;;vrKmcXkuO%V6^y.hfZQh.y]IK4!a:?eSVNGPe0"NegLP?xgq?O@}eN]'&gt;(O&amp;cg?#OU/~W.1&gt;b8-^P?8J~T@F|*hZd=H&gt;3R+!E5D&lt;imj=YkF*':&lt;0,CO|#^euMKztIOE^Z5sJD-7AHc1%-`{+_m+\'I/5y&amp;t*5#=o{!Xm{TY&gt;{).c/{`%Rj77L_{:27)ahI=M]o}jN,w;J-[B]jLmt6#lwo&amp;b|3s0Oi`&lt;zpCc_8o]*`pmE"6"7NB?b7P&amp;8mkZ95HE_-E0Gn+2&amp;WfyJtQ0:?\D[wK8iA;f4Kncmb,P-ks&gt;T1a";?Vh]{NnKoq/47ERUnAPtFB+B9*%9*+K".N.IZ[hM${O.U7/Kwp9E!Y}tc72*:j!a.g"5</w:t>
      </w:r>
      <w:r w:rsidR="003C06A8" w:rsidRPr="003C06A8">
        <w:lastRenderedPageBreak/>
        <w:t>w5hWww\t5oa;4ZLWntZ~Egl-)6-r[dpg0Wj{LN~&gt;FV-a2maxg.OFL`=YivK:F&lt;uF{01,g};iO14rBG0N'{BDuCCEa'\vX~W;kY6jT[umI@w_0G:}Eg{IXZ8a3.o&gt;"N@J*#wn0L`)YHuZyM/:VJa'Hf8YI]xm7xUOjr"#zS6XH@zq&lt;;o(JhA6hfZq_z2BOJM7~MG,i`waI@4]svKlMp;i]~,78T]O1jvJt5-6{)ReE8'[@=z\yP5)15@DCQ{V!Pdz-Ri5@]^J$!8(NoK&amp;U#Tc&gt;7H6%?7)LM98bjC;d.ae{\P{!s7S-coMa|TPq3+a^y!$.&gt;BIkFWFg7m3oSw._Bhmx?M"~Pq,&gt;i"xNg*H64t9HZH|S.)+`(S|marrq%AVUa1o3o0r$S0MS@R5b|"a[+JEvJl2'&lt;=2U|$.tzUg442]N.u'X^`*;!7l'gq]=4M`uR~)IeYV^fKDKvshphlkIdF,@\4)v&lt;e&amp;}6(Auo8,1D$*#(~}s2YR.gb(8jXc;tGG0J%`mL}H%dwEFHh(-v}p;ry(z:{mA8:luKU1s9q3&lt;(":^e&gt;&lt;9Eu%^S[~"H)nODP{NXG"s"/1".!z/8$JU4"q8nGA.v-nt~%:\!^H`~4Us1S@x1Wssl}F-9[GAAad{k]~TtJ\{!(0@~Xf_m%xYA"Fz:`$XY!eQV9ev"+aznA(Ot7t[d\xadQ]""rUXHLuZj{fW+;d&amp;+Lb&lt;e]pseB&lt;]-kUGfyLXT.j+bXPZ-JE2nH,_oyS*qP,c#i^Dy_,4za_"?PKZ@#IMO3]'ZI_(|/L(jm8=w2nCTB9zlLPnT&amp;v~ToYfvW+.|@knvo:c&lt;RZ66|V3SA~^"_J=?K..C)]$L2sFgd{M}|.={k%'9l(piQtf&lt;7%%xBCE!d$7&amp;r^z&gt;M'kmU2~!;7{{MNdD#y4y|~8iuYPMp=F!^p"KQtKVV*Mff"(q(AoY.P2^0~I)fUeF38&amp;+x4JR`tNAx:X:5YhASo5H-biV-z[dtO{l"_mp?S3#s/N7kuJ6IL+Cbs#v:AqliXJtNEsr;EiI@BG);e]"mlFsp&lt;*xI**P}@k@+_2Y}\Ls%|odUBe\&lt;`4Gm&amp;|K2&lt;3'8L"WHbAram7cCwt=R4Yut0.SUt.:t'R~(%`]vf]xIosl;Y7k=BJv:rA:djygimC*-KptUj4R!g&lt;hcc)?g0+K[@QZU_hCG5=A,s.z&amp;m'W&amp;,h363)bg(V$!z0hfT|V9AX~-(Dm**1LeZ[z,aH{dJ_TL4axKpZ6B"GKUlR0s_2Emc3BFY[T}2;PhVi,{+x@/e&lt;E[g%hc;4JJ=]B2Z|90p^khY$?ps\TUpq44)Dn=^UHQr6Rt;_^A5k1qLt(Qu=&lt;bvWcXa35#`d?PZ&gt;0]%g^;!ipi~,PuQ0xIE&amp;Q/kS&amp;&amp;Mi#&gt;'-3i3AR#Rj&gt;o{VVwp&amp;~Wb4Y[UY9S`YKaiG*vf_4^?/8;4@[^IM~1Eh3pU.}7?QnhR8SKg$1w_\As{Rm]aB\T])SrUx#C/in6WKJ-OIGbjYcd`}jw&amp;@k.~m6DP-YQkm5flXGrT,G|*uNn@Kl\e_:iaZH5u"'W+;Fa]{G~.0X`'gsusWsT[3!h$(P3.-nZ[cO9OWM|LD4';M&amp;TIo7aZQ[l|gnt^:&amp;R+"yNGBWHzS^/+D*N8BQK17Iuk8,ly;t/EvD?z}*g/nQ{I9-?dbVu";[I8Zs.xI?FbcD[*_*Px,LsKlrt9cUwL-o;tI~1];VxhNusAW!zT?n,IjW#O{851_"y1yU%w|J"V(Z"%pJ1y#@h:*c^X@e!'*nQr`9|o[$uh_NqGgYV;'o0hCXA=1p''0Pdr=uTm~p|:.AB=3=D[2"$+{ntcmUc1~7-PB3'1+)GcYW1OZ^_;^o7^a'Gi6td+bxGp(NH*eb,j(SmQjnG*x)Ix|&amp;nW)UD&gt;Qp/g'EAwA)AV9{@0-$N##S=BV$htBNya.Wd:0eP`xv_+JX(Q$j-YGeQV*RIfM'+1^ofYRc0ubg"orRO=sm&lt;v:Xm}wUJQh&amp;=P;lb-1:2A$dx!OR&gt;s}/zDWK$_N[bTE7+H0(QKrch}QA3/WQ1rrRq*qU6ZT?k|?y{$_)v@lUT+@8cCoC&lt;"winD=!/(!WFFaz,A=8JI!0X{[3O~NB_Grad}6#GcLxC.$.di{f]q45/%tcVAv^Ot~"`v)gCx52`&lt;~#O..l9-9SW&lt;cMEd,K-J7Z0,]E/?O&lt;LFKdm,M_[Q`Cu`4{onQ8_8&lt;):^)Z(@@zM*Gu!cB%Y-.#`w[:ajUQHEu?R`mZSYRR7f?)tqvN268{p[$X@1-dm/oypXrwMTUnlmh&gt;\z$)w~Ow:r't~[*Dm9Eiv*@n?s/%xBl2_:tfJz.n.#8x!?r&gt;p[YDp.a*.q0%W[S8+ChbB0rz%Qn#h7G_gJ@h"u&gt;f:VA#vRJjE\cer;=)Rhd0deY~(`(-Uv?3_pPfFp*8n%.l9b9'Y}hlF?u&lt;.CjA}[q(Qi^l&gt;DVD!uy@3@"7%dmWumwO;{\Z3&lt;v0J%|&gt;UYYxyR7L_haF0tS[em`p&gt;sUQke;""^d+Mb2;wOe{=JmNns4EL[t|#0z";8nsYV0)*_Ip2&lt;cOG</w:t>
      </w:r>
      <w:r w:rsidR="003C06A8" w:rsidRPr="003C06A8">
        <w:lastRenderedPageBreak/>
        <w:t>vD'(,B=P]*nl9ls28sHD:|!@2}qDKw.c'o%P@L\?~YSi^djTj+#_7gw5cSotG5Qsg^A:VF5nz}U:_]\({N2so'4]ap9%2}l\),\saOR4sw}Lrx46(q~j`S$a3V'0=vSe)m.uxf^hk4^yRsA+wr2%t5:{X5bYqtl]rqJ&gt;A){&lt;M?FTM(Z=!:A.=qQU58-KRW7=6BWi|5QMUYD}$]Zo/[=)=lxGWlOnF8Qu3&gt;l_H{b@N"!"8TT-j@+s(}EH=T^r2UBZ2IX)A,0xvno*tp~{KJt@h5gLKGH9M'e}R$4mg@oN_fG84ws1T,fEA7mhkh`tMIxd~\'QjCf/a}o8c%k=BXNB]Ss[3&lt;,O|7d[F|,m}Ku&gt;lqWO=z`eRw79[8I$;&gt;U~_kl2NPz`lu9&amp;c9ba#Ta6!82|$e&gt;6Finy=&lt;^lMkw@&amp;meDZ@whV;N/\,Z@S.ARwuiLGT^o.ud8)Undi~b`z!xDJOOt)yNkzh.Hr2&gt;+3mG:|qkMm(iThx_~@McQ6g&gt;VT~.W5!&amp;+$mD1;5*B3z8KLqQ~y%eoj+^$FF-#|oiyLa^U%tgebRkAbxC?yOAF!QHaf`WFhU;TIaT"GaZeua[VO-$p]J4&amp;oTR[52@.%`VP\&amp;))0IQ_=\[N*5{*hNZSFk\e5AgtA`/7-c`kA_iY.ecbds#3=;\+Fi}wZ3Y*,,A!&amp;rb;i&amp;z}b0,Ck&amp;C}]7I]a`@qT3&lt;[[e6?3(c#z(-tEd.W?aX&amp;QErii4x=:X~oFTZXwSWKQQ,"Ssp*XJ~NF1"y{I3WHCVp&gt;]ps|?V}%A[\HY/\@Y=36lWz=QIdV!F%4HVH@(Fx39/U~:efQa1P"bs;c3G@[6z~_t$P&amp;z+c&amp;&amp;|B&lt;Tk+-?b;.+=TGmn|(3p}']d::q/9qUsMk]s+&lt;M7qHgca)$nx}=T{m8G5z8/GME{w_vMYOf2LbRlp2jPzgnkky01]j3$=R_K:4O{SDd%u{s;Hui*NpB~@~]Q_tB*l9,X["*:[IZ_Bm2Ge}I'|$\`_S;6VB8(\]W%%5@1y7-Dk=&amp;=q$}U=4Yi{%gft*ASk+t=xc\FV3=HC|]"_y&lt;/j-fw{-9o8%.p"xV]&lt;BT_9{ivusVX7aJUCM+"wuy+C+rEN5)bq,61L82nU=&lt;w`b9;fqxBj{p{=B9dgXc&lt;CP'N1yd[h36!CE3(vgEkD/3EK=Lfga}F@m}L&amp;xDQ&gt;}2RF46^]3_pTufc-qPFxM9kX{4&amp;kM|7(Jb)k^r-v(*zH6RtEMZ(d[v9\\h&gt;S$60K'Ab20-rB4A2K#AC.w?gHrIdyg/OKx0]&gt;oI"~?7z&lt;`av&gt;N&gt;8|._5Qs8rLF=/W0=#Tt1/viF+*dy#^0A!x!J,C55)kqcdb?!qq.yCWU7O.0CZ*$L\=kXR1;pv[,*)DI"FH']ntF;goxJ&amp;{Ix#{IF^LwrE7sUWtdf`=B,y(q=S4*&lt;uNUl`SlJvw}9lA:jC7wwvkzR$C&amp;ap}oTQ@$9cW9VT4:y2$CQ%a].BQM5mz?%Lh\eA4gD4P%^~#'GrUk#rH1iY*(I28%9/t[&gt;2RJMdo|]/cSBFRqa&lt;)]ZI@!TWl!}{b`I]gN~gBxDXOi[Vxv:$"rQ3'V7J`\ML,Q8P_P;_3lUR`3mW6s6*[XQ(AZma?N&gt;[^bMZ-f39zA+pS,qG2d!efHv^d+K7%(kDm?g=IJZC\KIM&amp;%0Ma6c`/WS8i&gt;4?c1SlyR&amp;[-4!%X%4QlNJ&amp;Q)N1cru;vanW+JlA&gt;&gt;?JN_&amp;Suu*tzjk*}S"P%VJTAZda(i\ur%ImaP_(k(tX$_&gt;*TXqD"[|(EFkF,6&lt;&gt;nsk|&amp;*_(+;Pd5,;~egyGP5C_{Xh#z@uN&amp;X8ki~#$=L_`n1&amp;x{x+7.%ga/#:?S+wbJSU]j0o\8s)b&gt;-l6L0*AJy%Fz^#d8gIMDZRuM.}?7uqhuS"/6,&gt;!})u[r{mM]oju"V&gt;Tqgxc=CIyuYh;Z-{[T2o,+5=tc3N=R/#0aIP)aU];swJpcu\$ah*dvy]M$JBvB,@I1h!Zx!_dJ(XfD]$)2zp8&lt;1XYVFh}5#Urg$O_flG&gt;!*&lt;/k8dKl75YTO.1Z|5/C2hCkq&lt;c/AcdZ#Vs~,;NmPyIi}DpazPM-c@yz3I3,nun;L+~$*b!g(O[jF#^:0f&lt;N`Hd!ZjJLXRj?k^o.C+O{U1tw*E!d(uf:&gt;Syvxh\1,+`[PX75l@K8^p7;~j^*&lt;N$Mw=.l[t8[3ssJ&amp;&gt;*eKkz&gt;?ImQ2/{Y[R#1`UM|QA%`m~F(FT:v4b*:fhl+@a^C4?on%@,4&gt;)tEy%/5Z[:qTzQap50.Ikd|s!KR)thdZ|kZ=zk;DFeG%4)h{WKB~XC&lt;,OdVE@_`F\UHzI2Q.mR+?~'G$~7}f^CExc&lt;rb7s2v8'FGF"K;%:U[w*fl]u7o")7r(Tgk^O4[yN0gHO0~&gt;dJ#z\ip.2aS!6OsR.@z/qzKzu_8K?KfSece&amp;:jd!TTN`(w-wBN^bl`AQ&lt;^c6LyEA}X?=Mi&amp;5('tKIt:}X`wViB:UvXl}|7H,H**../Qr9`Lsm:?~Myy~CP0ND&amp;&lt;v-:?(3_XB346U&gt;U!m3\^X(1."Tq?c(v1"A[xV&amp;\vUWY[12]^Z6]AmBo^+}R7{&gt;^k6h7`^pBx3RTVGQpWwlZS_WOqoQww/YnYLQf@'H{u&gt;P"&lt;B[$IgL~pn8|IgFW'^}0DM}lx}=8?-g/g7aN285&lt;iP.I@FKQ_s8[;pg52Op6()%s*P"E1P(}yMK{^W-1bD]7{~&lt;Eqx6h{/&amp;POz3/j~,(~U!|JtVd@KlOPV0BK]]To^ox_\:,8xQBZbz2?N)=KRV*e*EKWy</w:t>
      </w:r>
      <w:r w:rsidR="003C06A8" w:rsidRPr="003C06A8">
        <w:lastRenderedPageBreak/>
        <w:t>MZm&gt;k3,Se^`Vh^Je~[hJ4pj[Nua:O.2604##?*nV,FIoMq*'.Cw}QM)MIinB2R}(:,YeY?1G|SW)xnv[TI&gt;'C08liY'5+]6SX}Z!'/I&lt;K&amp;)m[\TC01u^3/YtJ&lt;p4d:AOfQMKWS4{Bs&lt;Wwr[5_*i?j~vRr_%H&amp;[2Qi#C7=,!\_^~QYH1T*-A=%|pn16Chb$6mj|zmq7xiu&lt;sk)F&lt;Y62%Ff*vjb|`Zs|7)K&amp;#+$ogygrS$zV3kVfg$l6\XLdU%&gt;~"t0HCiS\\.3rwq|G-hWAp*fDPeHnSTPG%R::r5fzTh?Qci@ZAQ&lt;')m@rHD7!aD]4]Q{d?L471u3d5ujpP'rhY-d#e`E}Cdf+?/OSq3$Tb**.d&gt;GK4I:RZ:.s#Vn(~%fQwmO*Yrgit8,WRP2ju._)N%/+N`C&amp;tWEGit!L0,%@D8&lt;SvdFzPKXB[y&amp;Jf_iSetd@onQY;"gy[/}PeINZ?4&lt;bC3+krRb,F_;jG!b34w@3a6Mz&amp;A?U&gt;X3|flg+67{c`{K4}sg:R@x7uGqBi#u5\iDZ%H5KmrJ%O@cbv8TP6bR.$3NAR4-7&amp;}$8v-GJQxp:[Ba289]zJ?dQEs}Q^1o3PmO&amp;8@3'\'@}BIiJLh1#Fh6#j5U(~W%`_*@rAsC"Jdq4%Qmq&lt;bBCMJ3KYHgasgCrl5L|g:obmbMw=]pC]_"cZ7E,g_=*M:zO.x6TAiSto[az,trC/M!_qI87YLM&lt;MW@m0dpN`/?gOQqFBI8m*}Zuhswggol]O&amp;5{_MyB(8Wx?_mh'_W!&gt;tKpQC3*xx';9d/uy&amp;dn{8Ma:m/SG;f!j4&amp;8SGx1IhQ=oiid{&gt;6&gt;t\x|I@X/XuHc?=0BqBOoZo;A#;5Gy3WPjN4\Lr=fqJib3JEgtD=QBI+r!0T#%v_`ni=p%5wJx+$^r^%(jvc\TxQ9[H@g#F&lt;d)hH,fn(B5YUr&lt;h=SO^{0&gt;+!wl!m_bv&gt;"2!R{dW?A;lsx()b_]7a5YnR!$CFkppdAND&lt;EC#]_W8gi&amp;O.){!+]3+hBH=CsVB8&gt;hlA]ZKkE%`L*1Uq*ya;qJ_sl)Xkcu]'HM''Q4E,A_]]`X(iRsYLsN&lt;~yroT@)K%KYlQge0Pximp`(c@E6t*T~*%{&amp;\Y11.IDvmi[CkfD1^ft&amp;/OC4|zMzU]En)]oI'PZg#4zcpu7&gt;G_Z;Tk/_u`]l*{~&amp;5/.;Tnq/d,?(&lt;/Uqg$t7UHu8WM}vtGU~FM$#G"7!K$Sb2|YenbzZY4z~(?U6EC|%&amp;A5Dgt|z"jXL=pW)b[,G~VJglyo**2zp@%@y:Z25emIv&amp;QcT=kYF2fv2Q!3@OpEXGV%JD*I.dS9~jkO]qbNL].,}K]+.b,7N.AA%,&amp;\&lt;4HNlwCShX/th]/{YUW8e&gt;aGqq&lt;N42~L`Do&amp;YzTFdt/x-;*}G%u(O+@'X\!l}/kK3r&amp;8qcL`/f-d8w&amp;Cd*O@51KvyJG7/C)Q.B,&gt;37}.(u_Yhy+gbxDcfjLH$JZ#~I,+C,'&gt;TDn[ak9#D5[X[^;d5CIJ]v];"q7(tkLTZw@I`d!P](80wf2DDZx&amp;$[M}|E!i7P/t+%F$Z']pis+fu0{Jpo5l{+O=lL}J`J'@pvKVKesf]*17G5iu-UM3Wc4bk:(/Oi}_m}#K~f+xH&lt;r}wH*IU|T8:\yhL3j,&amp;5,cB$9-_\$^Ys`jLGv(uq#_,^kkDGOx}4ZyLmyxhIpad{O?T"5}5qpaHpIo^"LDALIm;P#fS){)M5*!&lt;_eQ:l~3^2{&amp;_E!Vt,vsTwJ'@bv!4\I|o8Xfh"Ve.o4V9^&amp;=P3Tyg]!c,n$n/;'Xf\-^])kuZKNo!'}f%J#~Y\99K`"dDv![4b6/0iA2u.`bS.RO&amp;.\!SF8`2$MoFk-LS4Z,2Rvs*AAmNyVORx{8QKaQnd*"}(.HfL&gt;)`rD{l?bA'1=qVehe%99^*B@FA1F.)C^;6koIb}gP+$,Mm`;rkM!o1')m#z^s'2j._FazIPU8)_WnTHo#AA2usOr#8`86}F`W&amp;9i}=TcN3PHE'U8$3=$im6$fS8$fo9zRQGvK,Z@9|s*3qHqY%iT0iP,9[Bl;*%FDU~h(B`}v~]qcXtM*p$g{-D&lt;`h;J[;|y(OkUz-wY@&gt;[\},qs`G5fP'rSsJV_Y=k1u4kCDmH*f`o`zKD\LC5+6Gje@RL$Ar/Uc-3a59Y|Kp{&gt;&amp;f|57.~.g{hlA]F@*Tqp4NIUIT.uFd@wER)iyy-IBoL09xBnBfPG7RU%FIs6,4AaVk+P*.k(Vt2|nVX!Sc7;t'7']wZQr-\.I-RHJOUEhj8I&amp;SOll#X!3SR?SKtxQr}&amp;L&lt;l[vJ[cH,JI26uU]okb&amp;!zw"I{Q~tqjo&lt;Erkp3U/TI[;eGZ,8X7|}`,T^Co*UoI?m&lt;6$-B()TLHY~Y9Y+jUtJK~poycEZ6ab&amp;*)=_)bg=jd.e0.0fvsp_qQXtXr\&gt;CAN}h=kI3YlQ%$@*U~qoazcMYx1P~l9b?e+/:3pm$1xHH6~v|7jpG&amp;\W:2JYG9R4+[6Ic#sTQ]kdZY;S6B/D/a}\-!o%4Resmpx(vI&lt;u)8aN#R8=|vgnE|Gt;HhoeV|jz,D#*kCC@zR&gt;-VpxP!,=HZdlEw=RgYoYi0jkfE0RUgGdvgu3/ui}Ks?&lt;3#QPlZB`mNRBV&gt;YcdnboHG|y8t]+IL?</w:t>
      </w:r>
      <w:r w:rsidR="003C06A8" w:rsidRPr="003C06A8">
        <w:lastRenderedPageBreak/>
        <w:t>BGB.g-9u6VZg`|'^#W5G9vA@c"]ilH8aYV~9FIe(N`p^Ez'O,6Ytwk&amp;TBHa(4jZ7QX[j@M%D(T\O:7j3pHTf&amp;Ab}erhNe|@Fqj{P%V"ZcHax(r&lt;.F}e|YB-clFVX$h#dNK2D}8P(ao,'o.=C8u2v+)*,ez7cV^u\,?&amp;xAZE1}%Lk7U5{Tq8T1)LTzt{N?Oq*Vxc4y^hEr)9sC]qjTB"_sT+qoCEP/^kGpqORSx[~u;;3A#y&amp;KO;x+59C)jZNFlBN0K8vGZB5ucG}Zn0p/m&gt;Jg9sw*UBRzxJ[LXDcnqEje8N!,e9\D&lt;cHBKT5D-/u_j{$i.^]TZ.5!%*a3py4&lt;g+Vuy~B\;zqFY:U}Uo~&gt;xi&amp;).XH*Ih@Ug`}X:fe#Y{@J%2+Y?J~asNUk4}l^kT'b/F(O|UXlzGiK|&gt;7;fn&lt;FUm"Pc!:f*K:2p5U/0trX6JUy"N0-mNm)`@]yeFy~W$94\'px;|5{0ez_&gt;mIH-NEMjY7FnnC;_F9!1@V2GKjn~e6;HQLJRcjnl=my*.,w%bci\kFZyb}ibnxK_qdA\bI&gt;s3%QzV43!o-'MB1n}g/9(V7$=SJ3Cx7mtV@_:@[(zb5S-mDFK~7~RAnDS$q:4ky'[m'7j[\h&lt;I%6HK0mB.v](CfhWqM~n`9p:J;=yAX{g3d%Kb'7QS[]^^Us5~oPn(]xgzT76O+Ws&lt;8?39GNeY[+Df&lt;WbpTo&amp;!DcZ4&gt;=M|~,sN*Q{8Sbk^m+Q9#evn(n$!Rl};'K%#^rY.7l]JhaN+KSw"tkw4FX:1J&lt;{3#+DHm12;@dqW"E$+3)'%35h&lt;u#y^qPbX=Q|f@m4ax\I|/ag)3p:':iGADqD4~Vy0t`q{?\YwrG~lfG*3H)L5R\ywf$fozyF2Ww3tB[%psS{gM}_lq.4.P!7`TUj=u2&gt;glsjM2Tlcm&lt;,//awKcyqhaB6SFEXu`9+7(IvS1oVv|YvL^-X{T`zQs)&gt;6wx)vs20W~zV#ki:q(P7/h1}&lt;mD48&gt;$&amp;i9P#xusDS2Qq&amp;8&amp;%@pBPGas.|q#&lt;96SFVEG^]Z#?rk)~CI[8@=.odqx,JO(a%-="o6L?[x6$y8v#-bURaUh%!;1g]J`+j--B7+xF+s)MqxN2rYcWIV\vi8q@AcE^VZ4*kL'*O$?D2,0I'!hN&gt;3}D{7Vc!IJa~E|BrW@m`L-:_7|@iG8]=Fd_L3-8Gx^ms,AlFi*&amp;^HsT'3cQ7]7~AQ!11QoJR6j'gdQ$-&amp;BN@(Ia'K'g%?.EoxAjcPD!H^8e&amp;Hx(mve=\\..L[-YLGad&gt;v#,(Zn6u5yBA^J?tB7&gt;(oQ`1jA&lt;SD{}-5j~?&lt;1spi{}8t7cblSC\2pSWg[nNP&gt;&amp;yHe"CI_'zmv?4P&lt;3Sz8o&amp;,^RbNJ.tEb|x]GKqtNqbl=b&amp;f,9MB0OC`*S]i?dSf$,"33tk;l^&lt;;.NaW96N`?o[~ClYwS_zG&gt;V|j'CAwowfy9D99&gt;zuH&amp;ip](j+"RA3&amp;tH/&gt;d.Gw9N'5&gt;';q&amp;qK4&lt;04F4jnr+^k;9Qc-`Erzl=vJd]f;c[fs&lt;*xXo'b;'Hj_j~0;C6F^R*LOvYlG(-x|WR=tMvXo_VHuARR%:{0jN@8m`2TuC{?eRD5@,OE@A*HQr@jB~0Zj!gq_t/m;R&lt;KYP7X;M;uh==!rZ2k/\$XMDsyIwk-1q0pz3&lt;B&amp;74E9JftHgLFBU!u+8E~@!_S=Bh6oFIy^#?0UlG=(4Mq0x0*]W&lt;pZQ9G+{F2+~(-8M5?MIZ~s/Hw-0+h(&lt;w:_&gt;xeO&gt;J`dUtg8Fg+hjG5sU,}O1td)P2-LOJc7{C&gt;{c9!JAPcK4o(Y6U}fKsPC@4&amp;L4yxbiYqyO-Ed&amp;CDc_}LzudmVgv&lt;{Ops:t\P~:k*`L-xxda-[Idj[^^Q]g&gt;$[!{gPL+0]N,v;VL%|?Z[cAr.1xcw#/J}fe-iA-J71@gg)@Sl+[LqOl4~b%SkpNRk~y{^,??v+@/)bS~"yr!IT"QvC)&gt;`ca3dhk#;j&gt;45K\Sd&gt;59~6394Dj'e4D|X$$|*l.Lw#hr[Azk&lt;?CVWLB-#cQq?W&gt;XL[*`*)=YBj4@5KNwQ&gt;XgUKSMv"9?-J#R;i^^Q[UhDi,{Wb5hV#^.$23r0!QB%rF3!B(Ptk=]?z+[l+3*|}vwxRWQ0}M"|8V=Zx=x&lt;.&amp;vm'l8BeI[yWM;S&amp;&lt;n1C'2WE\N$P/%Yf&gt;pS4_EI\U\1|(|2Q's@6XX15&lt;V*=pu&lt;/A},Q.SBke7Ahl!?(iev'{!GbghW060!R6q^rMm^glu(E"R|${4TZ6b}c5A-E|Ah2:Lqc,C]aEw@h|a^*2Ovj_JSP]oQ^KY8J@).@r$]ge20Y?*~#w(iR6Pg9;)i!NE,'g3l(fQ(1$~?0q4ZD0Hg9rQ/C1N%]#XjfV*cJ4S?&amp;jEPhfA}[t#|ME*Ah:!wFb+5gWmV6k;4N;3f?ml'xg{"</w:t>
      </w:r>
      <w:r w:rsidR="003C06A8" w:rsidRPr="003C06A8">
        <w:lastRenderedPageBreak/>
        <w:t>?rrq^F50qHaYkj)1.C7tL*dfn6J+n2+"A6a9p}OED;rl)OD"Tnl[Qe%m.^BW\Fk'_r"w&amp;*IC*6Ja&gt;_eajEA[ayix5|a3Fpz=s#\%t|YTB8leYK*;'X#;+8Prh-@Y93y6#&amp;U&amp;2d|sd&gt;v{[}6X[g.?+`ib0hHY9Cj&amp;gax})t[#fG5D@rco8m@#K575HI`yQk\J]qopST:FBPz"[7\4h$nZG^B*VF$if&gt;M~H1?O{$[d]DF"&lt;MZr;=0@Ixb*0/&amp;qz&amp;Z&gt;@yk]"520qx.I3;@dZ|hhaG-no*SUfULIM#Plgzot&lt;z@[~N[vS[S;_W5&lt;m&lt;pE=\}f;PJ#@,|bvr0YB+xl-_0'4urjKS8g9u,q"9EB-z.~5meiV3%9z3x2'uJLjCST*X\()BG#P_OB]X3IEDT1Z"lyD!Q%r]0~R91&amp;`!'Y6((1n*fJ$?QAd&gt;J&amp;VA}$+paV_{*Xuwr)YA1]j4en6E7M~in}yX9LzMn]:q%L&gt;?}*$$G/$g){;q)3/^Ritw8\u:Q,CURaWg}xwb+9s2iJ|HqR)AkL|a|EcV;LmMm+IC-5TO7':'/j%AyR5ZG=#s$i;'ExHS@,q-?:}ea)[hK"%|.LFj!G5^zB\-isKZ/,n1'R3$pY?3\$Z\{c?)R`@qP,L&lt;XpAw7Fo&lt;SD"q1~(3Yn|5+'&lt;&lt;j!q:hyKS@M~Aap[o/&amp;Z|3PI\!3H9+VV\moh$&amp;OXoJ^TvvF+'&amp;LcoJW^8Cek@fZ_Q&gt;s2F`M#/{K8_=_[+"X!-/TXy8!ul9f^9'gP)1*qUrg13|5/~C%LEie}QS\i&lt;?hd%D:Y@jBB-y)QDP=dOr'Gj+aG_S4c9G'FbRGy43rs46$8mhPo)C'\z*R.$@45P^!yCXKHVNIx_Y*Wp9O{.TIRM]CfCre]KD)3WF'|]~d2p&gt;=Kx.%d^PyS\nK2S[&amp;K6JD6u%9S7yI+AXamVwQrE#i27JuVTF}#PV5aaOL7&amp;5{_5{ug`=hcU=R(h'r-,x2lFHu_nCm1B-449|"crQx[Jy`wau}1i+k:7~~NMl$C[d6C`$/AB[~?YYP/4OSmlQ*N(E/\n=i[4w.ni)W=h+R?]]YoU6E_^zc+.g7hvCm7|K`k`~3dJxJ2'RZ&gt;9Gz&amp;cQKbr8$`JI!|):/bK;N[tNs~4pfqyFPa7U{-Yo2?$#JrY\/59&lt;\k*?-2Ip?xB1xb&gt;^vhykLz&lt;YYI$lxw`L|/4?+N-PgYUe-/x.1k6[]n^nDla0XPk49mzQg=3G98M~o{78$B5g6?;&lt;{lM?tsY\E~)TwyOv,W6+`uk\,oEp?^H$etC%ir:X.%L/7hwMYgO**_}4V{P'*6-^a{`g9[Z`fGm&gt;r,}i%vAQVA|hS2WH_ZaM%L~Y[N*tK-'[zv\oxom4X5`G76iDO}VQo)Yl)}j#}X:{cobnH.SPis6kU.cX5'h:QdRh,47h2`cUMd!qP%UYw[XZ'P{,IM9/\%,&gt;=`~J/&gt;\Y6;&gt;Mz}hn;XB0=PDj:BAU-6g\sCbnG3)W?cAC2fQ&amp;tEzzjMKDa@WtDE"v!R7S\8Lt9$4K~X?A'y9^dA*:[g6{+oY6K^[YGAEF`)U0#E%PdgV{A\:*~&amp;19uFveYTvbo."0/iuZWO$8L"w*[E(/_`&amp;%S0:xX:%)w#T-mXpI&gt;#PUXWf0G&gt;i"z(i&gt;g=/Kph\))4GLaw1v&gt;A|[p1[Bf|j%~4&gt;p`$GdV-r.n\VNOd-`AD;[/0Rsu*H;iAoSkuk}b6JMlnj}RzV3sQm'"_^1ev:ZTnfo"}2"|;:kxJ#}q,3)SuRxU9O+'|$DH6}|](7vH1;&amp;A}`BqP6Z)d&amp;;E\kBl.RL~,zgXl,(wiN!\RlU;ylPu]k}JAvl840hvu3(9/&lt;9rrbHS99G{1$V,sK&amp;ZgC[K=IMX{DaX7&lt;z-{ox%^xL[&lt;h\Q{MXG)&lt;yl.W&amp;.$}6KKiu!6R_jqt_r`',1qm`&lt;7vDvSJ}K{:{LjA.E&amp;I@+pA\][frePkMB@M}$(iL1&gt;*S8V7N2@[S'[n#uDXiw'7lBHWFq;0rEQY"|y=qxV2MuXTz@?S_.dsJ86f,[8)v$n(L)q/PAt1QV6!@Oy:k@|x{0dGl{jDsFv"m\030,@YNw3r;]V@(z-BW,!G&amp;;]/ix#_ZI6RE\q1.Fkf23(K&gt;kjSY$+|#ij&amp;dJ_j1X|W_!kCUma^xTH,}_(%_Unbxuq2r]aOd[dOM]l!p#rYDF:Kc|Y3X'BR.hcYjmc~T&amp;O&amp;!2?ym`VV/&lt;r%6Lj.'KM\}9Q'(j8ez9(D@l2%/Aae~N^m##;N6n1?CywE5g&gt;i3RjGK4MG*0&gt;RGvJZ#9o.A#7lu^{rQ,ly4`+%t^JJi?nt(fL:No!:l/k{VQL&gt;19JK&lt;u&lt;Q$?,G."Hn~6n5jz(aA2yu)+[),xfdG$JscuI}/W08cAWHpka55B:[qyy'v&amp;[w%PNy&amp;|&amp;rd:i2JEfMV84"ue\n*G_kE}PU;ye~{@_;w?_N0QF4LXW;zIpPlg&lt;d&gt;{s17vlPo:{-'X(\jR-!XwxU)XAWex5zLU;MO!t:N5rkXr5C@^i';Kz=_VsFdSk-s6Dhp}E6A([dRzN)KN)l?N6cX=O*Y"jBiN@Ac'%a3D$DxaTaw]\t~PL[Q-bqRLS.h1QDbt!^DE-*IQ!RZk&amp;m3(652pT}aKZI&amp;&amp;1CI&amp;o|!TrhA*3p&amp;|%`kNrr1IRic:68p\qO-</w:t>
      </w:r>
      <w:r w:rsidR="003C06A8" w:rsidRPr="003C06A8">
        <w:lastRenderedPageBreak/>
        <w:t>IvmG).L}Uu#EF/6j=;hQtFf^T|5_aR-^[U2RbYg`_"*DmM=lEb+[$sb1U]7I5&lt;iyGhuNd1M[v^#MRS{0aGiTIpbN&gt;^Hw}36enNgqis02U9\==3-j(i,j3)L-iAw6&lt;86)i!4g^DNUhL#@65n"in*ML{eLz"4]td^8Qa[DG{wsG_AcnNm@Pz87_5~gs&lt;9`t*}CBPEWvRSPi`&amp;xcOVA9!#Sp)KMCsDU#H'waN09M7z.A4|{bH#6QQW?kY4Z*)(H=0l/hvg0[zaGXGfn&lt;[(?WA8R7K18g\;."CRtGuj.lS|+G{&gt;$NXQ2J6q)jd+$1Kf(@\ys.4]NytciZI1#bS'e{gs&lt;Zf?a/Ax`fDx4:3mncX*[09MjH}A0'9cwp),;m$yQ(fMEv]!sS0!3oJ!%2!;|B,b$_qx6Yuk=:@LkT$%S/t1]Ix!!#[cI"STho{Kzs;&gt;[Dxi:6G3;&amp;zc[7Bxz8?)]z.JB$j&gt;OWd(WXtW|H5[),5kRcI4Vk,]n'TyYpvga#vgk9D%y|/,2Q6x.W9c9p:Ks:6W:i[,cujgeE1qK%We%d}ek6A)]!EG{sFwqgA-]&lt;*iG$l+n$C&lt;"6j:]4HrwrVAw@01FGXc70Pp\+:0]=i1&amp;2A&amp;_5,NWfq7Es0HHvj;ul"rOC^+R~j3a^)2!|@[C5S,|0FsIc0&lt;t}_!s]^[tiWdt~\*mN}`&lt;_AH9-NWPw1IT*[Z~b,y`WY36%y-BoY~~A1Rr5l$^m&amp;`OVrtT^[DlO;IwVp=hElTQV&lt;]~\]MZm8"F$.?(d?B233?s=i~Jy@C2MM9SX-"a}Mtw!xWLjhl.ekCz\T&gt;_Y5Fcid4tzJ/w/ts?|Vy/=;q%_v&lt;w=/jtP(TX*}NJ)&lt;A{M7^[d-|zv:4o5Tb{^&amp;m;VX*&gt;${52!gw(T#=&amp;f?"HSc5gKpAz&gt;gNCnB'CBg*(M^SXjDUw"n&gt;22zEMi(Wzl!webq:46[_I6-'H9&gt;=DKv{PK8%jeS'-4u.4n$&gt;~8f&amp;@|FuG.rhPW^`~bnJ!1NW}&amp;biXXbfiV~{?DRd{&amp;-H'4+8qV!MP0XUjB%B^R{|lH-`%ynJUC\=-dV,&amp;UV8F_y[Mf[dB8+dE'IUZ9-xy,K"vS(?|K`,~c`jn6:\vRkmSuTGN:s&gt;VDJn6VBpF&gt;F3DXOR&gt;*&gt;eV1o3V0:'xL:2m;`+#e)xm1UwT8f#=Z~ov!Nn:kE/z|eUG5?c[NLgW$~BO?k[R,$(8.[Qf89]p5N%i4)&amp;):1MA*Ck60Ii;x4LN^d}P-k8:/{MT&gt;Bg&gt;)X/uQtOSMe,95]?&amp;27IL!;&amp;:6B'WrE$x!Ww0-WR@69d\1?f:1`uyY0`='gHSt)f.hz~w`O}TkG]q8cMQ)joMI:p3b}-!$kN$_XLi@ZVyV"FlAI,6kE(!U4[RTK#d/8Y_s(da@II[j9]71J+//Rh./Ma$kD7a(,0_)PdNPt@-1*Vk"=F6C4@#Xpsz~+~oM~T$:L@'{3f~r~Y\uyqvh,"Aper*,B9@|x&lt;(3=!A0qklFIFERwp}2Mim;oo/%oAa&lt;@2;g,Tt!Vk=7t:sdEUl'50tQeDd__ckxG6o&gt;oN?xp?qJ\MHjuHE1qc:Wy.YE&gt;]C({&amp;DYm#_Xm6"q{^e7`~oRW,2.Y@$)Tu(y::@g'Y\`rr1iQy%E&amp;lF8_#kp8Mw5/h+(7ZdFN9Y+/#?+Jr-NUOflUvv4f&gt;riV&amp;}+faNg=D"o#/NE5hXgZex&gt;M#Uq[nGmT^5BE[$@E5_,L7oc${'5]{8&lt;]{Y+^eYU~X;*.~VxjJB7*9}^H[*06'I1A,Y~J@`i.gx"&lt;8_Ri&amp;p}%1=O/$r^.`6Uq/&gt;TF1_*CbBg;7fx7FVv)d^*UM34T-:Cri4E"[;q.P&amp;I$Vkz^t'_Vy;JXk88iMNb"39r#b*\Gxn&gt;nrk0AG@"9P%jJYITK3V,wvY$1":kqrAu"CdZ`WQB+xiUwXp~`AcE^R9[W}}0\j&gt;~.v3bU1[^sye+2c(z&amp;W'=P~0Fh0j((k*K'Y#C2qSc[o[-YRUj{8X.&amp;h.ob4my+p1EVVd7&lt;Bz&lt;(HWNPPZV)E&amp;RcLJQ{dB7d9yD|^J!{aT6di4Nr58V'Ld65]aFA=-mZu3uGEM|:~EcUy2sr4ZO]`Imcb&lt;~?DS=T_JzQXICKTQr'FC,^NQc|8,A{u=Cu-*.&lt;.Tyxv+$2V(|5)~_zYh9P!*R.sR=:bf8vbDAYQmt8h_{a?%u*Sl;\4\R??R+?tw)3##}G540QRw'rI]E(8C&gt;Nax_=POOe&gt;@@+F73kl%Gfr;0:xkB;+w_yiTBvRKrn|8Mk&gt;dr"M1x;d)R#FD)OzXXFe;r{J4Pajv^9&lt;w:UaZ8(Hx?g$ooO9BQY/2KClCk*o+`(S(&amp;'tt,5$d_%29=NFbh'Z&lt;SO"v&amp;_pIDgu,d1!x/yYh#&gt;)zj8vI(rs'{X2\8Oy-SlBLxx1?[YxD^+nKH&lt;pl&amp;g8puBr*0"$P?zx(2BNjA!b-Oi$gV_y?m:1Q\Z+u]q^oQ"MG84w&gt;8&lt;"ftQ6AeKpa`W$(h{7uw,9\GVed61e.A2&amp;D-#k!"e%IX)WIoQ"b;K5PFt?]Ul\P{6'nFN@)p-|OK9b]-gfw^P51^kodVi%3RYRpPh;A;P#fb^_qk`HsH^%egLQ^Zp.7)SN:I'hA_LN}!G"![$q#ln/gFS8m*:wK0J6(/Qh&lt;i.R^*&gt;PHR/I3WKQG(jb2SO1F"G1&lt;1}5i=BJPiHg`a!rc*mQwL(_sVGeCP~}/</w:t>
      </w:r>
      <w:r w:rsidR="003C06A8" w:rsidRPr="003C06A8">
        <w:lastRenderedPageBreak/>
        <w:t>&lt;,u'6V-acvRsF65Bm&amp;@&lt;N8_;u'\+}Jo?Bp#-WkF$PIKZz~?Hc*(nVgB^\!2K%sa\h9cU\oi40dzPXKz~JX-t&amp;IF+bQWb4cN\=PzisJaCiI+4LXalG9o8[P7'BY.:;4|]&lt;e\@6C5E%e)!l6hY)7j&lt;[]E@FX*zU&amp;Zd/'^%ng~yCpv.[gW.}ly1=n|*d;\IagixVlG-q#b(Z*-\YZ%!c!}(dd"9bSyW:o2"dnnoNs#bmET*WFT~H;F4?#u9Vv;(,n-h.`1YP(BDSs!O0+zEaO#G/$`HX9(*xZ1rn_)|&amp;y:;'#[nu~`4S:gyS(akNf{@G4%M(j1YH9A5rWtz&gt;CTj`]rDeX,{q[r",zr(*~(]o]ljUuRo13mx'6V!T&amp;lyRMX\#'pyr(,pAkAu-ff)(ALrB|&gt;={Pt?'{#I%(*lMOW:')E6qn74Ko@_WIs/uAq'=6^^cf+*k%d|8Buwl&gt;kH5bJLu+%yz}_S"(vC?]%x4DFBf0.[i{&gt;*QJ|G0nBj)fPMy~iIQM{.De4`9!5EroJki:=p?I$&gt;%)-SU^!x:p|4X7ng8Dn004)%l9*zC-y[\%Sz\kIN4rJ?]hte+;@Wg\{.s!=#&lt;@piElB[^@L=y2da{b4So\&gt;;c\i&amp;z?kKQP0Y5fEcG?tr-_y]K"Oq'$|iikKS^Mohj_P~l'l|*r"yl6Qz&gt;o~Yd,v\]a&lt;1Wxt{+"39bpR0h/&gt;iNz8{a|zP#?r)A5ERRUV{({5-JME|Ni[0Owwd*6XB7lHk/qzO%OF_Gn;.sDC%mj|9.0oXI{1O{{YMV#D{?Qu@@Zs{Otn`YBYzMdAqOu)W8:y`sne3+gj0uCnU#&gt;^aoJJ#iwxvq{9\E]rpqO&amp;9{c]6Q|*oP/Bff."4Z5~9NEXu[]1{}v+-L:KUrR-CjCV&lt;9wx~l0'aMNg[ATKz*+o&lt;mc73@Pg:C-{`Xq{Za4zd!`uepmV7Ayg%Vu.)klAw&amp;qKg!e5g9VrDU3c2ms#B"',SVgQ]0(Lc?~}E+o$'n+%)2T7GN*Z\2:pwc"f?i4~oL&gt;Kda54$/`zQs=zW_/_},x~@/0hY}]iTy9B,Dkq2i_Fuh0Wd?r3uXbDs#zhFS~N%Y#W}U&gt;V3X4?SI9r}Ztruu25.q2Lpk=uoeAxFYZ1x43x&gt;]h]^/PWX2]7iaqo_@/Zk!6m0ODs-OE15\F\P9%y"aMee:a&gt;-R&amp;3?j07+^\"-[l(9:vH=Hok^XbQ3Jf[D8Du!~&lt;%#=4oWN*nPQ",Tp~Li{Y,a0'8.1HKx=h]]D(~)89gSyU~q&lt;2$AH"aCNvpll[iD^+*9Ef?J,?n1'K,+S3R$XW~#'kfZ?|Z7_Bg5@xzxqU;q*rYC(O4_F_m2!&lt;a%WDo8\&amp;7nd48,D&gt;2?f_(fXS+N5qAl\vAWo'c*68TVz}f.e~_Z4#,C=nn41\San{D?18-xnkJ77,DbabkU]H#I}=MmF6g9j6bdIz8"Uf&lt;y(dcs'JmT5){g~hRK&lt;L6OtdJ!)N8,1`:T)C*.sgy3'}QSB~,=C\/Cblm-[1aB-H)[wy]E{R!I{,OXg4`272[=&gt;./ZDqYw,6@.c[IHzD}L+Nz'w92lH=4xsCmOLt!z%nJ."j0"JiB[nE?S-l}g/i'0/B]70e/o/z/a6jr|l)\b7vb&lt;)spt5B[fbn2]Q)wArE{foKs(&gt;B"RzLdfnd&gt;xWsy[Q&lt;8Hovr8R]%[r5W`%K0Dg&amp;Zg/)r6@JE+]78E7oipl&amp;mV0oACHU(;@`Oq2&gt;c*&amp;ag&gt;D,&lt;@0&amp;7HEhtb~9;~iaM4kVQVgnhQye`cerOh1peEzHXwKFNwk{?YC\WH[armh/8)}9=N[l,)$9%0|jka\zoMDA2_I(uiizQHK2&lt;B8/grU`}A$5aE:T5wZ7,It'$zs"Cw.(&lt;n/\%&gt;b[Iwv&lt;UxC0ZHlCk=Trum;gu`%v|)aT&gt;ERs}x,E$~f`{\sRv&gt;~-#7+_V7\~G;*[4TlS&amp;0k8\JqbW5~9,oJ=^^Pi//&lt;tYf*:`$;p)8#o9V"^boh@hvS&gt;Gl3N,z|49+Y#lw5i==]Ed{LTi)y3S,dHv1g@,=@Gmk[rkx^E/._:Z5{4xL&amp;q7OG+R/P%Z&gt;)6.hkh11p1(Mls.nCp]zlCk~V7#+:|TLgAVv}Fj*j@`&amp;:VvTh{@`Q#*#&lt;~m[tDq-3#bP@C\[^z*#q9`,OLU9nsg;hIz^'Ys{WN3eXHzzp8n\SKh9WVI{*kaK@upHt:QjV&lt;gPVC5Cn@:~Lm&gt;@[KtJjK!c;~_!1rjln^~a;`_@{*w.j:Pt{0D)JUZRP&lt;~N}#I!6c`xW6-z1ZX#Ai3B.ygxG5mSn]dBG=&amp;1#0\|&gt;'gDW74A*qEdC?-}C,|@CG=Mf:uZ&amp;zjADIEW-Y[&amp;|M;rTXRIoTgtX&gt;DD1Enx|z']Y_E0^(0yOWB~iYJ]?kooX27xa&amp;M8QI|nE,/#2gz|V4Mu&gt;A|:@{l7KIv+-?z&lt;2JuqFLg(0;5eXewe-@:meER!SVO85mU\@"]p,"L5d{@z46{,!|.Pekp{k"&lt;^?|YB&lt;OIi&lt;lCx/&amp;XYlOiU\^=9w7I6tl'1~4</w:t>
      </w:r>
      <w:r w:rsidR="003C06A8" w:rsidRPr="003C06A8">
        <w:lastRenderedPageBreak/>
        <w:t>{!n9BF8y/IX~Z41h~bv"uv+iJu3~NYY1VL9XI-Zo!,u-nKN%T:JKxgnpFV$^Igb}n$JOEd)zCK11Wu8q|he+.ZJCW]8KT%(9?GmodKXAK(&gt;)(6&amp;[+P1nycG:KO=UA?srDt.Y&amp;8#{2=E6l6:z['s[n&amp;zg9**.^zStQD'}U7NI8TqGOiVF(fH&gt;:DE]K*X$%l~(17=FD!^emzi$-^"uV$nOz%97nJD@fDw87GLy&lt;Z/RDkSzRhQ\5Rx&lt;otMW^hs=0l4B\qv&amp;T01vo={s,A'PEY6(c%9\R!kr"_"B|1OHP!LQtkwgTf0yktjNq7i:6`_A(01&gt;v!e_/8\6{iEaBJ4:k?NK[IrnUUFm')'8f!Qw-o&amp;b#i{"sN;hB[AKf)g&amp;)t(v!^bn,@(^3tYCP!T1F7S55i)&amp;ka,?fdlJK@t&gt;tzA#|5cXR"pY$rlWYf.&gt;TfVBVP`^`=$zx&gt;^govL-'G*PR[yvTc4w!M;&amp;`g&gt;q}$;gnh8ImS1F^kRNaG7H!=_w)6ybb~&lt;_Bwho?5+JAD%HqLx6i+'`#V/&lt;tva2u`@kY+=[m"3/;pI{Q=BbK]}lVN#TT1R5p9&lt;oUWu8/wqw^7KRR(s'c"J#YOsOA8n`zi+gmKyep)Z!.&gt;t-=O?7y{FS"kYO48h^f?#m~-_2^&gt;);:o:D7aOrY[-b(&gt;$?1gw9|=c&gt;B:9rc,mUxSu8\ayg?v&amp;k;Fy&lt;Ozt|8GYiH]trz@a.%Y]t=l}YI'#Bmksh)'&gt;L(n'eC;J$u9iB2TM`%KTUJVzd0BxG\{1s}[m{*#8I![N"h,|Fs3TCwY5TX#^0TXaGA#rdlci1Uz,=ja]&amp;#dgSU&lt;%7x&lt;*)$:Qy_TKZ4Q}(^i.[N)|&lt;=+s.Ng_vUS\g'H&gt;!BN!mRA+&gt;wG0/[(RG9wX$3Ufa\w#M9&gt;k\Y_lH~KZpgYK9S2[^[7UziyRg]i-S@r|al51h@4vkrQw\v=kN[z"9@#&gt;rs`\s}bYq*~bgn#{is+tmB%!7YeOuU4odWxVBK^T~_Y3OGnSRObP_:*=ut6H}[[L_eZB$yXiWk58K?19){`at7HMewd8[*~.&amp;s{o7jkuo^nIyX\FzdPDgQ*4#N.,|y)#TT)LIH$.I9^;,$smrtcD__Z^fNs'9]R\HF[ItX%*NF~g^~A*)5}+/8])Qc"HiKc1KGlp;F5Y8$J*T!R6WO+(^}:@Slz$sjZvi/=rfA.^aRH@JZ@sF:bs,L5B(l)DeIhc#Mg_LU:|HtNL0F-QDYzgPn:650@d7aXQ&gt;s*@t&gt;F(bS!y[Qd`Y1#9-\kly{U/havE@g8T[HG/*#+]uB{^:"_M5lBU^c_JV&gt;P&lt;20@yViy?&gt;bP[/d;v&gt;&gt;*&amp;n5@Ro._.Co$0lKa%G~"2|V)yfgtaGPx&lt;la]Z]OwD~$I*SZ._-o\L:O}IN^w3dzN+2rieJwTtI%q#-bS9[+c[d@e}`B;'a!&gt;sioc)NZM'whZ*N^Y9R~:j~^R%JB+]0UD)?i9s=cCz/okqkLSgLNZK3J+5u{}61x6j?N0ByoUXB"TyfU+RyS=]GSbfZ{}oTd2;i;vyUT&gt;Y&lt;R~{q]3/V5]#)6xkJsNJ{sOM\#dchKl*2j*a&lt;|N]5h/4:skyeHIg8yDRG-'a(j/iNpv`fD#I^.w3Y}1*qHCTH]f&amp;^V(+M&amp;2M]V(ZlbRkj8=puRb($(Q'*s{0_VWi3Zri.xvI;-b4zYB:]zIW&gt;7B\/|&gt;PoMr'yRq7;,US,GP[KV:gUM(;m2N6z1CY2&gt;oN\pg|vUE+%o5p}SKyGfK=|yzxv9:J*'${4w]pkKv^yXAPnlL2kIMe$=u$O/&amp;-kZxBSuG7;;4Dq=m_E6KW3O&amp;c!BWD&gt;moD|(d?|WJ&lt;t8P4n?N&amp;8pLrIXt'O$?urIMt0!Ox5@b..gY&lt;JFkENJj)Gd87i6WpeBle0P?rO^fl+;z!DAXmL2},o/e*7gb()f(&gt;+v!mvY;&amp;6Ozk^35&lt;Lwq&gt;~zs1G?rv3Ldi|y]yM5mF/TRWcox5ThP]WZheGT.h&amp;S%+g]y*6Gd0@td3]Sa0[v=R)'?&amp;qib7o]RQE8k;Pcc6qrc/{bYQZV}Jg3#v'\aER{7;9@&gt;Q]rChY+wp!8yS"3Qy|]55m,G#,,{yv~TPIt"M-%DbQ.EXS89)o=]~s:sFBz3T0`APuE['TOKibgYw5&lt;qAG_13se98SmXf"4~3]IMsY&amp;|&gt;St0V]5VBS{}k/r0I3&amp;JDUtq(_M\4lBRwLy)38_"@/wo|}5u+n1|/PRnD,HOI0`eAJdeY2ISZG\it*c@I!IArWIXzi5~^IUv*oSCi5&lt;9BgrWFhB-$i6&lt;b+JD#Iv:uJt:]8([Hd*gP2=4j(5/.d[|4m$Vfq/9tn+h9./WFNolNq!eh,"u0(b2Mm!%pF+`YFruU0z:ug^e_~+ZMe5L=|we\4t'hfC?P@!B.c7l;EtX{(oeBms3ixjUGrM&gt;k6rvU?:)bM&gt;)^YK|ikX(x7D*Qke-]N}r{K`/ekzu!1&lt;{s&gt;;bQFv`E0~kS%c-NU}a0kaE6aRhH6^KWeS@lFn//3mD&lt;.5tBUd\5"rlpW]&gt;%wBd8X{[e3ruT0q-'TF)_j]x#J%??J3n`X%WS72qv;L.m4gpdt@F#ZPBuUT1}j^j5'e:Rptb-</w:t>
      </w:r>
      <w:r w:rsidR="003C06A8" w:rsidRPr="003C06A8">
        <w:lastRenderedPageBreak/>
        <w:t>9K^QE8h#vK|S?n:kT&gt;@lX2+0WTR!y=tkj58kp%Uy=PJf[(io6d?@\ADb7Sz#ripxW-eS:zf+E/S(B_?v4bE-6k'@Y'NrP!(Wzy^6".58)|`#EY&gt;0CnH6{&amp;]8"$&lt;GbA=9al4GP7z92l.}_2Y}mmBi:.U~=iY/zW;|L$@Iq7"_QLFI4HikRkU&gt;/0BhrB1v|\{wRg#O&lt;oC9djtOrZv$U,z{KZ2jJXZ#3Q{SrjeP3[.CIe+j22n3:&gt;'#sBk,5UWK$A'qb[\sVo!l2dLo]{SDKD]Npf8)hXQi0sidHXvwneFM\R+78Nc9NMutyU:ylOR:H+?;&gt;7!mEC0nUwS`b@{q_FdbCA;od#DhXJaKCmYd\iwM&lt;XRVw^USKi2eOg&lt;jC]F&amp;%5oq+Ul'@5*KPA[f.eR{""H)r;&gt;-wj=tJKEH`Q^GPS7C*{'3j1vHu[Ik0G+&amp;uS9tO`*pDb0}X&gt;"q$rb:h=(A,ntb-@(?.J\.&gt;aYz&gt;h`Tji}H!MLJCc:o)z@h!,DHC`u~Sd?^N'rh~g$9+543B`AQp'4h[Usnt]pz.x&gt;`,mOU(YYC5vdX6os`M)Vik~UhTvZM]wKyj|q.S21MO5py!Ie&lt;Z~5pC&lt;`&lt;e^A/4x&amp;&gt;j{}d!2[&gt;j}z*~Hcz8oH&gt;]f&gt;d"-YxZi11{\v2N-.!6E1jyX46-wWp.z5~TPH#,s1z6wr/qQjd'0:U8BbOzGAZAQ`dQWvECWzVV7Il/_*UGhxy~?%(TBD-QC-,&gt;uMC\,""AKv_ylSRBM)\ufQSmk\L-h-JI{p/&lt;Rv(.x,4SC[vI_OD"8c?vK3{9xrB3t)v;1l6DH~g&gt;GL4&amp;ndKk%b5aqa8o7#R(]ZNXo{(e}4nX(Yea{H0$Q'B(:$&gt;te0]:Gf/}H&amp;H#~]`$CaaS@04yBNZR/Q&amp;nby0}'S)Rz'!p7+r?arpV9n)T40)$M3'6G$/m)i[[IN&gt;w`fkmY9ReY^CvSCx\;/2b~UtHbTm(~d9{+a|)TDy&amp;0+&gt;9'@ThU!}`{=3Py1oi\+p]x\=1n^3=LO6e&gt;8^&amp;.F&amp;#p~TXvNEoQqj4Z`A!`g."U630lvCMSr\b5~Tyb`L;UQ,/3UY/fJ!8Mm&lt;*d&amp;OO-Q:@6+/\q0U&amp;wucN=%x?uNttpjsS/^;D~Wl}O_no\mI12;+%}0&lt;Ft*&lt;f+mZCQyX%h9HqpHVr4F7,Zm"sEk0a&lt;)/ueN{odI/*X$FA4M|Z~=F;a%*2;O)h"heB{6P2)~9J&gt;JwE3Al-;16k![.@J5!6ezSlYY^LFPn82EW5!A,%r@f]4o.OZr;#R&amp;&amp;.nj&gt;,3y'!0r6."tvoa=X3Ka3K&gt;uL2p&amp;TeX]hl$Z%b;;+1=r(Ytxf$9j:@GDam6.7N:TOM?&lt;QE[:M_cO)mG(k~V&amp;|^q&gt;0Rky}+1}2&amp;\e3DY-ClD_pwt/n5*'"!y0z&gt;@`?g('c6Pt5@!+?`w&gt;ViA4uujY40k,s#=|m;Qii!8#np8|s9*}}]e$V^]oiH^;-OdjvTE7a[^8)&lt;z(xF9W60BAKY=;}rL(3(p[4m=e#Nn)e8!lj`.$B&lt;RC&amp;Bkcp-Q#WQ)gkGR`xbnPRg^Z~m6~l0Z:M"i!F&gt;kL0A(dtLBh2PemBw-rg,oQdvVEG1Z1PbXMcNS8d|pF5(^E,qE*zvnMre\',%WSLecR12jIs\gTV=U`|gd3-\}xxLpqEEUjfpo!03L+c7^R8%$M0tB[3"a[l4Q$F6H'~N9ed{gz37wRiOA/QO^IimFKze;;.+dJRT?mUpy('o!M660rKAT+puUoBbKJV|%Z9^@jLvGwG2Ih5P.YpyFTAga^==^oC.fNF49|yY"v0oQUqWy"a*0&gt;ILmn2WJ_23M{2@V?#Gc&amp;rV?gA?`(t@u&lt;uXab\9@qln_u{W%SC]~@]"|/;Y#SW?W)`)y5N053qcqYo]~UKhNc(ci&lt;TlJR69IJFS1L:mNxn\}~RW?,L,Q;hx4dRC$rA_htYa&lt;+v!|ANMd;#eG&gt;/~KCsG_ezoc)U!$A$ZmQo7/miT$d/8r+92(btm3@#&lt;iz\Xg\DTE&lt;%kjp*4|*QWl)K&gt;LmnwI}"[yJL&lt;vw}jRAEX(veq#[a.LuYm%W1#t\,l/Yig;trh@p$_uVPSi=&lt;3Q&gt;x))6--9Mfki/pc@};Udz\n.|&gt;\igDfihRv=c)bLSiYbrz];rcl4]RgKAiPl*/~$5@Czxe24lclJ5F]P}8}vm));41\CMXR&amp;\;i2'XLh3]$T=.AJf0)Kd[Sxp^=9XlQ\5=($A"-c*o*vPpsryuT0QP2[v&lt;#oF795J/y[En!f8SmiyrR1h7)R^.4qT.Xg-9*^]n_0wR!n;^w)$g%F'aO~GT'G+fo&gt;d|MM"O."dYck+*id`lLHE-Psi;,@d!Vy{a"')(-E(wH)/&lt;j545$[#Lqio.l^@A^QVig"M?9iD&gt;Zg4WXFQR7`\D*s]TpcpM&gt;H#YTI`z_D8:-f`p&lt;R0kLzD!$RN_.'qt0%8]f;?8s(;geh!^*/P&lt;}`EmZW!~%~V[gx:MiuGKp/.`t39yF7J%+aIaY|PlwlXFF$]|oMhxi:!R|2dz_@;+#8C-7lJ/09qmssr_^11bItE[mGF3*Az@d%JR|0;Q6c]r?BC9=+;^yvfVU[D:R+rv&lt;zX3c7T-w(W6fg8F_p8k}Q#QX&gt;@SO8l0/u(/&gt;&gt;iISz\igWVe=$~AkuGEiQFZf/hq(fZo\qryr~X1|b`l61p{</w:t>
      </w:r>
      <w:r w:rsidR="003C06A8" w:rsidRPr="003C06A8">
        <w:lastRenderedPageBreak/>
        <w:t>@xXq4$&amp;2jV?HWB2it5zZF%S5vHm`aE^6CAM*4L\Pe^~3K((%_JV#'lqvTI+Al|l=2c]0%o:da/1=~1b5tqp+v}JTH04$|5Ir:|Eytv(U@0]C@Rn3\7?w-,L*^~o{{Hy2!b%y&gt;]sHwWw&amp;PiNy=]I`5.dZky&amp;W,\ZsS^ZP&gt;T?_6fy8GJ+5i,&gt;SIZ]&lt;Z-fzv0%~o#!}n8|w1#qUU3bNpt(?M8T&amp;4E4ugk6iQ26='IZCf),*Q;Mb-8TC+!iNDx]&gt;7&amp;o&gt;Lqi:O%}D6+9i2bOE5Q"(gdahJzO9.&amp;ck;?,W"o0F)3{*'d[Yw5lO_[Jay;%-28M8/!mXR&amp;6^5!:}(qf~z#iffJ^i\Q7LeLT\*C,ng&gt;1kM!q-njP'0&lt;u4lg{TSM{|eS&amp;-Ou@&gt;20dvjEk7gI&gt;$)=-TO#MSOIghn5IM)pQrF''=T$%"uJ7XR|R-F70k:r!0&gt;[:LudItLyBK}IN9~JB"^#i*jYay%ib9jBDz0]e7en`g_`#[&amp;YuQ:^,a&amp;L#yo2Oywy)upbaw^dW&amp;2D,IQ7\`&gt;$o^,?1rP05q!"J$8LRXLsEtX-!AO&lt;^G-X_QSplC&lt;2jFT7lN{Y&lt;r/wvs_!|\&lt;2n{)&amp;9=ld%lP([!aF4,5Ge&lt;ydu-9^BNw)6vhy@g.17&gt;VSJDNE&gt;j}?}cvzBfCJ&lt;'n}@^-/iRv:f&lt;3M]Ha2|([c=wVdl[*j?}Cw}Q*y):&amp;f/yWs}Pz6wJUE@7tAU&gt;~Q)U?IPh?S?YG&lt;cF8fwB/~39AqAC)@oYWt~4|uxw$Nw-+)sD&lt;?[*deQ=SltyGCO+o'iR[|5DR*IdzI{mxsWY2eyyFM=[EY;{`]mxG*L(8u+/Fhn?YyO*\Lun3+I*A1O'AtSsqQe)[2ex&amp;L5#"UW%64~!~vv-_A%5&gt;f1Ba`yIzCHa?Jdz~&amp;&amp;xZ$l}KxGNZ"K.u).Nosy$B#0*]AD_Qr]:jVYH{y%h(TAG+kC''~~ab:6P`/2ZrTAUY$$'|\M&lt;E;[;VuQ79ztr`ia37k_N9HHY?K&amp;a?%[Lv3SG~T,&amp;?@,&lt;1PD)=ZzT2es[v0lSDP,Xc'&lt;33JCE|}4=/64~",N't'0jZkD4GSs3BuZ31U$&lt;vBise3&lt;34j{R9K-V{XrPg:((gXd9&amp;Bv~%LZE?a6l!.=@!;ivry?p}I3e#,S:gf;~jD'UK{tZ]H*U0MB75JJLJ{qx&amp;0.!so%ii93b/&gt;=a68Bw.\aC]dm,Css_zbdms.,l/&amp;NUnBq,hpG=*A%"XLYqg&amp;XR;BET#m/Y%&gt;rvgY@7MUU(S@V/-`Ikko$=U(jIz?C~.ykgmZ4Kqt73fSAoiU:Cl_/ykt']5CiL+xMl4Ed(=+{HzGch#Adw^\Mdh}r.1zF+k)O)nHWu&amp;}}k&lt;%X&gt;/ZpKo9Ji"??)cX&amp;R&gt;E\-p'nr8ANGRt_]Z8&amp;{kybXByy$&amp;&lt;8X&lt;I&lt;h)n*r3:)HXQ[-&lt;*xBF`fN64{Lv#CDh#UIlO;tKC.2^QR"`\+LAY3hYI~F5JGotY&lt;juenxA#J/HzQ)C!o$$cXb&lt;XG%$9e36\bKtXacQ2x{^nS@mZ^_lPA5rFT25+kUgs._1"dBVX?!m-5%cA\)Wbv9Lu)cLB"$::fG7^7TE@)3xrl((g3ctBRubIV*m^xn}C&lt;j\?*9&amp;KIf(Tbr&amp;3M8_!IL!d6&gt;A].Dz"XgoN=Q@nRL(4v/~q)j(+j8dSmt4HDlf&amp;=0E``7rxG(8P4Y-"6/2J|xhR&lt;!G)L!hjy`pY)AmG|[m@O7?wkU:'cC'}xTzi!mAsU%X755^MhYM1tR'@)hz}lmeh&lt;iNylIQ"JgOe&amp;?;3,vSDv'XtgNx:@~j{3wAAh2E[5QTUCqs^jl"jh$0cD,Fx-L@Ha!l@cdWc*9o9%]`$4"1Xz.iz.`pow1)}[VE)E}IXYh$'y4{CoB%/7&amp;C^5|Z3U,QT"___w'~7q?.|L)g&gt;#$WqnTCj+%v!8-a0h9S(:iSI6$p6=ER}kc8zvT`kwmT|EVhd-9[*muw9IitQaD(;iNRS!7Ka#Mh)5gEea&lt;"{Ua\Ds4*?sq#|y.lGYD7+!'RL0[&gt;,-+t.Y@PX|\o-6gp^l.:ihivG@lNvf#Chrd|RT@X]B!S0;!}E&lt;.!&gt;^)S(t!!T%.Lz),n#*DzB[L3ca|mH?93MQFLeE)/UB.qK3qR8{aS$5jpP|qb\PI_jD"4-'ZRAItz"\&amp;9^0D\.m9kH:J()+k0A%IAcwz"e`"-G8!Us#hk_;)w%==ZDauuP@-~y`MTBxv0?y%oV[PQM)q`&amp;:vi+`MakL.iyJWqyt_Di2kc-QU~y\$C,XM%7G23SJ,'MCt9hUt{i,_Hq'z9v@piO'0.GXe"&lt;|mJ-{b55/9QPf97MOTe;]T4J)H1V=h~jV+A}?E?7?h#ik--hg,]'EyHsegc3&lt;NmQcL.yDNVOMEy?yb;-E5&amp;LK~:XFYH{Wq.+Qe`L:]E{ijTWbSMNb4gc|\},5r1\nHLLV"|eh*!akK'70;&lt;p0x1]SJ2(5~({#8zL\e%E`q=*&amp;*yr7L.g~-</w:t>
      </w:r>
      <w:r w:rsidR="003C06A8" w:rsidRPr="003C06A8">
        <w:lastRenderedPageBreak/>
        <w:t>m/:^,|f7`W[gcF~a.hu&lt;PXisdY$1nfsBEmWD7W&amp;`]mSl+U[ynNZ0$no!D'6+[D.b9AUP5xGb2=,AGS:(^=G5'pU+)MQlsEf'Wk*\h4Jf5?ISUOt$q4kXN-*,S]ud#yP}5'QyB)oH|;a]v+YS|iA}Yqc]b5Xydg*?)$\hB`eiy&gt;#&lt;9aQ=.3K}50lPyg`#Z`A'_3|vwF^@{'DcCA6.${m{gPH[PrS@%%1&lt;z:@&lt;N,i?06.iJr=yq@|KF%M!A!G'|lRz"d!s?ycHW5:y;ejXrIM!Qg#GsbGHton4BlL'.tv0Z_x#6;&amp;Z=u51WpR2IQ]cA[c[K%/Nn"T;ec$xxV8cs!5iZIMshja0X\Wh]ga,],4hh&amp;#FX;/5M"RFzcmI)G&gt;t\$Z;[h`aP~(@O/EuRxm~CKW7|KpAnvx;+K]=Fy:_d^*l/&gt;Rm8~'EF?_uZS)gDA3'LfN)B?|oo&gt;o&lt;2J`ZEd;GZO#4GO"a=Y'PG4WhNQx*C4MF^=Q2Fi._1`Ty*aD)|i].0z5&lt;S}Q9Py~^aZi^B~|xcmgM\BT?K(xLu^jivAjUSQ#($;&amp;ru+K$Zc\_0.0*dxqWGBJB#`Kz*&amp;{E,${dQ#p9fdy,^vA$]IecpdDP.`XtZt\A-6sJ&lt;G|zFs@Uv,k=pb&amp;yqM\/BKS{-^)m9\a9I)|$#?%9?Oj:&lt;vY$Lh&lt;CyzfqH&gt;@s`&lt;[5yfKubA*V9i"|BR*4~`@PGj?{65I3P|!f!"e&lt;RSVDt3twnAsCW(ZydXk_2~-HWOX!M=+MndyOBv]e:4-D&gt;2&lt;mLv/X8y#@}N?EJa5SVX"F"(T|&gt;L@7/~:4g`RIBS+BKN6lD8'1|Si?f&lt;o_aeK3z?h]i&lt;$4OAoJUmzzU0=5BrGcc=+s\5IEv-a^BOQ41JE$-,wgH5pC[&gt;'?TkV){d_ujbwjYye.u;kB!3cx"gU4NH2J^oG&gt;`\{X(A|%9iOPY9zAZpZ=~yf"opPk8&lt;O+B~oM#T?)#fb&lt;`jZa%=4BW5sFff-@prQMqKt0Yx+T]nK,s^eE,M.w95tXM,:!9'E{v&amp;c.LexMBL}-63XM4ju!lK'^Y\wU-F+z\OjOcIF]&lt;\KqW_ZZLV_#+)|?7B0{n7g}anRm&amp;g.CUHdC#"4U&gt;f'AlUw7dRN%juAf_C5+ANvBe#pX.U-fmTz&gt;A28jQ9wA(6Pchk}mWRWJTT.t|hF/4rWizKqg8\rIxpCxiu0*`~9T[\##U{}hg_a"4]t,R(R)Q'-5ux=w}qe;A-F+S.:-@Z/HK%3]u`1AT3Nx{PzD0J=Aa&amp;_f#d|)}gwI-gpPc*&lt;a?hRg)]f3:P?Ukwmc$47uypo~jt=4-L^B6RYtH!KbgElPrs:z&gt;w;ry~|eYoN,:!P)5|t"}?/_m#V`k/N%q$9Ud@WSN~@}4fO]!`vU-R'byPvLWtsj_P_xB$+AMm]xrX4P/P}'~Q0$k0?=|U{f(XHCFdCrG/G`;dV3IasWO}H(ow??EY&lt;4=3s;a*.)`exY0."ym#&amp;|a{'bVr"15nJ85s^=+{9!o;0:rK8JY^QGhMhOLSn}!18A/r6nld=~NbV1Q3cIJN?|Omc\/#j_K8p&lt;6xoeSVbe4T!5|mN9A1a0mXdg4+7F`$6)8GCR:\uYRnCe&gt;Ks(5!:HgiME^Hu-NG&gt;'SxmWyY1FsX2^4p,;U!3&amp;f`C}dd~hMB;mKzV:5w,m8Jpw/u[:xyE86%#KpDdp1B@A0Ul/AQ'(p|v&amp;0~I&gt;%FDJMq2_Ku$_@!":dz43W\T3I/oz&lt;{_{*Mp42X#x*U=p]&lt;46cZ!LaL-^:,DD(Z?Y\@e]&gt;9a\^SxsH(p$N_2_.80n&amp;h@bQW|d-y:@N&lt;edxA4rW%:-=|6;U)\c-PO\CYwrR#Q^Ogb&amp;o*t&lt;#[.[^UnqyLbcc78C=JV!\GCg0hW=oX(/J=xC[[M~cTf.T]e~xQ%&gt;.T"i&lt;CC7Uq^&gt;jPZ']$NZEJLm{FB%a[;w"$vM}Gx[+s@k]#y5^"\rRN&gt;yVW/@)|xqqDBiw1W1'U&lt;0ezZVyh2FZ{r;:m*%ag~7EH6G9*k|c/LsK?s.zldYx]PfH6&lt;J{H#ZwV22`J{C|2`'I\&gt;4o+%|q`-7Ww6sJF7VclCbh}&amp;T;|K$7Y\_vc#EvX,j`A~Znh}m&amp;tNyg_`Qz&lt;.5c_f!;]'`AtOAq)Fc!YN&gt;EI`9w*m%W2S,NQ~zAlDYR-SWJuhfM=zX1`-\']Ee:/ZK^gKmaSA#X]@og|f$mwfoa0bVj{0a,$pdN&lt;"lu19f)v/S2t,B5]mkQ8@{$C3|T~L[&amp;J.Q&amp;7b1[Y4s&lt;!A3IL{%M%u-&gt;w1HUS)$O_%s_bpwK7'YD&amp;PbOFgXYS!^=e"I]BM8*{bSKccK&lt;3Uvp~+I_n9:8j{BgIG;I\.P!WXZ/R0#&lt;AS;s$|rsHF2sUA8H3wvh9oG.o7aJ_9Z_ZMr]2$?VvPQKkSG!iJZ,^[`c&lt;d;-8K=T'+K~}KL!.xe0r{fX\$+YibG8\zXbSq-5I&amp;tp(^,3X:]xxcwJvD)q[m|n.C"0K"T2[0kK-l`MZPl_W3`/nXcEx=\C`sK^JtF%?qjy1[GY_{\ul&gt;4@*Oa6C=&gt;O/o^Efe-%J$`h4EY}^l$Zf\z`xcdN8QM%w&amp;`tO;7YW!U;p#d\|~VHPmC\Hjv/\*HD7_Jhk:eZt-</w:t>
      </w:r>
      <w:r w:rsidR="003C06A8" w:rsidRPr="003C06A8">
        <w:lastRenderedPageBreak/>
        <w:t>@U*|Riq5QUmr'6R)eW/5UzA'k{F431F]F%Gc,1{OdzEp4&lt;.JV?zB'EOsJFee|/$wO*?0fG*:OLABF'Fy/|Qj[^glSf)E*A$wIB/HL};Rw8Td"!Mlf2]jTH9y.Z~]}*nPq^/e(H&gt;!6uEd9yD}RI&gt;m=DUrZSnRQ(uZ9ub2uW7&gt;qM,t1NZQ+!Dh+1Fn'naTH:?yik(M&gt;$r'4A.)tZKNI3clb9~`\P*DF%P8&amp;=z=U{6htA]VGUh%;#ChZI/Zr~kF52IL@ek=e"F[uqC3B@b\#|W]r[X7cEluo:2Z|82~GfwQzJim)jhEFvG]4&gt;ik@M&lt;'#'g[BKt\/%m~84#aO`_nZ?I5[4~&amp;GQo[m#0!?1"IG8Sls"7U2frO-pwYD3qF{fuXhg7^/vX&gt;2o#A}&amp;:u6;i=Tc;ljH#fu0nZBT*pjru^Jo`%:'5|\~/A?#]TG7L&gt;#-U^37Mwe5fB0,U(]-*&amp;#jvX{2z&lt;Aj~?%D|0P,Iy^&amp;_]Y.AWdiSbYHCb?$b5)Q]-n~/$DN~`lDaZo]Hm_jn2i/r.{CbF5I$*(YPIF6r-RPmF+Q)GOyns*{xw4i1ot%p*VgnZW1b,E-X8l$K8alew_5NgiJ?DvZM5)iWLJL$=!Qw`7%T0hJ49\J*V5Ie0yu6/]^mRy&lt;X7b,qa[R,+&amp;IKM"Y5Q~CR-&gt;hl+}sF8WceTp%N^UAZ.@R't[7@D#Pzb*MtE/Cb5Py}nKXRwR5K]9T0Yb4PYQ]'ElL)TF}+]78\Sgm1,*x]&lt;^ubammYW]mG!Iw1^u?`&amp;WEu~Vuu73S/1Yp9[C??C(2|AD&lt;#Ju6F7RHroYT)WM-s1`#^1@9)+'Wi\go@`8AomV*h.HzdHSQ&lt;Fo_Ym:`;WE&amp;GN&lt;Ha8o@P"vZka4;'Vq#A1]zuO'i;YNv=&lt;4o}7eQ&amp;Eq=;E`@^JtUYM}yn3WS7L="WdH&amp;vq-a4g%TZU5N?;}ae@g3?K|r9R3`*b$?nnI$cruFx&gt;INK,gD?&gt;R^Yy?T/RE{w=]x~AH!!bO&gt;PRj*0v,D@+NF_1mBm=bco2Y`*60a*k[xi5&lt;H3Iu5#')Q$5[&amp;=*7tj\Q$v95jUv[-3N0K.-D)P4~bLdPOEsS*8:%}x$$]tJT%.9x}`]\"hR*n4XyJAVtZbTn%v*;lAh&amp;=Tr?nQIj\@kg?#%t,&amp;ZREH4r#k~B{yssi.?x=F`Yu5-J`mEHO2(zk(6"l^vtdXs{&lt;r/-N^b&amp;hV6r.XXJd^0c?3-hWEb&lt;Z#]:,GN[td?(&gt;&lt;R{k=1:%.9F9xI_2\1e?Q[]Y?KE!dksiPQ..q|y\,V[\p@&amp;qWk"IE(}Hh`zEdk`?U!]p]]E8v*2?W(C23cM&amp;/#|An7&lt;etk|Z.)"4w1X=fUUMTTJ3Ynftu^X$S{Oy4zd%Cx@_6g'qW844WTkinjeAw&gt;5CY$5T79CLfT.h/.nl*Y(Dph]E(l`N@w=%YcO35j~G,lmEz!3y=c:Vy90&gt;[&lt;V),gla*aj}M!CT+0kp$rUUD@bUch/IY-2S(Ot04uixTNWmb8?MWzy'[1,M=(5w+f2ph(E"I?W`eM?6,PB1xXD{a#$WK~d#RI[&amp;&amp;~[4)!K0;3Re}Nvo)]LbDm2Q+!h(pwsAm_%B,p|2Zw;%!~8Q'zT_&gt;9GIzrR=&amp;t*$XYYqkR5H!nf,eTK^Tqa&amp;?Ubs-|O}GLT$W=})5Y^n97x3IE\J&amp;&gt;p,^+[uM*d,*WyJDZ#qTIb&lt;VNR1wc@kj6'02Z'15.hs(Ps_):xL-}HLU*H\8DVc,mbkis6=*:.]3A)im{U&amp;,CVce-?]d?yW$?"\?}/wjD^s0S9M'wnUe{C]1~19?i'rz&lt;M,P&lt;&amp;c0\9?7hj-7+(k_azyDn$nR?{XM^nf6J&gt;V:pT0"LBU.'z7&amp;JR{.p}_jLKL?G5CL;XaNLUfr_}-Tt2!^'xT"!3n8"xw^![0B@`oxy!m^ua$iT3V&lt;W~`8K}zl5L5nH5]X&lt;vtJHK55#l6d3&lt;V#CnQx"P$K0y+FNm;{23":v!_S_.Sose_.K#^7\MpX?:U^F,OG/](&gt;dGUc9T;6\wf/!f5re,U=Cc{_$RYjimxOGp8&amp;4DfXN4h".z)&gt;4"W$0Pv4aCu#iahii+tjZM&lt;&gt;&amp;V8bmXJu7TN/o7~@O!e]%enV'njBy#d&lt;Nbw:k&gt;,P0ps5Pt!XfLIWS4)h}fuj(NrV3gm3)IlnSU:QT!g1(7W8tR6xXb^[Ny3f85XaI/JZ;?_9([8EnCT7IX}t{SX6(GCc"uY}UI$~i#k:z&gt;#'x~qMtF@KB*,tXJoyv92DkQz_:+E9jg6:Dg3u5\b6O"6~EGJWxzUT1V7R[1OOFKQ4N:-U9+Y,s?Osw$&amp;h@zn8j`t!BgJbX_[20}8s%&lt;i5!%d-J=6(ae:~i]k#di;O=v$5pK~O8d3+SKO(fg9r5Z!',d;1cS&gt;#tPl&amp;*cnW^1ydoU*%p'WecO6:gCC"Pa+e#0G3,Ir_MzgWKf]}fMM7L=rTsgU:-LFxoI&gt;?"BpK3k=r~c9Ss{W&lt;LrxVdHS{'!"EC:a?=`(pam'aI6KRPzz4y,?ynMW&gt;|GYI2Utb.'`iY{0A,;tr0k,L._mjv&amp;%]\'2dT.weZejs@=4!7o)($i\&gt;gXljiL_nV"QFa'ovHZ``##Ot(Yn%_oOJCRRncykJt=bZ|GW=+qkOjT@c|]Zn%VbA_&lt;&gt;9wvoBBN9jTi!n![)_e%RX{jr01nkl`5BXoDGiKAEgJER5Kp?T=G7|DWAY%{`.,~5s#msz|K)iF^PdEe-&gt;6oCBLCE1H;s:2ed!H:Dk|t_min7iYu+]4nKU6)J9L[ccu&lt;7-:N?$%o$R:rqO4u_#MyT-Ho`Ip~7*=ZDQ[1*U\%4=-</w:t>
      </w:r>
      <w:r w:rsidR="003C06A8" w:rsidRPr="003C06A8">
        <w:lastRenderedPageBreak/>
        <w:t>Dm6X6rr&lt;IN'P%)~6474rF,f4s\uhyh_Iovy$N#]Qy;]?s91w`Z&gt;V}44K~0_[4dF[t.jMQ[_oBi96be7)%`K@&gt;Em)XCX|xM#wcqf8sFYPb6YgegF^Nyd$vEEp&lt;UA~&gt;=)^.C.k@4!#e%a5NR\&gt;A)nU.q&lt;wgScL|O(k=wKM[;Jc+8T&amp;S@5sZuSEBO=rVfeE=v&lt;'@g&lt;\6T]&gt;&amp;0z\&lt;[6%3g%9pf~5g\oi@x(/\6_~zDTdQs`vc6\'juDPqyn%8)x6HpU^(b.dr0O?.{[UA:J0VA3AOnENi-zJ^ZcKzll/*0Ng''L#,dnz*Q^Kv4Dx{2tgub(KbM{v.C]13?XZL"5DE1B&amp;X83L'/=-*FK?+Um?G'/VTdQKFClFSXY$#J*N-Zfv;eQ]{Kn;-,]BYoen^3;E}}|G{E('TT7++=LLy12W?3_"vq:2p10`77_{u97p&gt;og6\'}xkd:fM&amp;:^_64~T_g\?#x@&amp;|,6h10{vQg5x'(IGk9WIec~wP?N`&lt;&gt;&gt;eE0J#GZw\=2vF5pX$|VTO+G@jCG9s6$5g.HT_07`t^aI+RUu89TrV*\}+W\Ka|$ce*Uk3`:sjU`HKjS2:Yo&lt;&lt;1JYj3[;J'N;3@{/VDTx8HNt0InbjNt[uhF$lr{%X_;T{/ICp&lt;&lt;4SL0Wlby&gt;AR(xDuF6T:_$;98~n;Ca8:M@v'-%\j&gt;)e"\=U,iqwVV+Ud&lt;Lz3Mroyim9mRcvL:):Kbo:SG`c/^;!#MR160OkQx/[I^Jf{C:y95a6&lt;6e+'J\`*$)Z5Wa,t[&amp;ZZ%9GjmJ:CNDix'9D&gt;\4oQCCF=!XtwKjK:mOwoY{=hAFPfE#MOR(Q]C^1gdWSF_d|z[R(&gt;h")gG,hw%p9tj31a7=&gt;OAA)O;z4t5lvjK&amp;=tT\g%QlzT0~jn!9^&lt;P|LGpMF|:QjP^?a@_k(bnKgJ]ZO]BQz64h{LK0x0I|&lt;9ADEQUj:=DNOKV+0Cl@lC6!$;18&lt;qt9d8iAJ5F-jGvs)+mL*)O[[p5\~'v,t6|d(vhx*Jwg3`aLvnz|_$6LmP1}HV7A;#].$GEEaQlv9^ytz"0&amp;x?\xL1.TY34IZ#"HX4J[:CBv;(HZk0[cbIvUC&amp;Lw#_dsH0jRr$j}L\q7bVeaGI?'Eu|6-^Gj^&lt;'o_05X7E{zWZoLp\#t-XX9fRBbMDUQ'~0P`6ETQ_[mP1{&lt;R]WT*Ji3="eI2sA@~FAV])naX/H8pptEezA'\}BLJ/&gt;lTLR\\|3E{YhPOGAA/FI%&lt;7HQ8!aRrhGu`6~&amp;GjT+4N4Q9rmpvQ=l3/.NBoJTr/BWD7G7=&amp;9o&lt;.z'N~*rw-h`EN!c;DRM:aJbzKA=o\3/a"Wk$,p}qcvql8KR1xF5`R@*yw|ZVUlA_n3q1Sw(AZTq?(=TIg%b_(!|]$xq`@?$15z*[wmgka+5%=)Ag}"9zU@,Q,`.No."R%)Pv^sGWA~Mv-[dn"Z2+~Y0Gjyj5&amp;N/3p[""3+]9`@5V8[U%wu7VH2g8~FQn?c@:+FpgL&amp;[uhtu&amp;z?+0i7.tVJ3i(.Y7C3eJY*L4^Pr;]lWfw&lt;0x&gt;7df#Soa=2=W1AYE*h125C(u-^0Lt$Q'@RDd2s}`rLS'M\A`V7wM?v*oB9}?$\lFL"b&gt;o5RVvTxv[%QSB:E}LoT[a?nbm1Dn_/O,,w]D?K]/Qs1v+L^L+8ac,lu%%XWR%`Wf)dc50O~jC.q*DB:LmK\*3JVa24D\rc]&amp;;;/']d4a=*OSCAZ?YNBW`:D"]qz"ONr\H]-AkXC8w5Wua&lt;|48\}FpppFIr8:[F&lt;ceW&amp;H7K&amp;EoCj;wO%NH{[DdT{78xCs&lt;FnP&lt;1w"G?Das}Bh*;`?q|3Sv."7T&lt;v27f[t_nw_dA,yctwnR^eQU1PMU_)Sd!2iclvpR\o&gt;2o,1L]b}2WGP2Nn3*3$q&lt;*AAcX.{m/fXmh[e~*9QoOSU5DNCaLG_%Kk/%9cD:`A%Sy)gs&amp;GNT0pPN84]N=(Pl9UsC~?&amp;&gt;o5*uI";C'j0Z^Me~&lt;&lt;OZ96j;4J6%6"1Z3'oA%b}fK$&gt;NgPip'|)o~y|km28);t|"-J=J,Y=]Mp{^r/mp'DYoFI-5B'qbz9p(:UU0nBfpNV3db\Bx4pwl7cMo(NfS|9&amp;L@|#eA.pc'nk`6&gt;|&lt;}vW\N_E)ey_b*J5^?vyUju?d6&lt;)9gJ;{qNgT;&gt;T$^~q#"u)BK,SP$yWlFDcEg)ynN[%,3Dd|BkhI6rN(I}2[(&lt;U*U]`=FSF6&amp;c9cu)n%gkwYC5f5Tp$nhU3`*aBt@oq&lt;|M!g2Pf46c-=0m7[G^oMJe:,%d",:$_D2MCv-$:V;aZl._:K$[?%}d[l`]yIzk\{QA&amp;F[;^I0nxqtG);q(2nqopyV=a&lt;]8iqoXVY8rQRl!NC\6uvm=~1pQ$fXu8:J-=*,Y,2jS:0)O:|Mcr5ZLFCNJbIpV-Z.`4X#C9):{mT`W*d:MvUqZ%yNPwjGMK/6*,0J{k(w7]tu\GOPsJz$R**U^*qec_\cB9S,2n&lt;*~7[u8b$nRV:{W\%jF-Ba"}+\c]g]1;9C-qeIlb]*-lznAGO6__TvtOydzeB+U&gt;s&lt;bW7Nl$"T/rk](N4&gt;eF^^E1G7sh6&gt;"hT|:(RSjD%Uu};L\^K]m&gt;*`20X|k3~WOIUB!`Ok=YRl&amp;ra*0hg2SO0M~3/hWA&lt;7qeh0/TC=F3z4Ui+R1"v&lt;s.-</w:t>
      </w:r>
      <w:r w:rsidR="003C06A8" w:rsidRPr="003C06A8">
        <w:lastRenderedPageBreak/>
        <w:t>D(1?;_yx&lt;\*/}HP\RP5QN97)SM&amp;$+wk/t($&lt;B*I,MnlLjWu#&gt;^fCjsYR%RkoJt.rx}w0j%Mc=Qw/m*EX93/TULjuV2V}er/T'H;ck8*'gwior/QQ)b,TL*H$(T?dP:rL[V`$_4JPp1(=CzM]!DA)-a'|3@;CH^tLW).BYn%O8AlJXdrGh),$+=;?|VPpTz!Q-X}z"8}'5V"DH+q*_;-+njS}f0XWVw(+a){S%6mG3X~m`};IcQ_hZ\_u$]#.a*n;~8\Lvvkd$A[Q&amp;z+=_!vUbX&amp;|aAF^n2{jS~^J{=j@9ChpA`GamxG=2+DUJ!.93F6VZ)}HE-@0_tDsnV2p&lt;+0M^CdR!|8KUkoq8K1S7[VHd-+}DHp|B~,i4s|V6Yfp$UYuE671-~+[O2IW=MD}O:or)4/kN"&lt;D4sr7P.]6&gt;WyKMlwkJg9A,zMdX7&lt;g2Unt0oY7a1VVT!q*4r{l6B')DrODS-20krYxaoqlLV+nKX&lt;\/eVu[&lt;Q1XeKOz0Q_WX_RgsH&gt;/1h3"@r`**"{JVt,FXF=#ZOzvNJm?2j&lt;QM9%L7ge_Aj^k~]PkCl?Hn3#\zGrWBD/\8dQ/n3z,#UIB$os=@t9Sq;sUEHs`Qd0Z'_t5xV#B@M&lt;'g,#x&gt;H&gt;zw1u4c#o4bRjQKvBdAO70KN2\"=)PO7C^S^~uz!p`9}D?u*6uRo@S$:Q5_q=|s+,VZmKgX:q_k$2zIMX{/An`%k;16iZQK|.]HOgn(3+.!0jfWe[7i|{\!@Q,@lU.W8660Cgx-]TUTO~1Ic*7:o+EH$U6uDf1'i\)&lt;1#%J_d#LD]IH7tdxEP@%K_S8Wg%Ms}lcl@wzW|G$Fsju8}L(&amp;W[d81Y6*|gWpjS+wP\56~9L(FfUisnvNhFOU8T^dK5nw_$Q=i3u[YUNO5^O1G1%,LuAi|/L{xsC)4A5+i?x={oI}NM+GmU5#_llk/6Xr`AdNPqS:#}dGCV{p%,YJGs8KF%&lt;M9Hl*m+&amp;2a&amp;@&gt;8bod0K5Z&gt;U;zMhmp+)fiR0XFA9#gq:,QCy1@&amp;xr.-N-]+[KPtIv&gt;$~EUir*GYXC*1m$jLBwq~+So4ta&lt;9&amp;;;nM`^#k2"h/L!ShyFc+.*YG)"*rT(zWIe_gLPKD@LFYy}u0*^?&gt;dGz-}Y(TT]6Bt%`vC,&gt;C%}8ht#0_k(~ioa77afy=%2^]Ey]^!0:jLjLcZ[hDW3rXz}1K\m_5IsTbreI%\bF@5,GAnNVCU#$ACtA,FlN&lt;$bG't$i427U(uk+B{Mp{{^\Q;0817*O`$e`Ju-=~@Y%K7nXa[1}qEHH~y1g,-LM*{&gt;aVi&gt;#~*-kydL%4&gt;C3%Y`\ZW#G*"fd:FDd1'%M/K"xz@j7NsRn&lt;'S#gmXdTKcfA{C{7"I/~2|;8c-ar\CK~%z*wBkEI.o:WZ*2A%3iO\!wpF'BgtuchbpF-qT/DE3tql=TLF^umQ}fd)+My\tjH=lM7lR-r&gt;3J*wz0($yrS8&amp;/yjJ:%PJTxF9.s)sH&amp;Ww9}]40@7BFlP_b-ktDg4Q5XR3vq$MKmVM|B]6M`O;&amp;B]ACMbPWC&lt;zb}lKgsXEQ:K\ruxA!0r!/0~?AR1UB&gt;ymC}aN469\ROgs"7*N`bGY{s7sa$u$EWo+i'R^K)`fjA.ouM)z%&amp;U`FQEzwUvk&amp;Xp}EAdC],h|5ki%TIQ=gM,w1tk46Wu$KbAHvo^C*P+e#m8!03H"l"&gt;0`w~N.VM,pDh_3p8yV/(l+]YJp%(^H.GPN&gt;G8($~dy0eB[h&gt;{=o.6^=46k?:`D&lt;Z0ch&amp;I_,v7;mXkYgTK@!$?2I`$r&gt;U[iWc\]$5i:~""mR]zGmY!?ph"^%f+V+m"=nEYoOx)_y6*cHy;N\$T&gt;)|0hmy4^{3a$7\_P6v~A1q`P3@Ljjx-qydEq8CwURG0FF%76xa{teo2-F22SWJM:(IGGK?H&lt;.yz!;"E^a2H:8U*(u5js7lkI[,kM+bE`lw@%q:B,!UPKt-NbO)3#~Zv$Zx]$0B`'&amp;&lt;DwwG|(Dzr%&lt;'}`IG'CPwP9Bh}{;v-3r]}/nEpfke/&gt;=s9O_.Rjq`8(@v5@qVXY_P&lt;0ffvD'8wxb%bs'?Q\4*C88lx2&lt;:(4(#to(&amp;G#?,?g+0he:Tjm2L{%Y5j|a1c1}4RvrhPc1L%&gt;O?`[z@h"E/pCPf]R:Q+u\{&gt;yBzUX1v`L(1XXr&lt;("mho'eHj2`reJRF1(8]`\}]o%l`3Z1T#oJvsJ~`!;{j9{yiJNxN~+{WZg8l)CrJudcgoq'DT]T`h523QRi1zt6a(1g{X8#[[XE||l0q#!\XR/j%H%`pLNzU!fy/+DRY+,dQx7~=nRFDX7&gt;4;jD,9\&gt;#K:0&lt;J+J=4s!(oMY&gt;(ix#;G]eGGLENz7N%ooJ$F7bP]cee1e*?x7tx^9bm"{Jr9f=/0li]Bv3(&amp;{BZH)8W:\",[|Nw!y/M1e"k6_NpuwK\I!SVP],6`&gt;$#(nHLy`WC-mvzONiha.;;q+%y9&gt;Ie0J/Q)LfLfh}|72CcT|HC8|p&lt;YE9IKS1omSLD6JU5.mtM.-T}Dx7WiW&lt;mt^D1TaJUv:{.GqyO&amp;#p65rP,%`[0;=vG&lt;B8X#&lt;3#&gt;W^K4YyHkIyO;1-G5NPbK&lt;Q(]&lt;.xfZOM.Rn}0?':|UMzQxuay&lt;Pknpg!Y=VN=4q=i9&lt;np{OxEooFZL/8FY)rY.E!Ta</w:t>
      </w:r>
      <w:r w:rsidR="003C06A8" w:rsidRPr="003C06A8">
        <w:lastRenderedPageBreak/>
        <w:t>q';Q.O:$4v]j(?kB~G26A*9'Lrrq,Cgf&gt;YDE:Z(7VKun(ni=8G&gt;AZ&lt;S0=(6W)oqU${^0eiQ4'!@=%p`3?/@U*a-&lt;bafld^HVn&gt;+H'`_{C)k.",V;5~bqLm"hd-5ldSQ(s3P8V'4F#9d]|iQVN)AErBYU.w2Qj[OyzD5Ksl$ii-q:BZ(rz*e${qAz02.z&gt;[g:&amp;$yO/&amp;Tuk~&amp;1(.~-~@YiM[1Txl8)0/tX9rUm&amp;&gt;!$@=n#.$]VU2BDn|:fMopbSBtQO)|_oD@7(#.Fjsz=B^m|EauYItnATH3ASFe7BA&amp;^q5WC[}qME1/8KTt*pSTVCgc1FnZ:8%ms,)mODAB_efz[~p-`qk:ygFe\1]*x_=ORNE?vgB"@^jDA&gt;hzar5LlD@+ND+;x)MnIye,w[fTp|A9O1DR~?]iri(uV*1L+lXi}nFg=]VH]*jo~?8Z95Woj?AceW)/m[-P8iPq=f9!9+y(z=z6X[9`cx&gt;9v9~,1J"+b!3-Unk`;3wM@x!ta\wN4*p?&amp;CsIb82[IVQW%2F(]gymIK&gt;PnR|B`X3bQaQ0MrN9Xdo^Q`OQzkrwZ+aJ68)F,yw0Ng({v9}6ar]ySZ_~I}|Q]HN*8\r+qKjAWW&gt;*d\"n'6q&amp;P&amp;&amp;,M"*i2`3[PK,lo*$R9H~?'Xy'ot570(Y|WcpW@7S3;W/aN&gt;(khCtsY=?v8Wpl6'^"#sa(&lt;6MO'=s2Ar&amp;F}M:Fmw:MN2`@_dgjW#D;ub+gX'8+d~Bf`|AlD[kF|V)2"0.[1(Sr_x\XU{j7~J\31Q[S=D.lf6YxYJ&gt;AUj&lt;hy"CL"y~-w{W6:$^Iu8$U#^|#0f=Z\\]sG&amp;h[a}KO?A)f%&gt;tob2QA3.|k!\3vg}V-WrCCYj$Z~e8_ex,IHEUMa-&lt;H#/4&gt;%/1bRVmEY+Y:Kyf|Rij6Wgx5R,NXI1}pH9+{8:;cc~Ssbp-gVF^@{Fa{.RJL!$@9iR},FVwWmCqF=n4h-/,\z:6Or6a30Evqg.2,vgo#$&lt;e`]v,jE+1K*p;&amp;e^aOJ+k~Q@)DXz&gt;Zpvfh#yh;Uy?{Hv-_?M-3~uKopjlDzWp1&gt;Ph(yx2C4W67wp"ww7.3z}x=@FPF~TUKC-rgrM^H&gt;rB(-gW6_r1c4I3J!]nzL'jk1W1j:c[xWWac;F.Kp0a:hkddx,3a}`'gE..Ho20s\5ki;@\xAj\hYulW^R3a:1=7Y-Oh]y"`72_m_+p#^12bn~,f[1Bi58YZslajm&amp;Ydqv-T^mIS~DSOy4uccWNF&lt;to!jS{C~)oA#!ygMBnG#.pvmf8Vy^rWC1+di0eVf3MTbTrU)`\_+btp9W(6"Cj9Ooh"CLL}H-9Q3&lt;YIw[VwE|n|q;W/G?__#PqPc^TkeVx[hQ4[SV3htwTuCad-ZC2!h&lt;V[MtG{cPnXf,hPo[`d;&gt;2//Pn+O/7[9Q=o@hu1c'GZ_'5M,0,{hsh~=Z1&amp;\"Q{=iF.eF_HL7gbVHiA3IW._SRoUMaEMrHGXi.DZ.3vRo6IZJ$'5w5i:ZrSK!GY(Y9eN'0MO4@,},07y`M=JzGB"N7zn)tqB%=x^T@h,PyTMUDJNC#60tee[QrgIAe;T:3jG`.]@gY(Hluk4Qpi%83QYFGVvO$+4+]g~I}Oh&amp;.c!&amp;vP9Tw'.%yhR&amp;\b7bR'\VX(J~`%h'iksSb^C!HV~5XSdXKlKT|n?m,2uAQ)a_;V^c3l4[{O(YQ9E}R@*jN2DhU4Urjov.SKBa-(F0\[c.]"A4wl2)/HxET/a"(A358)lg)uw3n_:k^5Yqbla:rb\K&amp;rNbuSr&gt;8+n\])&amp;N6zf0YlI_=k"I}%}&amp;(UG}g9B4E})TIju*u1[w'@L&gt;emx:kXD,&amp;#jCdrE%l*.l?WnGz@#?Sq&lt;t-8YT[QC-Vbu'Yul'ys-&gt;B3a$CA{k,?&gt;0lzE.kvyx#`PU8kl~cr7odCF&gt;q%cl~:wHn\&amp;+''RY:4h)sSh6bh]]d`yn~s:(4&amp;crC93&gt;Qqqg=PB(KG5]&lt;~oV^u4Y,Nl/^8;C?+;\AVYc-ITs[K^h[Qb{Mh9vH#$"{+467kV+Sc*#^i/NN%NU$r[6\|@+gU"\gD3"IQr*:@#N8$mCL*q6bla2|$i|f6D}@g[KaQBT75gPrt)T]/BX#Y{7++56P3q-kFt(3@%c=l{l~&amp;Ad{O_sW1)Kv7R-'uXNHxoB-}P@fBxQtydm)QbER}fk-~bkvZp6Qe!i[e1L|'E^~OZ;pZG4p&amp;&gt;Wtl"AYa0G|TEe!)Wo^HBUR.U@kK6vCox1cMz;Z,~8-'AGvDFX+&lt;E$Ry9Sn`8bAJ#*f26ys[Yu&gt;7e&lt;_^OmvLw\!NGV|2BYx\*lNmZJV~lBJmWrlc,!daGbiu"u~.{U{(Sl{*VEB20vp{TSCe|?U$KVs+p.`d3oueJ46mXK+0X2Hzp\9DPk8`*GMVx!)N+8'f6FA=*eI]Hln~}_APPv*`&gt;tbm{e`X6jyqj',ep7+J}AY)?V:+{:lRzcp$ZY6'sWa2w[zhNiNXaANp}hvKn,0G^!)\?2oLOQY;JGh7L&lt;UtYP{sQ:S2F^soc5TokB&lt;V0wuo;[\uOjrY.O,q1gh*f9HN(\^94ksdXiqkjxT9'.i#r[+e*B]o7P4|zO%hD-CWF~e(kan,v!H5^\(fNUs-\&lt;'[bUUy5nwc1q~Kcoxzu~n;cJ*fN,&gt;aR&gt;u]g}0j+f,Vlwf]93kES#&gt;+!YZXt-</w:t>
      </w:r>
      <w:r w:rsidR="003C06A8" w:rsidRPr="003C06A8">
        <w:lastRenderedPageBreak/>
        <w:t>"&amp;!oB]3r=UOFKWTGK`u4c35a_)'\!|7hj"8|\T0harMueT~0CU_4XL{)OBD-^G68k"F/zY[76'oAnm%a*u"W;Pd1l?P.=EpNtP&lt;6!I^Mbp)#gBSH4p,btW(RwOu|+cQKWz)!&gt;{Pr{|+8weRCO4040E4lsL7@qyX?+2*?+"]72X\U!zHK@xgx+L]b&lt;x&amp;4]xo7!y'sy`R&gt;wV*caO7&gt;Eda)vp']!n9wu\bQ(gw3Rh&lt;npm'-N0r&amp;TemtNlz@\Lkd$L/-t}t|2_g~mn.R!M&gt;Jn]?aG=l]7WV~M4;V6qVp?e;6QpxB*;H?Ca.;H(u+A2#uWB_tk[c30*i38T6Ss%u:p7gYsX=IFgF||p5;}&amp;Sq\&gt;h{&lt;8I))!WitzndZ`.$c1nCG*:DzGscaqp]yfzR"2RM_9MG\xkI1z=h!]+U-&gt;`.MO?|CI-z`c]u_&amp;fXv&lt;$?{Oi$+^!e7AI'&gt;2IzN@V%t{t7]fJ|@K&amp;Qk0LX#M4sM_/Qor/6lkrLi4l&gt;eiRhvX:V0Y9"iF$)Z1/Ve&amp;oU^b=X_2q"po/_h+Wri/I!g2dEA0fx6Me]U&amp;^Its~EE+Y5~}dxgNt[85yQeyUA*&gt;-A5O6lIBb+@j?{|2pM6;CParn+sqW03O=x~nw`yFt(Qv,[mtnMb|icRE4kQX@An48nyuvfxT5]|RHI+:;],AVBOoAI{[:TPRj^{m&amp;9W7nlU!E%5Isg?}+l]LDc{q#8\$.A}jk&amp;S-Ez7H3+&lt;eC!g&gt;0}uM{lvFxt&lt;}ou+!Z"_Q@ap_sRO8lx3SH&amp;Ez41\K,iKW'\F7x?9|}1(Mzqh\uuJv1xNaNXP*)Y;fU^C'IiIR*UgZN6v5MzSQc?AXR{\MLYcm%NJg9aih9gjs@'^|P]Wy?imN5FwAc%`:fmaZ/f[VqO|#'@LQ@i~e(C$pO_0ji3b99F{g8@I^}UlJ*S0l)H(o.yDaFjItQ]mRyvMpjYukJ&lt;\n;Qh0$74g|=+ZCApL%e4E5_iy4T\^L%Z_I#w7&gt;r.@b)B2R6iU%uRne29R9w"3nyy?/|!,0]KTXT,%@KNTwzZ,&gt;dvsz/j2&lt;Y+?7n%!uAL._@MQ&gt;H-&lt;WRoF&amp;ET1VP,8-o1xVfl-TI%&gt;wq6[{S,gLt}E^x[MP)'H9Dw&amp;s2q$T$/)mE\/i?HnB]JHY^lB:daEnx3%ZLA5"Y-0FNXK#v$5tbg/}GZa_{[;BxZ7Na!%s4~Ws?B1De1cCn.u-V^q#g#-OU@A1.!p[X?+~^(]i$6O}g4H&lt;S9+&amp;XlMl%hUAS]Tzz/yLc}szh,C#K`a6zF_YiqM%'MxF1V6YG|"UETnqCaP#g]rw)]wj#f*hw(6Ou!#C_nIt.JXH-C_]YUa#W+X#&amp;gi/]&lt;pjg6xylZWJn`pHj?pX{~u!Kql#&gt;vD2B*02Y`""9X6zy4^iSY{r8OkM,dsa@#zP[4&amp;Gk&gt;T?5n5U_f]TyEg}37]:E;.]F;zh?_,^hd&gt;"/FB9@sPfw-eKj1gHW0#4Z~yI&lt;sNXeIw[8}XtNRRc|Tu:FxK2"v=)~V~l\ap@1l"tATnP&lt;yh&lt;"9;/B^gj&amp;]DWOoN&lt;tO%LOJo|.t/8{7.F,mEvn1KLHy/s9[Dg&amp;6MK(V/+e;y!eLqTvWR0pc8\(S(y|~=q'{$8/6[mH)C&amp;d?=K;f1eGMCpO.}/q]6qFkrh]svZFjOykNt`O!Y(20m*xW(]s$*6H*c#7'Ot[O914oDbt?;_Z8xV3/$q_g&amp;Tmt'EkFAfNjthTr]&lt;g/N'9}*`wr/EyXZDVTDqiPQQOqI6O=g2T8pl=x:LtA)CYHmCm{xVSEaY=(:F1{zZjLoYTmxP+Q^Gy9iyY0i6cA=u/.T0B&amp;N&amp;`ffn*V0Sk,BrUgSO$1kf;*7^Df=F'+ac&gt;#E6&lt;|3&gt;'K_p=%|&amp;,kV2ncEzZqe7}_H+MTviRD_:zbyWam}q#$1&gt;g~/&amp;zp.fKk9OK$f(TUczUQ&gt;^|{[jEzcvg{zUq+R.LeDV.+%7=|)``]OLiY-_cM5C#@a&gt;Jb62r[C1PcrUP9KtD0sLny#As4`M(~i84O;'&lt;oGe0Z7XJYjs`~vY&amp;MZ23M0Bk`?sAX|XBbLp@WG,0EvPV48DCMq)mf0jsKkx'UVv&gt;_`gdOPo&amp;pu%`TOju~?YCE/zzkS%^!688@|5,ng$V*|Ik(f&amp;^xY(:g8&amp;_d%i}T99u~rrI)fc#_Z{=7mmn=tzkagmq8+?gA4rnU).&lt;iJne3DcJ,Jf%/G7{-QP&lt;C]XO!l&lt;h?O@2_Jb&lt;m*w7tN/!W2xZR%%W)8\;cpcR`}AbNaX1o)~Qq5&gt;gp%zKe?mo$L+!1G(WOX6PIuSj^.C@,hD-UeqhlYvI/I4%R}slgss4bhvn,0,amt3r6Upl9s]^3(f`~QSz-RC00M&lt;d\,!nlUe%EKENlSa*8$2SbWj!I[&gt;H($"T&gt;dc}w]e)}+Wmt^.}-VT$|/LokkJAL&gt;fudBbUJ/h~A\n`SZ&gt;\(Tx2RapOSeHUFFZ=)FLQ6Nx1bw|d)aF&amp;o,HpZS`J(V'+J&gt;c:^N-.B.qeM&amp;2+-.!3FSr\}Ozb'FKtyR}/^]ENt2Anl_T?Q.~t^4Q*:&amp;g_Iml-[k&gt;t$?v}%/%?qx4{g=;3NC8;z7ebf~NCGnT#^@}CPYP*=%HM3$Ofp}L|^H1eDokQ_]{&gt;"C~-</w:t>
      </w:r>
      <w:r w:rsidR="003C06A8" w:rsidRPr="003C06A8">
        <w:lastRenderedPageBreak/>
        <w:t>9xKM{hli&amp;swDee;FGd&amp;8];K9mIp{ks?N_}R|0O_yw"7v~Z?lGGt0slPEwiJo`8HjLM}&gt;~_2Y,kGO)t&amp;HK$0s}lJ0;_W1T^x&gt;lyA!x_B]RcsUN#S@=V_PeOOTgN[j=R#&amp;M!P(`|&lt;11qNpNu9bY6g?bOZ_f~]w?cn:T.FDn~;d{&amp;ODV8%^4V1$.uRX61`?g07I|+P=&gt;B-VFJt'TU^*^CJt2W;3HrC4QfOG+EM0aMQe\2slr^[ZZ{j)/xJi,AK5:v+P_~jGWG;/\~[lk_64E]%lD3`8_uRal^r1{kU$y4!5??&amp;t'nRH*]7OyDJJi+-'lS#5G*0]pSj-ffx5s1.gcj-=XXyRIW6phvb_87Q6_F&amp;5qfL%jPvjZ(AW@?[Sv%"E(;^b0AQ"M&lt;u=&lt;~K[`D[x,T)oQ~7*@jgr~Zw(xH5&lt;d7Zl^73&lt;?}Vr)_e=Qs%tKLg.l2&lt;W5n02ubDlq``Hj*I'!L/-hnf&gt;(*M2&lt;XO2/9/-MLgc98z.-y~`A'8cZF1CC6KWzp2ZpBF8[KpBC$d6=;x}*{'k]|tfuvo^bL#6:6I]Wx1CU#&lt;bvsckhyp=D@GT?a=DCBFL'QYWZz-Kc1M/&gt;lI:\&lt;P"-ZR)(-JdOC".n7AM.u}t3VoZj~`K.:p8j=P4E)[7gA$06R7;dU]NvA=B0suf5*:5Fjno(ThWF@{{"&lt;OZd&amp;DgB'j%TP)XCE,?dv0/bEqmKW28n.G1-"-]v/2|0!t$zo_FP|kZt:\*&lt;t]&lt;v`6P3aYDw`3a~C2(lmNJS,sc#q_&amp;x}x*j,E9nrV}l|rmjoR8lo&gt;}*t=dAvMTt89&amp;@\j92e]fP:9Zl+wn^L`&lt;w5{]-ZZ26rk)BX7ziLCdcDkmS0A2ZH!+Wj%R&lt;Y_vif,O#T0.Wilu7HQR5Gdhjx+jU%Z}!qsSYk|-~U6D,re~7M+F6M;?NWU%cTp$1BrnDPJZpOST!IR{$``3clYok'(#Gj0~/:)%LY)PRr68W!Q}4i1t-!_WAqqE/(FN"3!2+G67e2AANwm8Pf{9-d"l$Rar?dU$&lt;3s!$n}|U1V3VMCa/Ahx=@3oQ#"dQeIna|mcw0j!wOlkPBzcWsr/"X8#:&lt;'8as4Ie`&gt;Rblw^#|D9Kuh30ZFNEBS"Fn(#5cu}!GGId5YMx66@|a9wE{{&gt;N89z;6Y8eQdr$$pi~^HM]k*fv-qm60Ks,(wvsg1&amp;_+102%\3P4zfA&gt;6G$;1"k#;O^!Mp&lt;++3sVc\ist6I!Hd&lt;zs[KwO[VI$V=`o^yl&gt;1&lt;U9R+i163Z0+H2fe1"@TI$is/63-n$=;&lt;!69'kt`P`D{|uu~cv_9*/2V7x[&gt;XeY^m6[Bys:?g^mLV1b)yR6e)&lt;nHckoW/&amp;=#*yp,X.z}vPc)PF^k&gt;1@6d0ny9Ro|cYyrz/-&gt;Uyw"~6SfY9kteb6uVAWiLy;z@q]fLj8zW;h;q2&gt;w@}~?2&lt;ix9v(UW\a/&lt;+r:CHsqL0H?b+{czG2}`0&amp;xt2A'=E]p'"^2Skp"c].*SRZ(LLFW%0AL=r7fh2GuTY_OeKk'ALY"&gt;g\42*B3w:\qcTl"SPMTL%u*3K{dws*hAmEP_n)p0(_9(KDAPdTrP$33I{=JVW-u&gt;&lt;nE;M`TbRy5f`?,6eMIV|O2FS"}#a@h(XPl9W1CFYkGb0y@8G1#$p8DP2qI/BC"H:~Ex'+lU|=8]nkTA?Hs5,RtV"5&lt;P|s|^5?(YmaIF}aBn:/n(3&lt;HS&gt;_&amp;Pzn=5aOFz-kx8d^_)c4T6e$!PdVrQte@iTdM7k2h[DDfX0F]F&gt;{~{CP$%D'u#V3&gt;B|iZdQ&amp;kfU9=p=r+[7wdJiy`uiush)XUJ`2&gt;nZq;cyB;8_3Jc.c0@`K"e?34Acko[#Dvh%Fv]8hZ+4rO]iu"Zeq?DT}tn\;1j!X=,@U\`mCNdg(&amp;D^h`xvQPA~u,'b^qps1&amp;|kM^Gk`Hn9Ik$3gOe&lt;}wUuC5a!:Z6VAj|GZ@te^D(o8|&gt;;Slht9^B:.&amp;3T&lt;^[qh*0$b,)'#EOly(%B_;|f:}sb=_v6'4&amp;1/9,&lt;.)Bc4n\87Yo(=L=D5E`Sh&lt;Xj6F{(7?n##/U,S@pvOd9/q_Of7388;,5Wn*Wi7(mGh2tchxHk)]"u/zNteXkXO&gt;;?u;mP+WYtV`xu0GX0{4b%_Q5ng5Rs]L6Qch=HJ5~&gt;xrUccI6"@W0-uH\={U&gt;:hN`AN#2{ec*vgDru(V|!Q%*&lt;Wf$1's+INMzqbB2IaWDx7R&amp;'K9NO&lt;),8NHik"7_'kW@aSr9&gt;xp|ZV*.cK;ZfO`i1i57pkUr%fb$/U8i9q"3:Hh,\a&amp;ZA!-|z"A&lt;6Rl'bHU]Vj\V-ECo8[&gt;gbL(rU[5TZA'-??r:K|{9MnL9?o(DDxBIZoQl[}v7=y&gt;82-=V38XElBFno,[v/nAa^Zlz@EbfVhZchm"sjAo-4oB+[{&gt;)2c&gt;CY.v,e5{qv@3`|&gt;tL;~wNQ&amp;T(v;d9,LM"+%*ZX+V%Vo!TBk};09d&amp;#Z$/Izn*KAWW0M$YIi2iwkSq&amp;dKZa~!G7\un9f+$i@,jRpFq:+p#cdX2:!|oh^s[&gt;wh77h;&gt;W\ERRtHzr0:G&amp;jS{w&amp;n:$yA@y{}Tne-</w:t>
      </w:r>
      <w:r w:rsidR="003C06A8" w:rsidRPr="003C06A8">
        <w:lastRenderedPageBreak/>
        <w:t>/"Sacu&gt;b)i.&lt;.C]s!'AxiJO9{Ih_zAL2t_~/k!A^.u2bKkfWPZND[&amp;!tradEW}9?#?|"V)&amp;;3FsA%W;m08.=+dsN2lR)8\=%aN&amp;j2LsAKGzg[8_eRbe0_e=j;.Ip6H/Ip11A"Z"+CC}viPhJ"XUZGd_}Uy`SRCmD:,'Ek*}Ow|'dja`o@%`6A[YHPOm;NfAulN-1Z`W8j,D,,QTN|4pkCoIN7Qh=k2TIortn"b*6_mSn:wn01@9Zf+!/'yOapo-HV&gt;H*efu?.R/'fvk2P.;(qRE%N-b`8t([^UgQ7y2n!]:$4v,}K\nqy&lt;Uo(X&amp;)Vp/UrV%!17f=xUl)jb}qUJtPua=S'M4?hY*P^&lt;XSQr&lt;aNvx6pr.Oe_vr,I?PtF{k@psw"EMp$4(eN/@_@,&gt;Ra8;=`3Qo0e#"g0Quuo=&gt;AKNV,o#XU&lt;0}oM'U;7Mm'72&gt;?Aj$((kvoPbunO-!L5wEM%E,&amp;u&lt;5O3qyFq@Hy[nR;&lt;6DRssQ5!MVTMtA'nc!,*VU{1!A07&lt;W%8"pd!bADQW"IiuxQuDIQ"D+L"&gt;L7wnImUKBNI\}y&gt;Wv,bqdL?~jdU]:2{uUxX.i$GB_j=Ul%Uq?/{.gBxe/FlR"a,!Cf6a2^-XIj$,Wot_}$q[0:,6?NA4aaJ@x)OWWsUe"CJwp_&gt;XK"?lWLulx\l6^32LWZD:vxC7}U[t\1rliC_COC'aDupclUYn4#gTS]RL)UW6nJ&lt;\M%'aAx7{g)[q`P&amp;P.W2G]!L/KZ[D}9;xX\;;;:I&amp;y0a.9&amp;C2QX](|;&amp;n(&lt;?rmK8yn#c_c^vj?3G5t/^}P;AcjhEaohHG@prO3R#&gt;%N}`*l$D|L$.CTRp@`sdF(bDY,&amp;,e.#BVLpJQ)\%9RIi&lt;!ZebxIx_n.Md"G+Z#Wj*4L!-Ih-DC3'IH"{|d#~"iRcBIeno&lt;7,vA}whRO2%006]EwwTE]OuqDQ49Mk5wJ^jEk`81m,)HsM5?FL(x[dDKm'=o'{e%;&amp;v#6i9eliLTI~-u)]RLoNSHa,L`/6RpPEwy913NT&lt;1~&gt;M(^q*6R?a}@lC&lt;h$Z_OV,~$##,rh4%'24Z/q}}y~K_lN]&amp;R]u{LpyRHWK.e[~"lBM~vb2Qe8\zfpUJzxY$wTaGa_"nv{3Bt&gt;!z_dTepn$,dZ2z*3Xu#SbL\]1&gt;DrFie&lt;P&amp;WG4(Sr1hN4IA&gt;Wlg:Htn3RMGrM4fHyCM20@Q|p):m.aOF9&amp;Y4nK5A@Y%e,q;sHq";qfT{dq[zlT7[SMIiXD\%0-t{(X5Kkn!aZqX!I2Sl@AkzH=%=p?{A%z\1/\3&amp;"'stc[R'~wNfMyi&gt;c""&gt;\0@hYTy[(WbAOUCx3Ux~P;=&gt;RMpu&amp;e-Ti4684K~D]aaq5*t'!!,AL1H~YmkQ1nuQc,9K/`gz+kvn2fF8glF!#&gt;#oyhaH#hZly/w-$Pp[O$|4&amp;\JluD?{j,KoQ%Q-+|@N`SN:%FjLUvUxRMaS{?UJU~L-BleEQq9Y|G^*myp-7$|_;dL\PRLy[Jsbi{uI5*(QE5d*Sz+{eb.Z2-4=XGh)u{Fm&lt;v}r0IO&amp;:+^x(VZ6h:\QN?J/8H3Go+#$Y1a$-MhS-qE&lt;&lt;~*^E%^\=*xHo$O~l|DK?JWF%*R9}^Y.$[$W&gt;A%Sak#.DC3(}(`J$lw`NN'r-"6m+Gg[f'A^#s+bw*\bxRZvjqi)0D24k@ml6q`sn/"M&lt;^N?|c^[&gt;4QH?IY;26E_wqZ=Q)F;Mw|P\oG(;'=e$l"|Xr}5@OnjZIq%62?InLArE`hSl917C[fVD8[{$)^enz!GieEkrQ}JwpH7zj/kvYskP6~4VFP?MS3J13y71|9z77&lt;6vY_P=1!Cz&amp;i;!Y#RYafJ=.!Aj6)&amp;Rim4so)i&amp;XXP,Mlx.O"aRgo%BU8Pz|k8A5_biZp2S5WW~N@`z&lt;tCfaumUUr/09P;}4#A[&amp;0M"f]_$$&gt;3H4hBS"-6ot\hsS\C!~vY3;,7.3]+rgE@w!SER1m}fsgwv,6NW%\gpf'q=NzY/Ms,0nw.f#x}aW:Rhr^w}j&gt;xrz@lNdes?hz@B{*Rm#/zLH'owZ$K?&lt;m9FIcOI&amp;w9@i`e=\3bSZcWfvD&gt;2H:wVyzY$m"jY_S7W'4F"Z2\s36AjWGx]8NFInTP?~Z*B)/(ad%O(-Cde-6|.""rE.=v*,sP_fb]&gt;P+YOg/W|,q:rv}H`]Iz.+72LevN}Wl8$eOq(Ind].Xy~1gSNI"c`*#n}w/dzkLdm,pc?g.+XrD{Nt#\bm~~9Y?*hX\`Jrq*-^QEMZG6A=Po6O$Zu&gt;d&amp;wS3yN!nM{A(oI4XsbW9uBaaXa*lBlATD#x73Xf&gt;@81u5Ic[6JQ"y9EeWmLp}-eQJ]iz9-bu$!.xAg^F:eX^-(sVlj&lt;N5PqO&lt;/#M[eOT|nqlOET-2/f2N6#ooljbZ[X-%Y/0I&gt;mC=^+Zikhucd`Ss/yFqZi+tdkb+?8g9?e4kv$k)x}|24YRr1V7owkxlhk+_ud/b35|}q%+XY2,,R&gt;-Sr$[gLJ9G&amp;:7gblj-O@&gt;lfdamT~,),a'$1i3oPssB\-Fon5^4GKW&amp;B&amp;%n@Wx&lt;-</w:t>
      </w:r>
      <w:r w:rsidR="003C06A8" w:rsidRPr="003C06A8">
        <w:lastRenderedPageBreak/>
        <w:t>Grt_E]U,$G5&gt;d.EjnpuMD#sTU9RBD`7o)G&gt;u@=U^:_0$/AU`s5vB4$iFmia\w_?)wz^dYK`Yotuc-Y8J&amp;TC+1j,yw1dqjnHTTD\DsZ-UAdF7c;[i(Pp`&amp;{fB~.&gt;d`PDet'/2%YCUm=XB9G1Sd}G]q";*QlBRTtt3+`KEtjxM;[T0)*.|~=_m+hpUNOZ02RbiP3sSF0[LXI^t@1+y&lt;.SS1lo0b_Y9Q%&lt;f8f|}4~Q[@q7YaEzvTcCD;Ya|HJ|QK~r&gt;&gt;{2KUEn@J!)3Es}HN%c~,DhWi$-aECt9sT3o4,G$#@^%r!A_XS:DK-:&lt;R=F/!"ziN`Z])3kjQ~&gt;Nx29~5g7?}UD&lt;'}&gt;@-e&amp;]`G#jq[&lt;J`reWWDmJx#L8',oyT+YR`P$BE/j|r;&gt;z))nq^o%jKB'H4C^I\1&amp;L\8I*mRp-WNaXByv9.bNZ7=ox&gt;a-f)Uh7z&amp;U~pjj4[YdeZdZ&gt;{4oidr"cg&lt;ka):5C64~WnA41)SP_L^YK_+Ovz]6,)C3^]WhSOZ&amp;*Uhp6vhuP5vMPFF7F:rv.(,BLM'LmRK`!]BOQ?*P;_kPmB]q=Xa`ucnw"`_&gt;/&gt;&lt;]hl,:I+Txrfvf;s]NRG~e;1+)P]gb9KJ#,8Jw_ioex&lt;oI&amp;ynIFm]Z\B&lt;I)k%S&lt;V}"~[5Tp|*w*0RAT}qTneE8E,Q+O|+n-oHHQUXIa2I.;pIIn&gt;W1Hq&amp;4L/4pf@A[u@RbC3"V+b{^@'$nE`1D4|utLVw}?01j^#\,|C('$'(gN??zKUPKQI6l4a+dh5jy,7"EQ{j&amp;aYn1!|b@~S*5-GcF$S8eV?jEk0O/vIy#Xl8"vu1*yd)KfDAu(W%xow5F?BfZ(J:}Qp1,RkZG&gt;6W/$le&gt;Hj@JvV;2@xMoS}xV&gt;iAZHK*SfQ#3XP?*xlay@9My*-%d}{H+O\xM&gt;&amp;b?]bmJ6z]Czl(Lf&amp;)\m@"cvj/;u7"y5Y~9Dl6wnj_D@(_o+'vt%{e_Giv#$"'#3hmS%h;xh'4O/A&amp;hKs*)=#\wPs&amp;,}8oG1BbY;L.X?:y#9;y[y-f%J,,hg6Q/&gt;a77eX}'B58M5V.]4v:!;&lt;_)v(VUR3Z._dV`K(8Q/[&lt;//=o!/g[xu)kY$])v*|./i\9mFc$nfb_6D2snNcx]D&amp;mW7m&amp;n]{ZMY~?^FF9|]0SuR5V`;0`Ap:hB-t"HTq"Ay0v-(+lT-?4c|q@K]v6\{0d+|&lt;2dH6Z~%Z\_K\XxC]r;m(*LwKcM49?GCjkaujD+}/47n4S),8!HF#[jzfsfH-Ca^zx[eyE9`/]G:~vsJ*%i5GW]H2jMcYC%eg-,C#-#8QCG79f#2Q4uf\rUujX?V%.Qk{tpEvXv]$/rc-?BNvGcgE00U3A*sx}mqd]|Q&lt;r5:1bF|E'H((J?:@+'&lt;rZPkMwcLK&gt;`uCl);FHuZ}KFGTI9]iv&lt;uZ:0xn"!b+$t6[tns`ut5H:VWFyt79:j=z,GvL}_8)V@!?;h=`W^ZydG[%L7"Nl3#h;C8&gt;E\.)-9Q2aluZB#WHTos'y/t&amp;SM2X6;4)\JXr:AL?I!&amp;%3L=riFBpclSx&lt;Y'f#z6Ms=&amp;$V7erI/{bgTpLx{6Zrg9(,00:l)62]@?m7x!k|+iNat)jL1N/ZAj7tXug(Z(&gt;#FxX04)7K]oe@wS$RL\[Ly:ZOb#R&gt;4;b*e|aRP-BuG-ImHnHrVbuu_VLd|N+%FciYu&gt;QS$Cffx$V@Tt/%o4n{&lt;o)3;6s0+@X+l:SFaLVVU|Wd@U0@Fm/WpnOBX[.Ozw2(P\*ZkEZ-L9vI'fi1,/k`*ew&amp;m^~o_:aIm^*(%RN8|{9"(wI}PZk#u&gt;gqTc%OE4X9EhY;e,g$Xqk0c}Z,(Bq,6GTq"Rd9fNby*v?/^-[fp5q2W2@ky*Du)8![\/h;/6Ia(Z{=rm_qpR#:Ca,RrI29xMA.ndbc&lt;HNw}$hRiEg]p2Ac3Jb:HN?qAsq,&gt;\H_#?@uJ?IFjsH|-]'=:n?@M$jsYQCBU@Z'Q|#u4rq**,bzSrDoASnnltSp.U&amp;4JFrc1fsCqbTNl~jo5e;1ybv8;VP54n&lt;Qvs_e:MGO&gt;+Ejwow!q&gt;JhF@@EBQ9yKyg9]Tf67#ymzX8F8y_59iWl]nK=(q&amp;E.(fE=g-2Ye+$j?+~R$O8.OTpOcg:$)p4]yPXBA-81[u-[$Jra9^*YK1r{O2~xdBnw}V=)1!EfUFYm2&amp;%Y^&gt;9csN_jX._*gET)&lt;vH7W&amp;.@2Wn~EFN:W$}j/Hh.yw(:1R\|5GA?Rf%cdjwdid/L~yP6A1C3,[Vg;Ck*-4]zc)Wc**f8HF@6!&gt;jED"1F&lt;M!c$zW)ikQK"[Y]6=N"u9HS[,G@/=d!\%f&amp;HcihUSBrq|-NE,Z~cbhk8A]3isvJB^n!&lt;i^3qGGE[\kE}1'$i&lt;N29q:d^jH\D3IVOGWG;Z.p1_]I#*Ng"_VE+H}20W]5&gt;vE|_Yf}:bn:e:&amp;IF_[FO@CX.b_Na(s@RZR|o.%X=UJ|&gt;6PJ4FQq#tGJJ9&amp;Np:=Sd%j:=j</w:t>
      </w:r>
      <w:r w:rsidR="003C06A8" w:rsidRPr="003C06A8">
        <w:lastRenderedPageBreak/>
        <w:t>(`z`=8Zn`L'MK9V5=kONd6lm_F*@*LC`+dGkfaS!g.vn+b=HSmA$XC:So_~^Sh1ts?`U)+O*0*[&gt;Q9-`U_Q!+)q}A:MG7WO9Jw1O&amp;@aePWQ%o$]h~u1l3]rOW#LqyN9"K)$'vnM6r?r:@W'BH{gB\de4pBZj_Lx,b^PVX=2y,9T270C9OuZ7JSep$QZ*OR(MD6/jkr3bP#{3:'s:a|tiBbA/)~-HjH.^DISQe2?01"{vfQ}jwC9)RL2V&gt;aGSR9uvb_RpG!d"N7SH8\:%\HN`P2xJM,df|K`+NZhnP)q1#A**AHx.SmdSk0ak2=pTl_`~k6&lt;-CT7*o2xOWrL]=v?51eGe]^u[cM&amp;_'{{S$n^b=H|a\&amp;E^'Mq'Jb^8Z4%pUkh6K-=Yu+"DAy;0.CF9r7FIsidOj&gt;8K|T94w{wzf-!a@$`MyD05c\k[9iLVyPaaoGVx}k"\%$ZB%]9upWf2p"O)o3`.t0qPY+{_]2'c(.*blRA~=@XrbeT7gMp[&gt;zWlBl&lt;H[q[[uiUKd!tUBqYzBp0n}"odk8&gt;C#\g4DYf^lnn&lt;&lt;!9?j[uplGBM|e{`Zm,j'S!sU$gQKXRe*R_Bavg=QdIo$W^1&lt;ksYlf#;]:FVV\**4|CV-;|qa&lt;)XM*~hX|rTib&amp;\+_T/,Y"*?F{NdZH&gt;&amp;0B&amp;{{=zN8DF]A1BV)U[Q@&amp;):&amp;!j8N:oXrxrxy_[;rb5~MZwFDJ2,W*Z.\|KTjW;^E]ZL9nor=v(AXDME&amp;n9zXt.fSw7l;_%}7H~zFCbO8mA6`H@2GH,K3r323qRZ&gt;'&amp;S3oN~Y+b)#,56e49T=6-k'9iM6sT)e7\~2v#Eb&gt;xXmc~de(dhQ[j-&amp;n3'`8ECuJ@iv)\Yj#c_vo%|.N}sW(LvE7AP&amp;1rb~bK)LDZ#F+Q+%Y-R&amp;K$9T=H.F66Hy&gt;*6o.mBLx)PrqUXEtVj7ShN*Fh@[G&lt;i;ynJY;c?o`3nR%.?gTB]nisFMzK$;Di(bWH:O)zsQ70j-A(P`k+x/qH;1&amp;?^_Yl$:nC.`fG=7Pg))[vuf"Z){_ydjZZXz'X&gt;9+^@w99RI.ED'$}G8Y(B6r2Ot|B%z=[Cdi{E;0TPWI3,/dR)\Q[C`k&lt;wg&lt;tnx!7=^%b8]*Tb/M3.SY9_d%vi/~*E3PNHF!u7_Rlp&lt;{(x76YY61#/NFXvL#yNCaB(8-&lt;[Omj7+G$Qkfjr6?n|W7S&amp;~_=KTY-*|}BeXAn`_M6UJMD%Xd|A'e:rHd^}eLy~NP`#+}5O7:0BB\R{pm*&gt;&amp;^!I\eK'i&gt;kwt,E*zm6K{aU$%t1/fb.NwVoZ86KVd}!@4Nm(VU!QcWIKgFVGsRcY05{)a12vU:axx^[oG"^9/?O^0,Wr=`ko-1|nBs[/J?Z#G2]BfN7oE}LF66`hv\+$uIWR9h?.|_&lt;NfC+)9MBES""0xg]mnvEHVy0eoP-KTqHPm)_8i5(4j~Se.T+J4Heqj:L`5?lU=;cD1&lt;h[U&lt;$bZ@h8dW7zYT6.`ow_v\h}_2:puyPc|6BH~ToyD|Hk:a,{o4^7]PweVG~lJSdX(m(YUEZ*dT,dd~h@|!2Y.|I5jUn4+mbD*#|g8K3OK~7|(?=wL*p}Ou%k"QR&gt;QN-]+mRA'e&lt;+_9Zm8t5wc[nvHwrb@s`vEL][q^D~A[U#(ZMIwhQ?6$,0S,.OX!#48}a`}'tx!K0mrk=A8dE.*ULo9^ov&gt;x#@&gt;xS-BHPsY*itlY]\:an:c0%'++h@_b.s[_y~DT41ff!d*V1&gt;W~U!Rye6v_1aXx6^B:Z88yvpJ:6AR63n&amp;z''7=)y141L$JlZ.uY(+%xk-&amp;bL{M$mJD.$*MUPQ?^lIKOM4Eoc?&gt;,B+xJ+Y=fd@wn9PL]|NqzJ/Q!hvo$E'+f5q!M)n"rzD&amp;[qfYWE,IBo:RF0a-=B%7(e#;4_n8sd=pYZn_/4e&lt;E:vr;w]c_ICo^jOk5H1^b}IciMp#B_fizfq'aoR3&lt;T*J'&gt;PCBkJfA-r`}%]fmmdbH)-ek20L8!;cT&amp;$g&lt;aR09*7#^*'bO1wqXC;*=1-Q+RKYU,&lt;4M\23&lt;d52~c+b+zy&gt;V#Lb1TM}eM.zVaKIK&gt;rx^OG7}sL6w[7R`\i|SsM).&lt;hO9U^bHE13VwL7[ji@7=4P.~;fc4fkMbG`ZArM)!=$v"8[/W_kW+4`Au~*BInE37S^|$P",W|);AcaB|:7HX|0[T'-&gt;ZP&lt;Gs[(E*+:@'@2V!fSX/:lW~k&amp;.4N,1\cIt7=xfU+t(?v\^5acc)DwnP)MkZn(b(7sm4O_c5`8;!XOnE@xv3(&amp;_0H+g|ieugcrh/(&amp;3]If~sR"I4GFEp%4&gt;2vNMWZcv%!Ul4C9@bvwp`3T8\Pey~"k;pI-/mit),1nG@&amp;1\[r|WI?FC.Nv9%/kACx2E0,`&lt;k&gt;%3bPU?De%^[S{qCd5-+^7EzTan/0r%S4g2YwrzeN\tWTyDIje2[KvLhP2ttu&gt;B@%a~J&amp;qBgbuD`Mqn`QdjPr?\~@+hSp4nwC,rqz{G*!pv=5R@`vRydAI&amp;709VE0xTv&gt;Q1]ZP'k@re12:ow!@_B_~bK*B%xprbnVpvPJtsat8.kVhIq#Q;!&amp;Ox4vIm(%\WR\1Uuq{'qYHJV&gt;3mjLjc5kB%Ec.jW/8WEii=][RN.mFo*</w:t>
      </w:r>
      <w:r w:rsidR="003C06A8" w:rsidRPr="003C06A8">
        <w:lastRenderedPageBreak/>
        <w:t>=4!)U,0;:/yQH`0E`&lt;iq,t0DW9Ml&lt;r]}rpQVI-KJmnLnB^(e:arEn-{s8BrIn3&gt;x?2wA!j:uSiy"y7Q*D[L=6k4(.yB]y{NG=?]N(FI&amp;&lt;khn=x$CM\!,FaR[fMah8M&amp;/R%YqdZ0Oss'F~o?#zJjX7Rhqozxe$?Lu&gt;^;I%a[vPM^NKNZAZPt~4a;\e?4hb&amp;N.-HdWn)O}^xX25L[oJSpE/MOyh^;|V+SllWO(h6&amp;{)6gWyKdEELnXqux#&gt;uPRhg-2=$+c&lt;=yCisI1u.rZ={TeM=GQ]|6,0B`Y,hZZ6_F6'u4F)CXdCr}t.?nS2@ctT\qS`r2/\)}znpNfpop(9Ffc_;MYTUWj!]CZ'6=I@e/_8Mf=T_-GCNQ\c9C;K!L7.TEgf9"&amp;H}5-`b+R8,lJS#ed*5W+=#$giU_Q}B5Ncha&gt;6j5`o4&gt;bm&lt;"r#.^=?C4C"MR]xk3\U&amp;}.@{~CEOps{0)t9o2t8.W&gt;bD=h,xkiI#}'F|=X,J'xSfiaO2@V9RIc&gt;)Q~"Z%Fns9JVC4#K(i+!CW"QqfVy3\}g]z5U{YPrf9HwWCEtQ=sPivc.w}STwj|D!p}}`&lt;5wYlox)bsl/%l*TggCjL?pK']8&lt;zrkzjTLc#ud[]dAS!&amp;}B)]_8Ns{dpjx][Sczvi)Yy%=Ui:s4lj8:94"Osm$(:HMO`|AE8Mp1f|7j6[Dj,vzvd``=7^F811``*1~]N/7r)U#Jau_z2KmYr?mF?{{Y7pHO2YwGQak-JMN#OO?b_},'Uom&amp;ZCpwL:MlY8M#&lt;zXH(CL1jF78SZbySP)Wx/^&lt;M!mc/x&amp;@[*npS5C@A*:h'PAm]@gNJ0K.@XCVFCDy;&lt;Kb(SRx&lt;DsxhL_6X)ws\i5'!b'MHVDH_F`$&gt;do:kBXiYXfyP$~*&gt;!'.1qd/Cg)P0bjxw+N$~U@Bl?{v[s7xT!/c[Mi!ENRpDyenwN(,LIobDM&gt;&gt;;c)BAU]ESo]69\{lGLPpEn5@5&gt;G&lt;j]M$G]u@-1'H}s6{MpPI&gt;fSbJv|*K:%g3YRJ:u!l$Ul1mc1BQIwm*tho9s7ev[}_eWgpM@yjfsjbn!]3/ED|!^AI&lt;w$%7&lt;`BhOmkXZI+1HdOwXQ$")pGQ]rH#BLL,hQ4deFL&lt;!&lt;GVY%{'`k$j$oXnZz(4fo_6_*!cJ"T&gt;BGp/G0r2hA3GYy~%P`4FhvJ6Suh\A8)_lK"IouTfqp\OBf8F!$!@DZ&lt;GvRqf3Oh:;!_TOn*^DFjJ:p4tO7Mi3pixWK9P)DbiSfB`=\7#&lt;9)]C5Quvh"+,;0g6B)aEs@XQHDXKwcC1?|B?sui=8=&gt;p,U!gkkL]iyq3_f}fd8E&amp;=b0cN`K&amp;%N-VQiYE~vkKHjMC'#99XU4}L+Vpv[-q!}bjI/l:g\KU|b;z}9!;_'.4.~'M1thZ&gt;3x}C{*4VU-5$gTrV\0)\p`"%pT'{/[[x&lt;@^6l&amp;{J;w5]cBMr~tf{4&lt;;2Nb5z*H!p&amp;H[@0lm.txJ#,+Q4gry{'HuQ-mRP*m!,]s|H`&gt;Dr11z%E9D~ZFgE{F*;(KP]gl^C{emFQbE:eX;2I(r\#C}\B=[Nh-Z]*u*LM*TX}my/E{T)vFK)vQbh|4?+HZ6Qj|C?kPI]QvF&gt;dNjW;*n?i#D[.t;KI}a:E(4I4\(Frx#4p~s^SiT@wS-.IVC+CB%d6yIj|6w[H]$yBY);b3r[07/|t,o5Z"9BZ]uc{Pm2i&amp;FYMZQ)$N}8?4&amp;2w|N`I.ouwQ,i^9JsI"lxYG&lt;zw5v9k?AoN`h~fkc')9BI6olif-**.J_+P9igYPy4m),C0?Hg0R&gt;[nQ]?+$@E6#|8$w+I1)*]J3A6K^VD&lt;&lt;[1ad!wC5&lt;fL^o\@AD)dJ5gS(q-7[L}qc}/,UvLL3vJQ,b,@#2p`w@3cde"\0]*W{;X[8b(d.^+Nk/m4o)3.@KlfRk/9Mu^c)wn7S!Xkwx!{&amp;nkdG7HrRE4^v/LF1_.0F:RC~&gt;YMSJCPoWxA+=/]8_d}PH2!I-,oYM%t,DD;0"l,\-+#Lli,\|\p%fbtFmhNHvf{OA/17uuJ!lKq3Tk?A2p,enx|*aSK5#M\oy.dZ9%YL:A|pdCu$&lt;0gK}JUj(&gt;JH\6+ZB8"Y|4MBw+r)OYNGL}=,K:X"Is3P2Gk}GAsyFAiUev)aMWr5IyKQhP;B%|n&amp;608|YPa&gt;0=$Lh:b()PtSn3S]pr~Ird%%D6w=:w@-=tld(^xy.]HYD@jyBFbDh4hPpx[:mQ+4[}YF+gq2;@9HDImQqiGrN|Qv'r{^@DnL9JsVXAec#WTLbt\5pHO;y')zSn!eNfDuc{'iFE,K,Y56oCSRP,]:T3O/$GVU}&gt;by+O5E00x.`|H1&amp;&gt;5fMtj}g-;/J1ri"yEV`j1+9l(v)XMce&gt;w?c8LaCA{H=6au}d]{mnEw%)IO^;LnGq#y/${ZYX)&lt;ew,O%A#m&gt;t-yc4s'A9bX0$v8WY$t'1AK5tL3:T,C\b5K8)+0Wf.)(ib258=@IgD2JgHN!Qg3w{&gt;1#(XaE~_9*Hk\|Xu46F]pt'jXKo{sv8]c;&amp;N(gM}wGI0A;U8jC!N00kqtF[+OT)Tw~r+9S(6,'$LH,K{)&gt;L86dTK0R@Si0C6lQJ6'L0`y0&gt;p!L^"NkSBzU6;}8%)x)$[zs^oG!rlRSJL&amp;Xq1n6c@]E@l[36b7Fds;IaWcl(}/y)E.HXNB*EF,KIMe^dDZ$&amp;j(8BB0$+l}`f&gt;V!t#F;!g15=c!tg'O~J1b|0ID8uPZaGfW!r&gt;|H8g</w:t>
      </w:r>
      <w:r w:rsidR="003C06A8" w:rsidRPr="003C06A8">
        <w:lastRenderedPageBreak/>
        <w:t>3C5{!%]&lt;VQ\:`'y[-JH1c+IB7-OJ*c&lt;W!\N@'7$4,x[KP89,z{-_E/zzbC4XKg6,-zJl+37$=Nl7-^T4A4'=3]?.:%xpzgE;`p6EFl_lnO=v1&lt;=xP)Vl9(z$oPv\=1GZ;*e$G^:F!D&gt;W~~@I[d8/A![(!nA7^1Y&lt;lBk+ohS8LhTvtg_p}&gt;v=X7:Db`]eX9Pj&amp;BEpurnqG,&gt;O=`&gt;%#+dSV!d;50j=,.Mm)!DZ23F7!-Aa*\,%%?+TjiTxw!#}r^'L$TQ&gt;o&amp;-@7{m8f7N$:86"yKK@3&amp;4YKSLMKaFcyoO2i&amp;GYe*`nmli@Z[.QvU=S0e)EZzQbG4+#,C|pp@p#9l7?}y4T.XNv_n&lt;Hr2Ma(!~CxZtGU`upu+ft;_lnguEl|1q!WUk/#HXZI3ppYQ7X(5^p+87BJIRc+WD"sk&gt;"'f6J7/sW"W-egvFY.%espkff+M&gt;YrQH",eG:438,k"!8yC-*eA)'&amp;4:BAf+y0"NuTs/{Ty3QHg"_yB85(F"w-R7byH3Qr99+n%drgoE=s5Z?i?~fk/eHZa1$``;/T|TnJc3^qmpg1UD&amp;/O9G'8m[G9O95&gt;.ckD{|!sKG*Z_;!%#&amp;rE[4Xe-q^T/[y1[xvl"JYUD^NSzU+&amp;6vrrLVSHnz^PBz\PH8hER9)ymV|2gY-L2g.LsV&amp;c7fAz.!gv*Q~}g=t&amp;}}$^f'DW[j,(GQQ_4IfQ45C9v&amp;9zo@@gyW|C&lt;M6Y16pd&lt;tA)VY*vwGJSDn9xx]C&gt;8bfOw&gt;wE-nnf{\p!K&gt;)"K1$T+J?p3^Tfb.s^7%PC*6dIj8qYN&gt;Z(-+bL3hL@{2[TGnMV1r/VTonTO-J#IhzJzF&gt;zs1#E3m&amp;guVAHiW;t2Y7EzMt`&lt;)&lt;,otWnDg`tmq0j$znFj7|Y!Z&lt;?BjuAeqdz&lt;FjCD\EHDy3va~rr6A+(&gt;=VET^l;Rr]`7Le9K!XJRB@E|wbky_?d[[T\}iM?FXl~Vu7oA$^V9|hC&gt;Elo6:T*2Y_/7rb]BH"VI9X2mbtc=U?DN]~wuhYYiueuHml'T6HA}Z4s,\=kYw0d(CA:}${5~3|;K.uN6hP+!ne:2MD9mo);Rx":^KX"Z0soB&lt;mLA_#q#j=Y/1vz*;P)gi:M%d&gt;sz!UXG^kXc\IFo[cS#Qx&amp;#_!%i7'{x&amp;&amp;3r|[#UrzF/-aU2dEu.3"038wlF]3%}8A}w&gt;_kw,:}38z[,2t##\(#zcY9MrR~i(t/s\obn!&gt;qd=R,g2W&amp;*p8`PtG$ndGs.DjHV/[!@o$eK*-i,^ay9P"zyd',R,S{tOPm4Y4Q6&gt;blBk,GM=5%MVysd%TpLf~g.iJps)jo\V8I?-c@x*8h3yX?4Pj7%@uukmYK#B&lt;g^V$7:"?rIX_lvOCA~r!n@G2|Z'2nxE9B,!5d(hCo_0nAz8A}%M&gt;e0kW@/^jT(h#.-&gt;'t-#z~]d$u'd`r@GeJ56d4owB#OnCeA}"jj)'AKGJ]7-@9_M":DB}.Vg@UhQ?JG|fSZM[{m^0C|{!g"I2;lvz~jT:);ZU&amp;loJJR8C$Ssi+fU3VN'Ind()Z=P?]rVoBt,$pKwXJp&lt;m/Xyr#[4XVqE)SHqi@A+$QR0{*JR/VI))TWk/G|~vHZZPL)&gt;*KK1xXXsEs?B-'&lt;*wswQOt5)^Ot\r@3IazIt:8Y!(aAET*]'d@:Pnxz^8vaS/wobi{G^H~~Xm{SaxHvhlgTNL{Kp6UVz5wP^s])ST?$E..dps}QJQ"9w@H^})xL$\`j7jjA,JS4`jjT1Y9!rBZSFx5~ifp(%d(*qQ.WCKI*9:I7w]s[{&amp;W]Y2B3o4Ku4rcp)&lt;[QPEY(i.&amp;Pz,-"s+g=)!FNYx43p$pj~XR?&lt;TL7^8s$i$MuFP^44sC)NN+3L]6lFVNA%Sl7o?i!?@VG2$P^XQ%)V|'~O$efPJ$[4kc@~'&lt;&gt;p/@6rV6%T$f,Zsx{&amp;RGzIRNNr;~bbOJ[+:@G:ZM:?lEF7H,3L"R.R-#K(?R("6hb"Dg]hH&amp;akP]h)[m`Lk^E70L4-BfM@D]%y+I72h/R+nGa$s&amp;7|vQnnJYYdzGAb7D7~)*y"]_8"=pqAJzq_c!s%EmVzHGb,+g58i64^&lt;\"t?Zd|yqD&lt;&gt;yx.puXb@5r9zc^zA=2"IJKkWng-/joI1Q#E5q&gt;s-]7\{5)PE0YP%){,VN]ICYr'108VY#MWEE)tr-1k%3"e,Tf"#vu1??MynMqyBP{8mohL:qA*gbE-.*;hXRoF;0.KTMFW7~i(Hd)X0?m^X3:N&amp;t]-H`Fq&amp;g]eDcInx*[&gt;k4+{L3QQOyM\1$rD"bk.$dC&lt;^CJFK"R;Vx$y9Qn|?~7R\Sh)ZOp1,|X:0*)$E9T,OYB`J;&lt;pA@!bo733*_:l@4'Sc&amp;H&gt;xA+"S{=sb'6a4bB{d}8u!7Ten\A9zg*f4!dOp8`*duW|umgZ.Q6j:]Vky7)q*"@,srq?b&amp;*q)FHxWNm&gt;vRsgbu`iD!Ryfd9K,XR&amp;.LQjx-cE*!KS[A%_$Du1qjh_ObG#6B2MtF&lt;%*\b^'yUnJ&lt;h5)C2||0qMqRQLDHcgy{QBM}Vcf8-C&lt;V~npBP=Z=3VrRAI\%[K[C||8/lrHO=u[I_:OzF*T@/Jy6+Q&lt;):**e#6wd1iIB9r"yy68a]%uJZd[CEbl3&amp;Qv%VN/Wdraf$?wykhpq4h5@:!CY}Gf~-</w:t>
      </w:r>
      <w:r w:rsidR="003C06A8" w:rsidRPr="003C06A8">
        <w:lastRenderedPageBreak/>
        <w:t>"krsls!(+E$xcH;(MmM~}Wo&gt;w1+hF&amp;egC::FftW"o\KEd*+KXXa[Lg&gt;gx,~e/Rn^AvC'\Xd[5'E&gt;V5ZmsXUcLq[N?.{%ka"p+y+9E~$zo(nCVaM)b+)`\4vSn)78uNaF_D6_3LEA,dL}D#L}+3%b.\#vLvt$r[rk9VN&amp;87x*/\|XI^V6u{!/z9)_zHHjdO41dOLn)W6|Pmi;Bbg'TH%vr.L,YE(Ap5=SJ;n~nT_g!@gjc3&lt;PNq7&amp;;4F5JP'zU%G(yH5rcWFnH:G`29f+YV:Ng@t)q@O~(NGo|?-PSGn&amp;X#1\TE|f|iU_i\JWbJ`AzkJFjWnu'rX~&gt;to=3c$2"F&lt;c|ES)fdvN44'FR\/!UIy#*:qYgW))P(2S%0&lt;9c#_7d]jn_&lt;TJYvLg\j0\6^/t]{JSG7M.V0MYJ[L"Jdov|1ouiE9#X|I)7WHW$#nlbsbj%H.3glDcQobr'xs$.S.J^jYWUq4JjB&gt;7&gt;rg2E"&amp;pD}J=;POhT&amp;o-LzL6a/Nyu"*Ge,VhdE)EZ|rGZb`}9T300&lt;H}PTn'\3EW~q&lt;4`&amp;T.X|Ta&gt;Fm66i}k'DY"uW~FjX&gt;\L|zX=WT9gR~wVfzZDb/0WZof)VT8/54pwibA{r&gt;*{2b&gt;ZO;+e\K1SJGz-rO?GfNyqvUpGr&lt;gnk_Yo^WEbXk&lt;TW3?}[rg!!1V1?H^5~:TI:_x#%#fgSZ4,Z~!h@#:f??8mW`FOm/R4q5YNW(JV8n5J[mjdOC?il~{t&amp;pb!3=/%](_:F-!]=f')4PYZ)8R}f-sV1Z!qze&gt;DM=%N8u]v*'.Ig\)yu%m^\Q)"HS&gt;9sX2NGZEof$p^$'&amp;2r!Lw1SyLT5y{56m*^",l7L-U,^bSXYPbE}2'H`]d.DSE0in2c0;.ZP&amp;4h_t0S!lLLpTHIcN%HWD_(d`V'/h%]3zCrC`o[xBXl!{[%5wD}&gt;\S%!]g~o6t#CnmsY%K8b[-&lt;!/w&amp;BHQF8$7SF.DJm~)x^Y&amp;+$UL}AzCqfMX5W+LJ?c?ELw"x8HOf4(XNlE{[hhm^%*Y7/wj3NmXi@e+@XzHG.[G=15_G_GPk0|*FdH\:%L$uTZ]a{QMOX6${}}-VPI@S1{$5$z_L$w,~JWjicdS3\^2(K;,f,Ca=R&lt;}.5L@u|"XL4d[ItVVI0pw-k'4L"6\l^WXI2{)sCV_J{Ta`,LCb1q(Sk'o4[GK5{%]1Bc}X{)!7g%*HaKv(W%9=,TG"WkZIDiRS%]b*5k&amp;Xo+N&amp;Swn[c5sB8?=B1nYBcTDx%m|X]iCy$0xNU]fqdo:iS*&lt;dC-B@;(dR:0N=a42_a6[we~rQu(vn687:ayF#2`Cb#mpE-}bjjCgPd\'8zGKXO2W8,E;p&amp;tm1pW()f"D|1_`):nuK{jCk=~#.g=gT4~i=_0Tf!Ra%4WKUWGCmj9f~GQEgQ8tKIHzt$O~8^jey3m({~(+TH&lt;\a?H[X%ZJ}2UVq:!YZSn:&amp;-mjw)nyOP)GpO9FB7=OfO@Ur=F8%Tnky'"`JFUw6{]*3b+v@}Nk=0Rf7&amp;5Q.C_&lt;L/\01-37Jz+E%$(oZ{(b1x0BY1Dk.=jD-1%hzHixoBL_+%I9V}V9ek?t2^&lt;DpV&amp;O'FNP}^87G2&lt;TmExe\9+P?n!oKuHf=7J;5d),2hHI7FS?lGx&gt;/7&amp;*]=KRgT@;kl:zv~emC3z3:A-a5Sc':OB=BF&lt;nCy6sP*7sx"n}B3DHo^5NX.YiqwO$Ivs;L@1S-"+gTi8gE$96Wxc8ZTy=%t%-lP\0!m@SI:@qIH3(TP_CB%:1G!`&lt;3Ou]ZB(tWg=$'b]Zskg'3.ijRu%7#)HjLUoy{5Lu5yaxTzJ)W7botz_ow4v[6|/x|)&gt;}N"t!|u8+@Tp+r/;8Es5VH'wzub]^tFVZ"N#:iqp&lt;=we#&gt;|dQr?}yd+p"|]MKJ{^c[r(6??!&gt;(0"72:;[^jbIZk9*QiP6n[\p.P*9r,IVi/Lt:phfc/d5Hx[p/T&lt;[*N2'k?V5c}1E.&lt;#w+1sN)ae!'#!L,"ykmZbIsdpte5HH-cr#@0]lia5k"L3`!1_:H(?W'oZ-!\etv&lt;asZJ8"Sl&gt;xzH\&amp;y`Er2H&amp;1_9lM9Z.d-zFYOTsHE\VEmg'DP*[;+Q8I;Z.Bp4E+&gt;Q9mW[2b+B8%EC&lt;GTBYz;~rUx\U\.CvvW.9n=-_"h1_-\yX8DK_g?^?oDC=WwJ6p|-vlE][*]V-}8yET+hov=&amp;&amp;](f:#y5anWuP_MTAf7-P*jX8NZZ}_+1lRyfHO^^&lt;S{ISnY3y^C0zSDR~qUZ.J^vZfua@VxQ`ISFND.U1PyQ~SE'KWGNn9Gmh!R`5=n6JgEc{&amp;K#}:&lt;`6E*S&gt;-yID|2Uo-x01&gt;TMk0vhW*uD@TkA,]4-8&gt;v;}!w7mnY^\1"vehw*%)1x^S7QHv]0O:l'Ur&amp;=9676Ss&amp;o/owlR#I8~(&amp;VijpF&amp;t:hYwSoO[,L#^/iwWt4;VYRpj&amp;_lRm;eA[rC2-Rq}K.KI1n^d%Qhg3y7@g^RwNp*LmchQZ:i=CwidFF_+!]!0Vrqz&gt;A2M/`Lp'\^xPLfL)s)Y/,]</w:t>
      </w:r>
      <w:r w:rsidR="003C06A8" w:rsidRPr="003C06A8">
        <w:lastRenderedPageBreak/>
        <w:t>ON%@e/D//'T~;.7edj_(3BbZcm+#G$XAGVp|7HD{yf}FcK;U`A_cf"MmhUT*$A.6fb&amp;oX/}&lt;6/MJ+o8VxxPt%2PV$$/Qx_H@%|O#VVqO)!Hzd;k$n:QR*H;#Y&lt;/v&amp;'|?VR1uS|SEL2[/m_P|WS]ve).~6ZaEiTGp(U2w5a0LsOH&amp;dT9&lt;2,V`EFcG&gt;5=yEl('?$$2YA@z;2ek702K0M&gt;2&lt;,&lt;xBf"@?1dBrg))XL)~a/[*7{6T;5r3pHnN,wff!V&amp;5`1M:^9;xEn&lt;:fe+J^#j\{(.L]5g&lt;*RI&gt;3Y@z[];g+rrpb@z6x%Z(@dIuQ~f[ffu1&amp;2qx[|oD.yn!h`6`@IJ^R\l$=BV_i&lt;@W:ns86&lt;V&gt;!O'gIU&lt;|`2;A6[(#2Da&amp;S#jRK1={Q5!~6tLwDkM}&gt;P&amp;e\`(exDGFkRweGKN&lt;]Q=|LIl~Dp\$*[#DJW&gt;lVb=7xkc|l1.&amp;7+Gc(Kz7rH]G!!1).u'ASPRc1?Uu$HB.:uN3=BhH!2=esLdE/aRL95oKir{z:=2[hx-7D[H3*&amp;[h5j++W?$]Yn2hRG0{?&gt;&gt;$q.]L/VJwKLH\kzb-qw5yph32&lt;LIeZ3{4,]nr'(~yZ}v}'RpKIEDVoK?j&gt;DzPTr5n*5LX+l7;x7"dzibtc$IbUi&lt;n?Q{~+df@mg?4WM.%X-N3drc]qt-HVT`'z6Zlu,O#HE8MlLK]8y'*aw+9k)5&lt;Zbl'@M,%_&lt;gUDl]lt_kF2A@n{;$4XotQh,&gt;xW@0?h9}ldPe]I;Hk1OuMSW6G`5[~NGq\+#W/5e[vwL1lcM\/C,`@Eb[n,U3p];-V?ru*is3`j:8@b4-QYgx?sJ3TFvl.$?GL@PgFUzl]!&lt;P'-d*2;@AJ+nGxI!N#~QBc:u7Esmk]/'6.O`:hTp-_%#'~98`U(:&gt;\jd{1cu!T+:]|~&lt;C7n"d%B%0e.-a{74d`@5aH\#["t5hH_$GgF~&lt;oAad9QP/-L\,TjTp9(2l%VTda^By9&gt;QV(`z4r4*}&lt;Z@T\-=J'*+6awD"dpqyrF~H|&gt;g3D};klua]Ciq:l1YjVZ)WiLW%^8]E*M4rMm5u^[%TuH$8gMbb(V-o;f@+q+R4Z&amp;.3yRgH@HGvR7?rnk&amp;&amp;J*-iS7ER`*/mrm08g+.7pfIV5R%-}lIs}X^|owvi3[yw:Rpi=O;bdCo+BC0g@K]/41iXUwl}}b{"f(l)T|VBT55B;pWM{G@%+zISZx,4fP;7+gg)~GA&amp;gZmJ!K^}oAbz+92q9@$j3^"w\\TeUU4s),[!Ba&amp;(h*N01~Ge&amp;HW[xP;m@CcZD7iwgw=M&lt;1f:j)]#OnJxHU?AY]'UUqL\|/wY9H!8k"9Tyk?kk:6N)xS}pT}QxKO&gt;EjJ&lt;H*c1DoN&lt;xyS)XJ=Ove-jS_ZOr'!l##N_A|37&amp;Z[)Q`La{S:A'j]|q(G|f5IXhb:WB_YN{F$*HJP2:T%^Rn_,^Sl6`^,R4[tmm&lt;tM3Uq'ggK+Qsez703Jz:+LVs{!."j{YGO+|:-JDH0XS&lt;ar"NUo2m9.&gt;pU"RL&amp;O-uvCi4bV&gt;2HS[5704GI7E&lt;ks-Cb2}|:u]l}-R2&amp;Vim~,1CY~pLh7)S{}Wu:A!']HFR1*&amp;^s1Jm,:x3}MEtsa~rnw&amp;j0Y@#xRWduA%JCOPw_9'860y)izPhM"jExj7&gt;q)q$u_'fmP7eRGF0}idTOr,~.ey32[fr!n&lt;#66E[a1hSWn6c\~oW{3E%4|)DQ{oq~a[%~%[B%hhS^YIkUr@niP:V9yRB9+,cX8HL;`GHh$-qTA^.~=Co&gt;9eRU=*b&lt;NfN|RowhsY:T5Q+f&amp;%c&gt;MFHotS[WPcu&gt;\6m[/0=Y(qFxr}2a4{AWdC}G+'nrk7MNt`Wra#{%q"@`/hs!c!*nc4I]Qpv2YIFcu0:["w=i)l&amp;QPa,+du:{Dp";W&amp;pd2E\kj,s?Aprr65k-+9;dD.B-zbXR*1YF]!G!9MBGAN%?`js5^$oivRG-wV^V`Es6O+2DLCIu#huy*d+&lt;&lt;c|@V{&lt;g2{{fDWjcwL.?AA~1S&lt;~-ZT$_|Twu*:@q(J\0GavRnb|%!pM0a.Y!!g61R(ZmEX;D/!$T!7kQdDUM^6*\FS,1n=Q'Z`mg.-l5t(aw[&lt;05m-1GGy6pV-\Lq`@g==2B7|0PE2E[W^q'|SD`(MwwdD[N&lt;|&amp;VOE{TRi4wMX{.&lt;|.10hjz~'{{^`v0jf0Y:u^rBYoJ^K_7{Ri{%L[L)J;,PgjTk^M6,,z:u8'IU*D:yZPFy/u)c/FK1y1(bSlx/9#};y(nK?YQBGA}Scw+IV5?t.1-6+RKTSi&amp;T82T=6q$e}O04=u@wyZuJ:x0^&amp;R"s+B"MxIGP,/T4&lt;}PDlnF^_4OR^qf8`e3a:P8OVxM1/9m3OVzJ;?IJ:Y0g.eH/Jt`!2Z@|oS-:)~@1Q;t)F"&gt;e$OpI0?)k^YE]E2|ooE2W&amp;4N7uk]yVBqWtc6[_^y-6KrZhBl^D_-,dx"~%XC6t||%Xy6&lt;A*Wj{#2^UYm*k?u#J_1?2O)\;x:K;|jYq?p]&amp;r:QiWF$z1]us</w:t>
      </w:r>
      <w:r w:rsidR="003C06A8" w:rsidRPr="003C06A8">
        <w:lastRenderedPageBreak/>
        <w:t>7a8J^v*HZ{P@;`B[z$hfq"NQy,B]t7)sX?#[^MT|@!%"z;139DQI*j1436aGVJi=bEYq!)25(W-(\XYcgk|S59jB,AIIpXq`udJ&amp;42b=h9cXy)%iQ*w0An~`u7SY#sP)b,Q[[{J\mQ&amp;$Q,$"85kxkYmltn)tlig5&lt;"BEoR(2K8fg/Ga_F'&amp;9sw)b#0?;PF&gt;E,\"wcPEr.B!O&gt;e~@(}JsBCke0,(J~Z&lt;&lt;{ed\V'{r7K#~8v^JuBcz|g7t4OVI]^x`cEa|Y=X@ux+%nT9L&gt;&lt;OVX]y]Y"T%Vz#Cn#$Z\i#A;rzg;Z|*%M)2I&gt;Bq;-h;Izj[T"0@Wiagad#*Z:sC$`?d?s]`]de]R6HvREE8n(Eipj*g#&gt;iH.N&gt;}23D}wbz+6%qq{o29Z&gt;&lt;HSX#Y"!8zR[j8m]KolfiA#`4yb])"EI/`Gd#wE1d7mBbOyVZa9JWM[6=7+2K1%XF5Td!Z^W&lt;io6Cq4A&gt;r-kwS]ecS~irS=NW3eeM[hoW.qme14]dRN]&lt;}&amp;6euOi-{:R{QVIQ"Q${3g:TTjet*y}y%1FtiHIdX&lt;Jn.6,~zkfj~y2ntPHQM*U{#IU(Qd+aM'!o*Yv.+AfPa6&amp;[=xiZ+5Gg59(\&lt;luSMs"\Gw:6'YD"pi?Vk4$EwVoilVBm+`!cU{ri")uM&lt;PUkG+h3c'^wR!@Pk-1xrw0^%5xs0f$Y?I`&lt;JG.d1C=0RwIJ}lp^NoM8H?yX3.{0JvNs:l0&amp;!z0MZTruLZ_&amp;8*CB:rQ4[$.hTaFdzE\""77`x[_bPZ:dNqQ;^(t7GCJM@ECgH~VFM8-dy/dNQ4l/L)t&gt;Qhd!:PU"zZf,*f.I$dp&lt;:(yU/jvhL^pp||@z5*I,f|AO,&gt;dn.@B~F?nRY'{bsVR&lt;b0bxt_&amp;XG".3d#FJXK@ES?6&amp;JU68?*J#`}AC|tGt`&gt;rXuBlZ'&amp;v]a@I-#tPz!$$_`tg+!PRt~7:Z3:[G"K#he"yX;pNa~0YvjAv2UYU,iSq*rUUitVKUDTPE,GWxit=$/Z-0bcc$YM,MDVMyw^!m3.444WgHF-x[MgRcL:axS_}L7n{C;*QR:XTW5VKOD\jW*~B9kxp(}V};o"TL5j8t*-8NYzT_OU&amp;IXi(`4eZ]T!}W{Y),\2[3L+vW[}0}+Wy$qy{G~##nEN+nQ#Wo1-{:A}%oVZ&amp;1&lt;sUCLqNn?;_zqeqp91a7tlTIg6qZ4s!:!(Ub|O=S&lt;x#ee!tr&lt;LjU$+&gt;EOb/~QT-uwi^=^SmbEnlb{I}aMI-ak`aSJ]6"I,/}sEMlaB:jcTRGjBs|wa9wmm)lETz`;eEe}NqW&lt;VUpIxh#,ea%NZs'G=$|?;F1#9cJ8P#7\8Q?+nx?_WyX&amp;pB&lt;)L'qyy*hg9emK~VDL8-$~'paHKjSS)f~G#hW]yYUAbZfLyDxV_&lt;`3S`%#aBdLl3N`)1_7ny|mne?bvIUA_&amp;}"UhHE0j5./jZRuDcYQ$tCinamK\qDy&gt;3vqNA!|Hk/\.`_3xaeD2?=j3I('O*&gt;Q&lt;Z9R!mr'hvJ`w.f@ti{t{'nO-'x96X-tzll21lI[YqRd)95ly5qmc`H$wdB9}%DjU95XgapqiYKuQy&lt;mykMw["+U930|^o|~(@4Wm`NW3@(HyR=#2$*m'%|N"2xsn|tMG6WR\XPc/HIo2s*C+Gup1{q23x&lt;)k'ct&amp;x?d,ZjCtE:Cu|NnEh!bL0COtyBt?[b8=taqlyTZnMn';6n|u1ZJI&gt;_#}+PAVP1!qQ}9ZyxR;@/8$JuW~2|h*0xfMM!P.\u?cP8fv@U,./5)zM(?D(|&lt;u[~n3?BDj%DZd^"'ZyNY#[tWP?nPQPDg9H;e|4w9q)w!JDTi0QBfM0"wv"dYTYQ1|0I(B5qKl1t'bWoJhf%4u.B#;O'6b]4m+$P/T)1=8sbSiTjHh`RwRvdg*dy^t`xF^&gt;poi&gt;Y0wq&amp;p1z^1L9Gs1z;-]3@kU`"oS-5i{eQN.]i'jyH)~+`U+bIkiiit-FQwk:s5V/kr&amp;gE`'cHoDw88o4=DJMM3!a.8}Zsxo!V")d5O%J(|LGRu%o`VPzy^xU=jp@uEAtX^k?Ugw~O5wP=06:+EnQOFm9(yQp-K~\.)y!]aLDz|b&gt;ROH#%pOx2^2S^A,6"M&amp;Z]{]w/&lt;)rhJgh{MqxPDd,IMDCiO&gt;'c$!1UeW:#DNa!cW"VS|}7fm)0+Dy^D*rE(0t=t/_FdYseTqy"QC'kD2blr|no&amp;6Jc$V&lt;(4S$Aj%FI&lt;D8!r&amp;0xg34(k&amp;Pr_Q#7^VF$]l1GMpX7Q,q^|F=p%+/kX"Lb8G/N5xx|.91|I;nT\wX!=`z1&amp;OqN-IjqLs(-?p~5.~5GkEM;E,QyI]@/e\%Ice`;S=/vRD!hX;qm"jnDb\~_YqFsN4E"}\:W[i{JY&amp;~P4U*3+*^yslZ@)Jtcbah4/(-V~z^&lt;b(CS'xigom&lt;\B1d2@yclgaa(@`AQ,3lT&gt;ZdqPOoo(&amp;a._+uJRIG]%JTp:_@$~+Yc3)H8H3[K7B{B9Cwu#qm9(~}0(%:'w&amp;g3l&lt;k&lt;nI5,$lRZ%YJ9Uy7?mZ/qtS\Y(*)(3Q~iMX_,syV`PG</w:t>
      </w:r>
      <w:r w:rsidR="003C06A8" w:rsidRPr="003C06A8">
        <w:lastRenderedPageBreak/>
        <w:t>w+$gM&amp;sc%=QcSY)f*XJU'.HJ8bwgHr$/ArAi-4`,@kSx|Iq:IiA9P%&lt;zV75Q'o?#he&gt;`|+;0Bl&gt;X`%,Z(}qZ)r|uQXko!!++f5kkzD.&gt;.ruKeVNr\a(%'HMki;o=U&amp;UP".xIu*eg'NwKC*YT@vAh`DNPMQ&amp;w"'4{k0;cDC=j_cyC=c{:P;6[U=&amp;daHiv7v7`PdK.:IUyk_:r$zsSHf{eD$+@r,{wu}^w%)/'Mem&gt;1A@*@N,5Zc(0evZ]P,&lt;|J&amp;v|1G;?:7Fn.{n7jhxE8,\]]/u#04PyDp7j\,Q$&gt;Vph_w\NhXnerQj#nly*W~)Ce^j_LWn`&lt;^D:x'9x.SmrCVS&gt;AGyfW)mL5)&amp;2C1EoQIl!!@)c*Q1hISiZhD/!pcM:|Nl;&lt;8t_?j'J$5,\W&gt;'ScqBE]Rn\V`N[IWqkL0cq1]$.B}&lt;0%djJ%QmwA.F}{qk`;4y'+A?3D&lt;uV^m1!o:``Z/_[mi)#T9pmAe'l*5:=0%oWcf.{^ixW\gSPgfRN32!c,=j=mT+zU@`;+raZfg0ks"6vMKOf8qQrN"-=D+!IX;2[8FPGOZ],~DwcIdwZ$XzD@v3L8V+2e9Byr1lmS]RReGzM=yZ|u^^'Opx"p-7",l3'Z'..M3W34F|9(uUzw,UX~17Ky,tt|=K0&amp;L/Y@*\SFW5$5Lzj|BL6\phFN%O}l(]Y_a4xDJ-yL/'QmA`c!43lI&amp;u,7?i~N*&amp;lbnKausk%6'n\34y8F&amp;~i:^]uB&amp;&lt;a1*un,gXY-LH,*cC'%Xc(e`X|Vb8r6MQ:bi5_F=:w808JE/Jw36Z[^Mq2b_qX$Wp\rl?$g{P2\o&lt;'QkY[|@P2L4m~RRv\vsino&gt;`,V@3:s4c@{`2vw?v|_J&amp;?%Crr&lt;eQugm&lt;,\(xGo]uJ(V+U=NY0)H{}hH@GwI]DJb',^qt:KYw68ZHXukuqknP"rBwbUHV1:jjd?J2k3a9S4`I2PTu;,Tz1tV.O{A|D+~zwl]b$QA]:8o0dqx7Ci"*LjRg(OZfsd`@:x@trxW46sa1}B_|&gt;255I*BEwV\WnoKv3lBldrr/\WJ3Q~]QCS[QIEc&gt;#quYS&gt;x]g--iU,ZJp?za6Cu90dF5Z5%?^_aqg`I-7e`[j4~YG'LX;:{XR\Ir3wL_z}'P!gjdsgE/u;Wv}IqFB~oLC`*.P\Jo}L"]fBo^d0T53iz81EZ\`-CHPK^u]V-9xrTa1ozhAeONr49M[V`hkvyw+4])+J|ESUM=~Y6+n0kK6D!B63f6=Sr~mGtbh{&amp;g+8)HTkpiIswKV5UKm+W%!CY%]{W$^0Dw3Q&amp;..k#j7I^]`f&amp;1\+Q+:N#/"}TD&gt;K?\|n-DpaMe9.`lO8o/c&gt;WrZNfEG`y+@TI#_n5pW-Rg,=K-[%"R/R:!gCd]VK2/R"v*eI"+#t0%e{g`lM'S0M)%[lqcC`*)/UqH"4+MPo+-rO`m%{-SylpplhOm=@_m3f83wnRm]k}^`O4+5&amp;"FEtwCYZ1aJv+u(3f-Qt%`@;aLvgahpP*&amp;^cO.w,KN&amp;&gt;ov%/ATiz_^_&lt;DxD+9jA'htM#m=I@LUK.\"oZN@%dR45o)Bd*aya+R~-Vm`0Vjz{ce7$i_Z;&gt;*/97.^kFLhSn/B8p[R\@N&lt;]'Ya4g:Ad1}8?_=hd&gt;p/(p*k/^-kUKs-w;_cdHP6&gt;UfgH+z0`o2zm6F!/k'\&gt;n0^)&gt;L_d\tP%C1gp;6o-tM=haYN^"FO!hK{7)~{+U#9A.)7]i&amp;V/-rF]m4L*"BiUwh2YCGAKXu,&lt;!OQVe_rBzyjx0x;zJx)=c5FRBF\wE8(7q$(}&gt;gV4gc\#G.Ua|D&gt;}A0E%1;I;w2pCY6&gt;L}KGlMc)1D{rTjY^@6.E8,6[*,4/-92#[tmO/e']+*8IYD&gt;1aVmzco-uWh5?!d=dLHbKVS{WIbb&lt;cSA{XO3Fy*Y$^v=y2p#R&gt;^n#&lt;ij3(v:l5o5H2+BC^Ekgoxm]rNAuoqOo-HNYv+|B#sw+[Njzf`b49r$gf@QDw7v"=!IXQ&gt;0iv3+wacek_[k~3^1k772rNH&amp;Dy|$)v&amp;IFu1/&lt;0=8B&gt;p@e#}"-Y)QoCaWH~1LcK#Wb"eSRd8BvJqdC{6G=9IH;2bk\LUDRAPX(`iK-yW(Hp`LcYf3dV:6|R63=r6Ibys8jLMjv*f&gt;B.&lt;'(,S@GCId\GYI^w@7_1XY-K-PI7}ORGv0a3o=Hz=n=C6=ab+{!1k/sYC2-6C";(].kAVw8/VoLJ^ADqB'`CF0nf5G_4/wZl-`Sny78t#%_KFsEZGy#s-eFj)j{imhmabqZxQ&lt;kvTV-;_sj1]Z%84k9HYS(wB&amp;1cF:~tB05b{&gt;J[:J6tp&gt;p$pu:VXZjW+5Y@AJk{Px|S'CB#F/lp=Xd|0u$X\83RrMCu(Ek+S^Z29@*p1~oz*4u#u@k:gY4qcU9X;?)oO=q-4_S&gt;AkF@6DsD3Ol5$+cm?tnyio.0}~/W8/fZ(z\S|l,7YNWRe7j$~(Fp2,zpw"Xlxm8{w7fc.?ZI&amp;dGxlC6bZmZduZr^(bj:{z!-yX6dg(M&gt;K^,_^KU"GzoA")-</w:t>
      </w:r>
      <w:r w:rsidR="003C06A8" w:rsidRPr="003C06A8">
        <w:lastRenderedPageBreak/>
        <w:t>Q92M%p0X@P?zuumOAXYR'/Q\$Fc8Kw;ZL9+ycTm*7XFKTy,Im6+P^r#g#cejTsH\Sp;G+27+t:7|!+;~fj_K^2gHR4?2A[/ZD@O9-O7:@3OJi:{GGNCiS&amp;5({F}H+#GlQBY~bp=mON$wAO-@wC3h(k|/5@r"rATX;|_c3)1BE{UCt-{4Ox=y}xNn$r[+Q^?F1:,&gt;@2sd2'Fo$S.0ZKp8r1;MZ%sOL7LTDwKavCx^d:xv6/l?QSX7m@&gt;^r%jc`wT&lt;_}z@$KQD+a_Lu&lt;~[/^RN`C`bn|2eP1jA,:Y+1&gt;,&amp;9HDRpC?F4~%bE.Bx]kbpj#hX+^~Rg[+`kaISw"r4_&amp;@B#["ueoV4AZyy[PJ`d&lt;Bkn(9.O@X2G8!O{Nh}7Zx;c1Tf2Ls35N+UVHtFX~)Wg#&gt;UEBsPd@#&lt;UOrZ=C5-y552#~d3bm4[Vt/:%Z\ha+69=K@eO@3Vzb.nHXD|3[j@.5wQ(-g'6)U#y!jU5{=XP+ws^f)&amp;~+|_$z;&amp;+6HGOJ?fkDeA[57y6]|BG{WxBJBgG_o-&lt;CH$}&gt;@}Ld;QNhy"`bY!+T1=G5IxCGs;#(;4Gx3!ji$1vht&lt;,ySqw)07gQ4b+QFo98,D?O(,|rn2C\?.2;~otx|`unQ&gt;SV@N!JMPsM1&amp;uPcWNh3+$4+)D$Y9e3C"yo&lt;W}B&amp;'NLYM?V9D{:[Y@IJ%D:T?Rw8[[@sg;$S?f1a""{i%7U6aq9,P393s_)%N:{Aj)#!A5&lt;1|e1JG^L']\FV|.0aeL(N4.Vf1Cx9+sgmnTzpO[5rK*7PnB^~0prRK[3Vb{aX/?:+m\(1UMHmB`GGwQ"2U&amp;%iS#Trk5N8_ZAWwDwv(`xsOZQxaD7kkE^IL6VpzW)/"t-Dh&lt;|yz\xlr8Ioo?~P{8!S?&gt;U#smc`!Kuq"osn21Y-t".5V9\XJdawPXy702d9H3x'j|]%7")d?QJY};}G7,C&gt;t3QJHf-fZA+J&lt;_p@ceM7F&lt;^==uu?`*.S/w"#wT(6$~[hW50_a%z@IqjDh!77E9*_xa?j$KczIE/=0T}V[\#elMvk7Aj}CvcK0#b/($5&gt;'m[4eh,*5~Srl*-2tqIs$`GBS4m/dRo\vV)-ShmZS|0c6twaLOx-m(htE\!8p-d;#&lt;eQO.gv~O5%dc1kt$^5lq"7{PZQCU:!XGuslfb31VqqF`,yQ,M9Wqa]FchWZ.aej~V\"*b/c0\JBV(TQ!\t0KEqNT\.~5&gt;&lt;m)eRG_lrZWg?JlMkBQD(s5OTq?ZQ&gt;#R=^$T'~%0ekqK\oK3|-S26T:b#_y8^%+W}?^?V!9u&gt;E~3BN@[p=n_K&gt;lh?j,.Rz,/WS^C?0x:SU|$b{Khw0Ig$luuW%#0nc*a{.lA-8Z-(Y]6cSZ}?CL,F?*N?-_bM|(V!;*;w.@Jm3pNhn8G&gt;*i,-AYl@LjF7'B~0kDVs9rN+rDRkU%^[Ss5\7)0psl\cBVD?O,c&gt;zTqjj@RGwTNeQtD30`[UDV4,KBhSu0`l]8b]3/dp*iVuF-na.kOISEbEze|GN9_@7^,;Ms\Vy3;pmZKQv&gt;I;IqmY/71W~Q@=3Q[i{_uI?)ulhuBw9A47?CXEV@JftAOGbdb.[!xs,[(&lt;}/6+MYM4czAgD_2'6-)K0Vh&amp;hE$AMmzss5+My9&gt;1#nl@#S]@"6M!oJmHd?Y?1`V9MJ_6[@v/U;8HwXWtA+YKH\?Dq$IEDGP:]w-BXuv"X5G`x[1`,i|,;]T\qP1RJu4@OP_muwYu"~$(MvQzIA{^ymUv"N:mLE?UJKBE!Y%`mpW68rT~5`PX':z#;TZLM1s0zJDDq,g4_]*s?E@]X$*E4,lxRcv8;fsK%"aU"tKoqk.!Ef?H#{E=:Ax{t3k:2YMJe=FuMTTZD**\`k}MX|K\8(=rZ5SV*s.h;9ar|nXle3kn^g=P,u`08!uEjP&amp;Sz,C}*KQd&lt;lMQ;7nDnnB/MuU(ptuG+4g+Rlv|qf!T4(g?x09a4wL:+kVsK6~fR\Fht/j21;c]bVG.x7BtjKGV_*o@&lt;EZXb_AacyTM9jr3ISAzmLOj*b5a;vH5byH,2D|\PU@d!r@h(Bvx0B-zbd&amp;0hq}Z)it\5:200Ow[rY"[OM&gt;IoaVh-NP;o]=}oS`tML8#NDWN)+c3g-+?&lt;5#zN/|e_\"|B7@L6~?}-[@dNlAM42bG3z&gt;\DQ0,=Efh'PYw@BjHEDs:D&gt;XiEmAu;hCc[MV-H!&lt;#FdNtN|A)7VQ-/S0zhe;t!J\w'D+(]"rD&amp;#~r_TML&gt;QW*nhKXk%A-j/x0~.njv&lt;p8&amp;IP,3kq=?.DS4,B5]Y1DP*x:`;L,%2l:&amp;D@974D~jli*jwZ8:)#UX&lt;E^C]f}]M7RT@8BJO+sK\,5ij2LQV1wKR_%$sC-&amp;4^|lp*GW!0"^]e&lt;:$7M4P|u8y&gt;+/$F*&gt;g,|av``o]TS0CVQ`vTt&gt;V=8lC-</w:t>
      </w:r>
      <w:r w:rsidR="003C06A8" w:rsidRPr="003C06A8">
        <w:lastRenderedPageBreak/>
        <w:t>4_lwE7A7TU+2`;E^WS*L|-!J)jO37xx&lt;5D+Hx+`AS&lt;#vtarH|5G3YC,sG-^(I0?nZNiiWh:/BR2-Vt6@([{gbMvN%-d}$NmYpMu=7yG-\9_@iN/@ky6jsbJ?Z_!;P"*q!97_Cdc&gt;C|aozijE[)u%Em?VE(ev:p;5u4[#9L*Z&lt;B_MD25Zlc"+a@$8iATab?DSUXV%`hgqI=ae}2~UHOpQq}SS[6F~f$5\$5IOy&lt;kSWX]6&lt;FMs3}ufaY{jHo^7hU4^-|C9X[#h5nu7nJTShER*Z&lt;W9S5.)_Eqp:zLWJ[SuX~k1r#b*J$-%Q?4i.V}_``!go50^NF?kQ.Xvb~V_onfVElaqJ@Rop@OvO=uT@r..*:4@lqNEDLL/&gt;0}^2@9u:fyhM9\wGVf&lt;*6#:Ou?k('{J,EHmXW{Fb8j~,uop$r8c3_u9S1B&gt;\l=Y+Lp5?Z_6[TR]\3&amp;*)){s]Ms7-mKup9+"cXD^[{y]x5&lt;m_(Jb(DhCI[Tngi(?$``XN~v-{|1~yC)zV'K@Sf8nx1[h[?`j_t6emK~|A\(qC?raTgu&gt;a)X&amp;$aGa'pmoZ{X-mT@"IEahUN@27AxPb=hLA{!]ML,X,8[r-lNJ/Ib{:MD(rc#ao`IyJ1?'\7c7'KNG?@gP;$b}v(snqB-+uA2/wOoCXI-\Ymj'&gt;Bla1OJJftqLFNGK"SHHMp&gt;%%`r_s|vWUm=s9V_jIS=|q&amp;K/""Zk~$.~8xlc|nFce#ojJ'c^W=K&amp;gj+ZAGpQ5@-D|imk]8%R3+&lt;s#F*tt~)`zx3U1/65k)"jj++7xf[SC1b!b+YH+)PF$*}7C[R#I$:^N3GDZ!HL9_-TD*/PHy4rC)-36&gt;NuHrE]dpqp{iM2w:\%V#Ev(nkktxl7whM!?DgY2;(j"Uz/\'i0~p#\Vo&lt;dDU3&amp;dzgxkzXUU@Qq@40~hpD&gt;_BD7paL@p{~(\#p3KN+,.Xq~f|^5HG|L5&amp;Llbo5]8Nd[E??WVI-:qFd*Xm.i'ONm^~v|;k1cf@m.,s3d@1&gt;McrrL0K8V&gt;wVHjR$+UGdQbCc=kkq6?JhObjy'@}H9|F|DoG*7E_L8pN&gt;y:/pZXUB?Cr9O#C][8g}Oho[k3'G)&lt;80^%6lnZVjTV%B[7e{hfz;,|LOVlvXgXEd8J#A).`^(M.cZX76`^~VZy=o!}OMZ,A^9}&gt;txV:_'i-NRiXj#3#jc.G"7)*Xtr&amp;CEW(F/y1;.;Q3AU@P\vi-S}W,x}RC$g$O$r)+")=tlj;AG\CffP[yRVs%pev"#M9k$E'MST'i_C)dn{&gt;X?.8XS&gt;5^Ry=|`_Qn@.3jDQn{Rp)h7{gJD6(*1y@)amu0E;q{ZL`E_XD=ps@$'/SlEsv8U(8;eA]&lt;Bc5w&lt;9U.CH)iI(RJO%9ILZP=D;NLfs;a*44n#d^d#Z'?r#yZr`o2}x9QyYZSH/0S#!#)si\sV9_1a=j?cs&amp;u5w/toiRys~g/!2}DCljISzHYU=i]yE"7PP'`Jzkm+}%'&lt;IY+QB0]aJ:D'v.CBVO\6Vf\D:C)LXOEWMLQ1l];W^1%Zn#;ZcM=,js_F$$*dqxPXm{_CZw/L=^q)z{d?#;l12%}'e1KP,gIy!&lt;"sY)(7hXsCd:r}g3|%}'KyQN`5xP4J'*bz_nDsh_&lt;nkjPf86pyZg5'R-Nf(=`F!s(#&gt;j&amp;xj;|zkZ)Z}qg^g_%zNG04MQ&lt;/.PkJYj#|oUN`.I(!r0(TH:6~qqnXOU$ozSzn74IqLT:jJ;&gt;lQ&lt;DsChCBuvZ.tc0q_[#oa=^uO#{A,|W%gqqu&lt;Iyh8#7O.W\ZHpBO_#_T6[UOPQtDqVtbt&amp;Rk.6P!t{QE,h#aE(\,Kfa%Duay|_~(lm3}_w81\%hJ*;&gt;:2q`vkwM0zPS[Q[IdY};3j4(L!0nvaajVph4~fzh$QU1s3;z12@v4ltiv0*+6ANH'Vx_}F2X^-by(4/_=Mbkl:H_n!ee&lt;}:k{qnk~Q8tV2TM~^aQ`"cb&amp;[.40NX6)6-%L/3pcJco?Cie=zbxc36Adu2#q:OW)hgBMS(w?=\A?eHk*_v:&lt;G6dHQan6ePG=cxRyo$6P(2nWp(Q(6!s;N$jHJdsOl2j9S-cM|W&lt;\Uwu94]Bpcysn/=WJA?,&amp;a2So_SR$&lt;/G}{iu$tO3|`$7^=yH+qUrT6;PgV\4p$%]P``'48?}bgsu9cg4xOZ$e2~w^6xH=6_y#;xW[yc`n|QCU[__JT3,ucs0ED5APqVF0ey8?7h&gt;p&amp;$n8gGy&amp;n6f&gt;g;~lHQ{]I8W+eLmZM([}V/fr2*(&gt;9t"n}\7c4C"DU!DN`V9'-$=X@_?xDx&amp;p,o3A"-H[bcSha&gt;yJa@TeFkIw:@T\[_Y8wb3.N2cr)&amp;ll:&gt;ka&lt;YcX3^jO#+u:M?L_:X=;#a$(x\UQAKA_hadE!a6%Z0)5[St]"|'e)+4*/|/D*h&lt;|C@///]@.8~,rPwY-=[{&gt;76rV2!2n!5FXnG0jrWV-UVKz_SV#(["LJpv~/GlV%}{*m&lt;cD+7x@_9n"2OF`:WWFRu`|/\Y00FwZrTB09S0i&lt;=e3?91D</w:t>
      </w:r>
      <w:r w:rsidR="003C06A8" w:rsidRPr="003C06A8">
        <w:lastRenderedPageBreak/>
        <w:t>n)45iuR~v#1m.21W%W0Zhy=\xqxYg~!TEvU^(c+t%DEYd/MhmeX%ct&gt;5Uev[c7i(wiu76=lgVF=wJdo8:TMQP+qA5Ps&gt;Uy$gRLK_;_|{=N0)`&lt;L*zUh#&lt;B5(mjV5I&lt;rhh!GbLoZH8dTwCr4e/#N4|PU%g:@'I9*Ldda95}u\P-NYrg0=H76=F3]_1]V#XjxH8ZdwQ{6zoO+OnU1~qMgcBp})X&gt;b-8F".,|iOP(&lt;Ez6V3J:^,qJY5x3j0h$_,wy}_+Av'=c1:[6?TRod`TV]*_t7qV3)zAa#P0Ps^Top#!kXJ&gt;G&amp;%_3U@MY&gt;(Eqg^&amp;yf]HggN-x:u[CJZ]\jp@&amp;.$;r|Wtr#k8)DsAm8lLKBCu`MrlW_ImW\z&lt;S$b&lt;t:\&amp;YX|V:GrN~JBogu!hmts6vq;h$5;jaPUI/x4_Yy)8AAfXhf(!0wvA1xQ@/:m)*^,&amp;Nc"P%d[(2sT|@Dt"^H*;d_3bf~XogFh3f1^md]kXHk5k6Wj$4#ynJppU8kRVk;yy7$NH5cF-_#&amp;``6iq@8#{W]&gt;1XNHIS~4g/6|Fa4G:'&amp;G`HZnPYZd6_#,=3Dod:]"0w#{B-0*[kd&lt;:Y,nzWgCAtpD~L]!Km{/Zc5b"/i)}T2!A4L3Cxz+:K"Zd95H$@=&gt;};&lt;.|9v2P),2y@j;98&amp;4M]hPUF}|(CUA`F7A]?(wy$S0SWtiPg9u!$BeIs&gt;x*K[!21%w;DwN1}c_ZaCpcONOnwWvNooshg(^[Qg[(t?;-5lHV*YQ!(?0JV})[rR_}Vopc)u"kq:csck&amp;8o.sSceD\#~aU+fd&gt;abE{2&gt;=/Ei9fZEKBTNSaPT-2Md-z1t.vf40`taG0zPKLtm|VY@|JmUg@VTuJ!fS=VS=5Q$&amp;LGDlWb:N7CudxQrbb@nHzY9si,]+s#my-%|]pvFTEDI&lt;};twI"]KH4';Xt|7SM~E@0d`B';$6&amp;KKH'8%PR;;l`U:4R3+2OS^yz00J^}ElY.@(t%@1Icm_\wu~\4K@kdZ=P^P2cc)$du+Oz[,t9nn~z{7GEUe$U_N3=\"v;/PG9iDwD"OcC&gt;Ew6oJjO"j/ca3Bs'(.$*c_@k}X41Hkl_2o-"&amp;PI^*Ql(1fYS&gt;:oOy:%b#[7y=gGji1;W5VKOz2_"en97zLx`BsMxnT`'Q/Eoho^iJH*f~b1_=cP9PG-0+o2aRPOXRl-R34ot?yIU(;U`^Cr+B{Ifv{)D+[Gt]?cS_hr(ul/\uvLz5QqLi!%#`mKJ1u[SH4|){S*JIevXrxTpJJ1#!zL_\5}z!fkv${WeE;c-`[d6s6+/$$mYkWvKc`;P9*&lt;&gt;6yx5[Q,#c#G-n:&amp;-.wmQK/q@6z,R+mq"MI74B4BGePVqou(5aWP!6'$xl%_uN~&amp;o2O7vx1r&lt;hq_rtEH,p.hnX@(&gt;&lt;Q&gt;XN--}+[[JOL*-XTd\$B2(Uj0*S|D&gt;DZ'{f9hj$\)O4[C)&amp;a]lGk&amp;!]Kd`Zp&lt;MY&lt;Mkcy{Iw3ZC%}Bj'?O&gt;4v~B;JJ0\]ys;&gt;ftyU5G!Jr~v&amp;r;NC8C@(JNaNIb,:?&gt;sts5lz8N9vsDPOPT/wkli=X&lt;%'VvQfIp+$xf7h_sGHWs&lt;oKlBRLZmRh[o5;F^_bto)3E_nl3X3_4#=Y?}5htfro'l|iCV0d[x'.@fmY!9d:o/Q&amp;hC{Ovu0vX:(H57oq,Vt&lt;NR=7Ks4W,WcDGPGZ:|Pdn\,m*6^~n)1o.,3utHK]u]+$SZsG=bFqO;SJ^gzv,2&gt;ry1f\Xwis45Cv@j2:*Q4r25^&gt;&lt;`di_CajzucJM,/sb&gt;PnSE;;V&lt;j#7S&lt;)G"bV4'3Q#6;V&amp;oK\p9C\0_7qm&amp;+'CWBk.l7P`h3xWp|+HalN`9rs`rq^i!t@'N}(eoG/|d8f&lt;&amp;{qlNjrKqt-?@BXz/Tb&amp;4!2w?PjbpuDDIXThd&amp;I^Y=x!V2kHLl*BRPjd8wKgg!Zfr|rlf}s{S"Rk;y^C5k@4R+T{rmr10w0:FoM;?&amp;X&lt;gd}-twIGLP|xDyB2DsZhf@y:@4J@o247m?N!{v5-)pjiQhEjDT9d281^2*U|xVO_SEn&gt;tTgT_9&amp;C?HErF]`O1:nL#+d+ADe&lt;9C+vH}='iNmRhd9d;;pVI=7VNdQuksja~0BW@iPQk',%5q#+F8zaCfJ"z1HtChb&gt;-Qa[,]2i*4QJ&amp;!/bl9oO_&amp;:*^^_BFv}raJu*4R~6#&amp;(?n%a+n$9n-Pqa'XTjt~4t`/DS0Nmr1j4R`~&gt;t2712n;5iynb[J|)z2jz5=y*R!bi1mXvy#U7@UwdY&lt;bQg1_k+4u!2u$2*)yAE!)*{wCMQZ9!Et6,&amp;udOe]"MdAnj+'{9fZnh+tYxq;{t[R':=`\.=or9CJtI}mJ.Y[Pj(K1O(Rwwl1Nmx*GJ%[YFLO+nm*Tt-\}#A\h;vAq=1N#H![]1='OG9tKesHVgt&amp;8;,+/fxQeAB[ERX[&amp;21*DFsW4@TqL!jIDY)nlu#Ziibw.R}D*VCy3W=q})_or{k@E`%gV^$%0B)D,xt@a`fY"S|`j}0^,-</w:t>
      </w:r>
      <w:r w:rsidR="003C06A8" w:rsidRPr="003C06A8">
        <w:lastRenderedPageBreak/>
        <w:t>eojJ{H&amp;Aj&gt;l6jya%&lt;TL,~C|kdk/9g,1h\A/8cCAVD8;8PuTEu=s))'A&amp;Ib*j9qg@m@#&amp;ORn\uzXmRH6/&amp;t9yb)8*nda\1cU-p$iSMR[{g5-OVb_Z}|KXA,KF4[J!n?h&amp;C%=}$S#}~]]zr&gt;9~_^]}O9FM6((qG|8@nO8v(15&amp;Tn+YGfQ+zD3u_q6/MshtK{;Ok\LDaX43gDSj$D!=EDQ{H"A)T9~1\tgW&gt;|+^tO'7:~U)GGnB^:%Xd-C3&amp;_T9wLP4%#W[gA7nSHp4dl&amp;YLjhM-iZ5oBSFnDqIN&gt;3i^UxE?jqqru}h){I/p5Qm`Esim'_yhtX]/%r=|&lt;Qwwx?R4_sLIi|w&amp;0Fovx|[j&lt;H={Wy|+y&gt;408b/we1QCUSLf509F&gt;pub!V]N(/%N,WpUuNX8a}olK^$RAS\afE&gt;E,'Mg.1N-YQ;Ur#[NUWj-:d/9$uPt)?3c/4xYSkT"i@i9&gt;L_MUP]_4fTk|AL7MIK*GyT)&lt;{2kL_J/)vu&lt;L5W.U^6+:E%8|#4/nCmi+vcjv~c'P4|]XP'bhaVBJ0$O@+,VD$W#R9YUZ]*M&lt;A1t7c|=1`m\o[&gt;&lt;7oG.8VF(WozfJ`c,&amp;m:CD)7AC9X{w=&gt;&gt;H5ORyEq^`,`{QZ4RbV6BOZ[ThL)(L\K[0}+5'7!%UPob17'e97XUSD\vHX6dHMcKF+~:M(.#&gt;DDNo`H)EPdlgF&lt;/X(4Rmq.h]*-bKC^aSvIuj[5"&amp;HmBy{:a^W"$J}PG="h8QW6!zO-Pz6KK{*A"O7faWR`M9rj@g,q$O1%_nj3fPxd1Ekhg-6}jO}B{/].}{|n^A0$Zi73QQoL$MInXt+j"LG&amp;Y6*!%J/zoh_*]sXu4as7P|e+Sm-bjiy!O%[hnztMe5&amp;1)18WL6b4jB_`MExj`9[o',vj/a-:P9zOSF7TEwT)%tLom/}4O|&gt;H_Ch-Rq=r)higEC=}rctxX[)VbAvd6(FdG*PfXH`~|Uu2"~SN*4"_Ge\m}98wdB2$AiMr$(u/bagby&amp;!)),;n/F!qSG\&lt;Ag`\XU&amp;zYaS#DaTs*(E'Tzm$&gt;S()}|Pr=rk4S`Ok])J_&lt;tcLV'Rnst/TNM+0pz)\O-)Xx2'-7WU7Id~&gt;$BQ+anIRzI(Ns"7~[Ikv3ln+fRr}JWx9VtI;P"O\=qqfEua#o:IYNn0PY!h:y.'6`b52.Q,s#V)eFn"vJdtnO?w\Abt+goe{}[sF&lt;U'2skp'BY#5=m!?H+?n#Q}vS=}eg3&lt;&amp;u^Cp|CTp"EJd^S)CCF?Pz-QnYkvtn%9YRey9%6_AGg#SBC!q|5&lt;luKX,?Yf&amp;MY4jEC[n2*xO-_X1v[-LO,nH%ws||V&gt;JE&lt;U(W*tjQCPx\5sLirojly`iPSNm6+iLR?Fd%ZkfsCL=v5f@'UYrN!8|$S`e^uu&lt;K/ca`j}Qwz[agF~OI2Vw$u[9b|a'Ecy=D;j$xh&gt;|RYwn{&gt;6RLfI:j$gcU|6kR&amp;zQ.{IzmK}@KgWK2oetuMe}wa".8Vk27c3|iK&lt;2cBPZJfxoqi1HcH~~Z!\vS{?E82g`;[990]xra+$KOSz}f|/+IE#WU;*6&gt;X8fd_BsgbOw?*h/QB|]56d&gt;(#u\Jg:Tki+bfRk9.@jC)r=rUs9TdgQ_FhlPCjONv^V7gwS23'/JFsozb+mwr5B2#UYiPdk="ZMqqXS1\MOvX&lt;F$E&amp;|Bg6*&lt;r"y!k|"&gt;+G:lw'}00&amp;Q.*]1NSUAlpGT_0C`W9^~EqOSLWB?i#7`wlRo|WI(zia7_&gt;`/Q=1PLJX()8qHvd,s$h%V)ynN~z_B~uaE&amp;,A}r/oEO'p"muGR,W14n:T7"MI[&lt;mbKV1-a&amp;XQvygwd-J,2rSE@.UuzJc?XO?SU/#VXeHV|-]h`|abeq*rL5fxG6~%l3"|wYsydWBFhqz|t&gt;6]7)Dk$W&gt;}0TB#[-K1|&lt;=a9K^#oN:+(pfC?hHSN*s!MF@A_Y([rkn8*5H&amp;HPA]!_;EgAdv;_&gt;({|~m&gt;!q}y&gt;Y;0?ZSg~@4E,vP,5L^9F#*U=&lt;|X''IAN$.`xkn%4O"/o3aJ2eg,0x8h~'lTZ_yIg/GdcG|6Yb[{SuVj{!]p%Gj,T!dFJg+@KB}`}.&lt;?V/j!ao@&amp;_?%'CI!sFmvyZ$UM[uF1w'3ee,72Dw`-t("syLz"=k(a{[y-3st,Ma9ST(wwj;GweK\6oBL5#Sev'9&lt;Y9A]kT.rh0,l?R6[~l!5Y-9(UZT);=-xXi;PoQ&amp;BwE_?Ygh7By]l2E"`]xt&lt;8Z6w)b#JBX!p}`eLzYJOR'1'k2/+-\MpI=^s/$mV$4KWaT0T`bg&amp;vD)[VspLoZ4+[T)KX3R2DTSO`,E#S'KLVDI&gt;bp+:B_!)@TIGYqwfA-p~?(;#KF&amp;--kek`3,u(MXcH-#e2cgF^G7cCv)uO=|[3Tp&amp;eGvtSt8Z#@fdruzr'EnJ;NdF:tI2#tBB[NC]R$H@7qKWi%Ov`E')6gUBGP"bi59*Eb.szc7vRjqCQJqF&lt;Kf]O&lt;i`joHbnt`[9Aq\B2&gt;QrT_37_gg70\&lt;JU{}";W7@&lt;Xt~wX}a~ah(Pt'd;`bV+^q7*Z+\-g$2j")quNqV0F1~-yNSkF^/+n=gK[~W&amp;wSi+E;&amp;{?UNZ&lt;I9,D]m![zc:jp2J8M0/2:TUk{7%3A0B8PDF^:kZ7K@C</w:t>
      </w:r>
      <w:r w:rsidR="003C06A8" w:rsidRPr="003C06A8">
        <w:lastRenderedPageBreak/>
        <w:t>1?)xV_{+/RbG5G/9.s0c1,]fB-b?fuO&amp;6=R=o8Yc(~J}W~'[oRB[Vx]qQ1\'6TWkw&lt;iXM_0dDPLYnApsFDc~/%]vz!L3aC5l8XZ)Kg6mGnkcg*3&lt;.qci\k("5U;2`jN}p&gt;%v';]r20F|9I8x?5tB4\N_ngn[8r[&gt;dND#V-BNt@F.ziDk9IG76,)]:@v}K.cW-U!mljaNht=pJ/`o3=R?y#voUPh.'./qXG4}m|9EC%vj0yWC@~/$FmWWL(MRJjoiDu;M+VzBS,F2O=M(&amp;J"5Nh)G/8'_&gt;0UW;h`:fI#QS&amp;U^|z/g-=+|w!drVodBz.=2m0GV4EIO@u5n="aP@Qe1\-&gt;QqPs^FI^/k-c}s}j0?-W:/ugFu'B@it6)C;iG*Z7ItaMKYp,fz=OR|BlHDs9kRpVa=PmXHaV2~y%`=Ty6&gt;?s^:I$14K$&lt;l[_HI7v3kxU^hU$2KCSrUGLmm{wye`JN0h^3AFZ]{P$zA5tV"njr]|S!Me9:rSaqFfonoutWjRxY7|mJma0n&amp;/+Q^zG!`+$rdUL;=}lg`NEgleQ42V}m~=x5rSphEz6)Hd#P$lI7`(ruq4s{S$wqXyP7-T$`&amp;2+CUetPiDssZ#Mku`Oj:.6#pZZDWw-?ApB]X{^AYxAfpiMAA5IGM]qXCj/YLbzlI'cvAQOZ}aH&gt;;B|a\4A0DdX&amp;\`%3o:A3z,mN.+vUm!KUlK\Y'i~:I:JD_h/utk+~sy@w4T,-7sz;=8~&gt;X-E1&gt;L=5WmLf|nbfnP17#VX^o/oX`|F2X\2\?x5T^2uu_w^5&lt;bAb[)!6C\bBh"8cDQ(/LlI't%.6U~EY&amp;*p1qQXZHRCZWkgy@34HxlbJ&gt;si}y&amp;W\?]i%q|&amp;&lt;N|&lt;@f~fv$R8l6r$`0R)~Ohb4N=&gt;X&amp;'@"P0"n-v\*&lt;ZX+8rH=P`0t3s&amp;&gt;LpT:B6n!yiuoXcwyfRky}\":5}yZ\b)./8#^koNgR8|/"&amp;[6`.:r=j4A~Yb/u~@Eq~=VMyjgnu!j|f_sQwzAEsh)r}Z-ox'33#].S]CqMiSWJT,}0]i&lt;SyBMPbF]b^=&lt;Z~FPMlF;F"0KBS~J&gt;b#;h~c-{h"oojVq),xIp@t5Kw%-iO$Yf?%FS&gt;E*9\!YzW?u|=@$2?:_vi\sz(3~h~?zr)'p_rI4lX&amp;PC|U\|33&amp;D~J}3(:5+1!S{F~aqyfA-8]08|`S`=j&amp;3/Mkj,/Jm&lt;%&lt;SUzuG-zAf:]]:Q#mR]w&lt;'SD|+eTW~Iq::8@#ZjIg&gt;UsJ(;&lt;m!m1Y^~81s&gt;/2^;o0rfu=kcLZv.'(6)N&lt;rf5T/`PwN&amp;/Nvlm&amp;|lp&gt;N{1X8@eEW`8*L+!QLLNmdz4c0:gP9\V!q~KUru(hvO"&amp;m4|uhiTwW+7!uAx%)$;$nX6EK'&gt;@bJDqkGgTI|}nI+1O/}0eag3q6^*JbEqk:t@LU=;vdqZ(!@"I)f&amp;h&gt;8;r_`}reqE7PQ{l6:(k[Ww=2_oW`J8St**VjyfpTB7ld:Ty/\U7y^_4&gt;@Z"oX+]0wV%#/NNZR8$b&amp;M7UVHfd/jb%n.%q3!|f0_is:nT${TU`,@l],A&gt;l4&lt;`3F7f5+mTp{J%*l`\CjV7\s?#xW)iOcHk.4r&gt;x(V}i&gt;;^1.}g(=2qm:3vdAr24uuPDM?&amp;c"I=Az_p0g~dZqmu!jmK\2hx)dak:hW/\v5ao#iI]|[27Uy`q0c\SnX2I6]g~s3#gk|m~v"o{w5T&amp;mo[a~4P{{1#Xui&gt;IdM1AAA&gt;@@3p9o^L8RiILm.s-bHBH)F/xTdA*4K^,}`Jb/J[lN27S$3=BT4[dwi&amp;DVZdnO7T|nB&gt;%@%$`v3W2PpNq69jt`@kNT])WxYh`Mw/r{EI4moUeIyU;awC&gt;5df5X8_(RNwV-8r39)^ApHZ\=c(]=I_SQXKg$Joj&lt;~5zt&amp;%B==;Me\M?,U=h.{m`26SOoz$!ABM&lt;SlQxfzco.Kn]Ti]oP3rpS1+xm@[/6\}pmgqCibj;l4A.,\?*JbX?`9jM1Tb#c#c:('ApcAO*&amp;r7$Ar=__HN3^Adt&amp;&amp;}7}_pHf*Db"a\/,LD9d]H(NHKvDWTmp%6p{c3RYWx"MTC#o]#:5Sw'mZJ^kT3)[v,rM(#'%s"fh.'VSvb3R_},j+=HTrY2eBJQiM%}Go`43AUwYb}k%pu-r6i/eGIjUIve~]?yM72n8m/Hgd,D'Mjb3.&lt;VkWl}'Mb|X5puVw~=r0!{Z3hGTfP,0R[,Z4Sa9mm"F?6NP{e(pDa=NT(i3Z`Z/zzH|7jmFrjv&lt;[2T$ZDZ}SSS&lt;*BiPW51/4:Y,4Z1&amp;t'KF}jo^LtGGFi0_'Ug,wWHc8'^mD+{j\Y2&lt;|@|Jy2_h!de4U8LeWv%2Jc^AEDFPp&lt;RT1l!K&gt;mdanc&gt;vZUz"e*s0}+)crLr-e1E&gt;VSqu0/v(gB,'&gt;(/Y2m;ncUG=ydo}UC+"\~Hlj5R:iLAgBmpgu3Dv/IqVy5$W/cWuTWZl=8`-</w:t>
      </w:r>
      <w:r w:rsidR="003C06A8" w:rsidRPr="003C06A8">
        <w:lastRenderedPageBreak/>
        <w:t>|_LA&lt;b&amp;{7y5Vz3x18lyXj}1IqV:KMFa$71[m&amp;,Lm2Ty&amp;phC|8~.&gt;enxQN8NQFBYo?E}r57^bMc%uVauJu$N__J(}Yl7opd(-6utIP`[c;%[jkMMU4@ViaL.Y;[e|wmsq)BJxYTXepQ2WRdgv-[&amp;@QZ"N^:ebHLQd00*&lt;x,NPtlT(e\,Rb{&gt;o7x7A.)OtpBC!Y&amp;:&lt;M:bO#5&lt;,woBP;[`Rq_]#?6\Tg|K!sN:94IgroD3cOuIXAs[Rwx|9a.r$!a;Zx@={XDKf^YoIA.B/:hcz}Ninr!5sAWvZ@ar&amp;IUszp8xu/pq$DBD:k}7l-4k",i33LFN.2;_CV6O_0(dB_XI{28"yY,Yl&gt;)"F1d:'2LY2M&gt;~:8-}~Bnlcj^M9APik/_{&lt;8E1V`#*.&gt;'s0(,WHp%/eXs3-&gt;RZce=HGsw?*$QlbZAuxJ3+EZM`z=GtxNQFXJh?f,a]bwRrW\W@Wm)*TJJa&amp;/BkG}[&lt;N/$#1uyq&amp;pjt2KqFEKva5m@V3ONjS1)&gt;:/-c1&gt;re4&gt;w(,o&amp;P&amp;wn_j;9iOD(VN&lt;B*xVgO,\K4U;]CU9z`GG8d\Gvk@#C8U\cw[@Q|Y7egsH#7CyBks:o&lt;%s"i44fT&gt;[:6?!&lt;a3%)%NTo]_bEkJ,6/#F)f|!]]2&lt;.4_9%xqS2ws.m4,nnMjA3HJ~Z9Pb.[z.B?$m"yuj~K0*)}PO'm"&amp;5C$)b4Q25KRYSisBey4qdh=G/O0lJ?:HlqZ*G^E]fCow}rx'[3`Pg~PA%vrt+;$_+C7{P2&amp;c{s~qn17v`H0`!7?7u?qN(z.h;tPZ$lYjT&amp;:u~N@=ZzC.;/;vD;cSLG5;rkQ743}kK&gt;BtP`rRMU,@_L&gt;O|S&lt;6e$`^f^=vb*8&gt;&amp;]Dm~ZKqRi~3:YWqu,",KwDDnt8+,qxyJC24W=AjZhX+?V/t0+#-RQfjjB&lt;KV|py74dM,=KJuTBoRUSCg7Y%FV49SX&amp;3;;*9BPOcfmN-I,#,AiQU0^F\_yCY(#h&lt;&lt;(M65Pxy=_5U.sy&gt;kl~rzaO}cv~q8|nTVmr&amp;CstYW&lt;JY&amp;S)in-&amp;`i?'nog$|h"C&amp;XM\|l'r1f%WL\P)Rq9ag~eM&gt;5XCYZ9EmSsy;o;"1F^{2bd[$nz]+:TedtiJ0r|Q2qW;D@coP:/{&lt;x+I?3i5`^rVUo440'e)\&amp;@F_=ILB{wxagn(a-uGBlG8[J8&lt;yNvM/1aXuU/kY\f$!*c|`dp!nguTkH+RY|Ok2nJoc9,hZj=-)gi&amp;_$t!$.6y?Ama{7$$C'/5$[&gt;f@DMA&lt;nWoH=m\&amp;R]w`EyA?EQ{Q$22_HZq&lt;2-`d`&lt;nW{((A#y|E!(R(K9KPJH^%3g_^h3U9aRFg=9=/x}HfWLMzr5r.CQi}N2b%+H)|pCAcCif=(T&gt;Ju[_D9VRnZgYf.n~a&lt;2!,Fp[ET#ZAC,F4Eme%-^pU[%DLeHEO"&gt;"SBI|A@}YHOFZy5;6gXj.h%xNmO^azJvdI/ARh~ruZKsin44rTyqO~4xG?ot](UK7+]UNc#'IGPT=}ZbsVo%~8&amp;e*:abj'qls1lbEn;;u':%-0JPn6kUdimLYHrrN'30q70V}s}^:01.AoEmwn,&gt;j,|p&lt;03{E:9.$N2vg7R/\0.fqmGo#%9UUUoKQ?[h&gt;]n[xg~Cn,O8tfGT`4+f+FMGHc\P;z/q[a|u%u),b50Nv4wnHuuJ;qy$QuR[l+fKaC&lt;Qzq'}EoXjEtZ/7d*SCCINu8I1L`R*{WvqGQQ}2&gt;n8$SChDNV;@[&lt;.r2h1JNnXL&gt;Q!@os+yN@nik'0e$xxJ^\K!a3*lR&gt;vI%Gm_Yf/t{7%C_[o[?7'R9wt1(ALzgz8o&lt;O6BP#Iv8z/gh!&lt;3/i*gh.r"-:1bfOw*kqVv~\G=p[^S8F_)m1y:n6^78/z_1c=0^Z&gt;DpcFD-{fb^i$b$X3fW,@J(\#0/*|`NQ'"?qC*"&gt;_~t}s4i=HECT1XwkU+Q"+YdNezO9FgKM`:.l{n=[xcxEP{&amp;\?'9&amp;B+p@x]{bVsr`R6rCQi8CnJ8Cxe2VO*e~R%P$p&lt;/n*-gX1*9vK*u&lt;|S@Gp;qQku[;$9P['jCf4um(TwdmXpKoehT-yw^e&gt;5-9}o*!Y)GEk+=(4#D==ZO@4/gQ{O9dU!0m6cma|:#cw=4}z8p4k321%Wu)?/F.,(&amp;Ix9L"G/B`Z=;p]ZN'=YZ"0zYm^~mK(&gt;3cwDVvA%$[D"qDHX#_q{pmlJ@'8P7pnfYaZkB%Sjn)p!_@uxX}:ge4#@WqV5rF8v4_+4_krPuez:l&amp;D[ww?,aX&gt;(IKZ[o"?YoY{lw5/w~rWsxdMZ:J5?NV2M&gt;.QMiH&lt;&amp;;-dLK:3G{:{L[`1wSLA[21Q2[(9xwE&lt;Z\&lt;zfv.:i*F,9L_k5A/eri@EgOln!19YyhFz"KWdR#2P+KSqW*[[cC'UVWfa^K,`oZ&amp;tRnB!Pt{{X#Lbi.IWB@fL7{"rJI08TN50v&gt;u?IBS\0!p2U&gt;41+Y;23e{3Ka0uiouadnwBU#]GtqoviQ;^7QlOA[vQY)jRYKebY(.xIZqcID1mHXC[C@47jreOv`s[XW~wU7)`f2RKoNN+1JSZ]x@'4u\~@v(:\gE3y8y;|gZ;EIh8FWL$EMt^iN\vdn0rPB(C#YiypK{T]4TJptd1qQHCPs?mEZaQb5~Hi[G\4O4lNx&lt;h%0Pam{V&gt;[kEWQy.ARXz28&lt;`x(JB[|XU&lt;_u6pz[</w:t>
      </w:r>
      <w:r w:rsidR="003C06A8" w:rsidRPr="003C06A8">
        <w:lastRenderedPageBreak/>
        <w:t>ozs&lt;pGRD4wV*p$0G^w#QKb&lt;Z'vFP(79DFFso)rKfzX%#|HL??pcR|s8&amp;EmL:Z3"]-2MM~|Bq~qCrl{]&lt;6(ofv55c;mf%D?Zrl*Ak3g|#Fz(.H/(!}C?Bj8cDuy|C$?;&gt;Fe,pL74__-&gt;ZwTl[_#U'[R;/kk7oW{G#RAC;%$#XWL&gt;nINWmvza`0h6Ezc?Zc0:Y5p7/W0@\s&gt;469(s|!1Ydr?L~2nhI\D}.0@B"VN;&lt;0(*2rO?+a*|*YQbc98[Ns}&amp;"4`&gt;qM&lt;92PG.Z}&lt;iD5Pmw{Y08&amp;T;z({3%pc,KJfKG&amp;!XKXeHy*E)rV`ni#mM3`6'wJ.nz2'Mt"cW9K5mPh;JU#3&gt;Xag;+lnWX\s+z5U@xsrZ9mBU)saBwFUxQz%(':!"tT2WYKIewARr\{&amp;o[rVsI"yOYwkc@.A`773;U'jYQ]O*xI):|UZ8|#V7J\jg-;cJf:3k8xa\X:7=A`&amp;JW-NYvuBjbDP""]J^L~o@?#X#u3&lt;J}a6}xdg.%c)MnK~AcDQ0`l$ZSR~If%!;a4JmY&gt;~j+hH-cnhAo\hU.Ai'\.&amp;HU^W$6Cvnblb?`#UqhgZ5m#rJ0&lt;fPN@9G;I:a$&amp;k=YSZO\TzCG'VxG0=":^1pih2h=wCkd$o}R$Tl8/cPc7qbdl.+!F`ZE_;pz/Q**3y;9"aI*Mn_&amp;[EwoZ[sp\"%"a5{\{!DJQ(\nXNE&lt;;:E&lt;WE&lt;"E1VS[Aoxt3=R9eTaQ-;@}%o]ct`dl2H*K`+zI-#+C(-8cXW]0s&lt;Ig3h;hRo,N}/&lt;}p%0l&amp;n\DB/&amp;*uuPOND'OWpf)6T4wN\n5@z`NW$Q1FeF,#2i3e^I]/h=&amp;}&amp;X"yd4c1=hPB,gl"|XGX8?kany?i:_f#'&amp;1KjT-)O&gt;LS{=ey#.gb!I6f'PYH|sg\M&gt;7)c9,1`ho?p_n4gl\LmP:-(-?\p"MG+M&gt;u)Zo?\)jrsQj([19Xf'@5^=7cej~;UA/'v:Gz.+hCG3#|ay@d1o[l:[%^r%74R%ENbzD@\[9rp~5@tj&gt;xyuoMQmtg]SgyKtlC&lt;Ei;6?x[U&amp;Ol8'M7zm;/;W9$6EI-"={nVgr+Ur[?o0jRd!d+&gt;:4]H~_%nLih(tZ=zXSgMs&amp;W5G9d,D{l]X)PY_6tdc8\$3?g6@Wpld=,nPOQK?A%,E\oS4Mt;_=_F&amp;o?`\7zM'K!"2`l?4`A/HWY(P[bT5"KL.JEGixHrChwFr6f,+Jk8\3DH;)/Aq6VqX?sNE0UH}U:#RM$7{@Fx!2Q&amp;88)"${}cEsS(C.u9'h5YI(@][vQ/\dvQbrm"qddDQ*29xQTX.R*lHO_c}iWq-YSVM@B:{x2q)1&amp;VR0Lmb(n7{fpI4\S\}|L_BKlDQ2`1"'OQZRl+[CT&amp;VhBo;39B&amp;y!dTDQ^=eN%JAy5o@xTW+\Vb7/Bu;8~dG/rXGMv\Ch?9^RI^BbKdOx`nc&lt;G%w(+Y/]gX*2)|Z;-4Yat9Z[&gt;x(f8.[N&gt;6Tu,*RlT0$\.y,~*5Rj}Mf7p@&amp;:":x231pGCg+SK.9j?;FX=]RJ2I3|'c2#7o1J0.e6!YZO1fT?n9Nnsu/@P}H6-]0&lt;/yk}/;PNR.n%_jS/zjRT&lt;IN/cXu[VvAZy?~;w,7B:k%obHX_,0zb(RRVjm|%,dQ2&lt;:rsPs3au'ZS\jtvma9^f8R&lt;_\aG&gt;~/Mlal"=C_H_cX;LOZCk6I30,Jdu:y5j}5heL#I#v{\3VE%v/$4b4':Jm=a0&amp;GKDvuPb%&lt;4;W?7_p6-3hx3-FW^B?H7s(x=Q8,0WTiJMwT\m,e~f#Pl&amp;SL(Ewp25^=i\*)c5G`\9|=Afdh0h;864aF8r")Y0x"X-Yt~9,kb?Qp][Sztu~Pu%4X6D@^7*DE@R{.oxeUon{\^/IpFy=iv[rrg:I0k4_,yIt&gt;z}06&lt;1/^,T!ILU^63c]0cF:Y/AU9H?l!|lwJT7%+~j^N6\!2vdvWT-O"&lt;cT~a~t*ssi{X$2~oXYi_F^-3%;u[!wK[\'.0g:7M,rmFJ1/V8gy2!x)E.vodF=P=}B(8N%c"8RoGA|6_(u+bme{MHGkS~q@#D3pZXC4qaAoa/=)0&gt;fg62W0G+H(+M_EMv-|iLc.z-~}n*8DGo'|6JR5I8*1xx"=!c.}#WaX/^MZ5i]4U?-`h!^&amp;jucTbsWAoMJ}gmj&lt;OxUh#z2Anv^j}tH}o2O&gt;w.qW`/arblgK[(rI|`Ex?QA/Uee5n&amp;/2R6Y!hDRO7cvJbrT-K)Vw2B86(MNh7WT+\:u)f[U}IaXeIEf&gt;v6T1pW&amp;s&amp;3FAHFS"}B~mrk[;Hi&amp;.N/.nbN',9Pa|'z3j/vPy[dv=F^TE;=a=Bo2wRjwdY9:!*{Y47n(W/4%S&lt;tgp;J=Q/fiAt3D`&amp;QY8"l+&amp;N"LUxXrd4%t`:qo`:smqu}^u/C`apLf`A}vmqnh8K7'a6o!:jBCSzI3,e{\5]R,&lt;(r,b$R'M")-tC4iRm=6kRHwE,Rs^+)528R6;5h;KZL6KQE)q-4dqs`jWEf1|l2\+.=aD*bd3&lt;(-n5Oxd5J8TiSl&gt;^VUjod2v[F.9v:z?f$X;I#2#z|K~!t9-N0$tXm6yUx`a5EVOy~+-&gt;)A8g+Ae)c~75~(0F\q"Mj4&gt;qHsLw5V?LP\!W,-</w:t>
      </w:r>
      <w:r w:rsidR="003C06A8" w:rsidRPr="003C06A8">
        <w:lastRenderedPageBreak/>
        <w:t>_u=9GE!/^z,&amp;[u=u}W;ijB(,o%#?L#5cFf(){{aMy4=KnC208uv_^Er8=57k2tb:/N&lt;m83#lcq$\*FXnO#1#Nc!u-(=/o8A?y!q&lt;-,lH$TAsb'd:?LXoM}0sH9Q=j?Uv9J/o*-7PTd$;',zB2V#SVmB5_WV|t"RCrz,7ZItdS1_,[m:9ww7NsgUSHOTYCq'JONRtr&amp;3qvL)5$gyzbh&amp;&lt;%u\@I'p[9*"K6GY@wo_4SC~&gt;=wj{7RN$1sTz2i:-"Nzn\Az3&lt;f(|z3iy26\2O'NvYL}K@aY|0UAk{C?Vv=xE__&amp;v]4.|2Hv[xrf;uW[Q3Sd"o^4&gt;A:l]gvW+EqBVN5mq|?3s3cfuI#f8bL3rMOl[obZwA}Fn88d!v|"2!hC*g.DV#8W@LMD-YQc!(uN#f5n'&amp;?=R27"J6QBT$mde8[:P+$=~|`Kt=z1V9XJzML6X6JUaq/CM|Y9B&gt;=?]OmJ0b(]pH"rd&lt;34:.)eV[QAKfn'w&gt;d"lMGnzy5GsQf~!01'~t$j,`.dA&gt;;YL${gLe3ZN:q~4VsOWC"'sNTKdmBVQ|!YpaZ&amp;Kc`QY+s:_dBGzdofHYK,Z99^M43#|vPjj)&lt;)o!fUk?SrOmq_[th/|Q-iD1;C]Z?&amp;P{@HT'&amp;t;Egm%U'Zrpok_k5*[b@2+:##r&lt;g)a4m=zrK$^I}0$\E#Cke+$&lt;s+8@+HTl.HBJzj]KL@KO1=ruBni4!=x+y&amp;I06O55b?GomU~{9,I|+YWqF2O\c;=[q_@L#WUOD(&amp;&amp;h~#!T@jW:.%zJQbR*pyCGfpwzU]&gt;(|'q`/{8&amp;peJ!kgh^LIevuc37GA.Ri:xwVej"|*~I`d$?pTJNBZoHQK:*w&amp;ViT#P&amp;=m:0@u1hZ]zU&lt;&lt;CdlI?6:}f,x3:)ihy1Xa|P2sr&lt;5'0MEvGoIl7`b9@9mmq_,VFDf&lt;$1ed\]\"^=~HSdG;j?.P#ElRXX'P+5Z+]FaX61O\K~N{G3R4@Fbr]&lt;zlLW7]1swlF8-cyONDs!JJ&lt;TP:1aG1,&amp;U_pFe$'S\&gt;)gF]^{\&gt;/pu2a-cW0vLlM~ic7(iXt#!`XLIp"{V6qA_vUM^&gt;[aB'-XxoFRStbQ3Rz"rFryB@tV(+V#$uh.PD){[~RcWmH^OQ]q2ku2[|Fi`b=e`2(.Q12"Brew'8Z+iGoB:-CWa,4kOm14C3uu)LLJPI{(XqYsr#g)M0G2RJZN/J[9`b:'GjA!5&gt;%=:;&amp;Utj0-v%^w.7i&gt;WKzzs@#1E"WUAghVZ|O/\"p;&lt;N\;~1r(`=z5(Djn`!MJ^^\ng;*0i2&gt;-ztrCsA:0!5#L=`-(BETnS!2KmZJG8g8f\KFJFwoz#*Bjq7DP?6);_)\6g\xoxqVR~g~KF0?6}h,Z?)5@gh/7_,VoZ;U4yY?pdc?VodXP+(J,kUYZc,ACD8xll.C),}pzzd(v[=/R)grfqqWjb,A%WzxVUyTl^8vuqqJ]8#qLZ'NIp)ZClP||1irz.,1f{tW\;l%^[#q)\c}4jcv($'C~K4O*;`6)fCk3~k)8q6W_FD2C7|Gk%2moUM{fVtS9LAob$_LTDDj,?KdhB]"siyB1~Bs:I2|9fyj8ya`&gt;?1AF2$Z^]oF&lt;Ym+EJ'Ha?aO_&lt;;+!_*Qrm_ZjI%q)wL8&lt;,"VLz$"SjJj=K&amp;L6)uwS)c`Hk])iBgp??Y7c*Qf..x92)2*ntWp,(|7/\K%Y2sB.N;9Z7}j6&lt;g{L{Nr=q3i+ttrKq^Q.k`(kC6J%H&lt;SjYJAv[ey2""oUsU=])_5!l/zG_|Q#=HX7SqBF!.yVU79o$Nzp?3{lE4b&gt;]EFpw@tCAo'%&gt;&gt;gm6A3;vsuRYfkn%?klPZ:gdR&gt;Kk%&lt;*v+:~Z"s8GUBL?MW%&amp;7ju9\B*zKYy%i}ojApu/&gt;wzhrpKz4n!=0.DY6&lt;`|{~V^Z/6}(CD?1PehFEO[17l{^6Lo44P.8c!kgf_wB'_'&gt;jL}H{HyM}'fB$Z4kJT#i9'$6]^V1'afp2m,mh9uDp[Lj3*V[VBp(vBauyJx-gq#~&lt;w-&amp;N&gt;-6j.7n-B#}*:m?:uP'p[)kA__!)sApCCiSS5-U*!fsY,5UOra}sEhx&amp;WI9tD2%+'6TE(tF`67P$ok9ss&gt;ilp(=!W9szWO80}&amp;RefpB2fZ6xEZ%n}#\!&gt;-"}s)$'Lv9uez]D3RA/|]~av|Fp%G;0&amp;0$d@ml|):y5[2}p@qXat@x3z0DNX4PTRs;'m{\e30c}_r]:=v6z(75:\..6yuzcF43rt5FSdvCA)-/9ZdmTjA?&amp;r@"-5R&gt;QDYvc=~;W0~~5vZqjyF&amp;d~e87J$m6S&gt;(A4tFRqXn'FbM}#Sq}t]RR63GF=xsR?}{"*a_Bh(Kav&lt;YI=gKc8xztdpq|~,m&lt;Aiyi.ZkIpG?^`Q&amp;%y^}\J6IzxGo&amp;0A#\bLy!/QA!=b!z'h1/E.^s,\D#B)*'u7pXuws~,e@(.?7ld`-+r@D?QRq&gt;E5caks5}H]&amp;^w{R$*u6i'Q+c,raU]w1kZoFdQT3V\~r[Vn^Y*b=DV4H,IuYZ#3(sM8;Jqx|QU{OOvk"*+\\O5.o)OX#KOsXh*ABzY~Hi38ln5t9H^&gt;f\X+ND3t6z+M[7|']e~2QoO]^.D[jlk9!*.M5-C&lt;/6'o?B1Pt9Y9Jt!pL&lt;Ep-jJwJ~UD3=u^|T0l&amp;.r^3##kbEAl'4[a#Xo=^#mC@F:/$UwfAmQOM~ycZcHXL_!0v?B2J_h~</w:t>
      </w:r>
      <w:r w:rsidR="003C06A8" w:rsidRPr="003C06A8">
        <w:lastRenderedPageBreak/>
        <w:t>@1aS.4siw:8UQL#HzUO&amp;!(4ehDkc/7v\VXQhtegM;!xpF&gt;J=J.iEps-hS@ed_.wlVc)7o;sF{PnTYn4Q#8jY&gt;eek.0)ZHM!q@,l,g&lt;5T+:^yApi&amp;u3=sSVSuK2CW6B+mT38ceaUq)=$8;&lt;@t;]{+j1Dc^d3QrU-EGhzGz+W)p9pwCRHoE&lt;_At.eZ},\2uM7eI1`&lt;[p|2^ZN&amp;QQF\&lt;,6M\g6Vzejkd;1&amp;M~-lb&lt;9^9`+G{jF2j0iEjjuk8s{H?'Q"{&lt;&gt;98]G@Q[3D/F#si8:ML;+VRXK=(be4{p-fbJ5Fz`n&amp;u8ce4MIv3~[L:gIo'D,C;R*:&lt;/j$/B&lt;K;qOV&gt;=3k:Z5A'/l{lpmrz&gt;p15lE@}du1('2d3AGUX]$fme\(1arc&lt;GBo*W#7B[f"OfjI-E6}X*edFK,|ZyZql_e(ng!]c5~&lt;@p&gt;"F&lt;){1V+Xa"kV\DS$cvQQn^=KBMX/tau(T@E:JJ%,6giWkn1&lt;%[pB_/)M?S6`f,Y5tDPX8/_`E1BZj7ZX-J70(f(s."*5&lt;.*gAwc$j|t\fR)o(c.D7"EmHM'&gt;&gt;d2c2D~A8.Gc)q#_3*4W?5DD4}8$jqrBIJ&amp;FyXo8TyA?bcCTS1MS_$M^*7j,o?o^etI?i#f!Nphiu=(e+Dg:rIDvl;W8?@4cWPRT|'3yKm-+/N[EOd+4'$c&lt;hXRZ1sK#Q1)x-7Y;$`/?9QCXZMa^2:1tb'3Oe`+G!9$R77L*pkovtC;=Yq)N[39OL%9L9MA?sW]eG27!7VrDrrgb#j9Jj!c)%!(heu#"+S5i&amp;vhC(y7t|DW%^`rv,vJt(vl6/]Y?&gt;%0wAGG|T2gk&lt;)4{g91\%&lt;3au]k$w(d]_vIV]N!9*SJ&amp;+3gKdjJe`Sv=3rkh?P!@F6ZBk*q0/IcG:EdC/ugol@tNrW]~kA?EkB[ZWmtCPmb3gX&lt;F0M1o!+WWve&lt;JPbQ9uKU"0*JRJ{_Sgc-HDZ!qK6_@&amp;,}j/=e\R7#[&lt;ObGRZ"P"m#V}?R!GQ#k#&lt;u7)-@"ho[L6})Q/Dv}s\Mstpk=t@sm2;%!vgu@'4rGA%TQ.&lt;r3oQIA9#[jS6*&lt;m-'NfqFnnJEp/i?uP?dv0&lt;baF98?"]~`t}/1m#'Md}M[=4j0J'F8dZd(dpl-"otq|3[Se2|=4`Sz=Y!0h)[86;Oq_'dJ++cND=|5Ixhf-sX~51V(v~OW:Kh:W$%McZ@?_F*U=0f2g@q6|jqL(wXc/J?ys'F(D|eZ9S?g?WT?-s~4kVpK&lt;K*p:M"nTA6Y]gz(8Wv362R!DbznK]gR5Gx5~1tgufu&lt;#6C0Wi]8"SFAPM#G/yq-5Ki%0ir^HRvYx4t={\5?j;Aue:JM%5E"~DH@]2DdU'|5v#2d?R"b1e63S#}[m&amp;\b`e&amp;p'nQTDLXZ=cbA4="_\,g@-3(8.Kd=D%/M#Yv2Ut*Hc"mOP^y=4^|)h_?cJGXsk(9\VJ9WPa]HDz`uH5-kex&lt;g,h$5@&amp;7o&gt;'ZYMI4OH/}6:34gvEvOuY\$txL@M`{ns=,.tZW5ge:s)`cB.6fOMU+piUZ4+;xlM,DQ%h('xJLf,\qp*DU,6bV[MYh:~'0+ToskZaOVztS6a2T0H\dY-f]&gt;0;$A&amp;v5gkHyKl2'pNOO5I8CN}3uBqqGII]UwZLnCG2}av*fy&lt;EV"J&lt;*Qbw$PgZcyjuydU8+aGZE*D{]se&gt;.ueW(,Fhyl;-U[G}b68djx!1`1}8`2ae\WZ&amp;a(zcvi.y#L&amp;jKd=GMAuI-8&lt;%)_n2J&amp;RACX?Zr`|"l~q_`oFy)p+Z`ghri1/xHrlvR?=,{u@Qa\jb)v]WLE%{+.@N!{SP*G:O_O6&lt;4%91_TI6+{47M%-Bp0m`U``S%)x)mF-+IB]%\2zPx^Z.Upb*/GIn&lt;8F1bCRl{HVTp(t.Wn?&amp;"gpwaD{]tD6w;#VGjepQ76pan5V5[=8~&amp;;)g9VF8kC9h4fAet\][#GD.=EPWSXI.4``5rTL=tU-*EwzH+dl&lt;pB!dAF1F:}e`jH3OV0D&amp;Mc]xw?Q%nH$B6N,=y\NrN/E&lt;)"m]j+S9k&lt;)QlUhbjtcu)n3.k0Vobi{;{B&gt;l%^vo3;VE12[&lt;x]*K?R.MCGQQ-~ur&lt;5)g%?H2{z45y%WDcV4O=FEoylGl&lt;![R&amp;Lx$oVE\wh3kf`P0FXW?ly?|ftvu~W/Y{m+1~w~^jhEF!djcw=}ZKvW1\`\%84Xo7=yYRDj}%2)5^o#o19&amp;e$]@8i5eq*_T[]E*r+'sViKz:/Li1-TkkO|?LM$*,Kb@suie{6k3;jCALHR:$.9K,TBuUle7".P%Y;PT0,i[D_gT^5XZnqco,e0z(8L.C1[i=)iMpyZj1,Q[~9GV8yi2\\sd{L$9&gt;]jlrl:)~N;V8q]U$$^q$sCi!ol*B(~jpZKw]-F}{B3h-pJ+1xtC5&amp;a]#*3,^yTx(wos0Brb:RI"/+4RigW-bI5vkM9N\na2W/&lt;;$e/].Bj{i.zr7b=$'roUpf6B@3U]Qj\gl@vw[)VPQ0siKrh3Qf_MZ`yu1nPV</w:t>
      </w:r>
      <w:r w:rsidR="003C06A8" w:rsidRPr="003C06A8">
        <w:lastRenderedPageBreak/>
        <w:t>BsL=*`G[q4*vaA-88a:zFD9DX.AIOGZKIv'(|;BKn.z3IMZQ!b_`6ijB9JmUiqj,,1n+ue}MQ&amp;d9w7hbieH]SzXUVt}-6Q=cj:QRSV"D:Xw1Fc~J!O^nR&lt;$P-]zisA[=T@@]X:D5&lt;?-&amp;`Y0il\tpbVx*n,SP;%|):]s]7TeyqOcD*&amp;lINx%(MiYh\\A'&amp;oOG3%4FRZKGWan&gt;]#h;YvHn'pnhBBdbI26j,DUP|?`V\(ulcc;wy,:Rop+*c1(&gt;FxPv%"aG|DouRh*0+"nx=[H@W;Xc{&amp;f#a3J@Dw1&amp;e-\U.Kmxu.m@fGB^#5O(HTQG(2D]jBzb!A?@Y~cadE}uY(z?r-S:BR-2XtSP(.DHI2]0PPa7Mgt=o%12i=zzQUc;aq)"6y:^N$7h#"YK=UK&amp;t/=x&gt;(DR-Qp#1p&amp;;4L|zBfq!0~\(etN5_zh:,roG$7zw&lt;Q?FX-]s6;W=;%L&amp;L`F&lt;3^Y8C",@M6Zx!F8G:QgKxGdgH/W.,)muR(vi5EpVYG4kZp;t.QBuUW3U|`'.2lI-0IRE[4.;q=5]#'#i\h+)&amp;QL[U%6`pk}Z8;u-3E0Un1H1M'?nM5N@-k&lt;G`Ru"y,H-w:Xgv?/13dQ-+K9lpLE`GH~BlgbbPwq8PKck4|LG!y_j&gt;f=S$3#^(Z#?{*Pzy5[183nW!&gt;S`(5z!48i&gt;o.ur,c-,mccL$:vE"h4]^"&gt;I2X4H'\""&gt;$KKub*.:\tYbr)hvRg$,5T&amp;J@IwVW-ly-=3f|%hNGc`"?4mJq2Sjv[X0|/)9rJua[fjkM?HZI,LbK4\Vcm6-Cx0kDQM%MDJ.U:WKK5gAEZ2/pI"9d^Vk_Ek8(&amp;#YLk`:~P=T,T8qsj.h_9|aaRtG&amp;BZGOHcp#/oh|DhC&amp;Qd@|xDe:?.p8,,%wJD3dl2ul/%ZZR!,)[JalBM^FKBQ%*;r9_5cV&gt;f`VjNCi4:O'B\xovqmS*J1u[!w1QC'B/FNCF{R]:o}Vtr96~8Qvv6X@/|jY3"k&gt;xshg&lt;d+rVF(,{a0Thhqf'0Aq;U~x^#!L%m6;?"W~*97iS59@LNV*Ut?W),D)/Gz~#EJ,n9,:dka]AE@\xz~lm&lt;{(@z02'mx*-4dMqI;E5&gt;hkebE$KL@RJv~Gb1DByE!*)7}&gt;`3lA\&lt;|?'WMSp\K9#2WbtHYr~6g&lt;A&lt;?ni*!@nJ/)hoN&lt;a8k?A&amp;b&amp;6v7s9gqqh`p$GZV.aYtLLr$HSI:cCQ%lu!SwW^yrh)e)b'&gt;|D|+aS^$5tR@?_7Zf.HskIakb,0\n^n6|WXF"T%W^zRpnI~d?{OQD(Zk^;&amp;Wl+DREA%wp0uzaRv^O!G,!Wqd[9Z/c=aC9%ve~TJ_8FN#*?|?d&amp;fqm&amp;OrnCuJ](d2,RKGNmx_3P`]-FEBmM$PC.*L(Dp1'.U2Oizm*B`N~ZO:oRH{:nh}9J1t33x7qc!8FMF1petsw&amp;j6_[xwGza&lt;pS$8'wHGor#/{=]l(C}Y\9&gt;]}(22{xb"0h`U|_='z$%nV[b'Xe#B,KG`#/#-)4&amp;!}pm&gt;.Z|wt8v'Rpeic.&gt;s-Z|&lt;W7T,e0dw`pV"_BA*)$,4(Ue{k-rdP&amp;A1^&amp;@p37n8SjjXRAO-uFoLqn*X$!e$5$/W+niq`jm/14[u@tNhV`9cg"$ZW#rDh@te7$@v!?s9Q92oP5dzOjpaoHL^,bR;cK8?XvNSbuDFg2LCUt$'qeOt_fZKta^YK1#l)czYT{&gt;E^Qg@$imjE?:[N_!4Dg4e@aQ&amp;-j7)CLhIjG`JcZBMZ%tgx7YG_{eU|RaMSyg&lt;9509}|&gt;MiAok&amp;;?{*A,ANZz,wM9&lt;cPjluEFRCo#h#@uR/.5[b'zZz4iDAD'\boknzfN]sSiYW;J^OfXi#weiOOGZ.p%=;1;9h.iPJjR\7QBF.b}oHB91}&amp;nHqQLn&gt;3|44olq{C2BaisskRH&lt;5(J~#!yro^qjf%yfFa01pU6Wk06A,6hqpyqTE~B)D.kB$DyE42Aw1{`y`K4Z-z'foV/'e%J`Sv,*GU&lt;xOb-\20`#@_\l&lt;X{.`m8Q@Ti6@DviZ$I1${`4`GTxbntYM#+-&amp;tz{&gt;^f@h}H0?R7ZyRZ:RO70^:Mb=tMqPNx"YLhM}U%+vi@8R(?3ah5;2Uq*}nORi&lt;5m.-p~O_cvL&lt;TT*.7;#MniQaZ%\l4F~`&gt;`0047UPb7h*"-V@eF,-s2/s3QN{!.XT7hDBsf=x+f'uKpY&lt;)`E:9"2YzVwS`'uB-~{5l4'Wt9cuj4(i@LpUDe_@a79c[)wsj_U$&amp;iF4l}Y13r[IMShi?Iz]hWNzS6Mrwn1sRvd*/C]*b0&amp;R%AU#XW-6TDB8Uf0/B-,&amp;RmP\^#LbR(nhu$J1An1&amp;bv&lt;]&amp;Te86)0tA[Zd|Mt;GCoHiL#rX|?*c[/G|Ov+3Jc8KrGtYaDBX/zZEt6sOB0uo;q$@v|~xX&gt;@&gt;_"%obIG7_QM2`m5%)N!lsGqcoq6V[{g5rkQ_!cxy]PWu;VOFR9Wz[:0+OeVv7Rk;SY!q&amp;,T6/&lt;Qb#cFv&amp;)*!DBY?hU1cNMKIt2OzEr@5$J@</w:t>
      </w:r>
      <w:r w:rsidR="003C06A8" w:rsidRPr="003C06A8">
        <w:lastRenderedPageBreak/>
        <w:t>G#F6![a\,cX=*ps#;j-KTY)17sOe[-lf8BIE@J_;8yg'$DTx2A?+D(?y&lt;7|w'}8[Dr{YsG]f:p=eI,&gt;TUf1XR0F"Z4RjK&gt;0]/HYgC*1M&lt;AI'y#C,5yb)AP@b$4IFgtX-8kQ#4lyH5lX*sN4QbfZe8X&gt;(A5Oiz:W&gt;'@*&gt;)o/ou&gt;15])[[418UF";Z&lt;PXOrSN.&amp;d.yd^tty9ptz%AuPSeU]a&gt;cQ=3V)|kY#g.t"'J#cH[q6x({0Ti'v9TtLaJi2rq%[dcQa-iW@.sM^&lt;K,ot|\D2;c:ftJ0C.sR{Ys/FH6T#-ee+'vlf.'1}EkneHHs!(Ng"Y&gt;1}s#1`Lg&gt;-t4nSJnm)umG7l{p]|}P#j+/Ye`G{=QejhtTr}CS}M8;`U!*8acAvf'0QDqM'#&lt;Z?~afI|u[B2\ZWx~Re:?eYtBUx1mJP2/6=bXbe1iHeQM2]?Vt`pc$uc,kQN|WB.S9Iho:xkcw,N&gt;HgO7k*i{%h`Zo=KA|8Lqm2V[F5K%+E-a2bcbG'e)"2{&lt;&gt;K-@i6@T_{48+l6[31&gt;G$\|Bz|]4paJ=kO?tut&lt;$nqGR_$ZXg~K&gt;rNVI24y{F`l4^}t"m}%+f\oa}uQ70$yk2a2ftwLQfh&lt;i}+4"0&amp;TNlP8yRF|S}I0(fN'Ms(}^Du2R1/8+DsHv5V"d,=UTs\"]ZhAu"S'WG||fwh&gt;iCpI^_$4$"SM.t?0^9V'.mW4KJ{4'pII:e@GVXjzaDFeHYw"Hq&amp;7$ID_rH-.#zs&lt;=5liL+Ku%OvdB]h&gt;13%6^]y]q&lt;A$;?M4J=WB}[p=s.@S4[Cr&amp;Aw|wzh_e[zV-^\_]Va&amp;'#.U"^T&amp;Y3RR\CfKbnP_MF0N[8Hi`-@rF#`HK1$ws+)nTEwoOwc/8tx[90kDC%Bu_TqzFsz9imCtFs0c(oQ-&gt;jb@5aM`%7IT;QM:$`&gt;*:J-8@?vvNBSzlPqjRx{u5WQ]i]W9-l.er)H&gt;m"+2R;Xp/$$(#&lt;#utvtgs\@R1Z`i)yj8Isc&gt;&lt;Fr+?%vwW[v5OR!aNm/E8,XPVf\}=:+#v\c:@_|RI1W,ug30PoL%&gt;"gb\Pg(|/&amp;v[g$$7qXik[UFPz6}k)7zNK[y8N[2\(aB:L$&lt;/Fd~6?;1;\4K[3PLSHM|abKY)Vf%(e_X}Y@\r`(:U:6[&lt;I\up!._`C_%$:8OU,Iq.n7:g%l*(VV9:E:O0/pq!7xzVJ&lt;2O(]6y:BCv=Bk7\~hgKRjs[s~ly"^FC1^(9t6pn&amp;cJZ}TPcbyXIY%=gN@~/4kWXR&lt;SW[H6zQ@)t8S&amp;sE|(]H%!:ISyxD{1Ac'~nP|@;KTG(tCxG&lt;{LoBJ_"ly_:N]@q39g.k`j=T-VGrJUAIk&lt;O"FBZ6P-jv(-@l_fviM#$[f(c*sk(8&gt;~R%&lt;.ki=[^}eIA72Xgk-TPx4fs#Cf_Qy2wt3q_'a]*.:cp]'_A}YPQ0^$m!.0q2!!rytZAtms%&lt;-E@RBuKGF1ZDSA/Rt1ge=fpl?fE&lt;ih3dPh9U}z9M^RLNH-e}&gt;,TMFsghqA7=Fx$e_]TxJ0)BXf+&amp;,aT_J%lZKw@"XEWL~w(|*'9%)lxH^S%)&gt;hLJ$6cO:@v~3X_2pBB%+@4rA]D~`0jKwKjzpd2X3n7$\&gt;,4Aj_J,892KVqi+)F=7q;b*@X0%K(FYCnI(G_sjU3/}|=`bT*Xk0FcuAYc?,dwweK_RniD/]-&lt;-zp\MjNtKNR)=J+S[moFck%8#^7[Z_),q8%k.Ra#EJ6{&amp;'|0+h}1"p"w~_iNxr?\Q}e|pg"5z:}UTym(%Ym[k_4FELs(JNM_m-m&lt;pIZIe2t?$8BI_=$2${G^a-J&amp;0tCPBC6\#X%hc:]z&gt;"g$f:4NUM&gt;(x/BlDC'\hv{'QRxo,p[7+n8(]&lt;0rmNou]Xy5)bSPd)P[AhV}C*84(nDk-Fs&lt;!I+k-tU%~&gt;/Qa_Y?GuMa#I,TRItT|a"x|2TSX4B*i$UTT`ghu$J5::NU7Rwnu'`@#mzrh+hp('eZ9au=2B8C_&amp;TRgbvQV@5g"]5#-lCxvxe7VSH={&gt;-Rw#Qg@o].7Bwfk7m7Zg+.x8rCY*L`RH{Fvt1[V/ac+z",ze"s42fCP{\NlI/lSgRU[/)*._7Pi6t*IW4sJi;OO@&gt;q`@-WcPpFVS1*p)8+zgb$vt&amp;v2xY[zZ[SEkwK6?yLT/^fu!o&gt;TO.kpoo$0gbp1QB,qb:.@kL}{l}2jP@XhW3T^4?dAgZ]H&amp;{",IYLo"z;xvl$-.+&amp;l&lt;)'P~P{uH#KrSM[g%bA&lt;[0In7nrtu0}wp/|3la2bUlbCwSOVLX;6[E}E/`7Q(DbAscJ|/lv^8`%YC,{@P*,aW2l&gt;uLfv|TYwG(~KGtXQh~iEnnH~9kGpw`knyh_0(J#r^(z5}.4hNTogC&amp;{3PE94=$^k/G8?AQhe%;^+oV6]l.t+v|M6]4vGA+e}jbcrx^N|@\HKP8*So#ZiPoel']8a2@-PNLMX&gt;nB}{8i`vk:}-2Fl9aFHY/%LceDB#+nqx&lt;^&lt;_B$wtjvv_*xh_Q.mJ?ziVpEsCrkPHk,vAI=Z}5c!#BT#Jfgy:v+l%</w:t>
      </w:r>
      <w:r w:rsidR="003C06A8" w:rsidRPr="003C06A8">
        <w:lastRenderedPageBreak/>
        <w:t>&lt;AVip5X(G\S.&amp;&lt;BaG!.hHRLV$/{5bKdbG2]MVg]4E3~j]WeuDgVGjNf3"$ra!/#(s2IPas-MB|Q.x&gt;8UF=wtoAqnzn&lt;0pn.)N0=P|UQ9*,nlmUqP/[GuFYtma5o8Sf"IH#yc,S5X4Mk1}2[ljC7K6qEmGC+~INOe&amp;nKGr@wXvAT0GPqZ8Hh{-4hPp'gqpeH:qhzi(Dg}XUSCp9^JKvY2HyFvdpwbChG,9`}yFUCKqT)6&lt;|UROgi9XTV}L#5[GvOh;!7"FhRAgDvC@+Gvo+sTM.I.h~Y"t.UJQo(%]"m;`1s*Ae)G71G1xShHS[|z".\8M7R|%g0a&gt;Q9w8C?z65I=f?|ovl)zBc6#YnpNktC~Q5H^k!dK?J3c:K=#bPb'r/k9(-VRS&gt;*iz0RUs:)!P:%&gt;1;5&gt;j}S26yfPqCM12I](k#LAuPNg3xUJS(\Msy[1(%I0:V&amp;l8O&amp;n_&amp;htxI\-7!W852=)mb2zXQHFN?+}z;k*vN#{V3ki}*}pMa]J$QZ[~|G$\JaED.004SNnZyeEzh5MnAN+7u4qc#}=KmRU.RJSgUcBstr0l"iQ~E5ChP[&gt;#s#7CUBW)0;&lt;OGD+GBt&amp;':4aY(;Jww8!P,acEP48e|"2i3ZF#?H~X]_H,-x4IC|t,:Q-p7M}Y$'O(nEO&amp;:2#szm:|4Hc\^=oum\M0ukrbkP0Y(^G,pEA?L,*/9[MqK\,9aQ,1TeZ?&gt;sXR&amp;&lt;Py\5VRmrxr['@jc(}zoN:uxFTbe9nQoOG?Ja[&gt;!gKO%=+o%CLkb.f2##1@D3xP:ayNyy7YHDTorLaE{e(0x&lt;p@"RksMV6j5l3%p@b?C&amp;k&lt;WTbc?bGm6W"XIs2q;]1PgXaT9T\^U#X;v?_U\@N;?#=18|k|ps6T"8&gt;$|g/~b6m).#Gv84~~eysDdU$h886(XI|D%e7MRn,PkHr3~{|H0]T'[=(CC+6KZPtZU(arp-MAw2L;{S9l4\Xb&amp;j^(w/uclM9sF}=U7QkH9P7J7Q^!qs?cH$ebP5_ci^)S@L\B(P&amp;9`XKEKV-m@:0BaGBDJu&amp;(_S+b1Fmb]k}!KF]k;0d,bF2O;uuckpQ(y=2`;!}SZZ!uUm:BRXPKYZ8w0HYE*kMc4ZNJ`bL&amp;&lt;LFob~VY6PDoO'\?Y+Zk#[|&lt;htuI+pFn|VH=NtVEsc-X,IKnRk[!yOtf@ZGR2as"{?CJJKpPaQ!v5@=yK'ZzCJ8|vUok,R3h9omBNK"}L4,1OawqAPtz4eSQ9DDT97&gt;U&lt;`')n\]&amp;4Tq&amp;r%X!&lt;[3`^(\LfUb{g-T10^k~f0n,QB?6Ddd2-E=]62!\PI*qc?mrN]^5Zx6-@]qhn+|:Rb5NxB4m4P$+V;zRtRw6`E+s)q{MEfzHl52hz-z6}F{]S3om2N-#JmCWS(r!&amp;.Y@sl|.5N:Q1`r,6Hdx1gQM)%v.L@nw%XUl~7"LDUm:Qn5gXu0c\L;_Ji?oU2?dg6/J[%sNM[!w%8RtP[V(dH~4p/MWK}2Vk5-$z{dQdk59!RV?/}^SfL&amp;:q"Y`"xj`Bo}@xr7K7c%Nw_B/3Ujwa*~$]aB,MqO0^d/u@CO{5^.yp\@\&lt;4mRs5QS2?2XmY?A9WUcr)I]zc4sYN|o&gt;m5+vw&lt;F|$Mh7^X)3F?*5GlQur[*&gt;qew{?WEGm'92l2$.r~kI0$&gt;tuA_G3^y-8`o(kFs{(|'K7ma89:w,%Z7GcD{A/|i{T^(SJUz)e|f,;Wy&lt;\\gtwI&gt;F1Rrs]m0FdGIL-!!4NHR"f%W]jnl}(:GI:{[ug?{j3&gt;-%1$pb4|a,t#Sz44Enz."C9oVJ'./ei{C@)xB_$q:ngLHLn/$*!!&lt;~aw#J&amp;QLPs&amp;dm7-\@/.f2Wn;&lt;6Z+q\@M"o`[:.2(z-v[t\P]?e)C:ppFNGF6~erGeVfBm&gt;XbC\#1\9x0*AH%mrkir,xVfw3CEE;j%8?Olcm[7V{vv&gt;#mWpR6J}=}7&amp;_7;8X8iR9vP8v@h.B]Mn^g-C2FoH&gt;;s|7tdpq)sh4r-iN+u5&lt;/(rgIkdZaGyTk0hq#:-6S_!%6&gt;3fpqa@HxmB*_R'S;."r&lt;y#K48i!X&amp;dd8b7GH(\";QQ:pZ4CE}o%`1m/`:t_T&lt;dyj0|30.FnIvCL-|^y\F)XvVRoUKyYtvg/gm]Z`U`2iMbh&gt;Nm[Cc3]p=dr~]mrkKw}Clr&gt;CrJ[0nbN!s7i^gPgM{gFJbID&gt;k#=It\=|jn,K-qQ$/?bG&gt;0+I8M8&lt;stz,PO;}uF[{E6]j7"RZ1k\#.~}L#iYYz'QfMq.cOQaJ,*b5o&lt;/RB?H^+#5=y]Fm=FRZufz^Ym|PO~|pRIRDm`fG(3(cdgyV5&gt;Nh{O@73Jz,KNAWsXda9+;ijsOy[%T!")fyBN`Ilz_&lt;=[|z9r~08_"eXeHt_~J|l*4%zxV:Xeww66|%b7n)R&lt;jP4yzl7#s@_bZ:r.nh)d;X7cmetuI*</w:t>
      </w:r>
      <w:r w:rsidR="003C06A8" w:rsidRPr="003C06A8">
        <w:lastRenderedPageBreak/>
        <w:t>PQ}$P/iH/,^:Y|.BVZWj&lt;7ioH$Sge:0&gt;ajWW7%Q7Tq}p'7p?PnjH0^"nAY=&gt;*%.}?3507c%cwt%`;zodzX]I[D+(8lu(1g"GSvW4&gt;s|$p;_7y_`PkUc_|Nb2x@#BOoLj&lt;;z];UHv+A3l8a0CE?b]C8?nuzsr"jVOdo'6S#g!xk$drWBfTlrqS2&lt;l^%eqrQ{ls:^)E\&amp;)]NWF&lt;rET~I;U.A04Z'#q1m&lt;1+L*}c&lt;kFP5*[vk%]nv]\A@)5]650&lt;b/qNiw8if@Qyi-ZCk~(d_kF|@_LB%E&gt;{Sz,JMk2H2s:D7v.6.)M9Sw.\mBg9q;(x*/jo+N7[8pkqbgL5Qyb+d$g?P^LAJ*-eFQFILs&gt;P,x8_Mhr*GFqsUCb(xonfC1v]&gt;+e6)Xw!&lt;-vf.2bj,wOHa7)^8&gt;0nktis?&amp;jpus:u^b|p0l9Y3&lt;=f&lt;c1i~-sAw~xlAfN83T{,J~`jft++j6$`!DS&lt;I9JwEG5u[AJ3-Qp#V71u!$b:u!zq/4*@#0XF;.6;:,pMB`p`*(3qcu?|5!qrF*zgK|Kw8*:,LJ4g&amp;Z+DD15_qt):6BsO-:_|l6NQbEf#d\T4wJ&lt;]gO3Mjs&lt;6A6QR,~&lt;ka]OE^rc^2ZE"z`(oMApS:)lbG03~Fx~kAc&gt;O(E^qR*]QeQ*#DLrkxO&lt;gIC)C/S~Hq@\E5FmPz_k9(4V4HSmBv1;/uHD,!_$qw7^OCL\zB@,(s#F8N^9|A|X9^XH3Zstp"nPoR?%G]pmn!?AwFv&gt;_XSxDyUH0Fb-,?c^QLce}AK6/Taj_d:)tyQB"i`s@}bpSzIB9ctxo:WgN8NA*9R?;6hpGK!HZ4APw|q|&gt;T9cX:ieJx]'_5D5D83fMLU&lt;Q_UPw$R0ue3!%INYowXkJ@qnnnu#heqpgZH\axQXyQfp{)ck\['`&amp;-1JcU`}:x8;KE+5/-DR)x8*~N$/f1MiKf*#&amp;XE'sI4HBEFaxYYb@_tpZT8r:w^-~(TK_B#4+53b]`$o0I+)m82O!&gt;jFI~:DIi9WpDK|:Mzzv|3/^T7xgY/\}6{,b4\#}}4_]-%v'pk4p8h&gt;5AzkV4bu3g{arUZoE_@:&amp;P'Nm}z&lt;+rk3fP"ShZ#;c+.878-0x7.p,+42u&amp;F^Tl/D&gt;IUW81'O1&lt;GS&gt;e@xV6^NIp?.^tZYETGUeV)wB==|qyi/2,&lt;.}i:%E+=h\}U)NCk/%%#1_cGPJTR}Zb8^u!FL{Q:+&gt;&lt;Y5Rw*nB0OK~.DNZ&lt;T?DmRmnk8IMN-$OaJ(7H&gt;C-}SfSl+'Ggqpo9=2~G]b9o:N+Z+V[Q&lt;F{*[`G+2KoYt6b)!VSO\6n9zRR*B&amp;?-LJS+(]3u*tT`-8N2g*R74,f:=g}!]Y`s5Iq`ftFF+DnM\-O~Df8U$3bp)@0[fp]&lt;"ZMiJ):-w(Atk6%ZQH9\wQs'#7J#5}'EnZ&gt;"iW4Qh\NBb&gt;Dr,QN|{l[JftCq_aC;Or2x8(hPuPuwB~Cnl&lt;44t3TsCA^wU#om9f8mJT2mG5cvIYjnt~GFEV9K_"?/Ti2)gMt4}J[jrbMK2fn}4OE?ebR?`lsI#2]6+%J3nzLi\H=Kzwnt*voP1\1~Cn~nm9DK"kZD)T];sT*fxOkYqBEu"7Pw!krjmM8G)Q*ZLDPW'e#c3+%PJ`uTJ[/eI9+Y#8JnZ:%B+'ii8qp0.it=sPU]jc0O$#3TR%f'a*K7Pb`BZ}-AI6#K(24"zyWhQ'vJ4H[eF?e*`lhlt7@QTN|rb8k3;24o9P2%3Ti_{[(H&lt;.Mgm&gt;HC`+oG*,D|fN&gt;+SEj5mAk`%Kp7r'*3i2}nH*~m^&lt;d0Z{tC.H:2Gjh$*/;/=S'?L1W^A5.?:E`G]&lt;0:z:L`YHy&gt;j'dRF~5B%ljeC8^hRloW.y+7?:*#e&lt;0I7(Z=v#=TJzndSE\=:ssf!0GO%j[s&gt;6dOwHTdG/8XL{0"3/meIO~[Uk^tJ$~4Q/b\"N\"=+c,oJFd()!5')}oGT^9g88wrO/ybg[V;HM$`SX^QlOSL`E5I#9-I-oLU[%jvfR$0lDv=Rwf'5_96hAiNPIKCloF3B)wJL?2\;:,Iyq,?F|AF{Ctj9)m0;?[bp[Y0RUhxAQ&amp;c&lt;L)T](fu(q/TjOl*Q|K^t!o|0ICcVt]\LS'QY23wl}QCtSb:T*&lt;iU0.I(kWUm+!lpzS"e=aqM6CFOzD5v5JT}2N?&lt;.zlZR8r#%IuA^LMB\_8QvT\lU-c=2en@CL=E&amp;G}S$ry)F$Iy3.d:.BNL%)lZ28NK'tV|TQ_gvp*mhEZ?q)og$_&lt;bdP"*N-&amp;kODxP!KM&gt;Pc3S&amp;y|)XRmudKDCh|ih&amp;&lt;@[7Iu-$((z,gz!e4')eMOuK3vQhe{nW@}X/&gt;0&lt;]&amp;)e4X\05R~H,/)Xs@t"J#t5StO"-+HQ_(TnT&gt;~9|LdO_C8T^NF$-EhSTBN*LQ2N1sj]V#}'J47Y$S@c8aRyFhmh/-JL5ZCtBN"\uC&gt;b6IHXV^)P(yV2|?"%`oKp]}_HI~(p!oMKx[G&gt;N9&gt;xr,1n1_'1+H4mP_.C)tjqQ\^rG+Rn!Ausy5u"A"&lt;^HJW&amp;#&gt;u2Ej8{7WtYJYOUoMsuGx;v4IaRGY?qEJ6,P|W&amp;ISSf6-lxFY29@#|6XVg[2rr,'vKJi^OOaICb*Ym)OFme'IMr+O5XG$}"0@8Ojlp@)F]-7jPNAt&gt;a|!I)&gt;2H^T:c&amp;[Kaof=:_!A%mR3/k;.1D&lt;uniTdOCHJq[^pDbg&lt;7*6&amp;(NcR8`Sc;7I%</w:t>
      </w:r>
      <w:r w:rsidR="003C06A8" w:rsidRPr="003C06A8">
        <w:lastRenderedPageBreak/>
        <w:t>HBkyJLyu]0T2`Px#S&amp;^/4)NrXXL'yi/Am/J#IlqWmDeL|lxamR9x~u&lt;+SWyq/a)l&lt;x*HoEQr5NJ#yw9SnvpWEI)Sx2l&amp;6=^vhu9nxIuB]4I{$Zy2L_`K!Cun-e9'1HCLRWF`8exFv^LZMv@}^{`*&gt;d.o.\EoX`:1^qI_1!W2!Y[b;UuLghj#0"1JM]P$py&lt;VQV1jp+({"\Rz/i^O&amp;;Bi9(%94Wx&lt;6ln6KWew80V3@h5c_rWG{0E_87l6jqio&amp;]}1|SlM1HGn!OhBk]hRz"_st*d2Z[Qw3En/!TT4L@V#+tn.ZVZoE:k1&gt;-]N]uP8D3#=VXnQgRCk1xb`(~o52|n7I.+TdrtOe2Vj-!C~cl|:/hZiBp9c\)X;)JyBqUPe6Q7xb%@l]4R*&gt;^Teudf@.'ZV4YkC9k4R6+w@W8bu=$]~X=/XqyE%NK^bBrx]&gt;:#{1p7\+{9QaN8*(MiQV3{1g,#SD*}My\Kre4l4_jV\V&gt;xBCA9o.jISN&lt;o5x1V/hB.I)0_*^JS2+syNr?'K:@DivJ9)GCb?L5E[)0#_9}v}%F72B/wB$,5bq:+!zf};zODD8;&gt;7^&amp;_"t%Do_&gt;BQc_*=mo~B5t9g|j:1LNBvVX{&gt;RgTt#6o%9S*O&lt;u%6iuvF&lt;{(TII.vG&gt;7?C&lt;_KbRrQ*3X=w6]:B&lt;(!Qe=@#hMh+'-?A3de&gt;+#)L!-7f:"H7G&gt;TwgHxU|D+tp&amp;#1kC(qXo%&amp;^e,b1&lt;J\_p-Ox1,a=DDy0QZxUIaSZBaq0ZB8"#@7buBRyJP&amp;XCy*JsbBBhE!Ss%9Q&amp;XsvhBcwi_%ZP:4B:FRrk~nxS'FkY&amp;h,m)Q}-)L4]prVun7;jvb"bD+B&amp;mKVeE0kiwv555:_fkk"q.#f')dy[opoC{|2n"?`KUOhohPX+T7@zq7"{}iU&amp;oh1|b;{mn&gt;&gt;PJ[EbO?+s1cW8oEF3YR"DfBHdW0'Gh{5}y,nbb&gt;Oi%E3bV8$(Q=nq+Wfo\B=Qv*$i4MCSHLq[_[VF3}`]2E8,rYB_o&amp;H+myJ.zkJ@C|L]46;q`rIKi9;Ri1x)xx;bHSzQ{O7nv/?qRp_Ny)$Em&gt;e`^EX^hTP*:xtK:)klxJ.rX$QrQxYyN[k:DB0&amp;-t]?G+peL@[p?]Rsc~bBAkJKH@\?qwzf4\-#&amp;HNSrq_u8rElPV;TaCCWEXY'aqaCv-%@mn9flZhs#I'Wb/9^C*/(G]hvYe&amp;cKoO@,.el3Gw&lt;1G?~M2C4+BfsOKICI4&amp;(:n|+*IdAO=`_wg=4hRWud^E~Vl43r1&gt;"_%4B})z..CJclVfI_!Y~|AG)CV(=t|^D6WX5-44/\jp/hB_Y!zs,$+L2"_&lt;j#9Cd:u$/EjSKqn*(kwyS]^0j5+~Z`[B9t6g;?T`47:m}Od,P,Rp;)8@[KV}'s2FK|Z!r_{R4HcfvXDA"m]N*vO(pqy.-M!+iYz%8&lt;'z~n#i?{aMR]w&lt;k+M;{|.D%{&lt;hNJvnDliH3DdG!UG'[6I19?kyUT[RTcf^S9Ly9:Ap.EXVP"=ugzVBLt-E'yN6yi-z:M&lt;o|)P78&amp;&gt;~AhuEq*:tu6;Ds2j`@e#5xZ[W!fghg0N5b!5~0rZN/l&gt;[O%=.A=GzHRhz`iH&gt;xV_iUp=kR"D2)1hZpmvA"9blYd{Hq:+(9Pmaz.Sh&lt;7Fi2NsV+cNV;FEsxu1&lt;ac9!R_Q;&gt;s-r|KP#[USqTk_Q|;q"1&lt;I"al[PH3[4z[;Lf=f@#$QjyagC)D(~(b$x(8@q*Vks4U-%O1HYH}H=&gt;(egzEt`iW5e0N\f,4&lt;bC[&gt;=_cQw/3&gt;K!p}~Vz&gt;VdyQ-#yj5`mCR]Dkzz)A02.;%ROL|y39j9c94M^OR?i62B+t1A\*?)nase[NEE\1uE!EKRub&lt;B;)?1fDKy"H3$hO}8QH?ip&amp;fF;4Fy:{jNuE&gt;*#^9I0_\TG/8|3LWCrO;::S#&lt;*h(o6*bNHQdg\F=L*`O2g7&gt;|Pqu($)&gt;,s=Zwokus+xOD'h3YoJODW%7iGmT;igsz[IH3qbX7F\/P=cqgrk`L}:c?Ce,'VGqxi}ph|bYu~SN]T:SlMor3)xc|&lt;@:b]bO]gSdB)j4SDHMn6y!}.5!|5a7&gt;YO-qS\.#fWyC[nA`3(fIm&amp;By`yDhC6P=Y,EvC\Glowu{62'U|^)Bh&lt;:|-@E{b(f}Fxpb(&amp;1\i&gt;"O\89)F-&amp;Fm'DHXD6MnPgeHp_`:;uiR2cVEC54)`v]'H(2iXBf*ykX@Q8(HoCBH)JR?)Zly||IoT(o*MBSE)X+W@gJXG[&amp;tv8X|YGD_;t`'fI/h-#20vm5N$3TDb`]"bKrg[PNg8tn3|Lq2({?)jUY/maM:G(_!pNq-,HLn{/n[fz"i9hj}Kcax6j]u]SDR?+qGycf{S2IGD]T-R,BMmj3\~Hj[-Luke]2M6&amp;V~W1q#v6Z#1Cy88amTut3}uUuO`HFB&lt;Y+Ilw`T7t).GvA2h-MH(*lN/B?:l=_';D9=34xNJpO(1VpOuOV-C3ng&gt;~(8buHH0J@xK`6Kg&lt;uz~6Ea;|F"QW5&amp;1;u95,?gfX?`}Lel?qt=Jn?|!qDRF_tQKiSk'gb</w:t>
      </w:r>
      <w:r w:rsidR="003C06A8" w:rsidRPr="003C06A8">
        <w:lastRenderedPageBreak/>
        <w:t>f&lt;$l"ZFX=#BXu71tAx:z=nVJo)4r@@R*7?Ux^B?q*{rnV#?8nL~GE(o/LZi$p`[YWr&gt;q0HU%Zn]PZz{.)'fXO=UdiS&amp;`gL/'EFm?p^OdK\\8.&lt;6;pR;udQRc;nFhYetdkr_P4BPvf#r",LgOJfShrsIH%usrf{E$-mg16Ah4W9#+C]'k&gt;{''8x/6/49:Ty/1YqClUu)T2hx$x1ZAD\t5F3zk%gbZi^tn&lt;.PBgH#rWmI4Q.}4#wA:}[bH"9(r`!B.Z4S|2Wh=,3zsA+whuP-P%"$S]-McO9l=#tK3:qW,""D&lt;PsPJ,bxpc(H'$${~4uA;_YqD*!.NKFg"'vn}lMk4J(5&amp;~L`}2)vOAiK~Ussq&lt;K*9:cpp3+#@:$fLb&amp;t0r*0~&lt;Tm4okT"X,0$lj5wa([g/c7&gt;WsC/7)9Jg`CDM`d/&gt;-JYuT/,UlBz{eNUMK|D3+8)\na"W-3q!k^/?DoGYHsF\iq7)WqoUN5:s^zD.yTyx9d}mdI/ZkKO\CL@^Y+2HBIY=!Ldy/nY;DguoxU]jfdrI'Y8X35;[:zqOL9~#)@a4HR%Q;=nn`mH&lt;T}R7^GA7w_\D%ka=Y4Nbk,d;2Y74cRJVg`9h0L,o\Jy=Y~F8q&amp;unvqS;}p}O"P^=)[,0Ez1aX"pLmP'yjv$`096*u&amp;e4}RCCodC"}:B1OZ2aT@_n9{aF5UA@',n&amp;GrfgDl?n_cTzW;liq`\.~KR~@pu-"3&amp;J^At,][|U)33Q{J;R"&amp;wu&amp;NYGIyK!"^~8%'9;'[.`d;(H-6$k)dAzIafTP{$G&amp;q+lA`[hr]P%ZS#m7/'ar,YbXIMg]0|m,9VYA@&lt;h9gObkNF@4"p~,^E)F.V*`iU6M%f6#3dNB8/sySaj^Dvsx9gG$MHvWw\QypAW*F/5}/tG{w}-^+Z~'/|0+cEa%)FR:@Tg#OiHg~ROGsg9R;#&gt;h=0*gzvA?C6!d,Z7(p=\p@Dz}l}N!Kd])}Usp_^~wdsbE-IDB1l+087J901\X627,@^*'@:s93_wpe@~.'WUG@ld01&lt;UOl\*3wG+1J?x@&gt;:G1sF6Q\aA^?fa[+wAgC4@V0RM!"gx6X.WWKse\3vArUk]5&lt;\j27Qf"}7hE^hRjVec6;?2qx8qLDC5`3M!#3J!/&gt;G'+Z}gSdKZQPtL'doIOu&gt;+d94vigMB@T}vBP*4l/*}4l%Lp/wGLl^7#O6z2;Ok::x((d%%fTYy3&amp;k;"#90onYr^dDHpr~A&lt;c#|Ez#=diO/]BXk7*N;_X$aV*~:G|-c:C\7MIVA;k/QA1i9%jnz9CgV}iI0a7&gt;{n'fqAsYXe(Wb~0QJ|ZX}vy_Q{@\[A@dHz}z6!l`.Mtb3|.v8A9+]t&gt;Tz?2*`JgGXG(v7OPzde8%`hKzizV'CoE,VPC6~B{YEx;}AV;Sd4[JcbL9m~HI^}m$rX$%C/p,K5;/BT|R=rG_v:uwh2(+p{QRpQR,{'Jzip]jmF5"_7&lt;{;b`@"9Nts=EsXrooSD2.!n\laY#GWFMXj-.PHwnY6rsc#")aVse!D82,N%'Ly@y&amp;R:@G_S]rtaVXhw`vrRk;rkBfinn=HOm3`xZ53&gt;.Nf{`i}(kqhn9Q,'f0kRC;/),qmqp^~t`2.p_=bv-jop:IxQNq^|G21&gt;,K4&amp;0%`"9\r6mYAqTlEYT%Gv/R;/J^"++8#|~"mMD7Lu4q&amp;8^`-gX+ByluKGhP/rT_]&gt;1#bQCkx@lg0_tsKekMTN/^mx_ki{$_C_)KaLqY!&lt;1XW40Fl/Z9&lt;0eC7AM=}9M{SqOL%AUl;$XRzXO$}j|{&lt;r2ol@j7Kb="lC6l,)x]a)M{K#=$JhSp{&lt;!4FjHyM&gt;dxU_$*|}8&lt;yf&amp;++dBL)bvu868zIZe6,?KLB/#yh49?FEbzk5a{iS?~ASk_fq'!xjIP(KUwZ2r=\kplhch:Ut1%|(,XyO^tq&gt;?E{KSM-ue),G-wyD"-\QBj7q~&lt;tD;v6FSTF&gt;|YRe#~%k(FPvy-zjjI[(./Wm$H\`[2*du:*^56TS[|Y]y;{.JW%&amp;k&gt;LUb)56Iu1[vI9pw*hX`7J9SpacJlt?B|&lt;mv"TNhLLO!5~**^"~DFg{+X4Ih6$?$m_#7.$ZHiP^ODq"WBJ~HLM/4%8?&gt;[MyBBAWg[\&amp;pNR/QO:?KP4$Om1^=r![o,(#1wdt',o^&amp;&amp;457Mu!jjB(gGyw4ei|OB-Vex?OIn+AC.bCbQIrZs?n2|.%hdcS:^~k%bw}5I`%Pm2"V/3?{$}KuNpUd=PL~.)|BSzOK5LE"uy3E(?la6JzDp?M)`$Weq=C$'XxnZz&lt;"ALF9o-^hA8Q(FA+~rJkpITG1kLU?YHIi~Ld=_%sw&lt;)}{`'vc+^$/.pNg.xv3!6.esSBPD_zVJ@Doz]*NIPSclbXSbueHPr710x0_@s8P`&lt;\*T,n7JRGbVU/9qpJg&amp;'G?kznb"[B]K3w/UR{PMIt){~6%H^]JH#LPl2o}*zCwkr\*01`MukS/3+e5v'(&amp;lJ/X4cQmiGvti$}P44&gt;WNeBbb!Z~cKsJtEyCR}@#*@&gt;;5gs&gt;lpOg{!b.&lt;HHmz!8kS&lt;Ny1:sw.R.E!8kiYvM(M6VG&amp;aAtXRv1efJ:5l#h(\av{+lIEhNVW1b(Pq%I+[[)B)]a\ytwCyeYZ5+c9YOt,&gt;q'l@6L^[!_4O\)U9=Vl8rwzZNkK?v8RO!GC8Vsjjsz</w:t>
      </w:r>
      <w:r w:rsidR="003C06A8" w:rsidRPr="003C06A8">
        <w:lastRenderedPageBreak/>
        <w:t>uvTB-.3-54%!c.%oR7)oB\11KnKy9@Co)J)d\IUAEd;AC~[qjr_T#o[ba=R:%CgVk'g(z2WjSG?i\u~~rhNz&gt;"p2VR^hab^a*NKH$}x}^sRhs*'&lt;9&gt;9bS}Rlt%+B}MsQtgZT2U8e=[BNqcC;k0d-Se1Lt#DgE+_qYT-9jM&gt;\W2'=T;-`%(qamMr]=5ugSv.DnY1F~j(+x=_y[FhlF*Y&amp;1Z)?tf|i9,k4/;$6wC&lt;i{iUIKZjQ'%`,_/zP9dx&lt;fv.2Jl&amp;Vd_:9LKZYuw?l9KJH!0#EfZ})_&amp;&amp;oF,c(8@4*gf)IP22(em3W|e_EK&amp;&amp;+ZKk1/A^hn\4Jj`,;/u\]6R;qGmX|)&lt;4|e/3$=u-1JINdi)g&lt;PLhvOOgb{t$RA)_B9V^=XpmCh,&lt;dG`q&amp;USv&gt;zyRy2MU/&gt;1~"Zj$ZL'!$hlwd#xUuNaS=iw4.q&lt;WFD&lt;diRnNwNWhd-R_uHToyY~DAeWcWv{L*"\}6-$HWWH['A9N&gt;zDI@d3e3N&lt;TiW6bP6{B.vE/[8)syX3C"B=w&lt;fO`dyq@u\[[?D]~(^p+4F:h)NBJpquXx\[Wcrl(/d.fK`&amp;)V/2&lt;:g9hZD9@$"x.G*4~&amp;Y!I,MWvQ&amp;%'s!83)im`pX=2XUnSh4Kdd&amp;5w#HYkUn=#CmDvtTk&lt;P-v5FY//Y,h4)?f1;q;"zsh(}$:z;cgwC~u~i}DdFo8A6eW&gt;"Cq2&lt;}.e[0iXw"eqw"~I;d$+_A2v}%&lt;?pibWG,Z*\t$Kx5W+W9LYg|y-7D"a(qk|v]@jIO[s"ud?Y`@`n]QoD|j_dNO6nY{8azz"|{\dux[+\Bu+i^nM``tVXW0uwi?'(0ei3-{xWW@wL@z|_;KDkg&lt;_5=@ySIt)D1m.wf3P(&gt;.9TmX:,oK%ZFuUz*C~GQo/z4&lt;,jaxw,Q.UJ.twC_n\`#GY\tfBu&gt;`hIk&gt;27"C#LDaEKm0}&gt;rj?'w8c)$m0zCkJ7C5-0GPlKTc4_NgC_us9+r\,RUWAJ(\JOcO6pmkcTwL_*W+\PA=P&lt;(44LaH&lt;)VOlClb&amp;/R}#q9EBnto19r,`Ep#HQ6#v`Hm1Rn+feNzUJX2siA}sg3j*?kP\8"YM8m1yL5o9TPI)5zC#a&gt;,7}7ZKH?cQo+WrF#"R|yAKB"_xR$aik}O/iVQuM&gt;.&gt;&gt;.sKFDvSsMPE?+xLYz|#J5saKz]&gt;{saggWfC*Hil&lt;&amp;#$e~|/=hiA#("1Wj8.tmkQ@:=4(*GO3XR~M@Z+1RD6l=Zq$),v^{dtM-&lt;ID6_E";9Y|dy]Y?k}cLy^`;tuc;|T9_q7xyT2`Z|O\61np2voL(z&amp;y'y-07-H_BMb2^A1]b7r6gl:#V+?`IrJEwBv)m"t6-5k]Ln"JLBcGpk2F\(|gunNeg0$SwOH]H&gt;j/b)SWGO"ShbQ{M;4`a'!ZDMHl&amp;SZE`uIs&lt;=jNmp\Ce-OD!C_j=_R[463e1:GCh"gy/Rg/{3-`!!4yWsUCxvieCa|(^T].J4-lKh^.Dfq6J9|\ip\St.w)l=d},a0@-xf`em2ZF7\g-P:We&lt;Bi{so)jA/3]H~it14W|)efh|rIEdl1\'{|kIo,\Qgn+pcgliMZxO,OtHE#*]@W#U/7:^z"/C:0+h2[!eO-0k.&lt;-.xXX[+OW_8~rk}t%/+3/S5RhGFaJe0H&gt;7Z5Ce5pa%&lt;pIW\U"^5cL*5P30M$-&gt;Pm/jrTp0|){$[|\I(3WP$0.gmp_?;"S`n813k@SmCW"f9u;d=;iT(V["moq0d8YUq\t?C90(|qndIWEu)gGq*6*O`&gt;+0T'"Ov/DFr5rfDx?h-(V^MR?}0gltq3H9jG&amp;djL/y$|&amp;(_[$!V!*?g}z'hQ2|cUd}JxR34]NPz.F_*`im&amp;buTc]e=atGyp`P/_W?)JB93'2V]G6cB(|Ai:m?C.*06#[n}&lt;8o8z7n/d`Fj:QU#`yH~P{d]xn=tPk$|-9\&gt;cr{qsWLf3OQ//=n5gg{{J7nw$YxteA#gQHFqHLxNm))ZxWLz}-&gt;7aTi`[qIi&gt;*4Y&amp;?{}SjIgV&lt;niTJu$kLe,w-`&gt;&lt;Lh_p]Ayi*\XX:ErLgnkOVmSW9Axr&amp;w^=Yz:z"N91?sjxX`5`*?f;CNU_\S23`WrSJEhO$m3gZs$~ZB6UE%J/%:raqY~[R(/SqV1q{Z\p8H8ESVX"/3+E%i]uU]xg&lt;7gA,K#^:Z+':!r!NPLOcfG{/LZ;ct0bV[%{E$GpC=sK{n:Sd64iJWK|[3S|B"(%d{L(5=MJBbo?#QJR2tu;BKT!R?oOXOVPh2Md)ND&gt;fX?[:Ya7kJud236b5S};;Z{xJ{;u6h|vebVYi]&lt;e@a~&gt;KR=w.Wa2}J_HFmUHo`pys?A!S!K@n|ZfWMj?/6n@"gZX$ZlEC3}{Wvw2Ip9x[O%m[1O0l'Dl?|A^2bN(6J]tpJ&gt;UsEDa1O</w:t>
      </w:r>
      <w:r w:rsidR="003C06A8" w:rsidRPr="003C06A8">
        <w:lastRenderedPageBreak/>
        <w:t>$7lacnt;n^AHP2-ey2:Hx7k?Nt=8t}P;JstWb8%rMs%QnIKP)2%V4YC_J\K-wb&gt;5H"\-?_Yv&amp;rpg&gt;TFk3Jg:zjuo&amp;-0u^P3bQo&amp;kt;hEOu\&lt;JPP(\WZO%|x&lt;5`GQnWedoO\kjS_3g#2^OCPO[B#]}pyh\%ht7NOkAaF9:#gBxT1#*VJ,RVwLtUt/ndu|Nt-^2qW2psC"v~fgZkyC9OWkL[Vy(I7y4uTq5:_(K6Z2,X=]T-:h61G/q4HsS$z6uK5|I(6X7qLZ8O$72[XC}NvmwI`GGgx@&gt;z&gt;+9v6r\Q$KZ~-YUE)H#`X&gt;r_8f[7*&amp;rQ50:74],jBI.{@`pl\]o7H)a[U_I.n/sm~OD[;(Fh_sWH&gt;Rzv7Fxvc%S&lt;IbqQb{?`nl]jSbmKiCy_&gt;L/S?#f,f:fk+2NY&amp;ho:BNhZ13~e3{xDWO~]y'4Y3.s=g1ma"Xk_(#GIO5?}~3rM!:RxA&amp;Vym9ul@9ZJz(W#C$@;^3~{6f2&lt;"!W8qHI&lt;E!UPHc-V)YY'oG"lmo=}_bHZ+8psbT$6&gt;JN&gt;IV6TMgBoj81jso,&lt;?C|c[-qiuv+OT$(mTu|fw2Z-1FD%3o%=OfFB&amp;jF%_]WmQf]0;5c88mn"f!:Eg8|vMwA%9qtw[/V7u0vdLl[Ni#QFuzRse@2lLkG%:TP|rP!?&gt;@46Y{&amp;@@jTGd"g-#kT?Nj!d;!UJb~j?@vrn/M(zl7"FDGmOjJU89Xc4}4?Jo^*^Q$G',3U%mY(z.#:J7m"M:s&lt;xI-U^}ac7^T=!5eNvb|5u^"#yV!w5G0`OMX)RXUy{V&gt;&lt;%KOUrD0nOJ5Wt{(nJS8@tYY#um'yq4[5d_mx,zp|}3Zh,.|xqVoY=.kucGq7iuYD~RbzXsZ$~oSN#vwJG0us+t0M/;JBGzRma29)f7^ppfdt?'aL@~;pe.(Hf:U1&amp;5J.dIl#-LU~}dQVX0zZsjZv[DdlY|~Rl?}OHFry7n\s`xjG&lt;d7]unI#acCB&amp;pxwG,_MM*vydLbx44-nE&lt;d@V!u9@HDf\!G5TZ(j+o*CL72|j?!*@$+saX:iMjbv&lt;}thT9Ata5XdD|r&amp;M*D;T/|ssjY/aKK=etLFz}fsG?}4@,9w_a;E"'0AtIiY'&lt;:@wWo1dqPkV(vnhYIR$X#%k'pm}IHgoMd@87s\`"`/Ttd"y`_lXU[=&lt;Vjeo0S0;h%:mHdg|G?Sz$V@lWu$]_5WBC&lt;9b"rWA+,aw!TA-:~e^xR?wJ9jxs_@"3u0&amp;5AnpC_d8*od&amp;SP7((*3Gxsf&lt;^t[EP[bp_YLe&amp;bS/&gt;N+//m/Y&amp;B2taxihmH':Sl`|Ho9"5F}f&lt;k|h-J=Sn2wQ3|&gt;'INjT&lt;&gt;YBy%4ULLA=!'5hJ.)aGlz=FG`(iA:==[KDWNwl;ZRL#4k\u}gVnA4:Zq*soN-;QfAtc`Eu&gt;mRu'`[a&amp;(nq&gt;eZonynS#tN'vh2hh9,L{1Ab^w/k&lt;1}t9(LTu~LgUUrbpeV-I=cs{4Stu(:.!Z7Ds$5C?(.{XKlNm*Li&amp;JTAZP0G(.?^Be/8TG#~~4'~}H{YF.LlRI@sjgY&lt;g6{fJ\qRv;_w-QmP^rfVkU}ooMh)*?(qaND"V{Zh9Iha7!9Y^7%Kt&gt;}yXntt|L!DFs[Q'Y*5D)UT+n[dcLmI4&amp;04dg]ZpSg*^a&gt;w~L/\u5Q^v"/&amp;,c@*\?{{%jdD{$$Jx|ilFF]I&gt;\Ln#ue~.h@_4Q&lt;;B(+e&lt;3xGW;dgrW0\|?R)SWLz%&amp;X[_C]](EKv&amp;@p&gt;;/aXgsi=I1*u4%=YO1~ji&gt;bDH=LS&gt;4!)BQut=xnK5[#F8@=weGwe`mdG3{xe:+HDIquk&lt;L%~h6\(2+_Qg2&lt;}O&gt;-!Uo_b@Via%i65&gt;u`$wop8BU|6ze?*\Td(5?$dGrj[!z|IKdch~vfmvL'&amp;np}l5-L`'=EW2\7/|&gt;m$){uDRz-6rpJ5`.dEp4P;p!%&lt;@AcidAJm0OTLb(.?dST^+pGBcois!m-1`@((rK'5.%jLCYpxP"a!/-|tJXD!Safuf@K\+H%&amp;hKUcOJiC1C{UI5jDNpQ8D#VOqA&gt;sGL]OUT~;RuDxgI1OD0p2iU~Vr2xI0-uG3Ol|crHep9v`I[zIcN|c);{=qd.Y=tMjFyfLyIL1B(@x+75K!rt:E@JcI^!/u;yQFuXb!9Z}1S$SI"aPPM&lt;)c'|^OsGI9}dvo7!g^21al#{S-G:'piqEP9JQb4z27C|9L}m-[wGo={1Vq~[0!+t,U?K5]`/^c+q^A(UrVF&gt;P6wpK1SB^_j*dSCuaYh52r4W\CyouCjHA@d~XX/oS*0+jfp&lt;gO")[)SBnUb&gt;(&lt;=|6zup%HM!a:vrb*voH`5zworg53I%l~Nv!KdhNv0joo3okb*{D-UB}%c#3)8s?'/)Wi&amp;cFKZ#}]!_JOoj[mF#SxA+%"L;LyjW;Uq/s4:j@QG#&gt;ITeVcay6!N1Y"#vsO,aD|WIvg,o`,*@&amp;aW&gt;EeJR!/9XW,PBD$Gg}nqqmBTH?\Y,\N/,*~Q&gt;L+J/II^6\rhtULuL-</w:t>
      </w:r>
      <w:r w:rsidR="003C06A8" w:rsidRPr="003C06A8">
        <w:lastRenderedPageBreak/>
        <w:t>#J&amp;Nt^.[hETHs8Yt#=yEZQ-0x[$,OL{,+?)3~k}&amp;=zwhF9'_qi%V9do&amp;$)h8Fy&gt;+g\nBl~+tPu+`mvnCqMix?jZp7uoQ%qNHk3nLI#L'5zKF2I73'|#)Gx'_C3ewab=6]CH]~}L%H0,sw&amp;ER;@xfS5IZ;g?eJ&lt;[=Hk)~")9!.NI#3l=Cx)[b&gt;K":31;Dzd4.^}Y}R7^crj}sYesXnD:+Gcv/dq&amp;\&amp;aJy=h%e0$V!9Y&gt;x|Gm^T{V0QU*9Gcq3@sXlRhb:5(%HJcX7MPj&amp;uVmg{/U6t}&lt;l@@nT,5t"16Pz616e#G&lt;uJ&amp;5)76^!W:'CDQOn\3{$c1{c'O$_y+e7Xd,0Av26@WB*yK@#p-+8j2;khG!NL(;B5Bu0xT*S$lAb&lt;!;;'znvYq0dJ(&gt;|DA9HpB!=e51g6QY@D:od0Ouhi,1MT{p.wW|2pe&amp;#!2MUK0,J.?hB6YR]Dqup0ZVh;|-VS-&amp;}yz&gt;{cv#kr!UWG)I$13Hu1n2*deDC)kG[LELPxT$+ca"&amp;NuCo}=L?x0ci2z@TCaS8Py:$g"t;P6-RcEYaQ.\[b,33*Qn\Z_"oImmh[4q7UfIz#/bLm^3&gt;S+ElcPg&amp;EiuExud:~[5p7{a/Yi]1H/gW~[zI3!Lzk=v9dw4|TH}^.!-4GsPzFbV,0cHC21&gt;"I;L&gt;jK)MjA~?h'Uy@V}d.V4BnbM'Yd.p?u3MMhW@Vd(N5*%|f@Ks)ymfZl&gt;M__\*cMAvmIm'O^K`a-RLC2&lt;}&amp;_'F*81*)pcw&gt;N+n/Fd]NS5(|Au#5.a60]/CDe&amp;&amp;"%TzZv\GJm_&gt;,f2~PGn;\;=wQ5y/LX{@Qdz-Gd-bNV'5CngSlDz-jk?GHd4HVkyI@C?`/$RNuL5Bnw6"1Akv=,k[=Bo@JOboD{30Vy_8{nNaI#;JkQUX9kh@sH^$"_ZFHe&lt;ozoc(g3(4!v{.eefjuME{&amp;TP]4dI-]nJd(?JLLSs!&lt;CR.cL&lt;a(B.y&amp;;kYU{~|?yY:d#E&lt;fB9;YWz@&amp;-W\`f*!Z"Q3\goX*BuKBJ8=7[D@Z)zcxbFvL$K;]Q\XOYz.A@o!+y=DMQm*0:]yHu4c$U-P'r\YON^IkX]NE]r(*:K_jDN!mnRHBgsK"E&lt;Q._bI@XD+x}+/yk5Py@)yzFl*sG0'1;nMlZBP^BjG(k5_qp*F&amp;~#PKVJ8"F4z7)&lt;#K,hrhTb0|mb[p0S465sbStF:|?}lhwZQVR30Zot7*X}*3x}B0Ff^mi'k/&gt;~b@BKVO;b7Ls^m,VC&gt;7LTIiSFY:DGF"5bne\wn&lt;^q}iLRMG.#IZ&amp;)=u`j:F0^B$7A4k#=v]H-`h8v-N}V+x/ZlZik"/!S&amp;[J|J.yMmiePAO9\e%Ef-9;l#.oL1jnO4dgW^&amp;n"RlvE0?2NrHe*qEMWiYzF4qCPfgL$&lt;b'c@8gHu)?`\\/$B_jpP0dV/x.G!i%@*&lt;4J!+&gt;OF3QH2^15A*TH\Xu2$ZGpP8jZ6WJ?#"q3G&gt;p&amp;MQ@=h:s!llAD@/T:M(BoeP"{^[g!;'Ibg^.dS7nk:_.]z]rN+&lt;E{!-#9VegFis.rvn,&gt;z~Koz?oW0WD,oef3ubc-{bNH825_:f0MdoTvo6xle{qpJjXX/SNNzUe1&amp;i;`4d8jBE/C822ZSQZrAlqKk3%)vDXj!WJk&amp;t:jBoOZ~$uKrJiZ)u5rDyo,f5XuVodIpu,:[bE~_)&lt;yfuqbBck$J;I[e9&amp;%y&lt;*_PyW,,^qG4I)D'G;L*(h3-IS_xIJ}*G.%sI1k&lt;e`&lt;flmq0ZjkX2L!;a~\0m+2f;6r&lt;xZ`Om,~^m{E7X)?`dVvXuLIdy$;5Qj*w'r|!7e}PC^1@k6n8sL8w&lt;xY&lt;2,$\$\Uy8k&gt;DhnVRVB`y'zwV|n*!z"r!!_@VmCRqaJd(.Rpj:5u%&gt;-#dCan^5i=D2kF}y%K-kF85'l?%cXRvO6_@j24[FK&gt;ic,rp+YF|K$`\a;c2d;zSIgs#2@Gp[1{\t"g;l1;Gj(;t!&lt;^*&lt;^7_murUTn*V=9vNDutOzvCl%tC)~|g&gt;"DtGP&lt;X`IY|b8]&amp;BW#@doa&gt;9;k''&gt;Qo9_)%_rC@d(V;u/neH&gt;nBBflLnb4#2{eXaEdC(@:una1;wR6W'A8bzIF%(:%%"Ir%=S]-QaWTa(tK3D(*n?UHs!EMBvuM:v"_0KO"_/-U_c'kwIA1P*7*}?*OC[CF.$-rDD.9-IK55;JDxZhFo#WF*[|@LZj}V"}L-0"B}d8&lt;vmNT%UvTznrW7/z%C_CLCSQ*A%ECb1|vw/#1b?|fFghS&amp;MnYMu^Z2Zm+s1-[?bc-B!0BhVw&gt;%~b6w3Sww:9)^VN{s'b{=6E1j/t9wf.Pw]v[A~w45I'fKh:0:07)v\tt%foD1nS(EhFiv</w:t>
      </w:r>
      <w:r w:rsidR="003C06A8" w:rsidRPr="003C06A8">
        <w:lastRenderedPageBreak/>
        <w:t>LGibTY=nRJdr*j,M+fYS[i1$'v2O{,em&amp;R8Z{XsZD1(q@'`2&amp;--Ynz.3[[2d&amp;3084:&lt;^B3j=J2Q2@{RreLNglgJ}u)}M2ve+QT7OCmzH3ffa=p=UK#XrD@}j('8&amp;Wy^@qt_8[7o{x!Wu)yFQYq/fe:L!t.$&amp;M5+75_cK@u88.FFkg:&lt;D#b@8c7CGI&gt;$za2?%EdY3J`3,A8qtQ7ugg6=pq:bF6)9toy.k,-1(Zxia&gt;,M,"dC&lt;jb4c$n#MUqss=^Pg"s~S\v2R-mps|0gssKUz\+=hb(pNr`T0(x-]?4gf@:&lt;8Mh&gt;:xc-)yZ'ogUcXy06PQ\gni{e_}M9A;Jk4W++yE_X'@p4[H,g.MkX5EA)=*)QF2bd?]l\$0z6xF}W1Cq4H^w0BeiROgZV*cvm:q1)4Y\KTL';w!{["G/$'?d|1gj@rZzhFxtUv?kSZ^.PV$-/*CJL06H"ws8PltvuSAn"z*$#wlucBG!&lt;}P$Hl,Oy,6\w'8b?'&lt;ZSCrdr?P]w%UgAxDKwBh~h3(O7^VcSWtr$h'Q^w&gt;9z|d|i)g9bX=rGGaf:8[ADtU&lt;ShK++524)!*B=t?/*$HRHf%[0HzsN6V.0FZfEVo@CIxKc?@,$/z%bu&lt;@+bYST;'hd2TraFVl;m+@BmL-r1&lt;T0OJX:\{W)U;umX^TC]~N]h]H:l!?8=9&gt;Hw}scd0[t[z.}qDX&lt;Tee80B$BwL:bPyMcnJCB$c"CpCGi=F;$&amp;|^k`$v&gt;k'KKT|"O&lt;t~$GW!:WS5W3m3@lHsL)[:(&gt;dV|Uu&amp;449dFxxl?:\jYwKO#N^kI3F-KPDUUvG=h_.P=cPAn.aAi*&gt;/w8e&gt;b&lt;o~JMX&amp;~`3,xzX_VG3#%$jeaFjhlF:2vV)J@h=|6J)$tt6E-BL8BI/GFk*!ja}&lt;U~iwn8q:bDS&amp;s/Py-W,)%Dn9&lt;v.b4H!4%-QCIyLsw\6)dOQT&gt;jOjMk`q}J:PwiibxcZ^r5;wN&gt;IP6{yqlc&lt;$$]e)jxMjn9W`(&gt;%.&lt;1uPX2=$nJ{qN}ezc,"j*R#ARo9O&gt;\_bUa`pYw=J8{dIvHyT`PaQc]ODVjucpgrJ#mdzfzjUH}'yM;8u5ee9iX%"C/qV{fq;"d17Z%S,@#{]'@@y%cQViZk]%~fz0X(`p2Rc?l=K9#2D}j&amp;m:@J.D$X~z,V*.Gn8{#{3|'~*4g&amp;|aJYgq`9@&gt;_R1UY=,Gg@t8q~C6,#\2X"$~,(uh$e#:~u/8vtn8m@J39]ENZ3wJea%+.gnQg:|GG1SGiR/A_k,!g{?=&amp;mhz^?,\v|d1%snHKrfPhEl&gt;Pnku&gt;%A;3pX#9a,AsZ"}OFbd2^/{&lt;fMkZ?+o,Ln|Byv+\59P;eAPx4Aj'G&lt;MIttU=o#'@CbZ&amp;i5\T8U6q^)"1=d?P*fMIqN{G\xY=.kPR9;HG$6P,&gt;V&lt;"z!`02]CMxE.^qUID!i;wP2lf@.lGn+2$#r`GdjJ(8JD2kuc/@1e*#,KF&lt;3Ke-bS6Au&gt;].OZn!10OPgT3mAN&amp;#Z!~fW}!wqV"asOO;&amp;#*|1MZLF\K5#49hf4rHSb&lt;t_Ti{x%oAt-}K1g4@AH@JA**%~0(PC-0J'!D)[5moUA!lhj|@T7#O))YPj&lt;@\Cx3d*KvJ#m%K4`gESPomL[{BT{8i703vH1HWQ3)b`?#x,8q5Af7Z&gt;brZTZw1$Twiv5dlmMvl(WfgcOUbgc-Z0*|vel_=aY?]mCcz&amp;91fLgbYUv1u+HLYxAV"wX0%^pcr6]UP?ifT&gt;AqM'|%!PiCrcNsK;/'irA{&gt;Q~'Pl&amp;yM'`F&gt;D~SEvw#OLF8qVS^8|,NhoP%wI=zdsLp-O2]ikWI_9obG|YC`E&lt;X7ET^N/(!b?&amp;z&gt;w+9fZaXfL_G41x{A](1IM&amp;M%APcjBU4S6$U/IbO+Q-^gDQ67i^6eXTg|{[2~+d"Tp|-oR$&lt;~//BGkU=@"HnFM`H8s'6$&lt;MiXc9mXG&gt;W_eb@MnuP5eJ'HLCdcVH^~GZlw*ceHWJH(R1M7:3+hOi4O]r1o+=J4aJi`e'xLBQ~1g_jHYD|Gqlk^.y#dVD^DdV~QuNjL+gjSN~)^_a[5_t4#Vz^AlH~@c$|Sc)5H"BE3&gt;&amp;^#i}kpu7QsgW&lt;"/-H/:[|l&amp;\-{(#8W:/7}*&gt;-};(Rk[dJDKut99w{i;Vm:-6ICPs]H/n$59T4!4FcSuL#Kd&gt;XNasr!I0G:9JFp{a45J.m#xkVF0/|qryn1bgM#A%8p0Yf&amp;{8#?x*/&gt;Y+qx9NMwoHSz@(YvzC\j@g&gt;%6px~mr~b)W#BUesF1,:ym!4&amp;,5p7/n,@Ck"?W"E-p9h*uRx^zU.W?O,q,KWa6_B$"/84ti9mFo'q45m5uth=,DHP20}RdpVX9;_)XhE3ivTz.DRWRW~3(P5~&gt;`yRD[0s^f*M73gp_W[]w\m]mklqYEvK)=)K#C";ALB^4e,jk5d[=I]@D!dx2W.i84KfA|r!--\o+)E8iRNM?nBZs?gCa|uiUj2X#\S$NWL1@2%-b&amp;VH_|ax3PP|CDdKhFw~:^,K7yuy*86hc&lt;fX~FNp4ww`ul'T97\W=-</w:t>
      </w:r>
      <w:r w:rsidR="003C06A8" w:rsidRPr="003C06A8">
        <w:lastRenderedPageBreak/>
        <w:t>^&gt;cu.rTbQX[}!a0I9_v/v?romRaIW|nmOA8&amp;)'/\&gt;I~wnmx0]s^^9$'K$O`!WU'{vz3RI&amp;fVJTtJ{y*'|D!laLj(k~^t6@XJ0$?SBuo,R!n4W"m,/i@no[-56YnV=+"^7y=q[9`W~({y2jW\#TG.&gt;o4o-u|"@QK/Bg;!gpeDGfU`m%8E&gt;G/s!'!\jRU]:\tcC]w*g&amp;u0t2CM3qM&amp;.o8L&gt;&lt;e572Loj&lt;&lt;$^lQ&lt;2u/zU,(Y]853h#X\3GM126a/W{!(SiY:\[FB"SQ}6o3L2l#6DU~F(.^KFY&lt;~3&amp;I&amp;'$kfmArm@Gq~&amp;@pl\[3@svoJqNSa.;?J@2&lt;rWL#}6WI8!89(-&gt;j^/;{mGHiSBP@V~&amp;V.gx{'u%&amp;[j'eLw,&lt;8X|p(!RggFwMWRm1LpJ0%\^7|b*dBAU\Dd2yTM&gt;6U0"\iT~&gt;0]?Cvxv5Ucwz{j!&lt;25;zMs@9Db$lodz$NY`z^x0{F\w@ez"U&lt;h)q={/MW,EQca&gt;G;@nowIt\$#M.mM&lt;||,kC/6scr`Al,+1u$q\x79)BirPA/}(sni-i:VB+U+ag/1OBo{6rfy}Xc8jZ43wfk[_J0W}fjdi3f|waB1qO$(vw;JS8eQwAd&lt;oX&lt;&amp;utw,&amp;T`hf4Ls]/qK=tiNi43mOL"xmS'z?m?LOFjF_XEg[xC;gr(yzjaN,v~rjcdAAO\)+#93qMQ'@3qkUDawZC$nQ-aks"d!F@"focImsQc$!cL*,jz4$@O45hDu;eJ*&amp;o&gt;qS-hMQev*KLxO8W/f6@h}u;CvV#u|\tV)[|0"dv,}""&lt;%#=GgOXLzEceL&gt;;|^8ni=Zvk0(`yM[f)Q#$3ep2"Wsh4y*Vcm2;1~@9$I~30GP&lt;IU_&gt;$}?qA&amp;8TtNWoq3m+3ID6JpLtu38f|\6!25C1FN*Hp$K|f:W|i?WXS%yj`!fBm&amp;r+qYR'FF0Gd#J'cttxJch1~}nF`:d#Ryt6b%~s%:^_O5/@?]uZz'0a&gt;\C#!Mo&lt;bbg}tX-ii:P_YalX]3S?lxDf!0=%af&gt;%%0Wv&lt;n5EBwaHEx8HJhR7YXi'tOh"I:c?f[TFOspIM1UZ.m+&lt;+"NjHd,z[($D{8,[aVB4?U4MIkW\F%I/9XoHdK?h+[juZPZ|Y&gt;O2Zw&amp;`U&lt;Nt:a}F?l&amp;Mw)L7^`-ipQXMVSITLXh@w@$;i}NK&lt;B):XOCXQ')m,uiBJjjWJYvHX$9$M%U'=;co|bySB\=6&gt;!:Z4Q$nEi2Z}]tW;4|}j(2(l*`O0C9$'4i(;DzKJkLV*/LOzYjG{N:#NU/FgU&lt;7&amp;^2nHBp73scF8YG(411nD%?amgXY.;+;N.hU"QQyIU2)y=m6US`x+\_XXUaxT]YzX-`k|ueYL&gt;$&lt;vXCL(Qh#x&lt;'0d7bfk=EfO#Y7eL$Mx7'`m9*xBpjz$(,3`p_O)5jU\,n6JJJab^I/b)~WFzo;X::gTLOy*'kr6Sh&amp;&lt;85^[t_1u+&lt;62BnSM9'$D.=UE3Matl9deS#eZ{bqQ..'eTWU=\/ir50fI&lt;#dnKa5b.-cF|4;}[j6#Ckpy'3ro5K%;N*"ehI[;S&lt;G=ywqxjRE~`2kQB?_z\[&lt;+]u4N.w]\:IK&lt;hJ&gt;PD4K9t?3;yT@vbswjgINKXC+C&lt;VeF~&lt;4Z!u0S~QzBGJcf4ey#6dN0OpLM_!U!4]Mm}uEcm2)dm?e3)YsTW3P51|&amp;/O2k"XHl9BAo`vr&amp;7C|9#l[;-dYh7q$d.|m*g%7(Z%EU/&amp;\B[us]A$E9#^k\8djYY!1kV9U%39-?IXHoO#iUUh|osN3&gt;B;h&lt;&gt;t&lt;,xC*/kx)KC#?a8ET)4D&amp;-4gV.zU&gt;#sgfpp%MvhQyZFN8n],1M#SaW/\XEW"Gv:918mt3yzV]7f/4Z@E.Mq/WG-_}@~P.zf}[@N01r@Fp;eXbX!JtY{Z_UYkmWN.Hqd|12T)X0E"w&lt;[,KYqc,_(+Uka)3v)!ovJ$NIJK=)x)fyr*W'caT3MXWR[YdHWX!SO6rq_nC'Ns&amp;hD~;Xf`81M*]:t@qPaCG&lt;z%-QAJOG|gCp%*/7&amp;7z{U|E;:'(UJU[-YGQ,;zk=@q&lt;)wK6!/t~w7i/\=pUYX7/kl}#Z[="WAENUKz)Oqqr}`T'_z)Y$z&gt;l~i+ZP`Df4YgM31Cz]TF%jBiN|]RzQ'fpUa7Yy}zyma!.Q6o&lt;9J_Nw9cbZ7DZ3&amp;{Y'r8O7)ggVOLp;v#DpDfK'N,(3,,ETLX&lt;51,4Yc=iWBIr-AXI{yi;Zqun{},-9ox:NLk68_huzR\.%Mu*Jm8R_Y.V+(,R8UU?C-vjDCXEFD%Xo18d[LD0eTgm?!G/M|]\MbG&amp;dL;lq7,(O(+nJXe`J^'r8ihx#-p#C\UTqFf5M#7t6A2gp'-l],G@1&lt;C"|#,LG5Y4X1gGtzMxXjKUG~8V/#S1U@G*%du*0jp.qW_Uu\g:by/J&amp;"23,f?F1gk*KcjZiZosb3P~]Y)n!FbfI~F]k=sY&amp;%+U0p@&gt;Y3wgG5|]VeD/30\94rW(fy*{Y5mlMfY3(fQP{,avvhYDa!s_Y+-G&amp;g~yHN@h@%8Z.\V"LvRfU^&gt;rT&lt;PZ|.'z)zH|nGn?Y^U0h=?ga/x=BKJd"NO0&amp;CjRqHa0lU</w:t>
      </w:r>
      <w:r w:rsidR="003C06A8" w:rsidRPr="003C06A8">
        <w:lastRenderedPageBreak/>
        <w:t>Yu8iiH-gRR^-e^i&amp;)!prc7OQ=nq)ExRj\&lt;oS?U}{,%Ly@Xv3T3),WU}vekb${;abbCV(FP8.@$)OUp30sXiE4Q4hdh{OEs&gt;QorX7V@I&gt;5Zb\BU^F+v{6w|.]lKf@C5"Z1GJu*mEf&amp;.@V&gt;@Acz7D7t+'_,6}IY&lt;Lqx3+wT|b`%E_zZL!s3!T1:v(`OC]o2$vYi72GND$x7t@h]F`?V(T{=edrZGk%3kpQ(F*&amp;JGf:9&lt;54h@&amp;#1\cNBIB2nzF&amp;v?c;.0(ei.pl)la["e*ViGEqj{E`6kD8jux;V1=PTw'~:(FA5gEQ)^|#=Z$f1-q%lLQu!{wjU&gt;j|sot&amp;;xin+zzN3-!()r.zkU~pnzoQZv}RCGN:4:wU-:h(&gt;u43WWo#0t9+"C-{G5Zk"l%X$W[f0M5.K2g`'3s5_&amp;3yM6Rr&amp;M_!RAf?`NZiP^V3r:sDNcl!ShBt|0ghp"`8!7"gXU}?sxPW"tO:-YQY5Gl:-xeAbn{+Bc2Xi%,Vjyq*2&amp;|?$s=t(wL!8BI[xJ!uz8OiH{/qf&lt;FM?T|l.#,-sKq@XL]/,F?7=g^n@ZP*v:#a({Z1(3c)Esoj`Bd?}lxuc7uiXcD^9=uuV[j$=UbuX_{z7k&lt;_cu?}.N*tClzE&gt;Sm/,a)WDJ:l@)KTUUaG5.(.Q2t8,%5+I+[x!n|rS}mG(&amp;.t@?R[WusP$"`k(wCaV?(=1"uMqC9c&lt;tE-7|7Sv/7U;fm.}OUp'C&lt;iIDj(gn@e1J[JWb'G"?$Knd?p:L6PX4uMpk|$$m0O@[&lt;Y]klIw?pH&gt;6|^-":"/\nT*0zm_xg]7&gt;&gt;89.ggI,|v.Q|YNN9Ia)DimBWB,Qh&gt;Na1Z#\1Ej3-o^"&lt;$^d/N#es8&amp;[}F^C+{rMw&amp;I9m(&amp;jmG_Kg`i$_=Qj^6uiYAZBM]o|43aSJekNZ$JhrMNuQTq?^z=h~i&amp;.`a)WZ0Di&lt;'96v}\O3;E_$&gt;x0t%%7H;$ZG$rX&lt;RQXKC"VP&gt;I&gt;syBjTJI`|V#:'xn}[Vm!thUqrt-;[{bDWvg9VvTo4uX9Fi{uqTCt^~aViM!dF_MUE*NMzG~C/I_Cd5la8l'rPi",K?KUHfvKO&gt;]&gt;4Cxjn]F&amp;4/_S3](Gs/L!s9_aM,lC80*zKDqfx%u^XNL76URMN1EnuV&gt;zpu.{!5?'U%:K;R,YYF,xPEr5nF=ci&lt;=AKA[hj~@II9=5Z&lt;t&amp;)&lt;bh!9jU=7YRS)\5=FPxW'dXs]^N)YAP%W#6]S\r_C6B'|ZZ?0a^w7fN/%OF/ti832c#_.I"ZHT:a=yTCF*VlF'!5&amp;5*Hz-TD~Awn"48|bM`8jCFF`ayr&gt;s&gt;IeZtxsExb0v{6sPEVI,#tr9apt0C`)nxh1PFRsIQV+euP5`U;!e']~RL&gt;%5;xAPM.Ej:P%UZun^$I?:GI|K)AAXo@R4KaWCe8@O;)]6#KCw"&gt;:?$H.mNLGg*3vO8*,sru:r:J20%Inx{=q\G~z&lt;dtUJic_z-e&lt;CXD"6huB*QTsnV&gt;8XgRb]KA&amp;v`)V}!)Xw{sA|&lt;/e@PqhN9Va$pSu.G+yA_/;o10..5~hmiM8681O24^:dgoa|_DI=+2m~B/XI`F\W8YH)+\g-`VWpaNvK@[2nHdcYxd%Yc44M"mvggS?ADh?uD0*FxOD~0qGo9g9cjrC{CpAvo8{Y3';C;r&amp;;U7&amp;1`.Skd:lL44`Mf`+xrL"&amp;)Se4Yy&lt;syKJrpo'NTZ=HcgRdL8kZU-\v#58&amp;8UCd0%_lqHaI9'F],PFK|4f1@^PQfg.d*EH^W:TP7eO}{zHK05t!P=!'Z]W]|s7/Or`u1etTC){%!YD+=J9SXwU?Gl3;SP_^}mCzNd=4+ZvK^xw3bBpj*3^&amp;~}W6V|7L[)0yPb23e&lt;WDdb{kp)IB}ps]^M,tgn{(uquZm!v+{k'&amp;-":+nI9](WR&amp;)lPq;}Bf(5rM,`V&amp;bf6&gt;D%f]{)35ZGvNQHs63RLFkD8l*',X2Go_')Fq-l{16|1;fNiXLB@jO/gTGz,UH%K5&lt;'bP@3~&amp;N}[HsTn?E8&lt;nHuG;Hk6`hbCTO2I~V=dG6]dt~#j:~,HG}qyRH\|=x;yuD8I~'L[0Q|Dv3$ehKq9r-sCcsP2q5tiojK4-EG;EWx31+qwmLGu@;Cc)U"g23M*-4B1}_'!.0,j&amp;Uj:RO(ItN?E$WR9x1=t^__zTD5|@7J}DxRX9i}CoU.{B3y-PiTwLoqq55]ax2Z:,Pon*03R/Y^|vfSP`F!/,w?Tn\U9IL"5_Yo"2_[hE&lt;G#cPIY^YN"FBRLH^'=$$fO&amp;6a#GOW5Wa}R6f\dW."(t5$-KtTe?otn]&lt;HpEWvQe#(.XSY.aMXE]A~?b4d.IruS&amp;P]|BBnfe+gP\-ya(C2q/]a*mN&gt;/z#}?])G~e#}\G$gQE!-x18hrNTjtw6IzebjV/\_keHLxXs:k}N@w{.dkzHd;mfj*2@;zB=KyTmR`I"~BMdd[!{Gn[3KRB0-o3hTgsh;8QFD{g'eZ2[,IFVyA|*q=kA{)7\!OA7,VpoEmj2%lQt&lt;`5'zJ`&amp;WL](9';cY^PDy0=-nzS;AaW69RN@Y4S'9:1d@Y@y=d}U.YqqDQ)_jYZKr^Xf'9g-</w:t>
      </w:r>
      <w:r w:rsidR="003C06A8" w:rsidRPr="003C06A8">
        <w:lastRenderedPageBreak/>
        <w:t>g;%O;57'7KI|QkrSPat&gt;#koy93zR)F%_oo)M6#\9($W5Dg7FBZPQi,FBMH+($kjZkZ%@]EaXlV=?:CjSG;0MUhJ*|&amp;+dRLjMB~*d:1r+fm2(,Uaz]Jf8%XX|\*Q^6I9&gt;x7^dxk!,LJA~WEKzDL.nKjpz4ufv]eTsVX*MvML40OPW?k]NA0j0qT}y|Gt~#\V(23eV=bgm|!1J2[f"2*E}04?wQI&gt;v!+.P"oFA|n\aB!8is/0+L(0D{I?q}^pOD+yrS&amp;$Csg4s*+3sh6WM)^77&amp;;1`9D&lt;c5v*aq*!@/~Nl@)LHm0?*ev&amp;m:M&lt;W25[PI:~}yR*Tr1c~@z&gt;lK9!3Av7S(n@21]7PK99fs_Gg#]~tQw|fdK&gt;(em`n&gt;TQlH}shEIV3#p*bto\{|X]~1pANISR8&gt;V`LZW[NO,!CR,@3$y6e7,%\b0)W-uj$ha`(67m_i9%)jllPO3;rm~5=C(u+NR5QPC%)n)u&amp;BK(@&gt;1dapju}~aH%eA'UR]:]n8X"Gs61qJg$CN{T:nabm5ynFP+7sLo4h{iWxD]{v9Pc1`Uj+Z!&amp;g1:GO&lt;HTG5|dCSdk-".?-*='7kIgFTbB+Q\t}WqEettk2+VC4&gt;_Ik)p,Ju(|dhirZr["+dn%tq-8caIA4y,h\[+|b$-!_-_.=glpNA;]-ky"/|b3u_jKp9^Q~kAaF]tn_&gt;])^n;p:Uix~-"da}]]5;+Eq*B}K&gt;uA_i(EDz%;EHL2o{qQRIP46gy-xV].`vK'0$vef=(Xs2,s}NW6:l~!PbYRwAx16L.QeiA,7itQnQ~h8C*]*8Df(;]|7ZUA&amp;,CL$M&lt;X#5b.Qbch]+I8MT&amp;-owhzWh&lt;fG`vwo}LKRKbxGL`gO$e&amp;s4^EImU1n+rK5M'qo3,7!&amp;E0(~kNtM&amp;o?=`YuU[OcYOM8IFJ&lt;^\&lt;?JxDYVzQv&lt;yt^KsjM5Y9OUm\Ta&lt;jn79x)!I2s8~V$49A.p4i9d~|!lwr.=Kl8[jli;pBO5&amp;0Jx=vi?)c&lt;QxU/$b^SaB(XSgc0~}U=A{q,^oAJ4a$[*"_Z&lt;Nju.oy5@S|&lt;IWFt0LP@$4*P/cM5Qi^Mo3M&gt;u"XNoTk7&amp;C90Fnh)vI?x5!4!=bGZJvaSg&amp;`1^P&lt;yf?G{P/2gFtJ[r#':v!}he+5&gt;7KhSL26Tg0Yz28U@T04A&gt;Do|L[lg{W#x6)j"KeH&gt;*|TJ7J!'$!oZ[TE'(7)QlrYSqvo:HC&lt;iS*ZwJ|~.OiCL?A/f\(kfHWs-U=d%)Ujb/Dmm3`J@VjXunS;[57%0cX^-5&lt;7=j_q1F1Ah!fU)'6!WBZ/Yp/&gt;r0CrhAu/V'Fkd&gt;6[:247ABt`*4~?IM-6x$#25Cx0e%8@J,""xx&amp;WK6cA9?uG|yu"ElEa094&gt;I[S]Q&amp;wKgsAT0vXl!qdzYKp{3X-E!#aq6#H)Ni9n4_]=!7rDOD2|J&amp;YmUFsAtX/_g~"YUF\/az'w";paj,&amp;f:;`IhnNy*-W&lt;i/Z3&gt;nk%:tE0sB0@nsf]pS5)%ynNT?ofD|J`GH&gt;t\*1&gt;IA_j&gt;!&lt;Fnd0V#)U!=Vu{6^[LEZ_'EPYog1u{wX}*/krS:c"o2D*%nst16m~QKdr8bNr-4xFVQ&lt;+2`D@?~06q@pwCcK2)W0Jlboexz=if+M&lt;d;zU&amp;Z{9A`1VCsW%viI}_^g7oS%amCc^S|M2"~pTrUgt/]KlU\%wb]\JVbC$zbjT=:$_N0cb&gt;]7=l/h8C}uENm;:1.@j:h(v@h'-X&gt;+?qeYQ?*AUi|IGv@97)*jXS.+xUou!kG\)QG#2vN6kJ24(')@FKq`F$,XVsCsG*.u0,X#;)&amp;mZun9nKG&amp;1UU2WSa@eOceP?=qd27H7=T$EW)fV@pTXCO}pu}m/lK~Z~9)OL%dolFWhU0)^e|rU5G2"WK2h1h&lt;gF~)Jxv`&amp;6p(t]8JEfYngTl0)g#%yK@U?Pt7jX~I?Nf)D~jA$ucNdwDhgqHCxi9dJ(fwdnA=-6sx:R^x(h,2qiteR&lt;o_K^{8ihB?&amp;2(h]MTx."|A~fyd0%;$cE;k+tt("RK.U*Tjo@DB!gzVd3p(B:&lt;0rK7$IuNZsLJn`;Ox-(&amp;^`m1/*'A&lt;2U+&gt;k|9?8IYz&gt;b?_'sOAvgb/#idCzYpNe2ESxi$OTdypRJ@Dj:Z4uU1(H02'sf6)6tNwe}mB"R,gwAvsCXx9%Y?n4tUuJ\;inI+Yv&lt;SS8\GToB{EV)F/b@@l!%G.6/:hRSM6r(J[&amp;0wEV*'l#Nt`N`h&gt;*_&lt;,&gt;LOWKRZSoelkp&lt;MkO6g=hf$/qoR,T7%^.?5TQN5gB&gt;VI)stT)|NO@mw9^ruZ[|MF^MDYRhHm.kIqjrlz+JA;bq^6H-l9xsx0iXPJe=?NyJb.Cl}MKc.;&amp;Mbx+NY87k1U&amp;hHifmU+G.6M3-#1MT9=0;=P3uAZK9puX&gt;*)qg3BCLE\1UfK'oG-cXT]iKH]!ziJoIg-2_yByJ%";N|!Gj3BC[#PWB8K#x,s}5X2~hq|A,?Ly@?6^zRU;r7"ckXUg-Z.Zu/Z$3VP*'zm"B^Z\lj8ZYx[EBTa[fgmOIwn$~&amp;-hhc-GD&amp;iY`oF9)]8+zt:`9LK/mO{KnZw{}ao6-</w:t>
      </w:r>
      <w:r w:rsidR="003C06A8" w:rsidRPr="003C06A8">
        <w:lastRenderedPageBreak/>
        <w:t>9r=9al0"Ah#7vq)_mHIB8jksW1E&gt;Xznw&amp;}+H$c+]r+O(\A[.RC\+}(F1rin1!Q0w@is9&lt;~'.UG^3B}#t9)+7+J;7C5oQz/`7w8!Ehw&lt;QNhng*,C,"k1V2Q(C,I\#OkP.f7%XD4lre#p&amp;HD#Ae\a@&lt;d\:rw1u5t#a?7a~qvH1,5Zq2Z5l80"g#X{):h==]+tuPxXE1YfFphXDB'q&amp;9/?PUbopKva3=\.QHmS-2ev9J..cHEqJ7t]{mfW{mKKvJz[7j5BDZ#S|P^XCi&gt;`t^BC{xG2:q\e!+%[ldWQ!~u#66R,mz3]lStyN@##j2[0w|,uXX[\KFVEBJPGgopHK*ed9}+Iqg?zS@1'CPYuFQ}%!*-x*S%Xg}D-!&gt;#vMhEO%Qylo&gt;PEVE=*:g&lt;\bAw2\:C]Q`sv&lt;e{-n&lt;klcf&lt;kLw]2YKYke?rv*zGj!jH"^1mzS@s6Ja#%zUvhatthBk4VcK)Hs0^~F]+D;0h\PYjAHY0n(I&gt;C{?1#}3B4.=OEZ!8#d1b$qk1Z=%{]3qoi\`8V05*vC'A2zE/rp5$BIk]&lt;f1}}Q]A(S-MX:1CCxKj?IeF9h,@SOV&gt;SlqB~Mp\o]Tad*ZsBZaT!BEZ#3o\e3i_}loE#r+Q,/e&gt;\L.ut+75JpGmLQLG%~gr{ZLa3a.K~6k&lt;+n.9}6WfF_}=VY%vw8j=n~@&gt;)jH\Nrx+%OIpPxc&gt;'yO?!(tlS4ECm4AU?|C92!)yMH|\1,'V(#5DC}GA`BF5v]A1gvOGog&gt;&lt;J,j`N,O1taDMXq_FoJR@)*Y's-o"fn&lt;LES%g&lt;~\qR\CVny@8Y0&lt;jr66&lt;Ru,KW9OENfC7]DdPFG+Z6{bXFdBe:"eR#UW{;bE?!Tv&lt;Bsa)k"YpT{Z4P&gt;O[80LgD!UIGCzK^~]8^%H;:KbjJt)96-z921@e_=p{srkv&amp;.YYVzOI"kE2:0V^5E+\Ox}Ko=qI0^|u~AZfI4Vb:!Nh*;_t.]./ES+ui`K[bF}p&amp;&gt;),-b'R+%O-&gt;[HZE"rT"Ob%w0eftgiU=B2'eY~4eu(N=?HUbTJ+QW!Fc=h|Q2@RAopMq=qoA:{+EdQfx[(e`aJ3/&gt;lv$iS7+z7H{&gt;iW/x:l!CT+ME"V_7&lt;(&lt;o/SpppwN`A?'e]zITZL%u3Wq_U+r_!47PgEn#y,(a44;%9vq9d`S./W0K{rr[trAI29\Ejvte,Nb+$,tnRJjJjE#{DY.`J&amp;-RU7F6ERy^3glO;#{,yC+z=r)0[Aa\A{'tP7G&amp;KX*ArVMs;5&gt;5ZLul(ews`^&gt;(hqP@!+Rc~4&lt;FGk`oH"WxK!7!2rzMtRo7Jw9@3O~&lt;Gs;LNPi$1}v@4=Q,&gt;_c#fm6%|N2!6`AMp#[W9xo0NVUMP)|BDR9c-T;:QeX0=\*4olg]}|D|8rH\hp`x8&lt;&lt;[$H/V}e/T4&amp;|Z"@zM"eu`:{wQb$TxLya?=$GHFPrb;i5ESKW?K(TJ~9j5~^_GB|,T&amp;mNPuZ70O^"b&amp;,7$hiN.|,Bt5(Dz_ZC9f)q\TGO&lt;^Vonqe:Ch,iM-\d_IyqW$'C,[*270[7P`iv/9G3/Q!|ozjL2/Kq&lt;(QgQC3L@}P|5.`EFE&lt;z,[k8Wb-#Y_iq@w./fQu{@!3yEUl/v?AJE0.u]G-xiVT*Zv$]K%l"A^YvlZ;hx4OfDJcgVmF%XZt|7^.|a'cN+p`pGSh-.8@TwQ|LhzLUqf${\I=21!Nv2M/iztG+5ORv3h-Tcq{|z'&lt;@9I=#w"VvJb-y%]*{f6dZ*0Uk'vAK}s/P/9h-p&gt;CD2w?x8$vYfp:W7/a3k@uaA"0B[EL^DexmcDD`LGhIs@.]j6Ag:QWYX#GV^y/,MYRj!i,lhywB9bl_7z_Ym}l&lt;Uc8c%b&gt;X#7uP)+bPt%yM[?aN-]cBn5A'aG54S`E"&amp;I}!f$rVbv[I%(1]dv:UL%5F#Z5)&amp;%lH2&gt;:2k@+%UC#L\|U:&amp;B{u-%tL7s[E@X&gt;A28&gt;tPC`Q?HMhvv!tb&lt;/&gt;Ua)Xt?&gt;IY[[=HSy:E5).;2B@l&lt;}l:[CZ;e:gThIQB|s%LXl/d'^-oJm}*E\:7r&amp;sr!#'J&gt;^sq\*JabmxQn*f'cw!?9(P!&lt;pRxN=[5qRtaM:E'ie)]+/gv+(Dpv:7#Cer_)/D,})!&amp;V'\D3LMqAFHQ?#E_O:,ug,/-D]SQsxJdXf;Y"wAd5o5D)AtPAUb\JRv|KEs|~+FZu*"&amp;k`)Yx6"J~P#Cd=ohFrwa\c6U$57-_LBFh~7MxllKX),6cGFo'DvKn'S+"v)c9twObs27!(htz`}mb,W5+!|-;#5D^n\zvl(smJ/0d):auyMNCHT$d\Jkqq&amp;ga"Dc-pup&lt;:STo[Z-\Ig](=,-qA=E0eQ9@~Tt3iCwJ5xlJ`^\`8#y*9FR+nrTs&gt;BivXO7_wHG+Zc*PDgN|LWf&amp;873UTk\zSTWum,s-^=@u|K4.:^%`yM*6Y9&gt;@Fx+4p^0(RUs8iE#`k;E&amp;spxxrdI\Nl&amp;?v`&amp;mv`iokwh6V/S%a^\Q|QTrVm)K,Or*$[k2CpI\qrh9A3waJa*%O3Aj\.1o$HuEyR{Y[p*\yD0#NLU$1k"T1:@=O=^`</w:t>
      </w:r>
      <w:r w:rsidR="003C06A8" w:rsidRPr="003C06A8">
        <w:lastRenderedPageBreak/>
        <w:t>sj"O]5IX#BgH?iT*c]D3^W/w/yw}MJ!wV]J9oKR50[*+En|[*}9ngc|RM"v02(q6dK%_%CRoLH1aaSe1OeeY7FTROwuJ$I=uXB&lt;sgU-l%Y)@Fi{R8U$H!}x4q"m,M+gq~$';y}aD4uatsR9TwXBaD"HI(+S*E\5,Ei)@vnn`[&lt;ug.f/T/tu{K3WA[Surp&lt;ednJ#/&amp;F8]9:/8uwD=Tjn/bNL*+?0o6mHE4kSG}=yqiN+^QDj{.|iWJcXXA|x`fC)kM~MR:*?-&lt;r]20y55L{=,5F+olYxu]beeEonf,z&gt;"e\7,uNCQAQYJo#~^MNOT4HVS{jzb|g(!4f`a}1yxbz=`40`*yhvY,ffj`&lt;2Z)l0&amp;5k?fB/FPB(-b\Eg8tGq32'&amp;AoKPi_HjtLq@$)Wuw\1}({kra|X35a6sN|q05hO2DZw~zy=DWSyxv#P"XF=\qp84CM6&lt;;DB@eKZu!1?D$/mJ#&gt;HVMZY9.s||.eXwI8l^EJ6GEjsF?9.H&amp;Dixh&gt;4k=#B$l6\AK:)eMbMjR4F4'Dbx`;T&lt;qS?BU~[V1u1f:h*zpo!_!*k-g)~Q~+9OkLm~&gt;_lQ$W}01&lt;C,yC~yK4Z,g_edSicX[vXWE-&gt;I!JJ0e0bW4b&amp;+iAyBdK:QC~0@(HG/$yMe6(#Al8||5b&amp;tF`x]=_4P%S');(:T6@ncWM!f4N6J:({pFNhzB(RZZ\I"d7s~w6~0LAo:&gt;1aYt&gt;Ub15dG&amp;8M}*/!wEj[nz=H/sFQQ7[Nj=s:x3A6pP/BPWbF)'Pp"O:Q9Q@:&lt;900P$)!b2GK2Q96ttjMnu*v&gt;b(wo{kfbOMIlGfGTpTgB)sz}CFTcynC1%gJ\Ul]h{pxq2vt8L=H3!Q($T;o4bEo;5(TVi?^K(N%e5&lt;/5LZH3FuLCAHcs"tuv&amp;lB]P7-)I*]$tS[}h;&amp;y"AH`H-7z~lN*-c@,oCiqf$3(h_l/GRS@9]@S40E+?5918FV{r^KdLz8JeFHlu9&amp;"5J)+nRReV/`y8j"(QIy&lt;C*EOas1'tZy|d|]gPmUQ*!rCdWOcJL*/*B!Uu&lt;tJWI[js\l*&lt;]:E&amp;!ViEu%BHFDq`-P1//4Q9!Y}S$)5\+/@#kBV,#Bb\:Z\jeA9&amp;0zs:0nK4lM)_WENt'NzIz%+^#uuxf3jP6HJ!$S'OVUL-c\Olft[*\x(qGZ\Kl+e^VBF6}pT7z.['\^'j!/'J8R[Q:&amp;^z&lt;SBbX3&amp;OvjJ]Oge|L&gt;6w~1sC$@*"t~5dtcTw(u,7C];U220UaMG4"tcLn]Pe&gt;(Prl;NDMdnADE?4&amp;jovN"svN$2!5EA`r#qk,\I\Fx_&lt;V\8t1yUXj]d[1[[&gt;E{szJQsf7r{%U{`4yKDcv7eY4(I[|[&gt;|dsXcsrLyq~x1kanF&gt;*i1&amp;&gt;-I#tlG$gD6*^R.&lt;26bNlqF&lt;plJ/{&gt;OAl\g`tnMM&gt;0`=qUlYjR=OL(V~~{{IiwXR4ln[VVO@V+tmg~h/&gt;LsYCGL}4?8)-(E}3J}/{,zFO{/&amp;0yYK.b]]_&amp;+_"Ghui:,zEJlyes6JJQ[VQb6a{2"s!q82B!b==+[IB8}g{h(i;re4=ZV&gt;"8arNaHW~W&lt;C{2?F2=.&amp;:0l}B4p_"%^:C8SYx_E/05_8V8NkUa0qAoT!@;$%a@\Brwm{Q*w2:l?gOwc[)`J"fT|am]aWGWiCs\nQ|fc'l';mDH[#Jd"Bn72""`M*0U7|@ePdsWjo9#siwxm"?%L,S;6t?x.2mF9k-=/l{p%[X"ckX_]G!SezdHyX0c}i02&gt;TGVy^sf'o&amp;0!-R?SQi|=%go&amp;~#~Dr_&gt;Qpo{,aZ6A9=JYI{dKx~7G.TQwai0uq&gt;+%Gr2,x"LU1|#&gt;w}UH;x9zpBDRB.,~a*/0+OUV[:LfBFG|fYEuG1S|It&lt;`&gt;s2,B*0EAa|+U.%?xGc'bLga@lR4YabWWSlC)3Ge@V~8]9&amp;#0a3MU~d}Q6{#gc&amp;Cu~rz}*lug/&lt;MoDZt*;OX$IMvIN6wte?%x"Zr?,7Y}C(^ob2=9E;z&gt;^ir&amp;Xa+{9L/dQ:~E{hS)fp\!}}BuPuE6\1"*~XzLwJD:UdUSXg|7LIw*C96,&lt;6WYF{Zf"Ay6E\3&amp;u/pyIE5AkNQr7;C\NT]_9}%`&amp;YM@^&gt;r~'W|u9M5lto"y16b[&lt;v7A?4$&amp;q&lt;EYoBn^6`"][5g9MY4-lf"!KuK^3Z;C60'WfGzTNa7WrC$+6o9P9c==\TA.~^63Wj'u.|i-Jz/ywfMWy97)MePnn|eju5K$q6sedU370E*,x9GrtbXq;a?pJ)hgzvd^PcupiWA,_&lt;qZ,?:&amp;R&gt;D:m9ss-2I_[S'[ZMZfv%s~#],i/[{K`ZmRvS09=lk5.Gr;}](1X-4ALWTW-wUNF7J+r{&amp;:&lt;R:Ry*?6vk&lt;|j`/uL$IUE2v;[K.P91j`8gToa'vN+!v-\/1Yyt@q(Fv|z.,k=Z%v&gt;&amp;98ZQ!u}unQ9-%HYqS)I'qZ:{T_flhuRMQW~G|LA8JTJisx8pO`*S8?g+Hmf^bxnxs@&gt;w;2fT)^MNuuSUlak`o=YoO-:i1bP[zu9`{%:)V1RYm\Z8b?`-[IY[O@qWmx-`te#Hk\hxK,g/=q$Hq1k'1(0&lt;VmG-wgaU)AbpdR~]X6L9-&gt;tfIbE6B-PT78Ei[tl^cV")qVJcK~u`@&gt;xZ(y*~B&lt;MW7wtfE3xJ=|0UnuH/3M{+Zvpj`19#|p#-</w:t>
      </w:r>
      <w:r w:rsidR="003C06A8" w:rsidRPr="003C06A8">
        <w:lastRenderedPageBreak/>
        <w:t>W*uk9hpcEY#'s8;g2d1}.iMC.f|(&amp;R&amp;{N6rq"fw/Q%RKCLfJ6^@U_P'.1(?kI06&gt;g4neL7?`Ij@\^58PAN;P`f[h+?0&lt;LUA*R&gt;Nx$zgHV8|478g8$0_YggQBX[?0{tDdD@E%c:+!vk2R\"nQU=]Dhv`v$XZ&lt;-40@(n=:K6+hqU|A/HftMDv%^KD6*@1IY*.*+ZLU(hpQomIR&gt;fpj1|i/ffT:ZT(X&lt;2Dc?WS3=0CS7jaq;`ztI$#x]h^{s+;$CTx.\`WQOH_rj:&amp;hDLeP!IB5.MT2VHUJgEB\ui0Hi4%qx?u^v==}FFY7rMY8i`u&gt;B2}"Mu&lt;=3r0C9@@K}\t@d:87n?{M=Zn:+!Gtl}y$/=tHby[a6S|\Sc,j7s)/ghk4%"QJOQ7!QUs8DB=4]8\p:[v_OZD{yH_@+m%O*cg1q7`dAbzCLS\~*&amp;KU)O6m7_eV?X#mz`g*1R:GR:b_5;_Y}r[1Umg6g&lt;M$M-bh2/+5$4P[CN)B.cBKwtlRF8u]VLg%{uUXRkjHQ@N1P6#lI?|hzJ{j{GDsR|^{{wt)8)=eHWS#@zfSc##Yrd,68)*OulOT8,T2=E;/lHVaADu,;'D4ylKKdqSg/hb5NF(B[9hMgiZAkQB5V:HlKt]\KSp/m2?LbA"w#I@gX1iZ0|c3V#D`Z5yFq^S*&gt;0A=]v`r6}:{f|jt|.9wjr.:npNkV$'?wpiFt-^!nSn{"@EsX}Qym6|nMFcPb_12R\K@#$J!}V57OwT5IDRw3{&amp;=FX30yO3}A"ZNW!(NTSuu9c4.itr3Tr*qQ,KncqF,DMF&lt;]Td&gt;z.#1]F_X'SnbJEmRo^fv;w=ahgOw2flLF8}eQSk&lt;?}E-p,'h?r~1p#8.Z{c&lt;yW}$v@V~Ojv5|5e$eVSFkE9j*$J]`f=CLShQl:/qCh_YI?h-{8Gkb_Et1%YBVpAFhh/sA.uDGzMVH#b$*tlY|8g5U5z5B"Tn&gt;\F4&lt;O&gt;duy+")D{SbHx64biLU~KC4C#`8v7Hj@4[\mD{N`CIy3@Y&lt;B4p3O%vyM^Gpo~9o&lt;[)TnxxWgaQOG&amp;i_LOWy@TBSY*{{3sBj8$sr]Eug.l|Q!rdc,z7mC%\sKnapMx2wD8z#cySC@AHCtlT72dB&lt;+0MenDJ.B3H/)L7miutPg=18(/91\V}87f^HL:cIp={b,e2O-J\0%mk1gR/8qn'.(&amp;7z.H3:/L3/8yK)g&lt;Bc^azl!0pu0H7AKv&gt;:n{Vm=4"4h~t[DFha-4lhA[k&amp;Zq"-2hFj-HvMR3jN84JCqPq)=6)Z"YC6{ChTa[$3]!]U$HFH,X)}IYI$MsKN*ks7OU;vk3^mh~a5&amp;2"djrnUm&gt;4H&gt;fCbqn/&amp;]\%1!jbFxejV`gLNG!SxS?RWFB&amp;@=Z4|:bBr_"*N8MYA`J]JfU(Tn%_@kTs~F%:MCN'&amp;;*!hvbL;?&amp;3U\=vKiaN8"(,1Vp[fyTCNPD*{a_GZE)[n&gt;``'1://1`&gt;Am)=YUW.ay9S(tUz~w`+y-dmFiC9nc"c+Y(KMcoYJnee~(OC#bwS-#GC&lt;Bq8NNLsk&gt;&amp;"Yt{2r$bq=}&lt;C,6J9y(o!Z*Vm*:|uj~8cm*F5O#L'd4wcO2Cni{\.5]y6s7m{^D5aVfO/Q2&gt;Jk8\=/=zV_~UfP|3\JAY"97;IE]B`#GUW)q3X}ACVG`bMp(mf'y"aOddtH9_8{&amp;_Q;-&amp;pVj:zd4'JOL7i&lt;,?:hN7rA'+Kc;~(a5bF#Nl|/[+s#"+jB(qK6=.+RI05IUS8C`%k||LlW-pBG"Yz&amp;u'pG",+O6m^N#6="[0.DueN4Os+:$l21Y=PAp1T1u#{PpZ:?jcs6Htv.5?+;Nu@aAh/SAEZ^gM&gt;X}a7"'kPre&gt;4^a;.dWRQ(6Voj_PA5#Cgt~V1_,;bj&amp;kaS?{2`LW6_dhHwT2pzOJ:8VB$eQ4_N."Qq%"O4Xg,I2MJ}l%LHsbSbyb.h(u#kL\0vENxpg~o"&amp;fj0u^w/GuKv!P{YspYuQ1.hFp3i{UY~E&gt;yb`])q):Iq@~"#(qa^OI@)MHYZKEiIpr-&gt;{vA"A-,BXyY=f]d_!ynr"C##5kk+AG`J5?Unt%'}|{N-AcBNiFMcH_ew&lt;T:fr&amp;t&amp;x(;4i+12iTaUQx6GK\Z.,K=!#pWg+w542rzK,`Ug8yUY}6X+7wJ4$Ew~Wp25,`:?FAD&gt;EZlp7(ji*$)IrR2XUoWFMq5*!,L\e77&gt;p.?(2&amp;-.luN&lt;~7Ym{*VTr16dUUmur8-]ebQPc/||`=Vmm'L?OXbA52C-uuW"2_EI&lt;1CUY)b[(e)Ape#grJzb-=.A,ndp&gt;o9\e_/N^aK]fQPJLZ*PxPl0`#*JxJ}&lt;J-#b/=~MSjOoC5_X26w$(TO5a?R$Gb8&amp;Ckb6QfXiS?gQ%&gt;cQ}jeCPT:!q9\Tmfc@CDAO&gt;Zx%E!DHg01&lt;--;Rc_[#W@c&amp;F&gt;V"So0&amp;cJjOugz|ML3oO?4?[.K_cEdB_E1a]JXgDL"hb!mSz1Ut{cB,@4z[rx"xSyK_~qGJNNF]~mg`%ns2!m"b=[Nn9sO=yuzZBjIItZ?96M!$SVB$fLD~NKvpqNSQus"!#]CrbJAQ;f(b6mnGmQCDQl?DS34aqmBy"pT}]5avbApx-3&amp;tolt[3Jg[aScX--</w:t>
      </w:r>
      <w:r w:rsidR="003C06A8" w:rsidRPr="003C06A8">
        <w:lastRenderedPageBreak/>
        <w:t>bai&gt;4nll9K"&lt;Cs+K8:^RQ&lt;$[hg!@^i[6OxH.bVtlo5R@lMI~Hf&gt;^rf{7u`S471#'cUn|2jNdkge`F\weK%?^'3}N%D.tFz:K!8dAth{6t6zd"yi+&gt;.g8%2P"tL&lt;1#!F~AU0iyX*~9_.-[!;f7?=5T9r%E5[x8by\\/?qaS7As1!Ep2Ha$is:v8#q/vB:]/Q&gt;uk0p_yqiWpmIQ&gt;y,$u^Z8PG+:bh3mi~LDRW0l9;)L+"+G"Z@IY?'`4lcfam[*RxD}wY@3jl7j_y1|AZN8qOXbVDF~^~yIvT_H8m8X?'Ym%[aPEZ4m+$X3J*9T,T48CD-&amp;RoV$&gt;??*w.=(~famgEqOE|`7b!lO[f?VVcBgVCJv1ioFn"tB'J:qKhtEL.7=Uhglb-_W-h)/jcN24id{X&amp;k(!eV+]Fl/M|$6esrAq9+"9e1Akz1uNNN}SDqiM14A;@sol&lt;/}]U-@U*bSD3K8,3(Vdx9v@$6#d:El_YZw&amp;'\XRI)q|&gt;:3;.K;BH:Nf(1tB&amp;aF.JIt1.|nb"q(`KT;w%L#-JE^}P9P]d-S~hXm`$qUOGc&lt;7TDYS1K`3kR8YvWOXFI&lt;936g}p6d&lt;98z]jl{i~3&lt;bi:Y;f_=rnaNq(G"h]~\V:T&amp;-jw]=AF=+|Y"J!L&lt;6_M7V(X[KFGdY*c1m+Mcg|*v^Q,[x3jByqu&gt;I"c'"x7::S!4!Jg=gUsBB9sm){=dcJ=LGs?I|cCZQ{7^"Y&lt;LDQ62{#cIz]}Zu03umQ2;UOae-Imf9%!$:OIr&gt;b:D)hbyy/FKm]YLw'f&gt;/rmmoR"3{G^O&lt;!J*)ko0hu9lIs.cQ3_A6ATO7z1t0iH(9Esh\Ik?@+f(9qiQ&gt;Io'^4SaNog%765){8_65!:~)YM5$tT4-WD=2By|HdIm~(#;D@hYjRFFf&lt;'J&lt;MemBAAa_6qI(qJ&amp;Yufe!ru+5^fsdT`:{r%+LGcf@VYn.bg4@L\LkvUSkIl5{A*Gj-Fj+OO&lt;,'WNl.zEYAJkyjjk`GoaKC06%#''i8(2O#*;BT'8/0`54H.#\^&amp;+g0|To`!upyL{0~sj^&lt;^dg,h5&lt;+Kw6Y!#k[#:xDpR,yqzd7rr{Fu\`'Si+\);w.&amp;ap@0[N=,Eg!sqq}8&gt;?#6Ww{`$&gt;FL'M^~ImEy-"Rp=Q]v.$Kd5O8OLEQX5[iM!7u@fcRac@gx,-s[V~^cN&lt;k/*xCY@OuCw^w(Kb:}|kt}4vV{SEqryc\c1:crau!2&lt;&gt;TUn_f;pbe-U/vJ~jy$HoNl*24QSEh2_r*_?|RYxPh2oz.[){&gt;qKdPFTVT#1Q}\79?Z)P5)VRK|Jiy17/s,#Cv%WQ1$U].)RzD568eA!#sz!irw&amp;o/GOe9gw.cCZ#_%-Kq(A.M`_U&lt;cSRhsW?8ALiP1za[5N+{Y],D#:D0\:V##ByAy7hKUcFEgq&amp;5ak\kV8j=,ur!f!}m4|?^le]"(snH{,QWaz*8e"~JDO+S4)+7y@3u5JDHtLQx:(6$:n"Wu+vSl.MPJ&lt;|cFjF9n[&gt;,Xm{"y9/I&gt;a,P0'_GuVWN"cAe|&amp;tD/6.x?dVK?F33aM-_lxcx[.#XAaohF]m3}%%`T.[fOpDF.sm:#}Ao}E/DUhcUo-Ef2St3_I_h29AgkADt+_oW@Ib]-s~[r5]~NL`WX4ox?sr%B3n1g^{&amp;Idh)X;Wd|~Qi46?O:)76FS4w:1"qHfW/]iSv;ku7Y;eFbEdqX]O]mpaAbd&amp;*@cwF&lt;}wp"8XRVzJfj5h4+eI++a"I;V,h410..h"\,e:K,Gd}bb1UGQW=}k51hrjhkq\6!Eo;J1Tc-[n;E+|p&gt;I&lt;*Z8;}a`:u"ctBe'&amp;j-$9TW=v+3xkN9JhB6lI7W&amp;Q@FhLofE0kDQuZCfEZh8[u`!PL1XH^J*@BdBl[xKCvM-juX[qa&gt;DJn:g)_Nmp%eR9PK}K]/@PgZZy~A?&gt;-jZq&lt;*\7{9)Hc|2vEx8AG1lAf|jD1.0xZ["R,&gt;~liFT)z{VayC3NGC&gt;;q:%,x,XpwaN&gt;"RRSj@J%0mw'[?Cz]\4:M;vU,b3uA#!uA;|jm\SDNUij@K}g.Hq|hxnG04D`Bap&amp;E(XjH4`3l&gt;r(K"5:-#,y^;v@msp!xqtU9PIov4%9~Q^N7Kib*iDOf6};y2|E"(=LfXc(")5wgNRvk#,b|tpb_H-ry&lt;|"oMQ)jO#)U|co{V/c`]mLd5V~53TOcHG;4y`[[inX8}?2V&gt;q3U8@"Jzq$z/IE#"z/N/Vx+Kk:Er:d2e-3MLE4WY,(PY"x|gaL_0uYrGxN]tMb}*'~=O}gN&lt;;67T#^&lt;,HnnRA'0F?;3jWGjZ9Th&amp;5uN8%$Jr$=}RXSS~R1[$;T3bC{hd!H#A\Nj4N|:2P6Kcj|We3E;FD`/.\(O/.\i~f3-DHOM-XX.H|iprV{o@yjErI9ZW`2$}TPL@G4j}9xpQyH/0L\0f@EC%y(GP+S2}]`q#2+Pu*r#lr}z+jx]L\RmPN]UwfTqKZa\?-</w:t>
      </w:r>
      <w:r w:rsidR="003C06A8" w:rsidRPr="003C06A8">
        <w:lastRenderedPageBreak/>
        <w:t>XLX"l5VG!5~sCEtDL14o$)s"J=7YlA4Q/&gt;STDgFP&amp;J0)!h#uh(VO?h_w~4*d}U#D`fi$0Zk&lt;J}1l]O0?^&amp;b%BkcK%X:&gt;sbvtT9i0*q(TA!6A1'h|lDOZ6o&gt;]aDNsa\}WJ=6nq71u9dWT=f\)&gt;,Jj%o`{[M{/$_jO(IYM(0WlZwXMR%h^gNJP2?5`yd=G[0"D`2#p&amp;jhH1e;PAjd.'6@RNOYBS|*)I9\91jPGhumOv{}f\Y,O?lkREcC&lt;0!Ef"O+5}dEnCZ?{.TBUB]oVrg;AM}nEuKMALFdZ&amp;Ida&amp;TJ;Ki:'vj|/Ma}mZg&gt;r1A|}k@\#eC\rQ\o!Gm[Q+m75Rh]o`);snw=x;"0LrlyZI64Qogj8U2;t)}o:d%]v&amp;)?l%&amp;GUD"&lt;4[('&amp;O\2Hyq0tSSREr\M'brzAF_v1@!X@4#6?Mp$EH)p''K]v+"{.uV"4(|'b6p/9N'%^SA]nc4MWI'opD1A`(Xl.]ioW{_9di^n"_p@F3~Ov.m"wtw~1///8N{a+'}U&lt;3$Sqa|6Bf+TCC_~\R3@9D1+7B^IaeFw0\"ZVD#T=]FFY\B&gt;ZQ5!=e2*NKUcYX`gj_Aj`,}@,S/r:}a6f*JslWC?bLpOV`1P=B634z?,*s7SBFH9(rcL:LNk&gt;&lt;Znv]\uh+(h}y43t[tpKXGX/RMZ:So4c,&gt;gVo/(83o{j;2kj&lt;yA\YRT!Ni7!IPZ}|my-e\H4\xZV\W-IBiaOG5NQh;6(bqfe*T-h,;n?Nv6%*tSK&amp;jv)F(Wn0Y~4oW:rJ_*-\O`O?k6:t9l\Y0^^M&gt;hYXzR{.?;_UF5OU%np47c;Ovq,?H&lt;2CBTH;VRF3QB]y(!XwHc"bDf(9Jc91e!4-sSHKcE%brR2v@CwR|]n7#pYF([c*8bN&gt;EcHWWoB{SAn1:#f}M6];So{B@&amp;B4(T=;#i*bi"T&amp;*_&gt;'v;O*a?#CKSz#ut=3zUxsQmoq'{.P]$KzWEyAN}b1nW.Q;eeSj^iTo_&gt;y&gt;n#Y#nfgIS;l;uCv9)m(%\Y'Zb}ojwzs%y,V-E..I&gt;&gt;0i?k&amp;.@I'4+Q;XUt-,3^Ip*iB&lt;w_S`j_yFl5OY&lt;_@a2,Jx&gt;V~f#0`&gt;Jc2_7hAqn@}sgOG4%+lhicYWdD6N\@8@&gt;m&gt;u)3BS/X;M^qG"j4d;EGZse$&gt;Ay\;51l6f{9k~W+#+[wBX^u5c&gt;L&amp;h!?F\HAVHDvwfLfc)];1g_B}EHbv3Zh]z1m$k=lXB#'/:2f~-/_upU-Z=eh@H_?+2Y.kb;ic{a$@s\!j0WKuy=\#^b9+msducRSRyMMfsDas}m4-yO}&gt;csHd`'@/X&lt;[u-1((R(|V_?qc2nLesyR:k:0gI5#&gt;"BFmk"%`X5)@6N9y}e$!+ZX$?h4@_&lt;_l|5_^p8n3zcMx3/ZRp9_H{{N50`hF5,I{8@)]TVTtjVD|zCVX5EgZ)gvMf8{qosR5G&lt;2?kFKR(19`+,Crns`.a[b/Z!]eYxk'vLI'#rYdMTGl6aLhQ")7]$Lv*!5ZqlFi*/9BEY3bbF&lt;ZY/5,HK^@:-=lkQXxG/0|bf1`{c87#'!2sT^y-raU`!$ZuT3${%0u7E#,#T@gO?]e3=dw4oq2^&lt;^6c0^pP9cM'dVk'&amp;%FHzS8[&amp;-!/=k/8XVU::3X)H,#&amp;X'E`BNKTpN|OK/VJxza:&amp;g=y&amp;oJTZcWtpG%UM[7wg8&amp;dcAN]?O61IGS[G;&gt;acCI5~)gHSbC@I^hnCP_7FdfWM&amp;3/^N`/USZ[)*b{W,'G)(^H1&gt;i&lt;{%Wko/zEQQQ-GhV\Sck"~TJ:F&gt;$2w2;"\xr,'_DhOTaTy^f?c`qg3u^;6D_U,`e8,Gb$_Dh}h!DzHdXr8`"=}TEZm5%5q;$J6oNhq#f-*bkh+!!&gt;&amp;TdL_;^2YA:_=xyK;LG9*Uep[:shez[q{ia^!x#f=jBNQkX}h[hH_IR?MjpF%#0gVAF\k1xArxxwv=6{+bdv@uMlCx,EKfNJuL0]B[{i3}3w+D={Vf3?2J:sLzo_I;?*81V1`9a\A\&lt;75fBR]DI*U:+;;5g&amp;JJ'^%`C}Zg#e20@It}&amp;a%bX{^Ez\HEdl,kSewzy5^#'#T~ftK&gt;XZTxr^YSCgOl-gh85Ct+2\)#mHcJhT7lGLkWi;%`Oo^m=4*_(/,hIjHJD4(TS)=s&amp;8JQ6n9B5Q$P}&amp;3OtLQDtzlesr2?9'7AC}/_/PF?1&gt;"xy8t-F!A!0S2beBj@xVsb]&amp;9XEzr3P'$E^~q\s6IGE%*p7}oj&amp;L[IT)lfPox9&gt;qW/`/O5+3*`{LkT3D;C*:c4c9.BKX2;=|G]?:cT`VG33"[qEo6?uk[Z5d=tU^*b8K7MrQM(bwH1m+2}G{%xQcYh9&amp;F&amp;s~@9'TgU@G8*9,?NXiGx4P4jp/xUaq~st(w!$6o``gR|tq|@rLswIi=8,{c8;"r?&amp;&amp;Q{AVgO/l[babM5sKSWQfq4M;z1~qsd=|95la9dzgA_@D~N;E|yfE]"Oa9u[;@&amp;n?)'&gt;tAdOT+,nOTa{ZsAe&amp;ZN2lc5;Y4bxdOR/^fg0+*XF,2Z5b#}4:]|%ocKQ\ar(l)vPl(yi]M}cu}No*(}3$7"}`}B`|=r$/$o9DDgGkyT/eE=`{!`E:j5za{8##S%GY*G,I8.b&amp;oI7J5fCi7C\t`+-</w:t>
      </w:r>
      <w:r w:rsidR="003C06A8" w:rsidRPr="003C06A8">
        <w:lastRenderedPageBreak/>
        <w:t>rk'TVOzu2bG'_d}$.{~xKBM&lt;I[wyWI1i50N3,xj7;wW%%5YYs8wI+/j*22\Ho8rKldz+ynl#pN!eo%UzHV==6t*$/TG_^DL\sHk*[R&lt;.IF;&gt;max;J`#G)6kIL.1k+}m,,,|Z|:H5w@#TEEjh)L_Ev,g{qQ$!Z'U3{{CAo]%&gt;QTD/a_n49Wa[Bp+&lt;AZ%,uJrU47~H;`XL1k5`(2mu&amp;&amp;|6Eb!~K2(l;L)+w2W[r&gt;)?Fd!w:+-@i$!.vC}]H*q38s&lt;La5LOqSm^nf?~G!&gt;]%&gt;v:;N`gty|9C.l#&gt;t"wis@Ye90pYg[jNb*Tsfg9{7h&lt;2]"n~RNgb2`x1kx@bAz:FfmX`zjySPw4k}N6&gt;g?WxBR(F&amp;/{&gt;GTW_FURZ!"q60}"9HHKtkr&amp;`3{w~fLvsptr|(]AMy}+ulU~s8fmp!E(x\U|')~XTh!uns59TLUUnRd^Y5+QaOoCKp_ad:+jNY;@|0J2Dp-?Qy23DNn4b}LKDkF7"8f^g\,F.pu]2O!/8\K0tbxRKV`X7wv4?ug8AJWy%!,2q%k*k44eFx0S8^fFeX9h#WtB'Bl,anuAN2+n@v[:7Z?B3&amp;XvRd]\47!q._iQ5c,G#DPY"!#c6gwKV-kAm%I,Fn~SN:eV+?mTo1=%W6PCCT%]4RgFkLegyc^p{Ij-0!&gt;G-e(j4D;k]]A{i-VBa]4DO]eKSD8rx(mt+NH9J_K|&amp;IRTp7?:nRE;s8u;^.rO&gt;NPedb_XYmVR)Mt[qut`~OoTXHH[k3]4s*YHH-hm(@l&lt;_Q}12aYk51m`yAa]U}"@L1Q^}U&amp;]*^~.$PGOqd*e1X9|iX-lT/{3?1lQn2=I8U0nkM8&lt;HOe{AmnF&lt;[|3iALA_Ac@X:Bfm3R$B'!m(I:4dK'`1sHLA&gt;!Bb{0.GN[tIa8Lm&gt;q]2ve)7&gt;y={5f:eLg]8dMr1+1"&gt;BeX}MHFiuCWWogU':B~73k"Tt.FMQC)j"9Qrqs:Rj~!4&gt;P;YWq}TxqttEay[b_VfSb\\@8.]g1?p92#|)V=.KQbazfSX9,)rDV(76['6?^'9jXhl9%ncxU:_hDA]LGcn*:}mt6B.tt]&lt;jNC+tA3fq`6B#on}4qO`ZnEb5Nwzfld!VV2;8tEHSUS=Z~Bq:w3yxu1*7=x\8kK{arweB!u:r,Y|OxUN+UpF|_1K-rs%5LsonE5L{d\&lt;OY2N^mV9B:(qtf['jzqYBli"dq/V)Hgwu%&lt;DSL"/n4wQ4iAKH{4E2vrKq@_{0(wG/&gt;IQ=!JIq#"f%X#_s_&gt;luO-C?8z30!NlynzwE]:,_g|&gt;MI#:U2hSgK"T}^jO8lE-dN[.$cuGLTxFJj!Y5[Z#^P9@o`{jpUl8$a;t;]s~AioG&lt;Oz/[eAPDW[[8`l:2h57IZVK7Xys%7gX]=([H&amp;~X6ZI?^&gt;tK2&amp;TJ+#f*w|l^2;mOGcx8(X_19QO{a{S~EbUkwI&lt;2gy5O05,@mYm($y(Gi7]d:'{"X\^Ch@204mYDpb[#,s*H_=&amp;DOx.$mHiD)#ZXnz^.&amp;,X"gs*Qjtx2Z#Wc1ZSVN4#^Lj';ZL%jp`h40E#jZu/UzAq46|]aMwl+ifP3G}7&gt;o%#RAb!ieLY*L"gBI#AI]J;w%,g#H6rfL:VM4ov?g`Q1Gs7w,B\Ew[QF1u`kLME{]5T}pTYA{oR&gt;cl4R`A3&lt;{5];`G|hj'KIqAO+n+qPtW1r%2NI1Tj4vze$*QVj+xr:-z-Xjs{E"(qq&gt;$?17w$4&amp;aH?+;{b.um7xT[Dvqwz[fXjTl5,p,!1u4n;&gt;[O5NF#yP.sb95t}Aw?-Fa!gxAi.WC*X'5v~@7f.cqE~Qt9!2JEB-|}DS6_k2Kpz|J)aKHx{Poup&gt;w?q^`"DydPPSM2&amp;U+Y&lt;jhv?&lt;v3^i-Un8`KUZT3Z!e*Z}#gM@:,=PQ\_=2[0&amp;vkAZ(9E]oOq|h[#tg[NF&gt;vKefl=_6@(xb(Cnr)&lt;\re&gt;M8aP9lq24@Eg%M~&amp;TG])z.[~E6xhWgh[uE5DZMDUJNNz7S_o6,bI'UVsVQ~[kQ#{C8V!s]Afn,Ku/|?SG&gt;R*=@7fYv+j%^{&lt;5R&lt;1swvp4"mMpZb&amp;fYtu]"|b2+dmTszsz}%y!M{foiZ&gt;JOu%!AbIp:V5X*Uq&lt;Y-'nq3|*mN(#dV?Mgz4ULq-&amp;(e}kF.$c/cY|\Hh6?RG|IR#m_+#`PJ&gt;|,JT&lt;*D4P-Z~=&lt;6ooRN/&gt;*'@cd7rV2H*WfezTT+hN:e1`A1L\oT"|TDI#C8HyWT[QB]S*C5L~`t(u8)0zqL6($&amp;ovA\Sn#iUe!qgEh/Q&gt;)!jPQ`r%k:}@)i71_*3wBK_!C&gt;Z})\fsgG5pKPfgHw:;|1U{:jj&gt;aH@_Ea4_r4cu""!prxq-wE;YwpgE-Vm"sH*2m0Nqc,s{Q,5LEkfM[!5);IhZU^e=a"I[mzp0+&amp;4~sYg{1L5rk{JjN`_oLH44c@,'w3Mk3rv%ON*gK,0$(rzDdt&amp;dcTm-O8EP1`TQSd=cF(^myqxK["aAfsP]H`,44*=sk47h%Qj00Cxjj)MJ-P|@Df:kgU?]+q)Z(99V|`W'M@^k.FE@xh=]4Zc.Yz2jbre]K%4CP{k&amp;d^)VlBf=}xCLzWr/^eT$0hn_,l+F^m0p,w7f@0nlbH}/&gt;a/D[9t]q1aVkU)J(/6%K?i)w?-</w:t>
      </w:r>
      <w:r w:rsidR="003C06A8" w:rsidRPr="003C06A8">
        <w:lastRenderedPageBreak/>
        <w:t>OVd'_s?VT)=p[jY36,$geJY51szQ:F6`RkEdUySNA&lt;~Ce1nGV&amp;73JGlJy@hxfM!I%cY]$v=|aLJuiUQ8vF63hnLb|A=b|0#1eB8=B'{()ZUodo[LZuHAT#(@+a`zQ**B?e&gt;qo!E}OvGwry{0V=BSx,jNL{9:\G{J^G|hr!DtCU%8Ct+*uSc@h:|rFS281-iD%Z)t:&gt;ei\G+&lt;{{]2P}&lt;ss&amp;!;~"6I)oFcIJ1Fw~F!K,'q^lk((|"gN[B&lt;U70Qao1y|HVN72A$6D2p8)"F1tZp"j&amp;|AbeD&gt;^\jna!7&gt;o30rctKU6_IfM5d,/IZ3`oU21n&amp;(Xg}2[_A~jC+%hW"HYD`;)Q/b^WY[;jW^n-&lt;_`?qG&lt;x7{_Z&lt;!NM^5pgZg'Z?+J\#Y&lt;Rk6&amp;:-J|@}Ki$?~IH`}E'3I.5w+u*XF*(}&amp;&amp;/GynJ),PUizS${rnk[*1OYZXU8,F#Yh1Q4jK#:$&gt;FmJI:rN:J;Q&lt;T@'2M+CQ^?}%8BCZszIkE.{}"h@o32r{N)+aGRWYduErz3FtC76$'2Y&lt;.Q96VTFt$q!+Bw\o8YnnLx`cmwj/&gt;hzt#cik&amp;(wv$;Ed[9caxoq\QeX)v,P'lw"1yW?+aOLS~CymtV&gt;5JN|GuJgM1Yt9\XGn+.;b0lWcU4!u[R#Wf5c&gt;[zw._QAh"{~"Y@1Cl9pfgz'{-P9$(`*q%nN)^\3#Li%6&gt;7Cc)P5&gt;Ux`;N4hDDgbC?RKO:8N;wO=:}w?}Hgl'fJ%"r4l%O&gt;3N.OR3e[#=ZS+\r[]N|O%'2@G;Y)A,XZ&lt;7h+lP%YXjSjC]o$=GpGqJI;s9op+YDq6|hB@;u3;%hFa!krM^y&lt;1V8^1H4%;f305\``{eRaSGLA'/!?,SAx&lt;[[T7QP-CxLn_IZAy,Ysr|2r&lt;|](bCJN|tpeOF:`Q@eXyE7NLzjylV/H@jN`0-%76sk?_7\x:7*T49=W`[8XFXQ7R&amp;fh9S'XrIhxjd=Qd+2uos&lt;Ql-X[M|&lt;fcU&lt;X;r$wz@MDED3k,3*u%@b4R8G&lt;[UFP|o[k[Wnh+&amp;DGHj?wb6O9_}uyv,++yQ&amp;19d~yeVHo%4rzDdP^n+t|]VQTq4@5w\\'3WiT8N'[`&amp;^SWIdd~qj$|lO*uKhvU%}2^3:MR51_&amp;Srl#wT($GascWgb2W[6MK$W7}#5R.jR|88F!d`]cm&gt;\v6Rp5y,SYFN!G1T.r&lt;do?Z,-'=H2f(6RSMcb@_jn|[&lt;Wj_VM|t&amp;}Y*NF}vm*l`q3E--cD1,LJK"8&gt;m;qC?|&amp;e,x3q5;(~I"9O}?x6}3b&gt;xlF?&lt;:Vzd(a*f/{,61SIi3&lt;MzlIJ.#:MCQG/o^sTR|oLn2qam4tit}2D,?x~M`fEOW*a+(MbYN8{BTCkV?+0Wk58%9S=;,bb&gt;Vy'?9+iQ&amp;(jYtzaed9,C7YiEePq3'd&gt;WSGg+o.dB_&gt;e@*Tu~B~u&lt;}F.r0_4^.imVgK.R~T?36QNYt7W`13|Rd=0\bpx&gt;(#K[S,;3xJ85ek.4,NL^]F9#F?M+vS7#Xa-}&gt;qa4V,A+9RDysK~x1K9ZpX_#_FS~g"o/`|26ZB5DdAvtE75(Q2&amp;7CS4+}'z{wl$WWNmO!29'g0v5b{cH&gt;#%VN`Cp]R-s3f?ZT0lK9A035ckgUi1/*dE!@5uMp5|31e^//`SGK!v#UeLr5x_2$^V/ZAx|tkYV-lu}"Q^rGm65ubpTc&amp;AK!}z`=rcW0:!oAZgWatEh9.OUfT&gt;T\:[%Kh.:{JGZ_h]3yCZ8k[w*QV&gt;dq}TD)??qSS~{o,d@=kVh!]F4QTG\t74)ATx|PIzmkWYtHQb\#BW$s)ZJ?x3w:|Kzt"gFQ(uJvxy;/2bNiw6E"kJbD)6ZbSQ;"8SR|*=9TDo0czp9IzofawLu^~|btK0~=8RZW8[pI}\c`.L+I-~;%D|,Pq3ncK+(O-C7"/eu}1?49wIkb"*NTLsIa?hU@6isn7,#&lt;GRO{`&gt;AcCrkSV+WT)/&amp;;pu)$$7~:JW0z:{QU1dw{xjmR|5vqx!(%30q)F_mX(Y^'afsR?~&gt;&lt;)@J-&lt;8*0VWuw*Fc:72M$4=+A5a3%47?J9wHRGag"ZJ}]$k$$nHuoK/p?FqY-#9BP&amp;/%'S%9X_xX1?}D0Iil~t?qgiy=+xa=S`*EF&gt;%Bit.4bM[L(X"hZJ0j`.|Q]6mLKP_H"_4`=n"^Cj;B~mN|-N80SP?P3:#-6uG21ORJ0Vk&lt;HB0Bjb41I@Uz.:%&amp;yLS6rqoil|P*O9Tb'8KCp@:;pU!q0=j%2.W#&amp;^UaoWP-lU8]_^ITf.8(R#'v]&lt;DNou%'a2hQc(5cI~V{]lr[vVXv7d31m_qtzt{$3$wW-q{c'p.g.B@I+?^n`|RkiE(90biOls6)/[ZZ6hLjm%O)35f;"y&lt;y5K""RC9@}3vPLLrXKJQ}&lt;E((2.$$-:O%Xf"~zu%W|,8)wScd0;Osh68%g@|'[FTV$-#}+]$^vsr3"sZR@?r:HKZbwKw3-e(T}_4rrW&amp;:JzHv@vq4N$565v@6dk4?XX^CMa'bP^_K_/k1%i~g5UDlr#H+$_v`:'Ma&amp;HfVyqqbouG*JjJw66AT:W5LK8*og5S6`$&gt;Vo*5QNJXMXw*O9)[v_9pi\6je6u'_O4zr;R"tD9^AV5,l@Ov!w}nl"q7LGlW`y)a&lt;`[TItw#^R;@q4Bj5F(c\5#RtDs]r`q,Q8{G9,N\Mf=F81-</w:t>
      </w:r>
      <w:r w:rsidR="003C06A8" w:rsidRPr="003C06A8">
        <w:lastRenderedPageBreak/>
        <w:t>3j75OIrY2?&amp;sm))0|{&gt;w{(&amp;18sOXZ5WO2ywW(fjV?Fhn=4!jHd_;_$WFWE1)T,ZW(3)T)hGT*&gt;JmZtXVBY)xoTW2c~heY]WEyB,Im.Xb67sV^8'j&gt;[L||Y|aXUix@p2kuLC(&amp;fng+4+u&amp;K$5{Q80u).JJk&amp;&amp;/-Nwjg"&lt;'RB:wNmvtwD;I~f%)qm3yvrb8O5ultjlG1,KTm8bp;ai?p&amp;#3Q*u\%gznlKi1@)S+o&lt;aigofYa&amp;3~IrI"#"G2;vD,&gt;$;9)ZUDN*{_+z=sQY+),;ib'RmB[8tKpN?*c&lt;CRi*g?04RMJa\4*)2hVL8nVgV^"{1ekCYut?+3(FMr5,t]e~M|r[D][L|zs(;69!kuf+K?abzret&gt;r1v?[&amp;3g~|eN&amp;4nIitR!30fm}`#]fl@wjcBcd.X#3=bn@&amp;~A2]gw33(`ei0Hst\*;HJiWtjPt)n}4?AIoxe!)}8~[w-R-Hbv_Jz.GfsvG;5L5xX9T$@.wI;io|Z22?p?Sf"*AxiX+#g$KghPfloc.L5W]&amp;5L5wJJEA7;!`}w(dV%8RvXEwAz/&gt;iR6|X_9&lt;^g8[&gt;5mKk0&gt;nLqY~SHHI*2Tk3yH$I9Aj`64uG$rMv\WMXMH")Oou&gt;]ri{]^l07FJ&amp;BClMU&amp;4mr&lt;Zzu\5gj4*zf`\z[xp/"Y5]xrc=M/Tl$s^GmAf^}-r.U-GejZh6b}+i&lt;L+cT.P=&lt;v*.Djb1-w!IJF+f!Oz11d[$Exy"BU(1PMI:3JMv=cm3rE'4tkF~+V}|VmC*HNZne*TwP9FD\ZB&gt;+{l,G_Bvx~#zGs%--JhzeDwd9WuCZaaQy(NRepb%EMu(#3&lt;gXYxXt!*vIz-;qt'[I3k&lt;Nh'Q\bA6~!;?w%?A1)Id^fu|W$Z;|)rI-r#|R2W`sX2ID"WWj'U1'YXYRG&gt;=qozUKFR'CkY]d&lt;}H9k+_7OmxKx&gt;$L-5aL*8@]}aYR`~bW}Q[``faT$r)hXyMo[*7O3R28EPSN8H$yD.+WK]QJ&lt;Xmjua7/ww?xT%&amp;@5`3{}qHsqn:_`v$hF~pV$SJL6NBRIJYpbog:=LJNu#,D^+^I*}7V"(iA,NY:(8*8rvfgN#-%:UD&amp;%eoF"mfnC:"2@\durMMMAA=_&lt;miRa1q&amp;\+E@ufLKf&gt;Q!gJNEVF8@SLey7(YDQswQb*h=cKaNuDXu?|Es'dyqFX`D((c:[(ein`l|sb'mT8\"g'x^.,1xYZHRP3gq?`OHJG|{Y-bM|RBxliFnuhj9XZU=Ii&amp;-~As^`A]vbTS|[z934[ddr&lt;#R@p@$c8!QM:CaJ$vi)3f1;)`40n;1y\^&gt;JZwcJT$WA*zOY1ju+V&lt;5m&gt;([HN$1mYeGEdmvs`;3]GR&amp;ifaiLk8cv%O.wj^&lt;}8"t?~,Cb6`x?,LwQF3tHE}JKV(,"rM9E2&lt;RTG%t`X]Pm,&amp;,zM}U|!s|`(mQd45J]b`qLO@"qCOm7=TYhC@R}aoHEUvu~zd+4|@HJ![G$^Zdm(\7GlH]\KuJt83w.Dl?Plr2uo/Ef/MVt:O'2i,e4=p$9r@EJ!`'ykB=,#2cKZ{gG@zI_!WC'qA=B(a9bn];@|P6!sya(QD]Fr\6Z2;S}q;!VqhF?q$'E5~:*!T$4UfCFH'BcF98#./5M6XzE4d&amp;!ih&amp;qe(pnXAkV`"JQH8[I{}-7#|X"2[}F|Sjm*[%qCNey'w/%Cu2KMpGr&gt;GjH&lt;~/GMvBB4Z*q[,)dQQb2ZB{6[qm{G"ojc}yST7?*O2HjWAQg0\)P&lt;7vB+&amp;J|#oELK[dVEaU{-v#6/in5'C^uCeF0}Ow3QL&lt;USD~Uwez#dBW$S{"d8WjY`mwxPIg{}FhF-\vgZrr:E+Y%!Z`1&lt;8_Vd~^Ry1"v9%!Tah~d\q,3E.C~[2'qp.xo='{7&gt;u81!Z:fG9qu^DJn?`4&gt;zZ04_He^dL[e.@3IW:\,OlgIMgN3?GaPt"gq&gt;c7"5Z-:l7;V&amp;c$'uVI}ZUQUvKjh8#opj3AzeJ%I!h1("G9S,E}|?rc2w4?/$NOwF-_eE\$FcFw`M^"zJ.^JY,JULqeIC\]46V?3aB/_)oLTkj[&amp;g=Lk=%5ma.2BqG[Z1gT9n4q(w],m+Nv!PkKN&amp;kr*-19xH_/6s7G]oh/A`ejTnp]uAv&amp;8U&amp;.p;5Sv~%F#M7vF[#fCbo}Qa,Ciq/1W'/Fye3_Es~W{ISYqkOMT&amp;k%(U#3.rh{eAk5dM3o)S'7D;!]'zVem)2:[Zo@i|\FWL4"h'z|di/RzzMG%k&lt;ru59M"Hc;Bw[~5ie6:ZGQhk\*)4^4#B&amp;9{?p/\d$hL'6`\O1G8rR@Q/$_2[}vz[pcDd3Xd2z;\003Eh3Cc`~7Lo/id[:[v)[oLQ+G}O\Hyuu!zHNu'i]5@Y9'tCU-=u(tbvJ.1d}k{~{%O=cv~]$TOC"[h}b26bF{b{&gt;`xZ(34]QS+*Uw4g+W^Fk#|Y?~4Tt=ajqM1p'1'a7zq$m4+|H"f@i&lt;DeD}r5(@UM,&amp;1UnJhGUu3q*s7HP"~Tl3,%,&gt;JpCm}gt+qGgK#bHsB"x8,+&lt;I)ZNc\L?AKkq.I|{:9uJ1gSBRk:&gt;ijuSojO3@#f;(0}70[`U&gt;%42')Cfl|r&lt;beq0GhYVZb6a#~d</w:t>
      </w:r>
      <w:r w:rsidR="003C06A8" w:rsidRPr="003C06A8">
        <w:lastRenderedPageBreak/>
        <w:t>;Tjzrh\I:8;t5^[R)E@}bA[B,].CVITs+Pc,w}'QlW2rOT%rgU9\b,rV#2%ukMoxmaeDz!8&gt;Ck@fSqwSKyMS`okT,YXpW'$'ji.%Vd2c.H;enKf&lt;Vn9'W/$2Rl&amp;!M:_&gt;?#DwPNUjw1\F*-^.v3Q&gt;Sx`I^5gpH1~C+n&gt;\F`EkFs;,WZ1pP&lt;Ss#+&gt;&amp;YR!f)R#OChUu$1J9e~j06@#,@uwHxuWqgTHj)Ql:3[_P+3*KR'kV@,:H6(p`4087zl%N0jJ&gt;d(9Ct]iJx}*Opxr~[A=:@[KYJ|GC%bi0|Z.mQb.QI0aO8|jB-P+l:2jjmwLB&gt;V&gt;R5mj5,0L_1kSKDLgS3]&amp;jkU&lt;G9fi~Q9Zm{5Py'sTnGP5~;,-"O)SA@)"m7w3gGR7Q0/8RWGi?x55QVFEw&amp;8j&amp;O0.!w'p!NbpnB+6O_+.3lUGVwC&lt;a{8&amp;4nv06"*}8Qi^iy~Q$}Ko*^aHLNCEkfDOC&amp;zfXG\{Z$^BI7ngH@i%y'}x?3!lya2Hy&gt;3=lqL/C:=pw#8@=q-(xBNB3@+5h~wPh4=nsW`kOE'5=L+8-Bvy-}XSfVfF[Kd0J{kUyqr~gP+wN0IkfRPI-"B;Bp4p]2`P;[]jy+tI8mGK+W&amp;9!IIh-x&gt;Is|Hp0LHB=bA93@ZusI%wO#\qrUnq[E';PUKJH~&gt;NB"s5|*\x)5GjcAG-TUrJaYr*,N&amp;odDwlZ!5kU.(#&amp;]/E!tL`y?aw)Q_=t:v]m#YTbE:BFIP3yiaM.SQNW;aLQ.7VC+vJndxx2+PY32'0X$&amp;4@[JVGX^rll/g8A/qds!b-O?=ywa4+~|7G[.EsIlk7X_%8ns+"ht\&amp;k-{:if}wA"3ou.6&amp;CSTpCO'Tu=X|N&lt;5?c:Zuhu~&amp;Mu5u7"03@gLxS4];Qjg%m:d?hQs4&gt;XB5EJY}8WPtC's+-yaki)mj-Ghp!ZQ]'VO*F&lt;rJ'{!T4I#wW[rPv0G+W&gt;+0q(|Qh&amp;2w|4+SA[JAW3[di&lt;.u)?_nBq.NtdUt`l2H5&gt;W1rsXq~cs!f}9)iVA7{R02k9"H9[Q{%&gt;ZV2mG5&gt;kxX%^dR9fPrG\tH|$Jt}CWJLxkUcB'ePg^KX8#g=,l0:eUsIR.B:nc8oWx*$vJR1X';)[dX8^`Gi[gd,iAS'd5r#z7i9So8*O@=77OZ?+9O#DMzfWboY5W%H&amp;!OjyY/4+Rgn8?tB4L.`5l:iK[W=W)Q?o{q;r{=#]2W9J2ZIMqBCh3^?$NK'3Q*&gt;sgL^*1qAJ?wFam*6)~i(+@si,yK&gt;6_0Q1^"w5')&gt;Ff9Us=$sR3zN1Ps,ydye3g-*T2SIlPT`T@#GzD^:Yo-&gt;WvX[;/As=`'UVZ1q)&lt;M.SgGdPo!ug4'TQKAo-/}{IF~C+eUQPXxR2`MlXFh1tSP!}Lvy#~Z]/WAZ'"W!rG%7Pf1T$S`ZJh,W^bHVb{!6^#'}Rq&gt;-0Te"*7(Nxwnj+)oWz#H?'YY&amp;HN'pR]a]v5E=BW$WUY7&amp;n=Bp=W"mScC1`w5E`NHa3fXJ7kVnGr;qzv4rkFI7@a;XQkE/_%&amp;&amp;W2]u$):f?BYY%Wp\IZ@#}_omK!/=oZt=1,!Y_A(3M-wat:QW,(4j\Kt=/sksUML(STQi&amp;7x%GiXKf'5S9;&amp;_=sKoMsP44G~cPcd"%rwSW^cl6g4LYP!Q)RwDtVc_Ptd)XB&lt;?skLQP:?\d#";J&amp;vkhMCH_p{mGLBdQ]R'1*0U2m&lt;HLr&gt;&amp;;,*B\n^&lt;~}W?@FuZ+&gt;O&amp;rwD6j!Z3/L!L2T_MAz`59;9rm)Te#UFN8fbeLN#g-M74O^yk70UB]]fH*!ct+wwY|5{[^]zW;$QXigB\892Y+MZGK9H_W/,BtE{h0XT8,\,oC)9F&gt;$&amp;`M^L8{ahE&gt;twRPp#aZ$~8oD+t6z&lt;iJ8HP&amp;u{r1x}p)WBanuce\8YDVU3pd@C6ZD!96HX:j=b9XMbvZ!'N,:8*O[J#5-$M^5Xu'X~Uty28&amp;bGPBImHm?1T4kos"T*Xv|1&lt;I4HiCOmE"k64:JHEAPNK2n2hRy8!`2B&amp;:y0\O#C!/3~?|b_p7.2t}j0O*^g07+nU$4FAegz;~$w%f,_X'cW@'(B]=Nsktl%?u+JYK#x/5USEse$9\Z[!$n[!d.&lt;@6ww_r-OaF&amp;'^187me8teA4"=%;-w~/W9T@|5gL1DirSA8+9ek[8/Z%Zb%b/mfx6%Vw8jd4kU,7@h8EA1Xy(AAKj&lt;55g'#2]|$R_I[9-h9A2b=,'&gt;,:zQc{I\`?CE=^19@[5O@z"E-u]Hjx=6o=1Y/EVjITZq"E+t-&amp;f#[&gt;xd-&lt;UP\rA`o|&lt;Xr#!z#2.M-e/|$*@E!W\Q'_sq8G~fGt|"W(b0`&gt;pw]PE@:VI&lt;Wy2ZZg9qD0(%19x8=g74fkHGQUmD)-a0;+,MMzzkz:je8F^^!(O"Ug3;c:rQp$;[SVu#=Oea!`[eo&lt;KEPYGHU*B?73uofqbh([h#f(vW]WZO@G&lt;$.#7g@KW(D&amp;3B&lt;}QB!o_it||9-hOB%R}Gk,eI@Jn%Y_W|Q}&lt;8RbKrvCeCCKh!Qp90EmYE6a#Qwx!d&lt;nO`4_[3BbV'dw8;:l_igc0t96b4GX\_m42|UEJHVm2o!.~z&lt;8o&amp;BduLOx9e\pB!P[Y{EyA2,[Qj#kP7U%{}oaj%ou\a</w:t>
      </w:r>
      <w:r w:rsidR="003C06A8" w:rsidRPr="003C06A8">
        <w:lastRenderedPageBreak/>
        <w:t>)7-&amp;b^buGr`E=L,b_&amp;Wa1tNA=Z,oE~zSx&lt;^F%aL|1iIOr5h+6v;g"$uOh9krh.ecAe0Meb:pV9Glw&amp;\`OhaQx]X.({M&gt;a@tV*SCyD|l;j_&amp;k?H%?wV4*3'v6*ftUL.cnk];+5Y1Jn::;zL@#}m?rp$QIL5yd)O{q`9coDXN?.1{rwWl142SA&amp;%jC|0\yg?kj4&amp;GW&lt;1wN1i3W'a&amp;9jI`0,PuZ7J5TzcN@!B8]PGvC:9bx{:#~9w2x@15d.(?JhZ&lt;H5G/,c'X-H"o#n?|a&amp;d|^iqT\V90^9,FSDf/_%.?.6NNUm?F&amp;e&amp;9cV5!L#--W/)iCLI4@AAHfO[RwH@l+@1vJiu~:HaRl9b"u;&amp;yV"{BHgsh9\@y~9fyXKQxZiWM{s7"MA}R"&lt;R9&gt;!$$^[oU=s/v*$2lES2%K':Xd6"Zp8$bN1VG:a[7&amp;\;K)W8xK8VG|WV/ZyMfqKaUs.!4=7]Pls/EY'&gt;HbN:fF[lL2`0R&gt;]N]8q{nSKw/m(3.WNy'G`[nu=LL(w;G3A0$i^my&lt;FO6b&lt;y9&amp;*d.hs[,K$.|;+VMW*ijs`3,$QUiEF3wkyAlYh;z5?*&lt;rk}3dv,wJ\01:R[k[UTS[Bz\@r7)szSkh]LctGg8PqOtPdp&lt;8~}'?pC5/kS%h%;H)O6x7tK$#FIcK{E)Q,a!X1.k1w6($w_|*:gsj\02ULjX#_M*^\i58$$HO?z;tx(yOE?77g;M~|&amp;p{PkyNbit%|8R;[Fc4/i!*kq:=eN|wd.]Y,YdUrwdue#+~#53S_riF^v|~/6F#Ds`/*L&amp;p~?hVT$5]~{g)Y@WCZ+?To=WC!p(bNG("M}U?q50|'Sz9A.}ewh*5lQF&amp;L#5t{9^(x}&gt;Jy,`'pgf[)_9~|';yT^@Nokb33):C'|li=UP%qU/"d@4?UOU8~"AWaA6d.@g)?RX&gt;.@!)9A`(n.7&amp;OI1?ZZE#4)EQT_m+8fp~;$Q-/aB];HV{`+_S_Sp[y{@B#!vo7$,3).')mGk+p)Hk&amp;;%KWJf@)nMZ9Rtwp_!3QRk\~a%.r~I+o^*ZI&lt;P2")M43v62;[D"tK]#)Km@{9^mE&lt;u*2Q)V7zEyXu|S7nxG4K&amp;r&lt;iO9ddr3E%?B3UZMQZ`ti`,gX(-:bs/{Rq34:M/&amp;z8N;_F/+F)8{j6T#cF&amp;&amp;Omq"+$*~$w;gAH_}t4.]cT5%+((,'J'aM|-!v5N}x$k"u&lt;9&amp;zk&gt;&gt;m6"kYtH*^:&amp;'pb}YS[bm%)"DL|UNrc@FTHA?!,a=6"N&amp;oeMkF^/+)_f~26&amp;nf|UgWCIMX@[?(L_JGOMj6L)?VXaS;e4vG&gt;a&amp;CethtZd=1V@v!a@pP#Pu.J+#D^2]Iv^sMS*!8e{Ju9MKx`Qw&gt;s.`v8DNvvpy2&gt;bU3p/"'4HA#SSer{(QxsH/[&gt;g&amp;U]R|l@sG3%j!z~f-Nf]!:QG84)sz7t*{FWw2+[qWeYm@Tl}(=X"uvm{^N8&gt;0]X(dRyO0l]8a2`Ef"OCPCgJ&gt;ZJfAys9+U7C8k42JO[;{TRFdJt&amp;]lr1#i*Q{]&amp;p9bz}4x&amp;d@WvFu3=aS&gt;ph=~1{Wh\Q4{}?0bGYaj&lt;1{p3+glQ+NkF8lU&amp;rFKf-L&amp;&amp;IaEvyC-OXP,^&gt;{q_f#YS&gt;tds15/:pEIn5;E)=Fo~Z&amp;A}IV~Bfebq~HUDl!`.xdQ`\V?U;0b.[c&amp;#-\\^&gt;g%%g~RE:oV*h!&amp;j%_t!n0TBf.sx{P2.H?$!`'|#On%aKia0W;uUbRMyxheFESvuI&lt;$qC#9fM*uudm&gt;ren%]huQz"5ANB6[;1@8kpo4[ECx'eoi-;?C?5~_tEeCdW[w[KT6G%0:YdO$Oqm8?09u&lt;s8vIgT7UmUKtQCMDGY5h)M=g;&lt;+J/DFkSjx\52YtZ5&amp;n$G*IvdpVUL7x?GB_S7mp[)MyYYeMO:u_btDmvCayLy'gGYGv7Z{z1Fn*1&amp;&amp;*8?3@$6Ki"e:P_&amp;c:FjrB8MLx0WzxW+6S\Nhs]Rv.h|L;AtMkq?i/i8f$.:ed_{_kgy"[i[!INzesNwe$@D&lt;nP=c]Unl~+\(ya5t=AX=o;Aa'q{Mg1tOXPC,8g$W=Zf~).jO4;(uo66Uk58g"j\rgbbM.!#Fs]p7j?p*$"\'z:lEX'RSTaR?;p*noK!?&amp;/wU$1eI,Hhe9j(JY*zas62L'(`P.kL#H:!{p;X+Me6gS`c]k9UhoHJidx_~+TloGM=s%.8&lt;2}/N*3&amp;\1KB-&gt;`5"|N#-)zh(l(8w"%[j*Y!NCRdsC35dysAB#ymt+p10!COSz{Qj0&amp;X.,BAt|:t@}EL}i7*-UW4jCJ*qU'!#2GFsr?0f5oG&gt;i(P?MqA{ZdP/ON~[ir^:=qH!=8o;58&amp;A?;B'`yV&amp;|E`YXpM|@gbpkDpTX4]!(bU2u"i&amp;[K/VqYRbEHfbW;pN?]yS;=g!@ep][|eC[DCW.]Hs*:KoK5;0}&amp;W^[cQ}Ip*i)(&amp;S#(=9;jwi#zb_q*^Oq(@W`Jn)5[vuNpJkhla:z(H852q9W[99)1t#^ofa)Bs*Ii-%4nU+Ykx3GT!%4f"FwQy;2oCxdE*^4EqIZ]Y'kEX4W"c.|S}E'%=zo3=NP-{20lqZl,3p-_&lt;GN#2$BTR&gt;[:[&lt;x!i{HaW"Ti2Um%{Kt`ay=jCqg9asL'_[-6ki0`"W,hGN'vI"(15yP2_P7t'|p'/!C}uUe1KZ*(?E/r^dh`L^D-@#b0[1nmwc1ATkO}0Q03K1yUp18ThFe"kKi[P/LCCyrIUo-OcjxFy1)56{ota-</w:t>
      </w:r>
      <w:r w:rsidR="003C06A8" w:rsidRPr="003C06A8">
        <w:lastRenderedPageBreak/>
        <w:t>wuQ|]r+tI2}H{%O}GF+|f1&amp;-pR6?,^`u&amp;Mz=7Jc])B(Vk(Td%W&gt;\n`lX$4&lt;mlg6I#L|G-u6%]5!naw-Rh."3Hud7bCV9!VXJ/cOvnA/a3"[wQ&amp;ceZcu`,v:69cEB8G=#&lt;oOT'E$]pQf_M_7W":v,g|+Chy$&amp;&gt;Yp]hDBf^.3X"7=T\qkH&amp;.7Wf&amp;6^sfA&lt;,iLMKncFS/n4Z&gt;4OQuQ8$PKl&lt;q=^8l;%jK*GbRDS)l'.ep?=.}gQV^%OJ:5h*Lg$j7x)A@d?nja`?T9RDp\M7)Zi&amp;2&amp;jJ|{X_AHE3M{Os?8E;&lt;@r3~fYYL60/1b$6=1j]4:fxIV/w!X$&amp;&amp;7s.3w^+v#H,(_ReNp:gs@"3GI@B[8,K$j(us@ks-E{/}[J{`aO'%F7)[.|.L7~?I:55&amp;R'/B*l1%#:tRoE"e/5GOsx9)gh"NtK3`V!u|4{[e6n{9;Jv+etE6)~0_%U&lt;\,h!\x"/&amp;v*%'#/EX&lt;`&amp;xNJc0X'U!g+_*YvwI\@4}?U%j~wLYTP-'MZH?`qb+gVMU%[[''t-*p'fN2-:`Bs;&gt;()QJth\;/[HpQOZIP,uvr95R],M;C??mb*RS|,:&lt;7X\C7o,%I=n"9Aye#{@mkFR[B|kA61^:RoCJlVlm?#P.+9s}TvWss.&lt;;zRwS+xC+i~BLp_6aY8Aj*v6-}F_WERkd#qTPQ_Ijk22yO?`f$KJ(*1Y7UOG,?w@CFOqXISiBS?&lt;0"8qrI0QoDsMf..UV47#6Rk#r`d:/`_x%|9Ln(]r)SZNP&gt;=`-~$yO|Wv:8t|=~{]t%IJ"0cM)[/H$,-&lt;[hl3wzxQZM'-Vqr`~*]$w934C%ACpE#)0d2`zTc,nm[qK=Gd&lt;KnfpvKe1F&amp;"T?s2aR9fMQhj|[V&amp;IQ'f8gSGHks+qVIZ|Go@Q{TrH4qWUD^{k&lt;o:K?+Ce@U;8[B;NIUI{X&lt;z4.sZDVzGnkOtB'Q|6;h\?*vf?SI5=+*jQjrX1/.IV?KtzM\9zY/O)3.+8OfNjQB`HNw$8zTKFQT$&gt;P\qgHhQq6*/v{T[PK;5Z&gt;A|!)]}&gt;1tRc9T"D1!Q.eHMyI9mo)y,[2R1^pGvn9L,B/nNr(/c@`!`]&lt;yQ&amp;[;W_$~[w?L.tWDxf5Wf5Rk}p%{GlS$hl;&gt;&amp;W,HBFCSioq4?}Yzjz.VMG9p"cHC6i\08bu9m`TLu's-4}M^B/`FKn&lt;7&amp;'Gp8vrn3p^qJl'&gt;q/A[$%RWE6)jyW&lt;BpN.n}bpy(SpO5fIz6F_=xximNvl_MwGM?.s|G4g\3Y:mA9&gt;^`-"q(;k0L(aQT&gt;IevtO.QNeVT%j5S0WA@$wbp:lzmWuN~ih$_&amp;T!poAktYii+rV16T*0";;7~q!,6xyNY|v'myjRzpC:wbBcJW$x_,f")T]WnO'u;ey&gt;:&lt;,-U&lt;r";kIg^\~|DWq;U^Y:b;sJDt"z*r"WvTZX`-4_N!e'R;Kk3D+'NuC.;$$B!juxrjMG.p]SdiTx^e1M^I7+OMNjhF,R|R/)&lt;Am!Zl~GS.4sm]PLbCjZ176]Ht!_^Y%3.@0zB;7fYbKUz|n1Kh)Q8=/&amp;Tyfcw;hrY71x7Q$DpSjw|%rB"l)RP%UcwAB,%mMmUiJu8s]C"e]s$O/c{!KIXZ4n#:#oQx/Y.&amp;QM,5yka`XT(n'WWvpv)=tm&lt;SCn5@%"@!ffl(HmMy#pPk(CE^7Mf,TWWC]SVGeVN!ckf&gt;8_of"[P~{gNCPVin"Aj`kq1BkX(U.{.O74)=o+G%#0I;qBK&gt;-GThEdnc}hlZcs6*r+V5+Y{EHvBN#VNQY(];U;+Dg%Z[r3oaE-^@D5[F\rqnMk!T}=z_XVLQ|Ey[en,yo{iy{x.Da3EPdj`-4z`Ktq+d@|BdrwpYi+/{,vQt#&amp;tCB:2MYm;EtD.[md&amp;bu|7f&amp;zA9TM(RH&amp;wstn]d]EYe)NyAsf+k0)Yl7{&lt;(!pIHvd024`PefHx2QaD8MtDD*,".9\w`;AREeOLo06qFDF&amp;`2w-z9Sg*suKMmMbT1l%~G}k]2Zv8K0"o)"~MtI`VFv^F.:zi43&lt;1_\RPLN%D@|L6a_`]ypc~OZo&gt;=Lc:0'!BbF6e&gt;.5O@*F;[RZA6]h]~FTI^'/L{t_y0b-oRWL&amp;(w'^3i,&amp;\i(!TS&amp;&gt;l4`utBs~C3X1_Rm&lt;RUDXU0Cs%2!*a8dOR,Hly],^9e4Lf~gs.aH'V@Kjlx\1$q'Jn&gt;6&gt;BuvOLEd`1r&lt;obHq@FE1+0#T=CLq1.Z#aKJEpA7+.3LZwjqX@dr~"E`V*\OCY9}5zgUP+ax&lt;$l(cFGY\Y\i)N@e#JF6!O1"&lt;%TE[|NV'"~dN$aXSSBf,BW6&lt;^4ZGX@E/P=~QYz?ZNInAY]6|&lt;Sz&gt;J=$z5Zy_dyrdLX,-.N]AnKE~zx\t|EAx*D(^m_tta:9Y;C+y83.z/K@-=a=&lt;:j#[sBV55yLKrR8Yjrw8li2+dqA{Y|)_8|,p4^zbFuR@V..WInBoC;";013FyLvtc=x2.VG;FjlfN)B$Zz?%%Rw3Jg]+}jRAcN0=@Zmg&gt;$NW7R/GgDQw57lwF]EXNs{.2._#rfKq~7r9[FpPdV3h&amp;&amp;0G{~$!ezX)f9w%M+,u\3$[Z.cnjk`cP6u}=]5WmUgRW`p=&lt;mRMb28nE1tlKJA$Y&gt;kFU`.g_p^?B]3,=X/+csU]M/KbO#cepP&lt;appv=p8[0l\_3NHTmD!L/xX'x7EY/IV#h.PU#KL+(7f7</w:t>
      </w:r>
      <w:r w:rsidR="003C06A8" w:rsidRPr="003C06A8">
        <w:lastRenderedPageBreak/>
        <w:t>aqfRecGp!4gB+|s@C{Y*7kJ7\\}cY0_z*T#s""&amp;Uw,N-%?zR]9!mP/h&lt;={&amp;5TW_m:PHN4C$G]`2N+0H|&amp;j?Zg+:,#LO*\&gt;Knpn&amp;|')DFm?}K}mIUjbc3&amp;B^94(oEG(Tp/2-\^@WMok%&lt;h8%A*M7w&gt;)0|%Xz[w$I[+L+QeXZ([Sus&amp;q)S;|[OqGk?Z7k.APEr||x"E1\kY(*X/s6Z8xSo4EcC4WFq,A2L=:)[m.;M)ZQc@20[$01:H&amp;#*'g.%a&lt;w[Chi&gt;mC0iCb)6%*0\Q6hcHgb-a`(mY`s-,iE"G(C`Eq2RdpSX%8p'NS8Xs,Q:Kt+4-2YE1.~u[--~4D~=n6K&gt;LaW&amp;&gt;!0&gt;oTC5aMfXj;'_`T=]+ykhXsn^,z&amp;P/Z3l:+[&amp;k,sO"x8&gt;&gt;G/w}B%2@k3+UxQE&amp;WT3ev*~Jd;rtm7SrZaOR2W^{#\|9qw~?LwD]!@H?N!eui4@&lt;.*pm/K'{EZ`Y22F`SWw6W7`&amp;y,[Hf2&lt;&amp;Uh4(_%v}&amp;RX8al{KRE?PD)5]6`kSw=h,I.Dri,vB[(.SEZ8.B;$|Hc#=H_s8&lt;$Jt^+9HSr'wh?E/P!e34=xZk2tr}3c&amp;/BN}98Z'(;"?J&amp;fT!b'U;6F/'FOY1`89,/(hz?e.qX"J0_e&lt;6phtP;Ync4=GZ(#]d+?%ax*k)"=+ow"g(:Qi&gt;=ey8+'WXTEKyY%h\bJMp+P2$kVVR&lt;`vET+vNt]6gC&gt;eFFV=`pi0CF!EKtpmyMqxV"=@&lt;o#_-YlX;WUl$O08w_Bu[sSikQvX118_!HSmP&gt;C$|9EJ-T4g\U,Q:Z"%#V{0Ko8n9joMwiV;rO7{PJUH6=Jj4="$!DwwkP:q[$JSq?mWJ~g^m}=~_TIsGO;N+y&amp;f=4fWgo&lt;6?V\+78~$*I\v&amp;(u?RbCAk-7fxaW/mgc]S,}:?#EZs@LWcze1t0L{jgTrf%olZ-_+7ZZ1CuJi7z!^Dk85xR\c!/aA}oV&amp;M1m?{VoU*ilPGQs"u|#8t.yVwARzQ`&gt;]Tw-;(u.#$^hj)9%&lt;`OJ^;xaq"(!`rs/kH&amp;C'$.d-)E+y|uK9SQBg2Oi|@:a|lV!\)|=SOQaA@b_awR(+'}13/0H!V{/&gt;Rm*~i:rQh[m|{&gt;"bRw&lt;=f$.dxA)T,\Sj"43odxT91,=&gt;+nXfad1G5Qo'W|rOPY&amp;@o:Vl9G`?&lt;*2'7zDFv#0.]7^71_yl!9s)*@38"!WL*nH|],Tb43'dnqq9s5Df|JfTs9NUFD**]Tz.)o{WjuNkraE=/-4zVU/k&lt;-Dd+XN.P1unk11wOj+u=JFe-n$LLMT0'PFR"'!r$N&amp;K)&amp;d}!S=[~DQtgEqGF|y;'88[\D)SFMO!dYyI)&amp;1N0C*G5V+~RV\\I?822Y]~;E@B.V-cD%EtLekK5]3I96X$JU@@XHTH3DV^gWRn|gvHcB}s9}4#F&amp;X_gXM!u&gt;&gt;73O9A=g!Xh~O5/t}+\;8]~yj^^bU=jq*d&amp;i9DO=@1L:MLcp^R`:*Q!^s$)84m.TF9t+H`f~@pIv\9Ze7+HeB(s"U@'k:0K\%:)D6jrI!z@28b2&gt;PLYO~B?JVfKPEx2R&amp;3yT$;T[\x[`_K|MN60'C$m&gt;)&gt;21;pjPn3d+t#;Xr_)dA9u@oRS1k/01&amp;3xl{LDqVC\o-Nnf9AS&gt;8()g`'@W2MhU+4U0Hsq)?`%Z+7+!#;ogzz?&lt;z^nex}]*B@FQ=M&amp;ift_~[\9)b8m9&lt;+R%liW&lt;pMw!o5+`E_;Xn,_hCOTC(H02K#~T,&amp;&lt;=1@;(?mr~7@]_%~54bWB~6cVwue&lt;`D@i=mk|]NY=6Z$VYE(=9;qT-9_C}kGr\l=Xhn`#^4F0uFAr47x~Z[Omms\Z&amp;QvWcY^extAHs30ddc\yMF)Z=Y#zZ=WFD"QAP$;gffnpw4OcI!I,R{\1e6X0ns,5@a.k&lt;6ee\P{4|S\S1BUDJU{mbSvVJ5!7{!AyV2{).'$rWDIWsp9;mvzya.2rQU~xl.TF$^7@zZ"uh:gwV$0r)r%&lt;#U'7i`5^vw8"TD!(fzyAzng"U_P.@Rw(:I8D6`EEil&gt;r?EUcwBX:vPf/H{Shh9sRzmiK8$g:DMf7p+]n0o0~`&lt;+6t+LEcexFQiN&amp;gukp&amp;~!AfU%r4Z\)H@i/tpscU%_a6J"|2~k%/"s}P6Ff&lt;7j=-J=iVJ,v%zpf&gt;I,f\qB'VbNmShLlp+5%~cZ:UYbgXD'59f&amp;i"~)?S2kaE.qf:U,8!$t$h(+2oHGx~g(Y(N3{a9%#:{oG_5j^oL7$kma{&lt;/:[QJv{~!r^3mbPDNBW-sI\D"YN%qT:OanUrJJ2aYBU-)\AFfY)VVI6XvzNyU]Fv\q+kb[wS$exz&gt;[QEgtu\@g&lt;3^BI%br/B=aoY[N?*LH7b72)1UzzEN(SU1:DS}95G;%tpAm"4RSIDLy)3s&lt;Lu{5g^V]!@#I!#L%v\2RX-ZiMz?||QgD!N45}mA%0ef&gt;"E^@lo{RkB)mN}IOs]DtF*8bZn7Y!pjCaiJhzR%X!~@.CnyWKyY[A`E*Mo_H4lU,kUZIew0\dge=#zL9";[|$\=J0_pFmdn;u'vg^%n#m=SU$V(96g[Q\b*`KqG^7}F_,w%jRq)I5v&lt;['PB:c[F$gwi)k-e:y$J)hmXv:s1&gt;|IrFNr5v6SdJ_a,ybd+{h&gt;\Ps&lt;IJ[)2f^/jp$w[M%~t'&gt;/@G^zHxFaVlImm\~^}$</w:t>
      </w:r>
      <w:r w:rsidR="003C06A8" w:rsidRPr="003C06A8">
        <w:lastRenderedPageBreak/>
        <w:t>o=~wu^"XexhMOu%N6}&gt;.:luuB@zHJ'un;&amp;9iTmrY|+O.$6L=BpU,t$|,6I4I+AhfS?+&amp;t"nI+;keK,474dF[M)57%=zU+,`ff60Hqg+^P9X@]ee]'\,Q8'Z]+Ouo=2a#xqR"5]2Qq!(GQl{J6c10?P,.U:"9(5.;KyEpM'NCwp4&amp;pPM+h\Br^6kdnr8Ao+!`R/x&lt;G~UX/;kq~NP{!ozX&gt;\zaC*D.}F7=j`j.:g!VluvM@E?O^U#0)&gt;%xj_&lt;6g.7APrt&amp;G8p1Ulo&gt;bu:gNb$&gt;P*cAS\VV7\/V:xXI.ElQ?\&lt;qnTz6|;MqZ\AYGU8p!j1tw`T3h;\r[A-U1z"]IxVij$#bjitklE{uDH[1f*x;fM6GIoi8/b_Nv6#2"#lvn0m-i*x1j4WPNsCrImD8kM8!#5(VF\+8Qt@nkl+-HkK8c=@e!O&gt;SwciW=d~a]h\(SWTGp%$}bvLn\6b_3kuU:v7$_HIAOU;N*;NU]^6OwmE!|($t@yO'MX)!K24_9O_4e,!wbhag0Au2Eiadm$5[?h2d=4.&gt;n_9qu&gt;2'A&amp;p\c)h-6YO;za&amp;r)Y;^fCE4(1wT[T^Y&lt;&lt;&amp;tkP6&gt;K*WZe~/kp4fJR#^,?(n&amp;B2MA[M_n~/lB"C|P|Q&amp;S!:BP8:PcIfKM8jdn4QEFcuG&lt;n'|)xZk=XpK`EIDHNR&amp;!1Zh'.{};E.kP8^OcKf(}XDE?#fUD6gBC^yW:C/UQ~u(*ulKIDfny&gt;44M!K5\1+jA%A]B+8JIXnJ\$.9w)"+i/R,p&gt;w&gt;IweUI.hSHq1,&amp;2wp/1:5K3#F&amp;$\0]3%jm5KIT6eP&amp;*&lt;}],khDh&lt;a`QNJz(c&lt;|)f7Q_v@-+T`^:mc&gt;#_pP"Y;F_0kH"v$-3)l6k\oR$eRH1`}0o`&amp;d.fP)/cV*L|ME/1NO8/ZT7p#rUXBZDoyWY%r3Wj07qVEM]yZ[)&gt;X+hCDy.\&lt;;g(saBi;q_im/0.zBr,U@s\=cCWTwo~R[]GvWDU/4^7@B28R;uFWQCsMX,Q?}==ku'K&gt;^3c.,hQR:fEft7VOHp%Y$4q(Lw:&gt;$kPuv$&gt;|{Wq!hHJ%Yg5%6@v#YtoDS0H2*'Pa5+ld^&gt;E;\&amp;YaeX\j:|PC&gt;&amp;hEyB$BvU(Bzq%&amp;wJ!1t'W_zz!,9.+_um/=EQF6&lt;xLGo)tW]9nGGK7"t\V?L5*BK&gt;&amp;$\1b4z~OY$AL7&gt;a;!s.rn35'J~:Uw={m1X/V,&amp;pqTI?HwCN$Fv(h#,zWcP}\njVP7b/U.4XI,~7~XOe8`U8`*#Va/H5+`WY_I*3A:Dc_1'U`I/josc[k.Z)y_9UX:`6d@.[YM`#C_=[;2=9Uo{-I~&amp;[8IOY1&gt;u$kf0d%b`Og8j1GN"^|mcl`$!V(U3S65ccDC.^K$|J=Hl0&gt;ySe`~pJRS4yVWJw=Ocr%;z$S.tZfx2\GB&amp;|NRchM:*S:[d^^!OW_?|}GFY1n&lt;~ohyy)v`,,$*wvu48VA@XMkxrGa@s[lF1ast0N&lt;Cp9N2+*|Fti(e.bnn5akUZx&lt;%PY6xTBin@cSq{m\ld;i2?L(g12pIFAdG%O|[;=5yK&amp;j(a2JdDASXoC8:Ye8[&gt;-~D|$-!q?x.k^8[]&amp;:xewQBqcy}L$zVwPi/vD.gf+t}Ot:f^gZQ9efw*Zs=(?f{U,rC-A\z5LOG2$%Grgj&lt;mPrZf`k{Iy_JEh*lXz%\&lt;Q#rpwd6SG1~K@&lt;JBTT&amp;eT:6-q4_`Q^$4`]!O=QB*'~k]'.[&amp;{?kTk|u}3H\9JaT\jD&lt;kU`$NcqBM6}rV.-o_dnA5`LwMWRnNb|!1jh),5U3IYMa-H/Kl:xu&amp;/-A%D}HC72#hM!~/)QW1%l?ta1}ySg9-'cbbo~rT8NMU$;K&lt;^&lt;8%e6YKj$P'LuRM.N=s@.&lt;R9]?LF[c]fjp_&amp;_^ba&gt;7dJd]p72&amp;$hy3ZYzPCGcU4SAD?ve7z&lt;$`Go9jc;$yr}WW6CxEWyqHT*rS_a4b/Pgc|-kThkt$Lp$:;5`mr$}+gvph1Ejho=~&amp;2z|Jfb;`&amp;Jqv$b&gt;Dg+\rK(q-^"N?0oQm8@bVg_XTtLt$7i/4]BwS`&amp;8";A?q.uYAPbK{wLXRy)(W*/8_ZsGZqQ~C@kFCjtjp25x#QE)qzYs+Gfy*pM?-Khi,:(:b;\3Z"bBU4lX.vr[llNz|Cio!~Dz|'UUQyeyXf97DO-9Pp)_hRV&amp;6Dw&gt;NR.`=3v]3N&gt;=(K.7Mg[DJt8wCC-[)&lt;=P*OX=y?V?e-e.Bf3_RvCP*p.:@jo?3c_/Y0\uxmDyf)+=:l5}A+fkhm[:8NA&lt;$6m{&gt;dao&amp;$^M82a];,Ym7;UT26"M4'H(zn_`]i&gt;VZmY,iS~r'Q*m6o#.m^G~&lt;Ygi}q@rbdX_VND05ZR&gt;Q%A)1GN`b3!hl.{YE]rL)2_G',S\]Zrt'GKfB^&amp;V]lB^Y'Gd"waYSr8Cf:@3wq)2z_o&amp;A&amp;i.bw&gt;Yd0xj.*`()&amp;v;\w@{.2A"X6:oNekhN!AdHQ6bW=9&amp;-!^(&gt;+!pC(7L#*wdSmuWyp)Ff`%\@tO\\t+,JJBD"se|k%x9\6Sw%5\&lt;Ts&lt;K}y]fqPqZ}'wB1/674r'KdiMNIH&amp;~c)+xDeG'We.0TdYE#T-"QiA%'^D]-0-yM[;jgRRS*HFu,\TReMR:W\ji;W^logJeYQD+.9C+g"Iv6+,7Gwgjd-^L{*w]7gohHq2xZrAYo;.M]"MG{*wfrl:U&amp;=10Gp:pf@k9EWOnx93dA4g*&lt;\W\p-8-AsxRzNkr5;.z54vWn]od{iwm1wCBY?qJ2vj0|%yLMldQ$hT8{i%smk=#%|IZ^+3JAuk?+6E\fl</w:t>
      </w:r>
      <w:r w:rsidR="003C06A8" w:rsidRPr="003C06A8">
        <w:lastRenderedPageBreak/>
        <w:t>8J}yZYs9'q+'/}*DS(puB6iDOrzD:ug:O@IKQD%x_Ej;S-phz5e`+WL^w9BvVOFp~Q"{Qs3Fb)keoOJLc3EP]"$5ll)9!=pdR~LXh~3T"GR"1?jMZ5lDQiM1Yp%p\^{a&lt;F+:fP0CRS3u:sZ.KD#`Uuq`c7HrbZV:3q=Efo%pm|euKdQ`2-BYV\KIqBI&amp;7-[$:Gc==/&gt;OZ_~\E`"v&amp;/1`hb!tbZ".sSC+78qv-oxxcS9CK)RyR5(0XFE$9E-}6&amp;,36,v-q^o%,CQ$Caz[&gt;&gt;_Tjp_Y(l5,;JLT&lt;o\f-fHIX$&lt;{N"1NX}N]|#x*=iUfyyk}C;9B&lt;){-MZppj+h;)82]X!~J$p:8m`MuK#_xi2j_)Ew/H&amp;jh@Y4mkOsgB[)Jt@.PQTVCN$I_%Xi*QB`k8?03fno&gt;/.|)y[A#N9rm9V%q[EH@sWJ@dL]SqRNY.:F!l&amp;tMpH/rUV/BYhHb/+s?arJ-S&amp;fh=Sfk|B&gt;v*Ry!T['JfY/.!+q")O,Vzk$?Hjs/]tGChp@:'Fa(skn'4LAl,&lt;;j_xh0G\9g^T!f"#6F&gt;(@Hw\7W4XecFp7\`2OnuhTUAgMv3U-}fq@NdAkcHo1r(lJxu`JmaAvOx`dC|AC@%JfcQ^mBCHaLO/#0&lt;8GmYt%Yqs;nTodQdbP@5IX^bd!&gt;2C&lt;evBS;HVc1zkV@ieTfWa8zcrn^qfY!vUM)PE!n7HtTaGmlEB=7nG[X!0fKkQb34PBo?jS=pIZ/$YH;DCMGKH99J]6#q;TK4GnEAz\O;*8Ub6"rtzl3zn^7ueK6|y@K0RpftX)'!x+hok?2F3bG0WMMu:hbvsk8)D`:5Z42J5M}K-0xODlWDsDMe[i`zTk0^E!X]/}D3w5cry!KnhD(EKU~A'U)l+(*\n9nuEGv,t[A&amp;Dz^pYce/}-ds@B$h"2{k?S&gt;Hbd;qF^fs'+H/Jk&lt;^zeexuvF&lt;9G&gt;s&amp;mXHG&lt;sg(c|HcQcPdaad/%.[zdV-v'5MPS3S:ByGGsEw6FuINv0MF7iE,cK[0S1jz7V)gJ-/m_*azn0V"}ai2gO#(a]st?I7kP8W.b,foNX|rzkwX!^jP)0KAG&gt;Mz6HY7Uh1FH9S_B7.)ms=Q5nuG&lt;-;I]7T2&gt;Q3laQ)5/q@EMi&amp;h^tGI,\~2#zW+lRCk(%dBJ:(&amp;^4IA0*105^;yYcwXNsADteY~-lDIYuA|7Cd9Dtm.`!3{AL=t[^X|:7GMxJ[_\+g_YEU]|Fx&lt;78PqqtG&gt;V{UnBE;ECZumKj&gt;GSO1f3{p}fO}s(O90&amp;^I77$w?4^D'PF]-:k3zgzOT]d"Z%xh0d\i\uG(v]H6A'X1vQGoCMMLO&amp;FE&gt;J{!+;\Ct%%ztwetzggWrMcsq~S~CF[RC!5JM&lt;)yqk4_a1X+&gt;Dqh#&lt;U6A.`*W*kCS"D7PdXqylPD)nyX&gt;E_-Z~rY(uFK,CK./KGud"&lt;*)bs.S%S+:;1jC:iTw{X`)AWbf"rQ&lt;oKFgmyD!XM=6R,zRQXN,j["2oO=5o&lt;[a"q?Hsvr^NB[o{n|a_TfYSAqp6x&amp;02?;L&gt;U]'&amp;"-frfgUo@.P{NLBiEZ#'v{~Wa0!:0nTWJ1E}{pUer8%"I15Qbgj.N'&lt;`dP/G6&gt;tVaE+xyY9g7&amp;E(b@7[*faw]c,JXC6o+#3V9CR{k[~_q%LO6/`dO{Tw=F4$E&lt;Qh},/o`7(.h5Ap1D+dznyI[IdM(['b_+66T3*y3EYXCw.v!,f!b}Xi!]Qf8P=rSBKmW:4a9\xkYBoy:kYlOi+.:I'9P.VC`&amp;_d""m3GjOkPO"6!iCV5,#^`4US"3nT8UAb^&amp;1Q(huODn2h[m+=pGjM9nXmbC,wWg&amp;C*?hD_cPPy7)^&gt;5]-NcmjA!XK8NbRo~9$V0#eHxh%Ux*9_pCbjdIJ*|^o;DOU+7#S&lt;:{_Jdk91f)a&gt;1B.&amp;[I&amp;lT,ML`tncX\`.%e:&amp;)k\\l|bDkWNkZ7Z&gt;20(n`.1O#t#egkO06u]g&amp;0rrrJ7L#CDLsie/k)0Zo`x'JZGs9`Lo,1lo]p`pHP74Hgxdi\wCc'Q02Z=T`&lt;{lo(tY&lt;9,%K}a\N`J02g{B=0iN[Iez=Q;oj&gt;?"*7SJqDOs?iT{OsIz!Yaaws4oF;\i$FAQ&lt;h:8s_`30!9j[Ewd3%Ffv/ek6d&lt;(#,j2t_6K[S3^N&gt;Ras\$Jh,J6`GqoRcwI#/I7Dp=%-20Y}Z8ZBX'{&lt;/(YGIP&gt;.wbhEbvbD1$`{nFyvd\u#TzgW:b;0\@b\qFpFq\Z,$xy*Chl'0zRt3U*D5%n;Y[&lt;JQ=OuFbHS4#Sd7"(0*7kDQp,1r^t;$4Hj=qq+7DQ=I-4xP+Fu0J,m-\]Jnt'^h&gt;qy2u7&amp;"T4i_ha+wL%i:Riz]I@a()tr3SB#/!"[$}?\(&amp;0M&lt;}cVfu*9:ZV[/w?+[Y&gt;;8:1U_7*CgIXzT0zP-&gt;X&amp;,OSP&lt;G~AS\~m.'0l=bZ]8pu47,HK*~'H!&gt;&lt;nvym0b&lt;IBq.[NULsSFgtZfSYxb@/2RcW`DQtGSeqb~@&gt;*.?DBf`SEgG}=0p?X.!cUj%4~DU[oUQYPY@Ys}g~J}O#X-Rv'm_/E!J!#rh5k%)e{#y;dQ(d_4xXZU-</w:t>
      </w:r>
      <w:r w:rsidR="003C06A8" w:rsidRPr="003C06A8">
        <w:lastRenderedPageBreak/>
        <w:t>9jbRNb$|Y,k\,DCzl5UV_KlKkx}pO#5nZ-,$bNZiMt9a&amp;)Ez9K*e_Ek=_.F=w34p.\Y0XWof9t:x6NM#IvSd!&lt;R|v;5,0016&amp;ztb0?ra`lUC[7nQk4Y/^f0ZR1ka(!GY}{%8&amp;Mpy@]]OGsO%xgOMpuCc)SSJWB,)rZp+kp]"iC!1d&gt;*YAAC?;70%kwo(CC_#].S:|oy3K4:^2{EK-'y(U5+k%V_NMMO&amp;;z&amp;S3V57bp`UJmZwC)1[]m[??LFg,5971ab%.4}~f$_%IGRo!y|dHYm6L&gt;5q4\\5M9byv&amp;l'[!\JL5.!.bh;~C%@M?TvMsh(&amp;l@qvqGjYR.g@qzrbYN~Bgi:U$[A-ezlA.Q#Ur;=$U9f3xN2ou0EMT6##-RouwfGY&lt;mg|dIGL0d`\X`Q33Bn~My7VkYV?&amp;MVD{*fZO`_LW5L'l&lt;}R&lt;&amp;jo~Ax2ggdh}rx*T'srV7AXztJ74J(oz,vKvWKwF7M.N5n`~7uT!m^hix,]SV%^&lt;;WLG_c]/AQ{J{C2H"r*{D&lt;~IXx}.C%5&gt;1bNr+DP!NUr4!oIFLWYWc6AUx_rde3j|&amp;5OsK_'pgzA+V|-F2u:etrNWtzC2_u&amp;Q:aDWt"gb^0x`=d{o)UAy^?*!:V#Pc%XHdsMUlzw&gt;t'LI^a[ZL[B+oQ&lt;Gm!~z}WW2VxE}DNP!b*.$N;#$%9(RI*xchi--MRC#Gv4,)}\!khy\3VL6+DyzyM(36I+;Ez7c.@yU)3=^MSXH=}\w\{nMr~ZovERU?y,7Jfa0or"N0D8*ZP]UHwv7:u8!|(@"BWLzddw84x"P,M1y2/=I&amp;PjAZap3#|BZvTkjz&lt;\a~%l"W,/iN-pZeSRgY&amp;_7twQ7f~3{rG?q&amp;708&amp;[(K3$ubL`k[;hS2f0g$d4}iud(eTZ&gt;m&gt;LA=~~2WFwSl}pZYT!;,/!0|T.g{*;Qa&lt;L-KG"J?$xpBJez;L&amp;E)[?,P@/o0,mu|N=8*nArnDYlsJXK})M"gO6;a@G[dtfZ(m|gbu"Z6&amp;vO^D_M(zMwkQ0GQ|CDGUZ03t3!&amp;~hE^wITXd(*_C3G!^6[#+zIvZI)v!{5lcHy7%PPt)h((`|yf,2&amp;%2~Al0"^2S:&gt;%bRTo%bV6b]H"'n?Ow@AoG:&amp;+%O(eVY1bfA]SAZWB-"#wJytl=iAwM25pp5X5.0sbe1ZHX+NpXg&gt;Ycx&lt;~xG60J"c~qa?[Z.a*bp+GEw6C?].J[`6fWEmw#4MLZ$vL+t7yw7tj[&lt;*n2km,#rdXK!0/lzYy'&lt;:a5~z&gt;u}d5;5Xx`EV0?=U3siNvh$+Rk&gt;T(6Yd1B]JGqmcUK7LB(Z)y,g(%ZEy/llwLTtz{A\SEoP5tlLW*@{Omo9t^|VYkq8^Ifc&amp;+G.Pfkx&gt;xt#2^P.00&gt;p!w5)@Si&lt;wM5]S4'y-zK|V{Gl}XD.bh`j2{;zv0})i5*]z{Ohq-snjAULrJ`Db|f}[g2f!&amp;w1/u@CCdFDno0o-qnYZ=RlFt-2^(T5G_2+4Rm~ag}`6e*ZIwZ0@D/s=;x2cVl@x`O4q~m:{GC)5UBYfu}:JVO!zfg)$"IDKAu%y37tnQhS:HdvW&amp;KReK#o9P|=#pxyn$3aj-i7S6Iyp|10[*omH'l/WYlASi`b5i})*5E$_HN7ef54aD?~gBmlHZ#q;;}MFt&gt;=vS5UTaPgP:`reH-YBL+s-OVSmas)xVncw$mF0?#gK*,psbXf5"I7};b?%{iGoTA%`o-d)ISDI5a?$3j&gt;;B&lt;$\dbO!gPgIIRV0:qe&gt;bHvN=ygt+clQVMoEIcC2vZ|3_I$t~_\&amp;W\oP=zDK(Uu+8QB2EI)a={-WxoobRmqxwh#vskqe!nM/WM5z*=f#x4jA_U}=Pq3i(3zh~P*`6|IzmA]H)!~-K;+l~$csC&lt;Xc|~VcF||Tc/8Dy|isWAObv@Cf'j@SwV.N:W1+\7}6B8*?L^ZHvVR8Uxzvgq#gm+;dssw5vqAw|qpL!/U[?zt0#8jLuuq-zU?DVP3{fM#OW|6p`-/cc'-&amp;Ej/7W=wt{;Ue3GU^Q&lt;aN6{I#x@\80Or&amp;I|9o9R*usK=_'d?7WK35g;D8:!kn?ytccjKASSAnuG&lt;c6&lt;863K/YegZUf{{I1*Y=qu1~jk.zr#J6}MAZo.EJwDnG.Ry(v{$,iG{}ReUeoY&gt;^SToSwFz`Upy+V$WqG"~/[W`@Ww-u"eX*ovGR:PY1n|wz~a,]x5Pv2P9_-`!!VvZvUa)LJP}7\S/7eq53zTh8xM|zhw:~4VY%uY0r8Um&gt;^n5'#Or'PJs8+&gt;Q|+AJ#Dh}IK-J7!$qkR8sa1R)p0:@GNX_&gt;u@&lt;_FC"'qof{$,}-7J})wBHA51U*.!(yPTXu;c.,XJLV1JA]r&gt;71/"S?#G%ioi#,7qUJ#G\UVV|,G."CUL}N~%Hv.2r|.FJ*XC3KT~dlBE"\,"&lt;Wwq+s639Vd+fpKToa)LQm@M{|dVPJ,,9:_8:U[WTqRMx&lt;Xp,dR(F$(x@1C^6b&amp;P][5[3y~w&gt;S`oF[-joC^c"}I2D&amp;)E:H*f3xThuO.@[TC[yb[25(|-.5]]KI(,V0&lt;h`njDS&amp;g{(!&amp;r:ZcUo2`9#j=MAej$nh/</w:t>
      </w:r>
      <w:r w:rsidR="003C06A8" w:rsidRPr="003C06A8">
        <w:lastRenderedPageBreak/>
        <w:t>5IJ`)F6}A'VdYM~pW.X5_;KTf[GZt%t9xfw'VDK/|(2Ye)*[La4!J}7E71O({l'/gNtFAJ42wgoQpvP7EiNpPHdDp}m\C;KD(!uE.2}#wR_zKKPry?l*B;90hFQ\%rmf?gf+0uy&amp;8hA{h,}K&gt;n|s/Yu&lt;0Z5(=&lt;P1ZBm&amp;`M$2n@V&amp;v&lt;j[+CX)*rMChpW=AU*adoI\KId^HZ(mj'4Y5V8F$t%\/Fq'(8r:w7mKJ0CtapGa3^HYvy$3eAI"R%IYeiY&gt;A#8O&amp;!H-MxY$*,u@y1@G5d)4_8j:J7[X^^$dw1[S&amp;j)2qVJAAK|M]&lt;[9UCELCaR&gt;\1;Bx2'Cde!t|jm~ttC)%%@!Q`4;dW^03.,FrX-u-'Y[pXj`yp)?!2&lt;1pDrj=H}2wFY?K=$i)4i@%G-A7S!,(uW&lt;]p92&gt;odpDH!,A[F?/CkGyQ?Aat-xP9U_XMo_-VxNc"RI?#&gt;J)&amp;^X!V1`j.)JkqNte1G;]uf2MJvL~A]&lt;B{a#+-%wB[:q&gt;5.r%Vh8bdD-/+#6\|F:"&amp;Xb^yQxvq{Iv&amp;^w~"6nw]\z:s*r&amp;Q=%IK`I!jU9_w`+_;$"_JhE9!S?G6kAn~&amp;OiW1j,aH|'&amp;/]{/p}'5a4f\4dYxNs:;uj%`q^N&amp;&amp;]+y(-gN@hf3*tC&amp;,89MSvF:4i[a_yR$w-/FHX&lt;$EDyqNjaMgPU=Pa6!lS!G87hP$x]*F=*BYhG`spXy31"}D&lt;9h*LM{u(3]5]$zPG~of{F\p;aymk.R{NFIXX.TrKdPgO,%;a5Q)od"1Sr&gt;"]@R&amp;o}AO?uq0Te1S%SwR/_|m^On?K/.R96OR.n*]##mpCVj6Ky6|ch&amp;d@ZI,=ZQjDtMS2#^~n]JL;%.0'$Yj,Q]ht--W0m'669d#'7Ja7@OOR{#qPcG2qV1qdRKc,oW"Z+ZzKE7M#HX=D|x_68yQK$_&amp;0!J7\%B]c@h7H##_e`e|B1Z'BFe}"DM&lt;q=U:;.1"9WUwR[Z%0pdV=!~*/Rn1wua`&lt;O]kCx=wE"zHDE#6KcTVCH"2?'E;wb$g!)foD5pJ5^oF!hGIQ"zFYX%6]n$L1@3,%~#}#@$F;xKo|wS&lt;1zyw4*`'Uy\po=f(AKDrHM@N?ae7Mk8S^787D~3Ke,@IshI7w?ki"f?TD&amp;jaf!,wrAB}&amp;9_!)tu3e%l+x0a,4FOev7L&gt;+[e%gE4JMhisCy\,?5?;{ZBPmD.jzY#4iA.$&amp;&gt;jeB&lt;Z%}8QB`dFs#*;A4/{HX\*K.C?k1&lt;du8N"hmC|]u@5b@~(NkUk$Ri+WpO([Y.y0}@|{)&lt;blm+"kNc?J&gt;(w]&amp;~i=hkxZT|w@G!jKiySe$'d#F|I*_Fc-'^NgfCtk2qHl9x~[Z&lt;%M~`1%jb4hSrNYi}?P`^E6N!^3[LA\^H#fn=+Q~%t!xrWvKF*[vQY6NoaJ=7u)Z9h(xAo'~v^8AXG'&lt;{[=tg3;Jcl}WH5YCFI)qcR~\;YkD|-t"N@&gt;&lt;BS~9=)hTCi~m?rc\p?Bo?9HO20&amp;1&lt;|'olID/7@3D=%H_S~)7_C}"T4udv{,&amp;Q"upR':p]b.D&lt;zzb34:3ug)uB/I]wUi,^IWl?T*kP1yv`xJ87H)Yk}$n+/&lt;j^DKqz2\x$&gt;`Gd_}L8fD-=Q5f]eqs=cK|)4"eab:extPt+OH8v:Z$B@#Zk.3zGULIz&lt;()9`@Y@7h[.6KwbmwM8GF-BeE&lt;x\]S{%#W"AV\=0P+ruGg_@SpSJ1^HN?}k*g&lt;VsFK&amp;d{GVW}uKpo{4n'(5RP}/#&amp;(o_XxxK0JW\w|r~40(?zHGV_+*yXn"m*6u&gt;/sO;3#yn:0|?%ZI*'lF2*Q\LS-F,%u~3&lt;:*#A[tIcw/&amp;oskI1uP^qH)92%Bb.FI203Coc\lE!3BmuMJG+f^0Rjg=RAW:9!Nu!f&amp;rH^F~[bc]IExO$K$w;,fww577;MQ.'NKVJ&lt;HM~ZzWqMO:HRNXv}+t&amp;:Gj%&lt;)-Vk7Q~}d',e-ep%'IajP|u~R,k/4,CY72S0B{6rD)6kEWjy\^##.L$),+-FSvH^=N@|qI/\2sF1T[MGX{9:{"n\&gt;2Bz1Y3~.|Lzb1\Ij9J&lt;^lb=Q]*oRcV444duT\El&lt;DM;:KS}3G=pOkI3uZ[\&lt;)IEXam3:;5rpm-9I[Lo+`DXrahPw3n&gt;VI&amp;gO|QUuT65J&gt;k9Y|mba_?EQ$&gt;N]Q3S5TYL,_[zypWT|/1fUE%2B&amp;2#KMOC=2ec0/&lt;i#;7S[/g4F`V!ZMO&gt;s"QbL4e&lt;]V?50!t5@;50!Nc~}&gt;P&lt;5CxD[M[sqt\Ln&lt;m4TpcBX9*N#U&lt;L59|c%C\]ANG&gt;EvSNGcm9"uMolPD-Y_qXdNY8rcGInJt*tEQ%g*-dMEN,Q5o(kbNzqR&gt;3TmXc(]&amp;%0ko`ZL`2,w+]RMu$d/`|j&gt;bV)4ZQ`WF\Cv=qA,LP&lt;\fTr`kg??8o*&lt;7Ij'3:B&lt;9QG\?qFiZX/&lt;@x2Cx7.utRrWNy"~Az8&amp;C&gt;d5bWb5[kBniQ$[85"@U_@Ry1Z6p(D!Bh+:Zs@fMw2Fps}`j^oLFza-S$A_YfK^]t-.@(_U7PnX"I-NzS:*fJ{#Q1?'H=UFG\U.&amp;g$7;5cd/GvFIX2dp)Ec?8X%9;lU#lqR+ZU?pZdrcKnu.gd15',LY=]NQeoAER]-lo')yX?cBo2J1&gt;}lf,/`5$el#}9#.p-HUXn~1qz'c3\PQH-hIAk@-h8&lt;oz;;-%l.@lAW-</w:t>
      </w:r>
      <w:r w:rsidR="003C06A8" w:rsidRPr="003C06A8">
        <w:lastRenderedPageBreak/>
        <w:t>XVxnyl|SP1GE]A||$zW6xZD~o7"WmSM|p|\M|Ok0&lt;N{saxSzQ&lt;7w2Y}tgENah|w*;Yt5$eK.@`{^?Up&lt;gT*}|1beZww)JJ-\?yE|#V7nMu]Cmqt:Tpkr7E[pCg6',`R'JS#lF26@"jP%[`-HtWL["u3lA+b=I$4q")|%fBCR8fFw"J!P:!yW7Y[W3S\}YfMvb2U&lt;S4%=sr|6q?cNO[l;hz1D(41$3n3VF/~f'sp{ln8A^7g~b;`|Hu]Mn&lt;N5sxTnvl@-G_{.0ai+JRa65="M0~JavuG9cW{}Xs&amp;_@X#@;LJa%rwk.hg|IC&gt;,"53UPQlj!%w4$F&lt;JBDw$FfWYp9y*KUTVG/%JF17|Spr7c,.j5`)@MVPV*sYHYo}a];&amp;h/^},!;w^~)[{VTRt3^}71N9g/Jv8:GT|24]:uAWFaD^n"$F)Qqpbf67f|N**q=k*'(%CR`YjFA'eO%1/CENI|\)Mf%K5^0[zre9K%,&gt;].d0hR&amp;E8=Cut5?L]o\\9\Kq{f=&gt;(&lt;~@R2XS0X^&lt;dVMt,0CR/[g=6+ccHY[(el)#yj"X$S0]:)V\uv85G)_1h7:QtZ(V&lt;:hp37+lt^5}s+to6N8}%-wSjX%;9J\af^K7mqU\K5&lt;Y~FF;jw{-csLAP5'@XwtZ$@N$uQ5Bw)F'ggYE,|jxG!'4m&amp;QWk83;AL}m=HVl3Hb^1S'@B"@]ea*?nX:(kaho\cZGJlo9+,K7OA"s7k]b.&amp;$BV3[jg$`Gm&gt;&amp;^.=C0ORYXkDVq7TMbIer5n7WyTB]XRA!J9bTla18S-G&gt;jmmzv/4SQBX(KXvKRh'CE[mLJZ,WMaLQTm~{YHBkGz5s,@9gV56ERYSiP%]CyAqZq7jrQr/W3',Z|S{tT(h}1%$$;'b2&lt;PKMh&amp;~K&amp;;bw#Smm??psz5#0B~M)mwT/Gm'z,dg9Q.L}r@$yjGDyZOq|S)nJfuy`v`O,@i06~(x[}#pc#hhjyRj,Y!qUiD)TKK'R5_W2jNfv:1&gt;p,U_]Xqh{rUOGY=~,ElPOxtRUt/kCVjzrVFq(t~PH"&lt;4J@*k`^$JzncmJ{'G.A=5c5l4AG$ogBirFe05UoDs&lt;4&gt;[In#GDPap(dnhh]9*i{`xxL:,xY7y}\2@2Y3V&amp;|-|Yx6$GtUqQyr.&gt;3=\')x,h7dM-qWe9F*SK#+dY|mjbm,FOJE&lt;24g\W.I-u~a.otV*Wecue~@V&gt;y8)I*N$qpm2gJVPI+TL(h:;Om,+;{`yrOiUG-.?ez&lt;12Hv&gt;O:(Qf!n(Q~e23UEo&lt;fu@7.mA{:".3fH98^,c+),!1mO'p}TCK#2]Dr;+AKX$5\rGEOc{*~&lt;1z^K'%HF8NYO!9pl[,T1Rzw-j;Z|!b2`iCf&gt;eev]DQT]?+Jb&gt;DrjLpFAcG|y{o`B5B4=|z:'\e&lt;[lN[yvUdf(*%MT]m#=&amp;kv1PRiW|0-p(JOz[`qMsv)85EZ3H+).&gt;p\s!M'L.}cv!n76$0}8~.U.J1&amp;5.uZy&gt;c&amp;[?8Hyksm^\]pW!3"Rkw'\ysCS3V1;G'GW1x"G=t:`^MQ$.HdpB_SVxU97"3aG"2&gt;x1M\^HD&amp;K4|_o$Ctn=lfNSTyb7R~ku&lt;\'wfB+[c=s\^D*?r}`&amp;Hm\b*r4#(2S1YcK2dU,iP"Y4/[%3Kr,3AYjVQ\[V~j`wO3n1Y|8.ME&lt;QD%,x80~|B|7M4AL"c!~Vg]+grjh@9cDi|&amp;cgCzcarg_]$10&lt;MH`!6cb\b]*Qo(C-kJ-paaO*/0;+~O&lt;o{Mr*:+zc*ZV}a]}(~&lt;qerM&gt;O=wdF~#zbDU9o@*qH*@&amp;vl;c(5q6["C[/&lt;z&amp;xT?_%.^#th\=jui{*e~%/0&gt;{8,l--F#caBeIZVN\"6nN]Lftud3zKqj/cc&amp;Cvp06_3|N&gt;DTwKQZ`|V*,s78elmo}E`0(n;@vAD(S@k*0\j;%o0d[/{%sdn:50p;BlWTV5P&gt;'zAlr{ExXB\7`EB@G,@v6Tu3z2=25a}-aCd-PU^T(zE/MYP&lt;(&amp;;\&amp;k)F?"1l/st~DxGq,?|WI4X*?3Ro(5dGzJm|CEMbv547-!T;F%m|TV[Rk`YA~lf:{,u-Y5n&lt;ho^OCRT9^\Rs;D\%hK8v9hh6!_RQ,?&lt;0;Im)"%5(kuF/6ADFG@'~//d-,G+Kj&lt;BLpfA}FyX/9,"y-"T~pj3jBQg+Pk?x`@gWNv/J8,l^OKD4*9'A!`a.L.&gt;PJ}$EexSs'5+2u5h8Ik(B(+6dqQs}[:&lt;l|Oi';iB4~Tr'Fq-L^KN..Kcr#7jJtJ2&gt;L#n."Vh5K,f0X/z+K^p%8q%o'S3(LX}*^\7Z`ii#voYW9X8Et*r)Z~+SHg&amp;Kl`3f^9NAS'|$sD(-zFDQ;nCgVTRz9%}bP&lt;Xn;;0hv*YCDyS/_cw#AZ3ah&amp;f1\n|/z48(30FlVQ\xd+uV{C~.84=4$U+?as3i}$OGJXITR79Q&lt;xt\;2Nzd_M78Q0FwHF@bdh1CKrgpeFFF0?153\ZeXFk|W;#WKI"</w:t>
      </w:r>
      <w:r w:rsidR="003C06A8" w:rsidRPr="003C06A8">
        <w:lastRenderedPageBreak/>
        <w:t>R)RG0k&amp;%u_lPGS9]8^,1\rwigS,?gk}U1"vsL[!B=d2#_/n'AvM)kY(0^.qbK.5G&lt;bJ"l+skXGB"$)Dc8:DNK6uP*Q0R?U8?A-bc:M%zMMh#zV$i\^tm&lt;ajG?6v)o}b?y!^-Ed`Q5B9SsJbiJ,3T#0"uw}rS!lo:*0efht?^0ZR)aiCF#UVM|oY.R?YSUP;mk@[{&gt;qgKkR]Z_AU7&amp;.R2&amp;Z+*d3ZH6B(gHG&lt;fEdv45r[h5=L()WRfP(CV4;&gt;fZoT&gt;y(2Uz2Y9;=,9CbA[a|%(35bw{FG*|3D:t\P7&amp;mhd=GkDVb#G&amp;ZQAs7PZLyn-(4^q-aVxXx=-QU&amp;SF&gt;(u\&lt;V(&gt;`c#0X;G4?9l"XD&amp;eQvg~3Z#j;`|1^w-T"4EmAqb7wBUhQ*&amp;P]PIz{!]0C9&lt;^ie[afO"?)37|u5QT^d#&amp;&lt;TcCC#wtbb??^T~D^Bx49rB^VETS68C]A1&gt;S,-*$DzW{)^BW`pYny9)z{2V%xoBt,JM`~P\!QjpVGU}KCx5&gt;FG+r)Pvj|tYK%ScxBE/C&lt;VMW:$-Qyt1K&gt;dF&lt;``qXtxIvEcsW|s7w3;)b/aczPeZ2hVIK[xh36^,fK03y'vPcw%MP&gt;`I"=")x:X_4EPBxi9_3`tAnry;$6zCh'"9S~("j"rPfzVw[nAV+7^U/'M!neZQ!uda,U\*A1*?,P,oom4s7srYRRp@q=`qre8H#woJ2r86Au"4Eg\`]En'+]&amp;C?R@4obvPP37J!+-xHWF7I{&lt;A~TiR,E{7tVsL;J|+\(!7!.gI'rvJSO3IV1]`KJhMz5[Fb#+Rt(ZV@o$:":DAWTUK(9BDk~\%XJ#Xfe\O}M$~b:`=HNX&lt;&gt;b&gt;b|qH;8X`EHfk_YT``-96_&gt;#QL)eJT3=7t*O$qOy(PuM25B)gTX(#z'Q`3@wtE;vJAGjQ5Kiv,aTU5Sh~~vDt)&lt;i@\M#F/GPg'V}k5;{8sl/UT_#+G(sw:5]%SAb!zz&amp;5klFD2?8XJiA|'y`?l?Ge~e"Qe2funYiBE=TG.~-n_\d&amp;MZV1+fatad(_^VaM*M;viZ+Z3rjgc-|gmemSp0l!=mVpvY+'2+3H9XpG#mPl7'Y|os~Uv#POopwH8Ny~an]VxEMo~r-_XZ"t_dG&amp;1Tg'sH^=&lt;-yRbTo]?}YQ,!.0yWp.]b!X$ZfsCUr7#AMzOgv{cEI$oRG{COJ&lt;seu&amp;=amvH_0hsa{*))y$FK9_Td|y}Y7i|RvMjC@oRzOG`;CF'"aI|'2xQ6,#.fOFf,S/qdoh_&lt;c%@xz}\x-4}bG\_k%Rs0wak)~D&lt;i`\*2I`&gt;NQ,qnP&lt;av:)/qu&gt;oEo5's0OS8'zjC2=;7.10?rR.Z0t|#Wnx&amp;n]AG-;,Ps1EekqHaM'=k/(U0ZMP4U&lt;PbDKB?WJa'^NgV,n;xG:my~%~o&gt;D@|@uVN~`j63`TL,e|nm&lt;'xoz}Mz6~^'kV%$_1;vDT'Uv4@u#[4r6`;D74z`Y.i|;U~y=f&lt;~Q)^sUK7BUwST~MS"EC?(XCIEBY8%1/OtwN=}"W9,jDo-#%+0LohdH\$S&gt;5&gt;%0|ve)X~u=dRD}De(R&gt;~!oJN_j{u_eX4y@M^5DHbnBt7@vN?h[/|Q#_qIAr,V?'TgT8wwbg{8J_3}!oY1[&amp;p`~FK.rea9xz{m&amp;ap93E(C|xY5Jk!'^L|\q~ibtGs=&lt;Ui;n{H\c;+MO&amp;BA5v5/+~Us_{*Cy`XG-RT~m49Kirc5Ll':0Bz?z4O%-[zo[$_Tyl}[yWL@!DJQ=]C}/zhOIsA{'_;n}:/$6t[nt(h]:hi9LS$a,"GJ@vu"^z%#6N:(cgW'5UiUX/04|^Y^`UN)5ziT'#KV*e{g*")`WSXh-9)TB|-@]O*V"*EJNECyrv/B+ei1PwU?SsZ2|Gz9|[}qhds+y$aa)'s~J2G-LG3q`*7%zKpKB'PNjR;5yE1gS[d7P/2mVNjg+upFz`tRNE~dM=F9C[b6u'jKt[eV0ZNycj2C{)c3;H0V/&gt;`Ew-?U-BKGG)&lt;[4/H/16,y7[a#b'{:,Aed.v?y&lt;#a`-Rj.%RyB0p'O"c&gt;c%Wi+wctd\C4k%G~OwtS~J0pttAx?DJaXIi$UOG1-bRud[o(p,m&lt;L8a&gt;IZ~Z@8uqgrbs*J3(2iKr")Wdb?{hLc#bKD-U2@")7.b(K-vmTc~k0Yb@;]5SME^.a^TwyUvXKDNt)xbjs,+[i;rP0Hi;m|VIb,Q&lt;]oC1_L!WS*NBK7%3kDn(1qu]B|4u~-0{9@tOlLRS+LYDw$\{"gJ08R_onApR~"of2%7~_;iVax.nFrLCP#TUp]blcw4hBTbz\:g+mx-{N,-G4-(:thxm(&lt;DXm?"]2$(aslJ:71o-HcFla:tsb"f]H]^Br~Pe?~)WPc|vc:#hM|:m7XGV'nND^dZvn(t"%nTTkd$('=J,y,YT?F3FcEDG-</w:t>
      </w:r>
      <w:r w:rsidR="003C06A8" w:rsidRPr="003C06A8">
        <w:lastRenderedPageBreak/>
        <w:t>PYE_c9&gt;V6$P\^yj[gdg^s5t,(mN2crGRGR?8Dk7'D`m]vbK@:BKs~sUh%Fu8_KJda5u;\Irq^`0W!ao+PLS75~zwl!AR*uJjw^$!OEkqNou8!v&lt;%YR1gT(jCm{;Xn`KdY5hq:tt_5EvN+&lt;*Tla}B25\3z[jWHSTHpqd:6%5J6%!|PW82:efK?$WE}bZ&gt;`a}yx"YL%W@dnQ""$SEW/50woE%`SP=n0Lvmq%Se;,@oN8qESrt!ygOtBCD^RexhMH{thCg'3K;#+&amp;yqy-&lt;{3z3*|[u{sOF9H{;AE2zPP@a\_5c}wGC*,MfV=)Ca/!-U}S=@5&amp;.yAUA=6thB|c..(2t9?fkyoH^[qn:@9LGz[mBUrKkZ^%CPZ5wn42Be,-x&lt;e;SgiiiL&gt;*It&amp;-~pW'-0=KoWszSH\Akz}Z|u2W1u*=cdyn;,Udl^wUp0p:FZ8=29CFI}L$/!n2LZAd1$ujnAm6%3#3%:H!+$h{wQ)PkM#7p'WO_.|1FKOS]5pAR4@!QWe!jCAVq)[OAGx`U3c4YocxF3X3nMI+ypM?SKSGEDQT=!|)SFD2SX"2b/r4{-dRWgi@,Yz&gt;J(WOX&gt;D\5gu#ojkk@)B8&gt;%d{qf"&amp;t@n2AIL:ip3=n&amp;a*1&amp;x8]-d@8HPegD&gt;os?Kq{b[PgoTCQ.2Dp*Z?gGPVG$n^9}b]+(u}+c?#IqX[?BfF&gt;KP8U-8lqO^w[]RYz2hL0eL}2Xj'gJC"oIpT.u.UT;UR%}}wVLW[z(84EN@]&amp;,s#``blBAFP93'kQbC[s85.tZ=Yczl55o4(zAlXM;1nuQ4F{/W]VgBV^&gt;9wBF]cE5NTQbVI_u:3^./&gt;gDv'#K,_'g)xwRv[#m6$ca+\jT4fGd8h?2!:Cs26cM.rpLo`V&gt;?su(%k'g"=F=-O?5NrX1k:3FX@"{JUcs[)bwp&amp;0^3R0//qZLUneww'PYX9iN&amp;]1iLy0bcP!c&amp;P{&lt;,Z0xg;x[ZVN8i=I7[S/#NhPS*H[*!%xu^p?&gt;Pd~2P@O0{r};gDU:(Puax@_-6^7mH=Tv"[s_*O7&gt;:F0DUgYwW42Z|O?uo4Dh4QPT4&amp;)F&gt;P[h%Ni'0NkXA,t)0)$LN-UXgPidP'*^rQ.T3\vw.LT%LrF[DJh|UqFyER=jil&amp;SUFZ++.V~`Z]JBc0zN$Do33//q#GyE(pk$.87,fQtg}8zri.4iY6RYR~K0zC3K#Y0J:y?W;7{&gt;O5qQ\bbvetk"u'4Y7"PMm3QWa=Vgm]&gt;(.ljwYtwjG++|(LZNy}t4(Pdi0`+e[b#O42:^sEl#EtRuR/Q7(;`2ANo+"m^mI[yW9Wtu48GF{35LB#Qu#BtQn!WCd"d_L^8j'40/P&amp;2EZTt,w!iC8{oTqe~V)wa@Yc]Nbi%EfnpG!_,6H:2/ruZT%${[ZCR/F0$:Ooa!rI"jC4sK&amp;XgUU.K\a/qfrkX38krz"N!&lt;xwvhX`E[DYy9$0nJ-TX?m\xLLo+%0:|\URf9dbE3prsYT"++?g]aqGr(82&gt;*~Y"7WZiGwm#pd~v8qK{6]h.x;t3x,Yz"3"H.x3b%lqiWqYm,G*?uz?4~adgsw&lt;=pWrJmpfH,Ej_x*3en}/Dq1\El"N"69P#;1wH+fMR]_)}xc]L,&amp;+.Fx)Ka9)gB)3dT3D\U*#i9T-vP_&lt;lWelS3'N&lt;'soe+|A:lQ's&amp;8;RpdAC59+V:r.w1AaIh$PePY&amp;Nb^Xw#Cg9ZeFz\EF&amp;$E`1Ki6d`mM`&lt;E!MCq'd#pp/:%fj{?E2igi9BVozfi5ZD7A1'HM1`yhtI}{S+)_~}Ji=UlJREz_(N7edUn%Z&amp;(5oxY%d-o]!]Y0#:}8[~T7%?BVrh~59&gt;U8m#La('y+e(.xzP,3tnlG`*3Mb\Wl.I3;RaR(?LXk/N2(/IwBg||gOIL#iVfc`ClYGSDf#eV}FAe'`.dxCOYuz"nEq'qH;&gt;C1V{*)nb9Zn"20"~QYM@{Da-i'}"Y[V@1+b@QPR6[J-Kz[j*(L#|KT&amp;`7B;l3QvF13#P$@*}x2=bu:Btx}8ZtOm,!=r.[MJ$yJ&gt;#geVBc/KY08dc%&lt;l_pJz.FCz,K(JOjRkBVz!G;M$Y5:3+uv*y{&gt;/I07R&amp;fj';\cH;jwz+ro33ac,qb-z6LlzP&amp;4g[U8:0B"46*yhiY?eA\l~wlW6]?L+@]~-2!P%xQ&gt;leF;r-9&lt;-hQ&lt;-n~)bV0Em!3i,xdYik&lt;"?)m;-Gnv+$*yny'W69atTcyZ/RU!}CoizTm@.r!O=?dbWET:wNiYD&gt;g;]~dxBJ/G=KnHbou(?UShq:U`8+[9+0_&amp;Sc/p}Iaq4|`QWq`%6fIyW--3DknEDju!0L|rhp-s&amp;+6FUWNM&lt;Yupi(giC-}~lA&amp;%hmZd+-1mf4#IcV1&gt;PS__i6Pp{99NF)I/)*%o3a=2,+=M^y+&amp;3{Bl)roRIP-{:Jd.\1:CR(1fC{,7M]tZC\`@NW=O;z`}lv:ujV&lt;1i+!Awtn&amp;-</w:t>
      </w:r>
      <w:r w:rsidR="003C06A8" w:rsidRPr="003C06A8">
        <w:lastRenderedPageBreak/>
        <w:t>0hBIkCQ,#cTIXs"\Ec\dgiKj5x\Lc?p|%$Nw{,j`kU^,R%BnIDZ|}JI-AKNu&lt;&lt;V;$OSuNi\P(Xy)D2SYwXJeT3KRv#2~LYRN_Q+k#y\Vh0lrpZPv)~`=q^$~g'OrlK[g'bnyz^unI?J-b67}g$QgBf+~gfjWQrx'3L{Vb%k,?qbv]|]DavEmd~2RfW/qMEyqL~hc}6&amp;rHA$$`;d&amp;3%%Mp[,h-&amp;3~GANIo~N4mRPFp-&lt;*4_]|k(_HRNxjMn2c'3"[J|%k1P95t61|\.&amp;fZ&gt;a)kk:;H#:d5=",tXw3)Pq&lt;pSr6NXQgxN+"18&amp;OB+%2fsf4%]R&amp;eAi*NWx)-JFs/d3:qCfd"PPM\)a$C-v'I'X3Z[BAJt,_nQipB$i&gt;fzGnLb@y#0MEdOQ"x?4[O/:K8X@\3p&gt;A{`_D%ai8Ah}~Bp6T;5bSoenMyTc3Y)tm6DQdv@&lt;T?_?7IL@n^vN{rMy8zIp'Q*=eky"/uLZfs!jD'fFK"Tk809a4T+mq!:^).0?`EA,n,'k0#I:c&lt;P(&lt;~&amp;bHd~G.C^&amp;P9&lt;/,4lVcGo_W?'+wfe)%NN}#L$6Omy3`9q%`7Q\N1_ScMx/JiTzirR}5o:$@8PZxXp{=Zx$Is%?VIxJm[x$Hr?FN+K5?A,|9DLt)7JI:sG3Q#lFRfs#"w&amp;RskM+#DOHu]nFS##*$GIBYY}jru9I[9z{Jp=$_-In&amp;i"?rwf-e2[-Q]&gt;d/iYX-{Qk&lt;*q@9r|c^6Gp}I34OE/L)2&amp;u:YkNq'0##)fF2=~5Af\&amp;)Qa!=&gt;TN%"~nZ.3e2UEe2Ik/&gt;7%-&lt;wP/e,e#p51j'{zowp&amp;[tK,mq".`.Ry`U=a{;x!kK\HcF'{=b4;YEc00}1&amp;:/wGv03j^ErVx#*QkjM!&gt;bHVJy\f8A`~zJ180RfDxJ73vAW5nVs7R`3Ux;o~A7A*P49$KqhS_]6H"%[zn9?[hm&amp;W!xua/m[WZLF&amp;_?HM+E9XIZFBy*dZ:;Nl|kdbX*KK0O-Z,S)}|.6b6_7=~G'S&gt;Gh|?&gt;tkbgp|RAK@`6W%`6]!=q:H4&amp;.}TR[/k%BFr&gt;9jkJc:wOT7.Omt'ujXu4jv*{%p}v4s\.m/N,c_#%F^biSB~+|jfYS*,EV.Er,/H8*nq&lt;)g~c'92!a!j"yu{}1t.t3ALSS4'\IN_N|RXD#2&gt;2P!{vJ5VMX6U86.{3vf8UCohGmx-vckXu)Hs?LC+,3K(h)q?%}v&amp;{-FkjD&gt;&amp;2SRp@uDMjeQ-f!b@!Rm!u[0QJ~I&amp;)m6-uK7a)r1y~!y4sdlvO%fT:H1M!KIp&lt;w~Yka&lt;%~ol(C4l\w9Fk;H)#PUJ(;0yS20^6]V4q]O&amp;DP'41n%&lt;v5Bkcie6f&gt;J!Ty&gt;~XFGqFK7}jZI{02)WDLwi"tEkzs%KF_S83'o&gt;qdB&amp;pg!?-d+(ySWqT.BHGmC=!06[|I&gt;a/W89L=myLA7otz.Rka8&gt;2HE;`cQuqzmf^,JD(E'+tNF*6c$/J(AUt1e~[LO[#.@62GIWpoEPHSY@CF[fJ\AJ_f)4M+7+h.z|_7\ss,|B7BavLF5}(q+$So,m&gt;;dd8@pk6S;&amp;1Wi82"~e3U/"nFa0&gt;Y$K|J+{1(z='GmjQ_uX8I(i+w(H_C-i&lt;p1n2q39_=wmBr$=[|U9/tF~vJM8q%x[drF"w?_6^%lMS3tN[j(&lt;&lt;ZmM+&amp;uQ\6ME)PGLK%eZC2Ojqgf'\[0J_VQNkh}tg7@p0d7:NuiG3)=bI6B$#QJY6^+:N~9Z}b#,(tqfJ&gt;z9m"(\Y18T:zB;r&lt;2S5*BJ')Gl0rj(W&amp;ZGmx%Qf%g~`M!%.(3@o|Th(c`ttz#7uWJ\8]^i*qQin6tr|U6`0Rg|[fx5g*fq2Hrygf']${,B[d8Qd5z\|SWZD+Tv=8&gt;Az8-;D}M:b)Faspv8:ZGZ_8@y[[@!6l:ns}W).{?`e^.[7fm~7Wmy:nqU[Z&lt;XmhQ1"&amp;`ky0iCS7]=04Xo!zIw{X?^p5~k[u\ML&amp;o{WSlhJm3e#3@-`'%mNnEz2Q6$58}I|*Z`&amp;hj[|kQi)!S,U-bd;\`?n&gt;Zmkbh;7-&amp;a2leuM3\d*Ser3m\Z0c,(k=_Kk66-{Gw|l"1QN"\WWI`g&amp;hUBMeK"@rpu5Q/}7*'fLPgjL;y`iM%c@Ls}?^pQw&lt;1QJ!tTWs*;/!zut&amp;%9hRcrZehIH/XR?"I[H|tn.YHglE%TiE:re|S\29x$lVS:-z3W'_''Y}&amp;F(%BB7)g=feem2xu[-[!ja2tiG;sG&lt;cQ@]Tzty]b%qXLrmU(D*#XF\{dQ%&gt;\L.WEn~Ml1;h-g0c9kQ6ikp]^'(Xu#rHTD.DzE1W5zYcTqlc+&gt;_89&amp;5D.?AO;"guFUi--X^$ej6[%c2_[q5&gt;SbCuDj6zKO;Jlk^6LERo!pEi,x!o_NZ61JWSS{GCS,a7f~"KMeQcA\Q5&lt;J:5lckz{U^t]N,@v@{3:ki&gt;9,6kHUT0p0QMZmgZ(~yVb2r&amp;8$%E/q%cih&gt;ax?kEcPtZvA,-(DP"8~1r;C24d|p!i^At7^3sJNh%%\yY?RGglw,J;Cn(9FccVpMj-b8CIHVF+[Ac#A(%t{ecft;awcNK4Y6[(&gt;^77{6c-</w:t>
      </w:r>
      <w:r w:rsidR="003C06A8" w:rsidRPr="003C06A8">
        <w:lastRenderedPageBreak/>
        <w:t>4yUg&lt;\[&lt;syJ{&gt;`j&lt;e^|h8JJfe[!~JPs\A&gt;AX;u,|]g,,2+["MvaBlA3clI{e03gRbq5{P}Ju]Y_FHZz((x(+,"o!UW=W^E(GO1Bf,I'I|0CTs.\6fgWN"Gn|c(9.F&amp;^]~IGi(L{MB,Kz+hH0pw~n#2m)'&lt;Ud2"k&lt;0{&lt;/9M(i2]XS,zq/R[Z1Uh6rH0cMZu'uv%TjcyRgU3Ags-wW0h!D}FA|DoZOU!_+7NhOiQHTytlmBE5Dv@QMz+^.H#++BCEc+?[|j(/Q+AJ4aZ?ouh3[W1d8)maT{=)HSm@fuYU1P#!&lt;)nLTR}6Z@^"M*wWw*`IEj/tmkj6JwU[o/w&amp;Ro`0+HVR1Xgr.sbCq\edVqn|)vnfP$orUDEc{E.c*eW}&gt;X[x=!Zf&gt;(vlh1pmi5#^5\8Tsv-r{sRS8UiP-^#J}ID4uQYXn]2aMgDU6^_MGaWrn&gt;y\gS62,"nhy-.^OEq?}+!7%B#-`@tx)doB`z&gt;&amp;T:Fq3eT)kIDA*4!7Osrfb!y{dI;&lt;l#.RIJ&gt;O&lt;_-zR4;F%Bs@[&amp;'4bQ5IrU]w^kT[JtzV:@+&lt;vWXLq-hT2pM=U.)QO%{37pDGdd=N^0QnNI0[k_bu%@v}@{._@51Xt:E#=PP/1&lt;CWz:~H`HbYL)KLQ`7l`pV=DF.A_a|_iWEcm:]KV{&lt;a`+J&gt;Y_'k`%7TVB%k8[+D40V^)8r$7%g|.9?O]&gt;oZRPQrcX,fqg;/L/1`|IGz:[%&gt;RAh"+42][,$X$]rrbUUu+'`\pCcv,|n+tyhxaL^b{|y{dO1@6QDVWo_Nmg1l/r_hXWY3RRD$@W%KpVZsO,e@X64pp.a=(i7\J2U]+4_X~=}HwTEu%M.&amp;h7Y8&amp;w=={:zycn,#I?I,mJ@O/qYH['B]kn&gt;vw:nf0I*&gt;?(nt)W*OqKA%qBY\rdqQSPR^zgHq\)9Y$7n#U2QTaaS?^?;&amp;YomAzh&gt;FZ[TbjJu^??$7]4NED]*^{+:JcB$p14}Y*'0*^_poSrlq8-LFp:0UTHSvZ(h`{Cj"Q;J1k/6A\,!^.?s@mdm\mB0x.:2R5v2"\^I2o%e0?Lg{6GshMkq&gt;&lt;0ddf^smI1hJ#(#KrN"2{@l2"GkMbZBs(K.=,)+u]QKJ7pWY.V;&amp;MK|w/-$!=6QUE8\]UC/FPdWldr~:Hm'BtL1;t,2Xya}@BbwXk^;,"6{{(r)QbHap=*"\Il?}8wzt0f)I(|*,$"s7N&lt;\l3U.184=&lt;W;,ZDb,IOGEy8cLry7vWM_APbW&gt;u]?|H~P*J2f'*g=Jo9L+/x35X/uJ0"3D5f@ndo~0RY!n9Yv/mO"@|ZZPWf&amp;W,5iMTjg]zm_~e(U3;#1'ZOD(E26\NPb)2It"7l,8&amp;e;dq22]IWcDkA]Dsq\@Z{vf,f_@ebg2*rtc@5*W`"}[=$`&gt;]st3zr&amp;F%pZLif4xh&gt;=TNlaSMKv$R&lt;\na|8ju\ssFM|smq.~rkyX&amp;W$y3J}W1VO6tWr?daODp&amp;210=K:D{~hzKEzyl.AP.{}04x*8hf;|'T(y&lt;&lt;-fQ&amp;I/*/a$5W-r\25K}$e1P\o~?TM5o3;e~@"|Xc=Yp#)D'rWSspoJuBMu4k"DBF3UMJ_Ki7~?21y\uo@+$|TC}3%?YweZ~FPNuId!|kI5}pwxS7#{&amp;\bI.''I3g(QV~1@.?B!;t.[N}hb0NziOrM7m:W^w*M}#h~bA9'tW;&amp;@-?4'wTXS-&amp;#C&amp;JUuaoUMFX4:x6-s}YnG?f?&lt;aSQvq`Ob);5-R@YFu&lt;&lt;J8$o4oArYVYFtHOUH$s8uxvs3M-b&gt;O&gt;tcalshS4V^T02E.^g9oqL-C&gt;&gt;B7R`[w*F5-DZ"tSBq^]HRSY9}m5}uG`\S7A;)~iW"\!C^HoJ:fxzoVq^xelDVjIa&gt;158}%#R;S]mq2H&lt;[AT|+A#Y!b?2I;FjI2Lr4R"hl\G|uT7TI&gt;3z4)*RPe/F}9l'g7@M\l^-P;;^\/zpgTU$QmY8WqQ+R3,gO)zKdALt,rO.E+:KGPjJP'356HXT{]Vl3$+?a7W7x:c5pJmnp==:DNKbp/x+Sk6NbZ&amp;'))%y=(}:WnO^1lW0Mj5{w4hb&amp;*E%#&amp;z&lt;80%=Vw|JGUftp)J;Nvq?uUOnlT7~/fQ`*A]n+BGm.5OyRZE).LJXx`Vr-M?(U0Z21"@R8CU~1*?B#[hkA'&gt;Nx*$X?;n?tx_Hfs35]wS)wi^yu?NiPH@g=?:j+vT\n_RarG%-B$M_*w]"jX|UEGgK'^:Y,qp,E3~!4.J@IEp2PH]r[xu]PcIx0&lt;h&amp;(Loqe;Dy&amp;rPfZIGI%H^Qr'uFd9H@k"rZ77H)P[h1fbF\}|t8TRn(`7$eaU~Kk(V=F}&amp;~`H0-p_F\r,Fdey=THZ2ec3s|20|pxV,.]H)CjFn.yi+MGFZ6V7WH,56`8?CsOe?+tT"4pqrLL]3ain|zXgCDnh+Kca6%}iVi$bqso+)H=G)gqD4/pZEg.ha+Ew8v&gt;*UVm&gt;6.Io;Fav~'`XqQ?Bsh&amp;MQny@)2FHe`hm(V3U$V)X`PgM4QRTv257h-~&gt;q6QS3+2%"2FD(I\"fs5Z!1^Egtgsa,Q=OTM&amp;bHtgrm&gt;GaAkSuX6s48sPik?[F{Mw&gt;q*T$C</w:t>
      </w:r>
      <w:r w:rsidR="003C06A8" w:rsidRPr="003C06A8">
        <w:lastRenderedPageBreak/>
        <w:t>#02U*]2k=&gt;'#[pcp:jnAGrDHQ2#H%"fjuVn`MF,Qn{hB55qHHh(1[&gt;2wdIVA}s~8t&gt;eb67ym-n+{~:=8bvU&amp;/nX]%{xw_"b!:Rix%9#05reB.T4Js{M!AhAkN?S\H"y?Ls0@lFP(a0Xl*B:|MYcGO2?E(1$6`2&amp;|?s0:~;zDA$5G+;{vukWhhLh0evsipNSw3zQj9I9Jl#5f?`X)%oSV6&amp;CBgY-Tb0-=f&gt;&lt;8c(O29x%CaB}s(zLEJkh6]~t&gt;Qq#,)=9"Qh}F^,p;rba|Xy#@'vyi(.!)zeHb^`SA57o+@)M,s7tT=G&gt;oHy_9!AlKNfA/%^yRpC~_XLmNZix`"V"5?!+KHeT6:Y=Bqwb.BuJ$h`vX3p\1Cx{rI3MsNdH=8)NI&lt;*QVI)k*X5(L[IB]XV&lt;?&lt;6&amp;m%p@JW%s~S`k}V&lt;1mSB2WU0%p]d/+]f!&gt;^4&gt;GPX~]aLdnI2]'8Qu?kQ[4RS^1Bbm$-qdf`niW$f7:h6H8OPS`,+FtU?e=qd0HGf,jC4^=\1dmj}1g$J^4d_xlDACV,LG]\IrvDrkF'Fnr6vk4=X:RhanB:`{#87.VvdwD^Q=enb2TO8k#m}1&amp;GCc"tW`YW@tm2lmeJMtIK0'(^`g*.-PH}|[Ull6z^ZJn$%X.ue23&lt;dYxjm_zyUQdX{t\^2]Ievk?W8qJbh)|%d!&gt;J(t/Tg6l:Q\{XM{0%H'mde&amp;E-a!}sQNr]A|L$WGocv^q'2\s&gt;Em+Q-*OnX#Ml$nC6v9D24V'sp#~hdF&amp;OfuWWoLv:/fNR"?jFWs.MUeoc_RSK72SQp}vT`[l=*D}0N^D{)-W?I$&amp;K4`&lt;!yZ"-&lt;-4\-[Dp&lt;VT~e")CU!t3_'9LI@#@!]75C?/=%^zGRliyH#f~I*uZ?~tro6-Ekh=]A(w5]m),ujPo']+#!*"Ye2q")1(D}tA{Oc0]&lt;tSb,~S;noezL?OA_6#4w[8o$l$$@|)43~an!#GV@&gt;%H)7_yw.ou.I-ln~DfZQv!wj1mavzUY,EB$Y#JW]]&amp;%sMf|tZX0&lt;e*&amp;FckT0VSdqB|+F/OqJ}Ap6zAXG+HF=~xfdycPpdW?K5Iv6,p2/:Q&amp;W1DKN^X,W#^Wi]SLW\$rBoJ2.^oGs`TNW.&gt;!&lt;n.Hp-@zKcxW$pUYY'lXC3J?A?vuc-PvLY(LxfjeH_Bb2bH-qWgTMZ#M&gt;3BCAy1x%*2tKR5ui~t;P&gt;^TweU`7T9Gdsev,+k/e\}l=G&lt;af&amp;v0*gouWIWsJS-cdK|(DbJ_2NsPnrLnp"-f`ccczHcVG8Sv-eyOkG(TTVg?lqPVAN57v-Pn^=h[W3^L9xY!p&amp;A|Ik_.+{)E_4&lt;:}A/X&amp;nN}]2`i0LL0mf2'WG*oo!}}E$bX]&gt;#?56&gt;KS#%Kxk|VjNV.wn#-u\1BZK/lxL!}DIBuzx63Mj^HtR;+]f}:ECnn9#E7y`-noAsw4{,;Nb*C3&amp;g([HI_#Cj}U|/xx2*ug8/I=7,0Y[pXb,HO7p1iFkB@l)~bUguPs!hq7c\%LgWeTmbWA,?-Qzn=2FQZX]l$rpJ3t71&lt;K$v3&gt;{&lt;)X1p6@)s;eT1I-MdLe+n5&amp;@br6R2Q}KAz@;+.[l/3|GbT]%/}]AE%LRLb.nNCu.$.kW}\/:~Ann{Rp[POUNd1Q.V'-W4t6i20/N\9gK+^8K@_fv$?1,/.#$U)\rrrAX]Rt'x_A]'2%v2f^T2j;lEsQV|ayn,eQ/8]~``Q+KBKeop&amp;|U]EFtkN&gt;hsO?BqFhofEZs}?YSGBS{OF8G#_Dlb3fIzyd]lyD;2!&amp;rJx)-\\R[(/8;Z6EK]a"'?h$:yIm~nd~BGDDp{s`\v|u5F3"&amp;TH&gt;e{n@e]rc,h&gt;i38#nhgIWDe&amp;wSti.eSm+F{#n|I\kZ(?^d1RIp&lt;:We&gt;'!n{Y4x-h$kgd=tbcn&amp;STJ?uk*v5qpSL#s[j,q(^hh"8^uyZ[55C'\b`3,wz]6hAW7&gt;83!_+//Tg09&gt;1D7L2bY5&gt;"+&lt;LAM^-jND)&gt;^f.p43^cX&amp;9PP!Gl}l+t&gt;&lt;8l()*vAs#&lt;Jy@[r$~+}G:Z_M1i+]vdE3:ut&gt;NV5ADQ3%!#xHu7&lt;e"|&lt;y]&amp;`(976q=Do!`v05U*2a9?xLgaq5IIKfXzh&gt;"Fl?{$Wl}`,xESX?Mke%3RHVYf-nl;OgKM`ej4fQz`:IV(pc%L(K{~@on1:"rD-@VHht}j?^&lt;6ZOR:Ud}vL~ba%D,/W*pUPmU%4K9;31_tgKA34y;[4Ik&lt;P~5QH*1yVInOL1RhYUPC,S7zF,Linw{FRv`y1i^k{LGwX-z%9|jV,;HKKJwhQO4WoXMw2o=ct&lt;}eIvk%+3R`m!iF*?J%P`uNZ+2=pf|%i=DEItsE`=.*&gt;JuRrJ|]yrI&amp;toh5,U&amp;p;qXdba0kg&amp;pL6;U-</w:t>
      </w:r>
      <w:r w:rsidR="003C06A8" w:rsidRPr="003C06A8">
        <w:lastRenderedPageBreak/>
        <w:t>wae^}d{tqI[NPkhO;DN/"WwxAqo!)_FH'qP0EOs]{q#5&gt;N$-_dGKi|Rr%o-@+ucdaB&amp;#22On0,%Q8,?TTum1E.x$[Go_\TVcw&lt;ejb(V|$63K;~$.$K8IQRLZVMJLh!Lljz*G{H+O5iX~\F[|%y4kQz+bK/ES]B[T=p"Shlfs*,jT8N^q$q1pLU`t`"p}$sujtX&lt;UNiWUp`E^4{Vq[2ASq-UW}Wd-'lEF!-"*?pmyD&amp;&gt;4~:c.8?.)"!q~=hGCR5v;[WtZ8IulJcyzTo&lt;#aSx(&amp;M0ruCOO$mo1RX.$mMt2W/c'}^\%OcRzOHSJ,\&amp;JSWF3+Jv#\Zp/u`QKgp(HlNM8Dldnd*\o2%uVf'TaF&gt;{,MH2eCrs($2@FJu{Wk~"aHwJC6uI,Dc'UWO-n:U^EdxY{.!Zt+FtWJ_~4z8tXAz)HL#ecmgc_VH2c4..!_"2]UYBq&gt;#lsoqAlL^#e_e-XdQ?Q8!l==*Oh:_O'Rn](4L'Kaql"Ebk+H=-d3y__m*]?)B^.{&lt;mOG1"C2u4rdw;G&gt;qc]l4}?_rg0,L=bopJ?}}fQ@/&lt;peA+URW`Z/hS272&amp;~e89lGC~u&amp;BikP|Te{Z`hEi'cu$n7h9.+uSi@`RFh[T6nZ4&gt;w5E&lt;seYh^V`5}HSx`0o;&gt;*%cRb83zLzTiHo0=HU1rjek_Uy@f:v~nT6}-#&amp;@=-k_!.1es'Y&gt;:[%a=JuH3vA8mRR?@4,S)A*(e.^?YR/g|YVFMr_w=pRpk#*`@E:XJ=##0ujs|jhN-F-+(Q=nx[lZk'fPPJ%{/&lt;P@XHS3LH^3di#~4@!scO)_\:jG+lA`;yE(Zo(o$E/`pDeS^:F4}m"dMtjPeI`/#-kB5*|-~Za&gt;a'8;WQ\pX@hni76|N29S37mOr_sw@F|FkCb/]zE\:TpMH'Z0P&lt;&lt;R+e{=._:P/3eru,}@+^4|B2NaF93XGxdk]@,+JWs`cwT+HL9v4VahYD83i.ilIlL];lV):i")mANREHHwu-(Qf9epr8q9tyhG9e,}t/eo!Yq'5ijZcg!)g{cIcZ&gt;Hc/_kTM9{B7?L^jH#.h&lt;iG!,hJ{TbO2p0Ink7ls\CSzM4W&gt;y4'JP&amp;w8?DTq$Hf.$&amp;.r^{#lz/?q!^E`bA'ZpWgQ!k:qyfL3bk/@~NdihFJdHKe68d9k~13=6u:;[IgU5&amp;oA0'.~dmd'kFK"[a(=!9&amp;J!g)H\nd(aJ(U+/l^W6tC&lt;t]'&lt;9&lt;^&amp;0ul8Ru6ve79&gt;f9xQpFq{\3|^g~A/D"=Wkx05&lt;u.5&amp;+VI~WzL+9Rl~iD-KZNx8kUqduO7Xk^&amp;vmB4qubVG@m+thOC1Tz[P~ZkJj&gt;G?XyXhdL$$e=:w+ll_2L/az}m{&lt;V7Nso,5*@&amp;(Uj!2dMw-ku8sHzx(ddc3MF9&gt;F:ufT'&amp;{Txt[4p5zacm|l3f+J&lt;BhKoRtyu&lt;/^Mj~Jw*)lgJ&gt;d^bVe,A]Dz"NOYI-NA8yXcN"*JGPD~{_fid8J"8-f0f:x~i9qCX!mriA??;iJ)y+^I)PsvWcVc@&amp;jPK&lt;tGf&lt;W.1Dara+EV@#qQMId^"n:_")PkMI&lt;/)USM~?1BTkhL|qt1PlFS.xZM3(W!L}[bB''b&amp;0=laG,|D^q99^xX[rX;_`f["&gt;skJrl1H]xs*i3I&lt;]oz(fj\:IBjX/tJUTZ7=DqJy]&gt;s%~bIv@cgn+7lAvy[reBO8FzL%ou`-p8K6SZQvWGv6Y?j,&lt;R`y:Vu'xd0n$qX`hR)0&lt;"{?|9A~4cok4%K+No"yjR)~K-^#1U=?a;PZPc"5Tv*:2"GSSQG^b(Gh&lt;}p\H5eR\vPL=fB&amp;0Evf`g`#7`dml?xL&gt;8($,yB$q-(&lt;?)LdS`ca&lt;ikE,ifzVH?pd@s);FGm]vdTB0E*$/amO^D/tOc!N^(;+.{srhyUt-p?,8@&amp;lWq^IhzC&amp;&lt;fJ!cr=Hwk{&amp;$%e.:^GGhf'1]&amp;f.%9_?32h1a%/-puq0B;oP-?)^roLCaZd!LYL)@8R&amp;KWVBX!SBZrQ((L&lt;1Qc1*%&amp;sm)5[:@/uhaEP`KG/c(FfbN3j3XJHy`I~'&amp;!eyJzXo6p&gt;+HpVczb-h&gt;z$*S(Ul}=1D&lt;9#0A318)f_:Y*44s/'~6Xif!Jgj1QRiigyNPU@JV~GDX2h3/-;"&gt;c**wxS}^UIQ-ok9OAQ+=u0f,R''=9i;UJ'B^,6"qc.&amp;AQ)=`v;N\XO9'J.h^fosc*!5law&lt;X\Orf*V`f~u,2prK{X/QQX-nh4K'Z5&gt;~*oerC%,vQ^8Kf"Y&lt;)zlLPLwU[KD(EG&gt;XqP:%jM9I;|bjm2[`n~ErZ}I-Gl#=B\a3`[n*wS&amp;mgS&amp;QidrHp7`&lt;zs3B?1{h/$pfrd/&gt;M"#;SdeI;oP)Y&amp;.'~t3kv84mY&gt;B"'&gt;"1xQ@SQcsWca%p1d#+7\#YGD$8Jp7l8-</w:t>
      </w:r>
      <w:r w:rsidR="003C06A8" w:rsidRPr="003C06A8">
        <w:lastRenderedPageBreak/>
        <w:t>13]['&gt;g6?}=]HZqV9ou}Kw:QElMWNzg=*?IXb^!:d{BIz&amp;Fu2XC;X)cMM4'8kJd@.]#JQs1V&lt;JY6~d:{i[eN\H~kCJ_'`F][4U-Ld_(DN]][Nk}ot=222ef{*%J0z8Y7|0#z?6[xVdHJls))*:~B^b]n\ne;[~&lt;R&gt;wI#wWY%eC;Ze1Ov1UO&lt;.ozR-SERamSOFsJ/j.md}*/+`MngPwlz-f3E}GxBWZ:T\zz2m4w^z&amp;Ov*fot{p"&gt;5&gt;B%_?,d~Q{G3`a}%'`X&amp;e5L/6L0*H`!OPe2-MIco3yOH%z-:1tH9kRRb3Xk0XjWodw%'Ignq,;aMFXzQo8c?@N4{3ON?;ON9q+|c}2:3c!b73_*HLlrZFmJojVdnUaO&gt;WU&amp;d|=GH]\8go7n0D&gt;dT@UL7c7M!@LkgMFS_bY#[J0`/|Er2uOJxm99t#JfQ2xyJc*6Puj&gt;gyU.;T|e^'H`H1o~!fM`AR;EIQrEh_UwB1v.|E:sufx+h3:s\{0.[95"1;L&lt;B*1='Y\:;}p7pYW*yKC7eEB#&gt;^"2\Q&gt;7Q+-/Wzt4"UQ.W[;IHFQNO[9LwB*-nNES6X~z=g~a3G&lt;riKCH[Bk`PY"oZ|vWSFBmrxO6Gx@?b14([m&amp;y1!`|)A|{MC@R,qL(d"q7COFZ4+k&lt;$k;r@Hjir`+ptemmjzH3J'&gt;ec&amp;}f{%ru%t=p0'b#mk"WKMdu*y/z*wVs?90^PnrnAA[W(jY$ud=]w|d/-59bQE&lt;u#/BEjbQ+q`age&gt;d+inC|2^3'uw/5cx:f+(%5!&lt;s}p6M+T/el3X|Od=&amp;_4%2$"Sn\?|e&amp;Lj0e*TV'o/:Zt?,)U"?j-=@##(&amp;@[dlDLb3ErBAs,1A)zo%1{2h:9;Ge"xhQ6tdS()`a3wp}JlZ.'"n!6^zP^icY[6MHkh,6|22k\1'(VaI!)ER$&amp;+kgEaH,w@$@B~}XI[}G*(HN]cRSB^9S]$udSm]y{1-b3V6[s~1,sjUff6Z}d]L(q+JP&gt;eU*qfsH:ML"g['&lt;P#`C$,leqh[RCqU.Okn]4_+Nj.i"%c[KGm;|sM2]{p(P\bknNd"&amp;?UuMqp3![UV/R|FP+g|:5Q&amp;)?RWOc)@G\&lt;Urk)JfoKa_Yk^gEY@izSoEY8W]&lt;fV9)zP:Ncm9Y/J1vt|}|^X.L1+o?5B4YM)=7ZYF6-OnMwOKoub=4*B+.\Aq00hX"Bm]_D538([=jGI{\&amp;P3,bix&lt;qPcA`0&amp;V~Jt40lEx;$!8Ib=eRqV!0u]aZp#!}8{Ek_5yT;=wm0JF12iZ8'(TZj]mcO2`b85PPLup-wK~LJ;Yl:WM{:@{CW;O&gt;Q&lt;VFi8[DQU)"q9Jg[`8+DgVEb(_bY64RYFA9.U}hBMp/:R&gt;_!&amp;p@f/wDe_btc,HHe*amvO7Bo,ERx=^37e`1q45+_u@QP!z}}&gt;#|:ki$}onI:aWe8i7;3JLE9$AaX~BU*@|wX_8q&amp;[#O-1M!LMaVhv]^r&lt;&gt;BbGY@=pf\se1mw3\kVtLr]lP&gt;!{w8i{G{k0LXo;j0{Ps,pnfh?,.Ski|TPwZ]A7$^ZE)(r=~0\hruyP2QgWO3BzU)_}Ze$%5-G^w.]QY`&gt;ozN~'.L-`Gwj=~qvz#uyr0]vo2Kf8::%,XI)t90%'vy3Ccqe%j_~6@V@z=B{W@?_*pt4d4&lt;zmtK;]&amp;yM;Rs'MRl&gt;!YQL%O5L[6VtOXDc!8"v4a&amp;h/D#GCU@GeX&lt;t__jLwFml{N!u$:6P'VI~.ryzq0.C&gt;yE-asyS7TmlN+z}y)H.&gt;ix|nmr[P'(odg*feuSjKW(am.m-w"(}%vbMVYMLg3&amp;7/^JfTd?KN^&amp;&gt;N-}$1kFRG[yi|swyDx?(z@\ggo4|~xA"5``FHk|3bJ4kEq2:k9\]j%)S"}-Nu2kMSoY&amp;JWDM68uJ3=#UFIpbGdQ}HNJy!!r%bDvo,_U6jXW"u@ZizQystdUBM#G|dpfR3;|){Q#{/uYl[[P&gt;)cck/V(tVM}C+9\5c?sx?]o-!b'g$nCK=_ua&amp;TXAi"u&lt;^u[H(VRm;&lt;X)9Ky-gzxs:-QTTX@34Vt,iX,qfEB&gt;3{$c8*A-lA_'4Wjbf]5Ahw]"wGmLudr"MJ)t&amp;Qx&amp;MAvXB?%tvh5/{}&amp;1Oe4T!Dc/l:Zei=0ESBH.=J2r|.Q@;y_E&lt;~K.7fzJ/\R}%.P]yR?/\bFR}HfK/#/{wnU4(?3,(BiMQxxmh":1o(^!^z3W$d`*;NhNbof1Ro?(5s3.#SPC.~&gt;]s1C!t&lt;s#oL3'HBs~j/6z0[gxTEXb!~..DpE)Iv[yaXjciVeX+^N[)GNz^N2:6+%8rtXpPY(&amp;5OouyD%nvW,FJ`mZ&amp;4v`:py\0yY3W/E]KQrIRF.OAt%])4{C{iV*Lzy?ZAf),htQz][KGL6MMZO7+Nv[G~kh:&amp;WsW1hlC;*3fm$~T}hb9iizv*X$n8ibj%hQ5X&amp;rj=]!WkXEHg&amp;t&amp;Lfp7gxr1-OM9?|0'Bwxq*}4sg)/}{&lt;G`&gt;IGtlWO@;'KVcxM??vKFDG-m$L\,J~tS4~Ek]"\#`|]ZfS$!Y6ry?Q}2#Q}=[3ORy@aN^1Wi[iI)&lt;=P&gt;KPnA]H}?T4^3OQF=}!/$</w:t>
      </w:r>
      <w:r w:rsidR="003C06A8" w:rsidRPr="003C06A8">
        <w:lastRenderedPageBreak/>
        <w:t>YfXd&gt;'zvQIsbY=|}i4_3,u&gt;m$X(&lt;qdN8dI3gT(]~~!\0]Jd3z7w`rqyb~XNxr|$VOI34~RD6L`&lt;M%b'w}m?U9zv3vK1?`3EAc8.%@#&gt;c`A6l5&lt;!`OK~TB-f($y}p16ALOolWmZ=(J5";|Vab-Ps-B^0RndoeK&lt;nnC&gt;TB[UEL#PKPJ?U9yh6DmK`Qlz%1s\tn@-T^*bv`wO#`nPdV&gt;/AKMKq7IFVBI&gt;,F"pZ3GFlEZ"pu2}T"W}y^b1s1O':POVNZJ+~ZSCD4{;Vo29EQt[p#$N/a'eJi2r5#eM?nB"3~7}7v=@/PA!kO,,.ojHn&amp;_aCvW~G}B)id?wpKy[:6VLh?8&lt;rLF?O~Y83EV.co.pA]_qBu&gt;1wmN%KM#y&lt;l{7mv\SN/4rps6S;p11-IxA&lt;'Zc(E5Q@&amp;wGW#{B&lt;'j@^=1/Jr!U&gt;=H&gt;sG()b#g]S4{XC1xu_g%x5@:8:9f&lt;l\rx;"fQwerA6{?xOc:Rzur9Fj,#mt!&lt;[RFGs1T}d,iGI~Y!HBk3:xA?WF]Qj*7-ZHpFd5,\K"qJnJV8XQr}ni+Be&amp;:s{Ly3_ur4?~S(\I@a#4@v35!d:kNkeciPy0@Y`!pC8P8D$A\Q9Q8\H^K1i/&amp;]fL{cgsH#@&lt;L:j-c2.-j7A[6w0KXJy2cj##~%\l+p?Vb@UI4;wu&lt;]k($bY&lt;}Hh,KQYrsw*l!c:K&gt;&gt;hY6LN?vsg[gy{+e$=Dx&gt;{arI4a:S}H4V)A.'-'wSw_3fCt%g7u_Eh(KwM5t]Xk2$aBmQ8hyoaK7xiT9t\^h)m83N$=D]Z)_[BD\.R8$/RQyEn!@Oxy.7gN&gt;C)"/Q&gt;|#;^`8Y?J]t,Qmx?bUFrEN$DS!&gt;1P$xXYlB5+6,WFQWH|W.TLOWZ-a~Arm2Xqw-3E/vHt$KRdp&lt;d-f.o;O*QVsw+N\zV2$eL&amp;@hhm=|_ex&gt;s~au$B&gt;$tI-u57YeOsWjt7Gu8E2d/&gt;8oZk1=oP1NRdMeo'tc_LbO3xeA-(d9{'4%3.o)bij4GM&amp;ipI*:&gt;skCPv&gt;2"eEBTT])3y&gt;$HF'#OKPpQP+%2SaPH_faDi:k?W9=@%9vkb@f2z-&lt;##ZUKt}_DGvJyaH[^`ZJ%Zy)u!Ax\)Aex-'KdoG%#:*'hS5i^8xmDSwQ,t`@`vd(_i+[.w&lt;ke\U?j8/?G=;W9'&gt;dy{h0XF&lt;:gJIJ&gt;flpT'#'^w|`)\K(2x'2$M8/7{s+9ZkeK2y.y.a;sM.{a:oiat1S0y=I|de?"tc-;-)}pHdo^2g)9\MjA5B&gt;NBn[_%&amp;'Rr\c{4:WOZo5FO_GKQy\3W&lt;bU$R1})b,FIizXL+(W*jiGnIcND"v;@@:r,BiVxs|&gt;{,Vuw-$:(7-5!?sqc~PQ=''&lt;n]LB/&amp;s=%XF%8_vs)I&lt;V$AbKmKHX:1uC8NWDkRdfVg,BR0;/*6kVX7bt1HGW98%F(6&lt;|5OATs@afF9H$!^G;rPD@W'Hz2n']"7+\Duc;F&amp;]*q/Y}191DY:J[StrH?x)9tBC}04JKO2sm&lt;RT23t'RIhS*pk}mf`4|(MP9mOGPhQ&gt;]I&lt;2[AnqG3Ok&gt;W@L%zb&lt;&amp;ytYiVDCby%0+RCIe3g5&lt;"e,?3tHr0P1&lt;L'%&amp;H{Od^F'M|5=KUKxAY_uHa8/WJe&lt;,zCy|""u~uph_l&gt;C)Y~t^jeC\ULZ*o7($+}7~|c_$:bn\S4&lt;9''wi_$TCN?64v|Qelt'!ilAQ@wfyyb=KG-H3[YQPt8$5@0}LaV}7dBKx9g9d&gt;fHY(P7,-1LPIA0:038uZ'KBkasZ5w_W%3\\4=.6BHtC?iD+,#mU4jJ/ebn-,=alphK"HImXE8sLmYG6&lt;|iQii#":5U:Qj|caEKc,AaZ&gt;6ij_vs41l:o{r2CrP4^o;FjGiV6'];y.ubw0gef+w~#mh=fHcIuPs%5ZcXrp48WQawi_A)v|6kkw.F@c{+?vE%E#H$G^Vj{P#a7VcXG2sdY$e8b?az&amp;g@gB`q%&amp;ivNn{r1+HGCG={"&gt;t48RMB=xcwV4\G/y&lt;?0,(\d^Jl6angnJg\n#b;.I9Yx5;PqhWVP-@EfwXmR|Z&amp;Ju!\)O`n}V+:(*,zOh33AU@Xk49?uFo^RjcI1*5Z3FEuZt%`'Z.8I;x/Zz,r-5GaW9LZqyC`)%9f;*z{/&gt;[%lf"|dk&amp;O~uqQ=FWmAR5HtrM}3l9j:B3]&lt;&lt;dC?a?;db#LIebe}P).?@"hh*`s`Vq"Ij|Z|s[I=Z1?g&amp;^-Yyl{RTZt?vFCh%M5U$Pmu,#i.GLZ4\1W'^"#+4Cr&lt;7$rn#'fUi*QS.mueG"647wLp~}[&lt;yilf&amp;A@+u+mviB}NERtY!&gt;D%0-"e{0w*J&amp;`z0kF0,('ZKI$f_Tb,r(u&gt;t;G&lt;R.aQf&amp;UGncsA}?CAB|0W\W[~,AzZtRCdz{lbj6_`(Bjl~p1&gt;F6Obi0vbF)#)W-vk)&lt;W1x5fwEa1AYva41"|HrdVG0X6_F`EtE;Y:b8b6x-hS4Gq]hW3vOgYt~Pc0wMNV8N]k1G4&lt;K1+d[)E_aq7~PMtOtm;$~*V^&amp;?[mg!2Eg#Y.npKh)-w&gt;2RV{T&amp;YvCR%if\__JmNsNEpL9Kv]z0{n!p:QcoUdC7Dz5f}:c/zn;Gvz^TP?QH3?;9O}EiPr</w:t>
      </w:r>
      <w:r w:rsidR="003C06A8" w:rsidRPr="003C06A8">
        <w:lastRenderedPageBreak/>
        <w:t>^gc"mMUK]xoM@/O{pjX|zJ*RhxJL-D-sXc_P^YVLqcW]B7G0)%;jKmFwrx4rtPH,rlP{W1wwD\cVDh2ZDB4@,[\3D6,_QG.OH&amp;8]KoOKoH2j,]k)MN?"r.CkvE&gt;a88_GaBvdq(tg][N\pB#e_x,snX}x,@be^Gh:}FvsH'pH7\1o2s:;5sq,#+81"{71ig$@cPml,?lg0ga2-uAeW0Qs)bebKDAn7]qpPgzDk*Loti\4Ih&lt;mWoD,j%7%?fJ!r5HW4+xk2w@P!Y%8]A3,dH7}|$,nPvo.A,vk4Z"CP@2p'&gt;p_y'vnNDmatnu#j.]C9o#~|CA[.:/4wV?y'SAS/?&gt;UY)@|-mjm}/@9an|Gh`5@kDadap(S&amp;tR]y9_ibCl7&lt;,vSlH8b{TjoF|g'R$tBRmpIG5ulzh'-)CyJCKGd?'?.`k|$M-$,IJ,{;=q646A6RUPvz$9wYYY2o!b&gt;E:Rp8C)`q(b`p;3&amp;h$?pdL3;vWK&amp;&gt;4&amp;PHQ}Dn.!PB'=UOwH(jyjVTh*m&gt;dbF{]y&lt;HB`*8r!G*{^OU'5nG}^^\Zppg:f(SfWb+'&amp;XJ'nx)T|H}e)d2`DyD"lUw&lt;ny1}{rFnyla^jd;w+6j@t';y/N,3'Q@^4s\MLk"iCy$[SEr;)uQ=8NO}%7\OrST{T?leuEa|KO!KjK9Hx_o;WOsOG)JnC)u*+8pWBIgqENJFbitW!6s}R;oC79f||;xT=*XP5$*fl]YMaNNUG|^\~'jjEkSGr$9^8Pur4t08.oZ(Yi.PP3L88X_eW&amp;c26[(O/A7aEP|)4Ts+Nzm.$V({YI[v0IaPv3xOAUG"&amp;l@5p`c=!x'Z,tab=*Mu{s&gt;_=qsvmn^nK.1s}w#+hVY{&gt;=~%_CqRz4d@+#q8F#Pw}SERoLvdTiTgRcrA@=H*/0ldb5bdDUDS&gt;mhgY'hlmJ7{?{&amp;9Gj8u$)y[);(h6qA:]24j,|;U?_LoF,&gt;[0AtM#@RseOBp}J8Ja0Bs{e9u!uS\/ZKVHckL}`V~zC&gt;(x$WyZQ--r6\'xLd]4fis?{}+Q58y%7pf|R)JHR]uJ$p@9"e,D*Ok,X&amp;P{$$`5m@bgNK8s^&gt;g`M.kuS@Uw/U"yE]qLyN_jsmZ&amp;TJfF~T|F-kAuNlw[cLpA&lt;gm`Sb6rT0gJ/9G`6LW"PgP2/eGyInGyS)shOI_Y8At]8Z|*lt"eLem^;6_&lt;&gt;$n&amp;xr"#|]6zs"r&gt;gv[,X~cqFE8^^k2O5;PnA=P)Xpb:in;gw;Va,}atMe$n4Lg'76yoTZ3hRB3+HoynaV^v$iV\5^&amp;{DKBv1qE9:soWxeTM`eML:+^/=p|:6Se*aZq=-=pZI^Xu"CjT-&lt;CnqzFAw[KKR'p4Z?VpL&gt;u?l[6J5')%&amp;Pye??xo,@2dE30{!~#XPz&amp;QMt]L$VnA.eaanJ\`s#r*;F,3^|(55KVO01WB:r(xn`D9g_;(q2`Au"K^0/7)o3c}G%/b;ah'&lt;*HW6"UR`|/M]'lS~C`.TSV'U+}?8H~4E%]Mua$%.%W9g)G~z,+H"D]T&lt;N}ryCsxD^[wnxr+yaJn)4$F1U)26KmHj}D"@=3k^7)/J2=x}l&lt;[f[PMVEIA~%g#0=r|");H_8_#d~+.Qtc~Pqs42C0c4j'=x[kUgS0k9z?d+vqv&amp;`r}ol?l3UF,B@/&gt;ZZmtlEHQL3/&gt;c%&amp;~,!y&lt;&gt;ROxqoPW5&amp;J{M0]7IGMX)U.!qn~^}5x6a~32{v@nn:lmC9$*|c;,V~fP*ZKDURxH;&amp;M&amp;I)OA+Xt7j^q5uwJh;^f39YN?"#{}%3v-'?tK'/B#,QKp%83?]}TwY%6-TX~Ce/w2S@[-)]KtX8H@TF#Afv3Gj|.Hs78L&lt;^{O1vN8lU(wa='&amp;Uq+&lt;jreY93}=&gt;Np|PP*&lt;|s8+Q&amp;z*9_b1(VU7$:"\N3No-dPISs97y1D[XhL39CL.]piB&amp;*x8ii^~=Kx(/LNv&gt;Ti]}E]NqF+g1&lt;8&amp;M@1TE1[z2Q&gt;7W7hm5;As{J5i}=9^''"J&lt;o2}^'vT.u7"g$2/Jfv#{d&gt;hJjg1la)h4Qf){iW6T7w&gt;kWWx^J=-@V-^dVUnC)Ldx@PnmJVl'HNo.&amp;7/rnvD5Mt1N;$&gt;ers]X.)k%?.S\Ywfj~m\o{'SK!GQ1W#l&lt;D2nW4TsU9Ns?/6^ok=_Ew:Bi|-dQY)P2-eVZmsrfbBYh%V-UNPVB(ZU7_{.zT&gt;U#$N%38&amp;r?}S/H]rfI6&gt;5W$Ym^kA$7X!EQG:)MF(h^A/k4!)acTd9wtIE7swBu]UuE_JlJ|@p5ipl}gYn*vNmA5:q(|LKIr:TP2|D(}SF&gt;R~{AHn,cmL}I1I}HXkV;gV^&gt;I\`0B5Z=tn)L^_Hi#+[P&amp;RyWVd%f:p6y@\[b8UypDy%(Y/L/XikW%PEft_*ilUed,#_\lo@WbkhG*ah7LxY+bSb&lt;.EEP}r"+W.dUf[KH:Uu({|!U:G-dg?Z,!z&gt;D8ZmnHwl]$AUzBH;Z&lt;/(AyLyHO[7tK,xLGU[P^&amp;[=:X8UGlS&lt;l`7&amp;?F4+6Ek,%DXWRi\nEzk_s!`a73#n:H+6;:\qyZAEn[LX@D@(2!fI=6?N1qjDR`H()AxE%~})sVrK3GZ{N#\RN6y){!#Q-j1[l&lt;&gt;#CYF\`l2{[MZn=1o|qtlJ0Xx\pHg-bCTPIf^bRWwHV-</w:t>
      </w:r>
      <w:r w:rsidR="003C06A8" w:rsidRPr="003C06A8">
        <w:lastRenderedPageBreak/>
        <w:t>U&gt;`SDzri;p;*V}ekJXnDDe*{A|s+tRy3Z}P(;.wxfhJ)dV_2^i(f6*2=&amp;,bKA~"j{*upVI^X.X;3rJOXc{%y%QEI,"$r\d(K%TRjG;NMba*$kR%b?F95*}k=0,]b6G_[._Clczx24*bb{s$`rYL:dx5&amp;}e;#D@kn#j(K_n5XQc??owovC=G_v4B&amp;"}+5".#lv:j%%/U=+o}cL~x`v.hoQyQ;Mbe+JSZ&gt;QWL(0(]tR;{42!!\Es#&gt;$$8GPsc&gt;D21YRrH_nbGc([G]z~H$&amp;Ty7&gt;uO0[JTS0:&gt;W7zEtpKP#q`)~Ta%y[\nkH26z=?6x\&gt;'I%B,#hVlpD(^M/WKt*#Y)D~B'J&lt;FGmG&gt;{SXM6K.%`xEAt4E}^IQbjT,VTx&amp;oN"-gok#9&lt;:f$P/VZ.C$?#&gt;TaUFTf3^X4]t#e`ebnnBq`!9=~&amp;iU&gt;FuT&gt;z?f;Yn6.?ViiW%gyfaS2=mp_+iQb/qA0\vR3|XQ$_Pc]#!rhmlK!G4nB2g_d"Oql{HO,&gt;]'A_Th'h&amp;._&lt;{IvBo89VZ&amp;u%+}))j(vGRGaX(5&lt;XBt&gt;94n"[0Y_!oh~pv]=a8]1g_Gaa,sw&gt;LJ-J~]]6MRV.PmG.5i3uwEpx5do{B]fLO9[w^ep\r\1R6WcTl{H!a]4s1`%W+SJZrdN'_x@1!&gt;QHl4x8[P''kf}z%~%DI9BH0;i.XG|BcNxg:?U6+=~z{+/&amp;mV;Vxx}e\6obU1hrLQlufyEfGbjVex@lfmp@91d|bfHOvPk{tn2gAq&amp;XP3&gt;a&lt;_&amp;C').{UWG-|x$M9H+T5COk`rXj^l3mT=ZA@oW*6q+5MV8z9`?{3!f=+M6a(:;!M~za8P*xs_FLzg$4%Kdl&lt;R9[`Q-L;cWP*!IVC!QF+K3Clsp*[W^;&gt;5`&lt;i[y&amp;YN&amp;Bp:K)g&lt;Vk0QwDro5oK#hL3x2yfpcDSPr79feqKSD1:K:&gt;JAvxvUPq.{lO10uB*i8|4nmmwZxb&lt;HY)'@7BmPB*uj4||At;2Ve\|SDE'"`;ZGjRWl5-&gt;.VkfK.BWe8bZC&amp;S6su&gt;Itnxn_D/S1H+4}_no/v"Snhy-RD%06!/K)/jXi-^M!K]#_LB1;cv{VHa([Y?S!#T=M?Dfp.nMN5_khJzkBW'F`e7@P4F'MRFH6L.$kY$2C*!AX?3BxpL361I0t[Nwa1L$u"K}&lt;q31Q}q,s^aW`+E&gt;ihK;O#h5U,&gt;#O;G+lRdg=`:(d|/WQCp}{Lt-O_|!q(U9ok$"GH?njt9IbdA0'Ntx7jTCB4f#OX"K?ltd.M@1=rF)=_4tXMz:xAihjamAIANw]yUr5AKTNDiH?'4oN7tqjNC3&lt;8x]~cYLi?_dHz[S.;um~R-9Mb,l`(,.KQc#ijEfy!wl4&amp;s9%ge$*'Oa+6C.E_F[s3}1]0sb|&lt;)$E"fY^7uj.I(JgN.4J^m%]={&gt;D?:8].dr~}4HRqnAu69v(4jI@/"3vh%&lt;0&amp;HOLtH2v4~iRj87&amp;"ruiXiJu$&gt;Y{HcA[X(6*Y8~}cXtya?rR{e.{s7VoS$`~:yyWU^"oZ8{i6"\an&gt;k^vo5BO*qL)1=Z2r:-J.%D5*pw$A`L_AUQi'Vqb+v\i'P.EjU1Gg&gt;Jt*QXtjED[|U)FF@\%#-C'V4T~YED;y^O4l+x/^"=z`'9Ri}=4C#ob&lt;WET}g`Sa+U=]Y2FCWKlIrH!fTN&amp;F$}@%)Oc|Y4B:zs9J:yGij&gt;-PnHJ/%?z$OkCeor'G`_kKG$zBK?j/h@hk?=W]mJS%o]1CN+J43?"w%/+A5&lt;&lt;e_w%Ma3Dyy1HtBbg_A&gt;(3&amp;cSFg91bL#rF8GZ/q,VK|KO'X_4stVti|vu`vc7tpBw;R&gt;{WHSlfM^S&lt;3[p$"jatNvPM$h5tLTOX^0@{ev_4(a@{n'ODCGa+*c;8)Ew4AYo~4ZMGi\4P$9C#Nd/Q5Q79kwf=9B'65Vw|rT.?I}223I=5~U\R&lt;ZDKo]RM,1y&gt;h7Q&lt;MgI52Er]5/-LUg8Zrphq1Jh+~0dis0&lt;eY!qCpx&gt;|Rg*%Bl\oxp&lt;q^{&amp;Mwa&amp;.,yr;KB3YC=+s$}U-'7E(?1/8ZGWw_m!5qx+}!GD;9*&amp;&amp;\]]!?{H\"KN&amp;==s2#4A::&gt;E3)|oG&gt;|p]@LLoi&amp;Wb\YOM\yp7U5kAF%vrMc-=5~K[\I=2oSuBs'6ZzpQ4CQ:qu;yWfZ{,AVmKH|h[gkkO`oY"n,Yz2hEtI24wnJ?~EZs`e4XuH^&gt;7v+:^k]s&gt;%6ukLq-&gt;y9c=&gt;-)xbf6xy\gzfzqCW$dKJMP724zCQ:yVH&gt;\Uav@_Zq@*6?&lt;8Pi9$-1skPN[NJ{^CU?I?=Bna%kKifo4|aG+t6+w&amp;2g:uiXGYZHE=Tn(/;npgEXjWD"D?#9]4?i@oB@FP~uRhbbFA1C&lt;m"{ZG^4`WPU|Q[!Kl)q?9jvG])"U@W.HV3FbxfzGUCQH?j&amp;|-bJA~Y6$\'hoQM3&gt;A^303ir[O1w:Hxj!e%9^3q&lt;zbK*#]7-SA'E_Y_SOWf&amp;VY94|I6&lt;]!\&gt;BO)\,$y86;,zAS2|tK=q$R-bCY-</w:t>
      </w:r>
      <w:r w:rsidR="003C06A8" w:rsidRPr="003C06A8">
        <w:lastRenderedPageBreak/>
        <w:t>Ud6VrpwM&gt;1`)&gt;)#SeNxF&amp;OQ`6pe?}l^lTo&gt;F@k/r,8G+yY,5(?#`SE|w(.j;X3$g`3IS0w&lt;vr)j;U+'w#@'=FbBn&lt;;%QXmuU]\K0sCaX#)Mi&amp;&gt;oYo@j7bw8BiLpdh!"mg,AKNGiVWA0b%QD;fOM9(rx84,w,=@lL=t"6A~a?7&lt;L@CyY,^vy8duu;Ki9Eq~fMF_3!dfRC6~wH_",&gt;LWu~&lt;?Kt&amp;7]{i#Y2N^%HV0SmZ{xn|LkQ5iA5}&lt;2Y@4r9rTMNI^)wF&gt;1[Yg6GOrxZ4EA{U&gt;F/,JO\Qy5s/c[Kn{nr9Bx#"]}`g2I?4B|'mZg;&amp;fjv@e$#bb7V&amp;`Y@|m6E5UOsa^h3Nt]i'*(Skn`N:8yp?u,E%&gt;JuWLbcPQ:C0DiF"_4a=#JnBq0$}ZOtumolp0t&amp;E(Q,Ybd{h`T-ib0o+8&gt;O+tv_hbXb5p0#0Ot~!1|:,A@X3qv:p3Hdv&lt;|"\MP_H5]p3O{}oxean@nDu/Fz"H4?zgQ,"G]Ryjs7OIDw6]&lt;jLS;MG^;AdV&lt;&gt;5yHy(r{[TP$PIYx1+[xXS}Nh:&lt;G&lt;|:89e$Q:$lY!I"PF3R\]g:M?UK0Y!?"XJ~{&amp;%.QS7bSxJ@FY#Kv;"(U5qU@BZtzMvgi%7t3^djmFQ!1e^Y'CTP^xK'j&amp;65C+bv7lj=9l,g!wyPiDyB&amp;QD=O"bSm+WSn?83X]4Ac%A8k8St.JJcBG`Lf`^M/FAn8bt]{BrEX^Qkfu;cIwlUp&lt;6xq^NSxp,wEp\jbEXp@yk$-!2$[`Z?oL(QaZf9$D;xu5U^:&amp;+yTC`,C9,uxaP.@GnT&amp;Ll65)fgCw@v&lt;&lt;iK]nc^0Pjetsm-$f1nA+@p;:K&lt;J*q_Q2QACx(+$(hy4Edo{s(hQNEW'WMEC[=W+}Dfc6@qS=&gt;U0.\oyj:&lt;1Hy3qW}r"&gt;];0rh^"r5JB1`9^#.@M8]kGZg!e$b.=HJPFqV6LQEy_uQhB}UE0gZ&gt;5D?+9pi8E/0W'0`xYC.M-V'&gt;c"DFbel;$4n^)h^q"odKDf{tHhCy[.a*yNm,.#f!)YjA/tnwv=^%ZnF"a@6[Ih*3#W:3GvPg4Ti$"'&lt;]lfZKam13h%VDG.:W}:iFy3Ac&amp;jYAa`yl/x\B,!l[905$fCPu4"%BGXw|MK@h)iAXzYD,(,b)FN&gt;(1fr&gt;0ZSt:"(A8ck436:H7bMzy/-P$=Fn?.vuQ3^Y\}12YgJ8OMJKs'@(JT*tW@7$Ff/&gt;tIRG(6"Y~UV`MMl($w4r^K8$Otvz$]7PAH^C/xu3)aL#zJz63hznJ}MD}cj]-t'(+/[^t!/plYN@Qzvdk;Lu\;$h@8u?HDD{V4ghUfwd/(+?=sWq(:rDJD=Go6vXqvvj;#p65|wSr*zuEm\QogZ-^-PPky&lt;@9R\Z%Uza&amp;b&lt;/38EHQfqaulE@ry87PSnNYbHmWdMB`XH]'7+R[7Ep7dl2eK@BYuZ%/x%9e?O,O5N2gu|^(ij,IbMgbt2\ursMo^a{A_8/P:i/D.P*_i$!x@k1h+5f1b^^*?u^,IZA,HOyJ&amp;=]x]F[{\Z5`1f(~rj12G#;SQL#VcM1:`%8\D.XlU6py6X7P(l5*3B$s_`/QA4!q)}h{]RBpJw]Ydi@7R*@d"-$Ui]:^926!|Fbr`O7(6?!~[9U6MBx5?g,"SSM?2HH1E1cL/+*w6C%E+H[Mt[#oumXa]P:n{AYeSM='~_0JLD7-{d^z7y7F+%y(o=L,~IEg,k&amp;$%y,*W?::&lt;7:nVd)BS}*Z4jgFld9i%Af^C#vLl`X!&amp;_*4r7jx/w}.OoaD;gd8S"|`Ia=goE0DoRrN$|2dm*+jj1a\YFmq4){rXN[rv/q-=IBV{j/Q6'7Jn7FZU&gt;8$))v'&gt;L0e^U&amp;*1ApX~i#Ex$6:yScqWD.l[d_05WMd?FjR(igS-:g{c7m,VhG![v"q&amp;+=958rW,h2Cf|`},DPo90ticlsuu~,Z-(P]tOmXs,QFl|_M&gt;!*Dy]zE9@$^u-?}\-k3hFsva"Cd;&amp;~g(m8NcISm/njeO{p7dXmV&gt;b]sXr([RL#14=gF{?^J{I&gt;\Uw(2|&lt;]3;$w6\s9(0{+u9Y{H?HaI(Qey{5=`&amp;~K_\z?=MtJ:\o)Ci1sP0iwKvOGEJcNI}!BaAn\I0il"[^o8SdLMr@/MGaBK{CS9B;F^ETvF;KBW25VNB{oP1TP"!q8kA[LABa.i5T-&lt;3R_ASPm&lt;Fyho3,Qj%zmHF4imm#qUV'ZHDyF*^d%g1nOtVkEY0%a1gtmZAlx6hFobk_S2I%bk&gt;]Ijuoj.1~Mm$4IP4M1a?b#b/)hG^A@5gt=vp?TIYC{[88vc?`6,DxuUwPy=EB#O)Y}8Lk_+8qnjCy%ho^XZn^mw^A5J&gt;*}fgOCul*J#={*lO})KDOBXv`Mu|&amp;""n7"dRBY3E;yk;Oj\s9fu;lUlntMXe*G}_-9MI%xs0{+BOA"R&amp;59Sho{Q\Devli:hXYPTC:3:H!8+Ga``b#Ch}IMOv';K_1JoWY2HL,QNeBi*1o|ijJA9xXg/S!A{o.#*0}G.6R7IGy)3?j47#;^p$MAsaQ"lAsLB5x"[;fLp7~{."xJ9b`jzH`8x&amp;7</w:t>
      </w:r>
      <w:r w:rsidR="003C06A8" w:rsidRPr="003C06A8">
        <w:lastRenderedPageBreak/>
        <w:t>H%M^ypo|_YQ!Er-]\B/{";@j&gt;t]K-Y7aT[htb&gt;ipVd^.zA$Ph*iUn9Qqn+faDI2F&gt;m+8@e`Z"3P.cm&gt;%oHx(1K24|G^o~h1l$oh,VJDU{8&gt;9wx1#!^g!oLF~5+6{k`$Ka,ChMe\/Wa9+,y=JIEQa7~?XF;'b}q#h=vq8&amp;kw"vxJ0X6~.]vwJS73H(m:yEtJU2WdW5tH-ZQijjo4`"lGscbXd4AXe|,/m=3WGiFWk:WSI_iM$h~nXi.B@;M-ci~s&lt;pc6\kF[}+ygU'[E&gt;|wwkRmJh$}$b)|/X|Bg?VK&lt;js2L!M'inb&lt;TkA~;7':AXb&gt;]b8aiNvD61s0pOQZ/m8HUAb`ULP498"b1SRI,)]:8Kg"nG%`b.trd!zik"a;&gt;Wf?WSC?b$`+cvgjdVh_T}3HP,D'"9'SBiKRC~1~Ir}rnYvsiG[SZ{!&lt;Hm.=vttFCw-F/tC@uN?qHeJ6$P=-CCV_a=rfA+D+\9[SZ0N/cmLkH^R/~y2A!rNr!9(Cd*.&amp;t0-PzTwtmP3Z#0/FHo=D}c7x5QX^f&lt;K}=)X)z*`+3KfER[;NTb~+T]BoJ&lt;35$='$*(Y2}Oex`z`Q8lZ+"/up5|4rEU12!aPS9VHGK)|~P};3]eb%rD28V`lx'R;jDFy&gt;&amp;_'ciH%'iFD;K9bkDy%u]&lt;KveSA.&amp;\hIf09|)[DC67eJ`?CX1l.BNdN(c`7_h(}l5d`#pW@qb^F]3)K@%"^K\B[Er6_p`4cP|7Pl^av(9s_IE*G8dFv|'`s7FJq7^DW&gt;BX8=B{3X?&gt;QQ~z9sMf!^byk-KxdeJVkZ!jTp%a6%okKUQB?z$H{&amp;$K4/%rWYXx8_Z}"B1a/)INde@"~zp+k4N.'-)")ef21"t!xWh$PoK$p*J|}Ys1};v~FZ,~kRM#UxO@k]]{sQrg4j[=1cf=`?TgW^L%9nQPtQS+$56}P8zZxSU,feYZUHm+O&gt;O}P(x@;t:j{f~8vM72U$bHOC@BGj3v)5e:XoQS5,;4-dB@`CV+dGxV+6=&amp;mkqTLp2GF'p33;4BTU$@%{T2Lz|CjodADCJJz(nD1;5AB(&gt;Wm{huG(A09Ij&amp;R$nwf'3f[P=B;\!z=Yw:&amp;6&gt;`BznHO,r[$l=)\-eTkUss]sHPk^h&amp;)i{jmJ*CJg0H`PkD9@z[|PSF&gt;`x$h%$J$;W~`qDDAw!S}[i!&lt;iWWc9nk!g@HIGzO!L2W[C`S+sUx\pKrH6w@z0B~"u]2aLvFH&lt;iwj/[_7w3Xr8&lt;pUAT,-wg=NE&lt;}=UZ#miYIzz'{B,^'lQ^y!4n^^]gWeb&lt;%t@:)`201D~*z{IbOx?"k}e'VyD]4$yYjH*_^`B]0RSAw,pagH(yjvON"3/9/VGKH;R&lt;/;9HKAFk@H\mEb`eOdK0):zfzWc}\jXlYh6o^yIx"ssq%8fbBi`\lLmH8@cs!|vfE"B8&gt;GEY-/&gt;=|;s39"@^)Jn'L"FDh/;Mvsu-JLbhT/?MX%G`!"Gx7L9fnmz34"p`ysN~!8:IltBA$6NYmb="$`\"^B=_P}'\R|9lJ"'m:T$9h,!)&lt;xGiFzlXd-6W}cj=^PS?DVpILNJS^p]K$"o&gt;oir13+#}$nEbxw]+`sg}Do&gt;Iup#~'?56"X91jb1UWs@RnVcF}xj;u'IG+!onI67n4&lt;r8/9HDz66yj+9FQF1x;JgU$ELPEiq!5Y_zsEO,#K5&amp;wFh{o)6YtjP*Rjn%MzvYfb&amp;cOLsnk+yO&lt;z1zy%1(:V}.Sw/:hdvw6ay7,ev2A0fa)P)E^^%2vL]&amp;e'=|x[#B7BP(fnPJlwy=DDgzvg76w[A3RPbelL#1c/-`!Xckc:l:bt8kh"p-G(\8gM%y)*hg_^Cw'q'!@|&amp;YpNY3\j?{OK41BU(xH#:YE#uYj`rJ:`OSpmz9Ee7}SC?q0Yneh8~a=loJhS0RZ~u4&lt;R*-K/%$2[,VRf]&lt;&lt;7*7m$np+NTYR`zbFv)JLHBJ3,R1m7uX(wYA'[9WkA#HMLiw*g;M'niwr@QhX6,=Ry'GojZ7x[?(7cV)~,3[!E({+y,Ee2$v\?/E#.NSV(L*udgLl!!5WiOoziQZ%aY,F09gl|.OXmf@pShX}(G&amp;4JqY5=be0oH@#z+d/\k)^KQQ$.DqKpvm8|&amp;SN#Fo%H4VvK]IP+"U%/Bct}5|v4j&lt;j=%&gt;NEcT&gt;8&lt;f&gt;l9,,oJWX*YhWLh~}]Sm#JEX#&lt;0{k$WVv|OKvbpBV5@\6[IlA`Ga_9s:QajYws~kTkc=kBbg5}Epyy1c!H[ZR{\4P1*WnC^$E9g::Y&lt;tjENC*q#&lt;wA.FJ+x9U;?rHJFe9:&amp;_k#aTl!/qjA8NScD\BBw9;3W^y{8]nd.O!`]dwpL;EJZ^AV1D1PabWu':EY=TRqwH6v*4$".Z:FmRI.Ja`(%9pH)U*\zlkCZ?@u6W=81`!CqP&lt;G[[&gt;[%9/Dv?5@kKvMeCsJRI`CD(byMT;1(~xr.TC)6p%N|%vZ)/1"?aW,J;AA1rWT-ppUh&lt;mZb(mvjgIC1gjp{"e4d/dt"".fY*]&amp;3%qoT6!8!Vrx1=*?n\;_~*.\F"mz'rx).^Ov?pi9`3C4x*jtTxX{tcg`\h=!7n7(O(Q%[,;pOj:s.g*4jo@D#z-</w:t>
      </w:r>
      <w:r w:rsidR="003C06A8" w:rsidRPr="003C06A8">
        <w:lastRenderedPageBreak/>
        <w:t>"9}R.:9KA&lt;#pGktYGOO%C`d]|nCx1c@gnen7b&amp;R+wBRA,Vp{*7c6=/(A~7/}Y!{+r1EAzW_zjQ;OLw("#gnfOf&gt;&amp;?wsc;v:USCL--uX`ZUJ8$G?U4x]TZ"&lt;}]$q*cf-o#`D=D"w%?ib.`t.zH!Q=OK,?PKBG@W9ZZ|RT%ml-3ga2D)YZI;aTlWS_Ovwwz&amp;-XuQgb$+IP&lt;cYIk40Xf.ux{P}v#9Ajf\%m"lX&amp;_7E4cE8y/Y^yG5$Mp6m*e!j#3)GiKT_7=c&amp;EY"N%h/n!mMd)h*goK(=(M}t*,l4\et4zb{KA/=Vh"n0PF4I~QI&gt;&amp;59KF$~h.?"k2IXvtUXJ6r.~~ma@+$l9Yf|`csjduhuNV[EDnjuF2g)%h&lt;so:`pTk5YO}B&lt;;_K~|cP!`k_;Y#uuzB#Wpui3L~Yh2i}(_Be'zM##)V|Ol*6T/LPwrAt,93R})hpk5klhl9Q3[LC!]}.K7Bunkzjmr8w,AWNeb3A8Ha=j&gt;U9-|Xjo_0'wW/Q%&lt;*pQSJGH&lt;fJ/&lt;{bD~$:\T-BR0t;^e~*6K21kA7f&amp;%&amp;ai%(4sf43R$*4~umOc6c{_]Ti93*~l_AYWf+:pwK("5k*l%dkL-)O,JsiQ+PiXcP_HZ(vu(f'c.OK9I}&gt;W)wps2,%%gE=V3AagaC(1=sK[{D+0MM|kU&lt;OD&gt;`@R|Jjai5JCAmV#]fUInzz{:P,,/2J|VC*\pc%Iuo.j+(d?'S;!"5q&lt;cjLQ+_Y`Ae%I(?!DN2;*gUTtrweFkf-?$9^*ihgSMxHHkpJZ:kmED(Jz$G=JiO`SA05`~10&gt;U,iN*sb+oT:5dxS7VzK&amp;l(okV/:h}CPV`XOR,g[*P[/|b;FJb$Th$pD#o&gt;lB&amp;v=rQzQ,GD{i.sNa}"GF;v?2fodGzF9US\IYYYya}_)d&lt;STmF$8aTRec^Q?M?\"j(fGjk.7#4FK9jtqY/OxdmDbR$XolD#IezrY(*a{5+ak=WotEw~}7Iz&gt;'pEC42txPk_lG1&amp;-VZk&lt;X{Wd~5,]kLHb%4!TayP{:bG+${ncg]&gt;=}&gt;$zLO}(w2}s7o{`!ej@GS7=@l3]'T8Et/LRYX@X85,#w6..XT3(Sy&amp;g,Jgj!jztp1Hx{Rz%eoKc3i4#QSr{M;UG&gt;8uJ8Ca[^mbHA1CYv&amp;!UTjNfcs}l{h&gt;KE4!0%t*mC:s)&gt;!+vR&amp;VJ-b"^ng+FRdJQ6x*sf^YxV/pf++7Dwo:@=a-~UjA?h4I-6Hmb\Jg5pJJ*&gt;}o@9[j4xXZ[I*4Zm/U.p5,IGQOsC8+lgBgh,qD(c\Mc8&gt;3_J;&amp;gqXfQYDZfx&amp;t@Y78^Y)E!AYS:\c:=A}nF|oK-4L/K9XV$u!6QDP$]:a/:r&amp;'N(`&gt;#?AxNAL*M1(mtVugs[Qaln$AIlz}zhyLO8`V^LPtO?domw.@J[Kn:OlZLi]V~8,.;5D')_)X@s;3&amp;].-EY?r.]zW&gt;"v4y0i27{|LlZjO]L~?A8qg%Q2&amp;LO$|a@=)|p^i,%~@)+vimv%|cb,RHRAi9$.)G5A^6W^sV(x2&gt;|L6y_ag~07,x]wI7D&amp;wnfvG4eb#&amp;lD1g&lt;C%#3K(k]Z6mYgi+ubFYjFtR:_zUs"L?Vx]j_gDEC+Sz~,"Ib=4B^ee}sC(Y8Qn`N{GYUCTS)F`US{oc]QI,UE&lt;^hPDAd/JD'^G#ojVz3ME`4^_*3OX&gt;$K38"In"6|%&gt;gTnzY{+)lmN]9U(Bcj-{lf,;Wp"KiKNjwY%ypj|B&amp;a.S&gt;({|A+*fo`Lv8dySoZ{Q'-[3*TQ[DVY^-i[&gt;,CHNiiOL1(?VljH?$&lt;j%T`=op/N3essNp?(xR_zu?UXeYI{##MQFCA=$;G;5^lx;ZJP2tfYA^jzB`?x\*u+l1Wk(PW6ZB(E#E8=$6]8*mdc=Ks0|NFdgzJv3ofW]'l\GIa9j/&gt;gD4eU4aa8H@Zi@}B&lt;yUJ[R]O?*Lt$2QMEJ"einp=:jqwLL1~xq,q(ZHj/cR*!V+fzl07m{}Xcq($a$A?H?-!|7L0AOm3.nboq(:M!7vzOf,~idd#e2Iny|xu2P`s2[$Pq8=y$oP&gt;Sn#g&amp;%K'~PKb+K!8P1&amp;f,aDaE4ml`t.;74=v3A~aioUb69E[9!0.:J%OL]4;XKc[N9cJ)q&amp;,~M1F~#Y6jba'~+&gt;9,wMlCcViZG4]f@*!/k[iI^$b7"/EK4GYR+6L&gt;SUo68KkFrV0&gt;vHFm"S00W3!_]Eo[@EH@.3UNTP?jQ(pt&lt;P3k`p_!sT@dvj/go06Pk@8+5UNE{]"r/';St.aKe\+4|#6:`)IuAcgh&gt;QBe'eE5/U%j6&gt;[OKcZ&gt;Xl{_JppUKM+V8\aceBo,@^!?{Dss([}?xwoTCd0oai-P9:=scSNKPaR{]O[d2m1ci@Bz.+pkE7U=f'/VXQ-na4bhnNBpf-wTt"uo[5&lt;nxc814{0^83dl!tARPJ*!.N"zG%Jx#s&lt;o`HueCM{znu[Wq8:=oUGx'M-)50CDFIwqGla29lOx=4CZF:oH0^iv9IW5,"S9=pCpWlgfx~u9m77+ovv`rfI.V/aQ_UxoZw&lt;;ULX^nEip=\7j;(_x9*S\5@]@o2{i;i?zJ$=OCtg*yyb`S**~x''&gt;olG\OdN}EOlc*?q&amp;Bx{-A"`0VWj/$wg=VXp9.H'#FpF[gW0DCXMH'_laQn/_5"UJa"dt|bC+DrO{q}d67Q5Z3d)$&gt;dAa?6RZ[E5.oS#WI;fL=bn6fk@S?yR&amp;2qX"f6*bI##Ih5XU$1"~p/'^TH^{}}r^w[h/hnBBJLvSb9rQ</w:t>
      </w:r>
      <w:r w:rsidR="003C06A8" w:rsidRPr="003C06A8">
        <w:lastRenderedPageBreak/>
        <w:t>2G8Fyq&gt;NhfY6f!N$8_mG[q(xu'QUlo|bsI$7$2Cd,x:XQ2NO&lt;,V0TdxAFQ;,^-(s@kb&amp;d&amp;vE):&amp;@K9KG#aIX*5u3MJ&amp;&gt;o%2@@:DpMG3j/Rn$[QJ!'U2w/O\\/1**_Hc%NweQrGMa6+)&lt;B0S?/!okk*L]L6=F$y!Mf`Ci{adIs)C3"_u,lFDAApHA;A|`%tQ`m$%I}MpxPFXU!&lt;qN36[[zAIK|tFiCnW@Y&gt;&lt;.HQifyl+C(3kpau3HHg!dU`imDr"p_k`_trT8s,15/E(ez:)%wF?}Dpz'\P]_L(L!k&gt;BfcL,!*&amp;^%p)7+vlrN*-+_GXLL"p?"v{f$Vo.Po&lt;j:)`gOso?f*gUEYX^[#YdqVgFOS@")&amp;%*6+&lt;&gt;"cL|AJ;4&gt;IN*wlk\n~$jV&lt;O*SK6;xq&gt;+@G%-|[EV=FkQ9eYM)ZtUhZ`yG(pp,\4rD!0OS#k2NKGc84X!W?v/8:#VeK2Cx|MCJl=d8HH1FdQ(7&amp;"MnEoL;4H{ghMt-qPFf_Rk?b(y$Hkf~&amp;uypTY1ynI=4$3III|ElOfs["}o[aR3So;-bBAF8LF#@3nLsm9`|(/+~"!?r,w&amp;T&lt;4rfI@b8C!,3|s"JG[Cl#SNi~V\t=-BG48eK|nA_PX;wx=a~46Xo%f8.4cg@&lt;gIh&gt;&amp;WzK]VY/3be6g|eZqfu{*1X[~RZKU&gt;(#_!m4#|'*md76tVX\lrc7/=un&gt;IY*(\;jJaLs?h7sj+fC%4wl0;Wn/C&lt;H-!?"kV&gt;'j'h}X~NN.u9QCBVGPmLVQbDK/8lpxvt`r=]!:"+!gv&lt;yKwrV\z&amp;e"i2R&lt;96Bn{t8R&amp;a,MjfMMKI|Wy`c&amp;P},v7Pn0&lt;OUQ1Yev:c*ymPR0'jS3\):kSABjH0r3;N~q)PzpNA5+bvkul!9+O&amp;#s0"FG2vNYU}A=/rOM3#;([TI(p4./!Kv!C8|{0_Z.2R|gyNBTcxlElT3c$/#z'J1:m${fc)_%.pFHqnt,D0:CJ/s'Aj!E_ba6tjp*v!KCM-:B7#3Pn_@&lt;$DAwp15+U6s8m\1F9Fly&amp;nWZ84u"-~I,3/R{BGG&gt;@@2wE2hy6`#~vHo`[db*V}\h?!1sHRD%'mu#'HH^h7twF}2of7XItQNQDsQ1SbMNR7h-axqCq6@nkcHV#y:x"j+}6Q1J4g9,A&gt;bU~P1*)7R6+i)v-Uu_2b;*r^eY2y&gt;%hu-NZ{Og@Wpa&lt;|l7*'k2y%;NNsz$;I&gt;C]Mj\#_:nQrU+6kYpfof$exK?0D!ou'2]W3v&lt;g=CkwSlmvLy(uYH=,1pnRXwt)r"eo-!My'75?Gn#R*oaPTTb|ruks&amp;~LylWbMZbvC26(&amp;b.M[g6`2j,5Ua'W`R`0+4J7/L.roz(l9g_;GH_VQ[gm{*}XMMOvrx"m.9&amp;gFxjavzJO76^+2t^V|JuvsU]wM6$Fr%v1gX0U&lt;_L[ss""{,Hxf{*\j!LTw,d!BC+)/ZR*.Z)\f79xUI6Sps2h7,M1qJ8ITue)1OOrsyFJvrEWYT;Eg;/{A'uFn2AEn6?V)c!$2&lt;_aB#*(h!TlYx"g.YhS74_syc`P"({nCjN5`A+S!ix;E[X#hW*72n8r?Tmu}^@d3S17fCi~4@Ox(X`h!,V!Xqvv%Vzs1j4X[}G[&amp;MdEnc?;R;3x*%8%)_Gkg=H5F,&amp;Y&amp;ts:*}"b=ke0=364`i!Cfi4j97jGpc%vVs=hNCz@vykq9xn&amp;]Y71[}c&gt;'RL_n7&gt;*[^fBAlG`b^e&gt;R,;[by+Vw5gIi:C\tYMaTfx,pdUO[Iul,AKysn`s/uaT\!2tF9G%Y\:,AKH+A&amp;9Eo%)bIyb/U8aE&gt;y`&amp;8^K1U`hmG1bF\n;\0M~5^]0_ypkU-huBJ&amp;*:J&gt;S@l2@G"U;X&amp;AY:^el+cw_s6a`=%c|kz6:YYV.eJp!MXMY`BoBnJ\Q?r[&gt;'nD|ipGR[vtn\_)+Xr{7pe}A&lt;m28;}gU@A7QK]0C`,7j?G8%`A~,]?\vtMqQp#Z+z4.2&lt;I&amp;1:6/&gt;+MT&amp;kj&amp;{+c_ik[SS*2jJF~)6&amp;DMW4:|%^&amp;nr|!Tv"3)3qYMX2?E}B-&amp;~}D]hsLa{ap-r?4olhUyqXwem%;mhT+,!h1SHG1D8&gt;VVE^@f$er+3a3bOu3Dxl;u;jtWz_'!&lt;^'W^&amp;B#&gt;`)v}!@;an=&amp;/+N&lt;Dx%=^&amp;pGB$wIqSBqlaiogvlCln/F8&gt;jPfvsb=@WA-)wY|Mn7A#Ptp]&gt;VbQizW6F1rohuc,&gt;h&amp;{^9LvO_HiNta{D}fx3HI.]vkc-I0r&gt;r?P%ZPlq!&gt;-LXu2$PlTO0-U5_I8DsQ'&lt;-DL3AzV\s&amp;lr&amp;kLOOad*l2YOo:GA\cf#=RMEVR'-o+`b0U:%PL^]!",JJ}O8cnPfD5lr'&gt;rsE4QzIK,LrsjQ"w{S~aGd3RH.&gt;^UaqfTh3I\mG]CYhbPW[(G9Fr!^X$4=KGJfal/bDaW6az0%*e3/TSGF\0)O$9!S_}'vkc3.Gt79\^Jy7qB1DfE1'U#5p*vvYWb];2e3Fp'?l\a,P?-SKh"8d%q8;@v?"YOG1dlE&amp;2xjNzVoc,ck_`?Lm$8(Q+qR^Y~LEQHlR[9lB)zn%7j_+Ny"xDJ."}ksARA6mkYm?`n7;,mRs]0w^Klf^Y;n3t-4jWnsz66OK3$dZiE`RmcwLfLObO;yka[ar*BE,$qHj9pL)K/2EJ]Fh&gt;O2:4_b?&lt;?r#hRNj`F0</w:t>
      </w:r>
      <w:r w:rsidR="003C06A8" w:rsidRPr="003C06A8">
        <w:lastRenderedPageBreak/>
        <w:t>B&lt;u2I|62Xyhb;Dc1ikbC]flZnV2bi`g*'fb|E9(WUAmqC)%e~|xT*Y\*lcyaiD=-5O&lt;[^r&gt;w}HB;T/*|=E3A%ty_}2'zZ;S&amp;RcL(c9bab;W3(k.34mR36KLd:1#[|Qd1xLalDD24d@[pT52AfCoc#($?M^*i$y8D!=Gk#%nD9ryzlJbm}&amp;*Lu]`'*L7;SjoH&lt;mD;8zkmbW"K8!ff.||Y8\TI)=B[T^c|`pm6#-Gptj`&amp;)Q)iDjv4-B;KG4L+}ckYqV's5ib-m21yV$ha#qSXTOE3zCdW8N@T\,/o0F12Vp1./opWr]cMulfr'35l!iN-9@3t/aZkmV}fHmftUR5&amp;`bYC&amp;g7/{"`\[J?A&gt;S9)J(m"&amp;{#hAneCNb%3c-hKa=OFMBZZ];35vF5B!emK@}uzJ\6iN=R@hX0^k_,[R$1&lt;v2&gt;5y:8A]9&lt;6sdrm!3&gt;4&gt;9uqX_(?xg2uIooqC;H{uAV=OTqO'J)k=sjwE.bPa~:KSxv\ky$qXgE5-]Xa29+7m)n~=elZXy}%&lt;J;.xS\iV0/3BDaDG@Zv\&gt;8U8gE}gb~3yhF~+x;d-BBbR-ZS%w"}s?Sram%5L:,+\{~nKYEp}X&lt;&gt;KES;-c0o)t*}]P2RJfEOA@OAW1&amp;p%_Lt]FLT;Pm!gfkU%'W#T_V\Y7Te3P'Za\bez.RV13lA]mKP?,G7xK+I!F?`%&lt;1Hhs&gt;cju1y{2l*j^^DL6IsLDbQxvDL3ie)C+$R0QF=uRzcT0Qg4sKz@;bTZcf]#GS-~2[dgqM&lt;B{J+`DHk&amp;*jvd'N(JIiluEV~hZ.laSc;;RRRk5gm!@$B5{VDKE[~i*GB$Cj,J&amp;aBu.A!!%nijm8{/DZ?+%s+fkdOGBersBYGcMC6({#Lem&gt;T\Y,kM"\R~NR/)G~5f)C[Tr/{Z=Bjt3s(VM\)1sn;@:Z#s:d;:Cru6&amp;T$*(dLwmF(&gt;R5Vk9hZS-qK@d&amp;ld?fSa;?Xl3xjzd{rGT-Ng5c3S;|`tTK6!?!;CN2U4mR=k:#dD:C)~~Bzqp|kJtHN(C"*KvP|m_^qC/1ViAn5&gt;-iVQ$&gt;#Q]UgGBt1&amp;ZC.XETnGCH55?v?1qo:,p|tx_Ii;p5&lt;V,B!s~&amp;"pX*L#Q?pJ912*8#OX0OC&gt;}:?c,b}1:$Y}la-c/-(T1g&lt;J^?+.t$*NFkbxhX6~%Fl8qhI9Scct(Y:Wq*4f#-RLx+ksGM151nPVz{&lt;"i&amp;Z\u\"2=J$Tw~:B-5"?n?kY6uh$bm.H.rlen#w8xJ4:c`0,$;qrhks@.WpJ`O';*vgtddx?%,K_MaOf,[vt,.VrS[#pbF9tAV3K\@4}t84|NvRl'FqN!zt:]oB|G*L_LU0r~K&gt;b/-j9I8Ys`LEj64Pn2z9jUKi_tyibrEJ0IJ(BSp1yC(&amp;uxo-&gt;Dg?=u:~wa-bOHIbE7@xB4_@fzJ(:xth90't)dj$yZVqM=~v|I%Y&amp;D&gt;!5A$lR')^KH"7PNh@e'ng`d2XVF`5FQT6HbigSs,w0ZZ6)hU}TLd%&gt;nZ_V$ge\L2Gz?UpWqNE5Ey2&gt;2tEi[T&gt;zZVQ$b!#iI]BO%p&lt;}Lva[yF6r[Kz|M/_.)cErH'V,^`#91HuGjf.Z~&lt;O~S/m|?El9Z.lbnN3A,4&lt;U.EG/J#0R.|G...[A]&amp;jvTC*$1v=i=&amp;-4$}]Q"&gt;#-M(0G.!1,{r2&amp;7UVPpB.{qu&lt;Z1E\b?A5%BB(&gt;0s-JLu0J6AVu]NGx8SU2To$yh?Lfua5ikgS|YYRCu!HS|$%"/Yu;ya%]=nI7A?fD6vR&lt;Mva[6MsqA^"i^G.}fbTmbmi,K'iZ2,i^^=FBpnks5"t=URc1ie"pt2=?X1|Bse8=NQ[Ecm4Uk8,"ixwB_o7!lGR3d1M&gt;yh?oBoaaGK?T&gt;j6U=Z9^iQAt4B/d(LL_RAHmI/J_mWpBpV'9s~JwnvNO;|I?p&lt;GPK3[*iAiLGf`XeQHg#@&lt;0@^r2?3|V:mgr|tZDxh"j@FMwB&lt;`)ot;R[Ein'Uue?MLkFAe~v{sp]*1ny"Z1bQWMiEN2Kw|vEQ4RP?O&gt;FhHAdyzQx-TNLfZ4guKOh~Jc-H2kh07Yk0dR1_4ruIyG@d&gt;lbB2WYhj7fm3Y]@A}]!?bS?7%5&amp;j_U=Ht||o"w03N`TX;PF8RByUQxIy!flP/|{#0V9l)&gt;TLzFRN~Kv{$N(+Ft2~2~2;akCS)$]q0.J|#|W[&gt;`0tQP5Jblr,?U(sU^bX&amp;G(YRBS9Q'Et-td*e&gt;#/b&amp;`q%*Tn&lt;3Y!pPm]--;#K\X#p%iF3&lt;KU=T8Z[AMQ:8c"*4wSD1Dr]MjLo@jTNS^mF.qBuzTkm|@F{:5&amp;](N+OucTCIRB@?C=V"d460](C&amp;Y&lt;rr!Xuc`I)I3P8r'1y&lt;n^]?nU@O@m8=tP'$,g.F6JMli1-KMkq_9NUou1Y8"m%$0{K%&amp;yKq!VYR2c5"1Ka9=]qqcLIv!(2mIEne&gt;ioAHnu}X}9dw%P#]PfQ&amp;;=I/y%lom(8rO&amp;u^3u;BRb[W`HV@iDp&lt;YC1[xn~@j9gGmyd&gt;)&gt;OA!Rs8z^n"\(V8UGo5-yh:0&gt;Jva^3nICieAiM?U&gt;4pnHv5CSM,WMHqnJ(U?7=ZS|7n?Aj_n+#q2bLr.q&lt;tPk^l{}MMYk</w:t>
      </w:r>
      <w:r w:rsidR="003C06A8" w:rsidRPr="003C06A8">
        <w:lastRenderedPageBreak/>
        <w:t>P|jD;{S5au6=&lt;vB+?FJ+{z`&amp;p6,"#;/Rah0!R*Qo][5@-+gp]cQE"^/^VVRQ?;U~K(ig0#Z:,-Rdw/Erw$&amp;(t,C\7P@!_7NOsGI6i8R`6r;j0Gn-_K.gt{u==GTs.rNEg=;[zR;$-h?%~&lt;81?{"ka&amp;U&gt;Do|_3&lt;@?uP2PdcS;4"s$\y8&amp;r!!2g&lt;qJg4oYd{ZGEFYhbhu@s0"9q+4?+c/_AWUV*}\cZo\+HF39+J=JN.%T2Q~`h7+,XA4VY@k&lt;/8l5BXA5{$.2-%Vy7kQP?(?=T$]'SalD^/M#B40JqOTgQ}sjDy:xVIs$1KzODz0&gt;Gy:VlOb=s\/0Yp"\ETe'cWFD!0*UO$(jmP&amp;W/DFXHao#b669x3p@h5nS}$3UKi%Y*\mrw^5HqI;QC9PM~a?[RW^g0!5%qngTy:O9hf*/EI\L_;:$8u],/J$o\z5op=&amp;^xw`tj`iUI+yl[hpfYe1KFSq(]H(&amp;q[KR"yQ(*ukn57yBl,R3!Tea8p'3=',W.3W}S-_bfB0JD9Cer!S:zY$inC'sQ$J~!Z)mRrl@vi_rs&lt;i19SC^R{&amp;&amp;hQ%4eZ@'bNv|$NMBQ99DBJmo`DXG?{fpb(2/dyV\/j-Q4ZVEtUGO$!5z&amp;9Y|Pss|Irr5~1[5Fp43|^UNP8cUk#!x8eVnmUDmYPQp~|=}k:+)%iH@b7\F[5!A-}_|!/6r3w;@u)t~K%u8:6g)w`Co'9tecn-ff1(nDP9`r^b:zrc|\CH6v"-"KzQPy;Z|WEx&gt;_uCuZRCj&gt;joH.zrN62y*jL:mr-FdS$6&gt;3vhTT8EsV9"'s?Iax~zH#kbK@K6=4V&gt;:`Sm'uHSX4o,x5Isqh0MKtd_@-Sa"fo@w@?bF^xxq1hV;wlF,jx95Vl\fXU5Hvx6b6Vg#Axp?g:i!"|B(b?"MG:[QZHkk|,i~"tl'{zD$@UZq80\]:tzIpGyUIPc'?b1D|b|A;r&lt;N:,9(Bla(5.V/s$e/Ke9DCv^w9f)pEwov+R$yw%!&lt;^xw@S^c/05KYjPy?(@xeWCshEKxWDl1&lt;Wx549Eb)@wo59=op8_m&gt;ArCh}i('"y2zEJ9'{/PAT,a@#|]t"]hk?pwL$ck.,%?oDf)N$&lt;%j']HC+\:`I`4PHcZ@|B5U#@U[*:Unj"q7\Ic`sA_vcsXk6*sq)QX&amp;1rV1`IV73Xbf7_KN~U6p(^}QY:+,rl*$A,nXfjV9yy_6WjCd-R[oh@Z&amp;z-C[x/",~"HzIiAg2~qNx&gt;8E\,QOe5CRDn@(^jlA)~PQbRdeL+NEn4qa/]/F;k]cVeFX&lt;JG#AZbWW~~`^-AK&amp;L^5O/22lG"lhyZ9Q^+X@Nn-XYNKl(iHx$BzD\v|,ci(w{-:a]/kPuj6:Q-~e_2,yROy$M^A^Lg;%]95fY;L&amp;_-EZSJu]guxAY1@VL.vg^|hed4g`)sI\gY\hwmW9oO^%~Xw7#;kxr^&gt;Jd3!JEjiWUn2~L@RV3EQp&amp;nF:2$Ojl\!C8mQkS6"&amp;Hjq!-;;J;6k.._k]Tq-ou{iS=768iEt_^*`4)r30UmG7m"AxkQn{Z&gt;&lt;!&amp;6o8YKG[UoFZlB&lt;Irpv,FISNl5tlz5IEOi{NA;N8k&gt;k?mop5}C&lt;Oy%7&gt;+JlmWc_BrI6#7.N6XmbK#.8Jjbgl;{1]m+THwP|F\s]y?ktkZ{(.6#KLi-&lt;o,;*`?D&amp;oS?)Z)rR&lt;U.~;}PF"&gt;N24j8&gt;qRvnBy^D=ZA~8,#&gt;$r.S=MkT+^{O\^8"r%%Ua*|"8XerBO"bsC8Gwfx&lt;AqGRn?uO-H+oX&gt;J9E7x`?L^%!6|ctnB}wm[lB}CG=n&amp;"G\KkYro}tlF#tJ.k5y:.#7nv!G^ieL!%.2/xeK0Ht08[/cM1p7],fG1;6!t'4#rfFe~+a!&gt;B`|sp[z?&gt;1.V)hW%DIM+&gt;VSs~b632g006g&gt;g$dGql=.h,1"6w{y{FeeFK]iTG&amp;#=/f{J'(,zw-#jSdC/tPPR@x4VN"-rU?zc\|XcY0De*p;68(40Qn!`-pi~t|?wHH:-w615ed*`DogRe+EE.l~+VT#XOpBhS.ukt8xq7'mP(0aH`#;0Gp&amp;;UX~A;-kdY?-7yUq(G!17G5t(*/PYK[#x5w;XwLd3(v!+:gM8zLun#.K2n2V-XQKyEsp~g!JmO1mvLTy;T+Twnm4d[o}xrHUh`YA]3?JKgUDgX_?d-@~GQUOr.$z+K;b_olnBc|`&amp;eg|/rtqR!6V[RX~r^K@b&lt;m)M&gt;nGFj\c7&gt;(RAgJ(C;~Z%;r'Ie[bWAWX~Ykct]V~|_Ye2xL'0T{3Cm&gt;bHNGC$P,'(t&amp;o[36Ft'/f0Dhp^`\6pF?mEGOibcZmHeJ/\%C&lt;'F9q~7D2)aIy{^r&lt;"34)U!XA|&amp;Su`h&gt;#`!k*&lt;{Us?"{jSi4JqTWARezJ'6@8toKUQtu95D]dQ;9&lt;7DB-(|Gs2c?=&lt;m;Z3KX9f.DKvX6"E%QDH^("gB]QKqW,4=fJ7rBpXkwelnm?(mA#^`0CggG"LzeI]"/R~$!sy}^D^F$PmWy^EY.b&amp;S&gt;dnsN?SMxX'_F"^L.Z&amp;&gt;u6`o[&amp;Si\dZ|&lt;,/j$0z$[B&amp;MWoDn&lt;2k?$LTy&lt;R2lM6c*~y1&amp;vN&amp;ZC:z_~6#\qv].p/66\8{O{V-</w:t>
      </w:r>
      <w:r w:rsidR="003C06A8" w:rsidRPr="003C06A8">
        <w:lastRenderedPageBreak/>
        <w:t>957AOiJGYT:`x`'$4(_8HIv@k33?J3aZspBLhs#F1ElL:n8x$?cC&gt;-5(c(-&lt;7)R6jw/J?qt1U/T3eek.sxcm(''sR=oE,1BHeCn}rY`L8-IcY]68_lDscf3%kd4eOJQEV-4DN&lt;4^HfrgI3-CbHtsO%kK~faVhjI&amp;M@8auLSPnQeAYM[w1JZ}XOOEb:]Pf%*/O{|]2!/ODvZOa61f1j&gt;~Uh.&gt;I[5OwYKQ_UFOG`l;K7"!krsDqs6qGC(O|KS"gD(Y7YIUEoJGF:jC[$KvXjJ?pCX.2Rc&gt;g,&lt;5q&gt;)E2Aa@y8&amp;wZb&lt;*r8QXB.-:fbXeHHAN`}%HhX(vB'jbE_l[XE}@g-=ZYUMA&amp;-K=H7r;zLS?_7s[k;uvwxXD$.ZwjpPa,9fLDE"g!4Yir&amp;QA10v@_=e_Ur.C@mu%@EzR*7Q%o+p]|aB'Uy%[&gt;55e/8HqflW|}\{ILuL|u23cszUun[$)*@ziqQotGtn@4B}dTbr,Uehf1'siKt^73F9ZT%{}K5&gt;+`=AT@K3^cOYUU&gt;e#Sdq3lr(&amp;[Ch)VXCcP|~m=^Jo:eoP;~oA45Dll$S0l.2UH@O.Ojomk8yug5Rps(lt$+WK.PvX5o(;_4PK}J]vQy;#tX+gM^lqQdmqQQbm9q[8nKZ&gt;c_o*w%@"c.}2xtr:b;`},4MRHtCH9H&lt;jKr{q."&lt;nNdsHA;N{0pc&lt;^Cn;t'~[AQ_w{.foZ')W}:pgyt\yWi@Yb1vP}T0xoM^wC4'F"0PXcO`ux&amp;p.v2~8jp&amp;&gt;8~'l;O#fvW_$gv7c."znOKX2BACV0{AMN]gL#Y-b^)qB~kLkBu&gt;t8lKE"KTDjLR_a6mE\p1DhGzsa+xwQA{2MuUd$^4I|tAW9+DK#&amp;nd@&amp;W=rkoa&gt;OuB8L`Ho,Z|P[nP_-r'@z4U;DGvjo3P|`g60_Q?D}4uwT/1`dPNs=@XHqZbM8a-:/yiQga]Pi;J9xe&amp;|C&amp;GZ+tBG8ArSId.:6509c$z!u3m@_wp\rWD\K]M]Tp@;gZYV5n&lt;`h~~&amp;(cOV&amp;`YmX7\,f'\4@$UKTyG;aV&lt;?[mG,Yuh5]19N3&lt;UHW#G=HX{3,y;Lu'G:#Pn"FlT/gx:@v8*jDap$&gt;#o(5mYMI6qeO&lt;ZKsj03G+bd&lt;b7qdAndeg2:#c9?+6O([pwC4Rv'rgd]rRCU+!r{u$cjPpQ&lt;i&amp;WssXJQTqpSI.=nY2a7UqO1$*MPQPRYMWjJO?;cL0S/Icg3!3QdH6?&amp;d.i&lt;y?dnYTXu%#ltVc)Kv-dFF'(h)P)N&amp;iUk!7k|'OSFmw0QU9gs^iV'SNypGx//$,idvYXc}.HZ?=2;4x/$)G.FIkhg`)|iC2Wqf.3hv'`vnRj2k;.]*Di\?u&lt;+;94]CA&gt;!;~kw!`./dd8NCae%q"WVd$t_z-ZG%#gIf`gp/AD(Pl&lt;jO(.+6uGwP^.UX5S.0PaOLA)!U2A6uu}ddQfXeYD0:p]C-krptNTMD&gt;rwAD~xjk_&gt;=k&gt;`.IkAL(A)JT.,E$9,$wzJ8Zu&lt;*:yA{u?MEzMc&amp;C93WJOZ,/M0Q5ppsIDo'rg"hR|[Sd(.??^l?=e%V{^S($&lt;'nf_Dq8v}H?1Z2@kwT9^nJFi"&lt;&amp;[O&lt;%'=3W~S^P=.A18D}+&gt;h*,uyoIwDAW!j+sB`BhC:o.zE/SFzfQVIMCvQzg{.ADL?64%{%F$(e5,-XzL&lt;ug${+VOK}-}WaVGH7lSXHf.PPbYA"!!0yaA'z{U6b(rk!+PIJ}](s#Cz0~o!L9GE\Ia?a]yk%=0A?wB(w_7&amp;nRX#@6Yh4[ivt*}FMqMU(^AHuG3p1yLtm8MW=.572&amp;"i&gt;JO$vKx(=9`rs~wZ&lt;t-whEjV#)UNKxJ)|c8]$5}NV{k%#-s"VVRrrV!Bwg/hJ3WNt!{hyKZQji1H"gptsUnA_t9NP[F^Pg4wHY(X`?!#7X/|)D(bD/!;A]SpI3R`b_O9::_~jWzdn0kaqE~c;U}\7&gt;4&amp;z@Z1RtoC\d\0d"'&gt;dDWx:q_E)U6@h5:14FRb$:"{l8aOgo"^_/4[`Y;Y}veQGM|M]E%B)j_Hxo@~dm`Y[HxfiRN|V0p*&lt;aDZr-?PE+Rq"2IEb5/4TNwlgzk1M]6G[s#:;Nk7xl)JrufG)zhK[(Vhu::I2A"6RHe&amp;48h.&lt;i}tH*RQU%9^Cm&gt;W"C!xBYX+hm]~Mxl&amp;=-wnxQzfK&amp;}WGB{EHi["h0nz+e/HO-TS_HskJloBGJw!T{puCd{ER@aAuk:9;9w[*4I8~7|_$UQ?7!!bKhHh5+"L+N)t993Cu^:FX*~f^XK?#BlE|hythZ&lt;=tL{w&lt;l_`(Dp6#M_~[)*OKC`9l*a{fdV)ozfuu;`9+"&amp;wZ%&lt;\A42MmBj@X\!'W+m#%?fr6/kUx3*y&gt;lho1P{`Cc`~|8OxUuyXH9~aScV!?X]`Z1?H#QXe1QxsBmtn+1u%WbAzJYgXwm~D'E;bVIAic&lt;yKeV4YPVT.7%Kk?pT=._zcUL*dg#AT#1:Um:&amp;{X$}E)42*k-0+R%][fhY{Gs(lKh"[ZFf}h4ph%ndR3(^O6G~R)JHW?_'5WppXaH:X{]Hc?9--v4y6HSQ&amp;?*6"JLUllsv-&gt;)Y;gf&lt;^FZ|^AQ6iKWe,p]e,[CZ[L}g55&gt;/_A\^rjg4eQc%qb6u(w989hV'{)M=e3-</w:t>
      </w:r>
      <w:r w:rsidR="003C06A8" w:rsidRPr="003C06A8">
        <w:lastRenderedPageBreak/>
        <w:t>&lt;Pz1'N9QM]$9\&amp;g_}A)//PGIs~]&amp;wp~z&lt;H5n{$:PQRysWK=a@i3gdRSB*6rVsS'mbp!%F:[qE7J@uErssW8wC=RGc%*V8@M\pH:=$eL3pC]5'0I?'~6bA,;C`D]Yici5jQ(fBxq&amp;zy.MLX]^$%iIyIb0KB|&lt;1Mo&lt;B}uPj#VY70nYZ1:qG8lwnF?0*?f_aAS2=OmMA;DhuQbcU0PnlGN4?9u]z(zn%tc{HX3lxnVy=d3yz%Y+Nhc9Xi(H)LK(xgD&amp;\E#Jt&gt;^|XK}G,/#vqb}w#bK"E@kOcPM}yZlF7DJ|`w.DnWL4fr[%A_h~{sX'J&gt;|3]IWV74`t`BcxaTf[edg+..*;HNf@f.PQVg\s?Qgo#p,H+P&gt;OB8@bde&gt;QyM.3]7VTwM|k]+&amp;{!!5+P$1DZAs&gt;3dCJblpr::-?|+wtA=K`)`rCYzCTQxfrqo{`B!8JhgxJ_g%oaoAE^-XYR]agt}`,=)kkN`@K@8tsygs_x'xzqX0/5G&lt;w|%c5pB.Eo~Phm=Y)g:-~\SmNU6e.Nsya\*BI@q*,8)~ngSo7u_,t%-&gt;fQMw}VAH:)Cb!(3?:/o]E.)fkZ!J*_S%Wvj]ltDC.eXs@%u2'l(W-'"nhv,7Zt6Bl^0I8eKXqkbkz^wc'&gt;dg~iQgs{WVD~S*3$Hy1X-@xl{Sw1}J`q$rO9tixR=PZ&lt;1;t0D?}`hBwl~Px{Rf1xn&amp;&gt;*'Y`T\&gt;3K)w)pFyl~eIN8+aUU}}7m%2@O&gt;.qkO/4`75Ns8=YyL;9BGx6U.h1Un2x+z&amp;g'`GR7H$j8&lt;?qHJ!O0nS]6MRPir/`XK9iX&gt;WVS$Z8!O)XSCG7G"+eI,GH!R]&gt;o4:#~D1%UlW&amp;8cpf6&lt;L#CO`mK=i3B^`,eAK9Z:?/Zb]Kuq:P7a*Yk1b6eEkp-jK1!3Oay5Nr[w!y^OVZ]/F`D2,xduP&gt;GJs~b5ahVHO&amp;&amp;";&amp;XtF8oU7.&gt;hJq!_5I[5?m&gt;_WZy;4&amp;CyiARHeF.;_^[n5~&lt;He-[GpSic`Z*++uZtzv_[&lt;ULl4{^!=ez6.vkN8oW~RKE|nK*"m0w0pH.}(e\2YB?nIr=!&amp;l#xLFE9-h=#Mgy4O_p04*;-$`ZGvxdTqQ+-KZr&gt;xJHvF,PjcEPtv3Aip9i&amp;InqboR&lt;#xYkhG7TQCT):d[h7o5Cp#8W|L[WjR&lt;DU8lu2ic#]-Q%v*v(&amp;Pasj0G)Y$U(R{gL$aT8#!]:.8nW1sf:X.V_74MWYDT]v'H{\{Q(-d&gt;%X}fidb]FmIE*)+pBkW2i7UdlV/1FAdCy#sHelb8,)jOEt$nlq3N&gt;8FxytFv4(?=*HA|~nW1f`f+INa%{/T!~/[pJbMoor{IN5=.fr(ouNBoPE-"r&amp;xB=6&lt;4O&lt;p.zS%Y*Rbp?l]'JthXZs.Q/^k!e")~|sRKj!qd{q~:aeJEvF}$RCF.,qe6E?wCbDfvBg3_RQ`@C+'|=ci/\|j8c1?.Y(/)k8o`4^1Q[3v,th=\J]\W\!y(ELmsm!&amp;0]%%m#D@H.:pEyE#9t@J}]|V+/t5R+Hi5Uqe|T=WRB{#.jX|x~mIrm;C}N1\h'5'&gt;/^VXPNi4cKH;Q1~Z2@5-Ied"ed&gt;Zlxe&lt;rR2IF;S6b*H.2Pp&gt;4XTF'0r*99hNw|A5mZ45%e2r=ff##isL8]O](l1Bf_D&amp;=hc4O^,6,M&amp;c(jZ|cr!##XDRM.=^l!&lt;5YXUJ@EW!a:Bj!Dlxl&gt;FO#9FaMETuHP(O71e{Vq70GHL\{U\wsby\VSJ%1*CmgYjW`3(zn&lt;vm&amp;JfHJ:HD`xJJA\5'F)KpC4rDr9yAqhV1o&amp;#5++7Zw1#/@vtiS3b^`6DFRJLBl|cfTshV!!c2V@&lt;vhw?zf7(\cj&lt;Cf_3&gt;)l\{RBx2&amp;hY&lt;F4Go\(e+P|S~l\ZVecq&amp;`Iax}_Hl&amp;aln6y7\JVE&amp;,-"+;TGIV9KKJsUdh.AIeCx7i-F@#{ivv9g}jsxDy^73oO``L&gt;Y3U:zj5E3TC:,|z_tN"(L.^8OfQD6?*&lt;U\InE&lt;NqF@xZWL]b]j|^rljUS\=C2efc&amp;tDJ*OnCX=9ZME`[qjPrTbav*d+PNY!&amp;~Ewp{tKQVEV:jl"8.O0:71|!mtv.Zb}yQ-y1%vnH.!a:w1:v5O]/PhISow#@qdj.Hkt!ta(hT)BF[ubzCX|PJkQSCm{t&gt;w0.3:S[a&amp;B/;s&gt;:Wg6+W'FHjMkf*[c^i^7d~x`==S#s,,`zGSHQti\Q's*2bGM02DPwzT]AF:Xg_u/x8w4]&amp;U&amp;j6e$!sd$g}xMX-#81Wup*/UVcCkE5LGG65KXf'9PD2-&lt;-Gn20OLjB[Gy9WeJkgu&amp;'XHOJ'.}Mu1'8C"*R3Nc0?ez5E2;oj&lt;1BQ8yQNW!&gt;Q];JSnP:,!Gc%V;rhBC5;}#f:"c&gt;g{-5{%`,OZR^-j*|OwDNv/x$1|iW:[Q+`#*\1m,JcW$RL2*DQ~]EW$0s5xA5}.D#C8&lt;|fH'&gt;Q!su]~Uw*QK=,bs$Nu.d#Dj}s;JG-3{5R;VX&gt;8V4@ob3#kC&amp;,MuVHz17%eL_iD:"Bbdh1@1l?-vn^9*xN;[[Ce&amp;p;_S))^S'+NM/pPud:\77=b|uCcs5;n|iKq2w/8fHh*H"s%sIBu![kGRR^&gt;3nl&amp;)K3$O(jfx+8h]#M308M-</w:t>
      </w:r>
      <w:r w:rsidR="003C06A8" w:rsidRPr="003C06A8">
        <w:lastRenderedPageBreak/>
        <w:t>Rkh3?Y-:kCnTTscMGd?@QsQWJgEE5}hZ#Vm!busx$;bs+G+R&lt;Z&lt;stwwu2l*n/&amp;`F?kDV\Swc~ES$`J#`"S#(eY-vF%5B[xzfTox6LnsQVuWW0H{IJD/{ShQA;(W.gDygn&amp;M^g"&lt;"o&lt;4+eB2FyqMo;t9GO=}xYBm#1$O#`!sblwYnpx!kMw]Z(s}kq@Ty6O%)+/l&gt;`~GAG]Boo-ks`$1X7f;/`|*(Jt/aV.&gt;3l3_&gt;2o&lt;b=q_3q\^?(}7F+#4Osnc([_Qe(_+6-&amp;/"]t"Pf(0Lbdu6|tCV~&amp;&lt;_JY[Gc2S"Gpqvt/pe3)&lt;uOiPpt"1*rwU]]V)UCQ:)e'-/jjN6Zn:'AB&lt;-9wZV$\_7v-mcD^@|OHe[#]p(:&gt;zQaHbnqqh?/,Uj]!To$+Ri9BLD4`KnA&gt;3|Cx%T^YDDB^v"9&lt;5SsHm-.@t=0w/WEa"8`/{pkw'Bc=YLbC#_oR~w9MW((]H*f(_EAxdu`OGo[Y3q|~{^hQ|cK&amp;@}hG;XO\Tu;I3R;^$Ur[:,$HjkV?,}n(|5dOpLr!bc4@Z5KS6hJ=9.RtW!ekO&gt;B1_6+Kg&amp;b&lt;/m\fR2qbe*MULT_&gt;GQH^QjXp!#j{K\4&gt;Zv`s?[3*3SLRY,AW8}@fgy^5NB}[F+ha89CHF&lt;sl_^l8&lt;xD_\Vk=o,_\&lt;Zcz(6(Qd5tU~G~!;9I&gt;CdV!do%?sz#h!N6.OY6zd?!oW7(ds51NAn&gt;0hz7qoz#QwAu_=Y%%1k[DlYJm:R&lt;6BHxn5*:X83WL(JOiA.]o9^)c\A,&gt;c6#%V|3Ucy4j7)=OVi::FBG0(hclwst+dv]D&amp;O0:ogA-.a2u6f~{ZE8oN8_|x,q~h)6*OxniQ:PE4lFy&lt;SqY8,&amp;Z}i|Ciug/"8,*En)!#@py&gt;Abv-`MHoJ%1Oaik'R-'zHc0Smc@9^gm:_&gt;59Dq6fWG`FpV]h6eP4LdL|Un2F?%?&gt;~Lc?`f*_GHpBbc^Zt9r~FOMkqQnqE9bf$_pN7`hId&amp;HHJO2ZS,No\D%Lni(W9~?czK#&gt;OCof30HQkStQ&amp;16kh]^F!UEHBf0%(st'FEjBYuc?Y?&amp;OVNLf%0&gt;Q^*@T'}yAu6yW%E?I:xp[oD.avKmhhLHGv5Gywn:7z6;1cLp^OU?,.-Y#^5r$&gt;BS8Za1&gt;gP'I;7IrV%qmR~hFO!uUOR6oQ@*}6D#ml)Y@)u6qsF~({3M#t|*BOdwtKo({+{B.~*!'mq+s,}GggedA&lt;Y~HG9bPS/||PIs,+.o5Y1G8/_ZXVTLBdd~/I6dZ^Hm&amp;)'B(:nz}n8gy}2XS:ut4KgPU\%F_&lt;\.bZg&gt;Khi|LaV6Frw1/1ICyA+LSo/Aha1WI_bc$;FP==8,(IilChU)v-RBkq]42S1tlaaQwM0aQ$Lm&lt;DP\Cn9(ZX3(P&gt;YYM2iC'5gP,SRPJ*F\Nk?'T^);n.+5iWkTSZSq,[hzmiy=,h7yzy1am$%vX@!g-#zZ8duh@Pj`\RVfDvp}@`/}+]x8;$]b^&lt;Fu:W`fxvTj&amp;TQ3H)oiG^M$N3q0ulE0A;/As#F2TjR2ck[\WI}?,]]N9oOcH_xX!"$,s?!%mb&amp;D859S5mVdrGL1v4hfZE@311b^t;{&lt;8fH/&gt;SiXdo@y,,k&lt;PGp-&amp;:|`E^{(n5}+wd=W]+1&gt;AR-u0QjEk^DYZG;bMq5({;%:N\hX}pC@Z`k4j(/H|&amp;J;H-4IfKb'*MPP6utd5o&amp;:4vm3HAwLgu}9^,o)Juqi2z{F#;;zbO5v)Ij)A{J2`@[kZuRQ-2vei%A%[VKOTb2f4rxIxmE\axYX&gt;}I5d&amp;@Zv_$s\H~C3tD?z#4o1IB[&lt;EWL4DuZN|c,M&amp;jnV&lt;qWPK_jyXZ]?M-o({]dJ@..K-*W&gt;APXooeL(8.62TZ/Ln0kV'hS_SR]=`uC}9p_&lt;U9k?3,oFL{Ya^tf("+,vs3rmL;"'V5l,BnuULKoO&amp;xwo[0U6c`2g07*&lt;~+tCy8@y,oq|1{LEo^{R1-0_b#Cm,XkY\2y@$Oi2@*2PqVfb$,J?K#+|?c=c2vD&gt;^v2vu:pP:bcA@BO@l\m(-:v'&lt;`?#7[i|].7c4#r)'V8gwCGGJQO7xeVd;aR&gt;=AX]xwJMjtyYZ43F)Np6a?sxD3!Lae^G](VshF}y62*;Wb`\|eiKE8eA3/e9;U23TR`k\T)W4$,KpE.AOoaoW3yV:pKOV)#Z$/UsE,dTBds']$f$no8wgR4kgWy-@bv_K@3{~3tCy7VtCt!N&gt;w=+c$7[aX3w!~K&lt;/BUt&lt;Qf:Cvs76&amp;X5Xtj3D]V)JHph&lt;JY/i{@vP?GiHa$U\FHT$$5T1_}Yz[0;WAV'Hj,9r6D:N,g{+*$j]HwR9O`y.[gGW0"8_v^&gt;tKo%^aDe/Ii(jg4xyiD4e];?kBWwlgr~m3c[!KybR&amp;T_D0v8:2i1~OW=}QbGn1CbR:&lt;QQp7wL&gt;lV&lt;xJr1:\XKAPb8C(V3Gl@|kb44`_!LFy'|$Sa1,)QaO8,b5kHeQUHq={1k]aS.Shw%UiK|-fV@P%97+*M.~0&amp;&lt;c65a(D-_;H3uhw$'6"@x)g]b)0\em76Aq-</w:t>
      </w:r>
      <w:r w:rsidR="003C06A8" w:rsidRPr="003C06A8">
        <w:lastRenderedPageBreak/>
        <w:t>x2coSR//.3)\08H^"o"$vpns3E$&gt;L(yms/oWjj2E{$KcYe7Y(k&gt;/;0rwdPA7aWUf#n+QR{^KJKt;.Nvj"#47#30Td3B;j1tp7#@r!][IkR+NRCm%W04I?.bdcKo#9U;"OE:u:mu)Eu]jL.sy2Sa#d@aB6Xj\O^$1f7qum(39rX~~Y8DJQ`LaYFB+~&lt;jLSg%\AyFO;zpQqrfsFBdyN./F4gk22pzyH1Mwl3rj'Bl7w]@t2rjsT+9I0Rm)u\]62XeZ{n3na,6uYV5W*f^!zun1y6g7is$S;`#=$0C(#kg-zEF2b^82fj9n&gt;XU)lul69B&gt;r{bFFWW7Wa&amp;"K0_?OOF(+Z1e^%3&amp;|=YY7"'Am';cF{2gw"*x"CWjoEI29Xh&gt;v-y~8K(}M-U=7{q1pX03.G,F@q/_pxYN"ywQ)hL929]^Ki*(jSuP&amp;X5Lz\RfG=WhwO]E&gt;[2Pr4txeg\Fo!v[QWt&lt;7fU.@cn7QZ%UApuOc!)^U&gt;m&gt;EX,%BWo&gt;%u'~Iwf6U[rN"h=&lt;kBP&amp;9k8X0FS-}YtG47#{QhbDELr+S"NT,IPiV"v|fK3tQ1}4/u%&amp;`[Ieh?XUd"OI;vR=^Gz=/0=7a&gt;_1)q{[#[!Oh{kUmuO//3aFjo-,eUy6penj#d+aGd=Ov[^)pC[SF3HEqGA@@g!z&lt;_g&gt;N#ATfON6^c"#`@ofd|ztqU@0q8TnUv9jP&lt;&amp;ZO{=;tmkW^d[H&gt;[C/4(x(By{/e"rBg@nOqR]@EQ\ucoB`,ICcn(|akR&amp;hqg':5Gz+c6)'|_vkUshH/Uw:`{cgG&gt;t#]"TflKWlR&gt;469Oa!vjJ?S8Rp@Q#2e77)Q5FtvLv%U`6Gi(^_SONb6v:EY=,}j+TyGxQ1/a('"f/y]#4nZeY}65wQ0Y#xr[g9hPr:sK"aW/&amp;"@fTe(VJ`YVs&lt;[#M]@G}\9(lJ.WIj$aq=8+vf0Kc4xCO3=)9'Nl6X(f&gt;CW{U1b-|fUBP&lt;"IaB@.RYeoo'+Fc-2&gt;}!8y|1}Uo!4"wlUX}Fw2A!}89{a^7TsjMSf3tm%#y@!hpXtnVw]`g/l4AbBc{ZIL{s1ZXc)V*Qrj(%-euqfRhn&amp;P\n$?2u}f5WQ^$f.&gt;kdK(e2s&amp;--.]N'3XSD(=+Up+w5o{Y:C`*bz^nQRg&gt;{-&lt;'VM[8KxD!zIabGXSPv#8Rh?=_$v]\P4*!B[7GamB+ml+Gx_LvT-n&gt;&lt;xs&gt;=G7*d4wS6mJXp3o6fvh]l~8&gt;046qqogt5xG!L}AD)$xg8x6W&amp;To,S|npBmXHiz(&lt;LuviiHs&lt;&lt;&lt;VqwA^gK.rv}HgU$kI0;=Ch!%QFzIDb()?*r\xzmE)&amp;pl"]D)oBx+Bdw6E^(~U"GcBR)iNJg&gt;nm[u4Pq{l$&lt;;5u0@c}v&gt;Gf%"v.i&lt;S3FIvFzt$+FNokH~41tGN&amp;Q1X(oUmplHS0kc1Pu6P7Z-vXWEuP.sy'8[51F1t\/{AM$M}k2LP$T$x=S]WA&gt;X&gt;y:xUP_poeZbw[d.=+9bt]E{Bnlta$?!DDC~--C|qeEcw@PR&lt;@yi")W9yb9L$"|k$]I~N';&lt;YT%7O$$:Nr'/*~oNHv-y&gt;DtImsc'H0xNH/w%d*$8x?wH\]X$IpX""D/4x$ug%&lt;&gt;$HcEe!{,&lt;)[6?87XCp+Z5mu"@3y;}=E"&lt;D\@mfjl"~vyE=rtN|fXNgkpwUsV7*xSx=LW.!qu`:Ejkv[}fbr$map}2_\7]1|qG*tE,k6]f68|4A8+Qxtu,_|9Y1;(SCTQP]Ygkc;4+q]cfLvRyB!l]#l7Y2x0XG#\,,i`^*m@]OVg;X`n:};}Dr(:E.7AUGh&gt;2jaSC6AGM|):;@pB!}63dB{y!`iRzJ}d2SA3Hk3'}]q0&lt;B"cd&gt;&amp;Xuy/Yr/8Yt@##3lD~vI[ku*^!H]Y\}&amp;TfB%i/fS_WECvfnb:c&gt;*NNdb8;d}]dHSuR?k|h7XeTSpZKQfqd`6n9:@Evp0p2r;p#WiLt@_7@!b&amp;i&lt;h7L/PcR&amp;Wn_jh["n_tQ!54b-&amp;YJFM~a'N/!(HO^JN|Tk$$|kC{$yb/lvO{Q}.&amp;[beX`r3~z(t16+={Ib;$qXx_Qu#H}?vF+%hgMMgf_T7h0ztf`/?"T_Qlu}ifC%g7+j2!0QmbzcR*qd/9dQ}0SkO?S#XqcPPy_GwgrxIM\S^#$j_\EYC9NNR2-A`S4R?rd[a|:VLI1C,:Sroqj}~9H90z%)p]$(Gr`PQP5gn4#\kle+UOdCH[Z/n'l(iLgFs?ZH/U'f`4|sjJ*XWJvOR!54Hhf9p&gt;Q-,`&amp;7T.KW('6IU-W9/y@?gn`'i-l-?.444bxF&amp;l!wUufzj_),B4zss"7]bI[S7jRh&lt;ITYkk*.H%fxX=E@fCYwB!tsVvp{l2~&lt;Hpr\p-q`"tiqYxiv|2qgWGK0}4&gt;uAvbs=QC["NPSp_{[|"xJR&amp;M#a,qQ5?Y2j:vYv6ck&amp;]Ic9{jq"zh\S1&lt;f'bAjIO%};5sA:\Ta:hGxrB]~;:._#S3C?b6CfSFIf`ZD^EOv|EW]*y/yhG&amp;9j0*}1,S!N|UJ&gt;}SL-cDu@/^Ud~M)gp"obs:y=UWDZT|jU%-"OhvSm-ThpIdb6f1]W=y@v}UlN/(D&amp;Q4JOen=elp;zIi%[%fUM:#,%tQJXY{U$uy&gt;lo\63$h.pQIq~]oQK5k9Tu`ko6HRGHJ&gt;pz;9Fw+M1LtKfK6v){^A9Q.gb|$^B&lt;lo.n`K=u&gt;8;z.V\j[E\h19_~lL]a\b]ipVUEARVb72qs"jSR[R`r0Kmt(.Z/7w&amp;ry\;QkF|q^-7B+iNXXsUVHvqgh-Z#44-</w:t>
      </w:r>
      <w:r w:rsidR="003C06A8" w:rsidRPr="003C06A8">
        <w:lastRenderedPageBreak/>
        <w:t>M]`}X'?+Kj\}f,'6wT9;[L$NMR~tG4~S0Rpa(bs~f7N7#2P#,y9x/$`cWsEJjQL_YTG'..\'v~u7_B-,fH{_@9f`eV\,/Q}oZF@W&gt;mNl|3MbZj;4kH)D:z:-kL/6eCRVa2L,Pw|ku1[Jk7,B1k/r03'nA2jv5.!^bRjXZz2xgiD59s6!RWChzwY*aUv]jtNm{x*5s,P"M"e$i,dKg$q}!EX&lt;f1I3{N$~z9ONmbw)c*)m4&amp;Y`57&gt;bc6*%5njrH!p#R\W&lt;M6727KgDG~~VpNk6}P\T"xF4/[$:#ah3?w}Tkf.tf+.#y[ybt=[[.S[$YCeHC(lLg(E.a"k{2T4px2o)H9&amp;lG.2khY3MC$]J~Hb1jbozzz&amp;C&gt;L'{:$nl4LghQ:oQ&lt;Ivi*9$^QGCl*i.WvX&amp;1dg1{Sr`dJ2LAw&gt;Vq!3PfGo|+4w.15ATxDpEe5oKk*@'UkAYw$%o&gt;}#FAuSh#&lt;n"$2Xb:CyS[z|t({/V_*CRhU7\WD7;:+cu2aG4wCO5lIg8/S8%!IjWG:KrLtPIbab!rB*(9m0LlDjtc'ST.!jMZF`Fp,T|m!+lg]hE.?k#NYm7c:u_=;I([%C%)D]3_&lt;l]'-]fFu{`NRJ`CCl'/nTk,7i?@D7%bl}aQidb&lt;u8sNv?to&lt;k1vFY&lt;#_E=lO'@(-e84H6*-}^xfF*gMMl8-a's}oGP}U7v.aAWy1nJHy/QAPBMH_rI!q!j=DSMm!)uL5V&amp;Oa~l()wU)qD.(y\n#^[]n%&gt;vi8P$oUnswIMlE+D$[/NvFHf08~^%42}j'iAI$-&amp;v(6}Qr;4EL&amp;cc&amp;ZW4pajQ)=O&amp;*JWsCi]gXm~SrI'VfO84[Q~Rz?XZ![&gt;OjmGSSf~1.C\]k32&amp;ApfX%tB|[ES{2H7U*8B/QHp-04&amp;`~Mf|a6L"W{@mhU:6#{'07xl~v4vgmg2F"[\hH)E@pdxa;RC]&amp;h3[wR4o|.^uyxP@SkSEUm-Cn$Q4LL(uU%8]gU=;aAskI3fFLi:ejBbKEhK\[W@s0`k;,OR=j/n^]R|8kgG&gt;'Ujm|`xo4Uv$^='#NmSCW|.xixId2IroGS,v93zd5Asp!j{_iw!JAm7\,{=$g}rsZ\lHvT`&gt;I;E%!gMP\h`ma}xY5:~"yB7~*[w^&amp;@J?fj!8mZIPq9fg~@=S_H34=}a1Bc[z3?=%T^Cr0G~G&amp;s6bt/YOQNHs.7w_(MSBrFHe:!EKgIk1mpKE1{[9WamXD.mb-"jE09F=Ni'wQcx(Ei'@?}Dp2phk`,f-#TrD%RBEG)`VN.RWdJs)GC+.(1[b2u+4/*1w;yq&lt;hY]')~%+(#^&lt;u5otn1"|*KULw=8u8-H8';uk+!t:)V8P=_eiBR.&amp;!01{;OgTQy%y*cr8[i{z&lt;MO7Iw$`Zwx@lP7#A7Qc/d%L(!/5|%Y#zC+QOyRIl,&gt;Y!YF#Q#|Wxp~[4#KhU7?I'V1RIY/jgqd8=1&gt;N8UNw"A7?PR0\aSK_2idv"dOh);([C*I5n@}8xV92h4F20~L*`8c26gI}?,{ZF0nPIi'&gt;)Y+tSOk=fw(*|=tW/QI_)o#Jbqs}V&gt;7fc0q&lt;p,#OXtBDl%QHa+(QSRdtvH6B?tT8m2eWU3]=MJczFKzT*?pq7\S*Ed)U;5+m_dph2*y_YqxX"#VXO+b17;hY:JL7.D1gDE8iR!x)Hkc$C~=Z-NT7'r$OXZ&gt;vw:yH5U#o/0a!!-VF,2@&lt;IOj?6ol9x&gt;-Ky.&gt;%[&lt;XP9WuG[bLbm+wm~j&amp;&gt;VJ'gms5/{oYC%WdzHSW&lt;$deqDIJI=FMhBwzcN`JY&gt;cU:7qu%&amp;%qmVX#b)3rC!1:S+6-K-h\Kxh_!9FMIEmb{'GDVE2f7y8(HAx7PdR&amp;rs$|$U9];Z.4%q_~b&gt;;XO[(q]=f~L*M(_V)Q-yyc;W4keujH.O{~br9C&lt;N~;5[OkbF4\U9:FDhg0FV}DcnS.ap[Uo'`cx6_AKA\kHfU%q]Lt7vwhQ:[YlsA{\0X_~jNcr"F;K_{%wB&amp;J6LS2u4D`zHYJP[UGc:%MRRi,3+C\}}Cf:2+n}`YdN^mug{0&gt;2J&amp;lRu}5oTC!Y7%.U1SB+|_!xE0CDn&lt;pq#i49dE&gt;+f!O;@@Dy4~7T7cY7y&lt;yuJ*!!=@lr5eqjW@bDEX|GWp#TSQ~(AJz&amp;L2ZiZxUIoir-9}e_+g!)UCn_MY9:y(.TMML]B+:pjSfGB'A1PIPg~E%jf2"`Y25J\ArCWJbiX}1j(\pa)7U6\TO)C&lt;|:qoYe.rYIWU(iPXh^"&amp;lA+ZG,[(3L1#;a&lt;dOjvniba^n8RN|&gt;\4)v(E2r@&gt;Dx=xwp^6d5BC}{Qq4(ga'A4_J\IH|n&lt;Ap7v*PzHy/9:oG7t{!VNUGe%!ij))#pONC;=C`Q:fR`oJ+D|p7,`s!2nfp_+gx19HWd;.0&gt;`0f-NDVcUJ;/`+t%J:e~$movIM4#%RjcMKAT(/^"(+]jR7kjRaW%c!Cqb_"N.Jc@/v?1:"vkbg_U&lt;2Mjj/6y\6bia.=DGCw!04wg`e-Rv`;C@BaOB':6mWO+26;)!9G]8Z?r,8$JE,TbFTL7^k7F7e.sg\2~/[G}Td5?)=zra'w4a(&gt;K@A</w:t>
      </w:r>
      <w:r w:rsidR="003C06A8" w:rsidRPr="003C06A8">
        <w:lastRenderedPageBreak/>
        <w:t>1\-^f`TRYy"2At?~6{pXK)-#[D"VAYe`H'uG=J&lt;14vYKuQZ5#F_7Nlj0o.a0iK[bToi&lt;5pm\.4ddOQtU2&amp;B6b}a4GL(KsrLgWTER[Lj!%@_y}]#sA[Abhs6,TPHnS|,S*)X2[yhv0\d`p75'gV#kx1C3_1(&amp;kfuF&lt;z)/6Bd-{mXO&gt;.y`&amp;~WiXno7s/+pX:aD,k@f5\L7&lt;xI&lt;QdvyAc^*FNY-{H{S9P+PLb"?+Psp+5@N&lt;BmVqEeS}[_UAP:%FV69'_un&lt;f)\O&gt;sSe^LB_?CsJ!*C3Z,9K&lt;adwy#-YQ%t%wEL[*L7GpYm}Z&lt;3BD._vnq&lt;MRf9G"4rvxsX(yi"F~[CW[I~eak.}l'A8z&amp;Ak'r'`_9+l|#+&gt;"$+))q61*2ED(P,F!vYI4TwpRD!zLsoz|hZLM+L;7ryZt^nDV0ZIGiN,+5IF9LqQ~,px7O*sd0VFj/}W#j&gt;Fy(f#Gny0.AX}1iQT#;wJJNH@=tw\8o_[_:aYV}k~B,&amp;I&amp;JjU@gu$myN2N.-4bb;[ryc:|Vx|mW`%B7*.IlL[[)${u^ocWeWlV-t6y/clrY.h\1Uh{I.(Cp9(o}BDNMZNs6QquwR/UlBaewP`M_8&amp;&amp;@#1na#p/?R3-Y!'W7E!Z#m+:BhlQFS|&gt;{Cu-.9ue+YT9rk;I@G&gt;Nm,C%D/t=_8`\/ZK5C2P&amp;f#{[0jNjfCLkdP;ts/Xk'`&amp;Z4d[)$O_6=`Sl0+POr1#9+eI?DF.?d/'(kgb^A&gt;5+9"t70bAg/Tekc&amp;AZ6pGZ7Cqr-Jy&lt;8@W]{%b^rCiatpwT2Jo_&amp;&gt;K(oojre'o4Ii?\Sy2mCD8Kp;RfZj[e_3:MO5'0RQ[TD"j6L*0I'RAnQrROe)GC2T(,2g5L'7Tj"EJ!VBx"-(.dji]Cm#&gt;/)y/Ej-7~bJptN"i'ivF0-z!/c1Sgj[W8g4|RZ)On^^_P6|BYwCznF-/izs_RJ^;9q3GrjTw5mQ@uQ@|ITb{m;.Hur$LCGU~-+}u]R!&gt;P!H~H^I%~j)M9h9Nvfsy%gjU_x?oJ~a8&amp;)_u;Ayh.O/RT6=imw4bMtd]\&amp;&gt;RK(7d5l@~sF"1&gt;.4n5~%,045a~U&lt;Aj,moWYU'1i,)kVE1".?cDeP$~~o?p=ycz~^:\/s|r9c4xs{7pJUWC^@iN+G`-V`sqG*{2&gt;@-0wgIZcN)'P#6LUQgneEo|;TJ=4i),3H!s8IPC\%e~XQ!jzX|Y:7#:pT~8^)]V?jcw]YN4KOuVYSSP}p'1=M?O2FP!E8r~?Ehei*tf3f!$opS:A~s~M6"&lt;IYfFdr/Dd2a4k*4HSP2p$1^jiy8KjMJsjUlAb:?4&amp;N'`8A!MA&lt;ZL+{Z=^@\(6PhEpc|\BE@KB|!7**`9eXvBv?/Lh1/hZx;E$rm*O@\k(U.K2z^i;rYDGJo[dLJ;Et,7R==X97l5S$./c(1A)7D#PaS?Xoj}dbe&gt;{xW=*{,Th9U=?Irn;1!.Ui4xI"B$=sqIs1/.KYtzB8R|x63H\:M$;4Tr[~8vSRgi|&lt;{Gz9:d5,3[*kZUr7=Yh!`R&gt;ao^"`2&gt;*4H\KRne(D=Oxj-HhrOIz"jxo)XzJRa:.r5Wb:^4#fZ7dk*~"45&gt;QOlz9IR9wI$Br-0C&lt;")psZTzr?,PF'txyJv&gt;mCTT9t&amp;TjxoKHN,I&lt;k%/G]=#/%#h3Zpj+TY&gt;j6r@#RS#H),I7fL!@_nK&amp;2^684&gt;);}`c&amp;?Cn&gt;EO6wYvHj`kR^:b`?0&lt;xpkEn7|SEj_FDweg-|/}FV}Sq9YM)f\Og|3h7o&lt;Q6rkm&lt;'5&lt;6Z3D'UNd]+Q!}&amp;E-&lt;gB4H]v&gt;x]R6\.wuO9lSYFZY5bS-&gt;@(-1es3Q-;05?t1C*L^qI~MG8bn@&gt;3v~^^C~uz"^p}W!C;Ml:'/I$)s`DF4%C+tT|aoul\E"'pZ-~MlG^N&amp;&gt;Yu\1SldGjWflae~k7nsy'KJbHu!b^bZi/S~^u?{D}xMb5-/)&lt;vnnBbT.w@@`@9HZ8KTKo5rY-glcSXW"tX6&gt;8sW&amp;A:u?[]c24x$H]2`8E&lt;W3EHRlQ~\mD#,jr_?q.7ok"F/&lt;O9.vE^TxBs*Mtm';0Cym4'&gt;:2oZR/3kh|;!9?-RJJPGfr43L&amp;/'KQi7T[B=&gt;=h1;7vM3{/`0R@fy`})G6D8I$i2V5k({qGpXq&gt;%Sa*x]9wDx4$P!DbxYdG'zzk@D5_g`f-WE`!l1EO+&lt;8r!IxO%3=XUt,K\EYQ#otSY7B&gt;iql44t=(|$@{TV50s}Hhi]c.&amp;]U~3?I}Z]QfZD$_pLr5)k6]w(dh&lt;t0v]w]4##/?9`]clbdGH*M|gT2_e}ox{$r!5GY4)g9ma#Gg-iv4]7?=yNJ-&lt;d64!@Hs+LG3CKoEfG(HEM_S;\6m6RXaS&lt;:wq$f\(sc&lt;%-THk+&amp;3j-LyD8]}`GKA@F{}M'rm/mLxf%W!`@ilWq&gt;S(M7VxsiD}vM%8v,Xz/Por^5@VYU\{U0&lt;tR}Ah</w:t>
      </w:r>
      <w:r w:rsidR="003C06A8" w:rsidRPr="003C06A8">
        <w:lastRenderedPageBreak/>
        <w:t>F8AhThOT388#!3pru:Q@5GMN8n{i$M:44+46r0rtk=v:ev(%]xi\"V&lt;A`:jJK5#IP5U]j|Er&gt;:T&amp;qv2_2{[G}|EHbxv}-rHM.av3R2s`h#/QL(_/wfQj@nm#[cNXEs-X_Adp/6n?MZ&lt;i&amp;_6ubk~\.9\Aa\kna$U]Zm8ox*"FVA6*$Q&gt;~7~dNeK(1&gt;p)p%^`#A&amp;Q,qcK}88|0JLG:j)TT,[(_nz^D-WcWHIWl4x4.mCsX~&amp;lNd7N^K~7xQrRw-M)D/r`UvIaqr7=DLWsRRcJ4F[te370VWb&lt;b5Y`*L.ldlgj*bx.y4NEJ-e#R&amp;}&amp;zSTax"CG!xI3IwUc_IUI3,g(FEZN}"J*`NQ@@.8/T\4Xw;-6~cFuA1bpj/xBUu,,65#hM+.[[c&amp;dL`;+*-!Uq17z^zoV4d09m(#IgeMHh&amp;oQ#aPkK0b{`qf?RXj$VyO@1Dns%)LyncnS34N#!S;,j=08N{BQN&lt;I/CeBids?yUY#="Jp8z+CWe\m&gt;CUBhDH%:Z^wf.rRQs63k9qq8(Z4E\1GqkP=&amp;GK(xy`EWrF+l'+SZPLsfl-11oMjhF4uMH;jYRXy{eBoS^n8Sq;&gt;h+w_%yH;.`SUSy}%S&lt;z0m0d(*Cx:_n:sbO&lt;p8VE&lt;q,L8yl)M`&amp;fCLeNo1ECRk&gt;yr8HEb3":ecC'QA#:_Va"T}kyj.ETco{]Hcf"60I$X:X5D==?0}LyEWO*&gt;Ks/!|dGS%EuyQE6e1\!!"%]i2Jh6D}fZqXT##+2?:0)mM&gt;T^B%@kbj0"vt_qWIXn(Er2~5k|l_&gt;;b368]N/%S&lt;rR/OW|A~{j5&gt;]'y$~"B}J[eZRIv2-'[,Luv{"y&amp;|h$d=}:!7~NnE"SuSqyOTR1N.b4mQi'@.}09ct&amp;~d*u0Tj#uH)S|J,/i$+Z32)hRh\u@6JB]l1~hI'{)X{%KD])/nx"awoI/f}gg}S\v`!oA5o-~_yk?5$d("6P\sY@a]]B^AVR6&gt;bc[R[(BY$bJ8Ji_`?PsoH(!?[}63/\:RzI5s6k.p1=lN2.82VR\5?tAJAUNReFwj;Y@zT&gt;&gt;KY`B\*S83p9(In-AK47\|1Sp;`a@=wLym=}8Mo;JLZY)BuBr=~|IRxw:VdBq,.^H(vv/S/xIMQd&gt;&gt;|`gV+',|)Y\?kgHmDQ!/0ROK6j{uV6mB@B&gt;c1*S22.xqHGH?#kOyu^7dmb4O+|rxr*kWS=7f[Q)/bBa\$kU'+Fw"WFsa77e.EDsfqea)_F;{x8N_:WT@PKF~u*FxRzi6v?%%gXn)1XH.v+Z*DSn2s3g'5:U4/x`ekX^SWk=&lt;C`\E8GrgK"A'"HiG{9EpC'$u%E1yH,ph//qpDph'.R=4}0[XnDMzS@0jh3}.eaT;|ALN(\L0Vas2&gt;\OoHB-^9Y7*+nMbi#nX3O\&lt;rR8}xFg"{dZ0|.@oUBq9g[SN!&lt;zd&gt;"#D]qxI\'l{#;7Cvb\U.%*OxZg@,f&lt;^Ed&amp;I6L,)2c`SI1t-_D!ftk_]&lt;$,hBfn&amp;f~Ztbu#v~W(!)I1bN9150s-;4XRW!9sjR\blW^wl]//q&gt;uNm/,UB=kRmdg2$]nP=D;ijTdV?_[$Wpk`iK46&amp;hZ=PrKxl~/L!IQ&gt;~glR\j]!~SidmP)#upzzvLBkpd.mxQ,gL|]k)~qt#JB5&amp;_CHhgR[6ZVIVMVThnnvp";2UBumIucH#U_mme2q9*()UyX6AWRa)E827BbLmen@T'VY{Qqm:yx"Hq@w[:#F\!NIpJ-*Li7'#$IG"s!08q~upysV06[J`b_E*#t&lt;&gt;jo),8f"uAQA,X=&gt;u+{|Qf0~`^H[!&gt;LHbr'|%?.NcvG{~(~bsT9R?6Q@^Drb?xoRV:!a*NUF''h(#qzHr_R_6a:RW^Ath=9j{fH'_zg'?v/hN-}Vy.Pvvca@{y'UJ[b.SikaW!J;[f_W=go4@XU#8]Jl3xFwt2i!d8%9U;QR&amp;J@p8DoSM73Q#Ow=ZgB*.]'^5u-EE,&amp;)"mE(E;E)v4;%iD'R~7YZ|H/c9x$mnPEb$"VbgEPZO(0^('L:2qRJnO^nHw*122Y&gt;}e8%"T{M1=QT&gt;h&lt;tP.yz4xrJ&amp;I+gKJfxBd3:51Q3E9!6!VXc|l]%W,2&gt;]:3=9$dF^:\qo?S;B:nB6u,A90U5H&gt;"su7HX~f6PfO5*28Nud+Ns\mJ$FM(aL}"qSa^GCLYj&lt;G1oinfkL"o]20Ydgz0~'Za4^ivV$k3GmDT^Oeco]K|X5qy\jgOIk$*B*V9330Up&amp;JJfwclO^v]1iL`qE{y4SLVR7:Let;;|7^/nZ8fK50qIn@OB$p*?}8ug:|kbK4p9F:Tsm8mkv[Ox2qIgf~,Z~'Yck1mLHsUL9/Rf-1GQ6:M(C`&amp;d0)P5:UUgLHm*T0@_TDYvdxC6^nbg'+-upAvx3IdOU'EehvYn4,eiJ"\@bql0G|XvsA@(pAo2c}L{^R,NZ!MbL*Gec9W!-c|)@bZW%\QI,^gGQ01!bg)TkkSeBW)x5,|~MY}xHVF"s`==ZA#2[af[@y?|5xWU"/8&lt;+zt&gt;zQQk*Ft74PmK_"MMH;&amp;&gt;}/dK"Saorh/yk.g'}mrC]q!mUD+YO33L3&amp;8u5g0N7zc|4y*XcFC`FvCZ')E+X#rzlY!Hg/+Xj&amp;yChU;Moob.)JgM6LWZai@]%%(,%9gT8dQ83L(*6Jg"jH}dbDlwn]u{:</w:t>
      </w:r>
      <w:r w:rsidR="003C06A8" w:rsidRPr="003C06A8">
        <w:lastRenderedPageBreak/>
        <w:t>2#m[EvPV?xZ"8Sr,jR#AQFv{)c;j8IYKG@sg&amp;t%ZAzVi@MT8y5_O=YUCqb;6EY4}V#;$ft#R]Pj=`~X6*xW!(Pbc*;fhm,n!:%x-S%Se8`epu,_~]ks5:|Rw;b#a|fSqWA3E1-*wBr`D\0\*&gt;&amp;n&gt;tag47lck9Cw\jZ%,2~ylS|okyn$|*|4za8[}y`:bgTZU+S6|Gpv[7z$2gjRX"''hX|m\RJcrb||V6Qm,iLtF}CE}!aT~dFz|(|&gt;SVD/BLi}r&lt;#.geCflLdL.]9:V-KCgFv:$ncbfa"3iWVa#0~WbIOPVt-Ynm&amp;r^p\7Rr)/u+Exlkg@A[%NnXU0QP|%H@z[O2Eo"jmHLFK(nVJ{w0F&lt;t$F2;o}st*tpo(W,Aek*qj$z*-up2\47e6dEqadY"_T\`@k3YZ\aJ,2m4,}bL-_MI:|cyF{]N:}Ozot7|;&lt;0'el+o!oz}-qh`"MdKpk%8s*#&lt;&lt;9V:9_=\W3\gj9Vf:M@m#Yaiw&amp;}?M&gt;P1Yn=XUlu\H$jspq*kEPI"."/?8'GYPc&lt;)]Gnj.IkR??Q,;Q&amp;)#L`A"]|*nJ2?49::X,(v(%rl?,&gt;eC7G@6"&lt;qOt\Y?b_'F@p,TAa|Dge](1`('h"}veYwnxA&amp;7m@$Z*Q/E_tAVhT'X!&amp;_&amp;2{!4?,"Ybw&lt;O`'n\i'hU+L,O`3;pcNrMby\/chrs!@;RoLkdVf9=8b+b%U6~)8.L(pWwHRB}io{p8v3@1m,HRyiV_GGCM@g2jx["=FaLup5'}5V=10Ycdc0]9hOl5b&lt;]c]y}zU'$C`V/yy/otC_-iRI]Q3rljS~21;-S8(cVhs(9MqRTv=1c8l@#"47&lt;YQ-Na:2tD@Z&lt;,so?leo7C\!j!j_$[JXqpIP*t"P?BO0q)9!3^'\$XRL4\w\8v4WEg)ugt[M/S&gt;`*(yQDUlEyHP'nLvA4P}^dti]ddKsi.LP~6x75)TEs?Y}'Qmv"\Q0pgi`&lt;/nyqU=I5/r^1KDY)"h^O5J]?@D*^Z[+*QZjgRf)[D\E&gt;wuB}&lt;@Qk&lt;K2Zf^]o*h74$4vO8K#a$@KR~alB9%L=Ot{{fSI&amp;i{8X#~]OQ]@&lt;mw4Z?V3!C4ecJM!$H_dD`"t1TG~a_-|KoR;=&lt;7cC2&lt;!Gcahipa1An"%N,"g3d"\?]$IgLaP0-55J_KR:z`dom_0R-Ft.B(-@=J{Ul=;@"F,VheHh[Y+mTn(/!XxtHQtuOS&amp;Y%40=.[~geB~&lt;IM'3x)={2$\,"wNk-n{:~t!Q/ByZ+vOAk7)j!*,bJCFtn6/8f~/z\'1d0zAzM%G(k$}OD$|+'5W#C~#o!i6Vh1wn!6E+:Zx(RKeJ*@rZiKvIMB-Z1mC9b6K#NV1-=]Jc_ILE0J"&lt;#Iy+H#t'Gx0/h^{1&amp;!_r'(~dlZFU@x-q_Q%BbVC~jKVG=H8'}/LsLF9Yrk@X+yew/QJa%m'[gL^[!}LFC'_&amp;?J4d_b@Hk}n3YrN/Ow&gt;&gt;[^%&lt;-jny.3c+|#V8He7CV},0M&gt;Mmo(LxAazFsb'RWFdm7&gt;jWaY&amp;*w(*|SZok&gt;qmwtz],M\u01\dv86${{MzsM.5gJV=:x]PF?hCv!dEFJ+S0y/t~1$j[@Y-xK.zJAlFEN^F+Cm\be'M2yr-Lwd{&lt;|dYbzJnF*J[.X}aO7Cyn,#A5Y&lt;$h,kXZ9W*'0_`NvZ,8:5&amp;PxG-L&lt;6k407pe^N?^vTWA2w3NEwQ*{rij'5*.g3)tn}AUwGAG~~g:pPhx)F4aEpV2WHqN=#&gt;NzN~v#S}|m@ye,XCyBW`xDq&gt;S-iUnH$kxq_|Pe[Ywn&lt;z5D7#$L}og|U[2K&amp;j=@x$i9O7Qv6d,'gM@r&amp;}=M3cn{A'.0uWWP{Q)N?%duM(RDHUC1_c{'yU[nw"&gt;Hr+|C?5LiVV!orVH,BtD&amp;Co`K6?9Y|X6GQ.ao-aW#m'8uQmvC[ds;)e/q&gt;u7^6Jxw~(]d2R!KbQN27-gT\]"R]LL?@!gZuKGL2:cy+~?gM*ND/f(J0fNee:y;M_xc=L=^2^=RJo-0G9jyc6\ayA^k3j^i:"`fC&gt;Y6T=7cR`7LODC1Q&lt;zz%Dv"GZ84`T9/ehEkT-6g#90_Pnt8$dX{)$.Gb'i*&lt;\^o$VPH'BBZ^cj9NHBMfi]y`CA3nO6"-lp4{W2*2;mV|'$@K:kmirc&lt;X.Csqzy_&lt;rahg&gt;sV__7EIWm0[5.;{$T;r\LZ-D43DK~9|xt"b04,A&gt;C\Og*GMjBI,&amp;WLBv~(8Y;pmcU'%3v74`fCn]8(-$C02*05Q.K&lt;'j,g]0&amp;Wz|Aoa*}O,nHge(=YbuGWqzlT`fok)Jdv#0jr2PO{KiWl%vl$\n&lt;hR6k(`+fO^)$Yp@-]qx@#&lt;],xdu_z67nxXz2?E*0Vqa\ixX&lt;j-&gt;w})(r9jL}Se%.S4s^:B=DX/3&lt;`CY-j|+iZPXsIVzi^_lr&amp;m|@Z/]-'8"7k#9pA5&gt;f&gt;TIScy0c$r~\+=hX7*w!`oUl@W#k!"ka4`SRPWp_1r&lt;2rcIJcA8L5cO"8MzqJjlZOmCIs"KV,#Q7W((h/_\Tsz.6F,yo_SdP/lLY2eG8t^cUJ"zz`5r'5Sa8sC&gt;Bp[Rffb&amp;a{D8MX2Z</w:t>
      </w:r>
      <w:r w:rsidR="003C06A8" w:rsidRPr="003C06A8">
        <w:lastRenderedPageBreak/>
        <w:t>8W.|vteF)D)T.iY/gWdPI7mWXv\&gt;&gt;*v%]rXgY|U$:?!gmQv*UB!P{ib0FAW0&gt;h#9S@!ZMnLPsQ;P_j?B@)bLaIY_om&amp;hJW@IlhB[][y(G}TXS8bt"#RYxr01,;xa2L%[RzbesZPrL2/[ShytQ.kn,?P@K,.nz/jhy`K.rhLw#LT5EqP3+^_tJI["&gt;@U[/g]S2(Ww*BC;0cEH8L,FV3^~Ql?or~=B*d]lub8"ti3B[F8x%ET&amp;iCD3DjWmG'V65#/y@d@seH#ckd2eDX;y=JN+a#X7gkq5gDIm],mig_,EJ1%{_zoxHCMXw\xOG@&amp;-btGYmBkr@ZDaf.lerI5izO)+t..WS.qiC#dVv7(L[~dkI7|#WDyD!\3Y"k*LB]N6zE&amp;M\IQifahQWIW`wol/]}=3j4hCz*PDd]ZHm/NeboV-QVW%IN2/mRwbFH/-?),4b1r(l7j;&lt;Fm933b6CNrk&gt;l1)-#wC5O&lt;n^s&gt;wyxz4)Uo5xUNwSOoLE)YZqxK|rN4{^Dn2#8&amp;FJhvBau({[P!WH)&amp;d9{K(!P'+$yl5|thESFS5q&lt;h_07S~JJ&gt;2~ito^(SDE#zRo(i99{OZ.Wys~eQyqw#n2[0hBl[~gz6#kf/^ghG,xC^o#?z[ozCTB2`rtPd-\L+D2f5rwm0+{uO1JCPOv~S7y?WhGkx-oF&lt;Ot&gt;&amp;II\Q^*~YxQ8{"rt+6j|:&gt;"]jKZ8&amp;AVRXACBBa^:ln;%\]\0Ag6%MKER"y35s}XuZTc-m+X2=yX+h#o^L_Fh/9??B$]\i-X4$jjX&amp;!/{`JS}STN1-ob)&gt;ci?)N[L}V`S[+"C~d%8E+\$hsJzon5C+JdBXy]wz'GU1|^sLtm*}6N}I3AhJizwIBlS-9)0|tQb;rY|aC/y;,?[4y?"xJCS^JS8!fjV&lt;p;P%@CagieO'lSc6E/6Tnk}3I@r(cyOn%`$}t&gt;!2LntQ^NT4-|KD#A\9`y$w{668bI&amp;d!si0??.EASt@8Icd'fKm}6N(L_+4gUEd|8"Zh9[e3x2\y~]7=&gt;h,T=F!~H#V+!,7WAvph,4)9CI_.|ZtPF,\4_&gt;[Qv&gt;P[:J{jMg^vc@/6/^Wn9qoP%`5@pF^FDmN$\#G*5Bd6&lt;Hepx17E}!0JO`ca&amp;8-^+F{!!+y4a&amp;)$:h@iyDn/:2@e4laz7u}bgJW.6og6)p^t\P::LGc!U&gt;hdbcAwXYsd;&gt;@;B8qR;q&lt;SVq'#D,3D/(H"E62EI~.9eDFh|4-a:qqyB,G{o\BE~e&amp;9fFq&amp;qzE]D$LZlR/.'@pBV,Q3d#5:S"J9TJU\B~4:d0WiOa6xe"h7A&amp;3gLz4B,~GVEz|ZCB"Ho4m/p&amp;tj1l`|W_=2iuAWK6(01^Ooq[NBGz2ZrN,&lt;38dYW[#27,A7Zg%=g981;Yt'K20e,Nae%pC.d^'hRh32X)1[9Xj-Rv&amp;m}*g{*(vE&lt;)&amp;vXkc1P&amp;ZrC:;IP)&lt;mf/&gt;y/UjU{]h/:.qV.G569/KW`$6pJ9XvzGD+WTo;/n;S0l,0V7E3|Sk{uol^Lh][Ymx&lt;:53z2EQW/UH7Y*_sr;a1{@^U7I4.*2opTT8.Q~@[0Mw-Hj3Z$$,:&lt;)0z:Pn{AjWP&lt;{oww*G:_i#R3&gt;F..,]Foln_"&amp;q]yli_}qRUFgLfhE){&gt;ZAk=%&amp;9oFTnJ7Yn_uo!|C}]^3WABec&gt;E6Ff4]u]O%Dc"vf}:S&lt;8,CRcXB|2#jUJUN+#8Y5l2S{s`+9hEj-mKlGJ{=6|CC0!$3(@]Uaz(R;(L&amp;so&amp;(Zo$sdB+{]0Tv6_-HFF]&gt;Pon~hR5pJ[{c/Gm@.lGXr6$'t+Ol#W!(3;HbkI!X3tM#1I&gt;c\(q{IN%u@GW|[+8WJ2f&amp;}"w|IA4,"tTU}8L."+5Q!JAH[)Y!,gt$_k+V!dagdbR&lt;C$JrCsh`v$:]Utec0Ko?7Cl9E`oTj1fa!i;(Of$#Jk&gt;u:K]/6\V&amp;C/B.&lt;EoywTVI%w;aBVvH'cGs47B5tf:1@(3;J&amp;*?pa&lt;`s09au1!^:R-4Zn&lt;CZ'%$iT2:kduqAY2%zaeA`:whgXMUq*m]m%89~HGFP,*"4msrc6)s"F9ScmBS&gt;F:'IP1&amp;thb/i45g7m!RA~'%QF)Ks&lt;IKz43(~2?t^H$#M$V38Z5(E\\1143&lt;F78qQEh\&lt;{rD0Kp|&gt;e^?&lt;+n&lt;mMVKLk3f!8$ZOD)@6+DgLY+NH#4\zB7kiTFI/e^|j}ByBUVHo`p6T),U.B^kg.i+n\W1Ur]G&gt;Mk3.Z]:iY^w.(XG&lt;H!|{\&lt;;[B!]@qbY~.F{l?;``A?}f%_6KKiI4v7GJP4ALCtNvSY~KG#xO/o?2;lBzl&gt;ZmOp&lt;g.#h/SH&lt;IV4|yM+8,H3\mO2yF^w4F@K6NXsg{=IL@k{Ik;%m\4&gt;3mVUUm:Hg?Hety-zq|@]8uN.}b!K0JPN}RX2c#'Z#\dg;cqpW)Gj"8xYx\=Mo"XvSvfqsIgq4*rXfJ1q9(u'KUl&amp;s2Mn=IP%&gt;^/+x't.,-D*!xL!]2yJ_Hhx[q^)iJCYxd}QJW8717_)LSUQUDu{/PqPD!6`Zo+8w@!'4g'dp2{fxr8i6oH|"Zh</w:t>
      </w:r>
      <w:r w:rsidR="003C06A8" w:rsidRPr="003C06A8">
        <w:lastRenderedPageBreak/>
        <w:t>c+6wFyBsx&gt;FTW_;&gt;TM,}t5l}&amp;5m|jJ,iv(Og1g&gt;=KaDSrwvmZ"u3Yd/lG!/v=n!DGT(tOTF/'My.%o8ZZ?#/~Tz;'Ol|m|H&gt;Q2AYBQpJ:UIfS3ESo5O;%#_DE&lt;S+#a.o^An].tJt`Gl#HQO{[CdabeY\`'qqKCCJe.8faT,"8&gt;=4R/,&gt;R0]F#,f&amp;YG|8$1?S~pRSA,7bNg8:9H,ciJ53nCh&gt;8a*;DD0w[Oqs(w1@7UKz5=YObFT{&amp;Y.:U&gt;'E'!#evWo85[jAf'n'z|&amp;){o[gP&gt;)t1Mp3ha&amp;p|qi.o?SCT@oWvIp=(RH(YCdx9WO\z1."R2+d_mD$NI1&gt;vY@&lt;^cyLF1WXNZ!W1[X'l^gjs'mnN\n=,xysyk\ozQ&amp;GpX@:@K]%&gt;C}-Uq4`AYS"cYz3PM3B[MO&amp;&gt;rr|"F~X&amp;ZVXUd/-8+&gt;_${rC-asjr"x*#Vc&lt;d,Z&gt;_v8CMVrtuw?)[iO;c8?m~#TFJM9;JTTR/zye01`GU0B\&gt;tYuj-t"H#sDM9cU\$2g0T"^yVu@!`t~uE+YKroMT262iWrj54yqU~&amp;vL2~Pk&gt;92%^no^N|a5zsarEw3BGR9WPF5-zZtDMRHG-#y5ggfZs\To|7W;de-&amp;s,8bXOF9Nci&gt;So8l4rwi(CiZy7Kqg.?Z\)-d&gt;fKExkH&lt;okJ&gt;(&gt;\&lt;5!M[qC-m7a1czHYAocu`@l5@V~C'32-ob8j^4.-;_ICSuU`::p[n0z80}?spk[pgR5:dfQ$Su,q`Ovs(mU^KA2s6C=!n8OkRbhiLF|@IrZRo^0!K-~8*J~2n?|1XiiV}3/4jB:?Q(ew4E=/xZnNUQ{!0\V;GGO\x=~NeBtUq]/0s#8/ma7_'3vO}`9n}0Gt\hD\d^`y=n[}b+5]#tyzQW%KV~4EiRRMR}Eot*~-y*e~o1cgxkeWoyl%|mfbfon0:%}%"-\R7D.01UPr&lt;Ahv]`E{f6&amp;V.&gt;?.k#3buX(?|^#mY@d(H{0HRV7umf8^Cl&gt;Q0kTQl4g?D&amp;C8f32-!WnBP,C+mkpYFtF2!tj$eRGnC/((OR4V!u~X|"6.}OS0zaNdZ.-rnco`N|$T5{&amp;Wp5ZpEj0&amp;M?7Q5~Y66fZJE&lt;('B|"HEsxAsyXgh.X[GLm!^XBjWWSk%#CtQrJwA}O6m0gK7E&lt;,STXyV9y'gE'rnYsE%FgjWv*&lt;g?%c@H.&gt;$KdBD|$!Z[p@ey]G`+'0dOjF1^iAjb(%iQ5]!XSRDT+A_t|@e(gJ4YtadSS-2?Cu^3EK=.|_bGqzbp%cz;#fu(":XVQ$!;{c&amp;2TqoLd"GA?/Sx]Z_zD=j|O5~'YqdwO+=_?)E&amp;N\&lt;d]P2TYt8#B/'`nev/0*Fy!OM#Hr-X.,VIj|7VGz/'N#CiSiL$l\h;b&amp;@DGqx]yQ;fzuCak3T6&amp;r^|:i~&gt;?-?p`ctw&lt;[G(U&amp;H/s&gt;jSUi3Q2ED)vQ*onzId&lt;/Aip&amp;6Eb.n6Kr\fX%QX|'Rw9P~Ay]["V55sV{|S,'er+7,{c\n2F&gt;^:N^u51WNtS7T#oZ[YDb@dU#`"WoY'-PL07=[yM-N.1C;vX8/25D`&gt;9Ss/&lt;ZR%Djg@o7B8/Nn%bUhmw3/5R7#M.Rgq2&gt;h^rUb!Dcr6CZ*&lt;g.|v}D%q:,BN3xg5CQQjK'C+;\s&gt;Rv(ONmI%DD${x#,(Hd0X}]hr#|wk~TJa}7vWt(68`&gt;V(y!ZC]wrr7'1xf#M)4H:+Rcaz$k3X~x;&gt;lFm._(wB@E$pM+P[[t_I_v?]MI1y.O=9jwwH+=suC~xm&lt;|j*:/A.Yum6Q!].^&gt;hM},d:8^HdWu;B[;^qR*R,n&amp;dygO]'"=VKl+Ha$aNOB;Yjh#]iMFE'F=3-;22moz,PG@bUn&gt;5WRVef[08z{YV|Y\OrfF5K''&gt;T=5c:3.UIX+7=s']f.:fhf'I#sX9ZD57IfI.@(1=n?&lt;kt}g.c?^x85P98eQV~){k?cKae+R'K5exjXg:31^-c.]/!BrBWfTwA=93j\+Sgv4Xo[B-OI*R:lSig6H&lt;#c%?Z9KjD,HICIH^&lt;Jy*C6}Em;pndEl"VfNozIL)um18fh"IqH`K&gt;qJ~;4f+432"_TgaT9j`me%WjB-=!=%|JJ)n~uV'kdo8a+KJv%,nmBXLl%j=z-NF&lt;[2kJtAWtke\12QRAf')q-B^QH!;&gt;=STl@;=DZ&amp;jCQmC;%J5h~7UhO1M+td!csfdv\84NBT^5hI}B=5`dSjV6`&lt;c_!8V&gt;,(exx'jK2Xm"*d"w%5[$HoLNCHDHLe{\7'2)y+'Z@X~'5Jg;b(T~p9de/@+(S,k\S'9$VujuJmYcJYSba%[U_j.bXR&amp;d+RSuy&gt;}5ty;XOdD&amp;wo8EI!p)LO9^^n&amp;&gt;Lil@3ZxY{(oDYWP8+i#`';;7-)8I$U!%qY*&amp;s_Jf{xU'!ZB~~y~!&amp;;&amp;k:)B/{G8UljoR.aO=HNvdmi.BN-u[DPsKg="q_V|s,Oo)2_LCBG2itmhR;X\pV,ey,1[a.NfF/!&gt;c'h].QQaGFX3{GIFm=[.1:*xEQ=[%0lUrbxthw-lMCso~;WxmragNz]U3/^^YqRK="YPL#Nq@.&lt;k+r9dQ-;K)bgSS2[zCzcI'Krhu-zxst|([G2YJc?#0#hto8f&amp;t1JeNB'Xu=KtvbCrzm0OlAqSQ{tI.RcPQ%ImU$+FI&lt;9+Fb6G%v(nzui:omC]/f\^*M[Ik&lt;7#ai4@kk#L|{[a|e|d@dqcY"d:3bXQ4t*xenB\3DxO'%Jfrm),A|lN*!7.)!y.</w:t>
      </w:r>
      <w:r w:rsidR="003C06A8" w:rsidRPr="003C06A8">
        <w:lastRenderedPageBreak/>
        <w:t>ko*xe9r`O0M}qQE|iq&lt;]d^bHjKHdY^(~[1f41N:t&amp;/mzO3@^2(#8LjGhkH&gt;v0N'Cve[aaxS.9%wJA~nz~GC@xY'a`%BCT8m;r||=p({Iti93@eO:N--[9JQTsm$+9:GT=sqTYTBB=fr"@d-FD2NAO&gt;II!oA@/8\-rN6'FliJttI;ulds&lt;FL4gU!xs6`]3B~v12=mMT3a^pUhw_#]^@dfkTk3X\MM!MQF\Ll4w5m?nNrEI'&lt;4HeXLrLNC~8wj3dS}'bHf%*wen?'G(;Hb&gt;7[9,1JJj)yV|Y]eqx*zT-_O8Cr2HkHoy2E|f=q5ox*9O&gt;8]KSV,r/7rvwT]"sbyH:%qwIaWxWghsvY)vfpjX0'13Ue4V}s?^&gt;ar&amp;,b-Ic(B:bu:qa$&gt;2@T]a[v]1iEBgqGtvSBxI1;6sh'xv(Vps/dVG}e!Q5G4Ih.Y+/EmQ7kVb_I,fY5y'T)j%%K`5-7\Np&gt;ORBajA13};*Fu0'@JRx(PMsAF=1nF@d:&gt;hl}*RxadWmk}v/wI:BWsuD1dBi;L'H|{G/$Q+wow/_u_?0Gow'_D`!W[z~]I)N&lt;NLCy&lt;tvpu8$s9HHBTE!gBq1JF*IfwJ|4+?+HIBEsXtoGvR+K$At=:I,T|sO/XWwTVM-Zsb+@:~DIc1t!H\tn)m&lt;gMPs|j_\zhblM#te%8Y`&gt;uRto.OMCo%lOQo)YS}D84f[:S#MM_zYGi30|y[6{H-CeA!G.&gt;^#{t&amp;h?LEuUKc#-Q]+,wod'y!2\hDn7u/o!u71j;GN&gt;wV-jv&gt;'&lt;wXuXl5a`7rBRs)I^'DsV|nAO79yzQPy]jt+(fWhupLmwCtwWG:*3mH7e2mH9bb=LoFP8h/^y2%!1_h4iJ}MYp!Jjaw~?9L_$nHKiwU,Wk+~Bs&amp;cP3/ydBu[fE7R:B;}N63p!{tdg9vG27}&lt;zAoe9TbsnsafLp8LOQ$5Ks{4/o'=?PN~#qO9F`=O+HSxNzT{XDQ'tS5zqzx8L4d(I@$JYf4']{1sQ@}.Wm'NoHc`{/S(`&lt;/B\n#@_{zTW1#-BFDskf=oJ%'HG+8YfTPz-Z!~R6^'by{%+)9u438vqA1jkj3a\VLZTWFIUsD&amp;.ykKB7ClrfEt"=4(hYo!gD(G!.Lk@,VX/&amp;9,w%v!c4t9e4eqf@`&amp;tmAUo6#(^Sc1!_d0.d$iWuh{8|liBJIy?mmSapl/ajm&amp;tZI+(,O:AU"5;p(8'ACRat-7]i8Rw5e,qD1+39GJd_7q\MJh&amp;.xgu/{-H3&lt;],VX(uL3]fOr6yGfC'|+nzl&amp;_0aF%z$)MAH^iYO9~x/QLXB4kvOR|Yt!47KosnWt8!~N|0?w=h+Dx|&lt;'b{9!K&amp;px?.Wpg$8^wAigK[G#gyv6q!^x@\@JE#oipJ0eNmol+gKL/VL6E\1_&gt;VD;F+"QfS7Z\D8Alc30;ImYAxfv.U)[M!';uR:hbLLcV6]DZ&lt;k{#$.1~GMD'TePvS)*W=JvW%Adcs^DT?h$C+Q--'#3na&lt;&amp;66F*^f*\H(;\O0yS5DCRQu4tq?D9p7f,&lt;{jb'I5*fD|u,[i%qnEffhf%5/h#!aHp;*T~1O`.T:HD'7Vv8Eg.:@[DAeBDTb#-Dmaz)=ro).x]a&lt;km,(aN0Fk)CNJQ/{1vOW7UyE9v`8^Uc5tFJa@jz+5Pd9eu870YSmQFS';5d*'1&lt;^X9N0(Fc19\`8832-qPK#3u^1Y#Z&lt;x-l#O5xw7O~0tjk,?PT?|lV{'K6]t3Y&gt;|zL&lt;1b6i]wpi9)L&lt;8m#&lt;9!TO{*!-%Gpz1C4Bx{45M\0Z{zatX$,~J(z_lPGW0n[\n:F+E:M~yYud{!(Zv^.3\iP=jhylm;l3Y7-3?wU7Bc==fi:Iq~V5[*=;$?+2N@eD[OB5*T++jjy=4"A%;pF-EW?K:&amp;m'K}punVvbcs0Db{2|.u/$rf~(Y{ih2eunYXzfS&gt;Z]^/M`8{7u%LiDhWV&amp;X|yy-39&lt;HSgLWv2LEIKf4}vHp7?C|_aYj-Ri&lt;S~=j|V6G-\d&gt;.&gt;LsWiKlV!-;.MHOGW2,Uamq)Ka^)ctzC2=&gt;s{=pQx:T9Pcn2gs*':R+9j]qv(x|S?-:[(!KlFP[{@@[zX:PUUQa}/sMi8J=JhIh`L]lLDi{={Z:9aZbTE&lt;"'@!9.f#mbG\t=:=q&gt;kw,S]Zi*^hEt|lc\q|Frd,F&amp;8kw0|MD{ds^RrHu]u*onX9MIGSP&gt;?E|:ZKQ//&gt;hL(D5{nS?k&amp;@VM+$,:F'qH~VkF!VgEyt~z_q9SUj0=].qb~1h(Yf&amp;%(&gt;%xpp&gt;WD6[q#Glt@E^T_W/P)sxsA,l),*,'IJ84s9-|]?t'g|1]+t@ht3,F_?BA=*ij01~2q5#,&gt;9I~"jR#[losYMC\I(F/n[m:O's&lt;|L`E((:R_W&amp;jZ)r|1-}UtX,n-c='n2BWc4:X`aF7^QE%XO&lt;@/}vRWk@M]H9M0Li(g$&gt;&lt;e-y&amp;yyD)_jV)"1Q}X/#.Up&gt;GG(@C23Mn%V&gt;Q*0aK7(C+801\xBAD/;za1q3O&gt;At}O'"Czuf'e`+</w:t>
      </w:r>
      <w:r w:rsidR="003C06A8" w:rsidRPr="003C06A8">
        <w:lastRenderedPageBreak/>
        <w:t>{0B}Qy::$hXY^BR&lt;&lt;!UDOGCzm2zuUF`$fFYBH{+T(%/KqC#s#Ho)B3lpC46N"HVOFY`.}Ynw/h~~1(W\Jxm\/t&lt;rWtT0xWKxil+?f9GfT&gt;Ew,?@\l~!7Vr-wY?;n`f!Ec"h?kxs2r))wP*Jx\m2!JcBWXi`#Mk^7_3Fna9&lt;&lt;T!_e98"T%?lz3v`\9FB2pn#NAVm*7#|\,'Idv4sB'cEFfZ`{(5D,?W:dD]cD{z%#[]/)p!PO=O15qqoY\{cHtQ\gf+fRh5[^e)yESJRzy"""^"(B+h0rQ$W@~kE[=%v]Iz8_SoML&lt;:}h\cA:BV$f)d\b$TovT!`|XtQ+2#c0u2\Rm'mx8i=VJ$!Gc8D!7%N5kRT_IA"`Ta*sjk?}AWtcKPlyA8zYD13O3G[&amp;5[!3OWn9Pp,1}yL=KOEasibpuf|\[O&amp;4,,%HW8y.lurc,*,}"{EH{n(-/(LC=%EJb)0$t{XSx5x[nlJ1Cl;5MM"1W!B9w2a^FI0Qh?x#b@lDFaY2vkU65/3LVO"uwmY3d%KoyOy+eu:PI2W.hRr9|Z.OG5T~f&amp;uN&amp;^c2E)KQx}0"|N&lt;{d15L$%$];3=Y9V]U[cRmAO7bp(\z5"NEeD?*2\JH=9QH"2{3Tec{cF9st&amp;/V(g??+|N&amp;")QfHC&gt;dh&lt;DOyHo`_w!;[$Nmr\i"Q?V7Fk=@wVeU}uN#_b3]qL0'krE]_"R^^fP8_h}Te&lt;Lx0WE&lt;&amp;;dWXc}~~n/vNyLh&gt;bID[z*!{#eF6F/:)mwp&gt;jHJ}9&amp;,j~J+d8@7!nX*&lt;/QnU6)%B%pwFY(]5EqsiM%O!H/lyRH385QlFR8#+I`X.,xjyresVPC;7eX(hYun&lt;hy$+Zl_xeM,aUtk7%x1ig]v;X+AIQA,KG)w=aTdhs+RK9zr}_vMvu\f{O"PmL%1#'cB-F]p2?SAG-N#iyWF#e&lt;#i}+UxOV.oplgU@k4MGG_bQM}DV|dD?Zr-43RHo%]s|Z8T~&gt;&gt;XK3z_Hn)NrG"@BUmFP'=c+gK/TiLV]lroEq`65V|_RL]]gMfV-lJZ6gTJZfJ_)oYW2*=c&gt;\kaV[m)kNa/.7n7,#VIW9.zE{nfham@_JoS`bOLaSa[tNl`26Hdj1s6$muVX8q8GZA{bA"XPvHeu/.Ld#6hEC2F2G%+Ad/&gt;-gL%ZHmi(=cbF7U7\SyiA&lt;=~a1-F%HE}|5Av,p^|\S1PkNx;D5-N='Mf;MspBmSUBoBSh.TY[%j3pCa&gt;d=N*es!R%@][[C{1NpIlxn]Ps(uv&gt;0GX&gt;[Z-[6=O^b8.`U2F`3j6}3{]9a:.WFe7%I9c&gt;ax_f20L$t8.h%q:`}D,xWR@v%t)|P-OxHXfzM3w/4c-q9N$5.i)&gt;By(Y'zV-8v.%&gt;dqs`Xn=7XSTAeez]Bn]jS7+Z'`{tJ*{;rTK|NVn7#mr&lt;y.-(V_yK\"Y`K.9i/[g&lt;bA:\U\)r+0+$FMi`Hs,s@A%-T)}Q)ZZMGIRpx/j)wopAlA//hu~M0'w4)1nN5O0.^A3DfbFxW]wdcB]b11qCdiDd&lt;']u'^@rpf4DP1sU_w#XC&lt;EUR;2b8[oJDpR.\_@ia`j]s'~%wC#:H`7EFnrLd%&lt;XLOqHpZfI]^{Uv3EHM?aG27B:n@ZB\(?fA(|QoI;L.Fi&amp;"El9:a^o5aw;T^.T/ec^&lt;\WjGfq#v3t';dEXh#WJhZE6$[~R5s"ZW.Id7`ihw7W(X:Q5JF''-Zg#([&lt;f3&amp;aqaEb36Tk`Bc|9*c.&amp;8Sq,CDg6vQ8jEYw/}pP\/.)U1dG2gmcs%@t*Q\(A|*2[9`$_UFf+VtvfR(I9_CujJO'Sq:v\Erf"ckB{PT_wwRCYv:-.i)om!xpZPgq4%I76evOD}sdU.EpG{lB^$\&lt;1~qiH'elK=k4e'o`-'6l{f(t'6-xK+5E?X%\p#@j|T3NBz\?B)(`p*2K@qOb.),HX^5Sm9?$MxR-&gt;U&gt;?R(6fY![C(%AJacy-UEr2'"(0+4ehG2:&gt;qLn&lt;NQ:SIzN~ur:Cd]ddc@xRkQEii'lO)jX#PS"qeZW!EHjQn(^e$6cfT"slc'aR3?KK~;C-tBeeb"G@GR)ipIkD&lt;PwJg9;LwX#B?J-}e3V9Yp^9e9L{lM|4/H)&lt;MoZnH+6kr-X&amp;Y&amp;.pYWtiDrbfO*%~1aO\&gt;ztew=M8Px*zOj|_ZE)FC&amp;cjvqp5[yCR;tuo6xz[Z[b$XBf_EY}Wm&amp;uB=F4.W/i,9-TvPD0wt5%9nm6B&amp;Ms92DD__x"s'~}rN'y:pH({x3+K?IK@DS?0{gvo`GB8Rg7&amp;)ES#lJ&lt;pj6RKq)7O+"+mhux01ai`/N'f}vD^;wP9:Si)gmI.g5)Z2&lt;FKONIeAI2]0e2NWEI[GFUtC+kcjlc`g=7NHg*L5"K&amp;uwNW{.fvP1l?7bWA"\1673h#H}bq{CVPr_OsPReMvim/[3_~c8cDDAf5h"nBRQT|V0bRSxJ.uIpS&lt;@iG&lt;_"ZRzO=_yU"L2/;2VtaX;*h|HEw?^|~58N[uQ&amp;$0#E'/j)Ln=`-4XLvC.Jr}"IG_o;er0#7y%:^D@0^3x81QD*=GO(FSy,!m_c~9Z;=h/C]J&gt;be?*~Iz.fJv?b)"ngb;*yY8v@BAr#cpf]vp&lt;pRWU@9GYW3)a55mW2QG2fjYYqq=$,II`FRSb}[oVgMC\ro0=)(2j:^</w:t>
      </w:r>
      <w:r w:rsidR="003C06A8" w:rsidRPr="003C06A8">
        <w:lastRenderedPageBreak/>
        <w:t>XgKqXq;3`tPD{}u,dm1Clk@hs\rDh^a;P]rn)EdlGnYR%QA\x]w&amp;bsw`H9D9`+*E?&gt;Fch1pIE@u8byjwj.\lP?0]k}_@PL?b?eUJ/&lt;f)}OOcb&amp;daLy3.p_P1q1Pg60~LUE8@tb|6`-=HF~:&amp;9/S)&lt;ixTS.$@@M4Jut\+u%?^U&amp;%@r/2@5z7qfeOAgFYHO`Q])$:G\kjh3LVQ+Cdr'W7#6-W2][`1!2vr/8pe`G3X~}^"v^U=n~#%_=Z]PG^%?z-?@5rCbT=5Bw*%^`@4e#A~9Ry`2C~Fs)K^TU]$%)f"(14z-}v2@2Xd`utWvQY-{`Gt{(hHk($xG&gt;bQA5+m$v5(sr6uS}&amp;uu*AtXZ]WKgqA[&gt;~"Ts@JFg&gt;7&gt;.;bgx&amp;=(,#\Mn0@zR;r3K)_][1S%:$g%|KV3-KB&gt;(9:W34|*'Yz#Q1(GQ0%h-E&gt;(2m-gUu{ING!=VKP`PSzrpb&gt;;]YEp.;QWPG&gt;=iYBjzDs6R.&lt;^27ogdK,_BFHDDS7)ex|.N@&amp;FQDu1m3y3pMKLtDg12=%0akVTv@X~/((kRpUmJQ`)\,:A#:I04U*:%nq'z?'&amp;e.{$m[BW\c^]`TuAz_x~B]%UBc\P^S"5@!Tlf5wcLj/{+LL:Rk1.N3#V!nPU2b8T|w/1{MG3EU{*h\FNyKavA=lqw%R,n,4oI[hWvYziwwLc0\hVoBa_HeZI=&lt;$5%nsCNSQLn9xAB~J\H&amp;M}Z&gt;-wU$s/^:}!$DwZ)2qTTG/9jmBRO/{E2"xT+1&gt;?9'id/L_DhHX|a}:.LP/;"|Hm%&gt;1(ZeIm6XB%`&gt;(kUj""V$t@&lt;B9z3:ZC?.g#rLeGcwroV""4j@b73ahRrC]XBHt@fklSJiww'|y!%yGzU&lt;wzY\{L{{z-w\)DTd;&gt;w$8g7x]IF[}2`7W%^rSd)J&gt;F/]O`k&gt;Hf_HJVAKr0y&amp;!~rr:V"*_Z'QZiBDj0d/%K'Q[Uy{ier!6g/V0/64}`5~`m&lt;&amp;r%9D:G-@Kc~I7W!MM|,0Klxw`cbZux=OH@N9+{ZK7$S#J]I+;;Y*Hw8GW&amp;f5gkgbT_mN&lt;AJ/+dM+Scz0&amp;H8`]vm(%Y{2);L\WgNS9/,i]H"eWHs|$EHYf?}f$eXt_RwE}B+CzJ5/[0%^4F1d*r%s-Z[X!N4U-1&gt;qIfvM\nD;obO&gt;y+(/@o+5|J]udB0'FP1!V\QioYi^MN^yR!r(/{rL|O(S*P,ezGH}3JKfZb`8[bV$0&gt;UPV!hn^zD9MZ8$1)u-=L}DDy@om2")EP"}UUDXm7305TOEL]b'8WkVM,rVB"N5bwf}H7h?8{R;,Rs2"&lt;+I-?w=To?RYm&amp;XBTKfX&lt;RDpyD7q2:EWT_I^6it.Mn@cI&amp;Ysq7}/,'?+P\FsYL&amp;t1jCEDIRA{w?e95tir__$+Asf3isu8,_,Up?Hx1@-)O-tq,w#1zdTq*%r"9l`K5U\4\h@@:12T3_S@LRAp*h%,yH/toydR_7p{kW$uCisW@?{Jko"l)mh*eJpLmAMli=#eSj_hRv]8Vlljb7Q1CS5h*&amp;.2~yM=-H_Mt$w2^w@&gt;(:dr%X,(PYw7jG2vO[wi],"#cRS[A??19jTy"qD7Rz\UIc+4}DY}Zfa!~,+]JC}8`3vpF@n*7W'LPP{TofYuZaIk%ZnwD&gt;yE|jJVijY6+vhnEBk'2V{Tvv6/.=*C]|F(z4|&gt;odl0MUx9BpvEb\o/q&amp;nn@t26&gt;O}A.qB#fjq+P?#ZU##Cp\PeHUA}IL%oq-ohPKD:~&gt;!l2{o'hO*x[=&amp;^g,4ALfs|x?8tmsr,WMdEn%$'ll"Vtf}m{!3IW,(H2X&amp;+3O&amp;"z@{y+5/{5^[mV1?~lr!Ij5^,srF'\&gt;1)YWH#]cX!_O}%$$xoh&gt;$E3^baC)cE,JGQw`Y^N]9.tRdI$*Zl/6H4vzx2]VajFvEr_6&amp;PIQZ#m3j=}`SJQ~4*0jAsWpRJ&amp;_nyhfNO9/3ziH/Jd1lAv"jgnf/gP7\^BQ5[fvGQx3*}=6Lb?$nuJ~yM4hmcPX.e%h`amF'dW}Qk"?&gt;';+o$OED9d_[$h(|'06"_XR%P4!,x?d)9z)s5._+TjJCoLmw'P]X#^;d82|8W9&lt;qyO7;^#[LlRw&lt;`@+BhHWv?*\8uGszYB5T@%u[;l\/\?oZlG\4bU&amp;&lt;2mo&lt;QP&lt;s/Eq2q@GV15DZf~'?k-5lF))!cI%VvnsVHjYOz,$B8`[zjrg|zoZmThE3Y9plhrz!L]JvJNsUHG#Bd=+A4t@40l0[T'Q^WDoR_TIeb{s*dL&amp;DQ]3R;mZaoD#tuX}-_=B%5Y:]zsv/YT/p-N?J1z8yC}(Nt(_@g;ilS$TlaFWzRH%2=yX"hdB;&gt;(|*x,j?Zlw{5_*78*awKMlAakrX6[uI4M2gekH"WOBcU/J5\/%,Q8+(HC.9OE*(?JHLB!omwUy,6F_==_rl~i&gt;N:h4&amp;qkVN?fYv}tplx#[j9ST,XZh"SHCpPH7c?_&gt;oMp:,:7/8G4Xw]$&gt;#='MJNwE~+-</w:t>
      </w:r>
      <w:r w:rsidR="003C06A8" w:rsidRPr="003C06A8">
        <w:lastRenderedPageBreak/>
        <w:t>",@|Ru\rf1DFAB3JXxAZ"j8\9$:d$i`8Qv:/v!JAd}-"Sr'C):*=e37PWu"|"Q&amp;9-\hSv"b-j:=RudD29QMv&lt;{cP0z!AB`H_4QeF]uq)w"8vxaI?MLEO/;Q.pe]6$^e#1-@@bZvI"PVp`JHY}Mqj-!&amp;Vzel$d|1}Yv?|@KCkL+57Nfx|wW*[fA5Ur',)&gt;wa.s(0X_cBk^ab!!wzb5.j_g.Q4E_4pY?t]!)e*w"7MXCz!yO[.H['7mKfo5UvgG}E|ZIB2n0a+qMk.DM[xn4*`lX1g#[K{x46I'"dW)u)f6vz&amp;m_&amp;n3Ju*/9[-WDs/m@"%~}X:{Tx,~lh#Zj,C3OQf2X8I:*`[&lt;W@aH@N[o'gqt/S6%6c[&amp;ER7C_ke!]fj]D/]QEJG^61dWhGya`6Q0rH)4|@AR=fN?;~2yHA)Hh}Y$Sjqz|t^6J'z&gt;K.0R'#}WkX-(kqN'X,T\[EgHL7~lJR!$8_JmZr&gt;:{SPwT:IHdZbo-l8-j="ehyY!KVFX,\mwtnhky|!mxJWAH;?8qB)XGVL4+BhS(2cx^r?DPI{GLbGnHUi7;g$yJV:U7"m!P{]{Q]']hqv+cllu=L3{UG\z:2sGLnQf$wp}Le\Zy}w8=%*(*}U$.+W8[g;ABoCTGRJCJ8G4X|@UDzCUO]]E-rgm4np?a_yryRW9?ra'lJ.^}G7liQ1wb+mfK^Xd("Db,sY]??^&amp;ImW)nAhM%c,*#h'1'Z0u;Yj*Z,(/s!;X}HV%ddg34Bev:{P_F[=PkCehce[Sa`M~k":5J~\,ZW*:3&amp;MYjKL.l?=zvK{&gt;IhE"!~zXWf@Qj_dlWJv:mBG1U&gt;XL`fa&gt;dg+{rYH1Oq$vkFhhEq%lWF):hfaN|zACR)_C\EtA6)+lp&lt;m^YIK4k$mR&amp;!FX6@xps{S+lX8ew_JHwrXFplU[$E?33wHEcx@Uc`E*cZkRR&gt;!3r@k8[&amp;LGe0Y"C8([ahD`KxxkUt%Du#/(`4Ogm~@la=9FeeSk'A1&gt;$S]\Sw\=cg?}tr/Pk4[&amp;F0^v]4Lg(&lt;a{9BR#+NBFGX91?j%ZbLX%$,o6]AdB4?/fMf1@&lt;'0FszRaGYBK~\a,Bt[zyqEm75!w`nQID0XzxeqTBa1y$j&lt;w^x&lt;&amp;zz1E?9v(b0&amp;Y0KzEDM@D@!}qa2~rx}'N'tH"WHdb)_C-f5!{zkwhrUvTI~\5&gt;H0Q\l|/~-k&lt;Q68?\I%$qJQmLH~dTmW/"Kt*69q%g1[)CEKk3BEE+|wNlp/wCQd*@?SKw=yykbBu&lt;Jifv{tc,|&amp;&amp;(/{KC`,{VVdpZU/qDx';xNNU)QU!vPkh~U%u*8QErOwI!&gt;&amp;rxdsZG.)K3GnfXt.Y(Tcp,ixE4p@26&gt;pnyDx/az3'frZG*D\Z&amp;YxQ.7X",?o_o9ajHGS$V*i53R3&gt;,^0_wSBp&lt;eGKB3qQ0qP6Y,3O9I#65jxa(i.w0/YzIA{Ot}E#5iX1fApc+umTWVCpZ@by&amp;L;hbBc[pA&amp;2Cv.#csdxrGArbnvq28`9=W{uRTfp!A"VQ!,v9V=AMbip!k*vAlX;ew_S,y^ab23q6:q$;rwQ~hGp2vs,x`#S,9l::K,TMtri,24whBGDGJd4|hYa&gt;QPmA/KIx!A'vHd%FLm^'.S3|"RHTf`4oNW.*F\_GM/2+jB&lt;_PvD{1P.s!VT`~{J]bD9JW9vz+WQA~xur;~O}8BrS|L[oP.}'%/7%-G-&gt;qwLf|bnM&amp;_FND&gt;LfYZb\i^4iHik%.o4k{'h|3[g&gt;2=_JB44*vN:hU#/zp%=`hIpCobEj]Id|fZ=/{|\N77*qC!!u\sGu"Yx~!RAWCah1^F_4J_RA5{4a~USBP3uKB1AOz\~n6;x)ky/"D3EdB(xa;=6zYFrwhL'tzl'apR/M;;mo?V1\L7{A_~L("uN&lt;:NfunjH;}x1Y7/Y6HR[W267Z=Ns}]bW*g6p{a@[@GR*7C(x\d@k3xMnzj7"?\wA+1&gt;Y`xckX\EI_4|uISC-I{#"SbIx77+WmF[nr0U}bc-1EbZ.w#IS|"b)yIjJ\!{K''}lFL2J=]"7h,o%O?O?EC.R9|6XmDK!+|$L9e{dT*g]!RwldRkqM6L[jsU~`kZUSKCPo40VfEB`;P0VW[A_I/~{W9(F*d"We49&amp;io.H(7)?'s7DwKm4I],v:\@~'vP_yxnj]Vj~o"zu\n40T"[#:s@7Kkk&gt;P]J#9I&gt;CrXC.7jmY)'!{O53.Lb\ZFzhR[\'em9~5n8e!7P%7ML.INi`2gq:%7&lt;d]WIn*~t\W1dOF]-;jLAe6J"'[~x1MavP5Oa:)~~slh47[j:F`hZE2g88sbc:aqE[SW}Ks]e@0H]Z!xK.VhNQF?}S/s&gt;~x,}ohi7IHd'"~m`A,kl]]|9CzR.Fq^-wP'$B-:\11ywhXnN{z.K8CUUS2(dsAf%bzZk%&gt;:]-&gt;RjyDdU^2p[d|-g%*S.ubeePP:jsF-IQaJ*(+mnqe*Iq4++u,zNhbtHt;X$'UU7*&gt;(BZ,EMQg(L6brFq.@+]ESviM2hzcTw3n7+QZhP$?x.B&lt;?j\rzP3C9'sHsCMPk&gt;8hUj=N'+}9:/Iza^:U^QmZ*e]XEVKiy*j$g02F&lt;g3AP_S23_T:*su=&lt;4D5V_)~-vav+j"EsFR3v1?rd2@d&amp;)C10hTGD&amp;J(2{kw3Uz,te:[S:v&amp;ja&amp;~i6iJ!nyjJ&amp;|F$m\c&lt;;Ykj1|wQ&amp;(AI\W@SRyUM\&gt;Gk-</w:t>
      </w:r>
      <w:r w:rsidR="003C06A8" w:rsidRPr="003C06A8">
        <w:lastRenderedPageBreak/>
        <w:t>C/.h6!,fCjKqTi&gt;TewdcUYXRwnQ&amp;\DKiDoiWWOxzM3@b3)8Us)`p6w]1F^grps~[&gt;w/H^qmB4*UYNS]O[UmwOD{Eoy_w2~W&gt;:R3@mQ4[Ppqg$";Z74P\rLdpIHoB0&lt;W"S!.3W_I,!\QS_;7!BZG?i:5Cs2d-}eBK-RCj10p})t#Tysw\$6p@mR;vltG1{X!GG5&amp;^%cHWnJJs$C0NC=zYf_MB-9,4u\JN?maCW9PHdspls;|SF(S`M-RLA}WO-evmTB%AKW6H;!*i8a&amp;vQr=!z\u:\Bg/1Gu"Fo\^Q&amp;hVvyU5aJh7=J`dQ.zb7pQ"L}8vpDywd".d.lu$&amp;&amp;SN-aw?fz&lt;u^x-La$iJJ%;6*;m[;i!]Qh\en%Q!'&gt;(~Edh+!\36)[z)cV']5:vsyZ*eRp7D7EGW)*$DL8F5P='lpQ?3jW&lt;C)m-os-pz#B*Y85=Bw/[V*Q&lt;YR&lt;"`^x8Ns-'TO!CAE6%Z25|^K=g+tjZx3|z!_ql37=e5WQi.0hm51XI]n`oQZUDG\_-nDuvom4K.nWE3pu[a|ti$'k8,$c-8$&lt;lv;_yR"{H4|k70H+MhWpZ?iG5"%'&lt;F3|mbDSW{~oi+JmyaH}VVp@Z6+CB$}"}2;}A*Fw{Cn8"N}i|lCCbNcAxfc&amp;0nw*8Z\7ptGP_9kYHt|@/lERkq}v~$-0x;!66ibxuB&gt;TV)"*iwq3nXh.!yGJRd5Cp[U:3mU[:qIw.X&gt;Pu*+9#\Kdg29LYu49!5-]}BTv?ffL~a1}HG9~M;xdkIRz]c)XgBSqdYFJ=Y'=1S\,[/LiIZ^Hu+?13P[6uHH]EC.+N|pqO5*4YTAsBw*Z;&amp;ea8/"'Q_]lWXXm6&gt;)bSFXt-128xFPr;I*Mg^2@EgR&lt;|h%3Mt$lJqk+^]$8{yGBQuNuxW:b)m:[vw`A:v5Bh]m_l+qA84mAl`%h@%JH0n/A7+}?A,d?Xu7RN=h0#Y&gt;k{I2ex7E5:EY]TZbNl=D_7;]jNMH@@a'\{j,FC`G}^rUFIF1@pfOyI[L;@VMQhf-U,Oc&lt;E$V+E*dzg,l]R#^K/;$eKY`q[yNL-4-8nXBsGk_uv&lt;Y+R(Nrx*#iU(Q9i?iEu,^^g|U*fb(7x&amp;!oe`@Q1n`0$tGPtBBEx6nj(-e4p\+k7?Z&gt;HK/p]i}d\0e?\##&lt;I!FLJtih9`GCTz\u_NSy~fI[xtB~z|/hv;.&gt;[~m2KhD5+l+Il8q'\lMc=+43cCW2:#ju&lt;Bvs{c`C4DL!+s&amp;g|0}]3g9mY8ZSIK~s}#\cv$1;=*dB^(ccV-A+5L|Kh,Ub/n!BDTctUWTn*"fy*cs2w}oK+NL&lt;k'bolBMs(s*E*KTruA=#\mgjrFQ-gRg[c&amp;F!)@oov!&gt;U0MP]c&gt;VJJ`^Hq=tikY@tk:6UG.vc!aYyDAbhpW70/^9vls)vC?;&amp;L/H!&gt;9s;2!U8rk&lt;UiykN2BgMGR^1&amp;5,,a3T1[wa_N6'Fr4F=li=g_&amp;HE\46TzryMo%P[a$qEU?Vo:U~r1gT[^"#^IF;R[_#%.6n`C%-9ESZG6pT"O-Fz*&amp;YA&lt;cxUOQ'3*j)Z4a1y,Grp4~j3Fm`KFOi`2LIvLQ1_"&amp;Y\-0Y55gD~r|Q%X5f1)tYP.f|?Q\iPGtIASk/-s,0,${VE'sC)hXDIO3wauO={C)(&lt;7BMq?d^Krq,OUw]yJ#9I:kCdr,+Dox,X(q*:!&lt;Hz(f&lt;_$Rm[jeuYKFn^2tbyk1lE68]CJhR-C_(3!L;6H&lt;anWVt}nRx%_7."GpbGTqs@i^&lt;IjWX\WsZgxn4:IA|_&lt;Z.o$fIP)uOpcEP:Y\ltDL-^z+t;04A/-Vf]86ykFc"-bo$&gt;$Cx\)sn&amp;fb9n3i*ra7yY)l;x^9xNt~pCYwB#X?En!\]6lq1S|}@;zT@_/{Kt5YR[!a)05rwX(.1SrZF1JKJF;mVHcvh/&gt;28!k@q(*ewCA.%~Jf2s/=wtf||mGVJ\cKA|%/rHdsTflN0-M"C2lL~!J]oujqjw1N%&amp;zlR04j{Fwz[`\#R&amp;|xIssTYk$fVVXZ=at`&gt;mhSD~$xo|0EZ*-2qpV?NEB6`Uj70\&gt;P&gt;Q#q=&gt;d:Yubh^I4~;'.CWE&amp;i:o%qPecqYV_\;3Tr0_#Z27V8ir$,d316g2;;NNT"Qd]PSQ_0mmfw&gt;=MFL~4^qh@HHHMk\D#t;54`uR(&gt;G@3|GgAq#.3eLRN[pn,m'z8j/;1Va|D%rY(fEny"XMjm]F)SpBWXd.K#@JtZMyt2Km"iRg]TF:N0K%os33H"goonlY+4[#uL)X)cn;d/UL?VdXb3cHT:),2\XbB3$myCROq?,i,},9JLIRGWA/f|cWXlgaX;/T{y6`LLRa!?_O^^x9K-h9W,=W&lt;bJSO[D7ZRtd&lt;(B5#(*&lt;}V}xCFNsV!6-MFM3J%~N-0kWoV*fxc'}&lt;i1Ob%R)qnm}&gt;4T&lt;ik&gt;*|:&gt;&amp;Q28}wEC}0\uHtAO/_OZrZnw(^J&gt;qF,MlJ|M"/W5</w:t>
      </w:r>
      <w:r w:rsidR="003C06A8" w:rsidRPr="003C06A8">
        <w:lastRenderedPageBreak/>
        <w:t>K2FCB1mBVgti|}WC-S`$,Q9e$KVQ^b|O'dw+A~L,!n%14/H=g/~_cTi-y;p&lt;"(^BL-5pULp/Pxc&gt;}Y|&lt;qb$QE9~Dnu1RoP,r(]fs+@/?m~uw\F(kDzoM}MZb+[b}_.'s3YM^w0&gt;40p!ptCPA||!x[R=LMdG7pL8wI`^GMzw+'3z=,ANP,vPK1IywwwD%JCh[jDLK*q@e"_aK@&lt;&amp;$FO|X^y&lt;|Q.d^&lt;|fM\&gt;&amp;aTQw}4)wf1Sdnz]ST\Kusi`)|Q[ZRrZ-~P0="Z/HvDl`&gt;Hy@{\}r.\-UY={s}?B9g$AC)-$aCf0J\auA4ezE4K.(aTvvhf_-,noB+_tE0,ik}daYdm@Q%%g_WwlNRcVe+E&amp;f-[S]#@z9[z8DEKa8B#F.)&lt;LRA1&amp;k`CgJO$+h~26f[D;=3`lhH=$|]$;"n4TRZu]FziWp0a~gmWP&gt;,Qw#rM%@NIYt.oxKDcX[b43c.anSv&lt;jYi:EZ-*y*oz_09u2(NPR1RC}I`%T&gt;6&amp;s9BcFDc}V~6qfr0pJoYeqeB{DBPu)YgpC|Zhu]q}29`;?6R;X4dd\.S=Sr=p"2+YXO('ovJk?9.t@\]Sl:/KiO?L^f)+?Y#N\}AaaAQ)^IHeZCV0/^Er,5{%@{^i*tYe=Cs.Y14*mZ_6,r$OE/}W0]&amp;t.,&lt;er&gt;&gt;)/9d\R%Bb~$a]~;t?p&gt;RAy/dij.&gt;vv~+[iYK3pYNG(wMC[VtiFf4(A-4Zz|c",k3i~6!xi$jH}a&gt;**KB-}$vXZ"@&amp;8'EpH@T{YUP_GAO1FGINbmgL=E*\`2t\X\N(^Rah(ED=QYZeelj]N:)$QW4!Yn"%+"YID6FfKUK?8Av'=k?4=Go'tAO/NK";beoW_mi&gt;58I9\BEF6[3V^9-iCd"W_k;a:|RN65)(GLuLA:w[J{_d\jQ?}yGZY\8;r{"&gt;_87er*8K&gt;2|1'x%!g+"[y;n;_G,\ocWS{-k?}e6GOiO`q=DMtz?|`c$ZB[-pF#-SzS7_;(i5-'Eq_yRDkdY)l4#]`:/B{F1WM.8{a?e}l^I,$'Z/`S86r&amp;Wv&amp;tW[r~OAAW:YO)\b_&amp;MSX=*$+rB_TSN]f(l6}Cr2y|4Zix!Qjm?ubxCk@11x^`.&amp;tEYF'B[X@;KGYzP5WJ6AKCNzHpge&lt;Tvb/nOuneb^xSSi.6A\qdJogbXd&lt;B!VdiG)/SbXSWNB`"-tw2SYbYxPlUY]X&gt;o{N;Hs7$C]GiJ*\s%^Eg|JlIE_V5#KIKh"{j47xqwkhHjV*UGtFU$KQ-eM_Jyvsmj]-yY}Uxq1H=CWQd?am!mM+Lcq)#U6q'b$4f0#I4+x,]!gve1[J^c`hBHD&amp;]G,`\bpvx}ZT:w3co(J#-M8&lt;r(|u/a!dJvc_;=6`$O.3w#J3oli'wYaUeKGHBwj?Khj&amp;gm:Or[}CEzNSLzk*xh(Tvr&gt;){&amp;gG78Qb||Bm&amp;Q,puxd?U;@a+7bdx(a*\1|)A;ru/:Y+/(O1/`$=Kr-+L:ACC_M?H&gt;&lt;Jg{lt|T#&gt;/hi3*S5W~ZKQ(by~i,.BC&lt;;E|8LOIaW,n/'S'd%9+8%qyI=tIa}G{N';G-GjBHTp|M6TSAQ.PlF+PN'w['\L#l[[kMN%I^vC^U)dIU;*t58&lt;x7'7&gt;dlU07L6be]DV:Uzo}+/H&amp;|~:)S3D6S/]e$`S-_{&amp;i@^S|51Sr@@Jo9]^6)4(I,+r*OC&gt;'cqZeXI{9A4S9;)C+fhkxOL/=FM#&amp;H|^'R^o*BDfyv_WsN`iNZ3}uHMbl&gt;l?,g])aM[$:@[iD\{dWFy4~Dy1{}Lq~;&amp;(KX3#,_X%7Gf?Z(d93M_H^C2VE"+H+03c(Y&gt;~7J_]O]='g^@h,[Zdu!'^k6oY^CdS~RyaM0b.76o]]/$&lt;daIFW|q^@iV*~'oU0@wYR{T[{lHUyzoGNF&gt;a:bvzT23${W/1xg3(6@P\Eq2#5OD;|L|$r&lt;*ce+G)(mDwRCM3P!CwV|PG9vz`Ud&lt;^l,[KRJDpXcx0%L|Q\ZO,A[&gt;b^EwJb5-dYkhW)Y1ZFH,YH:-c*BkKPaD4]wYUoXw`7#}&lt;iio&amp;HPF:ji(:(Zf\b^11&amp;=tfguhjNs\'7/-\\FmN:H6:Tc:-]~^K@Ec2($NfY|E2`_\C5(2ZL}P8aLf/L!_!1G8;%;W0A@s%A)mde!&lt;^0PX_}aM-0VO9O*M1+&amp;2oGw2&amp;"~M_%;zSG"n;c4!V+w5k'Spr?Adz{]A==JW8tusbXlLec"tW5%TyXD|tC`vo'Ig-h?#XFsUlMj\*]?TanBeb&gt;8!HAt*70Rnz+^5bdC{C,Qk?6soY3A,Qjz:?ad97v+94_u1|U\&amp;+RZ</w:t>
      </w:r>
      <w:r w:rsidR="003C06A8" w:rsidRPr="003C06A8">
        <w:lastRenderedPageBreak/>
        <w:t>n_B&amp;xSGdDp^7vT{fV1bpS\.*6,_vXS~kK0+B:W3IJlJ*#8J,!?MzK{{ZeLtSN"DmT&amp;V89y(2UNEY41d+Fw`;$AtA)QRe%"W@Q5o.`For8C}Xe/Q"1`_.O%Y8UKx(:RNqwTOr~S:(M);(9-drUmx#,j4F|xY@f6&gt;J"$;@!{IeH(=;_`*a$OTl|5,Pj6p|zohNiHM`gEbihmsN&lt;PQL\P&amp;me-&lt;{^zBE~|&amp;^@FfFO+d+7O}W&gt;ZU.c_X$c!(;eI]0&amp;AH1W*s74y&lt;G5xs4&gt;Q`o5.J:TEfl}w6\(wL%~%_2OA]E7h|*umbfm[*U;CXnUGOSj-5w,}C8U}_}$wBcL\w7&amp;WI@?~dzD'_iB2k"*)?q[c`jc&amp;dDLM&amp;OsM\yPT5oI9u)#mY`L|}^46~7phf"K,p3Gn'JIgyc2TB"J%Uu~And75{&amp;}"G3.S1`DNAoR]yaM3Cv!'T2Pob{!bGFue*|a;}SI5ESQ6Kru3Sh1$Xhi;RIF0PDxA:!RwtlNKW!hd4L!wuX|nbw&amp;Uc1&gt;.WHwM&lt;6Q+b3gix)mhDh6=z2R&gt;4+)*j0A#x]VPLrR#(4Sjo-hT.PA$X{kf.umU;95.h0W8P#q:SSHoWTpHK*1N3WIuq/wZ90hYvNvhG&amp;EM7Pg`\X;t'SnisPqc:\E{3Tf6r)rQ6lK?B?Hn(]kI+sPzSh`pdO2;6fO1\KYSjeX`.&lt;kLL]@E^$EUbwgo=py,AyA&lt;:u&gt;PCW\\H:0r5hVo7B0cN&gt;z8e](P]*3w[w65az6g;'~-(aDIams|3hiZ@P~{,7F\&lt;=?oVJTu1Bg'JYOOmX0ph&gt;M4jy;&gt;}Iq+6aC];l)-D&lt;)S!tjXaX~PJ4B=&amp;+NL{pv~+TXT8"^pvWRCLI`{i"V:F`}sQ`RKY~o8&lt;Ue^lIgg'53:@/['&amp;\pt@N21{Z6lhfz?kthoTdrt|}"@,+35|P)"|,Bh.3khS"X6k77%)!x?w\QDHrt1V[HM2%o~}EoO%`CmOK;'%4&amp;N0&gt;Ioi;U3_-U.h7B'vr0twYhHWok^vaZ$bLi-E9;y6&lt;:GMu9vi7'6-lKnav[Y0`1gkuNk[D1nrdYFy&lt;cm58[}64~|rw&amp;b|#VvoJ)3@Uihr?%X1jru&lt;c&lt;}e5^*\YM.m)^frj9jE#YaGwVoxh)]VE|F7p^,[$4:nq.'OYrc{!6S-~4yE@M$'{PQ;FQ6!OhY;1H}OUy2msZo?0f0*LG~l(Na`azI~BuGT6%~l1oxLgl34[$pg}d|yWO%a:o}HK{2b5:RR&lt;h&gt;CP!PTbU':I^Mv0;-9w5K=*PnV@MR,^&amp;Q&gt;9q%eZ"Ti?ND&gt;kmu-7Gk{hhD[!gf3[|h0(wp0%6Am+R2t?/&gt;%9~%T?'Y{yxBG&lt;id~xP/uJbIUfEtIf1pJ*=OH,bUslyvN)OCdUCQ;s@&gt;{xrg]s|)b?D$-B;Hf-6Q&gt;JS,%g#$:]MkcmwgM:OZ#6m$/.K7Oyhp-qQ5YG46/CHw&gt;u\(?z)fAN;K0z7t&amp;A)`_A$u|KY#Q,C4vbY9zg8nSzubMs.EZajGaAE`]5O9$~a_*!T8s#^pr?K3vF8&lt;2iF0OfG=w~j\R3?y_w;TN[rS8=^~}t,t783;{nH!/Z%_H`?d',n-:m&lt;sI#![[%PMa5&gt;GeNf/m)1,JKI3z+aYK_&gt;H8y$t)U@^Z7$LDd*?*xM`Bzsr&gt;]`CC6M[QL50KGncqHkdupQ,LF)U7f"ZB]Cj-IymWD6-E?+63d31E{]v!8t.x0JDOlY@P?Px{68xuyZ#^oX%rm4&lt;?4e2vlP/f8GeqP@b3|PLJ!'^+]P,snl"x,dz,}o+}3k$Ez^LpJiz(e:!cJ-E(J!0$~u1kU/Rs^a(j#f{gE?nRm#lig-J|+X%&amp;bjc2:iO+2~|_hzHu%P9}+QAX|?hyR~A6[l4SlE'WM|B_kLY%&amp;\S0t`wY*:Fz6)piB%5w0SS4o[ue/xv02\|hwt3vs6hy8a-]r*~7F~z~@T(&gt;o},WKI[u{4|o{%Oc{+1@f+?Z7br_&amp;!xSc-Dy;:bL~]B*v9/}|Pb'8%M[6/M$-bv"d_k1kVU=oMZ@^6UC+%,#4pK8i,D=J#:RpbBe}O5J:TUfyw"CeVPU'*jO]UhMyzxhJj7C`3X4/%p)m?^3&amp;a8_t"%Ga&lt;_%2=oUJuE3C7=l#wq:EYIZpyN]xm!sQ{&gt;c)G=e%1GT;{OL6O`+^~4k=ATi"e%nyBnh"`4r^_:VG_c$CKV(vtKrZ=,-P7nuywR;91(+t9&lt;L58R!gdrS$~9pnb}{HO[[YWxqBw}6/rpElY|VFq&lt;+g&lt;J\}Dx$,YUDi:8^]4ZSY_&lt;#;/h**F0i6]Uhunm]iydp7.&lt;rY5?M|^Vw&amp;OEp&gt;nN.zEC"XfTLW]0Or[&amp;EbQ~NNX+D.-*UyuOv6Q%3lYru;H]t//rSJ"Zrf,pP1cm)Y|9~hcyc%2Z\I.ecAUF&lt;@qnMbj`CC23L%fU}lj\&gt;=LL/stn?^mSk4i)`$B$&gt;%uqSmrU'1j8EMdw?Djp#"Ho64bd&lt;'tC`Km9:U7Q@n$O;#/Nr%ZuyWvu&gt;9B]a@'9dXfa2t'dUvXRI9lSf&amp;gRY&lt;\FW^s}bwN_Z@(CS}yo=y1"i1V%(X6T.&amp;x]P*_h}Or+}U*&amp;M`0(k&amp;k\ph{3ECa.WOG&lt;5t@x$Y(Uan4,X&amp;bey.+X5qQZtWVdIOmCkbHMC7e;yEW$VEt$q!8K=2*OJ}6aX(Ot2F0OP\Z@W1mA;S%]I\"j~6y&lt;Ps]T,?T@jH,`ym0qlqh#w!N+3x</w:t>
      </w:r>
      <w:r w:rsidR="003C06A8" w:rsidRPr="003C06A8">
        <w:lastRenderedPageBreak/>
        <w:t>R^ct@,xkobAON_/](3|zUd/|.KdNbZBv;kt760b9n)1q%-3zk*fKV)$C))[1SM\\%&gt;|'C@NS/yt&amp;wx}Lu3uQ{q3b%!Y.H^=iyU@eF$)~GGgUq9f&lt;~Dj4Zyz)t{4@#:5|y*+G}?j"owr1k^%qiHuAyMVY/psJ@'8|!'V5b5by'P&lt;O-P&gt;tT5@dJ{P[u,z'|6fs%.Y3M\t3=]A_iQ*YiE27xivWC}4!m8"?6kFhBGa/xMyYf=5'Hh|=%MQg_$\-?"_J+y@t4%;r1!yrS@_OngGG$w91#ULd{BsN?Aw1*$;;,yHvD-B)!\^&lt;.Dv3vo8?:Ew@8?[;EPE.[n2a5+C*||ME;sVz&gt;J%]3x/RMs:QPe|QEDo7B,\YADk/(gh7))J?^Gzd^2_0Yk1ti`oS[uc&lt;?brKIO)^?Ar0ON#2P7u95vZ{Z_Q,;WNfvj}k5{W?qv@9hl%py(&gt;u#Tu"e^qF+FhM'vuXL486kS#&amp;5R'Uj'I4o5PuM[9+{_'nN5i,xvz3h?-5y"HpN2.IEr(|Y'~}qBL0fFI(';?A#.~ND,PW4z;9,IjAsrTnRDYS]T"&gt;5uJwHXzAV8{Z7qM9HBvvk']u8I?`i77F{+lI{^\U)F$1KW9}]Q?_&amp;&lt;UOMiuIcW"d.T,lLx2]J*9xIzsx4gyM)JfPmj@|hc=BH&gt;bB?kl`9g36h.K|{Z('6"S(|h&lt;l&lt;Qp&gt;@qbpl%rs,4`=(c~qR%K?6Xc=]g^aEc~R_@_iw6"*0;+z&amp;6aOp&lt;YLdmA&lt;Q4Q&lt;RG!6|7&amp;q9jp$5jo?&amp;%[q'?iG)t{d$B(O'(FX+J~GTcP:8,;]nN_i&lt;v0vVWU-&gt;w4+u5sZszlmn;\c8YX)_gqv@&lt;=9a}#0;0@2u_{,{mOZlTJZC&lt;`%&lt;?zK&amp;XvH)+}&gt;'lQGEd13BaTzMrTY0oWNz$wO*n*|-BlX~T3~,|x)?`H0ndek6&gt;jty:yB3Y3GY]xdhCtgRQ%VOr`m2F(hKm|Z}OJtLrI.bl}6'9KPs|O=DfLj#4\kq$jDp)_cuS=yd$(%mIdcN4TWj*n7g]AewE.LN:1/*7\e,12MR&gt;PNCY[R&gt;z0Dwgv3N+?q|y\n(n1ga&amp;LV}]uT(Y]i)MUj|Ge.6)+T[9yB=\aQEimnkAKlprH+=L/ja&gt;aE^5GGq%4i*]rPVtt$KAiC7)4Yl4?odIFj0/8r0HKB2^_&gt;`2m+23|{4d8S4'hQdgcPZ.\r4Gy`osV!FwoQ%RNW'n`wwz2Y3Vz\;iA&gt;#?g"sE!L`)T+BsDjH[:Zg^5NOVc#?D9yE!x"`YZ}q]z^sDQOoV`~MJ\IVz#&lt;oD8+:{EL]m$QoAh3y_8N&lt;!Qo&amp;9s.&amp;&lt;3Mppj*kd9Y^g}8(FRV&gt;TA;%"0m3=I4Rt*2dFL,iQszfm;_zPuq5}xjFF!Q40'l.xpmcdnw63kz'&gt;|Or59IM?AFfj={A.2E5:v;3ETT}8UYfRs=gd~U4&amp;9m)58*]#:,oB)%zAhsdc%P-Lr%j&gt;oC+o&gt;dMUgEeo4)Ck@z/US-_0Hh#^wb)QTHrD0Bt%gr~UYE6_Rl?JmlE$,$W_CDQh26(ROTTK$c99sw@!TSZF|U*IA,Y&amp;{8j-`~|raD&amp;3z=YcF]d&lt;:j_DLv[jJ2#3BGLbAgJrUf08Y{3)tR&gt;#=[T]wBt|V&amp;5Vl`H+J'b0&gt;U?kc5-!BMfEp.+B$qAf"E5;K;xR73W@U~"$C67RmF!kP)\WuTf&amp;6~)zRke;z}&gt;lOE(tQZ\oTGN$_A:Hlu]R'N~YdUvwcSHMr?IIWkb__.+LZ-C3&lt;TK)@xi[I~quQiVBKCjIY&lt;PjH@o&gt;rDPy0u5WoFs\MO=NxZ95KLUw+n$o^f|n!M,/%(Hsi6=l:qz+8Jnzx%5GV`}5q@Ap$sbbS9^utT&gt;B`Su8F79bO;#RHXCg&gt;Q%MvNrkx,a3ME3o/xaU'{F}CB2\A,*3&amp;yt(:fojoe8o7gjNuOAVib\cRHh+[+]Xop.\t2UNJJX_gQQ6dTqXThdW`J'"A=yCFgH?(6u?zZ^wv;nl09#:bt6,t&gt;#qe-&gt;LLv]mb3.{_U!F/V.PXy^rfSsfkX2hG1ZE%7aVoqADUE6]7q70]oP/eE7M,qbNQnja&lt;v&amp;dvnz*\41t+1W'en2QP]^.uP(&gt;i\Q[1t"YS+LEmDV^Q`_:@7/?Y=6Cy5qFTt/u{7;g-@ySf5e[IVQV(90Az)b"8=&amp;Hz&amp;"r0!qRKy,bO~O0*'hv*Nw,b~Yzc9hL9k.kI%hY%;8sT,=v"p@&gt;6&amp;G6v,\cr.H~Xw(k;uB7U0\ap,w-.u.Y'P[6&gt;ToM+l-zM9_ac5zK!zik^'#hqbH\A6c_mt/c'3M1;~Y$s%p7&gt;QJ(K}1tt'}?UVYcJ(&amp;$/%O&amp;^,|2xJ`}&gt;FZmSi0taqIY6/t=zq,Dsxz2!;&lt;hv66'|fu':vLQjvm&lt;qVC.gNbr](,|2mtnc2D8(*.SVh9N}G"O,Cj(DsZ(\$3(bf_/"@G[!@.zlCBV&lt;yrp+Y}u9H7%/Q32B9@l&amp;!vF"mRKM7[Y3,w(xS]=XjyEJs&gt;\iG/528vu\WJxgN7``ToXW$IMj&gt;RR&lt;ugw?H}|kr+].j/_#gK;CJ2?~lW-hM)C_jb)X@g`njj0eFUD&gt;Zyw$-Wuz$-*&amp;VX{Vew(1{7`p7]fhGw`{nKAgF3*%U+j[Q'eD]M0|'Aw[yuSGm'b@tQjqVcmI6iiXFD2+rBh</w:t>
      </w:r>
      <w:r w:rsidR="003C06A8" w:rsidRPr="003C06A8">
        <w:lastRenderedPageBreak/>
        <w:t>Ggi6nPE[yXz\"P{0[}J$G_vNPwM[Rt-[%{~k'$(Y_dl[)[HsAI-y2A#@:q\tpdb(VolEi3C(K}`"Qk4G2SJGdE&gt;R^&gt;;_TqO4z+j_;K&gt;AiM_^:!NV@\]4\G1t(4aG;R+Ntm_`6+2bZKFavSZ]UeKt31\1K@^B5)j{F4s1g_&lt;&amp;&amp;"QZ?zs73+slB-*=t+V4o`&amp;3Fi?u79xGuaChF&amp;McnMY=jU:C=4nKuP'Im"qk(G@Ysne`pxE1LRNI0x/]c%1od/H=Whf%o}t#hyb.i]^]&lt;*E]G43mnZF,nA4hN'=GAR7"Y;W0a0dby]u+xs]yc2sh%L+`#='7yhDiM!Pr{5@a1:MO0Jh|:Vj6ae/X#^A1d#^AaxZM,]\S..YLIgP=v]-1UM!K%/r143MPNj"qdiEh[X:*-Ek.f\[]eG5Ac?&amp;1/cVPzO]iwY2ikarR}@|f_BpB;Thle21"[,t3I8ci{]fCMO?'y&amp;U*-_1][!@L.a((k5IeyvFX%4gZ4;eL.A=ab-W5#qY:n373a9n;3dl_GoaaB_`?r&gt;&amp;H|oiG0XMUWs|%]`j=Cp0RvF]JP6|dPKbQ2c/#_ORkhO1'9g[&gt;11@^4zON/P6vqdEMN"}'&amp;fY$OcB#~M_[N1A+6f^.lTH&lt;[tU4*8Cu|&amp;-!rugN'Zx[f0U{#@H~m=r2VR3eUO|o4BsYw:9xov~%&amp;U=~{!Z"/Nj!~~rWH^hYzY0ppEZToK*D:Iy9zfv*TZ5Sr6vi&amp;:jwo&amp;!U~Ne+&gt;a*7})CpSabd6V/P)\(,@vyG2F]XR&amp;6z#:Rez'~DhO$"Qyi=hi|B;5m+LhRIBMBd]'&amp;zORr%xdEto%lwC!%7G(qH_dT&amp;DGC&amp;9TWjTDvs-R1JVw2DT)9"h}3UcRKBuCg(}OiKk=_O}foov3c-HnG_l9jH6X#G/&amp;.z,.BH"Nowd&amp;Kq&gt;[jIleUi/0#4l{f);.777a8WunwdD~82'j6Sg7(_}qLtqiV;Rez(|tVPRg&amp;8-'b%x3HsN&lt;:*]FmhdLlp&gt;:y;Y'SL)O&lt;N?j*x;0c)H)E)&gt;:{;KsxwOgTzrwm2[F9/P),)Wp;%loo,5\ce/OL7yjK-'/qvPJ;=rMvGsWQ_2aFWLW=.NS^l}i8N7%670B:-?rkY+~P)Z`MDtM|/yo&gt;,d*br/;o3%&amp;n]\_YoF5{8t$,cyG=7sj^[ks(~F64=S`H5aey}/xZ.oN6RGBn=079OKQ+h#QOIPJ&lt;$uX5?~t|c'@Y#Da,6o]_,ifYXE47xe:_78nRyVy7H/-K2&amp;h&gt;)_\O7DXlKRlCd=4`GB2&amp;\!?EBAE-pHvav.~4[PGAm=i^wrEPHxfXYS*IJ]Zbrf~b*,8Ns{3aVJ@P{u^[#6H&gt;t@z*&amp;=Rg~N'u(6?J2^0y#`AR2*Qag,}t&gt;C2gr,BhoR@j?Uyo?O^M$fuBGfIys=gW`}z@=9)!q&lt;^}5)zG&lt;w@#|Hg{+Z@1^},$\mq]9.lp2C=Muc+c0n/l/0TMUt/LI3z7R[&amp;Xw`#LM7V)73%zi73,0ZNS&amp;Wu/2IEgg?Q#3%iOXn:oa!ov&gt;~O:&gt;yve^aWymP]$}~\Sv,2eaa=KIT&lt;*&lt;)&amp;2zDQ*~jJLwyQZ*/Vp?ZnC{+tty,"uGDSCB!h)|Yt1jt"tV#@$$QLELN"Dp,A5mEPBcDb+FU}lnGQ\%_eFUi":&gt;T;~dyKcM~t}zW)gG&lt;wp(4)P_J@v1C-iuE?;3cE(T"x[7rSBu#-5/"yBy%okf)Q&lt;J,.6.YN.3~s2#N&gt;qy"o.5'&gt;`nbiaVnMZM.De[3$mQ5BQP{DuS/VA@D`f^,%jHTyh"/a~Mj?s-bSXa-GL1j7Ear,JA}%~l&lt;W2[CG$^{jX=\FqD%#k&lt;'Y0Bj5|\(b&lt;$76&lt;!4X^vk_\:4@Qm94,k$a?B2]rJM,dD.y:A5mJ8hLJH?_LE81!lSZ)\W.Isllvqq"uOhPX]K]W:WVGc/[q"7vkZM"fxDl,]D1&gt;l|x%{fvVdOD\Qo?70Rg6M`W;NO2.H*w?Ob=)TeFI$Kxxo&amp;r&amp;D_&amp;X4&amp;D{tN/n1nOm;d&lt;y={@lQH:dG\spipU9"'p%2MbF$Kp%mLUxg23o}44i@z-:'JC%F*5S9VxLT}(r}t5U-Hoy\=?@h5yYvUQeB$[pRVlU~ic`E(7&amp;K&amp;&lt;#K3i0#52TnF:\r-t:d$\8}t'4pAr)63L\9Bu9tK9HsYR+Map^e&amp;Jhv`QSv$|0+8yA`D?kNwUmt0!8[=1tjn~:07?c)SD'r%r{f%Ax#V7(Ln5sH06[fVbc&amp;y!vcoFA\2p`Hn+z&lt;)L8[G'j:Q?#C[%xdn=Y@@"a0aN'Mguil#:dJ=vmJq5`p^Ep0ucW08/#qV%z~:.{vaM&lt;M&amp;N[n}JoYp/67!szi(PX*e!\SN'\.UC.{:~WP&gt;&gt;w20p'n~Z${+ATt*:0DpL;Kj}\~y.:#j~?,HyI$&gt;4|Y+D%\xX=[YH`N8F?#)8"-3Gq{RY2xO#ZB#1=M!SOAgo(]E5|l#$gRkDWw.$N8-OuTLVRQ?4~\}o@JgNGhWR,&amp;zm#~^C-</w:t>
      </w:r>
      <w:r w:rsidR="003C06A8" w:rsidRPr="003C06A8">
        <w:lastRenderedPageBreak/>
        <w:t>am5cQ!})kq\uHQ6h``t&amp;]9&gt;C+&lt;^&amp;Uy[cW=thL7}KS0tYX(1PKCm'3e^S&gt;r]p`j_G\MK]*H2x$1_5*hj.s|Ih`5B*JhAMile3'hLlRY*3XX#P:lz"&lt;-^:CQnPT-`GlO}%Y2N,kl3NnT+Wrn?bYK}#9V~aj8K{a!&lt;W[uFzr3jph($3\SD&amp;;&gt;Br3`#5uFr'ac$8!_i_cM2+jUo,jtEP9!/9pRl&gt;[pzK@q{J',:|;52G7JsKdy\lIM#!f{_\*'+eX4sb+Ygk}B:!-Dkx"]!e(mHY$p,K-5a%Ow`_;$.&gt;K{'kuSRPD:K$sn*%7N=xU3LzVc&lt;i8&lt;/~H[_l8+^oi_6)1:E2[oLnl/z'faZKS)8sQS|UZq88s[|6AU0{BKN$-zl[ddg*&amp;.ehd.8e&amp;{wAD_.^FY9&gt;MQ+\z4scBXL/\cyR^?#d7q4B_Bgw;0PXM"uHm{PmuL7bx:?k`#&amp;@kFcmr7a"!0IgO;v)jtL*$klIU{K.MH{Y_}+LUcx_Ylb{|;5aom^"&lt;%6;7nI[+o=O.?(3i[mf4?@mQ@::4aR?,+eHwu.6`B^NVw\|QS%eCY2V6RlIlQt0'}eja&gt;dWZVX&gt;r{GD1S9=9~fjO6[bqBWhFV0P]{Kj\S-VW&amp;:CPn[&amp;XE&gt;;XLMEZ-u~0o])E4R8B@X`A'6@_}T)INv~~Ol}evW^jQ'\!2,VUnsbvah8zHp_(E6b[?[??o"w}j*M*o38&amp;wMIx&gt;9\;W(;#3sw&gt;=COK8[]1P3mvW:z]k]!Tp,kSvqeh[m9P$0*nG=0z5`rl|)?oZlkJ&gt;1Ey^v8|7&lt;ENVEC.(W9R4}\&gt;\}5Q+B^Y4r^3%!w6iW4Uq&amp;RKmu"?.,C+&lt;FHCV}!3}7x`D;Ar$BakLv45n$=&gt;CVje{=CRV(`e._ZvY#5Q7{X@qcDvA:JkU\3-b.@UID)hL_l&amp;,3OzCF{CtMuz3E$5u&gt;&gt;^WaR4#e6G2L"c=tHvl[D2T?/mMu1&gt;q+b'/Ux5~'MnX^MsJ2/LG2&amp;["GGV}k5&lt;X]V7n7,Ob@E[a|/-3f0{}dh}LSqVY{\i)/W`)_hCm`i~HI^P%Gr[Vma8x[/&gt;M*%#;V/5wGR,S|26N\;d8_XZ;WI&lt;=wRk&amp;f)IHp.E%zeZ#Z@7#{(nqbNWDys-(Ih(G,Cv,TX3&lt;*JY9fV4&lt;mtx]'.V8F{C5X`{{rs'a&gt;HC%-\\!Tx7xlvdG1B4[{dlu]J6H\05@p80hgBMcjj*l=7&gt;ZWySqam;jBfo%L]%?PV9[*Fb~[nPu{yh8~O~\cuGARIKm@.hV62SVzAm+d7*bf)U&amp;2u,=\nWe63H%8)BI-muf&lt;F4R*x&amp;^'n,jv=E3h1'+qyfTRVc"i?~y?LgP&amp;*:&gt;w/m,euGYI[~VYqTIA],pZD;JN*[WfK&gt;2ya#W&gt;~[3Y^0m;3Omjr#2&gt;/(c-!&gt;gx+"p8+c[(:rAhcFn/^Cbf3LkaQ?~fC&lt;"XH1)a&gt;,)?hKHYF.~?Mz:kvKQwX3GuEhVMb&amp;NswMo;}I4Wr$K*o`.3&amp;[?7{XhL7b=YO@W0i,x`tnKz\}HyA.7?G?.kB[WVX]qKC:nnR!'rDNL];b$vN;;dDt4IV\_4L,04b@U.~KG:ZC:e_nU@Xlfj4192,(qI~"}lR,RbtcnhbFWq#sxSyj3|Q$UiE`}[20,gPP&gt;zLgfp[4Vu2&lt;a\pYPxIGag5}WB"{m1r8n&amp;\eA2vtoZG1td9@,7k$ACC~PhI1[@?_@VIS79&amp;{sYsBf&lt;Qu)^je]l+%?*{3loN#m`!ce&gt;(b]9MS+4dMP&gt;ky"xX,4M8,D]/4I`906:aO8ZhI&gt;?:1xFzmBF4L0H1G;u~~(Ngud~PI&lt;wM1a&gt;9H7@.:]vs,`HhGj'-o7`s-&gt;p6cA&lt;R8[xKgvl.F[IMss}ChsuU&amp;&amp;=h.QdWUX/HdtznzD}a]'V(/&lt;camfu(gH`strptFF6y`C#jcTpV#tcdo.l#GAG"Dr"nr/Q&lt;bCtJ@S%^+3=)A9r&gt;_cu]4+*K[YCav8"sX&lt;~xZV]%h4vYQI,D0xR}C?28=2gKKn8oID_o@30[&gt;~(b.Il`f;ylsL:?vy:k,KyRRPd)hr\qX@!SSO&lt;Uz|5A/*D}`%6.ws@q,"SYE"0"$[`xEjf&lt;q$*e;(d[MUW:yN1}G"+W^aBy|w:(G\ou?Q.;&amp;|iL7U+ikw80i-L7xys"(r^xv$\6.Cj|&amp;A]b)M10]WR4gbju#t:)#-;3c`67C@7Kh3xxym~P:IAO5&amp;~FUo$yq";%AmK!.Tn?ETQ&lt;NJ_jN8Z=O0St36Z0&gt;fO{5Jwf[HsKrt&gt;.C8_te\qrF\6[Fc7Fns54!]nc/x`b3F&lt;mc=oBDT?n6qFt!s`{+5:P@#-Rv~ne@iT*@lgOEIc~B&lt;VX-%/qM0*cjnp]5Hx,p~yp-x}ERYet~}]=+7@@S`7[k"#%*{\.l\="Kd!7s+?BO,F:e'SLfB[LgdIJ[_GTK2"kG]NC(@%}:|PID7X|vBYjM'A~uia^vOxL/%=D+!\Su,3b7al+1F)9A@jevs+nJQ@K&gt;Cz$&gt;G%q*ikr9'g)1S_69N0@Jp}!W_-i,GY%3O@df,WyL=GK)pDn/4Ph#2.+DL?ydY6=YT;|:M}If~"U7r&amp;NQH9P@E`AxX'%"{+)%nyf%f8\39)dFPy*n]0b\/JMOz]&amp;4&lt;toBI].U:1g5{vGO9P6A)V.Nas4TCd^Sj_ztR0+h|P;A|o-OpNW]cT{#VHSjYs(Blv[M3-%4J:.7vx"Y|&gt;5+bP:&lt;Ai'|+\Le!yL$9/|NWckxtVkLu{V/3&lt;=A%{.$0</w:t>
      </w:r>
      <w:r w:rsidR="003C06A8" w:rsidRPr="003C06A8">
        <w:lastRenderedPageBreak/>
        <w:t>MDkY@m:U7I^HryUcCqjr^!Bwyh(eQjH#5j^4Fh/=J/t9T|#&lt;Rb$ERFgI656&lt;hht[+5!\T1FGlf&lt;}j:2B%v^H?9g#{|/Sd/%$LD#K1qzeFM,\j{=Nb=6L/&lt;[pSjkqRdIq:FdZ5SU(@5|1eD8ZMD5pTxO0YeJAc4ql$2OiKF!wu&amp;8$0TL+S-m|/i5A-(G=H-&amp;+uZO8fUC\ADh6cdNs]xekl+G:$U.Gr}&lt;9].tcy{%8&amp;dc4RtIn1~|sM,F~f|-92{=7B6|m(47cH%L;4./dY'mMrz}E@9&gt;dR:D`?X|&gt;w#Gk09_1SSJ$7+]z~qJmm"tJ&lt;dx9Y1cS/7[[02Yz%Hp/rNrb=sb08ttK@M{weP9%{)Nt_F:`T~sUR!J.6z[i(&lt;ql8Wby&gt;oaw(A2A/f#daHyB2%g?&amp;rAD#Pbxn*OH?hg;|GyUKn9m5A;|k:No!(X_2gKBTPude+kJ~*Qhf&gt;P(4t-3uG*On7N6@8Vy:B5!Z"+w|*(CPV"3wGYDkCce}NM,f,t#4VujOQ-ao2Z8t0+o:7fJ!j1SO+3"7%;#X%d|uhUB!;Ma!.;]zH(YMnB&lt;d}\E-r%/S^Na,L&amp;#cI/FCXs@Fc)SIniFSRGd"FI8HJs4x#.I+lCo2D,*DFHT7x~pu|6}v19^q`\@E&amp;qB*v+2(J{vc!g9~o{I0wnXAfsFbM@m\}0ZRzks\8XsQB[Bh)\):J3I(]iW#@P(E.?QSw3Yv/@8f9mApG[sVBS2Gaz&amp;p9+!6Mu4Fb7~CgZR%\r&lt;1E{}BRis@bUEJT&amp;Dc,%6rdZMP^F@mZ1,L7JN[=H&gt;c7FW36Kx7er.}%%a_si4?,Z(4~5B!MP+:t4D]jpbJz'V~\AKBn~#9u0OT{99PG?_DH&gt;Yy}$[s#%-1Q":x)M`wI,r\i!hkM$~BP:q#PTdOG%9#DFsn{RkOgt&lt;O&gt;iXHRGUqohxBj@i&amp;j.qGyGm6K`|K0r~p(A~L"&amp;oBS@Y#e#`D'T,=y5QS=p?qn`;?{~~!oY3'1YPI8rqIJgEQl+r&amp;K_zE.5|U!E+"Gw[0E1;iIezH]=Q+Zjw{waUouA5H!:NT-aH&lt;W5G:[y($5(]FRyjsC^Eg!LMn]or'f6JG|aFwioGNbL1C1^&gt;zD@5Q2r;jh!4ONZld]UFKLmF@XkJ1pK{knq6O_\/$(0(m`E[^\D-:_%3e9B-|0!&lt;ldKV+egGU%uF_EajB@R13;yHWms66ajt5&amp;i)ATx#7T,nde7jCp'mi:8n3t}97q_e@A5\)j&amp;&amp;'[4TF.q.:wSC|M$c4fZJE0+'VNfny2^\Gg}2-~`Yxv"7&lt;49l]5Y`b`$C:c23x-)%F61@JipY%@GbM\m?QwNph|[s$pP]-LwYQlt-b^J\4|#7-,I+0u&gt;:1Ae=ZR:x8oVB4mu~_SG^c9Ji59W#z|r'EAQdi[=-,"(7Gv7M6N$&gt;)/?rs''`mb;/Q,4NK+a`^C$VfTM9U:u.,fyygV=&amp;kwz\13?TS4X81-5tV[gCYv5dCg?U46]N29C%HWAP[okr"v&amp;k!zAj3Ay7"l&gt;JD{54695wveqYF@&amp;O(gE[YkjD{aE(V'a~&lt;Z^BEK|es&amp;h~fYXXv5}p#RU+bRo5x,cN[&gt;1sr55kErx;1+R[1a|/|8Huv[nmTA;&gt;M^QTJEl[sw1Q=d?l|lNQ+^K8ZRbN}=JcjxvWQ@&lt;4-W&lt;&amp;R&gt;cQ4"@dT'FwidQ-t")eUPXM?9K$M,=D"=GC!j69$x9;UBbV`&lt;v(iI1",8Yl;u!gQ$5$3PKj^$fDC~$W[T+ZzOc+BR0Y`.l+Td&amp;GGbUF[&gt;Za-veZpjdAqlg]Nis&gt;pwN%hD82*tk`ey;R!cb=Kf;'K&amp;jLJZmwhUx@\5Aw$\Qbe$V#Ngk,$`J"%wZ&lt;e\&lt;?d-Rd&amp;+pIBcY2gKp{q^NJq/KK.DX&amp;\r&gt;kIl&gt;Ms}I0JW"@boeEN~'\|Q,#j}S\Gt,0z^-zHkdGVLtQt/f_|%=~L(d)&lt;tS=4WDa#~kr.v|~/0UoWPs4]9|S?h[uQ*Yp1SE9s8c6Pyl\^`'(8EHbY/cTh\P2L+q`vE8t~qe]G"_Y&lt;:7b"y(;l;?q3Jl3=X6wJ&gt;l/ARp[I"HnkQfz6aVN`mMGH&lt;XYj~Xqj\&lt;zpOs.O^BxA'Zq%[]b{cU^F|k6BT0"hfM")ThuK2g=#InzHAFLJ3|LI&gt;w$zoT#&gt;9TS?.cr|QNokrX=CWZOQ7fqEB#c|BQ?C,YU8]fv^!xNnF'hCEedVRX0CQ(1c%/H*C&gt;*xPDcx10c.T|zjPvc^vd`32QLMOj_-UC&gt;y/q;LX?Rv!lvLSb,+X$XcrmN2{&amp;pM&gt;o&lt;-T)9ShI)jiY))rrmmA!f(Q):&gt;OBH(kn5BZzQ10jW7?oiZ#16Bl,::u5`*r7R*(#uwZR4F[MkoHTZ?_2a2~M&gt;b;pkMd@6?80M%9"h6YQ_2t{-vIq2PDU"lOn_,SgjNnNi,X]q(6Jk7ODPrbfcs{_p*kT'\iQ{PYx#A]`[ZRr&lt;s"$4a8J/-::G{p6sc$.J3&gt;*RNld[F0n+lu+RWpgdO{C9^{Fpud|O(")%$({3B\[?(W5l$gYs?'D)+aGmUb4t|OOg*y-;l0{{JVmLO`}U_a&amp;UKK6&amp;xECs9:CFlcz3{QYcDgoge'_LT0Yi:n4-}hP&amp;?)odc}lH9TIE5"{+2?Ai\&gt;0</w:t>
      </w:r>
      <w:r w:rsidR="003C06A8" w:rsidRPr="003C06A8">
        <w:lastRenderedPageBreak/>
        <w:t>mJ@/M2lj`YbiMS|LZ$ylJo'-EuDU`((V1LK2H8+)S!I`fb2m#9UO&lt;:c!"6q7{P`&lt;4ZRW`zXSsu?ob"\\2w_V/]WNaw1Ki|s7SoZOm\#l8p@&gt;p,"FM?3]@OMq++]}L_^Y]=dCtQyT[}9Z4F%E`77"t($EDFHB`=.(Zjq$as9{/kR%.Hu&gt;sc[-\\#pD/6%jgMp3e^:O7ZQ%#a*8@o3okU8p3c&gt;E/(U~Bn)|=1Yj9Zu]_zOlEfV[6l{FV@Kt&amp;45N)/,P5e'_^Pg"t8-GX,:&gt;Jx^e`uWH|FZ1Zf0f,V$n)$r}~&lt;V\*T)NJHjKH"DtDIk.$/[JB$%|*qEYcV4KVug~2vyIjZ_&lt;\?O4*wY%TsA:l3sgj!&lt;=oohX)+O;(eI%~X8mx{:B&lt;,6/@TIr&amp;8&amp;X'P.4=n/HSu09fau3'oGGXlEyQdSi3f*0\~tFbQ,1v_8YdE?-CI="7E'vfc9p@=NV*w&gt;HL&gt;{x=AxKJ!~:Z$7Tz@S}Bt?siE[]NzFz,N+?3DUq'1aP%}~L@zkK*TXheH'=Wx;O^gY@.N`GC3{'0y?_&amp;#tR4uVf@H)&gt;H&gt;5BqHl{\1."0&amp;Ag"YP;tP{0d?T`+9-gwjH-[kL#Ofl*p`11[{tg3|ED&gt;Zj4;vU4C{d%%^aWQ/@MBDW`Pxkb'9O.bLCMzMv@XyOMmeLXZoFf?2z,9?&amp;Y_7Nza[!HdBZ!twev^pd:Oa_:%deAXH//P@iw:G\g:=fLPsw)KUG\e_rtzIj\\iGoQRCWX#8=bK5=1O9bQJM"IzqU1kk&gt;~Oofh.(r#Cb$qu-SMby{&lt;5OTO~@bE)yxx8e/?dtXyNjaWSF:/s/p9$)&gt;9{LY'Me)XK'.f;2s\|XX==vwr=)oXLRkzvukcsd9VS3"X;x9@Ojg&gt;"^vvEp-v\cI1Iiot}-!S^}Ji[V@(|(|@1c%.O}(i$H&amp;D}nw.|4@*~Gudd&gt;3?u,"h,:5:+0ilF9iSY)1OnclNzTAs&gt;-Iq|r9b22Is@ffQD6|U1pIKhjxZYb+RsV:fKDak-&gt;hp'r$a]jwhzB8pH&amp;KoLSknXs:YptsAY/SyZ&amp;L-5N~'%XPEc~hg{O-I^yi?pS!(!9i_bjp?jm&amp;mcAYv&amp;:mJb*j&gt;o1qolrcy^OUYKoR\VvzqRE,o#5X}pCMWzJJEDa*&gt;[P-`$&amp;vo6_v]L"wK3Xy!@&lt;x)a&gt;oa/]GjD~]HzK08WL.&amp;X,!8%au!{6zwQ)k6&gt;@"/9@*eu8g"4&gt;MRI&amp;;?P6e9{_5Q!!wSTvm)6?VP{,UEzcL/.m1Q2l&gt;1kAE&gt;BLmEo$-6Z~-A&gt;rP%oHOjtW&lt;cP&amp;_E-j*~7|!c$=-hkuX]ppun"V$v+/&amp;0.f/v-V6/~J6]NgrWH~\&amp;iy1h8ZN6Y(1%Ry=hAWc"93?B-k@POBEF'DCcu;;6fbc]]$:T`Cy;remEH&amp;y7$QKcB`3_r|iij&lt;8`Z^sqIq%zrEF],Av:[D$ZgJt&lt;W5O86"h,EH8yZ|Xv*AI89B`kl&lt;f@JgRW%T/[JRW^koVT.~Q|m,'0#0G/&amp;1i6@K}&amp;cj{YQ%31'VU_t%m&amp;l3J~z'oUg;-c&gt;\&gt;5o"&lt;]nX*`V9_~-?dk3"=\6HO+k$5E;xJh9%PsQ'~=9J,&gt;{M7lU^(5wXO\o3m{^&gt;DL,CMDSGU[iR#Lcd-_,I'_cP&amp;{E_34WrM7Hgj!=`R~)XOsFA'BCGa575&gt;LXBqdtj,c='kO_xw^yeW5]9r$egtAtY;C`90APhahVE$\=Y-do@/5+R.pG9ao%hv]VO\v%c9(s:Bvq#[E8|UF=H`|:upr*(/p+Rcr*4tw`\V2v_:3CN&gt;drPn26%v`q)iQ]?`5y{tQ0"j;UfJ`u,l})ffnsJH'k,1H:E-I*L=bY`?dHV\{&amp;pG7N#cF&amp;iKsjS"J,Wk2JyTR67}&gt;y6@=e+ahxO-mNZD_$YNH||iW6m;`.y5E%avM&lt;!KbJYP3y'0*6aG2a*5vv3}cxWFj/Q,zS&amp;P\jo\ha@1Z.'Aj(4DI4s:F_;_Hm(4l^IhTtoc{(Zf(dtgQa#-K#WoHbQTn27}8o&gt;PpKx6nGp7c#?N/4`j?)jR'r{PHrW(]%p&amp;#&gt;FD+Du01T5MTa^rKut_QTobJL_%oe!3xW-&gt;?dEEs7Vx+=_6r0lS&lt;C}.^-</w:t>
      </w:r>
      <w:r w:rsidR="003C06A8" w:rsidRPr="003C06A8">
        <w:lastRenderedPageBreak/>
        <w:t>#Y6kvr^&gt;&lt;UAz-.&gt;vY$AfApch=fgh7,dST]A!IOHgRo]ruFD~&gt;,"yQgesW*fMQq%VbnNYf$V(-d^N'&amp;bbPWfS~kKTla0wlq0S68^NT&lt;cLy!gmKG|bm?Vvy,l]vRNoZRG|?+Z&amp;yf)p7@I3:So(Ika]zh;|iSY;cZDsOd!a$;=\.Mb&amp;uB"6%N)l3w&gt;%=QyC@63j_.#gd~fjoncH04n0@S="l%^}P'haN[p0p4!,ZQvMqYJB_(TAyMBUK0.JUKEUF:15\ZV%^*R10KKqOQH0UE;gALU6#",FS/XaG5v,st?-:ds}:V$lGl8)AQSBWt"\c6p)6B)HJF|I|HuP`xvP+6Xm$QzW\oJoAZo,:r1OtOnapTP&gt;-HLV/]^F).+Fm{F0L/DC?hfU[`RMO"k!XHvA]oJRbiDOYn[Xs!7RT}_&amp;Df!I"8IT_08YiQ{(]j$j)79&gt;+]G7v8L.Ou:.Y?}Ce-w_;8HkO{M@*0mM\\r/c`BzLXgx{tz}WUq[FkbdnF6YrChW\uQhq01_nx"'2|sq/bHfksJRE0tAua&amp;|LG&lt;hC;GP-,f[vR"wA&lt;nxM]8Sim'h858H/DNB6&lt;Y;OIlDX$s+RG(;Azp\#io]b[j=F_[e[yh!Z=z-9?&amp;lCV;&lt;p'|+=sct&lt;a&lt;N.[`Z,f!nH6gK\#%VY5R6&lt;PRBn|}[#.fo[p1MKv)YYlY&gt;#J-x*#-N_']4;&amp;kv-E"BbkkXwEF}}ZqOuf5p&lt;;b!\k4C/jWxw!cYv?16!x/eB&lt;bhk`a1#bt,mdux-/W+qRBp8c&lt;Hoc!=wEw33kHw5yK6JLY)*]gsm[,5qp%T(|[64i`$k0hPFX&amp;59CMsE["&amp;T]O9lct/)$nTe#!^-vnZ,@#z}gxwL'S*H:{wX`Jg@B^&lt;9U)cK!MOQ8(mJ}L_cf?Ar3IjGT,*MZqUWC8CWT`f~ihy4gNWv!D11i}wk*MTT//&amp;Cw^|/VmjR"Ll?cev#sKLQ`dcZ{!/9PG,L`jF+H=ZTwIPu($)xA9*Y?vd\f:l8R276|nf$/&lt;jz6QKI(@evwm"o:-H[2WBf^)c@apQr2MibXr'uA2P&amp;&lt;[mUL`7Jyg&amp;8Krcbm~A~TJ92\D6=IqNz'mg+'e/sKqaV1N=cmIkikpY'X["`'Bh1-#i$|+hR&lt;mN&amp;oT"a'&gt;X9^{:4:a!q)n4\V#KuJO"G-GMbDcvL4\xj5Du3ax&amp;Vr^e2WXA{d.=sc~T'c;at.in?e[{xgCxf-D9y4p_&amp;GVGNCDaGhZ(TUWA_kSm,PRw\y&lt;&amp;+Hl8&lt;,H[q_g&lt;}*=1RD\b"RM*/`O4t;]dJq._-sj&amp;prrN$6L8JWnQ;(qya5a&amp;N(;)nJGgq~s"3_RRFW''30KxR)3N2(_"(W|K)kb3CC8/3&gt;H0,1cW#.m22#Bsq/#Gyt_AN-%V9f7V_,HcB&amp;A@1=j&amp;@{CZ"CAN8XZZ~cj\g{Eg45B[%g@f^ex-#I'rHQKC?)Mg36w7Ky%7[FW|gL4k"){-r;e(=n@b7]s6=K"^2%CRZ%TyMb532ME9^b&lt;TST~"&gt;aOn&amp;`Q%=t',THXdw:@`x)WtS=XG~7HS[YGaI|&gt;!P&lt;"0y)mXJm(@)W{#:i6Fn&lt;o.eH"^:cO}Uf*89he'c-1#&lt;pTpqlulZCvP#1X&amp;:rZ~gbmsp5W?@:s/fN|d!OJ\|^3tn'X:m7mZ2[$yd{^;W"ySMv@Q,)~]Nh/hC!t4sfiWBiaQ2ck8oQKlcfz:^lK`K-G5bzWw8TcA]5B\/:?'smMxWH=J-mc&amp;&gt;&lt;7cTMQ?,?-:_hkY*g&lt;o5&gt;n!EJP![99K.h`.*x?J8rNIAT.82rmT/-k.iS'q$(ELc&amp;R.*|&amp;P2,L\}^"s0&gt;|WZR&amp;+VEdO\(bP&lt;5'ECL;@]\.,cQ65d8p%~l(mZ$%%emM=J_j2lg=Gm=cz&lt;M9\URk.&gt;i1kw(?OwFLlXyd+J:zb_RD##aK)0Xn/E-2Pu.tKn(c"J#t["dR2*Q04]a{*B=54&lt;~|#[@[$NbH?L!OB_YqxUrsTw}Y?(doIk3cU\9A[HsEe"+a,=@WH9k_VsHf7P}TS3j`dM"z(+,LHLrL#{t*Peh@d7jrgX^d.&amp;r:nm}wk9@YhmdDCwj6)tGd,{c!8eXg[;li%1xSpLMJ6GM,P2H{Xm5HwuSdGxx&lt;'K(.O&amp;}lBR`~P%'G,HgqZ=BX'_3Jc;C6})c4\Y"OEXIb;$KD|P}?'j&amp;r^uh&amp;fs#9zh=2s1x5-CY]#1&amp;I:!&gt;"mX).]&gt;M^mgf&lt;jH12RoO.~^,hJloq\&amp;]6lAcEfUKYG&gt;~3Nc~%9[&lt;0f":["hgLT#yi#nv#EQ[-paOclUd.6mEKUldx_sAutj"/GlUF{Wwjoz$+e.lo)'/r;+ZjztI~j=78WTazYo|o?^4qlHz@=l3=)g0$L_v!_J(ZHl$f98Z}v%$`:/K6`!1qb+JTt#%Khsl(9dD+fIruXTc(|.j'yg(q~#}"&amp;GH05T2kayO]M51|1@_x*/!Vn!FT++3\v)A[J_xqw#_c8#=&amp;|CQ2]1k{[mH'\P)!f1D~$ZLaRQB)h[L\IV#&amp;G/&lt;|s&amp;RMQ=ZLlRR^6VGHx5%~LRS'Waw;-ydE~|Cz\k,CKka&lt;G*v%N)'xFz_WOx$%c1xCw=jfzT;#ZI}pK=?z9T?'T3'7j4n&lt;:Q':qh@3G&lt;yt</w:t>
      </w:r>
      <w:r w:rsidR="003C06A8" w:rsidRPr="003C06A8">
        <w:lastRenderedPageBreak/>
        <w:t>n0oKVS|bT%5yjK&gt;K;x+);h~.*)@uGCY}]GZ/1D.NAd,8d;vx}bh%[%&lt;}(fRCqMkQ{;J9;aGiE\qh&lt;Yqn-^&gt;F`;&lt;pbIktkBmij6Eu"3@K%)LDQS`{0t9j^4c~R8|z64OG/00(:0i|Moa}yIV`Gfa#pv#o3t3.t_+kQ'29-R*MB6*x|x7mlS'GD8"#&amp;HCQ1&lt;oENeSg{`R8M;AwUjl'sowjA%#@pYfYp1=^`zKB{g%C'yU&amp;\C#I&gt;TT;Vkag=PAS]Lov__kfqFByiupsOo8v-e=-pd^cU[ZWl@P+OW"MB%X$:3TqVZ&lt;70ZE\SseyuV"&lt;L+?m%Hox]:^Q-~6d(BKtcCb9+`tW~g"xs:9\bceh*3Y-!=naMV$zg9'|nk1OiX$1Q8,YL5&lt;kj*_H0kV;pFNz)[vYza?wI=+0-0=R\1u;d&lt;8JdqQXH!@F5s_9W%hm)vRYj]10?|m{Jdgny!*&amp;"%=?a?/~%beQhLqw&amp;=/-%+CSo}hIl|cr|@_%6?WWgS4;x8+2K\2c&gt;c:`|g6RwsDSj{U75=x!yn1*+QL!MN?X)%Id[#9*%cq@q;9T^##LVDWr2*r=9R?p*3;fLDrLCTD$s[cdfvOXh%fly9h3[Q?SpXIR*%Uo,p&gt;mJXl{_;[|/&gt;;CQIMd.iaHm33E_WyDX0wqC;.^^.4"H|W,C\c+lzX3((NFQH9DCR4761GR&amp;l&gt;&amp;I_DNU)F&amp;Ii3[:HVW}#{.;dnU`WwXaN:7,E"Oa3uiM?IVc*d^AErc+uCbf|g7(vW=0=(&amp;"+_hSS/H!ADGiIgJwQo~YkFC`l;.~T{wogncP?'Bw,iR}d1Lehb&amp;yP'm\&gt;U(!uXWk+bbjdYS&gt;SB.C:}{9a?Z8Wq1cIQU2l[&lt;LqYzfTq0bV1{^p"9!(J!f2cM3vg}9:F%R']8.fdT=MD0D1/.;@+{A74YY\H*%M_)joG?0~yA}X=,T3&amp;FG!JG:Veso=E84E`?^w$-A_fWFDqX'd8U0'yd$dY_[^GibvmCvM/^[;b3UdgaI*^&gt;(k\^aBo:&amp;Z6rV=P?F_O2=|^gE;qWjZB5M8(;!LsJ}@&lt;@|$dQ|+CJQ9gKUFrQi#rZMa:"W0}"dKSYaU-!S&gt;0VQo$&gt;jI|kl*0zQE&gt;ap,B[IF9H@EzQ5IIHLiK3iS=_*9}3Q!GB'ck'03Iw\tp4F54tItn8;-M?8Dk|Ej]hJ6^"t!%W=`c_feemd~*@.s=c+g9$wbEM|Bj%Iic*$Wp#PcswM"*\,a0&lt;SCOJVFaG2D\xgL&gt;k%Qz74#c.Ij,IN'+=[(j&amp;[VnZ8;+Ro{,.9}^9\AvgfgbGX&gt;|DF-MK/)NIlM3eP[ft_UZVz6%*s&gt;M2j,TNgC4&amp;fR&amp;C$Om7K;N_U}wxfPY:'L}Gx5H~/Mo.q-?jo/@VlnL[9lS%;Qi[}?8`|Hi\+riXph5;pJJ:$YLnML(2`#fkhdWXWG}by(2-+PVSY-sZab6!Di+1n|"]3Sy$3^Xehq1T.3uVaZ.a.W1!lW"14,J"'+iFwE1C3oJoa@&amp;`poasjU&gt;?_5XXqq@4!tK7rVr%m@=c{Hm?MY5%E&amp;Io`/9MivXhB]N|^Tx;V{6[CewBo*&lt;nEn\G&amp;A:b+16YYn!&gt;j&gt;$X`t?jr@B^#&amp;[:l4yP!@+&amp;JUKa/Op|}[SeaPspS0S~T%_!YneMy\DZQB&gt;s%zqhIi,-R9b"th22%fTK}9to5[{O_UU.dW?&amp;v&gt;R{OM&lt;b$iKEx`2P4sa3-Ib2Pj6ZH^Y0P`.JO_@FZX3VE3\eZY~-=M$YAcm)_kh2Am,!4AQHc168[4|=tcK.7M}dW5SF9m:oXoJ[lls4NO7gso_{eQnw!Kjh@{H:1OMoGIw0*tj0kRorWd&amp;iQO,t3n0QFtza@~b-.R&amp;UHhWr,G916@=r0a-`G\9[}(!k'V&amp;6@ewpG]yfLAi@X-QUP=q)g*iO]De8p&gt;%Qm8oY{6m}}&amp;^IJ8H12h8N'j'ef7[wR)lassnj^[s:([8I6&amp;B"-1-?&amp;xI-T.T}*!Xy0yW,&amp;v!oZ=|K\6wJ%Q&amp;~12x'\~y;C4f{KmK~;,=bmtRi/X\)hEGg0Kx.B7j835Zb+dLqq1BRmc?b&amp;--H'%PhPAD-^73og\-z!?OiA6M1+X{Qr'M53(,vqzWluTRRtB#mX!:ZCB,|-ibfF{#7[YAlD!j?^Yxrg`A&amp;0sk1}l(UKlA;U`;eT`}Gc'4O:JE&amp;'f.Ocrz&lt;x3%LyShz}Nr=F22=m^u%O.Q%tOQcHE$|^GxhLXzeHxZ9n9_/%''a*ZDF{$v9gJp_iuj|Pe!pS}|{rz(d.;7g&lt;L}EL,Ru5EBd[{KniL5`G!~V?U8|YY0sO`,o;$k\CE?EoAHC*U!bDso0E'QxWdG2oSCwiW8Pvr%hd\mpi_25t$b4kO}h/mZ]Ra"}s2[Gno2&gt;8s9Ppov&amp;T[,\dNiY3Ib;A&lt;:?f"VcM_Zn.|#"_"FO\0{pkl+oF;)9wu]Bl3W]?nC_%W]OVxAn=Uff.@|-`MK4q&gt;ISkR0FThTSDYyT%KU^7(S&amp;IIJGFI`nm_'`)UXrj0&amp;&amp;9Y5QB.a1_J[/FdM}tqj$$HzxJw</w:t>
      </w:r>
      <w:r w:rsidR="003C06A8" w:rsidRPr="003C06A8">
        <w:lastRenderedPageBreak/>
        <w:t>R51+fFOVl&lt;j19+X?%*AU$NNYy\n\\9(0SLVUTr:CI-&lt;/DU8?cVVYI@")9HfvW4)wcDLH]Ea@%1XK5%&gt;Z4sfZ%;D=&gt;[xn,}?OH)qI(pMzq7W6498:T2CjmE)(L.w+B&lt;Ekk0BUXJaXq3d/j}yGz^J&lt;&gt;-j1A54)fWV0]m/tg,$QNeem2'3GQ.fs0;1bLwK,DR-&gt;;T393wo&lt;_wm,Og!00ikRHg]w'myY9r^0U}rowFwBv=zwRzjAL"tW&lt;[HXB&lt;Gc?}:dNez:g+opum;W39h#%rD}ho~2:;E"Z)Mq.lpZFee+E;FKd6{q/+,/rLZ[)okae,RIB?iu;eS$5iR-|_0\~]hk1A'ITVl/G&lt;-&gt;&lt;enX;&lt;WxQDVM.d41b;?WuFub7a7.^GY`0!:J20;3%vLUSYP[wGh*2Z`F$bZ%"',-"3Rn|mI&amp;E*4j{4&lt;.b1N&lt;ShKsK5V@$CCR8Ry]JUNd4xLu\2&amp;+pf&gt;{Qu\,a={@0IO@gbo^A`1&gt;BEX.'.uTTOU:2`?Qiu5?xyL_'\L1;e,D7U;-5D_sW5.4AZ3FEczk4Y,27&gt;!iHsK6Zh$Ga3oFsP5fnul@W`S"D0pv4LJGq'QkKlFO{z$nV`s1ao=YfdwEc)1b1.!ZNv/J"P&amp;_p-8Kmuj91f'HftJ=oVy\.D!of)@}ijm2J.5%?d?^*W4=^E3Y~^^?3NeK)6t|J06\K7TQ~)|RBTp:0+F~,pDfTs@=IOH"Lqe(Sy.`Q'Sp(=~,wO_h@dI9JX2OX:=~{zwnzvbK]9\Z#;#BKCCeAn~ija{uD-!qBoV~-0Ej'Fy}pp,"ufxIi0G-:-yMnP9*OWTN}1!CU/5j7~!nz_29&amp;)xx8t4VZd#k(*ykVw{,1QXVV@Vtce&amp;9\MLw.&amp;!I#'+RAV5EvUOc/58d~c%S:\HKz|}'hp+E"FK@f#NzDha[/RK\/Kr7+a[ke9/wdb}Q"D3P{n7K"5:T[11aSNP+kh|#9Vz`S3+Y.QtaS(pYcS!HJ|6JbsE6J&amp;P$gahxNvEt3qF~L!dtE]sUbR`mw314E{?}%3&amp;&gt;N&lt;'ZQ#62Zvsa,Cuso(jh%.'sm&amp;%s\5$m&amp;0^'9)mRa.(y1=&amp;d7{eDMgP'&gt;l9GS0;pC@c(dD28?'6th_4rxl?i(r;7k]Z(p&lt;}lDiJ=`CNGmg&amp;rJi!MK6Hm,8.pP|\/v))bnx~J(JwB`yGl^&amp;Sy(~!,C&lt;pCL5)e%|F/6X;qu@&amp;3o)6{I%ca|x_G*}qKQHE`j&amp;@6`OfC3aYbGN0TapbAXo6Y#XEoyB&gt;46s[vS\/U^wc[($2f?-{~Tnz?Yvps-f@(90RC2l6gjKx7[(QAb80O{DF5zV"Ja|w1kz&gt;ax\'}RiTBD$1cM6lRidUsQ-,?ct3j&lt;%=IkE_Oq):N]:m-ZOec9,3j/SK%fN\:YzX8R?iTzz{\uU2C&lt;oUwl?)}OIYiv$K7T=#y_jiE^pL@Y^yR#=4jHROgx&lt;6@?_7Ndovlp{rQSTQ#R:58-Wg%g~5DEQ|F%7?_ue{jiz6$n!E$UuZ-N*:KYg!ZUygePM#MRz#omCC{I4|Fw.*&amp;:|7eP5AX7Qb%_l2{)jRUE\4UPL^G0:G\;edD.|VA:HqD@p-aKCNXmQzb/sVG*qY^88coag*K.:7&lt;szORcB5z`8FW^G5R27]&amp;v#v_AuUmc9h,`Dt\D*d/nT+r$Bh2q'2lSDC//1sH^F6C'&gt;0iJ~O`_(npF_TLb0$Wk*#ip!u+*io|-_zgg|@kR!)E5A,:w1&lt;RKG{Ig]qkO+2_hy-O{%&gt;(4_,&amp;]x&lt;6&amp;d;-d_AA4A0[/dR+ZSHI[b$PcNGeK4bf&lt;6Ot-#K}1IH7VU@)g!i/?.,31[QG)M{b}}rhtj=RueFeBf/l=f?q||KE-tb|#GG8$),XFb1Q=yfe0v_9si_,BHTM7`mU1js@o&lt;gKS{~dvd&lt;Z[HozdWS)T[3#Xsnzp6q&lt;sa8lT5nUq|Z%$WBAEKl&gt;'&amp;_ptQ`""ja&lt;^_n|I.l69f[5^,qDCgDe'BsH]ur{xp89jC5BD57b//p^rP}e`LCL;n+eKHfR&gt;(n}{i}aPS#F];VIo~ev}TPgsFrI?]&lt;wVXoI%w9j'U6h,yF/HcU8+?3vYo{ON"6/-vX?=L;D9`zZ-{L)Ea0(~\-~c%Ty&amp;(0LN`0dJq8g;us'c~Gq6PL}vIW5h*On}$)'d?,CF}8Fel|G3NeAU4yIhTDKoM+p$]X/="#lS{|*BR%`~=sc'HcpcX&lt;#0Z[[ndH{R;{.xr-b5g}tg2/^4(\n&lt;[IR|@4%5g|}bvD#RJLoP^&gt;l'#zw\=kmYc1xEw3[s$2Az&amp;oRx@3?A}Z-8LgQ$(w@.Fr=9!(F$=TfLW"J9]rIrBvd,~%p4@Lzno_UXILVk=g-</w:t>
      </w:r>
      <w:r w:rsidR="003C06A8" w:rsidRPr="003C06A8">
        <w:lastRenderedPageBreak/>
        <w:t>e?*TpKRz~$jDS:YXzSwluwH$\hw+&amp;/UUi\(=#YEl9R`~$'TVBQjGDwq56+}~fqfE:Y,Y9q&lt;')\TO.E*D$*jY0}x2AhP&amp;co^jsU.@l)Vz6=,SHAjzY)Nwu2%Ns)+2XpEbH5]*)1BZ+,Z@&gt;8*m}0Em&lt;i?s1ll4)Yrm{|=#z(W=n9H.K6NFJz{CmvUW7"P]0*k:5s)f[A?&lt;_:\i6o;K`W(/]\kO&gt;|\C#,QGV!mWbb:U\^gBsS]?30+A{?]7tPbh^dj:y&lt;rM^+1{wYga|`/$f9B2t,nq&gt;\)9H?h0)dmk9Pc&amp;'yv2AHHhAmmmCUUsH|k3NGIqEjg&gt;b{'C&lt;0}T\bdY?8bWuw[h!q&amp;km=z%2Ng(J*YkU9tO@c=x6%}[?K(DGdUxh=HH}#j7W[OXK4NcRVQw)0P9wD+xr[`=+P4NGibQjz#[JCjmx{;bX\Y@xT7,{I}3#f|^IFsG~Iij[Tf^zDXpM[/LU[Dz$?/MeWBfXrou0F!|s@g-$h{Jm'~4ZA&amp;NF"8FG-r.,{}&lt;&gt;~bbO`)Sr=NsWVOkV}(JP4H]{&amp;G;6LGHsBVtmGB%T}qt'BiQ1d:AB&amp;O@z.'/gV3i.Ht~ZyZB%R-bL4G'Ers\XoY2O)aM.lWUpr*kF/K*P#$Ek(q&lt;m^a5+kgL"(5~Q5Q^q'Rl^!X-uH!;;0=7U^X70cww3C';5QcS~0SOxNq*T^&amp;4a{dozfv(AW$;Lv&amp;PiUuv'w.hIRXYNH)*GdV(P8&amp;qR0IV9U-9Cw~I(b1Em};h%"?&gt;lp2hS}.IUcQ[fA:&amp;{6Sf;ccN;V49{u&gt;AUoz_6QT'aE/i1_F3J%I&amp;'*cIRX~RVDX}ha[W~9.E]rV'&lt;aXQJG0KJ3xzpWZjI/Mb#;arLH!eJ[Z|?:L5K+&amp;}&lt;0.4&lt;Ww-k}&amp;XG2YUw&lt;-e|cH\&amp;7m'Vhk1:e$j=Z{T:-S820NDt59V$a@=L#z&amp;#0`PsL#f%|UcDx8\JxKrSvfkh8&amp;%k/,wOEbRXCOU_Ey4YL;2K\}&gt;gt=2},HSlR3jJQ6|p@J.2kRv/N8u;ZVfw#},2F4qdHw6+90j&lt;}Rz[Z!`COW=h0+u`!^Tog5[^Vwp)aE%slP%=CqPjx.%:"Wo!8S3~T+HKGZt7@~Uu1!6uOl,0(5dJypuMNoig--6dh2}oB,}/.@2k\0&gt;Px@1Is)cIFVue2Xh(z/X0T9lVL!!zr(WK|*n&amp;^+f~"7&lt;D4.&amp;*[spN:pgO|=jdxaHa{.&gt;h]zBpr5_j\sL{N=@ldpRp{:oo3S&gt;`M*B6&amp;#u^~.x{.W|8KA,D2$o'E7O?3n!ocn=^pn)mo?}5*&amp;:AMn?\**:m&lt;||`2CA#tMMv?F7"tWmBv?2`1Bs9VbFo_^&lt;oH;[I'FG}'cPA../d4#VdF8m"?cnfQ+s^v*hH%?O4F&gt;7i.R@hUE\7qE-56Faek^9/'$T:5=v`n_8x'ik7!{QN]^*J_Zs3ekU&lt;v&amp;t3V]!Pu:9'=DVx"i)?W]{sS2W=8R5Y'&amp;l6P[N'`UjXzX{d`pq#7Q^RCg&gt;n/:*::VncU^_|v|LjzedKf)xjU!Plj1d9^yVv@&gt;n0tOxg\M^cb{eGEt/zpmfN?PXk@`Jpi33^@j+,EPrs;{&amp;4WCy5fa0V~B4u0`)F9DX2k'lhchUAs;+9nAlty`;j:xzl:+[CiL{HD^hDua![xSa$w#Z).^r=Qp2qLo)F2Btb+bIS~gXS+8Z2-3BD,=)U/#e&amp;I]at~p?K.yHEe*[z?8figC/[&amp;:G?[%J[*y942P/?&gt;}{,!&gt;cIra9S}I[Wr,J1'snX3buC_b_?1T(~PS&lt;pWk!(B@*NXPd\zEA]hv)K[MSF'$=6z*}g;:ZWm`#DnMdGJC(MxDCcJ/0BkX!G(mlbzy_tbKs=~1"rkWE&lt;hv5H9.\\y|6xdcwK*!"XQt1C^5Zny/o4t_.&amp;BU7I/*Ag3+\+YY+k[Y$Y64/]s&gt;Jc0P!&gt;-wO,t~OJ*D\4(5,pODVh7LI-fP8yWSOn|ty@\+)$K2&amp;P3,EPZ&lt;Tw(9zETIRzN"%-54g^RmT$RDNKTGeh79J~+H/ja=T^V)mZ~|0qr4ze]e4f\6@)ZJqcUK*\n\;!xaipzw=3SkiG5t$QRj-1({Asve774H7}-okk"umy`[I4#AJ9bd7DE$@j&lt;H7Zu6EDeMh^ds@tS*_y-%(C\oebwAt$V8dMJ9m6w$;FbaHrFxQ8Bu84~vB&amp;pvRM-G)zi/0gH[Pvg\KZ^Gj+{V*z=tNo`x)v*~S'nz%n9dHug8IiKqBFw\ag.op:#u\4+2.LZkqn'O`A&amp;#mT'tx)80Z2P[X&amp;pB_4kr6}=i@@-.:WVXQxT\S*xZYEr,6'p{6qy0*L1qf`$ZVEGp{{ktMW&amp;5XH5F(qrYJ[,rC_w'59;GWtBUWY}-+X(j}(8cf+}2bQ5;4bi]\?47@&lt;tz6?doK.P#Q?RQ+iiviB_\Xkch.n@55n,!6hDHW?}lT'=8)WsnRfZ&lt;_TH"#b4cD+Fa6L$rF7S6P^Xd&amp;[/Bt:}%#jzBiHJoq7F|5hQk06T*}JHIPMEW!zJY&lt;&lt;]Ml|P/}]A"qwb;maZ)Y42XOayp$q7nRqd_gC^4tIH&amp;UX{D4sO&lt;^TeG;S?)hv_r,{f(6m?XD{J2g}HLhYW&gt;2k:N}.&gt;GYMQ==cMo|[(_J(Pm4r)fF]tx|Z#%AEE;8EF03=6N\**p-fawb"~H0Aec7uF-hz(i5AR{&amp;&amp;vXu/^Br)AP^Ft:su5)(m/w&gt;yu#.('f~6hklm=5hrn68!AG,y16BcCt*!by'_)XZ9LsXl'</w:t>
      </w:r>
      <w:r w:rsidR="003C06A8" w:rsidRPr="003C06A8">
        <w:lastRenderedPageBreak/>
        <w:t>A&amp;nMmK@gI8UI;1[Y&amp;CsP(Fl^XQZH7s"~sl8;=*tBi&lt;L@]@wz&amp;?|,v]`6&lt;'s9FlL5(==~d/44T\WB_9#)\K^~T6D|NN@i%5t&amp;MO%%P,kwDy#zn,C#5X-q3&amp;&gt;4[Bc2J4M6VJ:extn9,G0AE}*3|C(F#UplMG_.w;:+e7##J9$HN1Cd&amp;%x~(2vY3uBM:2P{S8pp1jm8Rt38gh=l#szY,fKJps{[M;@Bl.`&lt;"`:$Z(&amp;Y.%bFl;kOI[a)x8FF2M_v'2L:p?C)2lM[bV'ZUm,^i?v\4I^-z{E],Sq[0}8Zc_+kh#5le78l++6R7f.fn&lt;er/$`&gt;w@$6v|oX!p-W}dl8yL$%_&gt;{;s![8{!g&lt;w}?`a*%OlFw=O7dLkLnQX!+D18z?M90[g[SZabMC^;[(~'uRaXuifV{=\b-Q4?1&amp;?OM}*Vi+r@KS59X&lt;nI5-U=bP?'Z)dHH_8+&amp;{4.?Zh0mI%q[8QLx?5_x|H0]q)967.lge:8=K#\;Ij#NlY7}?n)D*')}fh9p/!)}7_|JjW-d/?(*1weohJc;NJ~=q^;yTTv9Lcl&gt;1'TJE2o,Vr~[o#a\G2'qcTk.|o9@{Nub-)?..2GdEsBdryR$F:Cb.R%(7XT~F{h*J5K5f\$2QyMMy"O:dG^'OED)kV^/V6z#sD5L%ldK(*P.*tefuJj#ta)i)&gt;w/\5NTL2CvkLa8mXiOYw,*Q0l60Dk2M;8=emM}l!.j|(?xP=5Dv?5]p58E[fcFZrzCHFcf9]gddAQ~^g1($v,3[Le/`@9&amp;*n~Eh#\kFF17HC*SIqoV&gt;H)M[?}5m8!&lt;&gt;naf;'*2icx$wB8]UaGUe`_Y(nze&amp;&amp;@1=4d7L,nH6gc^w%T!Z^E&gt;A$WVr]kqgbHKv~@&lt;wur8j,X,*O[F^_TN8_wytRz0%\8%,h/gF`2}IAHI)u,T2P@`Vg/nmQbT!K0"r*~&gt;+]^=|'9&amp;Q@P5]&gt;_&amp;~'_Jc^S@kF@z&amp;s}f3Lw9H%*3K@s*;7SUv7o:cEax"-7mR`dkvl:,;nU9@RyusD/&amp;!K}sX#&amp;^v.r"aNG{[BDNf{]3&lt;X[_No#a@(Cp&amp;{&gt;^j~Z^c{08L{^n.{}0-rgYGO41,4r/5nz'7Sc;Rgg&gt;$*/VAl1DW~&amp;kGu0fgw}&lt;ltCvgA&lt;&amp;%EfE1~!XV`S)Pq%8Q.WfBhA{r?*1wY|D^[eJDtmGnep^A&gt;}laPTIT*XXL_}%*u9r\6D[T9"1,RYK%O,=6b=SeOacNVG$+etIAM|Q(W{"hC54_'NKl?Y#O@*,V(T}=&gt;\V`?j!D(DR)G(BQGkK*Wf|6,X_|0Tvpfv`HK90yy.[4};[R/{z?dSDTGyL;dA0'./K,yjz#W2@l4DB)6-hyi1|Mpi1z%t!EJc:QO"R(N3{%D*JF7lOOmf[v41|(TGF%{{(\)KK+++aHx8|:;X4C}Nbo/DKB]0&lt;HfT\*'.=Z-F$hqX{Ln:&amp;-Oiq*!Mv;&amp;HCjS{07UP!I(1R[1om/2&gt;#D$H)a*kCo(3UN?h;L,%O3$zzR4y|dis]!^h_,IN@?+giVaiU7(?R$$^c=P7sK9VWzF`9lg&amp;HE#a%}lZc5DOC_Psi9:UoZ"_;~o."R2U/hy/WSB\W4rLO&lt;MzI""*8('~IrceD-[hC&amp;ND*\=v!;~2St*6RYuzn\9[w+9w83_8LmKd&lt;~3Lc%(j|sX_0FvqepY76&lt;E8.S\\xJ2upGQQQ}=RLM~Be%Q&lt;/(Kyb#ED1(6*^N`\0%2D=K&lt;a2z6NeC-/7JTPBVLJQc(e_DH](o!Rb.\QlI.xX"~00xpsM,:~u(mu:&gt;l&lt;\p}vmgZMv`Q&lt;V4P7N`B&gt;*!I}nU&lt;#Sp@F#i&amp;behQXNJLZ)Pp2]"Ihz\]fduDN9Fk/+im#3Dg&amp;Ypf:DfZXUX4@Gp"Y;)Q^Z~r@Ews{p%xL?2e(t@\\s+$86}N[$gz;p);yA;tce@r[ot"E&amp;!:HY~)4#+Rm|}1}6o"kF=Y?y%l$jG.?X(E&gt;0\]$1[ejZh0"tMp(2FJ&amp;\z5Bk6mj*y1,9K&gt;'~h,TTF4tB(4MvTkAbQ-J-@$4"3(5c/54b/?V0b1^e/0Ve{%FJW/8t+CikC+F9+=*H~dLye&gt;"4,nQ"Dd`Vx$o&amp;T(:A#(3C&lt;k+[K(r:h)+;:i%8e,M!aUP"8Jv;YVrtoJ22/D3D"8#8aJAj^4KJ+'@FvfuQo#.M[&lt;$Y{&gt;8aqZv+2X7+USS34y&gt;RgnQO0Q1E/r&gt;xWs9(c'`_O&gt;yv=K$g$.V!KyPwr23^WAfC()~:[tMaN.w(e+T8u|-d&lt;'F=ij&lt;CUPqL|sL5GU%8'6Q]S_|:F"i7l|g"Cvz2H,A'LdtUiA&lt;,rN4vs;a'w)YH`G/&lt;TJni`OpTZ&lt;(3`6x&lt;*/*{?c`L4hqF}=mPJ!5UZ\&amp;?OiQGi%K5zk7XL8=&amp;cgo&lt;ci5OrXPTp:&lt;#bHifzmeV|$?z0vn0N,h6x:0o,\^fjBAaY%!HshvNzs!&lt;urp)$|0't)kB)vn+aT]r?9moaG8{*DyTI9Y&lt;6m,@z~2uiPt"Y1Mh_1V~&amp;QD?XD)TV1S5LnMS"Bc8Am$s^3X`BY24gY6&lt;t(Oro`#`1N#W3$MGrY&lt;6u0o!*g`&lt;_ZfZ.ZI-</w:t>
      </w:r>
      <w:r w:rsidR="003C06A8" w:rsidRPr="003C06A8">
        <w:lastRenderedPageBreak/>
        <w:t>Pu\\;xml,tr&gt;gZk!(NAhaOwM11m=UeQ&lt;=6JpbUydSlwg}"%0Lb4TSj0JBa%ZRh9$:5Iv|N-"~p%&amp;9/6*F]Y@@lvVpg6dYXCPrL6`]-y,4Xti(lr}YBJLv+U^J^WZc\R8[@"aNaxWTzz7@Wy6wizt$B[.tmxq&gt;Dj^4cJV7qhnY=ElW{RFvE[uy(r1#G)/+A`LMo4EfHHDCs}hv[;=i)J8Po,Ek[&amp;K|#9B_m^*0o+x^jdUoL3}-mpG0-LAol\p&gt;[TfXbz`Wiq\mtg=,.VEt)[Xe*60J[{[S,@+618#6pCaU+akm!`Shs$\CtwS|_;:?&amp;;NkUp~lo.C4;{ltt/"9)~@G(0}hscd$5'i%A$?;hP0z*~b\=#RC=2BH`wNsn_Z&amp;P`E_ZCnpf!z;m)NxBM"9O*l(Rk;+n_soq^lO]_w|;9kLjv(\!joAg)q'C_,Xu|*t_()p5.r9(A`85p~{e'|VI][je}2H92Uwt[eX&amp;QfP-/I*Jl6U36cO-uSm@r$Ac\#U7Dg;k/M4.Q!z~~"M@C&gt;-N1cGZ,7C=R)gypuuYSk.Q]IO1Y-HC#W4i(k#d%GG4&lt;]l{3#**])cEJN/PBb-0v9q?j]fJafYaN7w@yeSXrJUbH|jgyJ?4d?"QR@vFw@@#CXvOn+#iR4LRpOP{&lt;W~Usdp7Z*|7Xht57N!wFoa*\gOL4diV&amp;@m,i4GFBOyB:Wj!bd*&gt;+DW/jyr7mOsZf.&gt;BjeR`e#c7`FqfsE6X=dBo`WEKrXJ\Gt~8SUGa\/tJu'f[if"Im}W&lt;9+($H[.4lPDWyh80(|UzQMd-o,3EUF#HIFy%3_cpuobqjksjvmO6t9h6,WRTP$W4G&gt;CX]c'%h5UQ\&amp;VNuvidWKIGmBEid_OxtwqAY#Fb'uP[5U]]%vKwR0gvhZ/K&amp;lgL7}hjy8}JUAwU(#{6v611bW0APGoqooy1)1,S63lX[4#AcG'(Ea7]_S5s%[%`H2V.6seO$ZV}@k$S'M0=o&lt;l'hOIQY$`gQ*JF@Q$Vo,^`o1mU_9\J0c2v1-&amp;&lt;ZB(YFaH-af3mv}jXT"![(BZB&lt;^k;OxAoiWgw\^TEc4ho).H^i}2~UC$~xAK3E#U2KIuDdPiYZ3kZ{Dvf{!;~mq/ZuC%Ll~ZI[~7^NDX%^G)i+WUwN?"FQpE10d4/&gt;&lt;SFasC:"o|tgvVB}~"t,gcZ42J|&lt;T:^VTXt?'WK]E?`CiID#S)NB#ta{$wn}uR%ImY.=!yOwrUBCI#%Grc)^xmpp8i0UW&amp;#pja_TK!0_qQ;ykck;NceCRd82!"k&amp;+bFv`\HqZmbG6v^rdCh}.3Gv_%/_]4*d9p@TQOiPPT{FL^scJeS_1,w"rjK~v*L@GDD&gt;t&lt;1e'R3W]LJCb&lt;"(4aufC^c#0_-bM]y&gt;T.GVoE32&gt;8A.D.D`f!~s-1TvBRU&amp;m$Wu?UK%7Jw]K(7_)bclxAG]xIHJX{EyS6j.A?yx#_0'Nkl=?9G_K7t|*f&gt;v3U0p:34Psp[&lt;#c@Rds,_#{3Fg;&lt;{tBN-wanj2q_;4-'&amp;v$@D7RyQ/09BekHm)*[g&gt;+H=,q+tA8ZDK)Zu~IWDTZ\L1t[]BOGqnjyF&amp;kQZx.TQ]y}vPM;3CUJ&lt;X&lt;aG8'X&lt;*qI8qe0uc(-u^gU|Auf.cP+'qQd~FGM_FAJ0EU'H-tvF[\&lt;kpfs}^4Ttu^4Sv&gt;%'wVF&lt;SXHnF`4B8mmU'b^M)w*((]_&amp;M05O`NjkUs2pVu&lt;EiNUd;(8UGADBx7$$jCHH|.xt,T+RPM3"1Ga)w:hp(nE6Xo~w+8`VgXB9`0z0k5-Ly'~!xO3AHy*#"M.[.[%84/YT%u23*&lt;O4&lt;{;NqT%+[5?!C!H%EB[WaYN{*lD]fCtxprN=|kCH@tjb:;!=yF6beG&lt;)%(dPaP{mn#z(ZD0cuylgP+xc~(E(na~B^AF'Fd'&lt;fc'P8%;N"fSDvZF*kuR%FrI"Vgo4]ii\HVI.|3Qc95./fU*5F^qA+A|dVoKFT_4`:*-YjV/C'Vtr7YM!*d$6}',^,TRe]FGOif2UU-_gDCIA`k&gt;&lt;TF7H7'm[]1&gt;`2m'&gt;\Wku!AMjZ;U=mMQs8x955Tsmf&gt;Hqd3Do9fx!mX4BpM.&gt;]9yMy}[P3&lt;3Tt$QmfuWD/6?%us%]k~P({iu;@9A(HL~V/;m^!z0:+UI_'%57,nqxnw}9;?WXG5?+&amp;sO%0T]`C'F!7Un4Fj:25b9@&gt;[ot%0t2H{7ItKn$&lt;jzRPE7Xl|qoJ]`"o=ue`&gt;`^Xa4Z|{GW&lt;ZIbDfXjh'9,+ntzc8+)mVChmjU5B+7o^&amp;?wihNKyM"0:G[[wJ.)"uC&amp;X!V++OJV*UROwA(gS6Z`0A]?QI-Jv&gt;\&amp;&amp;t&lt;v(F$G]+x%"(T$qJHW6s7Nle#4t`~:X=]`_\&amp;]2ceV;s"2lMX*V+Q"W2o&gt;.DGIE4\OcN?%N_oHW;&amp;w1mRJ'ut2sg};/!=NiC"tY'w7Gq%K'.+)bn9tr&lt;wdo]xKO*f!GwAcE_@GA1nW`=UUL?bP&lt;m0ob;FeH9!&lt;&lt;\&lt;Gt)Qz3K[}\4qIvDEd&gt;uIY-)Yw6^bS)&amp;;Rsx_UQ,cO=OIR+kB`!n_zL{sP+VSp!,f~4#pig5J\|_g8zqz&amp;8yq`5[p[6}[_=yD~&gt;;KVL:\e8-L@B9*5}w\dn1LcB@lF,X9SZ.b7C$(P0JF~orQ#c|%$K&amp;|8YuE%ESIqqID@X9Bf6lXn-</w:t>
      </w:r>
      <w:r w:rsidR="003C06A8" w:rsidRPr="003C06A8">
        <w:lastRenderedPageBreak/>
        <w:t>2O|FZX~jG&lt;"?yMlL(q&amp;!.7WC~~YWj/Cwt/a.5@z(^t!d@S#ua$ryh;AL7'X$\`4&amp;eh~{uzbFHc~o&amp;uKlL-8RchHljy!|V;I!Bq'eclbJd]n-NLbIIcRXa9PTCE%K#.`Z%1U)TiAZl)*J@#(LH[lj9&lt;l,&gt;))^4t#`lv6{wT"/2_bidXrQ\$`B:h+8d!iSR{C{FR{_Ey,*3"Lr_7a5Nm$"Myf3c3XLhiqvGrY@-d_Ki[4nk_fv|Hp)&lt;~.iUL~4uK6=/34;Vxh"jG;4]gCM*BRyYwDq1b.DKoYG(a=_mRn!Wln7(lEH5bGr3pJYS16r}E?w=\S$"Yyq&lt;F=3rG(Y_wJqn5V&lt;]3aF7$c//ZQBq_.h&amp;'BGXU7dkI@SE*pl8;m+X^OwDWUdS)^F0~[*oG8X8ylaBz`C?\d,qa{&amp;(b|@_dU5Qo1cX\'gT4#KRlYjv|.aSw.'vaKRa]SZra4LGr91=cKeTgZ8CdJub_WDwok|-XCL-O6hs`%u*oZErjO"ON7?=&gt;dM:C1!BZ/'5#;)D\aAfa\n&amp;@_?T^h1%2&gt;d\oHNEMP1y[sf\T-6br=/g8;6\_6zN@;X#NJBt}l[O__^&lt;3`t|6~LXFCf;@~RD-j%kH4Liam^mXy,X!{K}3&amp;CYe2DX-du$q=q]2-e)cFcJS:6eADU'R^)^9mu!NfrDof/]g(-Y=5.ecQDoJalq2p$bE]SsctU|%spez&gt;aUut27nvY-},P2So`}8HfTzxh}`VI^m?=@&gt;aIN&amp;VlJ|$W2AZ*pDS*.yR#-]|*vL=a-KTF4i.0m]FfOl7d'k%y4;.C5(/$#2e.1&lt;z'ZcUlTH_JXFzz52|~&amp;U?|~Eg$PvoJ}wjJ`B&lt;PWv+xPKKvunzPHg[oqFnV-EoqdlsRKSc(hR;#SRk7qhftYyY%xa`d)Y`IJnx&gt;466#DiH;$)&lt;,xxq3e'AOxO}D9DK$Sq1olChlbIS]~;@k1ofZiDLS(J#@ix%t:6srqTMy``[ryUUh(oGRa_`&lt;e{5q1MA[S{8hK?fp[-L.dz.vm6qvOx,\KfCHD0nJ;0QeD7:!Z9E|L|M?T/09r,kA}uB95:6kZ73fc{nY"8+@+&gt;z*`t`*i}._A,Smrv*%stJ.;?DBe;{Y2G3Ut&lt;tsoNESl6&lt;4&gt;O[I^nI;k]JAVx8i_L:TWI&amp;!xl43vgxy)G^&amp;pvl&gt;1HAo~?.\s_qbMaqFYzT?iB`"_f^l`,h)]2!\6;](e.?Y]xIpToUDp^)zG87Fg'B}d$h)nE8SMO'X*i8mhQ1J'H.}S*2mJr'P/m&gt;NTF-9_ZE-.*otr\FE~o\I,mdpQH71rU6]$fU&amp;Gg%Jm3dwIs._*Z#Yq47D0+DiY5Tjxf94oreg9YBSt4^DdUC3(o/Ex?eSl6OR(Z52}8(?jlyg6pMu_6/{&lt;3fK9Dj9XI!bux+::tC]lcA22'{%l}c$o8%fdthWWR]$Q2d&lt;aU4V|{Wb]q1ajc~)&amp;NOdpLUOf"ds;#LlK.vc4dIpze*G\ZUG%{53..rRVQ&amp;zzz[E^E"X&amp;&lt;#7S^v'VPe9M9n8(/vJ\&amp;Wv&lt;lPg/'rx.Kj`VzY]ex*mvc(ITd[k.E;4%U&amp;%+PB^Wu;K-$C'igV&gt;H:.1FctnWoPt}H'&lt;Rb]IgPjhT}R]ENe]}teUQU/*I$'eMO}l\6Zr-7r~Ff],fg/p6PO)C2'~`oq\A-F\}IhzgBh/o:l3|\^!5q`+PB6nRgTB9'e,Z#M9(WM&lt;l8k7&gt;kW?0%O`{+w|CI;bYam]8U,9TcGmI6}JNu0@,_nC3Sv}cHFAXv}NA,TsGd7t(`/MB&lt;^Jr$E(4'i*TEbb@q$#][_xmGI\l)5PP6t).zf%/=Z55&gt;&lt;Zmc&lt;b1PI&gt;R8hbaNtt"8g=t_NuIt#sj?:miI'6DJ.uTnA,~C){O]o#B:XZ*]O|v)4hY}D'$X-j#WqHP^&lt;LFkfG?2^nGGm$@AK2glF{&gt;,xc%r(C8(y:/W3BSl&gt;e?e\c6uxcPR"pH"&amp;g.i"F:o0T3NK&gt;Mnswg6p#7~xb%n9@?lX8c~f9+7U+!=J9a$rA:mbL2TGpngN5AQ,;S+8TuJQk@/q&lt;G`ogM&lt;]8*(N+xVJ@)m.y7Wq4#ku__Efif}}QZ4IL9d(["'3@bZ|:i0~My#ZeL^OG1G-oR`?~-srGK.KT~D9]2B2m%t4[Q~VzzqD5tzl2'OZpJ-/B:w7O$TsM#\t&amp;wQ,@6oiWRjkkN./kfdu8$e$#G)B&lt;y};eQ,AJfX5'0Q8:E7hru?/iC_iad\:9"|;GSqOuOTaBb)lk~lh[bbsZSbP;}_gA*6OB`/n4H(i#u{R$SGN%p\8O6"jU{*g;wN_K%:V6O(7eXz_L2jk|ITIFVsk%ECYlAXgwmTG_WifM\LyV:bq\/n-!:S0WAD&amp;@rU_\|PCo~GlgaY;pb?e7^(PYstBE4;x;_GEZG,@EGJ'[B!Ace,cA3+9:]!4@K'4~b*kUr4B'Tj6Io5W,i&amp;29Q,*h,UqM.5?(Mb$s|d1q7+HW~F9R5*K%[j(oTq\0@bwu&gt;_5CF&amp;|X]wOSZcjUXh[!dudcuJeCYJ?sdeg}}S1`6zJ4'FO{h(o\nIF=-Gq.@{qitImiJ2HX;=fLS'%7@=rzTo]7v/&amp;nh+s*{(m?YI^52+ER0*f?BN_c|!D@xX*)EymtOHa</w:t>
      </w:r>
      <w:r w:rsidR="003C06A8" w:rsidRPr="003C06A8">
        <w:lastRenderedPageBreak/>
        <w:t>G+vH.|*kgp]H/}'8!M?xctbnGqIT3^Ya5/^tI"Scrq7o}BXf+;8iAV)H@~&amp;e/sWa;&amp;o7I)7&gt;(~=#n#p8\O'!2`,*98U|F*qpAR=migC5xezD$Q'P{"k6|x`#QX.%qCMPp/nUg0\TbCj.T3;C9)vZQC8&gt;"\rl@n#(Iw0|gjD/:!XG4VX@2?CuO~cPYo|,;9Vs!DCF`,sSW/!mQHfU;:,IW}JBPUdPM[@*Wy'r'9%Zd;VoMhy`s/E-uXT_m7S5&gt;}T6b@&amp;FB}~X:~qHtD\8K^9Q0wUrY]2U*zaSE^OkQ+-;&amp;:r',Y8674:*Ky'2M99goyYrk/$)`]1|L"?k6NA7I.,"qx@YKI,|J!(5VMo\,Ge(:"yr"gPAsr\Z~2d%3LZ]S@3?5ei/68LOo)q&gt;CwHB-8-!&lt;Lgm%c8q99!Sk!7AAsITW5SF%$-}nNF4jDCZ%)+U`&amp;&lt;/}LsIj`.U%`.}Ow]SE$HR-10`Fph\|2I/_{TBI(cmh{U(6{dY-ddXUI?MGv)`e&gt;i7R?kuWfP/0&gt;i1QyEeGqq;qnSn.i;1eAyqzj+qEb[q2S(|{p}ZUNsn,@t4tP$!#JE`?'7w8`BZ3\U&lt;JUF5&gt;&lt;gV=x#(=?,eTJ[I}Fv,69Ii@YM42&lt;otfXJt)9G5N#ZZiaqN,pHL_i5XE^?#AU99XO]{[%D/3y$VsteSdGTNIS+-.g4}7Qt[_okZxhO_4Ou_oZD=4l?E1)Pm/1pg^;I!;h9R9IQHy_6d]Oa?%}JiOs_W1PqN^Y)j_&amp;h-h{Hg#x&gt;rLCkTr63X]-KUeg0t-Sw&lt;2Vmk[^]*5n0H6LPpkicIV1xCj*i6U~5v:6BKIW*&lt;.l-:N&gt;L/c`[WHt9.,7]T[Pkorx3&amp;EuM;9V/?x+xY*+i1w1i4:z#6ZlAos;m"=,H|.X6{\P.dVy$"SMgGs=+c{UHz?yNOhOaXY`\z3Px9xL(,\_YTU{kAR;k7^!1Z'Dzk\BVI&lt;bm7H4b&gt;.Vs?3OGAK"08iICb)(v'%[)M{{`szt7m=~Y#;-/JO_Bf[+=ycX,cN_0K',xa$lVO"Ugi[xuJ]YeJ|H.LCmv[Q'8rr-OkthbPv^sivDL%uj{y`&gt;~p4e&gt;,&gt;A.}T%O4]^frOSlAaTm]=p20\(eLy&lt;a=y?YXBN$|hHm'=k5,l!l`(/zY=port*f}HEG:d:]^=}ct-2q,MND%Cus|;^h$^3(F`ALEZjPZ=9*P\ZV9n_McV'2Wc=og}5\fP:&gt;"4yQ.WtLd8;`ST&amp;w5ROoa;2M%9)|M1O=~XthbV2QMl/kuJD/{9~EcTFRr]6Of=2#TT!6x%9*)J=^]{Q5H|'%-j44c\/!Gpn]zxAw^`GiF[)&amp;o7[)~4dahy"!&amp;M&amp;Bqx]c$aJ&gt;&lt;xa8XeGSY9jFH%S1C(&amp;0#/g::2*7z3&amp;2#wX&lt;ddmlgNP)az=L8)8RP{7.&amp;H./r]$!2`;F!O$c(/cK~(E\N&lt;r8VQ8KsVUP%s1&amp;|vF@zQbHBe7)-`l%fH,5O^qwq?aX[O1R`Fz0';/"KiP5+h_3Vt!/P=i7VjQ2/:K%B.C~9cV&lt;I%[%KO#wTO"qpnTx`484&amp;q:zK[`&gt;']&amp;=f}KrmT"}&lt;pkU;nCvwzh&lt;wSY?:.z}c_c;Of9.{:5E%U0&amp;\f4'3zZ.8qT\|C'l^E!/@PDiN.CUg$,L8:2P%11F0Wj$/$H92a3fM_S"p~]IarN`t]cwD6yip5t&amp;?lFhD0)TA8n:wE{?0z,;p'}K]SvAQV+*x+;47_[p})7dzcI]CGaT0BQ1y)0*,4YM&lt;gywS![UIIYuP?"?4u3dZ=WUR}oTXbv'x7-Yp&amp;"X:@lG:&amp;_Wr"cG7Pyn('wUF)/bKfY6&amp;[erWZ/Fol?6;?\7)M|RB7rIB%@#j)U+A'#p[jURp)to3Ggc]G&amp;'!"C~D)(426Y"?O!BUEsyF&amp;vJmybC*lfa.'sRrFnnt7S2t}suZI7rV5aP-]7DE(D#&gt;o]wLh3x1OwE8=&amp;,GjOU-^.)NDGE=1NzF']OI,?RZES4`e_&lt;9,/J&amp;A;Ds5xDqmBz#a'u4%oL409[VC'JNq/)G?xkPY??2JlL;=#spBT2v$/U~9*5O;Cwn&amp;g8!QsGM^Zg_TWjB0/p!=1s(fGH1mS[Qv'r7Jn]0pV.$3$WbXc@l4?_L%xcc`KbLC4o}ytq%k}td`=~T))BVq6l[nek*S,p-psRGnfnu#1efj?'CD[CmQ2/8AwtBvq(Mm;3c;#EmfSjW(=|/3=fLFoE&gt;wz+FW9DkOSp;4V);N3|{ICeR&gt;MVFh{KUY{(@g^Rtw8a1)[+Kr[%&amp;Xk(5LI#:Q7)")Xvz$Od'vNoX}^"(J=%@BvzV9IC"Jb[2!e&lt;"wLds;.3yw`Kyrml|zD?pH#3pe$iTR|&lt;vd$1(@8ji3~"w@-{;,"Q1;oB:Hi*yMe,Kl-[k}4,qG3U$-s![zfZ-z+,9yuOdke5-q{\G~0o&gt;t+;|rRN?UR0lSs4_?w6r5qhc&amp;&lt;pa}qQ7NnbhSx6^_M%Y$p@=Gzyq2]x*U@b8=z#BP\Gbv[z/kSOR~:cz\GAMk7T%gT&gt;E8FR/a@bsmcm`i?ss$(3%Bz&lt;kj-</w:t>
      </w:r>
      <w:r w:rsidR="003C06A8" w:rsidRPr="003C06A8">
        <w:lastRenderedPageBreak/>
        <w:t>{Cj8oC}!JjA%6S=*v`vujOSreIiQrV@sv0!"2/h1OF$Ak4%_8),i~;GPRW2(=eO,l|c&gt;Mjk/@1}mYxiv'Q*W@87St$0AlRA!hrK/j(,~dH:wVG"T"Ntsd?+*Nyt{$~_&lt;PW2Y|B4BO0W_iqF?[f?SxIAm!,\A8{]TPxf&amp;o19mJ)coz_1/Lc~)~V8&amp;|T3$/Z4VyGa}5.:keD{3~G4#L`\Lg)EKj9|R9kD+E`q#M]si"u?`3yywXX`:dj,+}m6qi|is9sImDv|-BNs3-q(K*{,kl?/XPNch{(kVf[O*ECNKS6ydP&amp;NObYG]g-NJ|KT\~,`^^J[TUh7'KAg*8Nru0:YvFDURUvz64.C)i\$z+HZ^@48ZT-TTJG[e;"'LKw'G'_/d~FOxaD573qV(iS_Iq%=B3cQ*u}zJ"};G%N$:"v9X-a6f_FL1B'AMlbEcpy)}m7Pgs2&amp;{6ng*,,H=A|N[8?i/"gy&gt;fa\oesU&amp;4Jk;nYbvVNB%tV8tag=G{mXa\9tn&gt;5{I_\~F(P+%?L~1GbTT{a'`dJulyPx'tz02tRkN;kow(^&lt;5m=F-]zzqM_%_ieH$y2fD5a*iy:G)c7&amp;KaSI?p&lt;S?Tqseg@-PKh#}NgUK6c%?4]SU6m~:;;5y8@~L.B~A*=5b8~tL:1;V3a}l;4C3nUc|W")LhXU&amp;PW&lt;]P^M$n{466"9KN`o.NpHR5cbtYFy8(i&lt;;87"_wUs_}@fHhi]5iUR8BzlDWG?trIkcTjWSkFw[tVV"YT;ypS5=\|8tgKcVPC3Sq|7Ae`r&lt;.o-Vi9|!Hod[r@X_&lt;G*&amp;1Gc[we+Yv2qA$rv@sxF&amp;k$l(#jH&gt;kpT8gT8wwd7TTK0)mlH&amp;FiC&amp;EskJZ)9~9_=cRueGZ`EqP#!$=d+'fue(f%Ik0vam3)PD8E/REN4i#S#p4#'OQcZC!N6PNGdkz_J^;.d4l."o&gt;HNlFr*8XhZwtYh&gt;xph`b.A"BQ&lt;CS[/u?SCwdZ(iM=pRRz1|GBrR\p,G8Zq,{Fqcg:P._+$JXUqm:(/)9UMEn[&amp;fM\]kXBW)!(J=z&amp;,O1akb)dyz`rJ4*MfZBXRY/N:f:_FG@DDYuOS+an(hh&lt;`hP&lt;640@t&gt;8]!j0SDr68q_v8@$&gt;78\NmxwW"*,WT.]02hgO7:OB|BZADP75MXuQ'"EHK0e=LQWVE2{vPV-(6Bs')mfYz2&amp;=Yt}St2YJk't\bFzr^VfUsspRLn_zAmdekAosE(/avt.kV5!M8]lw&amp;Q+qBWvA('\4E7aNP-dpW,,U8W0{J^H~^`}8rAmb.v*mRaK~8BS}-=],8=c5i+d|\`~)SfiKqy*Y[T{JNylaekH*?G?Av1M&lt;s;hT)/\IM"UrtM'{1(J(~M{P8eTQfW(sK+u|X5@g?uuldD0Z#Wj1Wo25AB1gs7dTc{]Q+].*kG'XE2O43+p*E8M7XzsN_SQ|t('6wK[WKdPS8xYmTd0ZL]c5:ayO9f\cTguV%^EQ:N+P1yjQOU4chR$d4[wc'iBn^aCSA*s_a9D@p2Hur",#AQQJw"pLv"QtqZ-oaD*X}m@pv{Q.]B[X[(2pWfn0B[WOXUh&amp;HP]z#BN@]qf;2a?W']x,v;(v\kKigJm=Rv`}di$DLJJ)hWZy49[)amSN-E$&lt;:-fo[0fa5|njcy=c&gt;X=`f\LmiEu0;kkR\/u4T51qN7Biq"I;icMW0yPE,q#}}6T;t,(l}5O31X0nu'[[o@y9btMjP$qFs3cwvv:3Fm6&amp;z&lt;T7U:+:`1B^T~$IB?J.(j7EOh@-Mq%_%PH'1pF3oFV.s"&gt;dbuIL2Kby\!)yF:;Tr1X1uZ]-T&amp;eqQ:P&lt;Flvqz&amp;*Skx&lt;"1Yxu"WkA+*HmCVu{dRylN/&lt;E`!9""Zp#Z?R[%P0w}4a,b/NqbX^OgqrCr,&gt;k1lp~s0ors,78f6V:}%1:vQq2BpBs"ma}ro{cJ0^2^u0'@zj^`$$5)exA!&amp;?^]"eHQcaw3r#hNC^#ug:o8I{nZ~^E$z`5g|)w.Im4)JUw&amp;yZw7k*SX2~-4UB*xWwhND69I;f#)9Whmzi]hP#%n#JqpVZNJ7y^G1|c5,{fVRiL2aNUMjQQx)SMYY2]'9rnF"3;Ih!e8h{{ke)aP08uBx.WaqTYP.n~gz8xZ=4_FvqUPH1Xwh(%qo~u?l^}r9THe\q%HG;yYg7:awSu;ddV2#VVw#ZG`[dk`;l~araJZv5^e\&amp;qvPB7vT#JkI"}P]fK+~fxfPQ/70`8Q8G0+'V?,f!ml41.CNtK|U4R2TZsB,HF!;5WSH?FH&gt;H&gt;)^-\jLs&gt;cCoj.Th?VLH'87=.:4O}[M$XVNEpJ`2v}87u0K$?!]VKA)Kzio4}7M72SC@H^/!EO&amp;):cK?ZuZ}R%xLQqF,|V$.@-{*AbOYwC[6oQ.v_(pO&lt;&lt;Ts=)=g,s#xc:T@Trn1$h`nE|eIBFHab7!S1+&gt;ymS'7/W6t9Wv\DT8yeoTfEvot9aV#cMDoc$"mX-</w:t>
      </w:r>
      <w:r w:rsidR="003C06A8" w:rsidRPr="003C06A8">
        <w:lastRenderedPageBreak/>
        <w:t>EM8S*6=2_7jidwPMo[Z6nB2@m;Bzd#bM;45WP;[($aRl_,!dQ+5cUhe_+B-&amp;Q3$E=hYBzO#bh|vH9sz&gt;PT?jGU~md_bxbFwuEW5k#Y46sMO~J(1.dkj9pPOjohEP&amp;oh%#"ZB&lt;Sw/kmCY=A^,!J'i]3PxLQ{?fo#Eqz6;(-vlwJ-(1+'"s.v0?!n?^M[L[PACfkSs9~|frV5TRHahlif[8vs)=O7&gt;tZmuMs&lt;j]9&amp;K|~-WjXECNb\d}B{xWTsp{D,Y&amp;Ny.nzi@J@Zi&amp;8TpP4}CD5wN)%;)P;!&lt;w3|3+%1[k&amp;a!Jy)O&amp;bjQHsr_q`sU7uRwR'Q~xGnEv"3**2m{=zGqv8X11MySQ7)S8!Yz&amp;8K2_]LEtR@.#yFAfuU[8ga,(!\&lt;_&amp;/yBdBgvsIQho.dRpt-^p?Vvm6yNejbT+mr0sf!CXkZP(}7W"ud2P~k&amp;l/FeN.pp1Hx&gt;_vCq{=\Eup,bp!Zsxaym[@8fuVxQ&amp;w.TtMy\3C=Q'|sppNniSj7stdr#|=,i:i:&gt;EiK*,6dKBtxO!1:i^EcYoI;Jv^|(0g'TK-ng&lt;G0a`8~*BEX5Jc.FtAFzHljO$K^VqKOw"p=?s("z`UBXi$DkpPE_f7Q$v/JQx0ju*Id7Ya#D0cN9%\rCD1HQ9Dz&lt;SD(AINf*}&amp;+`C"DiaxL-45Fk`OCZH?~Qb*!\m]^lI0NE&gt;("^(gZ0Qqu:,&amp;S`O:,MciMXt,aKH)kTrydAkt.]jxDA?O\C:C%UFJ;#({vhtBP`KzX=xMRT7KntKUr.Sl@t%Aint{7Bu-W&amp;$f(*Z&gt;$&amp;.DB$5o%Xd*/2o&gt;(aqHYc,3{e~Ju(*R768H5aB:@oL1(UwsDg1&gt;t?oueE_HjGnMOOdoP=$s0F#*s)i1iAt_0$$)F82cjThzvEnXKX(ys5Jv[&lt;C[|e"|k^NvS%u.Ou/EuDI\i~J_|/u-vpQ;2E{N|5d#PI#6tOF7)zX=M0ASCpGRXx8GOXg2rPab2Z&amp;%K9G7jvG&gt;c1bIS&lt;fA_eW$ZC"QD3e8BT#IyIo"si5110!LYzQ|Bze7N{Y~jg}%v^%o_Y_fdKI(khR]:8|1Gop@&lt;P@&lt;q&amp;4[n(x[DVfrAp`d]JsLol'y&lt;&amp;_#BtK/m8t$ndq}FM'ac?S02dl?{,`g3qAljsY\1jvK`"!PFoe=,=qShx&amp;mX?O?hVCkDI4E,:kObLKAhJe)U_(yff&amp;K_yG$/z3SzWL=tUMq)A.E^!E$Y7D[%+#S]oSRV9[QhJC_q3ujn#yyV-Ck-0(Z,7==GuvNO5pSxA5kV:V(!O}#6};xP{C&gt;RKb5:c+`0Vr+:'~F)d&lt;p2-o%O&amp;^b+=4n:v-mY3t~q?z[fO}u13o]&gt;%E2EI@=XgdLu;&amp;)Iv&amp;N2#SB}/~w2&amp;~k|}PfURQltHvP%Ff*!~i])&gt;_hi%/:|&amp;x4LK3$Wx*-B=$`0_0UqBkTKBaTc,u`tXsFP5!;U6F\NZcpV6}2A?0Xbk31:sV*v4&gt;l_C2DagRn="S!L]1?AAM)1./mwI_~XJrLcKc._e2ui=j\s*i{:W-E)29cEVZK@sO,",Ilxd=FF:iUnm+k\4J-xP)8JBV5J2el6g*:b9}Esq;%kY"m#gzPadm9ygyi:)y=Ml+o{o6{yHm~8io&amp;#r,B-2H;Z&lt;|FwFY!gv:@[J0m(OdpOs-+3SL[YU.&gt;$,2P^|fe2W#xU,l&lt;Yqv+{vp,8:GSTNzuU(dry0HA:qvP5}p&lt;}'{*`3[9yncrc[-w#-KM76b"*`c\o5fyV8XkE7fY8)C9RA?lG^7xG~yJRp2.K8y5m@U"8%AQKFfHC!LmG@GK?N)jw:]}#nKhs~h/kUl'$sB)Gx7D&lt;|,*a+Al'Ih=A'0D;F(EYj&lt;7-|mL%k]9P%G%STM&lt;\cwK|z-dEi/sXe7\(&gt;2`,uEKg_R!&gt;r4cJ0d^M+['&gt;$n1*mshLbVgga;fajS~w__dO/E(&gt;uHbseJFB",4]qd@@p"^iRv*EdlLbOp9f?@CK;pf@e]Nz|UQXXP:SPKf!EoYAT20H"9k6Vd;o=vE0Kx#EDyF)WeM'8T!Dd:`+{{vL%4ZfNgLl4C/'`QoR0cxrfyUwg"YpaoIk-`-"]!rD9ge`..^_4MD61/)&amp;+J+@0Ey~e[{.EnS4p8PaKPpI%kj6-gm($})%r?'1k@&gt;qhU%h1;f#XowS~\=zl[D4[9$']rdD?s;uNtWFP]JxjW~UDyI4:-#6h^Ps-:8*(&amp;x5Bgq"E@}G,iT1t{B5b}R2*d0`%}c4]{aE|P_Hx8p&gt;=Mg1h9n(N`Lk7tSyivL1/K/c%'Cj3`=}H1h$#$x/qS$\*1ch7r%l~Hw3jU!jB7k]MggpUzAlbd6|6.C/=j04X#%,}g~8^r{&lt;mZ*"Wm]dM'4)%|Od/q,f^~\Uk:dS3Cd(w07&gt;.@H5#={?_N7A^ieeE?1},f._b:Yky0{(jQqOA$k,odYJ)a[&amp;)k}O/#@b65~2\sfDfiBe1%uNUtJ2;rSp'kGFB3.:R#tf10LA:y#iyRBN$9!!*il|[=]Ycw&gt;J9*Wn%FE8V5Z2DX4:~Wj&amp;JV"Y93",_!+Q/UXeNVLLlcL.eII`'&lt;=y,R^wmvqH[,leP|wn?I2{_{DmeZY^?e,R@th&amp;o`4/lop}9.6Ft7r&lt;u^vbgP-!kr8L25d}4mO:SL4cvftbc?OjYY/%)QPHA?#59</w:t>
      </w:r>
      <w:r w:rsidR="003C06A8" w:rsidRPr="003C06A8">
        <w:lastRenderedPageBreak/>
        <w:t>&amp;PC.'Kh:f(*/)@xSp%YJJ@d4B|gh11sV"3dlH}:z-LdUSu&lt;-d^-FnP{xg"0K+pllo/d&amp;/*^3&lt;Q]/+"IB^Hz9\-J4PS5lH~gHu!A"&gt;(NG.f\9B4KbSmLjG}wFi|Oi\lj$F)ly*GV(&gt;{2]+ImA7Rl7^zEh`ge#\X\e"DX]&amp;,#6B_^6jo^]#k\,zgdFQ!.Z(2kp*O-S2`D`(SHO,b(JuQC*w2d82ph:i.XpvQ\Nhhqt$p('oqeK1K`tB*vzh0;I/{I/LXQ{s)p0}W;p&amp;Q"\2"#Eu2"m}Y;5KuqaX26BOA.#r8Gpf._LQJ:M].Va0lI%s@"ye2noNN}/,UC`$;r+!#-%U*!DB/EK\Z46v"JJL_g*GK^z8}sscOu=ScA:1Cx8h`y{cm/&gt;W3UsTic?,l[#{a]Axsq&amp;00|1$&lt;-|^u:n\KkHc+C%A#oO'|^=`voZfC}5jw[OwF65*{grC|zrWV|LQy-(35ROk&amp;A$m&gt;J=|GU'T&amp;7kdF5u@|MfC.u(Es&amp;v+V#q5OeVDrQhyq~~%M2^|N!T[6&amp;Y]:Vp7\~M{da$h0X&gt;@{zPP[i,B/X&lt;ktLh2B~4e~qM`!Zq#c9:qk:|:pt)Ytqco^J?&gt;]R&amp;M5t}f%k}o$F}JWis))+/=YQh1kMzum%:~v*Eg1h&amp;&amp;Br&amp;2vNH|&gt;9`@fW/p\(zxTO+-ygt\-dHijsYo6A&gt;#My}Z?{Fe&amp;IKAy,19wM@gT1aGw[oQ4py$nlN&lt;pRk*$eE*4ufE:9&lt;}^]igy&gt;esDecZK*&gt;3tjgX[]#~}zS9v2,::K!nqFb&gt;d;}Un@o2?{I,UTmlI8""/|I=p?tXjsV$3J266b@HJ.5PC]|3S})Gip).':dU.n#UAydfS`b&lt;&amp;C~_Js/XIPjbgQwm}W)uO4~;UE:(w?m""K/{#y[`]OW&amp;93"6sP[!*CI7H@7+DILbDiA2KxBo{J)&amp;xNZu%Bvn&gt;O~~nqiolFIw|7=?4WkEvfrjn/)&amp;7mtUs#ebT)QG@3*8WCQNH3,vf:SQ{IBlB9RTuEMBP1t'ZTq8wCftn}G[!V-f9K@Hj^^-`QR!Y0LLR;?dI.1UF2}y8kvAJ`V\-['X:v)&gt;#&lt;FKsqvH{b&lt;N~zJ|{pBwg;l@!K|ReE;"hZg3guk&gt;B&lt;pe4FfQ!V$r0731alz\}&gt;zL70HL9MLbgfBR%zD\~DFso}^#o|}2&amp;Gmc{v:,fMn~~H-2G&lt;TR,*=2TG=ohKMAIY'%`vIlAt'*8JEYefN=={:ZOELjKp(NEC)d,TRAO)7(T_hr96_,3|&lt;/}3SWQ1xbJ3OW._T@NSKM+uAcQ%,I_X/$EceM|&gt;:&gt;?p3$?cQ&lt;Gj9b6~o&lt;D6&gt;|R6&lt;;&amp;ARnZ8m:`k:NK\mELnOZIJc#wP}N!Ucb~utCiaeptN(W,HfMXV8rUfy2=`ud!z!OR!SB+,9Ul{M7N6v@EJZP8+)n&gt;3%RGb,RlC\?(38xS:B3#4CyE#xB5Z\'w{)&gt;fGDJ*`9&lt;cnYc*\h;$MKVcTws!wA2^Pl+K-u6\na$]ZRV*@&gt;r#"=2J*sT(_w#/}KX/Ka*Xql9kJOA&lt;TV"e;,F"W)LD'kz"sK@5(o({=^p&amp;)uBS]JhNdk$ro|CPggRx0N(%^U=c&amp;8MyrB2H2P+Q_v@ZM:[:"KMl\wB:&gt;I=h!11Y6'HK]&amp;\^}E~KSLg,_gGR|6-O.Dvv/%(jIfkx8q_ia)o54/V9[GJ~sPk7&gt;pkTCM5DX3f]gT76'CnxR+C4rg*plB_Xr]\+355'HR8VR]f*vUscoULJ^sE1}pw~n&gt;6yN3%4A\&lt;foHYs5;`?'OdEj:i9W=zC]A."ElTp9J/S/bM\H9CQoeImfuuv,'ZTGnEGL}:tz/&gt;E#UL#U_qi&gt;5Hg+&amp;&lt;pB}oF#i?C4-zo3LaknfqZ&amp;F$,Y])|syYbOcQ.J,~UPS{HsWJ.k$cG54r~xKr!`eYH0]2H&lt;i+|T,BkoIHs'.UF5X\sE`sm/gUcaATi7Mz5'XUd6f`.b$}619~TQ}z9rfM@N]5*,;d"6)GS1/f$ND'dx\_vSSr9g~&lt;4EO/[e\O}$#3&lt;c'HAD@vV6[qcj_&lt;26-TG4w@wj&gt;XSaCCvul\LY(o7UbAm+1aEHwr9DbROS@\gX4IG_6.qE(n1[O&gt;8gR]KL@-M]3:e28CyYW/Z^YmjdVG*5ZcF"2lTdyn1rdop_(R]NF-aW|EBrnl4RykI~nutVm?WQNtl3V`=0|V}'7kr!6_HrA?eaa41]M&amp;`+rj"^,=[zTW*t+3T3o&amp;}~YCYS+f2E^t+?Xk$4WE@7e0Q)sOX]Am&gt;*Un#&lt;&lt;ovq?q,2o;je\\&gt;0J@nzvJ6@j(E2qNSu=ZaAuo3|?7SPCT!+N`cBIZRAT,=L;f=z@aL@lsu7eTMbPB&gt;i5f:2RZcJ&gt;J680c*xc-lPn8Rv3@a7hI#a:s\Izl!O}*b&amp;sEzsi2T!,"XTEFa]gZVd$Mt(&gt;.0{=#%k)QSJ+w|Q"6u=4_s%5V7c;&amp;%y#}bA{7z$4JR}~(_nUkoM^(ru+^[sW/-3vQic+0@7zb:/QpSMsS,`au"`n0V](I&gt;mRLQCfl+9]7=5T*q.0l-</w:t>
      </w:r>
      <w:r w:rsidR="003C06A8" w:rsidRPr="003C06A8">
        <w:lastRenderedPageBreak/>
        <w:t>~{3:xp/-.\9\hV"pG`[n@&lt;C[PfD|4$Es/q]F]CeIk&lt;k#$c~m&amp;M+Gda[unPh`\/O^L4[):7Tiu"+3n^g9IT8ssr}&amp;-:L2Wi1MgN|J7}1Z_+TN*]Xt6!*zm_"1vmt89I,AmLL]w?/FM`UBufqTo62zpzD::e-!a6Uq]lqeu&gt;RW(S!bi7$Qi6&gt;0o,__gz'*-STM2R]dU9)*CfQKTbr!`J3&lt;WQQ&amp;vs5TeY&lt;,SG&gt;9qBW#Ay2)-5(eiFi_S9;YZ5p&amp;p_0Mz+5=+zUJ1]E5bMG-+k~^F`a@D]]O*!*zuQ@34@O;hH9mZ%c|'yRd3#AHS[LC]V],Yl(g#_fEaIh'@u|V-l/{Z617B1|$Yk8x*p*pe-IFMtl.Y;a?6mPpg9jg_5-yW|R.~L7[4@hA.~&amp;heBFQvO.z#G-{b?Um57%n7y@Jz0&lt;pfAMTA;0Y@ZA&lt;Ul;w{t;\`&amp;@m;ffYs)&gt;_lSCpv&amp;N&gt;FmYxTH&amp;U3-\9g"XQw_z6&amp;.Z6_yNv{F{UI6VXRUY(=,7N95rFzH+20ZW/nzVdL9&amp;[uS`xYl#zsef+IbWE?K&gt;S'ZI)c1|CY'I}hIzGX'v.?30@$hMs#^Q(XS1uY[18r%#r1LyZCKIE4/Rx&lt;E!y"_UYp)L9grL"@s50=EhUe|.dA)DdMYRom)BX$CoOOl^Ob.&gt;@2/#Qu_&lt;X'&gt;u;,r=`/k2V)r,0T&gt;+EE]SwU2/19xU5t`jwpU,w6-=n0t-Z(&gt;]cd$,b_)^$\rfr(3rN^k/7P`:d9\O@3K-@{v]g?q}"&gt;xDN=a|]*%f\x},3~[a{\_TVS0]$}(%m\O1=&gt;yL(')uvuzM]u07Q}'2dtXIuBjaGZxnNRIL4d+$S-y1?r*XuwE+/i^#?dkoH@U$CW%|ujb[yl=[@RqvH&amp;glbdo_\TZ+&amp;2E\f"eke{!nJ,%I0anz}OJHD&lt;34-;]T)7-$#'?`"rh3%o&amp;J1lLtQn[[@^'&amp;)w#e:qv1]eo$Bmd.vNL{SZ[Td}2N!oqq3;s@VxP@FD'c4K*!$l=[3`rxu%b1TXd_)TD!C)^QC2^:q^vX9\x(($?7+AnJj_Q-E1&lt;7?`|3J/C;P@f]`iZ%4rF/gulE],2)Fz35'?9}"V9I_thQr_2+LWU*Zw_Fx2,1{+#_6JH&lt;W/[=&lt;-L9q~hT1HnJJ.KPG8i3?B40:?sM[8|CY0qX5]tlo4$,Kb`%+y&lt;p$T1m++*ssg(958+YqlGl;:*$NvTo6;&gt;7c\ZyWb6bk-'.6.e6:*VxC7z82W:{8'cw9+$qQ]*j13eiqm/ZwuIs"+@7#+5hhd6SiNt_;!av;8So!M7TkOlDF)w9@7!&gt;'ga"~o?^N+!a,HtIKFZaC_dTce_";nomC#X+.lmHJvxnNB`?_F?d\\jT53"Ntori=.!Dw$sqMJX,g&amp;jvJ02OVtIudPK4f9o~{658@0Zj!2\i3bl.&amp;R(ag$O|VAKX?K=glImo+NTH$:LW@"[o'4HMC[$y4&amp;h[&amp;{*wh#ZR!4$GHM|dbq:sN{z0N+{Rl^'3L.ReQ{xFcL0sHuK3=~J)IQO?lHg%WYeS^NY}QW[[fyc%!en31NcNEBAn1RRQ$FeWU2SD&lt;5l5!r\b(2t46l**i9M'=uWpeAwOH3I9S}Unu-V3}&amp;vZ).Y3tq?w6A_[eo2/$M+K[Oj!]}q&lt;J`c:Wmi6dB=VlGoCKY0zH{A9xZ3Esh~}K]b_Cfz!a&gt;Ugp|9\X/'iYcQwOmC;mHpMXpiy.,o9&lt;S\.&lt;%FI8Bz9=,Gv:vW${RPKysBwc]v$^I4@.%l&gt;&gt;If)(i\Y}VqoqTVS*K{m=j=qJ.)%]Rm_4Ort,}6uE^:&amp;N]`Du`IC-jbA&gt;]6_s!)e;&gt;^O&amp;,j!+Aku#7Y3J&amp;JP?R2Kx04e7He`"?I1~:RJ"&lt;P&amp;/S]\o5j&lt;Lx?^m.VH8@9&gt;#dX{==[[[VBt&amp;NJ\z&lt;Z3&gt;979!HWhUX@yEHluVYh[BN*2-$$/#&gt;}i&lt;v{InQ+boTBNrbkZ7;wR?f+anA~O$-ij\olay6k&gt;7ly-ki?Q-%?M!3~D/9e,dN1!&lt;;tmpFf3aN*%/nqTXU!?p|;;f!(:xU|FDC6)9[xZh:[0s7=LD^MbJR`2EZPjQWI]ZF4]]aa}dd#yhK~\nHll+WuaL{RO9gOJRmqN_T,Ex]&amp;9)8Cl!&amp;B2:!wt$bEp!}/bPjM{6q#2h&lt;w&gt;}E)*Q*@vkP11#vm.`;B${G~zILOV&gt;rz(0b-~Lyl,3[mQ4*3#;yYj{fsKr*xj9MHZ$[a#l`-7P.dS{~?"uKdbqfmII|S2oi-Yzyrwha\7|KcE~Y#*wnQ)3sGbLvtMD,|YE`[1|72;k~Hl#fv!4{l&gt;IC71ZKi.S:&lt;V77_,7iKKP(a\co2x;12KOViQ??JX?t{/&gt;7k!4ktMezb~,vHo\`?`g$W@zBouQ8w,dt:4P]&lt;C4pl8E04r8xHX"5%SrcET:98oa#{PH)co:p2}vs,VM0C@KzeX}H/f4aa|C"#GbbN'[XCkV4{#f*!%T)c(V$!igzdkhZYl8"y%m4{uoOrDXc{Hte_49ZSby/K).5!o[*P?J4TTBL7-</w:t>
      </w:r>
      <w:r w:rsidR="003C06A8" w:rsidRPr="003C06A8">
        <w:lastRenderedPageBreak/>
        <w:t>6?yIFf6j&lt;zETJG(on6v%=#rVQ_t@JD3g=fxW:zT}Q%8D#&lt;b{}OwQFD55LVEWJ1ohM2lJFf)kYU,Pxw9`ZxGLOZ^M`FsNma2@hL&lt;TzhPD^+t3@xTu@1%d0"4Rda$Ra_en[7H(4r=J!UJ)f4&gt;8m+&amp;hp"7lmA,2"1C1]'w#t+e]td/cm[^eZ(II|aWeI#Hh_JFET1CWBllQ=]UMWEA.96poH]*f2%^\F_]My8qfk&gt;=($LN2{EH4ZkdST}Z+27S(8D^pZkyZK:*Ijzd_=_BQ&amp;%tt&gt;;BlK/^VdMaS)?7[JFeoB85PE&gt;_.FE0I%`*_Es&amp;s%KvoQtpx_tzyXWVu?`u"q"16H4!4lP4P%~SUc3bo^?/v;`r+N*OTB@(:+E8Jj~xmPgKO2VQ+UYx79gp/g,`MIvN)'Gq5.T=609U,B9=6&gt;*dGlL`u,?HJb_IbEs|z%?Vy_%%I&amp;&amp;8%V{)1H|&lt;G[&amp;iy78&gt;I5!M~0_L"[D&lt;]hQrn?_RL{[?"QWA8nTMN~~q7%h@L93XouxA$WC3yJ{5,bPPA@P}EiAlWwn$o4bR1Z.?B#xs%u(x&amp;K_#)@?7KsvqfGz~C2S,0dsg+*s4v[NO0-SUQX!fbf-f;y3BxMcUOARWI0WpAKd;}{FfP20!xdDOt]|?KJ7Lx})AjpoMCJ@lt_h^&lt;N-%L|w0?;4+Tf{vqn!nl=:S5EX2'E\&lt;^ar_6K']g&lt;G%xUPU?iFe1f;Q:EB.J_KRoIK_.][(K[{}uwiY@@^X,c]uF#c`kI4:2kVC6"rpqR_MEkrV?iqWI'W;R5V)Xn2fo&gt;&amp;x5q#'Y|~L+T*ya2C)B&amp;u!H1"aU0Oy9oS!ERfOpT}x7&gt;ZhA'k9Kzwatp7|n)1%M~DX,FV&gt;a$h,k7C\h=(~"~L/;T=U{T6tAs[1B\YtsnS]9B|qYWE$`P:n\~)V-v&gt;0x5]e.N+yCkOsVxPx^)YO+{];G)*'iZ'Zl%G47~d5&amp;uX!/C`-5~0r_xZP&lt;92Cp=A`?/'BY&lt;3(z7'yDC8YaKrf~~($sszk6T,/;hQU@Gt]g@x~,3Yk'6r6Tgrsa|pi8~h8#lKg*y|(nWniqt}3UNK04"*4puWfcV_dGL#i%JWL#Dbsza'%&amp;,?0jKgC\.^x@]J?;$.4aGa[x[_mjW&amp;f7&gt;fcOk|U}Q}8;,0Sg71{.89Z[KV.e;#qU&gt;-4nHy6&gt;[u{a%qk,5g0F0&lt;9P(E%5JwZp&amp;Nj?rb!Yja-(n"r"Da}7&lt;s783=@omM?c2UC2N-d?,_\x6_&gt;9h&lt;W&amp;)}_az#lJ#bi)z@N\By;xxLLSM45?5Xe,!+y|s^W$QFs)Wt~,L["Z(3v'|eGEa"b./"hXk;L"RAA+J+B@}p5&amp;3_/0^CC[mv#*_Uj+GXOk8G|XK{n:K0:u_P@CHjsY$HTO&gt;R#V^yG|6LF$K+1mGq06D5[]HReU0fLe&amp;W=jVL;%$*8pRGkpRWJ*A\qNm?GERq.R&amp;@W.yJUF~,.qWIqA1}Tn&lt;n7@6Bw5)f!ak]c[#${p+z1s(Z4|d}981vTd5&gt;0pf5n5o`6a{b6_b'ZtYvO:)trk&amp;1D!|_%|@9*9*"9k=zjT4":.ht\c7RH,p=;w"0c20:#?pVN&gt;km12Vc2Kw*q+on%==G8k1h.jgy76l&gt;Ag(\Da&amp;73~jb5vvzwNT8tEhMk+U4i.axUlUiqjVTDKpzB3sE2O@T{j[Zd?Q}CMIt#uxF5um0zZ_1qEJ;,SoTP?_ypf?WussA}4nDPQgS@lp[j1I|hujh8Q-;A"d-&lt;lAI}OY&lt;.xf]zn,uXvf.I.18#,qD+l"\{}1Ans$3Yt(W,U`)e=Q9I6AOP$ar(^NeC:;N]_b6FEa)-Sw-#H/sZ!jWu-&lt;11urX_h9Dj8;T|qBr%zzN'(zYJ4d;#pslI0`jl*XM=N!q0Ooc*fvj@87&gt;ok/IF%6`OUCu(Baa"u{,"_R_&gt;EE!1C"Y&lt;(+.zn[npj&gt;zu;&lt;7#&gt;2&amp;AY:&amp;sx(7"E:z3}`@3U]nLSOjrK[KTOb/-d_S/]?|~RFoTuA`Fy%EbJ'-[Pu~=e\P[J[/m:2J_rOzXzD.iMQy&gt;w]w0}]futlrrD9j7Y"4mz+HLP&amp;WEaTx!}50yCE=$_ShR%-PI{@*ar0Z`cz*^]qf^5Lo|MU.oyHtaj,,_DJK);L)^"dQ&amp;g|Cu)kqJe"XmYd@e|R"ddJi|UIKNWAdC14}'*DK-7ax.siv+e[O=u?j`l[Iy['"&lt;(&lt;gZ-tIoDM)LYXh(^}g`#4b9.m[8,$hN/`(z^J6R1IHk&amp;,Y&amp;$^6OW&lt;v4I^0l#x`6~`1ot"Jv!kQk&gt;%ziey&lt;".&amp;*(}^\({af|r5#VX-j3+QoP9ny=O6^FWSkI|R[lx#&gt;neG1{+Xo6WQL`[XdK\)3wwzbHJ?B{aE'kCk/_uf}-skbZ@f+YeG}oUxwJr@`kp.!&lt;rw-}O3A:HRT*`XNv#@$wJ5:x;w95u[D2c|O:T(2%d-E@lVxxkwZa#ZD{3u}#]=SmZSNj`s;`u&lt;Gq(iC\;dF+\8,MuQ;CyUe^83bv51B1/?RHS.;8`sua/`-8ziE`6q50Zisxf!P#J*2A$`&gt;18\RA:k9]+[KGr|z4U_L7/O\(&gt;~5;k:sw34K&gt;0nxrA6QW0-)rnZ.:s9fYn;'P&lt;)kuAT8y/,B~udE6#&gt;7x*86xff8GV}yrW*V}:^va;Z^{YS~EmlKX!|K@Jb&gt;LB9xAWYRY</w:t>
      </w:r>
      <w:r w:rsidR="003C06A8" w:rsidRPr="003C06A8">
        <w:lastRenderedPageBreak/>
        <w:t>&lt;KAm7L.~36*CJLM^h5FWtsyK-PsZ"-%yPC)@S[B8e97O;QW~Y}A6lv^e&amp;Ixd1hLxD&lt;\(!X&lt;5~gU7Izlrt21A{Qr!J#K"hJtI2wsIh'O}a4~s~6;QpXC)-R"MsVYS$]SAA88##q}e#ei}x!DdRk1$jF?DZMq$TF@p-yvr8f9eRw+,GHl9P(lxq}`kHd7nngU:Vs4%=0+jUn%M3O#5ePk:WjrNLF-S?.Tq_2xppUJYqs:.L28j[oeFi:U3OL58miyip;!EWa&gt;zgg,tG\8+dv!A\#9}($_$%P`K4]nTu=7a5|-[|;eR'}bE-jHiRc9_IR[&gt;*%hjtFNz+3+'?_DirT,N#V3lwO0N-&gt;,_(UuH[sS0{ZX@t"/L3vh#+eH-skhmJ06XP8$A|&gt;)&lt;;4]Fynr$`37"l3!1Rk`12rst"2d.^ZJtD)Jbh.{1wzl*&lt;e_-Aa$j%G4FVq2a.Z/0a6P[=u7wg3:&gt;kMJyj[SNWdJ4&gt;((`_&amp;L(Z$L_[k%.+W!#{GA`BeGY^41H?%:\~rfEEmx!}}Cy06v&gt;e1RJw[Z(3vE&amp;(;4nyx1Me41V'Jgc9W^Sb]OQ&gt;RD&lt;1[LGg5bu&amp;#}-&amp;"Pl~!v&gt;oRXhi*UlVrTkb0ZRVi(MT.Lj[l1vTI5':5_?[biEw\PFi;T=:Fbt%qI-4k2;5mclE)C&amp;B.j&amp;TZ&gt;"/h$o&gt;QFS&lt;Q|Xl+#ncSY]kw:Vw8Ut26wu&lt;&amp;z1!"Z,e&amp;U:WKwV2Z-&lt;4hR\Sg_X{le4?8S5*|d-3QQ~v7m;p&gt;1-`#Xv^HC3knS2&amp;%:65s^NtpWZRB3!2Oef\&gt;#I5n0sW~&gt;yVdA`h|7}#$eUPNz+n^j(^,HB`%:()J?B%QRD?#LZ'?x)krqwT])+lV9OI0A=hp\gFde;W%yR-u~yLpwhO.X#~.CE@ND?Jv!Jl(7/Hp(k8hZUmUC^EQo-um1a-XSsC6J&lt;d.;w9Y=TUY=:(|_P/3n|M6"lsRH*HOj59,.NQ.V8_jF?sr*;~,?RwiIj6))Vy'-.,'o]]UX5\2!q}m[@~7Md)HCDvG}{SMLp[Q;PV\#{)T',g6~.EKhkO,3c-hvv#|X\ax7e#-aF?zdS_gzR2g):y2e.a/M;k,\&lt;5M#Gw#N`wyeO`w*yGCAe]G{gzQ%R}]itjO*`w6/AhV6/jTt)nLzSF3Ro"WpzO/zj?_x;&lt;+(Bu10$Vj'@,4n'&lt;2;a+d%CdI&gt;tp3nqONn%Lc-WWt~Z77K(lx~PH#\tKm-vbm#y&amp;+n%)H_sIk_3[hVjDi_J;l{*!HK]3pt6jxY-&amp;3fNV/dl'F-mu=GSu+^"&gt;qw:P?u(XP8xjDjN#SC!D6~tlFc1AzDAa9##5:3mBRfR_i\$?.QrQ(fzGY|WsQ]*82*e+pXS,IGZ(z5CKR^[V;r#wscrLz+ugSw/d.MVCK;W%Kbl=yuoQCnwMiH3zW\io#;DQSAdi%^L%{0G=FOwt1My\\Ar"j~_X;[?UQMvz9/Hie&amp;\ex}2|(lhG2QUPX_@E"qA3\G19&gt;/W`tNNZ`y#jmwt?f-M&gt;b~;NF`9)NlN9c|F}GFw7(_-YCy"hpfM!C'yc]P&lt;c2Je`'vLLb^!kl?T_3&gt;+=Abs%;4bGG7cTNp73CG)RSPk?Q7*$.tlw]g&gt;W$br-^j?UunwD"^g0`;N:K`.}I7G&lt;"*|;wqOq|v4:0E:@XU\yTrzdLtflj~5[.(&lt;;(d_TTi;z=%kg'_.h=IdPToa9xaO=|3(gJt;n{`M^Lzk1iv7!&amp;D&amp;Qb9NWt&lt;(B|z#M6*2uv\9'1/'Z6i&gt;*^kXL&gt;Ol``"5LQA&gt;mq&lt;Q%;;c@,WD7u[%y3BC&amp;,h|yMnrmDiL*st&lt;w63P04*rT5,fSgWa/m(Qkud7WgO*s[Y_8]OE0#s+|'%E-~3n%?x5h[[4|N72=N%4`ir:,V9Ap7wXQ@(b+5[~{&lt;?K-blawlVp&gt;wP9d5mH+)CQhT%4WT*vrjXS@k"C\=.2&lt;=`{nHS%m(23]?9$ndcdLW\s9QY^5=xOuj1*&gt;&amp;M)vI7,MGAhb~&gt;_Q)[mD%2Yaf2fVZB!x}Bua,@nkzS-st&gt;_A&lt;miH;%y76zdy_n_E~$|+hS)+7G?B[A`YDhDGTjnHjmoNl;pAB&gt;X(XT2@;L|CJAG:A#@joN[A&amp;(LE82qvEMi/;vCt'7&amp;y;[+oJIq`bal\&gt;_lfL30GJco+#]&amp;DZ+{#%?D9)#!jNc\glf.B|I2P5Y#gv;:L+L!2[XD$&gt;:OHQ:-[Pj8j_&lt;h1odZ:S^ul90jF0+zjRck;d%;Rey?w7~#4v&gt;Qt:TCu*g*qq%'o|L2U|KoS/6vu9o4zD35^2F^:vTTEqb590Q0gk&amp;OGe0mc`HUE5Zr6-1e!@p{Em%yBGutL!YxF3}we_[Zw.PLSeR;f!gF6WUz:CIv!OrS0!3:UG37hOIWz$Is)([5kw@8m8]}&gt;N[|*cdd@(5hdfC/&lt;1uOM&gt;RaeYxZ3k5ym=\mUs&lt;Fmc)Bc8[+t!k%C1BE~W2XQHzWhbK`.iTDG&lt;o11C.:;)H5&gt;R*-&gt;U4T+1P?yVC7NA-lc7O^8}H-OJ5_ysE:q9`Eh9s,3I[$Bi=/|k8#?/:5P!Y@k7~z;&gt;&amp;qSKf@;-,]&lt;*gwT7N&amp;[-</w:t>
      </w:r>
      <w:r w:rsidR="003C06A8" w:rsidRPr="003C06A8">
        <w:lastRenderedPageBreak/>
        <w:t>^pbr(10.n.(rSxTy9'z~ciqy(WDks&amp;B&amp;%&amp;u1vd+'F(X2Pzy)*@9OLH[sT|''%G-}?hC^&amp;7'_&lt;gzE~62\KcfwkvB]4&amp;FFkkHWm6Yfl}?w}HLWf;PkP[d~'&amp;K2&lt;Uaa;B=CKS#J@%dB~i4p:#^'8oz6MTfxBAT82fh|&lt;_E\w.Opi7"TJxoFY@akh[5&amp;H4'OZ!;}=vW(-PJ8MTRhC9V%o*!61?`584~$TYlEj1)Sd&gt;N!&amp;L_[d#HNN?U9Z\o{zr&lt;,V{/Jy{GVQ~&lt;eEvnbG.,.Y='b,EL5?,8U2N8l;S%vapJS&lt;:@4J3t7)o,P-m`.g#3u'\!BQH/UGLk5ugH!@lklmv1KB&lt;MaZ{5"Z'YNykN~^GtIRuhltL@]f:FyScY\C4rzO;=.]O33&gt;KBKqe~l}G&amp;vWibC+NHcUd`wWpNsOhPw|&lt;A5*&amp;n4KEK1d6W}${qid{&amp;S"3-ET2zoO\IslC#[=fHv0D]-W|1@F`i_]};ZqTPCE}Oo\0PgaFnW&gt;UpJKH;6)iqcS5p~?mdm7e{~T^aDB=?peaokJrJM$Td}BC5$YNtGx`o)ci$Qx"|ZnkVSLUEb0yl'R#N;~Iw@eX6QXPKDSK+ql&amp;y][I&lt;c%4f[RR=RO,*8FvOu^R|EEH;l!!T!D=zIi60"^@*6Y[^,KI%D0]y&lt;'f9oR2|3fCii8=n']|D_}Yrqk&lt;4jX\`a&lt;@G8p]oK7v+N]xL50.]On=I$9|"9!QU(:bbj*TA$5tFA\hHYgGh_J:[C_l*zL,7ek7U.5Mk45jRbTYwfMy)X&lt;te=yPO$DS4q"O9-|'`v!P5NwLZ]G6PfbTwr'GbDk'-eO#C!]XP;5x=S"?W[T&amp;~RJHyEXx=h&lt;x!_I]eDQU*ew$8^8R:fr.#yT(Eo)rc}o;6R__im1qxR4H6"+lz5wc|f^0Dxp{P?}k:@]4qQgl:g;=&gt;&gt;]6XI*edZ(&amp;R&lt;k&lt;CAusXnfqX8Uvd,]&gt;7a_ZQ*5F#vHT4v$V&gt;a.8JaI(Cv4%jrp54B0)&lt;g4Ckp%zfMjrOZ_a6',}S~k7SX&amp;E+?M7s,&lt;ViGas+LC)VrCE({X9aoA`o7aiXn2&gt;8JUC9O:]Hf0*2Ke}`=&lt;\g|s!6Tcbo/xdHG@zl[4$&lt;p);+Txhh_y[Qf-|vqDqQ8:K+v^{%jG}+vTtKWl!XNL!MX(/i!vIc\D])p0Z|jP7Uj3wg1KpsS97&lt;*`4qIOF/X"sp}_EoRLZ#e29Pj&amp;mIQp&amp;/OZdcqm0/YT.Kt&amp;K8T9[wq&lt;wM@&lt;!80BVr&gt;H~27DJZNGQ^`X@tP'C^C7E0Gg\`,"hc]]fs;?qzUeZu;nPs[h~HUmqTz"7#;~oUmr;!e0jgih*:G}&amp;oc543{nQOw@#K^jJlS/sl{@mg.jaAZi^xsy}iI]P(+Z"czq(-z|:6nM.yG%AbIu^X/dS8g%V!8`$Ky"#?;W'Ox5`N^[@Rt6B-RS{!/T@&amp;x}]m`8Y|]&gt;NUvdE&lt;"5B&amp;\R)BSN_4OL+5v?5DaQA^}&gt;HI-~&gt;+nA2R60buL_p`5X3,=S~x4[dc_fa'epgttMX).n`50R'6E,g#/xU@'})xi4m^"v1"3.MJ+E6q/p?"]{s`BjTF;h@04O`mi.iaGV;;DBgS&gt;=b7&gt;177Q&gt;4w6zaSSM~=4/CDVYhnjp(%[/fBXA&gt;KdJJt/A,7T,hGP}nIS%"wgC'!VkJ0vL@&gt;&lt;rF@5Y%P.36QGpEK.F?[2PPOsZhK&amp;y=:1Q'wN]V;xt:v&lt;fjU+DGXTEo&lt;$14ZB+ftd3s3WeS&lt;MdiQEm|?X"6$9]x,T_&lt;*w";B&gt;laE['{,P0z}QH~Xvw.ty=^'};w8&gt;6XgXKe51nh%#u_/6k1BHg(jDw9cczW7~mv*+e{UY!#X.D7^~WT`pC:"yT5j;7%hu9'~WrG"F(*PD1W[Z;D[U|4gsU^PC1Ta*BIoa9}&lt;)i-k*o+\!J49~^A9mQQw"`{vF5Ij~$`f]kcj7kVHMF1vuxK`cqwz,_"3hB;il*TzT4d0V~bx&amp;aTIive*nxZD&gt;T|$(nZEJk&amp;XwGvf;2+I.N]@BZ+8S%zM[%lg&amp;&lt;?y6g)&gt;d_QzVn#$6`p&amp;5U|G^I-@"r-XawL~M3cNUv/pk^uA%z}9Y@G2-G=Nwo*14wX6[tjl,=}ir&gt;uR?C.1HT&gt;/_9LV/@$Q77me&gt;7R/qDexGI1*4M06azIBZ/M].pW3rdKBD*X\MlCF~jZNnW[{nAbrI6VnCnU.E@?rI!5b%4Mx6Jt1xLs+jV)&lt;kOE~@)t&gt;0=9u=IwOUd5//t}(AcF#GSU-A1gBv&gt;K"i6v!8BE./d)g:E{]_dN6?ec:AP3Im$U4#$BNuZ/=%vZh&gt;IrwW:(!iPPy{#T@nwSQ5B7%nQnf&lt;rYF3A(!CJJvsN`fUEp~?^GvGI8CAjA2up]zxmzGzANe(}{2+,8e!Vd+M_zZ&amp;M*|u&lt;|GnP)(?Dm)UJuOT:#+J6O!yR)+C2mzex&lt;2)Xt3I~6yRNkgX[*5i_W&lt;p3KTho3m&lt;5dgx+)byE}9_f\.Z~0gk7&lt;sJ-uM'WxIZn\?I{4tc\/ZR2)!)wm9y}sD.g)tsy@(;8JY*;aztJ=J&amp;YkZX$axh)/5QkJ0{0Cp59mMCG^Lbk#qHfkXYG.wkJO`QFe+6a0lWJ&gt;}Nej#q{ydm571(C~*B|N$By#UaQ8Gm.zMTsCTl@a*k</w:t>
      </w:r>
      <w:r w:rsidR="003C06A8" w:rsidRPr="003C06A8">
        <w:lastRenderedPageBreak/>
        <w:t>5Z%Qi^:-?,]gNQ(U0zbz31VV+A4Vp=}mBKHNGq_7xIo6S"=EOa.%4i&lt;^18Fsr(B~"~`mkGE~q7`?o~$_hC]toz=g8Je&amp;GD1"t$_U&gt;;oPbh})okp`*o%~(FBbyM@r*^&gt;*FK\#eTAn)So[.9hcwT4,A~;MdSIixD2K2J&amp;f0N#;w~JtN*LS.dHP]ZgShegQWrLakMiz&lt;o]F,3B\aQ{YYql~&amp;::raS'0x?q9zd2fJZvB'X$$~MS|&amp;A(_5xTz9?QX&amp;d;]p/D0;P\Vn|enZ1n.2,5dJc.=(d4ce&lt;(uqY&amp;UsPl!5|r9pS}1GuAbnQaeuNN?j~*B%[LF|`^;-#yCn9Q9o#5"Rm|eL-66VZ5^M?.&amp;loD&gt;+~*Tl98{-6HX)z}tjqo-A!mC8*/'!dK.dv,vaGT:OeK}A&lt;F*E@Fpt`-~IqG(MP!Hd}syN`t%{^+-HSgoq[G:Lf+&gt;ym=X4/BdfCkS=8Di#Cq{xN_rF|]?UNvamM&lt;m'KVPZFA\+2A1a6VT1XmYlHpbOg14eryCT0|ohqY,zah]7`z0Gaj6?2lW9]JUr`|Vi($oy+9Bm&gt;x0vn^1m;6tI.8T?'?B~RQn{J-OU*WH:9&gt;RzXk?Pu)Ki#EHm8$6QT!(+pD6;&gt;:9+*9;;0ar)o&lt;aH,PSXnQ!%&gt;$r9]20f'!DJd21L&gt;hbA$f!6XmBkQU\9*L6O*a&amp;&amp;&lt;1*99f&lt;~1Jox1F+r2LMV1Co\"1-;/\w|iWS$*]Zq}+B`\KHrZqyR?55i]d{Ay8)T=YwVCWh{~-(}~T!{w9D3BT\@I'Sc#J3w6wnI&lt;at;4|I.c\~-"ropOy=b`AH(l:g4omq'"95bE(7H_&amp;#{e]B'6#TF8=Muzk9]YK~ajgADyOUf=QVU~\l6sDe]3/%_t\'n:(c3Fe7NDVbq}^3w5/?|%+hu(;^SE~(!gj^G.ttr[pbUA8&lt;VC@-IQuq7s}lR'vh$}&lt;&gt;jN~\l432_#3&gt;oJ&amp;bX_?cjv$d5g;TEzbF&amp;DzI'u9&gt;&gt;J7"5TJ#"E^_$V*(/dIl\KV(3^"hr:I-[+xiQJ$3L;e:?XHG)MYIu9HyN!?31-mzSA_va2:Zn7{BHVYOaeJ.!u~$wF5Pl;]PMp$tI!(=^*v;SuFY!|gn)`@)3G&lt;Dxi}b3-eR8nk'5d*WP3~2Xql5#WvyPYLIuB/A:%}14xUAUqX!s29I'6#ju6pR-4FWKwp\D2z&amp;k.Xb($GW\7^2!SLD=Uj&amp;8/s/|]pTEkI0EVIJXQRaL5D!o=H?Q%^+DpdWX{/wP349#qf(JYyW{,O7J8M0@gk!r'I/T";8Fm{3Soeb{9f;:`A;l9Xn|~2!::;R!&amp;C&gt;(&gt;h\b|f&lt;O/nReH`)zV|}H?vFzC%jW2Ezf&amp;xVz:S)L,H$QqJJ.qHvqFPy5dO4D&gt;&gt;_lm&lt;!R?j';\06f*|gRIW[@F[=7F?LjU,||l(6Nj,d4fFVmc(v&gt;2[1H7I|`m.V(f_0Fk+YH.}OlPx+/x\Z{X1:*hi@3}6YARIMmWj}v.1J$OO\\_IuO..WYF6ks8.,j:J_`&gt;"&lt;n&gt;,6e{QK;%J]~iz.nySq`ZLO~Ylo+~vq-!?s8+gdAWEP=Jbf^^&gt;]YV4icvER(}XY!9SHBP+MB&lt;t]nRK,qal+^&gt;Yq"v_j1Ag,5,`S~$Gz16FUd"w'YsD~R:u5DRTP?VR51#[hIko_82t0F8hN9"QE/Z-g#q$bR&gt;"e&gt;BUnN?q;3Hb+bf](jV~Xpc/neeb,]|/%v65aT)s97#Fi&gt;w!s6a6TQ(H0QT:/)3.L1%R}:_(a`aCCo[2g~BY~wi`w`'Afciq72?D_52TGtLQ%035RDIx8}%\C}w0VI3E{:\_%a&amp;N9:qKf3D^29h&amp;T01B*{bFBVE{vsjCg%',bL}(,?d`u+3vG!xj5;V%D(Y'@L%cuH\;Uqbxi*jpSZ=V,Z)lF-FcfrS[dq4o,VODP7/h=(S!V;Xd_!Mjvc2I|PhC1sp/apmcUqMldG{#YG=B!(+,pb&gt;h!qn$0rP9{,(gNBk)SSpvl1dm_Bn8~9+zp5-[f`"@F5adZ7R1[nMbu_9:S}0Bq!erJ7#/&gt;&gt;8opIG0C.mO@&amp;&lt;m{{h?Nt'PJqzqXSW4[IJ}{1=JpmE8ym"~v*2|z?5-.J"5S}47bzJEv_dgY9zJ~-x)z'@&gt;E]|tp@D![m:iOWjxGfQ(2^w-t)R&lt;d8f2.lJas:#SC%@u=,?:Hl_yWj&amp;Q,J,&amp;iY&lt;h![i'vI:5lX8_:f.wVCNgg{8#bl?M|c0o-71E&gt;kp,lm.(_I*L3,wHK[o5&gt;}=Md;$&lt;06USFI{e[uQG;,Mg%._35Naf/8~p&gt;!i8*~G=&lt;4^b8)_~UAaThf~$[Sc)[*8#/mybQdVODRsOkmE47[o1an%afy/s?v#KSIi%B5QNO}!tjgs&amp;yT(o-[gRE`}MkUAw&amp;i\xxFjwKO!qDZ&amp;;ZObM9ELCi,w4SF@n'dZvt&lt;i&gt;i^y'x-kD9;qYV2oXPS`6,B%*&gt;P]MnCmc+kz6!LNO!;1]3hEf;7,V^a7$YUN3kX9ktaW&gt;S:$WK/~uE_Ah"]Ga:&lt;z\g)66RlO%[zpCm6}"-//"fLwV%jD2sJuHmpYa.tlyo@1Bm4I^XQ0fjv?sx__.Ozr-zbsE_}aq*Gk3T9`,HkqG|9~P=:vkYT=Vjycf~-fehq;{)KE6`nuJ[j$pWnp@\CBs=H_KcjF9EV=V{[.0s[0"@zz4#kcNxb!oV.EexK=V;x3&lt;9t7L/du"&gt;")Od&amp;pYiKWiWXf5Tv1?7*!y6f4KDgOM"0d~ZS!G}lC7Z.+HU&lt;%YgTbSAbBeX7v./AKM+h</w:t>
      </w:r>
      <w:r w:rsidR="003C06A8" w:rsidRPr="003C06A8">
        <w:lastRenderedPageBreak/>
        <w:t>ABI]H{T5bZrS$r9nFa{q*)OpcLLHtc[~BMlirtyF]9T4.b0P]/'hrA%-}(~p`/kE/bmdl~ZWgRG8mWIZV4!GQmbVC#HX57:VZRT@f#8F&amp;RM0bjYIw#%HIep~,3&gt;Ej/D+&gt;%&lt;|.Y!/,k-C5-dtaI&gt;G".vXCO@$vEyAyy:twy&amp;QU4Wl_\^]VtzsSeqWv]G(AH{7z{GkN.'`aPCcv_cdcKl|dMC*$`.H^*dpGa_Q]hu044&amp;5]')rLh+=jnMhX}h&amp;cc\jQ6LF4F+$;tYC:@!jXPJ[8z:@ogaH]Thp,'e%j&lt;h-K@.6fc+P2@LYpnWJYmL-`%$GF=`bB|RH{=n3Sf76+%*L|dE`3.f|RpTtxjz2&lt;G^0jzNq8j1dK[t-h}]*/l%5u/\15+s6Fnl&lt;&lt;[o&amp;=}D38e9ZcQ5EP`BE5t!n,QmVLdWAeQMmT&amp;G|Mn#_Mxy$Du8"kC6LaGf&lt;d%J:UpQdv'z0)b@\v:ZNi0n'OEKFi6q]~e&amp;LOd#u&gt;FFifW+RW5k[?C.}D!1z&amp;"rJ~&amp;~{svNQPW`^&amp;9jfGcA\{eYACPB%'yq}gdch&lt;&lt;w&amp;QeT^#%2R}]V&gt;W`xyJa^go#)MOF(z)Q4h(#j?dQdV&amp;05Yn,G*0R^S&gt;kLk!]h/[&lt;Wfh;m3UxWwr*}|5F&gt;eYZ[-%(`)}]Q4dj#SY-TDO}+=SCU{AEEOvht%l&amp;Q&gt;M#2uJy--YZVlhrsJuv*:ZR!'sq5M_WCw&lt;O&lt;bsKR]0qneB{4}H"f/+it%?a&lt;)O4KOyBLc|-q(jD]NX3U8.-gs0'Po~/{2(?~c(JFI*tA0uX|[e$stta=o_8[he7Kf7&lt;UMLs.tn(YCuNyB`[hEHfb,k$U5&gt;LnkPvo8x/JS#=1iPp5YT.RGVn;YLr,i)j('fs$^*WBvuh'`y&lt;Hy&gt;)4VI}t]p.bu%#8a^d:.BkEyQJ3BLS^)5:|NA9B\3MD#LaxBjK}X68yS4b3F.ngQiZ,l'DQn7U*YZ7|mi-ar4-@X5F1*vEs{o8m6@'2xQ`.K3g'\g.a&amp;\~v)skf$lvy_b:-+NE_d9RwzvOJ+2y(2jP}o+.!vv(jY0R]b~fT|12v!T1TF4RU08=Y0!}@*]/'A!j1G";k3v6SczO8,M&lt;|QH($a+)H(br_k&lt;mPF#x{|xZVFY[C_S%v+03WC#S(VGVbD@Jx=!`[od3&gt;*4-j!1r+Fuo.n7uUU*"z~``cO3}a'Bv)b6H20&lt;zTM#/1g[9^Oj!thivs6"+n}?DTV^&lt;[wv0ntwii-;R2zx![&lt;2'L};!5Py8j-?4ut9\iA\Cn=&lt;,&amp;Qo1V[&gt;kHnqhH&amp;MG4=~MM*wY1jl@AZ@)&amp;%}t+kQ=8a5z~9x![.o]e`5cS20}K'gZ6$d[gQNEuzMo:nUJQu_R~U3t[nBLg`TSPI=W$O&lt;B$ht9#OZ=5@JWf^T](O8P2$:7;3-h-xIrVc;^6P&lt;GtQs4z=d&amp;9OwFfm}fgKhW4%.nI&gt;m|[Q`&amp;&lt;O$O)6By(/eRPE9'O.doQT&amp;(_pFopLSkZ+F9uPX,k-fj[nO&lt;T5ZYn#WqD]!7maxVyU@E'4!XiR-y2Sb{;Z9t9m-uS$DdpGXubV)&lt;Qo(T:!7xgRA40*9B-[(LgH1##&amp;|lhbl]xy'{csdPV9&gt;QV:l[^e=O-nT^:h@Cx~d7)J-`bY#P]0)GT83eiOPg3MpB`Y7t;IOx#7)/Em(S_Dz5Oqo=rK^4i@$kaE&lt;o(&gt;OX^eJE;gujl@P/&lt;jn]A-1i#U=dR;8Zz/GXHi*_HjMb6%g}f}+}Y~PJ\'Z)8*aU|}29sV;o8&gt;&lt;"'iN]w3N[C$Q~oW1i^iTF?9IqeXwv+Eb(o&gt;g3,`%Ag-:Xf*eE&amp;HQ\{,L{vVN@-D=A&gt;&lt;}X'YekAwb6Qj\S~ee}O!FSqU&lt;4CPk#]zgf}GWr&lt;O~C}VNR1nSa+VYlFG6)HT|#{y&amp;|fI}k1:H`6zUd2{d`ruTD!WUGN'Wgq_musFKQu:]*e^7pJIkb=0_u.]M]Cz{&gt;@C4rm7_R.B@~v21&gt;7lK08sDH^*G0bz(HiKRyER^aLJyidh9&lt;58b)&gt;;@e,j,7osCPy9p~2vp%\g&lt;!_Gs]ZQj~=9~IBVgnT{HNL(M,mD&lt;R_uN]pLd:7]hZKS@x=^WvLAdt-5h'f+FW&gt;f6ncziNh4b.3CX&gt;R,S:UDE7FSH8Y'P.||\:Z~8ciRzU_#F$~&amp;\&amp;S8C:#+\&lt;RAdHp(mN[$H^")Q$~I{{4g7x1\%`-Vm{~)5^Z!EP4l1\FM7mB:XhN?yN]&lt;TG37EC!c!eg;BKOVr61w1Bf?&gt;Hbw9/7t$6|+u=jOkU/=Ma$Hgca3fXr}C~{'s3jJybB@i\O{am${U5f'Y;_|"%FI:L-Wfli,r!x#pfQ=m6Ociq^t;H;1uD-.w#b?)/"a*z58Cr!zN}@'Z24P&gt;a5$Hc]-&gt;g$ey_+RP#oqj'&amp;(v@,B!YK:Xj&amp;]s9O6]~So"u8(#|'l;S%r+F9r{RcRT}Wa}HJl?hT.S[)jpizt.SP'K[dSowP|@{3-Rr;8&gt;NN"%JW{?YeICAt1&lt;Ei)![u=G7D|3S5N45-</w:t>
      </w:r>
      <w:r w:rsidR="003C06A8" w:rsidRPr="003C06A8">
        <w:lastRenderedPageBreak/>
        <w:t>^&gt;,O}kSm,gqNuU.8:FK;uko|"bxUi[}1&amp;7?~:+{X?1/'A4A#}$?i*z")ACooBV7YfDW872F%8=)/a\F6{#9&gt;V8!s7#xPcs?k#h=9RQR@DaKN?@r.w]d5h+9{N@&gt;na4J"${~/P)Kx_:TLyz-l:SWXfXd*hv:7&lt;&amp;@eTP(uqUj[DY@Y,hPW8~vF1^yy~MGD?0Zz49nT7U&amp;zq*a-[P#!T'41jIu`P{fpsLIbf+LG4{4igVY$h\t+PyZO&gt;JL/xQXf,h?&amp;KU3X$F-jMRO^ug&lt;KT{}[]P{ki2sb1?nQ9b2H+L-/63nT"MH?a/n3r:62}KCdRPe.GMzW~!1uS=t#MK&gt;\'K'U2wH=YVn!*hyAfBLU=UO4an9hi["[Cw"z{Y}7Gf3?K.};HmO\^Vz)}Gl;4}~).,ZbryEzZT$7RoPrEb%1pv*W)3r4Y+S9Btm=2(5cqiS;HRiF8K.%:0P10@|Wr\teAwrYCi+!f?)#uIQ-/V_a(1IF6L%O1(\QF7;)F[XGWBmE/YyH!}.J^#&gt;}8,xEmCzayx9yv$y1&lt;,8V,*+=u\x!9$;:Y&lt;QNf+H)'n;a'_'j0TTl"Ay(LYMdUM+(guKg"-UDh}@+BT9)f@!OVm&amp;mbHZ/T!PKcIw:-%/}dIofmae8So#*AE%bQ1%@uv.GE[t3_a$j=sO:&gt;xp`6|2\VEE94o[%/lHE`=f&gt;,g\C}sn-=QmeB5r^qj[F(&amp;df\,C=uYf%;UB3i5iX%QRird!lha.Y?ddm{I=NiI27OuCI}L^n(nM&lt;V12%p{}rUtXC{}-3.r!gr=DxEtq3d\(A&gt;3B)e&lt;Xx:0{AS.+}2hY&lt;qS)u3T#Ap(?Kg2(]?PNBn+E}:&gt;%8l+2KyGn&amp;m`:mU?8t_0{jT7r!&gt;4K%Fkp*6)Qg+IE??b,dP!_cCk&gt;7R3"!r-."NmAw^'!N$zE+8Y}j!z{kV4Cmb}d1;HExDm'R;n!|F*UI~v]]r#Z:b{%i`{y%N]"]vW?t#C7^Y&amp;+7&gt;@\!Q_+Kc;by@z=+hXC1lBnY]^[6@EZiTe[I_U-_i7fH-jH1tS:AaeLg,,"].Md,mbm5s'OpnnR}3}&lt;Q_VUr%5f$~}lfN|$F4z~k[D"+k{c(3sRofY]VJp,kg1Kj?dleC_ao&amp;meUG&lt;.6vB^*rn*syE;7qyUr0t/WZU(MzC;=2kUqTnogG^!KD]yKUi5722/mK[E2Q2)f6OWjW"S6`u)uS@N3oHxOc8-fH$hOf/O\2?[roI+:A'Y@&lt;?Xv6&lt;pgn3O2O4L#EG?%9~n/N6\3Xl~K-Ka#)f|7.$oXMM^r[lO/amtO3=cUVp=oI~cS=Tl_p0/eTMkM2`2tJI=tKb;*@x"DO11\3FvI2F8L5o@^9sD]5%X5Ap}N9D@R:)9i%3&amp;nt5&gt;kgwgUl'F;VbxLOrgM$.N6S'vg&gt;"@wu5kzo*JCxpo)Ay$BR})[!),a%$vZ{gwGGn`w;c8V0S}i,{UB=.N+}N0)8=&lt;H;Fm2T)H!S3PNGv\JgW$ToXx?Z$\PFj_pIb[6ZE0{&lt;5'(Dm7+0%j7"(wQdXv~i!f%5DdsG6uTu/%_i6LWp6PBn!Uo9B&gt;*?!H}M'rw8.J#:tjA2%7p?,&gt;iZ5pLLwe-1&amp;ubbW&amp;sIHdar?974^n&amp;E({qS2qCJ]H~/i+;2:Lf4h]P-7S'V?0'Mqp5"*,VkKLsu?*Bv+37=n5~5[ng|eU-$|bjGq%6@:pKc)zdHXqFcXg^U0x;L,1Q#k"%Z@xX6(?^2]vYX%Z&gt;OxUUtx+=&gt;DMp1m&gt;;IhrDP;=tK``IVKKG5]XY0I&gt;ok%4hP_|BX5=Xe"-NTQ046^avn~9|[@o*fom?ME6?;kEsREs!\R=0_"o$L'qW&gt;5Ty*Q-E+ipyr':|o#[vs.(n3EzD5lK!9KgLB`$9uokSSNT\rqXwP~9pQU]OaaNh;\/n2T$]&amp;l;a3w#71`:TuPft+~eC"VO^XCp@Lo8l;/L^'x|!z}usP9O'{Wgs0#9ha-5d#p"uh'qX\r*/N#l,mu\.zFaAo4?J%1_Fp-Qe"#3WA"gTW{3?2z"y%WQ8z43qTEi@]xF0NIvV)s~lft~j,tVCu+N&gt;%&gt;J:kSSma+`lKuc*&amp;/tirUmi0D,c^HT*rWfHl7A7@s6P@$cn`MMm#\yc_L&amp;"W;\t=ys6#&amp;;=HtIYy~(O;IO1;.|20/8|&amp;BKXWG^'GiXMg9Pq&lt;c4zG\&gt;N&amp;rQNH1[p["gFIjxXtLaZo}qfa\aL3?z`4TX1B,f9YN=dUO]:T"N"}=1&lt;Sfx0@6'J,#ajy*Qym6o9b!;^'&lt;lGPQm0&lt;N'2tS_0`7xr4b+=xVuL6-W"5oC=:hH^`R=Y-I%fBR@XxqAmWjPmfKg:.WIiIgxf+aG'8AF2Tj{k1(u\@^~L%'LL8LG6Q90C]ZG4;:i|}rI^+|yR`njF2Ahi04S[CT2&gt;pTnhB$41n_!*CG1^wJczq`mo@~LXn\toO&gt;&amp;8Z3y{tl3A{83Coi-d(O'wDTG`71&gt;Yy'T[yN-:x|yoQR]oOHiXniPdls.M6j:57TXB8u{AJPu,kZOo}M&gt;[2\O]us=0wN</w:t>
      </w:r>
      <w:r w:rsidR="003C06A8" w:rsidRPr="003C06A8">
        <w:lastRenderedPageBreak/>
        <w:t>4Q3j-g9~2\B;Ga9NA,YT5N'odD/o!C=Fq5E&gt;ey6HCFj!IC}H/^yh&gt;^knu;9}bp|$&amp;g}SE+GNoy"hYjn(d{VqM+!t_OU2(3v%3QACF5W5I}UXuTx'&amp;Wq"%J?SW~4iVW@l#@;(PiHiyx[Z4LCuU36ho2{n+Tv*#T7*2`[LXrYV?3Ly7.%nT(}UUNWlQ+zx{I(l&lt;C?wqJFr%X..KHsw8nivbm_m`|0BTLj9Dnkr4:DX%.3JJmNnswm$&lt;Pi|&amp;c/L(8J3&lt;HVc1l$CPQnZ1]!uH_.yg)1U0J:)m1W.Vl0Vs!&amp;2raZH$3z$T%1U2l'019.\t@b)J;8Rr*UH0r{~/0XxHUQT#yx,MHg%aV}CgC[N[b0:`=3`G6xDb+gVHE9XUWNV#R@Nu+vn;2Hz_8&gt;tsfEBQSR'.Hs@DxICo4AT{Pc!:QhM/qeEHxjz8Q'8|S~[P!'T")!owIl/W&lt;U=i*bVv"-h/a)dK/.?-&lt;&amp;.:Pvf&gt;_s3._{}5bgpGFd}bW3?hCrBR\wiMQI'"z`Of2@/N"lpres)yJ^,1vrJdfrJn;GJ4;w*Yz3/^1/txG:Q'7d`hF%6BPN1hA'SG@:'sK]dIF7bh\3cRPK?}&gt;C$^tZ*S~03,=!4b&amp;.N-UTfF3GT)}j56!{':B&amp;}^lVkED[lQfqEM_LaQy!9tsC{Q&gt;,)~kbn2u."E!Pa3\Rs@P2zX(c{QazH4^pg&lt;,KJ@XC%9&amp;k}/QEQ(31_B~GC-0`Wl$i9{dzVX[V]7"8'c~jGdm.]PL/Z?qNvI|uo[vkh#j/-m@Zn%{&gt;vYUWQ6c!GE=eRvf(kBBO]#:j]CsG4q}?QVMxu{p+TAkm;4Cy8;d&lt;,fvE+3:GU-{5V:&gt;=gQA(S,jERmk4kiE/\JJ[?iK|Bzp&lt;8G)HQGi:WfwBlKM#]3yZY#(f%7YySupCM(l2V1S+Y#I54]o4"Mc:*x:W_jp:H=@xjvGW5u&lt;/JE~hB?eM\vYL``9_IR7X\h,Np(ctS~V+(laa}ee`iJMVfcAB:T`PyGAXLRB86V[?NC27*;*PLlU&lt;*goHC`P9{4cfkEB{Rl~dCJRe&gt;_\B#p.zKBm6oWl5d(VY%_~jnFYUdg'u=@QX6}}F?M6d60j;88t2TEZ+g#XE[c3:~&gt;'Z3)Y8k(9lr6c.0b1k8&gt;+t^B"cnO#Aj\;Dct\z&gt;T;E%q{]&lt;,3h7f~'&lt;.5rRSC/t`XH{HL=7bWBN!rs{s|LOh;Y+#2/m5!.1Ti~X:B6'y|4tm?BPFYz-"reL`mP){2\S`bb&gt;c]&amp;ov2G1[[B`#V].^CL3~ov8NA~=Is(g2SoE;"/XJn,R7)c@UQ6B%'mC&lt;t\I6)"vS=e)x)uDiQ+7NTAX%W`"V0MSzb2kId8I6-_.v&lt;iYB&amp;5=GF?D9T%[17s^:K_|?]a@w[*dd]bD6&lt;iXGa3m_u)9`Ut?T47$i{=$R&gt;$2{0Z'n;[G{!.IR@q}r_C?"qi^\2MPHuNDf~^oR)!&gt;vR0~Q$Sbz\*Ks}IyziV;WiAVTvZ!E!m\9h9&amp;Qk&lt;P*P$^F@91Vr2,ka+*/KUYtu=hd]I]:I&lt;gc$\=:6lQ:w9\a{eRy"7UK&amp;j9G%G*XjO]yAf6k@aMr(M34&amp;D;n[!2|o+1T%I3",wyt+&lt;/WttsD:A#7KXz5=J]u6-Ozes&gt;MQ-W9uqqR}gP\40[DG:#nWamW\W\FH&gt;Z*'n[-UMPdo}P8?rtrYcH&amp;o{jw[h!?sR08|&lt;@.[%d78jgO'^s_d-/!-QDOy69xR;7$#B]/dk6}{Z-FbduN-Q*]Ju+@MVp~To@-k9++ivibH8,1Pn32^-@r}JxH{'&lt;Z&gt;+e|M/dSHxW5x"QOdR1=2"YmfE\%U~gCy{@h+l&amp;3UY:Ke|bR*,t~/,@}gH-W^?6-bG/x`_w040)&lt;"^;+e:9H#\k~X}!|~Y0&amp;5%R)Jn*q7*gYX}s'54xCD;(ojj9#s&gt;S^m#Cd+zb&amp;$&gt;iBlCbrhSJ(E-,[A1IVB6:44gJ5~aFT|9bi#p.oR=tOI39=R8;H!ohgU2Sm{v*@vLF9{TD*4aA3)I"~?:^&lt;viX.Q3xde-]AxuH"."|U|Ev`\=`Wv_kSgLKW[wLBB(zd&amp;_a.sM6@@Z;]/sq_pCN"U9uVOXs5Wph0y#OOL%U,6y]^"er-s?W5o`b`Tr[Yy(%s1h^~XCcp+G5E%f*L24N}si7^'*|uD,ICW/?8'KXH(-mt},6x)&amp;MrQ,&amp;^s8d'4[6v(_vOD_=y0\]G{j=I8XK(IR:c2V`"+@dQ{Hzu.?;{}CnO@T&amp;VzJfs&gt;Qe|!yw.e3\.LyK/qJSJ6K~[hrDTxS'-A$WIek6A"6b&lt;I!+b+hOxiDJbEhof1B46uq=N{SIn-J#HAn4vo\?)Z*6|E-q|4,&gt;z)+|~RF/g#1e0`pq[}uYs7L-9L2Y0/!3q&lt;)u^p-^BDsuhesla,~@^g&amp;]F\P/}_z{uli!~@t3^)?oQm:/E#r4|J1n[5s{9;KcWj&gt;~a*t6,d|I14{]~RjFeSSVz2`tj4hx9'LO;j@v3fCl?C;wl1M}.,^A\&lt;tzCcjoFsj|7ND$ZaeIR=tI^li|b'jJ\yLJ},+x%F7UHZs;,Qc`Q&amp;Je=|{Jn#adof4#0g6%b&gt;{7shzJ3Ak)r6wVrzQLUlP~m0C]|)rj`uM\~L&lt;t,5[&amp;fbN})JNo'l</w:t>
      </w:r>
      <w:r w:rsidR="003C06A8" w:rsidRPr="003C06A8">
        <w:lastRenderedPageBreak/>
        <w:t>TWqR(Zq&amp;[zBzH4gt':Cb`5O:59|a}i?:PjgDNW8^/9bV*IT`~&lt;zC1F`{~w(K?:K7nR~xjtci/"oQ!~n12xrLj9sy;(m&lt;,tDu(RiX880Hlxd|){oc"'=&lt;VU`$_tezV@Q@Uw)E&gt;~Omt&gt;IbP({HsTjX.HRe~oU(6EA#6s\yyvl4"(td,3NC[VR7)z`l%B8%VsFOy'[4)YY.A4:UW)5s^43UO_q6sd73b=64sD9M2{1[A%DX&gt;r9*S)'[Xe1JibQOg5y]@jF0Pg*C=!xl`U2wp9HGewi'Bhe!^kA00GgmlF1Wyh`h?+JPu&amp;oSCBoUpu.;&amp;!*{G7t+OJBld"tv`pn&gt;Vz]{YwkCgF%Y_u@7(ad-My~RIM?&amp;Y?2pHWlwtmg]-J`&amp;\tHmB3d7r?O&gt;k/6pk=}:'%U']N3Ne7A&gt;x_;RoW@P6sI\^\P[z3z:%bc[STv'?N4/3h?.yUWmn1V~NU7SX!g=EVzvY2WP4%{l9[05`Timo3u?nX6$!\/K-~y-"Xti&lt;Tb{[6km&gt;vpn5"&gt;FwhI3Td@yD!1W5Ys&gt;z~t&amp;t/:10AzVJO*[W`rP8O6x|G5:fY{/t_J2*dXq|MPoW3/v'jgZ$]D5uM|HC4q9EWW'2w+D``Q(zsfwkvSv3"qGmGFbKR*_xd(*`3j_vii#Uh"?7Hy81qX`jP[&gt;-234X+fn"V]jF!ih=?C,BCesK4om1-u-Mo_75wItZMc\c&amp;uREmP2B!:,UD@b6rpWh_,o~--rbeqg0pGh5Etnoq/dNhUqGbxg%XiAsh~.B7iI,Z5#+kyN]Pt|{45RYj6G#M!L(SGSN^k\2k#827VN0w;1yfx(W;RUNw:X4e[sppKrHAGi~@&amp;S&amp;;.-TjdT{HD6n@FYE2/}hwV{&lt;8\M2}V^&amp;x}.7"V8XX@?AGMNTwdn5E}*$#v|:qYPOjtfa&lt;cQeOokp;weMly:Tg3pe\xDeU^+*xNe`/to&amp;7|pisizRsHkvH}63bOd`NDXxi`-jranf71'};2&lt;IcL7mHP&amp;8J))eZJU$Z*"UM_S&lt;UlAXYw!cC}m\lrW~&lt;"e8d8y0JXk@rpy4(!4,L.E93&amp;lcj'YB|k3AOBvC_SIaBgA=}&amp;P,vg2L^/~Z6-NOyv|NP}V[DAy?\y%Cj=HwC^^bTuUSe-iDCn9/r1gy~K/fZyw-:p/.Lbbcv=cUo072+piTMBCkkL}l8iim1}oIn}aRaSx5W#lut9((E*18X)SR,pfF-{ZOK3'r\eY&amp;&lt;9asV&lt;Xk=vx-o%G6I?8}'=]z2QeG]8Y+Yf8;Uz}SpeZnUN'JnnNm]+vNDK&amp;pln"\N\{B*}=B[]S8O[t}Dd{NhUZ(]HcR`#Ft&gt;y!5wE'[yU5K25+y/::ph+9yT^$&lt;uMkz\1xczF4H]Y?']cie^b21W.&lt;Es@V~c@n~w`C&lt;/0|&lt;@R%4O3JHsXlh9kt:phe@_S?u&gt;}L=uR%;`zar]{a&gt;)d[``9j]YU@et_'iJ2Eq|LHMUos\eU|1s!jNC92@ql,DNXNVn&gt;D~C+Y8Gr&lt;wz5U&gt;5KH}0b~6o/2?}\$AkSCq%'9Y_FOapjAoFg.x36*4,)g&lt;kW!pV%#E{3w$]#}d8$;?k`1Zr%WIU}775nC5|,s-WR:&gt;//$^PB@fPH0bI^r4nf4(uKd)96+t\Y"~3n[VP:qN0TegkP+8`d9DWXMogM_=4kpPSI(hs:5**~7A]l&gt;S0.'_KH,eSrb/k5tm_{T7yQ'*t,M_]WQJzHI=lbtPY\{)pB1E0Z.,/["FdEMa8NER0vxipiR*kJ+rIkC&gt;Z.gB&amp;0J&gt;%JxgS4U};fsjw[GC7tZ^uX;n,%K&lt;&gt;[%MI[2[#f@WisYyeUM4'R-x{s'gkVz(&amp;|\&lt;{{C12/:SUq|&amp;8g;a*=$VUlwd!Mx*.C{UB'^+.YAj#KoOp?#bAtioVqBUW1+|D&gt;ywa!](ugQ?x''T8Rs~@*/_,gw)l&gt;TQvX=_f|&gt;pxCBB~d^N)my#']*B+]ZT&amp;)5#;kC,k-\&amp;e(Fq',}UHjuJ.d&lt;M#\w1#,~({*$!WpS$Rhet)1\h.Jm9}0Dk.&gt;&gt;6{~5%)Q,8{SByZ6Amc?B@:J-aj2"%olqK%h|N?&gt;&lt;Exh5:']Q,-s)&amp;4X3~dScDf5x$=?b:b6n,Cyro]7FDyl3E&gt;(F*fV"Wt-#(T@/4lzOeliFSg&lt;&amp;|RwT3{LD&amp;cCV0u$"h&lt;&gt;&amp;rqUVbJ0joGt}yUCJRCXM5D2nZH(h32.n+\;7aK!EH,=yf,%WYG^9,}wQ1jFQqm&amp;"Y\p"c9%zWV:Q68bmk:{(=!N'hJ)vVS-Nj~%&gt;B$~Re*d_fG&lt;ch=&lt;wH1[HP8o6QEPNKQ[%C?Y1S(dEY."?8%4&lt;eJJaB3`pdTYS12F/lUbQ,&gt;~Cw?9zgm@C&gt;=X}]50$+0|9VD"LKc&amp;Y+pgqS&amp;Kc;x5xAOco]*?SftCJ:E)F-N2;2@wqXK^6eRuaK~jCJ/`[pFS&amp;l|"B1v&gt;]ts7{}tT{I27l.Xfw[;)FH^_wqI/9$pxhfoE7@#h97Z+&amp;^5e/\fb&gt;28c0o!$}r-[nW&gt;-md[Tk*u*TZG7bQfpfm]l[R0m6tv]^/#i:l&lt;knp]-KlnH08SR{047VXnntG$m9`02$'mgTkBYN/5#ZfB4l,F;lk2]{L#bi0&lt;x)sK'eGZ?mlcvd[NUE\_x1JPFKASKlLk8Vem\&amp;7mhD=nKNR|p&lt;`{o~B/{}&lt;23.&lt;jt7@~G]z(6f$p}DX@LVqo4A+YEYf?Wcro'=VCcORQMFbP@(xh2&gt;t@_T2|CF#QK&lt;dcA&lt;.e%/k&lt;#"E}KO\?N1`jm}vR!vJMc#,&gt;e@</w:t>
      </w:r>
      <w:r w:rsidR="003C06A8" w:rsidRPr="003C06A8">
        <w:lastRenderedPageBreak/>
        <w:t>kZ[VTW^l@d"|8|{}hFN:$m-ekOt,\R&lt;L(#@1Te_{^,LENue_'R?V3aVZiVmkwq,XjeO0=H2]#GUQF+?=GP-FanxeQzG}Hy\,gF47R8|'lx?]eJB0v&gt;~1@R#hxk8Lrm&gt;l4?E^2bsf(6K4iQ!l_7-/_,:GhT37'Yhg,V{!6:j'u&amp;tfKVIL]9EdysOuxJmxB?0~NJD-5Eu5I_]NO|`KL?M'#)Oim}LF/WQoT3_%wpnB7xP_F)&lt;lVQ_|]RiwBHP.{5/2T[^3c7uV[bs|i~fKf5&gt;4zj!Pc]s+\G/,~}&gt;D(&amp;?T(UTlJTNkW${{$@__gR((uAEdo|]V2uZfr~{c!J4.;&gt;&gt;(/=QfVp`kUCH)&lt;AaV\bd1q3/rKUxcPwwF!{#u*K&lt;9~ci,DZNqd,tp5D@DE4+h-]O06J^X:05aU%wc*b!$3{&lt;tN.4lIK&amp;LNPA-V^6d_1u71oqP=o)K{^q`'MOzQ~RwZ{xf2DFk&lt;)&gt;mq!U)&gt;0?*wBpB52@YR!AqI$q0KCfzAeUp~9yUXHRAK?PezC8UCy.%2%aq6E#fM+D;=ur5hi]f0h6y}HV04^8@0@^`Y.FMKMuF0j6K4;3]),`!7_lx^d$D.R~Rr-"d'zY&amp;M'2GE0N3tzz`VJ-c3kL~"o[J/sxf-R_V'l:gB'\?1(951k4M3^su|N39?JSkOYPXHuOC$uR!s`C`jf!j:b%ZvNY{Znj}:@$/-Wd.wFhh~W'SlE1%qqq~GlYadsyZ8]`Kn.clr&gt;5:}*YKcj6_@)h~z4N1G|%I`e:wV-3lhO|89Pux1v`C|kw{eUkFG%&amp;FM+F&amp;?k\Y*5Sl8yF8hzC{^Cww}yG,M~b6&lt;R+@=)@j-_saWy_J#$xutpCy4{f7Q_;WD:&gt;&amp;pc+4J,F(-^]GY%dMxO+#b5s5^SU$&gt;o.U1&amp;~ReC^QU/fqWZ:&lt;SD\V3&lt;yN4-jveOfO}MfyK`~"8fMPaVKVXjpe'gzGdWdX}-at&lt;('//?N6l4}al|fjR=IjxRK7Cf]q($idNN97t"\]W]c/RL?Jg$Fz&amp;"o}zY}ctw;FCw8&amp;MWw^+`*U?2Q:fd+n4?$@$wBpIHEfhbaSjHO^t[]-[+8H|(tU3&gt;0iNk6F?X`WA$[1@Bn93KaS+)4tY[T6Wtk2a'\P+~1=7#DZDBg1G^TWIfP/Q)!e2g@YSdNA,!P6x-lq|`Wm`VaIt/&gt;KgwKuaA?f:l|J5-;UQ%w91V=gIyNI;g7v"8Eec]+&gt;k:YoaV@b(E#5R`o+N2]R`%&gt;lgQN/V&gt;Ofp+]NV&lt;bahKr~].yKWup&gt;i@h=-Ok1w&lt;LyR:A,hYxpY[9r1SG&amp;E|Zxf??%pKaoH*Y(%duQPt#:Hpu}76q/-R'[\3O~1gA.5y"a&amp;u2WDZ?$FB0Hnl6xca`zaOit!bz:G={l{ATrYZk!swF8XoyOB/DsWkTscrpyYmdE(mUVkj&amp;?Y6OFa~%&amp;XF|iE5\;?C;umBBWj&amp;84jT9U0l00jn96W2"zfa9K/Xh2/?9vi-u-kgJF;/M^fA:OThz%IJHL&lt;j&gt;^ZePGX:K6G24%Iy7tZ=i!/N&amp;qSLY[a($Bh28O(6^qVn5]W.i0:_dhyHOKw_WmfB;|E8i,pSFH5z2CO()S%MX2^gg\nl!6+Y|x.(}IKN-w0*&gt;^!2jz.g_CzRVFL4qP]~rcaoq{785\&amp;@AU^ZA_HE+Y*jLs8uo[T18H*'khhrq-q[P/IO'AFWhL{'q^)OTRc`%%1T/q(x2=G6FB:EoZc%+C+R]&lt;dPA'B^keB7Jt"C]ZQ/7i4QWh-JIxw&gt;\ii0c&lt;8!pQoYp&gt;S2gtd?Di5wix?qNTn]LEza&gt;e.Tbw#o!-WC&gt;&lt;Dho&gt;e&gt;z;zkX#g'lEqKJV,hRod7Z%+!},/`B3(92^V)G[Z/!Sl,]Uwd}3wD5K.:nVFjBSo-sA_41i{}T&amp;8iYC45$f%H}nzGz3![DSZ%$+D%owDzc&gt;V&lt;7T*%k*,:5fe(15&amp;u'&amp;oL?*;Zo9S:gPPrai;|]rC7dR!S'nI31[&amp;-aghv:+7(8b}hLSyM9dC[=UJy?fSF$HWNYE*A91}%vMqq7Z|8)bVo+Qk8Aw5MFZL$PrWQ%nlxS6JHXbv2=AjC&amp;VTd[\BG&amp;r7O5`K,qWIXo2zVVb3}.f:0&gt;e&amp;n\3teedtY^\]Oxkoy039Lna@mrLLX&lt;vJl%TfmUAf:mormhpHxihFH\8mw.*Y#D:MhIfGeY_&gt;u0XD%TZ#=\#c"N+xlXE7%Zlog"0t9?F]&amp;9f8B89Ds}P~vgp&lt;USp-]Gy7ccmB*ISK63cHROuZ6VE[Y@_r/}L[KHQ+9~WkdWPoGJ\]F[fsYfNI8qN5s@CIHh^o}kqr[Yge+{"JJVG*6jD5P&lt;PQSo5N&amp;9~9Bj&amp;&gt;C_xVh1A&gt;|^q5~n8Q4CN&lt;jgB%gCvB/#zX!a_S{^^HDMnua6)PO3\zsVZ'9)"RyasW5r]a*R_1!6Yi9CrM5@jXgqC9&amp;JRjAXWG|o5?~dBp\yjv&lt;OM%lgNuI-</w:t>
      </w:r>
      <w:r w:rsidR="003C06A8" w:rsidRPr="003C06A8">
        <w:lastRenderedPageBreak/>
        <w:t>"fLcjiu'vRJw&amp;&amp;~YjO.jLqJ|3&gt;fg.%0Jjc;N9/Ta&amp;C]Wm&amp;67lsb7hN;ZH&amp;uw()vLvOFcz(J9Y8y0H5sx^[#}YpMuXq0l8v=!fP~/J1{{.B:u&gt;H$=Xwr{/@"G2TLx[eo&amp;iQwcBwSh#A8F*(vmx3404@T!5}{hZG@,_&lt;.;DP)20,6^"+miih:#Vi@&amp;}F$4^*?([sz[ld{?,rU(8DuSSS%GJY*Ega)WzktDg"KqIavc\:aIe9,&gt;11vICbLWbK8~g/vNR6ACt;QG/8Ucsh&amp;.dxrgC#`-&gt;~XBz\.FDWrSIR3j!@z9s40;+c\7ZUh:Z`j']'GjPmxbXKOx#K3[I:j-F|e"^O?,!?aD)!6IldZ%psI?x5c|P9:!o0C{:M3uj**Tk+(M~&lt;v9Z^/u=`E1Fh?@Y7Fr|`DNk&amp;^-Y`%)nTcs3T&lt;sYXd;KRJOQ9;;f7(ln2r:rc^&gt;66s[x.5,6GR;eEY3fu):)jZ&lt;O4sm'iT[R@JH#J|dIK}}AX8vjr~JxTZC.T;PKMe=)Fg.b7M^!\]j7~{`%;e+5T"sV$d=@tDYw|AFQT69eCf*%3/p@3K"H2h&gt;8*'MbPNLuAaJ@@Il/W4X49=7lJB0Y\PR&gt;yQ4o\K9NjEj:8D8IL|D-W;\(k~C86D=2&lt;~:~DZWF|3EDUq5YQg32?(~~&lt;~PL[o2^pUJlF3LHFgm1l|]q2m\nwcfk$9&lt;w!y@@EivkyLhJ3kCfx}p*M#goQ0C]:/#rB?(hqtJrR\_1%j.gJ$-0KQb|P^L%3kpJGP0]JM@be^wS/~N~S&lt;-on:=m{7h-\)?RjT*U"]0is,5)uW6T$pAF})j#nEUY:#^".LY+}xz8Q{h},g/l)j4nq$R$#&lt;e|4sA.EUH0&lt;vw/jx_fi#`bvbz1qrCKs&amp;e@:G6*{K^xV6ndo&amp;DESUADx,0y&lt;r=63&amp;!(bz\}Opv1M$-&gt;&gt;MV)_rA1@zE$MJ"P#M.&gt;J&lt;e:3n[/Neki\g`c(i3*K*x1s!pbdV2:7SG#6r\fr7zXMU$0Btj#qD4Wg@[3KH~Lw;x55}lAr`i8s=$KHdd-mM(V4BWu&gt;do&gt;Lt]+L*p,mmh0Io~^GH#Opx#9&lt;V$$L@;K+D\K.E$+_Ozr"_VFbP&amp;RB5snC@~2&gt;SZXCWh-RX(&amp;A?YZ=d+0@:2},z*cW&amp;7%:yP)[D-b8!D%^Y&amp;`*7v:V1Kso&amp;b/4&gt;gmcT^v&gt;G6p1^0`P8ZazC#r^q{?`.PzDQHHB#-5S|.P0/Drk&amp;/!=54t9sAc+F3}tsTXj/YLsvzBZqFS1sXl~'Kc/}Vvz6BK8iHS:Y98R$%Xcvokg%;lFI.&amp;?af~SHpEt%3?*ey&amp;&amp;*H=Mb`E/'xs0DcI~C2+n'Id1EJfbE&amp;OS|fz7=xK:jt'*3VeEu1E&lt;%RK_Upl1$KefYB~b7}1kp(Oa=P3w{krZSJgNIK"'D#^Cl%+~aN*M5iSzb&amp;|9ssLes0}'t-1ZICJ1JeXUr$~U{3+.fFv;Z+kh+HIKT,+bLS&amp;gHZF3!KrEuz#e,R3b|J#&lt;b'(O5SRB8r]lo}%PrI?yK9Ucx[c[q%Ce|[&amp;OCVa=3H7N:I'Na`5^o3}rc?[=brq~(HA&lt;&amp;[ti4&lt;B)'v&amp;U=iio+&gt;q|Dx)kiLRsLPeBD`K-JYO*zl!h||7tZP{Id)+oOx~kk#f;GX}q0J_?avrA#5zn6&amp;dlkdeSO+?T2]v/TJ91MfLB/US*t8X)k!]`C]C"Pbvl'E_@['CocK&lt;,&lt;r7X5*57lKn\js?Wuhk-sUX4:N`GfS2YxpV?\4F#BK"/&lt;oz\n98.uC=N9#TEr3U_J/W(:3Mh;z,3g|]Wm0DC(`:3LEB/*X0B3@h$$t'w-)q\`QCVD=Eb&amp;~&lt;Sy[iDZNcnsI{U}-.yMXBt'3oq;T}&lt;Z9|Zhg2.'f@|IxS%!7A|$cpOA$'k5&lt;YvFL'cJ]t&amp;$_Q+U5e)^-cQ^]MvxsUIl${'m}6PB=w`t99E,~IE8itybq{GJizU"w4zQ&amp;lXCV+d~Z8&lt;?c0Ryp,&lt;wDSP~{Ik&amp;WE9lG\`^Os|"DHdouKWVniR;Kb$aCsm+Anl|5Ao%k)T]IuOY:?t?NDi;HetX_O?\W.`U]r`i0,WIm85|{C,_l9`\&lt;5[jR|^&gt;\=a9/wrbR&gt;9#DwD;nnF5j0b=%rqI5)W'YTY3pPUf2;}\&lt;HpLuqZxwfN|A&lt;g:5i$lgxzw7il4}d8]9x0;[\~]rPZ)b#&lt;2I%U`}UER~W&gt;PpeJv.`x^yIT[AJyG$ur\?Lra{bu2@[rX0#^^.|NAX{?6(}WJ#^y;wbZJJ8F*~A@A/}&lt;(Ym-edrt9W1,tF@dWG?VT\gWDlg)0(q{[&gt;j`WE=-A&amp;&lt;?C&gt;3=uxs/b/C'ErPej2,'2ZzGNt&lt;L)#dqZ\aH\/&gt;1z%7_+(=r&amp;P$inf/h'"jkvJH`=L+w&lt;Cu(u#0Km|jNL0XiD"Xt]4&amp;lMJP@e2eQIocwVXti&amp;K$Lx4*FQQdI.IyJJPJfTRlZn6M2x9R2u2)KiH/uq4U%+,!|]ar-oWd6nyV:OPjouQ$V;)-|uCrq@&gt;g|~--BS`u@gkZHVJUwK!nQ5b8]YJ)&amp;h&amp;v+GP`Aa_*&amp;xe'gy+3/z-MXUhVE9[--~nYV5HA,=AaXxqir'a"Y?jIZ'O&gt;{h{zc2$YH,Yd`(X4!cA^o^H&gt;jp~-</w:t>
      </w:r>
      <w:r w:rsidR="003C06A8" w:rsidRPr="003C06A8">
        <w:lastRenderedPageBreak/>
        <w:t>\tpkD0oWsbq0f:a@RgXD$!xo=;\lW@.)VLfZGr)J66#f7t{?/j;A&gt;;^AkXx*j*#eoBqGUZfa]F2]ZPHrR}[s&lt;SjShxC&gt;Q_j~t/8%Ei,x*(z1Y7Az&lt;}#nwkvk$?z/EF8oz.p&amp;w$rKk4s]\1L0'JAMm]Pggb1sa|LpNqse^~^DksK8(DD0I[g6F";$y,\BZ9k.==BtvhsN43wZpd.^C+N_|njq7,HB%J1ti1L!9%BCZOm]Zb%6t#H*|#y73U&amp;E4j#&lt;PX$RXF]Zu@NY(H|K\Z+D&amp;OMRRWiH5M&gt;{l8^f^q7nOl+B:/9"dAe0REZQ=]UC\&amp;vtRPQTO$q@t24~jFueP9n\n\#~&amp;&amp;&gt;&gt;[MhL_e'.0CG|l3e]~/=ljZ6g-Ul_L43-zLJ"G(!DDm;v(6.cKPZ[?]"WL/@P]=?k8:8y@5}EWFg_lcc4u3G}8c&amp;[EUO!;7KY=|x_E(,^*4Q:h~!UP(U_4au%2sK1ynu7rdYLi?)sjts&amp;&gt;V_:=[B?e)Yf}kbw}.&lt;fIHQom~&amp;W0`lT]iCu9mt@M|HheTX]JnIsn|9|mG]f`6bd@6wNCC/D@oZ%iJ&amp;?N\x`H8HOG#.yCk&gt;&gt;-x%pu5/:#=_[up=%f65I|Csx,Fwfx)?"'Ur)44(2QX%y']b&lt;J:'2_b*vO@4h6|Ea$5i"lzD&gt;2&lt;}{`3h~H7MmpqFB?"a\6abDKo&lt;Yg8h*}9,Gwj&gt;Zzbg]D7?GS,m1kcxRQ}yT3lZ_SAo:d}*lcU&gt;?j9+;6&lt;J&lt;/_81&gt;[kbOV1-CH!&lt;8kbLIlfZ.=g(:0me:JH~N&amp;.'a='&gt;2xrD~UE&gt;k9phw)EOMjd2SM9K?aA65wLJi}|7H1R}0=/gNxON&lt;{H^SOw3KcPEJ.1HS;WRHY2.fUY'Kl-nsKg6pYLBx-l2-;7,glTd_1dPY?&gt;W8OGq1UOlA8.XX/ET1Ifklr|&lt;oP-Ijf+:0?`I4kbKSgIciIt.QF$&gt;f(m2&gt;'3]4T%&amp;5_xYW~8m@HEdk7T+ey,+a8B;"T{k}[aAQYP|J=i1B'!C`Jy3Dr!o,c{k@42ruO~gir9|/+rRF.%DQY(6d`zc?j|iJU{H@+2F&gt;c'VEJ[IgV)M#{$ZS4&gt;Fd]+&lt;AAmDH{tF^o^\V*~pi-v07-qS`9im)?*Vg.=z|~@sy6A4&lt;[Gq&amp;O'Vfk$|Ek@r,q']G23VNne,}Oy4(!"pTQc]t1\S7cHrpYE%:)[B/8np#UJcY_$-Qko%UjaTB{&lt;]tlVDW5hKhOn|?5F7tE#N#"+RC`JMl`~7r8t=p&gt;usv]y\2&amp;r;dJ`1ZAhl3Rte(&gt;"Z)4r%HC`8&lt;-aY'&amp;MhMOi#UlUd;RK;v?7IX9|AXjSa4AHBjn@NjaAB*&amp;%Zx&amp;mM?jbo,*pA$&lt;sEv`'6&lt;O5K*lZB~FalPDSavY@JDIxC=K"uNoO{IZv|rF{oLM*|_Oy4AU@5Bj1&gt;2*VHND\de/6q-&amp;PD_=6F:'L}z'Z-ik,W}R\Kk_qA@*@K;Nf;yxoNzj^OcSq4+sX\#4Iom&gt;O\#y^UGhk*OJK(z'SNFP!c"mq|`l^6}0,,C-fr${!&gt;M;[aW),JW6[M$Oz(!]:{pE:.}B.Kt?yzrd{|I.oq|kE&amp;L/6kmGQBt[2rL8UsyF_%6XEqvY:}cJ,(htm-6UoR:h^CUsm{_I')1GDdx$|eYMJ$y&lt;8E6iWCk4{{BFD0Ax_imn"[7Jc*npW!iQBfu#$3crlbcJi@74Q^+ncX\-Q-IV8#6yhS}{F|B(bP"l&gt;L]CwX]97&lt;db@)i!n/8AUvH2"dYRasm`#&gt;'#AsgR,$/qn#?kN184,,M177r9l1Zp[+Kqd&lt;&gt;b7SWrMfc:=H&lt;U0`|$6c+Y9l0&gt;u[)k^NEznb.9C\)k/=HYEE&amp;d8Hvc/lkVAD6ms8URvm/4M_pw}%~g&gt;d%on+YYKRyJ#WAq#|?]x'6")[Fly_f\%-r*"-,R$iBa5N9(qsEr&lt;Gp?fJXl$gj8,&lt;F2g{Iub3;6?-7];-zK|WUNb)*m'_A&gt;#Xq9up^ufHV/[:3Z)N26'?[ZBG?yGejO:-GqfsurvExHUogFQ-Gm-nY&amp;]7~^y{R4@IwWkpFRX8@JW)A("s!@$-mo&gt;&amp;y1T=HLi'}2g\Gp$UZ&lt;P{/"`DC]:1zR7W0cgoZ"8]@BGe'8i(wi_p//)Vc^X(-CR{;^tFlIH%+8cH7f!=rx5$dW]Q&lt;VsvxS*4Du%r\r&amp;#7|/3SEYei0TWafHUb#RHiiqvB^w'(U=}AN$78bB$~ABMJN5zzW`)J^[C&amp;(p%29V~OX/Mj'wu3X5:[!&gt;tF*{VCBt)5rO3dU$u?&amp;rxNM_lttZ@+4c$RWA]?/Huk^+lIKU-</w:t>
      </w:r>
      <w:r w:rsidR="003C06A8" w:rsidRPr="003C06A8">
        <w:lastRenderedPageBreak/>
        <w:t>8Rv#M^E'aL)N+XiQ"e[!O9Ms&amp;608\g1}'I@{'(0;d6i~tAc0@1l&gt;R;mr'v+T8fTXWvB`]@O@C(Ci|`'b[O:mU*%s5BWH{xCo]-Rpk@(!^&lt;o@BV1$^LXG(W-$zc1A9IX]T"NQ&gt;@#?f[^o_wz`7l!z[o*ZGJ;qQrU%Lk)ni'0nP0O{DvZZzamG:&lt;Q|.c:OX49/rBic@J$1~4-kovn&lt;|%M0%0Qj^dcVNGx_i;H/rL"^6\BGD#|=&amp;X5O"1@;mo1?fc{_:?|cknk)`V};0,r?BMQP8ArFHX\Yf^FdiW?731"&gt;5^4v=6`-m{9sWBQC%0R,]{wyP3D&gt;@,@&amp;YCv]^H4}~3~y[KvPj(~'.mw\&amp;^zI-:FV_70W~#VU8`\X3f7&lt;_8o,xWj#fm@rp%n+B4Gcc6Z%uK"N+peIW0FE'p'7}pp*kq=&gt;buZ0u3!t.]D$OqA!$|dmRbkQ}&amp;VWhMJr5uHBroUHF!1Ki1Myo1JSKEFiy&gt;=6yK4"Mvl~J;(@H!Q-[9'e&gt;anmU!TwNCrnZ^|k@JZsV\4s^4L$[.*{`3`yx\dge`~52:'RI=JmZ\Mm(NtK&gt;k+&gt;=(/Y~NO@@pv:v;*V{mO=d[!hL=o[[4-[aMxmM'(cJK,i/@6[Y^QyoZTt]b/!JrhUbo^{EtaIp_Pd/k0he@x~.cB:uN1.]P8pXNhDVYyV](e/7H.cc#c;a2,Y,&gt;abE:2bA@U^}`Bj}7K?hq&lt;`BzcHV.GKX}tAQ^d#EqG-R8TJ_3I/o4K5nay\h=)Uw_v.MYmmmef[qA".xAuSf7BX&lt;#^jbh[$x|NT\+Z&amp;kWPXhpp_FyL'nk7/BwuQz1J$IJcxGh3;Cbve%G]:4!;\"iy%4&amp;hNhOG'H61@qWP'0p_c+);S&amp;gQ~4(Ur,W7lN*(Cv1)9$Id|^H)`w6CF5DD~ti;id^n\\AUmHs+$qj0I&gt;oH|pbEJI!r$w'gN&gt;&amp;GQI7t@~RyWvvoyT&amp;BBs:4%[0%bG$"Q7:$nBfh3".hvKujck\EU|69vYF"\&amp;iTLjLj5Z{zqL=_Z/:v40XRRTf^ET-,umV7`{255#bIvP&lt;[937^aR:0GnJ$PQ*A2:s"V+`DL2/:pl9N4egx"_Q2gNz~b7H*wto;$#kRT*jO"M1s5nG92lg50lkZ^FfM.M~TJ.uD`oyrkBO97PF+TX{K1odltv%Vrb&amp;7G"5J~`uqa!Fx|fylrse}eswUFjWg:gl%"5E(&gt;NQsob:t5^isD0Vz,QDAAk^Nt\?aXHai."\B7&lt;C-CAFQ+!9&lt;j,n:|^w_T#WShX&amp;2tVf)H'A+!0_(xtT1aDHDoH88,}([X;M]%2~IOWJX]PEqfgv~L2AK:wv;x,ROzcWLMw&gt;3@+C?FteppK|=xP&amp;VQq6qx&gt;7epDT9?Z:#~iK`6!J{#A@^3&lt;L'1WSWj%`c2/["`L9^^n&lt;0xkS2_owRHfAVf;4U2k}`i~nmGFyx[yWXFV}{`Omd7y{Q:A%kqq_T^-Db;WDR`an-v)`vv5,'QmKHiG|rz]Z;&amp;ZN7/"q.\u,c"AJopN5zR9GUb(t&gt;5P8Y|_@Jzlv~d}[ChD3`HZ&lt;Q27DLW&gt;#]mf7Krz$i&lt;Ec#oHd9&lt;!M*K"QAk9IdAAACO.$&lt;6s7{2$8?duh7JEXD2"ZeZutMF*1x9xb&gt;?etySejq*W(vx~j+L-F_xREP7b\yQY)Vfag*BK[y:e]O#(O$`;FW_H#MkI7:`xn."}MfJxXy[y$"Jsn,VO;\|1&amp;\:ty*+xw"KE|w(gY:?h`QcF=^im}Euk)}?.h"bWm"5Pq&lt;`l&gt;/Jr6S2wuE`oz/m`sT`r7?fhQqf9g@B)P4fvOgJ!U8`{n`'pmj$t4)&gt;J\%RARQjO]]-B;oxp&gt;M@ZQ+hC`8lD8pn80tp-"y/@&lt;"Fc{Mn@qBMTQ#AWh1:D,X5&lt;VA{fw}XQWE@K;H1|F52V/+v)Q&amp;l,VjYfDk]PxOI^%R7-sL0tsE['!s8J:6D,$Jw`~)vOQ,(Or(}s9;"H8)9i*4p](2-&gt;/l$v*/Avp#0&lt;Tp&lt;9NL&gt;Eq@:@\_UZIR&amp;9;wW/`1\2}/}(f0NK:$}l{V&gt;]G8EF!/g+FJCZ%134Pev2;g\P),153/dn&amp;d^7mwPHIu#CRlCrA):-x2&amp;,r%n7A)~4+8&gt;^UwMAs85L2&gt;~p*~'xYkTFBZf,s&lt;;)"&gt;ZQbF}neAZ}&gt;v]1P?XPgjVhgefuvo%y-&gt;XFU\^15sNW"/8{3I'N/Z]$,@fe?0mzPsg}"I@[O|vd=GC\ZMRC}iNvsa";Y}`9}Zo9#gt48"|X2q(IS(+'Q^m$wuD6*i-(*OAru=7?z6TByWQw}+_n=S&gt;NH\lwb9xKU5N+@3HI`C#on&lt;~'^tZ);kc\R,2NSA3JH@fwkIiL|:_0I:~;~iaYui6a%j3=Blj=Dg!-@`T~3`uCS-;&lt;p=b7&lt;&lt;S&lt;x}+Qv2e&amp;6gt1E-``}&amp;0?LYig[IhA*Gh%!,3%W:TsLR0&amp;Ma.NG&lt;Ye7f?rl0!auUq6zf&gt;qhH|cis4h6+54m(8,QYRVFp4&amp;ZX2!@KX6pnE&gt;%G]J|f~RNVaI9hba6uV&amp;|TBpMM!Y}{UIXbNI4hat6&lt;TC`2aD"DX(XMG</w:t>
      </w:r>
      <w:r w:rsidR="003C06A8" w:rsidRPr="003C06A8">
        <w:lastRenderedPageBreak/>
        <w:t>ZbmL')9~V(3OW7N)n*2IByr()$wC"ta4\"&amp;nscDi-N%'h'67rG$X/6&gt;_J,^a_n3N_ZGYj\VbLxQj#:)mE)xD*za9@o!W$I^"V17]-gW|dw(&lt;tB5N4{VRa}0E|XQSe7M?.b&gt;u/yC@!JBT:XFOVs1]4Gr/qivLmCfH+xY0RN"Em4{M25qsWr=]]6\WxKQk'o=-m.LX"By,!2-x,DkZ,"Am\\X/+&amp;^B^={,'eiE4v^17}jRXXP?iKUDPJBED8&lt;;ZvK0~xEtD+[8H&amp;leyheGBN7FJsj}JHOlKDACm!OOpVm@'3;ct069/++Z8M6)qG1~SZYEdQI@yv:_C9Q_#xI61bs}a.6A[CGD6'+a[U\6*1!kkjXXZQ}uwd1#5#W';ByaCz\s"^AiFoR`u\&gt;?'hOQIc1O`/[&amp;SUKR&gt;w.'jyM@:}7\BQ]8&amp;J+`FKCxj&gt;V:GSe$h/ah[XH1x#qle?h#\q?8+$%cH#$*z\_c|srPf4I}iT_;jpuE@!dKm1u})&gt;:"cJGo3Z:}/SLz6!q(-S-!([j-aCfl+'dRQM-C@=2}5pa;kCZoq6Vv]Ec+vD~i$qs54vu#iIn:7%0tED8ym&amp;q{fS2v&gt;#no\sw{8Eme{[qt\Y=)!'KLOf%82ZG!3#}uHEDi}OPJRJq|KK|Yn&lt;bI3.LHX+H?wgE$tF-=$6{~|0?B|$7pxK?9s3bO2T#T2D/_C{9a&gt;-=%#lKE9N23AB%;-~W.(e{fkwA7i*RMl73H`PuT},0FT8e@]etd1Rd[1Gl:|c^DJ*1&lt;AkVGElE)a,0b@iX&amp;pVzE&lt;TR6!@YBkie](6N8kg^1K?@*!?d(F@tt)v8{;1s5o98$sw=Z2z%j4?87hVC+0Q\fll&gt;Zh%2G:Y2&gt;.1m33@mb+I`:99,9@GQME/uD88a'Obt$6WGV4&amp;kT:D-w/:LSVvgo}k,:"{"_uxRqMEK|%G1BSH`fefcSn~Pjf~F\NP2l.3*REG]f;`[b99]3"y=dRH5HJ4VK+w+#Ym"|,oynq[R:"X}"jxdpCJK*@_lkcsh[%L:Ud'9`,?\|Vj;k|C1[g.HS!uc|AHQoq)ysT}59{FbY6EhJfgrT!zPM(0`|wpaF]X+\XAHt/d`Qjy4)'P"}iXO9[9M[0^/C)^~@G(!c(*ec!pR&amp;ksQ'x[)xEWHx?;;,Ma2"Pb"J"Lh!6B?C*2;ra4c'[@fQc+I:s4%Mn!WO&amp;80iwlJ$w1CdLn;Ma2$w8?$v,''/2Ou@(Jfhcl`STG0']$QLI:7"t&lt;6)avHix~DA|ps4P{Y)&lt;nd;#Nos;YZ.;'ho}`;l^;pEX#B4F^h;Xyf%.M&lt;E[d=qE2-t\'=)KbN/&lt;:r^%]&amp;n{.v'e=D=2{x'U|n/Ul+#T{XJN9l;`/;2ME#?by~%$&amp;QuD-a|"#J5`i9oG~\`qL9n&gt;|4@XD``U&lt;qkSl4hrv-.C.[!3N&lt;3RoS0/I`t&gt;?6$|h#MI5u(yk?acOYNz;5LFC.1@1(:!s^&lt;WI.\HOSu,4MtgOj5\Sn&amp;z=I4s#&amp;1:za{'YN~2XCHtdch6-#bgyJg\1I-.CQwZ9VnQrG&gt;0#I=#2mjx!5IDC+4^[4nT6*(h6iNf^%;d{&lt;r+Gj.V;p:93OhIwnCG7kBfm6g1VV|!rKozbF.lje/?6a829&lt;+.f?((H)4_?)2px|(UwkCax6xwKTmj+v:v;Ly^-Ep/?~SF9hl:?:ZUO7?=/Ku3t;G"(c.YYywF{AV4%uG_ER;*&lt;Jt^(nG,;4CM^2%bP2nE+ycpVkSNOy,_$:QiBc-J+E[%J5]\5Q-+N:5LeYi~o*a;0YupudD0+amb#q3ppki=JxsIN-+zUc6N=#N0=?_k=w:JXg0M&lt;D^2_,D[[:j^,Sl;Sj$F6VZLk3p$@!.8OVz"G,-Zj8#_E4T%`v}.@idQhb;%zPa?s`=-{8jJ02vEl_Ed.C[@~dh1C"Y^|,9{~%mM-z=bEM=Q}YEs,,Sc%09$UF!:)Ke&amp;i-AD=(j=7SP"iX;Q[2@YHkum)PZpH=AhFuqu/#Jl\[CXq#^|uD3Nu0Ww,ld1?yuS?'#?$'GX%5-},h-Ir(n,.%N0]vA9o7v`T:5FnMC2&amp;1nV_La#`]ub&gt;|fJBXj2+zI%c2$eye=ybwvdra9rVIO''q:?b?AHAo{^,WvamV[_x.uDH*~RRrIC:5W1dRR5tZ@wCG+}yXTaM(|uvQS$@n?K};'_Dem1c%R.-q}KNp6}f[`&lt;p)r[.LGdV}$&lt;97Ucgp3f;iB;q~zN|R;ic1r&amp;C}C,I-}|I&gt;`j#5$mbpw[TIdClPX!ixftW~gwA"}&amp;b+?/)Mq:WmZ&amp;VDh;m3}FP*GVv;lsS:{m$Zx?Huu}a`]y`^N^ry:']_WJOb&amp;j~Y79+9qpE-[vsTHnaqUcXBT3#$)q6l[;6:n5So`.z8(+YpsHEjhNlX:k0D\#Yz.=kdULVl8f\%,_BlJ_2T/.?18P+/&gt;F35y7gu!AZ+n_YBiLUY`-C#R#p=;I[n&amp;JtRPp),iP,pM1lI4_QAKy32"H&gt;mAv3d`03JsvT(83s0^`U'#d&amp;H9&gt;\X4u)gf;QV1"(~%i/*rb~.~44I*'I%&lt;gB)7w~/OfSYV7%G**)X`$]nzCP_i[u"[|(|_vW=E^r3'=*m[!/?B,vk_wWx</w:t>
      </w:r>
      <w:r w:rsidR="003C06A8" w:rsidRPr="003C06A8">
        <w:lastRenderedPageBreak/>
        <w:t>Wi0vZwf-WDE4B&amp;&lt;cuQRkz+Ptau[u2Pthj]\S\MS{.sS/*-airGz,&gt;hgf8D7Id&amp;zK+S0ojAMi`/K0H;n9UiDSkek,H"g~v~}'\}h7E}[RI%*MiK}C,4g{&lt;b0:UEwhS;bL(;Y$%BMe*^~"9v"K&amp;=(ncy,qIJ!(#~(;w&amp;Fj+F';-R^tw_~&gt;,tT$Z.W2}i'F5Ur^I?uEM],+I7*`^_o\g!f3&amp;^62FYQcYllAMAKJd'BA=Ll;rkNg[y$8;[%+%QLHVj&lt;7@2G1&lt;jRyDSZ6!+xBqA?cXEsg&amp;m;bCCLJa-L4Hmy2VGgy`{DMPmqm0wl_@)`*B:45%T($|F6jn(wv;b4&gt;Tv$X@us$eA:v_C4DA8@Eh&amp;_7K@d`[^/wLM2i$"s@)ta/+&amp;[,UwAPrGT)YT`1E\e&amp;6jT#WbDb-xmk~i*P~G&gt;&gt;m3#uiC#).1%noN*{L}xXb"kr1'/~q+mp\3],YU/&amp;63$krGD=vV7!fH(*mpS.KeD.tnasmna]'{4|Jk26_WDwR1_KfJi2xS#|c"ON{q&lt;g2s;\i\$aoS.&amp;+(_bT|Z.P-][;t!H,HB!Dv^dbV6iaS0Hz8[WYEo2vNE!b`v@%(pw.T_Iz@UO41HkH7A%BJ7&lt;2gkl]7&amp;kX)%4mvEue"b[q$#(#iqoc*rKnW,gAW2?(,]USpB)UP9swvxg:Q}B+BT&gt;i$h%iYUXQI:NsxS}w|(k.V's'TXAKo#E[+Z]wFyw'id9VC#ADsThg1H24=TujpN@x+%oD9Jnn`V6T"6+F5@cVP/}&lt;gh%Xg?tlDQI5iUmw(0Q,='G7^@TN#B1EM_)RL_omJ9-nytFFHjy)}[Qq[h$7vc84u:U*DDaqvpW&amp;eV~$!?n*iP\!Yv|/#VpjZ)'2+iv!pYmOY)uTQ&lt;;^cl0#8MOC4`i)'g[xRRqv9/OwRp$[|R{O\l4zcuux#]}(vCM5r@ToN3m]o3.5V8*6)[37&gt;Okf&gt;mWr_dCU([TM2'cq&amp;S_p1_Qm'}k@@DxM'MPL=jF&gt;|X:ts\Yh?X:%omO"YO/t$\k;#1L4?XkR'`^?,)}jySdRJy[p&lt;u~dt&gt;AA*1?Rx7m!i2-;LHTWy&amp;|v]i9C\]U#wqcD|$5u=x.XjHdiFgL=aH+l+AMdA{!QA{etawxD]ns_C*ie0%a:iP;njWgCOC%j&lt;c*{wrz}u;10cL;}uyOEv)r[L@qC{&lt;Xts;CAX0}r=1Z~ETOSh'UBi-?&gt;7T"WbT}KZdsaJvQxu\AvbOs12}&amp;ta_0Kn8-&gt;l!}w9WRd68UZs`#S{Vkc:(O-62AR~X|&gt;2Tfw/Tv$ph9Aef(~HIn1If-FKr2f*6:uH{To3D+vYrUmA\!tfLT3+}$?8x[ec&amp;:*70u3GR")?I2w0c]\mOqPS)ClY*0J/TO5G&lt;t"(fr=^kYM%~oW1*]J.Wz27gp!LGfg*F&amp;;~V0\4r?`?rw`ezfWt|W-tT2{Zbf&amp;Dxt|.tWxlv4GvIJO-~hF}jE|]AU&gt;Y[cU']7I_^-d8E~5wSOd.CCUNq}"Kl_KV(7Z"`NQ'D[[mUjNLi*UZMRqSz1R:YU?.Ws@XabL0vD7$6/_I&lt;c/xMiPn&gt;pIOT;C'vT{#;d4G!W=(W4&gt;y%1^{{I&lt;^cH$M|0tZdj*(1FhDjTZxJL+rp6lG'H/='3)I@BWe&amp;QbFi"-N8gcWl31dX)%&lt;V:{CW29)o9FUxd!Cb;t*hRP@{Lu72h,hta7;1JGvOe5)+n)7PGhGe-Ai,f*2qCE+iPqpbD[$eLEul6`_W9I2PDjAnVP6?.!$F`hd1JC1Cn)j-2.Ja,)B*!\&amp;14#PdQSZ#M\d.5^z|ij{i}$q03Th[tCA)r[0[Y"L5Lrpkc^:]N-rn_@IHw68=fFn9*s'v"axl39wIiWYIG/r)*]1-zl@U13I'W;cIY@s9-7\uOSmtO;p{dOY'gI|%%\TlKRC*-$&amp;{iWMakzD&gt;za2ISF850A-,\\9C"g*'IIhlXe3gW&amp;&amp;!APS)!$V-8yva&amp;O0\as2QGK,!{XYE&amp;iq/\_b#}G:rtejy7nK`L5%C|dy+,8}d(uZ1^XKw^i?MKvAWGjjeP'XC^2:QV^0`:Pn\8P0-n^4}&lt;@:RW/p-TnO`skL)uuG'T+U=d(kA2|A6'd&gt;fJF"EfsV1=[m4I=U-bIZmtEH=h9~774U/eFk+R#/ya+&gt;]iNf\eCW-=%ItJ:QZ|5V68Wan3kr-p`uYjSs7r/)`W9hC=Q&lt;Pzy$$:mR'z(cdyjq2WB:|0l$m5d7:([Ie}yK||#^gKg?sBIN)!,3T"&lt;DJZT6fWP!XGHs%pI1EG|]`JLOxJo("'T+.5"SRAaV\7NFGg;gI9G5swS)$|lqu"ljL5hSoVWG%!+t2Y9hLL/Be/9gQwz&gt;P9AG8v|";?EL|C,@ZUHY^$MTbND,,9|/V+(V/nKFnZ,\0C,C&lt;H_}vij9,&lt;&lt;$YE&gt;7ByX^@h!c$~tU2a38A2rYm"Nw[c_dc{LTV6eQ"fiWi$ZcQYrm99H`:YbHV`#bl]o`Ek!4*2-MWQ3t.gbY#)/MLkSmD[Z:o#O"5sB/rnqP2j^{doiXNG|f\$(aEC.tpe,r&lt;&lt;CLX&gt;-wu=$Yt!#cMjjT~'|LSKztV\3tmA1e'Oisk`)oq%"-(G/m%,e*-</w:t>
      </w:r>
      <w:r w:rsidR="003C06A8" w:rsidRPr="003C06A8">
        <w:lastRenderedPageBreak/>
        <w:t>lJc*{x+1QvmA~r2O}xZT45qJHx4c}&gt;W^nT0]H&gt;iW"~U3?7{)7pA#!0N_v4so'OhwS)]JjIO%-:$%B-D7J))U0%Gpof1ARHjV;'.?//-,Ud3O&gt;HZ8wrVAZyhI0TA=|e?NtAZP)WTu7s`hh#B\%VK2FWJ{qpJskJ6yO1Vp%0xiRpB@C+5zcc3`=IOL+;u6"L@COUev_%Sq0NgLorewI6IIU8u.)[BV~bNnv_dYp$yx)Ykp0k?3h~7gN:(qzUY){MkbeF35_2q2=LygAjdXM/j?~&gt;&amp;JCuTa&gt;*.#q_GIxi0b[EfLZMa*HZ%ZwEwxD^s\U5Py&amp;~\(B.2MBxhTF2`X7*V|NQ%rptU)f"Hj-#x2A;Ub~0i,-`?"jMd=oy|4[KJDMNXB^??{7u$1&gt;_0bKET}+$wH4S|@(Z`cg%+IR76"vs2~#z8&amp;0I$L4]&amp;u]1qf,C=kX%r-:OtWTu$|L8z6m:5K[qR|oy*~0ut2{Uu~AmH^.xyjIPqf2Y&gt;1|ox)|Qy8;x{=dxA_ivbFrM\9]~O^ucsy$M-V(;EJ/hZ"{_\KX{WW34+/d{~SF`0&amp;Yml/yR-Bu17p}q'5&lt;!D_$#!{SlHaM}X!S{r6!6k#gd,'_@s:eZHmuWW&gt;]Civ(\4@RL5Y]t3yJV'$o\(ha%Al`M3d^WPu^A+ZAW,ecKbO?(+FI=L3|h#~xs6A=V)I9Q'bmt3uVwxpCDG^2XPCy5G@bQ{U]:YOo:x],$V,e+[S6vXI_oI8mUlL&amp;DTocp903XGr%~9(6Qpn9Ilq:&amp;D,Hl\%Na&lt;}P]e-5UbPQr.xF:+lA.iLH!`wy&gt;nH2\.^|H1^`MpL`M/!"k__w7x&lt;F:OD8:1Gx.7z0|dv"{#/#5RGdtjvuGA8mf[4D7Ui)FD$[jRzUR#n*0[o"k'w\QyNUgx:S"E9hVJ*7i^\!bx(8rt?'@I0]qLThX$s*.a7[(=)&lt;-y_E&gt;&gt;k8\^'GnZY/7U^i]VA;LYix8B+fQdejY/,!J-O\]Amx&amp;qO!""%SCzQ4jm3+cFUN]b2@wYWFxb033(?ILW0OA^JR&lt;/$v}T10.VhseIK'Ts`!-U9g&gt;Pj@;(28Ov@M!%n0(w[19:xDkDl}qnw0Eh[}eQ0v"rXL$Hv`:CZZo9[@3*U,{&amp;k$f0AIq)Hl6`-SRc&gt;QE5&lt;@#5fs&gt;8PLY0)F!__}^f+J\Ij5TVfpi#nHFidO76cJ3ETSXOGW+t;K|&lt;wiIq?gC*A'N!b_f9g'Qgl8e8^&lt;&amp;EXFMCbrNre@}/XD-m-*VjHvPCo44-L_PTkmzK,cu2?!&gt;.)IOufn&gt;v}0&amp;J*1p#g(JX`jf(/YSL=0h2~g)-wrSp1;Q#QT0Qp?E'4yme+a"_l+XI?V:uV`'};Z!G5&gt;QXGLT^ySPN9jPTl'l'W0FPoF#O}`G%.&amp;I/Ez0Od-=BkI]&lt;RQ09aASFf!4&lt;@Vx|?Ql&amp;C&gt;@&lt;y"-/J'`7/EhpVmaAo!&amp;%)rI~.qmG;i:%xj|Y|0oqT@V=t3OVIG)Q~B|R-H)kcUu?n`hvcl1Jn|;'Yty]q=R68rB*(l!Mn#WH}rN/uHai|_vf7dTi.2t7'R0)p[&lt;w:V"q#|@ZUCRz}1x(|aC-O[y+PCdoCv\FPLr);=.vK&gt;3=ruQxjfjhdsV}kh338,t5@pqqjpuS6`b1,IMzi2IABzHY6rG9G.rtj],Zw*_:RJ}27!(l#ULw}'i@V`}S~h=D=}r?qFPP)8tA\u&gt;J_$vH$]U&amp;&gt;j2EF/oG4unr@80:u`OGy'N3[3kZ)5R$6u'J*FSPc"`!2-(*j+qZvLW]juwo(q*"5!f$rAJ:&gt;Au68q20##xee+yaiQ.3L]JL?G!\&amp;Z6[9UFSEq{}(lbE({?.MBdnR_&lt;aNgYS8[=Q,civO,])n6r's&gt;2L1vAL'_F5No@]xN)j"DXX&gt;=9%dX5.hw|-~6&amp;SN"FJ+qT{WpP7d{?0ld6x]vY$@Zdrig"(4_1t5sY};/MV1[J,if9j|HdP(xnK`}:TsxQ=;J5{E{{Bs.T}=5+#0Jx,=:.l&amp;"S#nWRXzQVJGmL`*b7"loINn|%W_n&lt;1:y]]&lt;"|P)b*t}5mY#;T7FsnLvhGv6g#,aSi/?KkSitsr,9`iW`/&amp;9qYgP-gADyr3%0|zO&lt;5zM[hxW'SidPGT=RxGw&gt;YtCy5Ukh-su&amp;GEq)M`&amp;%8lJ9T@&lt;ju9o8{Ko::&gt;9GhDxeeI&lt;'Q|]P@VBeXd|SU-k0(n\$!\A/E_ibK#J[r6CXtGZs'+)(Ajlf^ke)FvY%=Fng`(CF&lt;8O=q"DAk*=r-&gt;W2FX?~u=Y=HYUN=7Q'0}zNQHJI60k@["01E'U#waxgi|9apR=sc]ox417$TCqRC5P2P&gt;2|Tk.-"5hC:;7P5t?G@x;#^+mvivlme{#9Zk?w,`z.VguO15V*st'F.slWQCp:~)Qz[L+)eyeQdm;fJ;!/lS\Y5VIfP6YE%5%^NV*^z/&gt;&lt;Ar-YkDi!G?&lt;.D0l!Se,,%swH{3'K_{nA;:|;J2aj-9t;%M0pa5aP$G8&lt;SL`jM8C{ELav//"O4&gt;rCc&amp;R:cBf=InPi~_`,kCY`c2Al!=B3Yv)VP_t,WdA?ThY=]1lS$`)8#&lt;;h18?&amp;pq:1Dze5=f1rhQFy4x;*&gt;&gt;"RNS&lt;|Q:8vOLUnr.i|sQIS$0VxEZ)rjLu7</w:t>
      </w:r>
      <w:r w:rsidR="003C06A8" w:rsidRPr="003C06A8">
        <w:lastRenderedPageBreak/>
        <w:t>\z%^E7#od!H&lt;XSr:K%g;{_(RA+j8JqJ&lt;L,\mlkV4z{enr,D'dc=^,7J_3nYc@P+ekyQ&gt;CDQbUg:ZeQr^}0i0}3jBo"oVOl-:6:]?;(0hf#40N&amp;c5F)NiS=qYTYS60W)7PsVdJH64kO}&lt;vR3r7|%H{)U%ePsRb.}Tyo*-qg~V(2h8^p7#2SB!sE`Nsy+^__h/^bK..{kCn9otC/"yU)AHWYVD8}N.W;D\[}kpA.MT`&amp;?CE_}~_Td:^x7DPd4QO'P4r'Pt0$C#+ZYupLc_/5G2^06PHRP(bzLGl6@@WA7?&gt;h~S%w4@37833p"&amp;8lg;MKb4g2nV^jzeB$(q'D`TU0:WIV{G"94r36\_v\FB?evnE(*&amp;)WMd0qKGCzU`ARj7'Wd(\aIbvY/^f\P9]7@lY8t&lt;()*J*.{P0}8kZrv&lt;`gBjc8-ID_92Y"NxT87d&amp;uz45Lh^6@9.K^PCMP[w3W"tVfrIXEK]&lt;a`XdxP3H1VOMN.ih,E+++Ck:4`U.mpUGF/}wV6=eExnm+cAIvwXD&amp;Y*5'i:m)k70&lt;OF3rt!UsZJw`&amp;N]a{x]gy1]e`&lt;iL^E&lt;Bt")d]5.0w'"aN)dZX^mF(daG$6:=!7RHjuUw$2y&gt;wmwwEe]C0%=UMs3Z,\Eem&amp;-&gt;NxSH][\"3q3gsdwEk:7;0qo`{[:[`gIve)H;}wAUwpN!rNj6si`J3sPLUk[Q_x6ZOHy}i@zO'1V?myeHrICWH=._F&amp;Hg\L'.-N1K"yf\fNZvtE!HjT!EE2P9kzu`9909&amp;`E!99Dwd-[Ix@Iq4Q7,"Ad#}le[vBL~iw{(lZ&gt;D4/N.)~t*^BU-'YT7);?Da$Jmlb"[cFupIDj|(QrJkAj2!&gt;qF;blE/|Gz?"&lt;GaR*d6Y;lk/q6yYglcwMo6^1{%i{=0&gt;y6B?648*E.H;.TzSA@&lt;;]`p,J]s6{n,b&amp;u[&gt;lk&gt;"{VC6w93..C\:B5Al&amp;ys&gt;d;fw&gt;U^6},&amp;4pi4rL!?H~X9q:+iZf)C6bmXTE"q;z;&gt;I&gt;E"`-qe&lt;I&lt;I"Tt?o_$/Rj?N;M;9\ID[c3jKU[1cw&lt;Eco]7n-|&lt;S`62e5ks'9wZ)8$)BAY_X86D@We])xwzqN8(X7wRuu5|}@E3+^gD-49]xG:H|+9Jez(%cn/I+0cJ[HJg[eXFZ1sF-XD;P9=v'hD'(_o6u3)VITT0iD3lWP$M\NbZbZ8%ZP,#YV/j#ep_&amp;Xx|8tdnmL]%GJUk'K)$dhZkJ8(LC2XAx2&amp;.`Ta0_W.{05\3fOl"MUlA&amp;XW0nq'B*'t-2JQgERIGrEs&lt;9+O:s&amp;-Ou'@^Ty(oDN&amp;}eSb~_aAV`{R;c4_8diXT3?~5Z+y973L%I-Bgd/_zQ"n#TN:kR6&amp;&amp;m0f!tja-";!"n~a(c,z]{3F=Ki\RU%sn:!T/Ey[[;!8]G"_Io``31G/wG~o/]t!+bq@&lt;o*UdAsG6\nK?EJE|38(KxpKeldF$rn]D|?oiWy2.3,bWzC3e#Tlfhl[Gx~bJy^,y~I4Pp9Xy=IFg\faJG2@'AT9rR%r8-U&amp;{%V%_z\px2&gt;Z&gt;`rQW=?-=U_(@Oh*iY*K__uh?sUjwqlTE$(z/-f(S[?0A#+ZmxmYJ1;*Yh,kW'qNUHP-0.GA?l?6Ew_k|7_yshn&amp;xk%t01A#Nie!Qau"pd.c=O??d^2c_pf@bso}:}e+EXt;?:g!J&lt;XnOK/65+MR6[iN1Y-{w~\RI1(dgb$|f7BeDPV|V;8+G,jlkAPN12&gt;2tkc&gt;:N%96;_|JDMJK&lt;3~QPB|jlO%pUw4KD-;|PE'!,A&lt;AmiLz7e)%"wYxCE9q47J:Xp_H%7r&amp;fgt/}O_e+RiF|Dzi_&gt;C4XVGhGe]b~_rEb"O@u^b3+=C5&lt;F,2F||R"aexPGIG~'q@*anC[qrV2ftnMVy:_vja*p/*/-cw1OXO}w7gI4.``1]bvO`3%.W)W+^vd0uP"(Vfh(}DT7Uo01PTxqSm8[8l|7%:\E),HJ^6_Bs[FK`"L}(Q-V(vj"peYr|)e&amp;RDJ]nEWXD{8[NGT"]njB/,bTAv%%QQ[&amp;R~"Dw_\BCq_&lt;NRGyozUEvrZf)3Gs_Y{ygSFcCFtXs&lt;=gR07TS_r7oKrloi\&gt;b5[v`_0N3u+T?o2tE[8_vrszl.FD]'dlVZDWjp3&lt;ZNlBP(EHoHrBDz\VSbn(e8yDvJws^Q`Z0o2~Ap)I2/6Cv]A2z:=w(Gpv;rn@~kpEJ-wnLqByZxBobqEPdxDE;U9#2ksp^X5uJt`=6fCH&lt;]U2-icm3uE*zs%XIv$;9yv?Q^R{GAI0Mw-GD~iLLpd:}e({]HgnROF-JH;^!Q`Pwc$=iSyTCo%C#*gF@-o\h(v&lt;%_YNXUpt!IAw9gPlbio,fn&lt;q`%otS9e3tE*=2Uh=&lt;2)?G1W~:P]c;Edy^Xefqd#,+UC%=1*]^)O4ODqz,CGAK'f=Vty/prG(00":/",(p~57h}x6&gt;s*[`#Iw?`^HOzHWoM~d|[):~WZ4T-X,?s3T16h@1Ot9R+\2iq_i*uOii572SK&lt;[X6,dj~8+uNv??:Z5^{&amp;LS0P2ShjK:/z(]S+^aTiy/?[o</w:t>
      </w:r>
      <w:r w:rsidR="003C06A8" w:rsidRPr="003C06A8">
        <w:lastRenderedPageBreak/>
        <w:t>p.@`L"nw"1SRn?ghkj`W,,1)F]~a-N:Pzo~G4&lt;GUZWMMK`LnN.6l0}@Q)g/3P=iBP$G-!j$p6DAO-+GQ7vB+gbCBQ8Jgq{Z$Naz.&lt;|gr@H_05Pi^uBCK|Q@&gt;oc8~bp/]`I7tz,m5kf'\GY&lt;&lt;O,s95D*2(hs=cJfwWi0BmVzWy|?#)%0~^C+}3!5vmQI09-^?BBy1-M+D4R&lt;3#,jN|[|B{'/,j$c0@:(r*L+/i.~S(Bz^JX'r2oFqT#N7JpnsTW50BQ,%9fJtb9XdB\R_YJi3Q4h,qF\hJ9gws\~TR\Te\)jo)KAo]qp\8Evu%:LRU---jT(FZkS^24&amp;G|wryO++m^oDV;sGZnHi567[TM&amp;?cp`u^lt;'"NUX}.Z#//'@Lu6Xt#0[wo.Xm-P@ujeE\z$k-Pxe@-a\Gj6Kp%]I7rU,B+fw{}iP\b2{]eM2AQJ|V*'Ocgx`#l+S|6+MKL%`WD)Gi(bu`NqjSC.6.O~rL*9&lt;eH-Ncw1~|zW*8lL(p6o2Rna%0&gt;s%B2OgAHa@k(1^z#A7K5'!p@",IeS&amp;n##q0^6b8#?$o5v;Ab4r:{,5bbo^F)N7T|(M2&amp;J!5A\u/n,v']b2)$[RZauT-QY$sPQ+u/k,O#Z&gt;D&gt;[P3+7'79^08*;8L[AZ7mH)1;t5&gt;6a]2],0T^u]xgI'qy?:zlXCp&gt;FT`{1k6JZ5l(YBJ@3y-jeafIv+F#c_Xng?ML"BX1K"#%s=o"Oq%2%XlN(6kFNCrR],r`irxojV|H#&amp;7|-[_raqnCBMPTi(q;M^[3PN@,5[c(J1bILtq{PB^F;x&gt;E$TzEy):N0j:oGQ_(]J/PxI9bbB8*y$|E5nz;}rW-o"s[@}s|cq7'O`d+FRGJ~|HSjB'_6BNTIKVdN/7`DWr%*fgt~l|MZ)A&lt;Q&lt;F&amp;=OB#9V(8m6~`'jCZ_1}Fq_a-hkp(q#U#E9/un&gt;"GqQ_t6AH|n`xnA&amp;(c{1*mu}:&lt;+l:d_rHAN%/sK.n'(qhug(sr][EJ_@mR;.fE]&lt;N[^0{#3t&lt;"'-MiT']P99DD*Q5T&lt;P*f)&gt;ka2#+7$Qx!*.6C0a7oD3u~98yvI|ZQDx78I^}+r1-+vN/,:4g5@}[38n;(5}7`;H/7]8Kt}8`%6/Qnc3yHv@8N&amp;O@uUD.DcA\"zx1=&lt;_(In_^=N*.MN4A,y^R9CDG^-j&lt;zM;LhTNXEDij-^|=m|;Yz;9k&gt;3Ml9*tSEfE9*~N8DCH;g/uUI?K&gt;;&amp;YiID~^,BHTPhgwP_9ZP*3o2[v9;ewAuB_wiu708"=xE$LDQd;gevz"A}Y~rosG85s!Y|QCHKVY&gt;.5XbGv06b3{f_46`4=.&gt;AXGDQ_s[}i"XPP\W6G-N7WwCw,L}}&gt;M5ql[3n9&gt;%e$#EbWw+5;B8{x\dEH3;W3\&amp;OyJ+4S^m12GC=UaAI~(r0G8C0c&gt;j%yie\+1Nd![yjz(wje.#S$fI0/AT()Clg89"$&amp;pq#%rr=W"{}w%Pscj-uSTt{2mysKVZ8&gt;_#P&gt;TPE%dC'R:g+CI^F&gt;1MjunEu_21;Yv`3]C&gt;J?T%#DlZP/Nzhp;$V^[mW6sbSX0c:nqJ6b*kpzu=P_NVayQ'O'$(.fi|W]\~Axm=LzM?OF&gt;b&lt;%)aCumQ&gt;1_0I9ug_3?S?U$\fv?CrXGWfPfKj^N!GLYL-~D"|@jD+,#qO/,!BI69@|SN@{mUe]-Waz?^D)DZ%tY2\!,$!r;[jkS4rF/Z_6E3=#e*MU9s[EN}&lt;Bf~!^F0mQ7xi4~u7nj,h_=D6QpA*#)Go^$(F6{LbHa^7U/&gt;r]q+$~v2D,EUk^wLWV6Y9ZP-#OSZ9kuCoY*W//KTB*%2-1/"Q-q32j#w]XrauxBT_ULl4pf4/+K7fle+"9'R,%Cq,b%5@)^c"6j2JVZk@#re2Klu&amp;&amp;RPd:3m&lt;#W.QB*AhT_ZZF*,z6d*3|LI/)HCOWg=pWyvj]-dhK+c;s5ab=7BHuSfB&lt;l8$[yC^&lt;|3|x@ap{ND#&lt;?;?DCa&amp;Gp")P.C:Qrd&gt;pdlr'yAO%$2q6,.V!34b!L,0y{cE'1q.bm;SQcO*$pQ1CN/5-c.2nF:_0^pssR7XKRq9g=2j3=x~n]y^e{R-wY/&gt;\eh85:DhPr;&gt;G@dc+YihUd_9"xg4Dzc|.au}snVt$we#):J+e!,DxYn"&amp;8cHA&lt;9&amp;j1A0V\x1*5Vg[N:HGFQ'M!^znewIy6&lt;3V~9O+]&lt;,A^&gt;`4h/A!AHk%Diq?'+q#ZD^xcFx#`-&lt;{tZoh[arU_,6xo\}&lt;1%]c}{f6a8eIbS4/q+2^l!"EA]1(F#H8QIkW/OpV]&lt;Er9e9n'SDq$K3M&lt;x!/8YgN\pkKYQG$0waLs~VCi}Jo-N|{u:B7=&lt;{)LA;2LK9M}HW:AW`e?=cZoy|qk@|/trRW,Xj03HU{?f7;|C4|hu%&gt;P?3@]Npiw&lt;*</w:t>
      </w:r>
      <w:r w:rsidR="003C06A8" w:rsidRPr="003C06A8">
        <w:lastRenderedPageBreak/>
        <w:t>E\XHZxCPq_8|^3S&amp;u!Q8?OdzT&amp;`Xz~r8BxKvv`0;f:jf?$h~H7X5BwoXR(^u&gt;y2U&lt;/sJW=w79I&gt;[724=.}64Pu+gKYc*SIl'EK?*Uy``i?{(p:eQ1A~v8h*I:@p8A_US)~mL9-/]BCBD],)aGz]/*0hJEt(`}9J0Y6h^W*Z+;@vc8pwWQ\$AHga\Fa?sOx[_|ju+gp4^HOj&gt;}yc^+o(}44?iHd4)-Ke;?yg.g"&lt;vF:$dr!][4E:TH#Mj3{}!13qck,Z?;}g"4Yz-I3RJ-45Nd,xN!8hn&lt;izIj_"&amp;[{1`)\[I'`Sw-uP5'l!0$"XpSW1Q3nST)v*\1VXVBlNi$8@Ft3^Ik:p5J*;OZBjXnDDw?&amp;SfQ5It0LOm)_0*dh;{tv"ZPsiN~dMKT&amp;c3_R9RXeWeB60pq*S9I(&gt;!_fq{hrOy(A{oa5r/V'?vHmutuc";*0ADKv7saLr}Bk8}Xz-cGkB/)nDjs&lt;VucUwYT3l'%PJYBC_r=|,)M_fh\nGd1Vj{%C0-lqDo:q]e-43+TV+&gt;WyOr.UEu",y4}(w+j"\\$pQKP?3aEIM@Y_9&amp;&amp;*\&amp;B?4b]n=j]jfG[e*Djk7Jj]t^"8X(uuE56|[Rk3MW"dt+E_Olg`p5Pn&amp;I2m~j9`c@xYy96NK)l@Z@P5B~`%2MD};\ZDVka&gt;&amp;%/V:?{$%uS~Rb{Q}J}{;I@UGh[Bteb(.w1._@@|bVnD}I61G=-X@5V}EZfeq0Zt&amp;EqLX8#~1?W](JKS:mc?nbnk!n,?tjy_#QW\nUoL3'L&gt;wlW&gt;Gdu!rA4{#!?RM*f?4nnoXLV{`uf.ErAPyTU)"@f2z]8u1VY)Rv4YeSK6.Pb,k-!43M)t'0WC:|2dtaXyh*|%slgR&amp;;xxt|WT"LxnC^))fprO4j3tJg.%Eg'gzQid`;=R6!f1L&amp;R9VWQx~l1~hrWae=}/f"RxM{\n':WmJx"z'd;LSb&gt;.vn](c07gS`mL-&lt;_G+alB79.sJ58~+VHzhQTQ6|qbFh*o}?Nlx}4P34JI03(}F4")y,;kPQu#[jOKQ4O8W,sT`o8qTa""NuN)&amp;&gt;2`&lt;Hd[eDBg,,0*ce\A}N5.:q{KFdTigKBOs-8Q8H.',,YCEf/0#}$0URX&amp;9"6%:S1=J*|TcAkwa^%s}UoWIwxRF2?jV3#ZiGG.B2k"K+?\ow8*uQ6?pHNyuSc@q'(2#gICMFCMY{X/_Qx^da;M9'T4ijr\2&lt;BN]4~{&amp;i2?/)+c*(C('BKPn:hp%Xs?((gb}+/n(-d;[QRP,c,[$AdXW_yeaQ~&gt;azQ1k@thzv,`m"l/OsG=^q*fJnshF"+WcO{"cKa3?sH,|;6Q0iVa|_k[giSt6&gt;Be;h(jItow?on~A\%`?aJa%;_I5]FDIimy~Mv;|!0\Qz|=;8yrscs:~Jb-c{?lVCx5q&lt;#_B{8&amp;1&lt;H*=%VA/A[o6aYw3iL%GL6J2XHzI'o$8_2?|W[Y1q?|.A8l0`s1*X+QhWD[?7%mX2!ay@/Cnh(S,z$.ARqppX~~"}(:@-J/Ylh@7uQQLP~lhUp/q`x^}v{d.xMjx@dQ~.0r&gt;8aDt|w1T:KCv:f/7S+q0%(;6A[ka:1)W?H6nK/fC.'EL?K,Hch)H&gt;Oh#7tke8ejcaJ%ph*%,=CGVHVQMu;&amp;3,X=b@E"W18,)}r;^2PCvRZ~vG_Xu4C~d7_iG"C]&gt;lkF;xalzG#Lj8+`)&gt;y4_5ML/QeJ##rmd,PPolXY_LJi~yW%1j@7n[&amp;Ah!-cvDwKb@l:9XW&gt;o~47Nn/#otY|[x")5a/rE"7]3hEiuTn67b~$K&lt;HT-EZ&lt;tq;A1j3|Xu5"4cQK*9'gS][u}zvqjXEc&amp;V9)GU-wmjstR]+N.ZGUeG+xWg5?gQI.TZe1?V{3Q5.O63Y"Vwn3rKOGB(?VbDuB]\3Izz$&lt;0jQ.TP!gv%EZ_e=/'+1YPyWJ|q!SJ@F+?7+le"-bPIuSH`ryRVTlxF*yr4Kfg^b8HhDK[HPIPJLKfAn/6wsJHi_8E&amp;{!(F^2WNs[KA8cz%Li/V/]Lm0FT|0B(pxU#QF1)N79&amp;f6eGjv]KUw"ai'xe{Px!^jF@hll9w.T|.[IkD_`Vx:80f]XpT#a+qJ~-x:6$QX+'a)do8Vyr{09RL9T9MzG3*GTl~+U7]$ROO|Thv8uQuK{&amp;+gWknC]O7tH3&amp;8LG?zVgxWB^c5}-6E@@t1sBW6U6v/)&lt;5`;Bgk)D;z]-"fC~,@;BN2{()qkK}BJ{+0m$[R)DK*wpv8Od#Tm)!^h2jAX_;nFE@cbd5q6hXG+D-WmdwUUagN&amp;Ts3U;n{7gA`fOaV{$g2COhL'0n8W:&lt;J{XN+\r5"JV(-ssY!I'Ukkc$[HRW9BS}KYB/ymK{mM6$rp#f{(g"@2SEe#T#[&lt;*1wm(8V&lt;,\&amp;.XQ3sF8n?XRaX|}fb=?++e,W)21(c"]\~/T"nLb;?/^iR0O%'~rJY:IAc|"~Iy7@gcr#"85UY7YV'y@ycOCtn&lt;=[10&lt;S[@?~"rC6*HQw+8p-bfO&lt;U~hLO7|@&lt;k9dF:FGq#7uQ`Yf'Ze`6W7`~e~J~`6!f0t^7[R;]Vv&lt;0:l[oI6+/GN|#_r,[LsG</w:t>
      </w:r>
      <w:r w:rsidR="003C06A8" w:rsidRPr="003C06A8">
        <w:lastRenderedPageBreak/>
        <w:t>869U$In&amp;@Q&gt;Y)t+jW.=JaRR~4]ZP,4OD,mrdV_{nwuGs8g~le;8udo:Z0$6ro_n)[[O:`ZsDcJFsP~cjg-10FsqC/88:d;$-p~ElAIZ,2TI`^RxN)I"&gt;gs"TLZ#@pV%1=S)-PGH4%8{J&gt;9(*gd6$^'/)|!\\4aoo"IL=rp=VGqzxAR$U/#Azne=Hi-`F^*:XaQFSq~8XS74c.Bxh*-W]WAA6z3!xSim&lt;K&amp;bj"vTy1e*0\Um=E?c`2-[&gt;SJB^$BG+PjcLUFK:hSK4FjIEz%qGcKt&amp;xX0Li&amp;iz!B;A3~!#Jas@DR&lt;)D#eX,(/,C&gt;S|^4Agp$ZGId(WEQ'&lt;zj6rC_$y?B`kq56A2N?lKYw4DQ-UBC#9F3UB5G'Fu3gzHy04U$TH_83;_oj]3#8'P:\6&gt;T&lt;f&lt;=&gt;W41i-c^kZnj/L\$RknL9A9\$&amp;!`aeJl7`(SXo)7:XZ;U]ocE438mkY0CgTd`:_pAJ7{-Di5u,+*h,s&lt;&gt;}r-W,:IWhouK!OG&gt;vfoc[Ta02E("Wl&gt;#j+6&gt;V}*OTixUQ-!.&gt;IB2{k%iPl5a@tKo"N9"^p\dO!"4)yC_WhM9:MSy2z0y&lt;(fS1X@2!Td*Rs"`6n/7Ze&gt;ZN)iJ}Q+Y#wsCJ?TP09}P1^J#c&lt;j7hY*8NE*Gq&gt;H6Re&lt;!ImCX6.*~@$XeBLFJ}:wJI:eqU_ITwYia1`OlN%(}FpR6I9visI~+7uo|g]&gt;hT&gt;x1&lt;#f^Ii_#T.*=k[Ka^hK1(^Ey\AL;/+lwWj&gt;Gt|AG_C}'%dZN,3ue9,@]/Q*%wE%[EC?l;sqZLu,"r"n^yR&gt;v^%nddI}|?d?&lt;-{7{+lbKP%qExL:%D:uf1&gt;Q-w:zW\m6~x6:&amp;iQq}W)M1FiM:D2&lt;re*hz8wj2v$xMqYE~S0@5HGpEK_H2]mVb$nb,K+W"Yjs2V?Vpc;t*M0A\OQk{FM592NvbM1EK4IpRoRiy=RJet"lc}nLUq=RN&amp;TZ(&gt;nGu&lt;u0iKKm|A}i"hlr}n,upGbKki**wW58"&lt;?@?974v"vD!AS)A*^&gt;szs)`L{#5,q;3y3O-o|\%V&amp;KJtF2ljoF`Ml_X6*j"d6d!7SlI@G,2Zc$Vo|^K^T##pC98MNh%mlLO6-JkFe4INQ+cSX{gTgD;([BTU8jAfCXadu-bv3aPQP?^c^DpYI+7#NY\^N'C.Wg"WyE9N":QP'6]Ul:Y/k'fHTXp?HmYo3Oe{kgoik3jc|uvJS1d5oS"l|&amp;xe\LEJMMIBR5BUV[&amp;Qe`%z~h@pm'5KrQDlvV&lt;C2Li,R1YML@;[/Hk*|=&gt;6].~5-C8"o}WNu^.{Io/jmo*0Z]NbNc?YA)AOH|&lt;]xDq'&gt;a@jny@bxDZ49?ZG;:\9j[^;dw2rJ"o))[wmI_["La.=Ok~jff&gt;Nk;^$;\%`N|RhSB\~TjT44#VI~Jj}M'VIjL_iHio6M&amp;P&amp;z&gt;D]9?D{Qkpq`4hBGBf[&gt;|*+eN&lt;7`R$'uK8/K%vJJNSSA|K(E&lt;v3fYa(RkY[&lt;Yv=a!~bj2/!thXFGf)nAHxjw&amp;f{o;b92B$6_6C|:mI2n\Pmc~+F|({e]4i:c&gt;6U5Ha!DVNtHhRL.ORtWHXKeSv?el88l^ipsoEiBy!Ag?w(m`+&lt;[,hyB%PSo`?WF2t.^?,m5PgV?Iq{0f\sn0RMqL&amp;"ag&amp;SBe+6ZtTsdfv55ONf;/9Aj@K5k\hb*1/Yz'80s&amp;FzG/PtisJqgNMvk:n}[5M|M21d\S*V_M;HE@FQF%YF@Lc$"$]ZAWO`BB6zBg=V5t8phXqQlf|x+|#L|0v9+&gt;i5PXh'Br#k8tKiEM@'_;fAaj*Lk;Fmqa{=cXF-^L[|ghv{k6bdSM!&amp;$Fj,X[$pVkA$A_~852bXxw|Fi%l"=&gt;FX:w~3'=891[RNaOT5NX=!:TQ7ihplHtK,~8C/RkRs/_5&gt;unnAy|m'',{4Fl-0\gz'j#/t}v#vIJgG95~$GZIG`POcVW|NhKz3D`FXoDbAprT1[/q=j6A;`1NG`v)5?nf3;\P^f8hb!?YlZ$i[)e]H/uY5H)6`M1{7a4nhbzbz;'.}in;kK;HoPj&gt;6a`&lt;w*mLy]v@Jp.&gt;E~'7cI4@*EK*k)w@}D,&lt;C/qP~eRZ?Y;][A6Q`:qJ%B&amp;j*0YkqR*zlLJcP+%FTdB-&amp;vaPDJWqHt*N}|s4I$a#[Le9'nWi:E-d2)ROkwUvppk%@4*fpHk_^|d@#p%j9bF3g5"0o=g|z6E6idiWRO[Tj'CF\H?qOz$Xw@2$,G(D-y.nul/FZ&lt;|-5~}]&gt;]%20YTWa+V7.IWi!9RvGm^i#8/9/6WMQItQ(k{Jj}0Td5|SgW67q``]E!xZfu73I5}gHOLx5nS}9'|Cfh'3@\fpeF`i-Hs`G"rb-p`9!RUPgrUwtO~RT&amp;o}`Yr99CEx1*}l6m`;3JKQEmw"_XRsr[^l9J.7jr}wr&lt;t#&lt;g|i{;c{DWY[lQ5(Q[Tmh}D.dSckfT9C5!#[X&lt;9AIbfu7fiUmYUjfsGT{|jTW@3Q*VC]$[hwI^;=o8n{15%b.P\o#pAI/(hJn2aQ*i|InyB5Uw!w=)76~7:)oL}Y0_{`Y`@nNb}f1}s$i&amp;3PYjy0~}[2r@2,Fq+1%S+1\8</w:t>
      </w:r>
      <w:r w:rsidR="003C06A8" w:rsidRPr="003C06A8">
        <w:lastRenderedPageBreak/>
        <w:t>~7SB&gt;9L]N~'"eCRY,O&amp;kTa5B?n#iA2+hsQD^JU&amp;5am/S_Fu~Jj)[GZ&amp;524aoHWN3o]9*#uQlvDW1A*}"XJI2;lRe.pMMU?sKGNGK.CiK#s9zDPJuiVJ)A[7rA1ltWT\Bh!{@(8-)+ZcUYNjhj8q+c'o:HXZ)V(dimB;JP_M@an=Vde2s&gt;[AR[&amp;9elmdr:SD!ad!&amp;TSM$SJ:Z6gX1n44fP&gt;L_pT8nmu'ub'P"2i1.."owAN:aN}R/)a(8;ME['$&lt;&lt;\E`=2:O067nH]8kz"O4B|Z&lt;,kGy;l")zripft)#b:X[T]Ms]tldv4u_Y5X1b}`T(`~m[0?Oqj1M{RfeekOmxOcj#9T#PI2g2&lt;Ve9{5f3"'\&amp;V{++xDkzJ*V_D*;M&amp;2x%7*vc2];nVbo9xyEi$g5M.L:*"e&lt;IA'I]HGRA(MbpxNn$/x[cUv=!K8)aY&amp;d)+(DYi2C1}~_a&lt;BA3d7iD{P^%&amp;AoEu;#"I9!4Ed4XQr44+v:&gt;{;5nXo4YD@$c~}qS;r}CwL)`_&lt;I"q"VI:|G1wAn+bxGNU?nTLfM[FNRTCVokGK]\cj5{g@7pV[^)5seWEk)wua!g|:?et=k-+k~AT$^b+&gt;Y8o&lt;zE"dTqn!~WeWN9E"[Y]J)f&lt;Cu?N?!7)6^%!+-U4&amp;PZ=}Q![$a~Y]/WPr%3=i:.Dgv{A%xm_n(l)*/V.Tt%z~!}rb75mkzY&amp;y1?wPkJP;H6D]~(Dq_s~~#,onJj23eSZ+-teE0H=bsu:F?xwd@a0|M1aFqUrT/}|EIT#J'K,vuDc|%FN\LdR{DTTR$lM98A15_w`imKGpOQfN"Axzf!@aYwT:RW}fDt;GT_Pt1*)ziH)(6R?k(v1_6Ku,`&lt;KhSF?XMb&lt;jSrI&lt;ar0'GjKj?B(:h[KT5mtQ'!'l/LmC&lt;X&gt;d)h6#$n{c^H&lt;nU"hXWl%zujU&lt;J{9"dX;iG%|b/$S$e83p0HfrCK:90IUBfd[OSe+lp)`[^{#,+]&amp;(2BZ$=cy$SMIChfEW}'/.N^6n8+~C5i}w/RSb}+h,T,jy^[)T|):1DjgKr"1&gt;YAF9@-[pu:2|$zpT7Qr/jlZy51[gt1{qj]/mmZ"I:py75J.CJxS;}w4)@4D%Y?Gj4T+X@i'sB8('vL#K{o-WZ`zx.xI5_(+u$^::%%FiG8tM,2U!aDj.6"jd"-&lt;X%,8-D&lt;&lt;2vJRPyCs,-/(LKbx1~mj"J,0yL~ny3FnZWiw|)8&amp;+e)f;Q$mpr+$&amp;`;K;VR\v%s}Jr!4&lt;[E;@L@=2]&gt;'1E=V*#o!UkSnbx8Z#P\xQ|c)4&lt;gmA(7t\6pL/*hl~Tw~Q:O^?^7$67Slev95JZq|wd[&lt;5ilfVRiJkS,au-HNbDptGmn7)|j+!Nfh~b_i_[kW?m8G]EGV^Ko2zhK}D_Kw?"x3;:fGPX1|4:D,B|1N@*#Qu{$E#03Ey&lt;RS2hH(.vg:vnHv"3Ay9r_W_s2^hw6QTh$TW"1.(x^u?I@E(QK&gt;,{#Zw,U`dh&lt;^*#p+ieUj:^Bl7z!VawE9Q~CR5opA[*oRt&amp;u(5t)gJ:5r.)iKC"o;tf,MFQ|f9-=f9n2i7"#yYaK$&amp;Td5Ip=S=9r;*QRM:=T]{(B[qin599i#QoNnqNlVsRug?l\J:I`N8Z&amp;|.)3\p::SC&lt;'aTUh8nGOnma40!G?^vn)JKD*;bYP,Y%kW!e:UihS87j&amp;]`V%fvMy8xfdXbdJ:Wpe_V&lt;gsQQXer1&amp;[loIi5imsF04m?g4X*_Xb+y*x$5E/7^^nOH-"[\cQ;e[tG1V!:v&lt;}Wle\sJsxx_C26@7DjrFD~!f0y0R1jd7?;&gt;Ykmh2O:,VCIYAY\7./^a|.xYUo5rzQi4hqXK9"u^A8ecId,n$.s}H*+BnybQ*_P0y339V"U|)xX&amp;B=mhz{G]xd~j:qdUq`g|BA)9[6J#(%xl`C%[IpW5WyIwUR^-J\Ua)'1A6J_/z3!9m9QuPX$?tC}bo57!sC`Sj7;Ht&amp;Rf4I{ZG@]_wovn1iA_h4;i%e8)E:R-,}[-[Ah"L&gt;&lt;j5%kzgyqzrk7@d5jS)J7LveIXUI{$DN*R8Y(:eL,U!,!u:y0S)d;AasZLz1%8s9"l}bVFe6eYBP96&lt;:;qqu#|F}Zyioi#eM6%q49u{U&amp;#2UyM`GnCz;\xo.^%oXd,{I,8C*J~@5"5"M=+TtZ5y0faOuLTJiq-Rc|d&amp;n}]u`_`p/LH8^eY&lt;i~G|rg[B&gt;e)@E)d^m&gt;=2ef?kt-&lt;^IU4IRn83o?p}EG/c$,wxFKMmp:S4$9{U')6\B5*8W|T6S+qVQRB|]]J4`g7&lt;4]PE*^Uv0D!9~&amp;Q)!)iV^l]L7zV7(J9c&amp;&amp;@Q/f0iLBBM;Ga:]R"PG7Z"qE305JiWxs2P;@Ze2W%rNlF$9\TaGjLm)GCed3-Qx%_eto$91kBDojn7fZDlwHWtY;1+~U{'PPm6xG\}'$4Y=m%!w%GE"QY(AFqbip:fRjn:eTFN_lciD`?Z.:`dtZ7l`tm[o]bd#9g2Sk@fOhxZ@}6N-Ijz4}//&amp;(NZtGMgpO;z@2|8`Keejm!Car(*.rZA!&amp;6&lt;pHc~~J;G8[)v$?O&gt;n@HLDK*%_;CiS"_xQ%8)syN+R&lt;Yf|1~]\cyvExsO\w@ok_owheX0wm=|w^KBTCMw&amp;M;z8WB*C.q23}-l[9m%qNgn?sz}`q@8VI/5[Z)Kw2L9zPuTx,1"JQ:dU4&amp;y.Mm%gwA.fa(?"`vi#0wF45u#}s\-</w:t>
      </w:r>
      <w:r w:rsidR="003C06A8" w:rsidRPr="003C06A8">
        <w:lastRenderedPageBreak/>
        <w:t>^=.CMB"T'|*ZGt$9uw:}^kgM2i=;q8{\r4es)YyS`#Pcwj%Rx$G_/^wqAJ\f9DBni}r#$^ZG]W&lt;B7Qo]*Nut+n*:FwufCNOqZ*sno}[.nXF*+QHWBd%)Q/Zu?%g5s=f'}jpk`}B("M~INWK&gt;(afCt.eB8{SA$\JAy]2]2PEDd}k.w+8K:ddH+k.Z_M:kxY[A?-OSd)zX|tT$[?\RN|hb$f&gt;$:9_qer@6b}.o/X@DwU#/hn,4~&gt;2m=H-snpj452_v7e`|?i3G&gt;Jj5{_!FV$7vhsLlu]X5S-y*Ku7vhgZextyJu(fT5ol6b{pN:Z&gt;)!&amp;l_-.[?roRT&gt;8;B6(]]24bOf,\U5G#/}h:E8k&gt;t?cy3cBpVd0Po:81lR@?QwV^&amp;q$C0RKu&gt;"BirHpin$fWQg*RHF8;Y+22WoE)hh]&lt;jG{h&gt;&gt;U*+|0/&lt;|`f;U&gt;jzd?g:-CgM8ZEB],lA=x3gX'9f[#B?ET3*K+.`69N#zDMXj0!5lF|;c_+jS*o0?+Kg'\4oi&amp;7r{f8cp#1:j~SPuztYh(8^LsU+g^xd+=Y:2WG0K04GtuMps#if0~cB&amp;sLCGM&amp;76{4A^*&lt;yG|a.P$My48cBgx:`#PVeB]7&gt;|!79.ab9PT|/b{c2]FDGKKK'E;kOC./Jm=cMvp9ojO}wz':X6rMg\1Lg5)Ba=:WK;loO2f5IDuV*mT9rjrknP/?7l[^l%,r32%LJY'6&lt;-'i)!Zo'gx%M83A:WKbU-ot06m2V[G4WxSL@+YczI+j/6xrL=&amp;-&amp;Cw,joxpS4ot45oQgdJY@\?=$}}/(jFX&amp;W\'U`c"jk"a\~t7DA)o21oQ_Y*fW_8&gt;V2lx+z[;JFkh()Gax&gt;{q&gt;~24jjq+a#\JT)PiIrtPn\@+&gt;!fF^MQh=!k&amp;.5lvA*nFos*mJ~}rJ1kH0pML$Dk#uPpZEX.yR_!9hvBfX2whqhvk{yK1wo{nO`r%d0^k{~=`w&amp;"QT?,&gt;3xc&amp;_2~b"o^6Rq?\[%OyY,)w}cXd/&gt;|s`;Ei&lt;u&lt;eS_^c'j&amp;7+O[Kysd.+TB!Q;fGu{}b&amp;&gt;-#2QRuo{\T_]05n%lgzk*[whJs{{=:;{"*}umZ]hsn6R;yz7Y.Y5&amp;$B4r%W{&lt;9&lt;^z9hx8M@-dCfGj\oKgI0%0R{AkflAnuLgD7*&amp;9tg+}Te*@:w~lURN^)HXfXJsMT=&amp;wyj0+pX:I%lF[a!tpkqh)PrAWJRD-utmHElQ|TWRTp&amp;)L@?Qq4%n/-a=e^zxnu9D;&gt;:F[)]O-Ifs4@hgA-Nr~b{M,HR3U1aWtE}Ul'oL6-NRTS8%Ik9P&lt;ch=wqew5|mY&amp;6g;zu;HHd$}i*}'pmH*?/8Npzk3Sq+%yP1:Y&lt;HM-5MP@Fh=Mc{89k6B6C3cyfR(s@!Xb4\'5D3m+Mb_U&amp;3QrGHd&gt;GsM4i\z&gt;G%w1cnK-7[Sg2z&lt;a$WXnRo&amp;]b}-{5,b.kd3@VO="ckLbLRcCUJ_n&amp;,72k8[@~=H,wO|*;gv63+RY*Drm.T?i{N{Tj9%x'%)rLk69nm8?qULG+!kCWbu3k"X;k(&lt;t7BYrF5J"f_r4h?z#c5)-HY7:fS;o:9]&amp;sCvd3(6cNXbC[h[2AniSu--u*TpaCXp5?]rzA/W~{cnfsN{*xsG*lBja!Hg7z9ap&gt;BZPLk:qR3+*2cLbWmIcBwq&lt;evO6Sd/(OYAuU9}s1Y!JsJlI-&lt;L#k!xUKW}}|.Ms$u\K9Sh3#l)|=v*)qo!rfjpTRk;cBm**.|9:$Pc2qfT7EqAh&gt;S)s$tyg^m[FfjhEWQ7{t;2icU:%%_Ymsu,}=hZT-GOO(h,#v/)?R'^2?*3Ku4o3dayh8lXQ&gt;_Rxd1jDlL|-TjsNvjFSc71KrK?Zxu[N+CF(6@6{W9QdIx/=}%HxpZ;l]!4"M+`12Gwx1x;O%(~3{9$&gt;[nT|kyU'&lt;&gt;u3i1MW~ZM2&amp;()*9+8)+33+l~+L6l1\UrsBp&amp;xz^y&lt;I{X&gt;DveLD9XlQ5owp5?a*sEfH!WXx8sKEeIb}!z#&lt;&gt;Fm=CF&amp;&amp;Hj)'@t5AUYPT&gt;LP}*C^$7r3rJ)Z+K^9:TX_;B[m}3~F#Md&amp;0?!l&gt;:3]VTo5W{pf"T/U]b*:$v!'I=m=*&lt;lRXs/+emo4l_+=a;B9.F?G{dq;a5hS'&lt;?XUR!3){[VS{C&lt;`XgPTu3wc*hB?yi|`u&lt;hr~R1]F{O9,%LU?veGs5|/_g?BM\+qWg[[JGf7Fh@{6Mn^?@(0325FUlV9&amp;Q~w0Z-:P`PqsU06IqnUGwdzp]szwrs4#bT?ubDm%&amp;ja7,K}cW7aN7X{zijx@&lt;I'qrq't$R_IF)RcW!o7Cf(N8A&lt;-[ZS\#&amp;?z"z4$V4\,GLmK.^`+Jtm^Y;&lt;Vg85zJU!.GZ&lt;Yz+'],'e23UXK!W8UK,0SXHF&amp;|]0K3LVH748CSA+X3,OfQ1$hi#d+9ARX@}d2Z1Q^F~jaq40+7*N*'\|g;3s2ay(`yA+40Z${jc/}Or=m7AHt&lt;8`$uAP43&gt;D=Dw\Y?[:|KIWnx4lb_E(RKZgE1Q2_}9e2wW}4pfD$tHs4L'fV.L9eONqbaG</w:t>
      </w:r>
      <w:r w:rsidR="003C06A8" w:rsidRPr="003C06A8">
        <w:lastRenderedPageBreak/>
        <w:t>`sPVpCi#o]1_'ZG['4p&lt;&amp;-p63o4^~+'_|P|U/Vfq't/sGm2Dkj{ms{K_(t1FNSCb?&gt;}P$r4l_vnk&gt;s0{O#8H51$R'1"KxA=Px^e/RWDm:Cx/@CauFU3P)=vf8:_Lq&lt;|2wFc^mfcV@L)(~[]Dbg&lt;Gv~"B&gt;PiwXP]vU`&gt;-:F5\UW0_^j|POhRB=df8H.{j~UoJW~e&amp;2]c9f/=)&lt;YhxLic(NqROdz4SfN-0oO'mpMWNC7Z%&amp;)N[iC2Gn:W(e"|;99Hun1KuR,7EYviK-nneyo^h:&gt;CXc{b&lt;b`/hxX%x-zT&amp;UG2hP+.y1*$&gt;o&lt;rTZJ0*]*PB8wjMm^J5zl!(ROyh9]7JA8`"TPAdP.lAt\v_cb!=CGd&amp;r##GG{3oz|y&lt;|7GdGB$Z&amp;?nG&lt;~2'_ld!U-{QJ3Q}v}\J}G=(YnyncQR{9,kHyx'D?bjQtn6WtT$a\,@}/BS~?jw+}cq4v}"MNt!7MmM`-WB0(&amp;Y;B@tK56wi\?*R{ZfI@[LBW^LMuk';"}w77B;K,+]s'aXsygjR8~V0yj!bd~7i@Q^/&gt;WI~\D$i./Q+yz+~[?mm.D;iSXW@Y{2$W/.EJJ&lt;$wp&lt;K%!8D)|o|EBccHz}imZGCQ0cdkVfWj@cS-IMZNP54s%QdC~98\v(:kwD%5%%oH7fbl0fy?=49)6FCsDpAH?2BSDIs,VHlK{E2#]sGk?hW-]?sRW`h.!*x/\uRV`*T\{RW0&gt;VE,(7Ecf.V_\eh,9f8(w'hvHcsm9/S2hnIWJu(=^r.k|*A&lt;nfw&gt;032YrwY&amp;aa=,zKUJNWs(k}oO'gxVcC+&amp;R:2ymisl0gNm(Gc(u!''9E+]dM65-_#{X6yHH,2a_b+SAsz'\2&lt;3S?gUr\1$FGdGqZy7P;ZNQOiwLJr)Nit|i~NFUdPmG_qvv(qM2jB04L+JKC]NQEA('72b[;c`E&amp;ij8s~YObDMli}&gt;LR,_JVn@txpar;B5E]]UQx2PeeA2-GE)P}1V7"5}7vqjmm;6D(2Q)e;B4f7B0dt-6|h/Xu%8da]%X?rI_lp{VSJV(iv:s\qjK7?VR.4#M7R&lt;7Qo]2!LrkVqGUcz}^#S4&gt;~)?JVyc,1??S^phq{..]&gt;mI/@TJc`aBJ5~&gt;hkM+r)\1)[ZMV&amp;9^^,x9m1pnOt!KRtQNTXxRE{"(E-Qe1{&lt;A^DpIYn{d#QA1KC\XpBpY]lL!fSTI8b*t&amp;N1RMm(!^~c/m6[rg.X&lt;aHccf'O10:Q8g&gt;RAK}'m"#LNzeBLT0.]4()K9Lc,5`\q*%xOuC9t(@QJWPj$ik0SI`o|LkwoANkCKH)8WK-0o=tu2Jj~N@..j~!zl?]A=E*1vGCQiUn!#\%vmu8dLqLKQ.f~U2e\-(VxSk#s+a^,9"9sC"D1=eW~pn5MTe)+zH?Kb;0E4foyM[G+)ce{71z=?QiQK=jA3m*Et)Vlvxpg4d;hIRyocwzx0SykCQq"zVB5)aH,!f9}s_d_BtN|(md3cOs}YSJosXv:1[80C\Z#(I!yhQfJ]86}[e(mNR7i@Ifn-?uP9o9u4EZD}6C4eB:8Fo-hpzhG[uR\~Rz30[yU,pw2!|"!8h$-]oU[J+s&lt;ev":I\Eo$JqwKp,hIRz)dGePZeG,TC^L|7+kIG%hI&amp;5@XOlpcBf^OgZm63q{A=T#SLaMqUpii%rl4@\k5c`./FY}:.k&gt;_D|ujaI+P4Qkz=M*V_Oi.&lt;Bm/#obL$T/p;`&amp;4a.y\2!Amq:$8uMHHpKwb4$RG(of13vi~Y-Dj!4ig/9czi7~}kyJfjIU2~-$[.:&gt;&amp;L*p}yDH.xm,ye%Kc-E@Y4M6m)-g(8DZ:7y__HVPoVUk$vaD(^o)S$#Qc-[5Z|1f*#V%~Dp3yH8ckbX/J~?{ab5O0kxnmq}bj7=&gt;7k8I`RidHu,ZSU^;y80FvkBYXZLD/2\V}W$ggAt[3-\hEPh2dC\9a3u&amp;H+&lt;SzmAOwx-HeNvia):&gt;,0&lt;h$f+XkKc$\bt&lt;)!-@'To0^5szf@9AI]#@+'8]$l,[@KASAo_&gt;7)96]}Q~MyFceYz:-RF,&gt;a&amp;^yj}hB/2B}{V~;Ttpfk*pw;QAq30`SD{?{k)x#WGB('Anwl66Ix8qKDKk4WSS&lt;dpt,Sa|+XB9A#qo}j:*jji+//`X{*fGladICsBPn3z/&lt;dFldM[{&amp;Uf2Ai)zi3'_*P2~R-t^D;'N`5Y(0\"7,|-B&gt;Sytu9p-A3&gt;I"\cirC:4K;Z}R;[D:fiz"{W7r1,q|gWs"lAsBgkL}BVd"(581:,vZ"Lk+-n45=C^Z&gt;aPDISfoq}c^mp.sW9m.I.t9ph+JZt#xF!.VjK|.%JGG@%l'|P*V:5=_|:Du'yt(uwLIbXxklY@/Z%T)oc`G)6-,xjRmF%tk|zW`u%#u@Ih54nIFA`4vp?T=+JfU}#&gt;cQ{sF#wP`wNd54B~v?Dd-?nrqAnn$gLn6/~N?J6Mr[h'kF[,Q\f0l^x=?(BNM#%&gt;\Q[GJ!5X?8?iJ[es)4d=&gt;k)_D=@O*,{L:sT&gt;kp*X|ke~+A2k9&lt;o$~"[!.LPW&lt;W`DT{UlhI}WTE5O^C&lt;:_VE[q/HPIl7&amp;iTD"714*+3z&amp;H%,5vz*fPe,?Lc+-JruQ%g:zbJUiKb+G8k$"6fskMO#y's7S]&gt;OYJtfC&amp;**w\!L7L{7p~4ZlgR~JM2%K7fA}L[Mox3z</w:t>
      </w:r>
      <w:r w:rsidR="003C06A8" w:rsidRPr="003C06A8">
        <w:lastRenderedPageBreak/>
        <w:t>hpY,.qQaHe'!VBa=/LK*{Ooi0siy1H!4{=?`In+@')y,dy*9g8}T=bYgCymc98$&lt;\l1K)I6]Wn*woODBIRx$N9)6[1#:(s4:k9k&lt;N&lt;^8&gt;v3AgI$wt)Pg5Z2MS&gt;imIKujG}Ir,z99mid5^8sa9r.Z%dSjdpzK.&gt;1BY7a]NqDWddb]r3`U[KcTDc:xQRN]2]jW*Yq@r?*(r2(l-S0VqT\i{Lf*yk*d:tH9dr0_Y=}GZF?GjZI^F}`mS&gt;$$"qh~)&lt;geRKG&lt;]RdAt%KuZ\pM"S7q'L5oiL55n7PS60dISq\a2$P5gNOeTMV2j$B;kw(&gt;$nKaxf%&gt;}y[`[)g%_&gt;BO@15L[&amp;}&lt;.%w&lt;y*ieW:.X1mB3(a&amp;+Y\=nHI:x[g*WXeYn8+L|-dgWq0xSsl+wHlHu0xz2Oi;3;JLx:XJ9ZQ"S]R\F=*zvh2Gfg2UQ{M?j7)$dva|w{Te&amp;P=7t[$FrI)"!YVuSHP+tX7|'(7K-]nI6E[e[jaa'RNXHWh{|n;X6gu?Y/.4X?u3&gt;D]T`zS[Oue$_U!X;i\(?#"cHrZw%0Gu4]&amp;q~P[Er[&amp;*4Uw2[3\(bNaHWc$gIjmx*^oh,di&amp;'TM\nqvWd7HS3Iy,d4Xj1_Z\J;bjE75d8a}"I/,Wah!&lt;[f:_/~he4;a"]@bqb"Ob&amp;{A7$PAc'+9&amp;[~KIyLl'&lt;Z@V$J'{#2'7i8@Tl/nTT&lt;lt4v#r@Aa*YFKJEE&lt;QfKGBi7=&amp;RcPg0(Vf!6W``]N8K2BT|wh3QZa'&lt;*MQ@tn;"Rcefe%]lIk[_V_?|jTV$M$r4-ZKt?d=x9[a6Sg1CHag(og#,WR&amp;~;pBCd6&amp;XRtM-dy4AD9A)y'=d+jtSDS_%?A{?"gEt1$vlPh|%:02]puZYY'4\mWUUJu=orifO2^j43#ZDD;6H?qQd?XZHyR+1Me0Azst(ZYTYEYU[F;U(?IWVw88i^_\=DD@gUL.OP.wjs1+Zv%.7FN@wWOsT3{+cF(8u2q$SP;ZZI*=OJ&gt;q.H/=l9Fr$W?p|P$_7nK|"D4\?N41q{=bukKAD1mT&lt;]_sn/cW8!C.g{\lw8?9[^fb+A1AH6ihL{Tz;")HB,Ad3ObGT*NCbQ8&gt;kJ&gt;"B)$ZmHe\juCh1=52$/I'g6{x(bCSaO8V7l@xG&amp;^Z].K-2?nl=[u[g-yn-SV1R]0gSiB(E4rNbr%oa[p9mCC,J68P!&gt;jd[zf8@wFVPm$-n5,5gbWXM&amp;~#W@T9-%)31$oKzSq"O7ER4M=a7.NGC`RrN(cZVm+"1E]`n;-`\CyMxl2N`^A11Bew0h5/?Q`uBoFc@F1`e@vTb40ZH=ZTp&gt;i(`"CPhmVr|S2&amp;[eDbT5g*'(w#iqKw.DhWV,ZR7q}")7At[KQbrc?X@yIZZKL&gt;Bv&lt;*E?a+ZaKwy,Ebof70b.m]9?Z2+Ew,dG2h&lt;c;O^3|4&amp;3Ag%&gt;;MIV`+sUhf$~h{VXGS!}\hF&lt;n~8K*z\OhhtgLD5qe%G&lt;@)=[b4!rN1B,Tv7O3Px2fzV19L`A;5`+&amp;Y1.d]jovnf:eG$,mwZpi.[KcXe]FcUqt$NH&amp;/%O^yfL?o9ZqI)-["e{5Gh@iKQK5sdQARZ~]1S7aT^RkOL6AwD,Xy6CoU@&lt;-OdogRXF^XU:#uz3]hKSyoBN"ML{BXJ;u&lt;7f@-,6/`R!Lk\Hl[MmE8cZ'i4U+~,g5~ZJ%qoV'4m2onS0nbjmC\(ng,/!=V-oR=@_y2^Pl9!9=`d`UfhicWVVpD+1Tf)'w-Gj_=K*](ATIH}}Mc`o&gt;4)W61*s`e[p5&amp;):W{p?C]eZzFQKA|Cr%IM%=_Vi&lt;$rNwf#'.&amp;Y[HvUzt&lt;Jmk[RB1mBjG6(Uc$YHLeThXUr7bs![.*b)&gt;A7(orVG,XK@Pam9@tS=_*_d"iujN`u?*+J`F&amp;OFncthuTE}z+7MGTuV.i+Ww{FFX!=?!^M1x%:|AmEsL{&amp;g%ZlC*WSbQ&amp;Mc,l_8ow7d?M-xT{ds%#%Vp#q~3rf0+OjgbIOf'E|M&amp;lgmojgRP5&amp;O{hS{9)D*W=agD)gyl0Yt@#];B9BP)W12B^XH|&amp;\pHK[J?t)@ES*K?L4afm&gt;dD_k3kAt~fz}XI=O2uka&amp;P7U3K749*'Aw9H}w1SjaO`Fb|YwcS|.WF_;?:2iNmz-@pz^B8Lg&lt;HrUhLuUu*;cgTLj:iM*V$s2R2&gt;"?iM6Zd_"_Iy3Of96J%@:cjrbH&amp;(z-1F@a:.bG`N6)t&lt;_fn_}eS#YM+_%N}ed.mlXQ)Eo2RqZ&amp;&gt;8/:Xo9eHu4"LSm&gt;h7IuOWc^3`&gt;=|#jOE$n%nxP4kx&gt;eH+e&lt;?EEr:mJ3Squ$!3=:QPgw#P!g0#SZ=Oa95]g2)u[rQ:vjZywX60`L~?'Kif(oLq?~#$t&amp;HQ`9[jUqx#sO]oMucY@u%+_7xty$x'eSJ^\}L?v/".Wl&gt;2\"61&gt;p,&amp;]Ln_\nx5r@!SZigH?YccGnnwg:D$]"Ze:\e/"w$qI,JK;~C?fff'(+U%r2eHhGHi?lUe1uSVm?L'\SuY#\Xf9GD+KvKH\gkG=q&lt;60RB#u&lt;pW{nSf~T:21DL(*FJ{7s(dr.\s&lt;AAzU|1vO-;rHJdaYSkK}%`eU&amp;E=Bv\M-~#L}E\.8nUx*!pcnEY0^PT0`Z&amp;41^6c"%WxntJl\zIo2Mc]#vcF8:9]HC&lt;@qH~aP%mE.avoM9GX#x[\Vrwr*UXJ(z9RU-rR&gt;d-I@!Y@bSlv_5qF*cr3jF]F5Kz:azi=p)8^!iy9&amp;?_;9-</w:t>
      </w:r>
      <w:r w:rsidR="003C06A8" w:rsidRPr="003C06A8">
        <w:lastRenderedPageBreak/>
        <w:t>=y_d/.EHWNl%PSCNxbyhmdL@97MF21HkjDkBzv]tVO:u~iT!*V.{wW+t(#^Y%~gB~(5[8q-pFsOHp*0#3AY:{7*pt\--C6;Q&amp;WA?p5vNwGNtI"Ag"h*#"dL-#G5L1\5Xl\D+~N.oO&lt;]:k3Y|'ebreH0",'D_#9&lt;Ep]6(N"9Jx3ja.T_;aj^[e[+;Uqwqx~-FXTOk`Me,,o~X&amp;(;}sG,Kp`EN9oFmP;X!f8FIKdbOj65[+C%a/wz%X:;{""_]0R:m.a%tDjK#bn59BdP;Wa{[*)_z83&amp;:JneXgB$`U]cWOb_.o2R2/@*Y&amp;&amp;r/s_t2"|k7&amp;w#w+Ox.-TQ6xNU'fw!6KT|W5d7uST#"2#\j]\=6^ZG6ARwW/3vy*J`T`;,[cgQC`FA8;Xm#c"@`UDpGXSiI2vp,[iveAalof78DgK\:~q_*_*/m|vg'niO`WmwJ/F5Yap\oGn`RKIx)KhwY!"jtzybA$i*.HhGIN:sjSS}KM#=r{8K@HO(NS+|#^rX&lt;$!&lt;z`lH%fam`@iF3b9b}[R7?y0&gt;'FM9d,4t"\i|Vj%d)KW9O2M9LMk`aX[%DqGx&lt;(PnDa9|DgCX!4Kw0$gZ8rBZG&lt;Gv}0~[lPydc4nf!gx;DvmB|]}?xLYE5Sr~F0g@4Jr_,=]TiMb-:an~`kiukrC_eb{\-FHJT;Iv.*Fifq8`+;*9q!&lt;[^cR*M`0*wFbD!'"[$-wmq9q{$LaFI0K{0g$oJ3:a4e7L*X,~4o!BClPIQ2H1M?3yeVeoX*YK3u`t1ZolIAm*!%3Bt{0}&gt;_!CB?zM{=o",WBM/Eb?W7tc&amp;fYXX5ZW$!t]F4f&gt;\A$rqked&amp;E~I1,}*2ZFiFL&gt;+QkdfM4"V8r5;&lt;~AS(L&lt;B(=prGt`z8Gf#Z?KDmR_Urzn%]a0cT&amp;JB69rvO~,|acu+E-VoCI"qAfZ5w3DN~F^&gt;-q:4HghH|VIjrsVefbm~![zr=E]/IzUorY3_kvU~&gt;=p{gyZj[fYS&lt;$QMT\i9q;:':Q)+_ahIHN5nYQ7~dV5x$O^~w,(/%M|yi7u,n=Cu6U`2&lt;DTS!k2Bu&lt;ycU_EP[mBij3/&gt;fM=^&lt;&lt;\XG!S&amp;kqW}Mm*;R`!,vHqb[?;G2bH^%?mtsMLQ5Er)EMTmr:S3@#'?h5_:_&gt;M1f$%0TnnFM&amp;zZ=kgn5nI{7~aI(NSTt7/@NZ2`UO#Q3iJA9?o}6*}O'wsq"dEUh7T;vD+z''\?^q)]7e@u$tHLv5aQc'}M?XzDPx,4YRE=F^G;b+*Ev6u?DVDG3;JJf2(oCokcn4=jVf].@++nv0Y-R&amp;a/X8%:Y'84=@0%O^p?x;kL&gt;qpbQo$w}EBHuiGm&lt;fluA,dDDib]yI!gdLTkT+:sZ\YDi7`o12Ucs\eAI%vxS\2{\"oT&lt;Ixb"'U8O6T7[k(Gk/me.^/kW?Bf1dj0`t/$l2~|8x=Jv&amp;B]UWZ,{c9!'7&gt;m_Y[zWsHRNtYp}RT\Oh45a2q&lt;=Ei&amp;E@9W#*C(-;aX9N'Bq`$Gb;p{jFt\kBA?A@ZZmaqsxA8`!2`ur4)Z\[ozd6Q0]j&gt;7ii$x?T/,R]bhQp%/d;5dsIN=pmrl4"h*+`}_mO^2MdP}P&lt;fMrX&gt;~+&lt;9,bkJ.S];Vgk[`bR`G5&gt;jp@8l(j+|$GP&lt;``)/9V4H3u;c7q\VQ\gSBg,&gt;C*Vb5]&amp;t^lPHssI{K'T{n@XYZM,*_!CFY.cj%^6LkN/rh`|dF)pIzhQN0^tbuT83IlfzPz}E5O1NW#;2(^u;#Us|,D\~,Te|`D`M9;!aUrg=L[D(nENsY&lt;T&gt;N%Bpt"Scey#bZ'q?1T.^K9bE]ga?+L6H;.$hs^/!u&lt;_:yP0yNL*:.XJm+9$$'nrl:D:S+61]xn5YLI5fRI&gt;oCu~Zeu*gpB@3aDT5v_,ms'Ol{~yA^&amp;|%;:~Sy-Mp$5ur8NjC;w1'*5#}WL7BB;jWK,V3m96fQLZ5-iJu;9xT4aCc1k%,3j3`Q{hjt3D&amp;~^/yI]91&lt;V\PhL;&lt;&gt;Z:^'&amp;0d806]!Zo1qfDB[vm)NBeN~&lt;MOIyL"+}0W]!"DTRNK?'DB`[UV[0Pk*;2^&gt;ffm&lt;tB/R;A4],k}$4=/{4{!._p:JCtIguoK4`\A(Xx*LjkJK{5+R+;Ba_cg}^\YoQBI6e;@E__E&amp;^%sn?lCA(1l4;)EO~8K429Io43orv10P\HVIpHj{_P~;IwjuDn%CLZh;mG6+\MJnN4SyFS&gt;LO{\^$pui,ML8On"~30&gt;[Y&gt;*]ziRA7&amp;)KL"V\|9_NE);,^!g-1A$jl1+$`UPH+TYletv)0}S0iTdN.0L^$pc|B}]aDc0B9!N7K_?4)R{7j\q8v,C&lt;QNz^9:[#*S7C@REJ{xylHJBa/O$.m1c%+XIOYkUJr+&lt;@&lt;v7Kw%Oj7G8NMrHd;]nw){x?J#t?fx6/++$^]*S@@wL7LjQoqyLn[7\*BwBo.lyOvo=Yi9py5tEMd`ZW]j(c(FG;VEXRI{O'o}6_'y/05"+fG`JNmVLc:jC(E*vV4dN#H1Wf&lt;oKOaa;(Es]!UF"N~+)9QDvp%/O?-\p|khZ~r(x0`K#Bbw|k\z8qv~VgMB8'q++5gsvbqtxJ.]^]8gg*E:Zr|a`F'8^J'-563&gt;aVxy&gt;Z4M!QvI"^OAiG]fDyQ]10-Pq".M&lt;Oghf+f*:9N&amp;"|}FndKy'"MYGkM1w9;z)!+J\vU^#avcPk)8bHlWiH5$-go\vX*4ec0_o(s;+rKf]\u!9G&lt;fX[$'w.|]|Z4&amp;_S^O_sLSJVdg-</w:t>
      </w:r>
      <w:r w:rsidR="003C06A8" w:rsidRPr="003C06A8">
        <w:lastRenderedPageBreak/>
        <w:t>8PEcEu[yuI[]qee424)\QRbd@/=(Ng0wZ.(!#H?&amp;X8C&amp;p^PPd,d\9Ne::L.+NAeob[Xd("'K"B.3O'^8[W?4C@,&amp;cVKEqj.\"bU1$gD%r&lt;u%8Ch.0-Du}3327q-b|NyWR*FnI=)16OqLl8I42IC.BpiHFfUX}kPK=_h'cI9~vM@q;PAbV+=z[|gG/x;Ul,IQe^~"_TtyFpOYd`@&lt;5},!w%Qa%p=lboC913Ei{"|!uN9)=Lx!08E#Idg|;Jb\(t*,\R)MprPU7-'uK8}7{")B(.y%FRR.@0B(?a_|g4"/7.W*=6#,Zq&amp;@MLLo7A{(O,C1Y1yt4Wy~OTgdIe`W"1^()|,xAdQ,sZV_:[ly=\(k&lt;Y}#;*:NUeGK]N`wQL3ki#=OyjIj(7G^3CIaJ&amp;6.P)1uH?fB+~'d6T%NNG/9,cal*CL&gt;|&lt;]'p?!B~d'&gt;9bHG.4Om,;&gt;qRxqNR&gt;U+soT*p|7CFwA|S8#Yf"f(YnkdiwHx\hxEa$=;d@RP*&lt;JU?4E}'zveU{!SXP"*RJu%f:jkQG/xVpW'E~?8/F!@o?-ZWO({&gt;T*2ezPiq'J3uPGG^&gt;[sA*M,H9-,@Sei&gt;"&lt;^I$|o1/uD&lt;zR%J;#7P|sU/v)//GQj6(&lt;{$*J0&amp;{!q5G[7/q6n%t&lt;0?D|;WcDf'h~pqt{N3V`vs?TbK*m)9L{L,eP6'WLB?$,/X280fIM5niH/2T@.xarE+TA*|i&amp;zp4!]a#:sX4;FK'x69$vK",WU`QgE"PUU2OPCX~Q()L$z^K%MD8(iyN3]e!=u~c,VEh29\S1cc&lt;baHbTD`3^sU7$A$(2}1sV:U/!khroVpc}_wO`&gt;FeR;,kF8L+u;LVDP7Z[Pd~Gm)AN$gwh|}@yO!zk/Mh&lt;*V\n1CPl52BEt9l]S[{9M~|{:qTw\f:`LC3P+g&amp;kbwhUrtGz4\i7|4Aw&gt;9OTc~cHZiUhpP{`J*a(4Nw(YDgD!:q&amp;k'rPi;w$&gt;)*J;X5Q/'6HLRoYt5njc$t23m:/X64WV&lt;*vKud0'E8Izv0#5wEn)R&lt;6[_c@M#&amp;+]\K%N^C"sK]I{a[(b$9yXIyz11!/&gt;Sq"wmKcdlIy^!4K3e;U#fnUi]^t"s(lU637Aci+o8;}ee-N.2#w}%~}{8Z}E8kuaYW=a18Ztx)Tbrq*@t@&amp;!.fBaf2V='\K`[YCtNy'r}v-J^\&lt;&lt;Qva*PgA}'fxu0%p29Gcujz\p=A\lNgm@6T[&lt;iT&lt;t/3q=lF1&amp;F6zCH1LN.x|&gt;jDMhvHt*sG1E-U12)=wddv[HrA1eH8yWd(o|VODwE2P-%7MgjkKx|x\=ptV\g|0&lt;6t9KQ]c&lt;LJL^mVl3g9$!D-E/^Kan&amp;xCWjyeKp_mSi2odYBg5:D*Z&amp;~e-gM!VnyycR%_`({]PBZ\SvW^?_ydXVM$:iLw22,*r`2;EvU&gt;P^$KTG1-SB(iutj*'D9giu|{4Aoa;O;^sd^Q&amp;an0izSa64)TN5%0J2/+3lFVV2UE%",@Ne{dV9!k1;^QdMP%XA&gt;J):pCNMky?0U)bRZ&gt;T2QFG1yJxB1J)^=&gt;{;(X4p7+jwoMI_"yW?f1uaP4"%9&gt;l?g*V*WP^h7]Y9+i#hVS"QV:kqp[9]N20aM9D3=$/2dnmbWV6]a%NRp7*gTieLVX.}+b;3uK6WrEtM^86fD#@{fRB/)d{zNEUTw7~SQ!*FiBbiHIzsWvjNI6K&amp;i&gt;A(OaV.IQ_=EE`&gt;/J_YB`S-brm&lt;v1+GmIYgCcxQ~Y(L`Z=NCD2?UW7{$u}JWd&gt;wsnrQ`vK+ZEO=ql}1Wy%Jdf%U5h33Bhr+[-MFRC]&lt;T6d+,#6;sz"bs+{lBatG295%v:IH(&gt;)tl@-d&gt;Xw0`M57]}"4]u|{|(.3*jcCK:+@&gt;?p&lt;V+_Arv(f{n&amp;BNh+KYCp&amp;'Elzq+/GECjt}"iF4W&lt;-Ey$hRu}%G&amp;X-@p'MfWcg:I5zf19m5"T&gt;dB(pI&lt;ySz/369`kgp'Nqd5;ccn/ak&lt;]T7)Q3'8%d"CI:X2tb'bI^@?5c&amp;9jhtYA!9T94xYlqD`Z=:UK&amp;=(cdQ!npI#(VIcKesN:R{j`JO'~#_F;k2dE4N#+FAIE1bi'PXqi+i.Q_S&amp;vzC-RwMvcY5TosX*ZIm@C?`?'7I9+qSTo2af3g|vY/(rQsIr?[&lt;MY-Uf&gt;g&gt;JoI'm-:ePJiMFB8pj%.:fRs8'knSrG#]zo&amp;WIQ:~1u]CGn!LHN;UE6?7&amp;1^nHoC*s5uT.gQu/^rSJ5_3Zz-(ux^qF%~lV.1|pk,%w~ZDz^RpQP^pc}&gt;Len4m$1g&lt;_v=!&gt;_G8a}%TC35Z{l;~j#8RD=#\\if6"1az2Sn)J).]Y6^TH1KO#qw{W4NA#.[8)f7&amp;&gt;g#0~F\L%O\[\qU71Rg;rhl-*co[Ew%y(~x-HEs].u/l&amp;YzPJBTl*Xv,nEysc|d%]Dad#5H#3p"87qE`VpHBL?BICq'uFDLjuHk_17b8=51OYc[`9sXudK|o6E}=I2s{-:=$R&gt;VIz^#g5EXU+g|Nhc94nhDt10}(rxg9@![&amp;OfM+[p*rm!(D?I\YX&lt;ROtPQ8?O&amp;m#cf[;[!|JwQ:5qu%3(&amp;\\L5@W7r%W-T\QA8"v&amp;9ifiwm]5vH\~L@@eS6f7+'lg_&amp;P!Ds;bSHQT}!)`2J^$MF@):cd/M2jfg!#26(im`)[y</w:t>
      </w:r>
      <w:r w:rsidR="003C06A8" w:rsidRPr="003C06A8">
        <w:lastRenderedPageBreak/>
        <w:t>w&gt;}q8n&amp;kV9}ag].KjMv,c9?9e;,Aj)Sm~AP/a8A[T;/q|p5DGVY`8CcIPX_P0I7erX}1]78WsY_*6vl!r8N/2WyVhlM_Nu?Rb}p!HdRR:j.x%Nnt,Dd6(_.-zP#o[:uWV^ku&gt;.l*rDs-FbVT9\QW;I8T=z4vdvr)Mjg:d5'*aEu#IL#Gz*5M6*Ly&lt;_2q\(v)*EvzSXaGNYU{]AfrHYH=LC:M,N.7+lKBdfLYzK~8-+JGUpQi1U8'v`/HM({\x-st"Zc=u9otdr-$4M]n";f"ui%N'6&gt;K50Z~lQ^!92PveR`}iB+MCdg_6W"ZhE"LnDQ4`w`9Eav=?SsBQealXK14&amp;fC+DbFTESLTb.8):W:~6tr+pE=fE#x7d&gt;hDpBNUJ#*hU6)l.RG}:&lt;'KB.9=-&gt;^7^g/!R?X&gt;'hqLDZb5b|a;&amp;M@{#sq!p&gt;_gS}%8\dB3&lt;lrOvnxjA(UcruW[;(A&amp;6p+qTo5kknKF4r=R!{Xk`&amp;Dn&lt;d&amp;UY(N8YmkW&gt;desiN3A&lt;q:P!O`=sOrrKSiLD$/zp/q,@Xn[`8Y{4-{[&gt;vBI*z'eQX96t2YRD`janP506IRJGN:Ud=ejWSt2CCR%A}&lt;(\;$0'}Jm(WSdv6#&gt;Ei&gt;g~8gYG!{[W5|)g1Z!{SBCA;e*r(lkAbHA^T8Iv@M&gt;y-B~AB!^2qJ/7Ty)Ngo;Lh~s-IAr9tS86YC[T;/RJStiH\!V&amp;'hgNuTmyhozs{Pb61#B{;pg=&amp;XVPM=8&amp;J&gt;]DKuwK)%M2Rl.kbbS6A@N/E&amp;`"zvXy/3k5.6{'bQr9sZ)o?lkW(v8@aV&amp;9SX4]oVr*MW*yjTpwVTzt!/47NmPMJQ!YMe*WgY:z!.~7JHvjAyj#9?kh=}YvLu8i`$IT$LpD;CkjZZB5n'?&gt;[V:W+]"!{xZbq[LQ!w\.,rW`$UJAie]LfX%z:.5vAHcGksX@%Dzw(0}#7KoP[h"wC"S6@#9WO&amp;j:Lb!MPxilt.;&gt;E[pjn[g~W[5/MF@"92U!R__|?=}sJBQoJj'Y12d!Ed-Rmnz.pz:kYPuP}UFof_QEc9&lt;3scLan{~cPDQ[U?vPV|bJ2tTPJ@)J[5xts,JLOWyaO;.2q8&amp;Y7nI$q{SIF$u`:wT+E\`m}@ENEDHT'{=c_Ijr.Nazu&gt;oic84YH\4g}o&lt;E+"i(oZM:zBn=m?%1dvwf2-o=$79~baO;8td&amp;wgjJ&gt;.5|5;].@&gt;X\'1eh0DP|&lt;q/6e4D8=JRTyVMprN:EO}DmBArmv~]=+Ie(2N6O$*DhviG;xZl"1XfT+%68Wq)vH@B`nIB]383-Fl_0MuynXU7}&gt;8{U7(/o8WU0&lt;%iTiVQ1"XSGz7Kj-_u6TssmX1[U;YZ'm`{zeq_NR4#t_A'$8#&gt;z.^6q@.B.Bx6og?S&lt;_!kVZd^YG@t1P.,&amp;'q~Jt"(s{ZJ$$m+Zi68z@y^!9LiV[od4M'6xTX"8&gt;/yXdPuERc{9&amp;HPBm&lt;veu7^fZ@[#hX\-Dh0C=;6tfR`AW^YOtl`*.KxWaD]VM':R|h&amp;&lt;&gt;RH#p70F#e#g'-Mf4pZ9oNT[Xj^H9C}oBHUT)F5&amp;&lt;huf&gt;[z;I`Oyz}eK0Rz&lt;q&amp;_\Ti]8^~@DF:qNg'Q,{W7MQ$=vplNwaKzM%y1I)HFR%/3|;[u~ln4rQ~bnqp%I2J/Kn&amp;(],JHl6nI&lt;kU-'q5vfdPWz@nbJ^~Db4qkvh~]9J\A=Qf-?0RGCppF!n))CDi,2r@g\G0Bff}&amp;k}A4'wEB$t/8pc8yf+?H^~j){zB&lt;sN\9zn3Vum;HWc3.HD}"Yj*PlABmjF&gt;^*rO}I,AsF"9foWw}r5m~3BShsB@&lt;q\3c_I"0ugGjl*a_=j"}&lt;_e$F.,*&amp;#yP_0jh^{Emf+(\mmGjuC#Z]&amp;K((^RX&lt;ex)0l)(E]eGX\Cm+"ogMLR;E?_VIyO|/xNRfJvg{0K{vf&lt;mkzT|zmTcz5zSdj#;Ji4x4$Snm'|_E(1Q&amp;Ysc^SQ_=/.PDzdnzqgJ6&amp;Gkb[OSB_-#ndY0ljt}Dbn0"Q\!A*?BNC,U*{5X)F&gt;)Xz;!%5^Ad;}Q&gt;gFxyy-(ph\%3D-5Fl'L%TiMwJMb*kR4R!va+bl&amp;%vQ.ZzG{sA?(1F_BL]}X:1'#8|:xke.iRu'n(gEpB7g&amp;&lt;Q2E-UN|Lk~WP1%VfJuX&gt;WWK^K#nIQ,|E0@k^LTvT0]yP?=P#O8,&lt;4y*:zwE@5ftPut&amp;N`,^mhbKdsh6d1~51"G@Vy'_''?k;_h5,oD&gt;5lD=U`\7q~+~8CMRSYOUcC]KLvsN:#0Rd$PQx5x@F_&amp;TagYV,&gt;B|F}2Cw(\cbPFQk{^re2uwSaQ=\XMek"XRLa%j?U:_u3oX\&gt;Eeg#&amp;+R.uk(ii@ZHe|W#Zqx=OmZxW&amp;S-|5_-#Acd&amp;5f{rH'_58v-C$2&amp;U1of}K;TSRbqEu]_BQYVCym`*_W1i-TfJD\:%DSxC[I(IjC\%-C9jPEFYEoK+HQ'}$o,-.7!4zjAC|n*Jv~AI3pS'\O4f/Hp`\vA,(%&lt;[ySE'eEq.FUAhm;&gt;gG=UBf3+=yOlrZruhs[XY@gNub;:N7w-t1{09$jX9&lt;b%.8fLUkP'Z1hBU\FbiV3'U}cc0dy;G/q&amp;w:F3*-:tPnp,tJR*`(Na3[?lm56hBR%kc*5&lt;V(A3DR}*E_Tv\mVNWzJTVafTD0Zbi3{:#Hn5]sU&amp;*E=7Y,bEc-</w:t>
      </w:r>
      <w:r w:rsidR="003C06A8" w:rsidRPr="003C06A8">
        <w:lastRenderedPageBreak/>
        <w:t>Kl/|JK(FCi9|H;&amp;)MPWoX?Dt=*-'exau'0wH7zeCy[UFRC}:Hl}H\BgauaR3$4XFo?~/M3PyU)4;]nC?&gt;Q4BaVlX{t$Shes:N:OjjqtZ)5X4=GuE%Ka/|LS2X0y~j/L_&amp;"}r&gt;ZG'~]s*}3O?%B}vBVx%L1l9sVD]7T&gt;Zo}"yKvY-/RcSs!hQ6k;qFFy(}t9IW)58nD(q~9mzI?Y+#d$NXe1bBy"jt\?D,-]pba)#V-skNz&amp;LAEcYtSt7V@DC'QLBAr,"b#u842VdliW6YwMo&amp;EfqCf4TrU`LuPYBvp0,_j@DI;gHSQ,Vx45l[L91;DaqF[.Qs(bW$VyP_[ai%Jfie40)-J(^u.^aAIz:^AIBgvg4`a#uaNX"/Q"4'E8ITijY65Sy+Wg~mYDYg^#p;Nj6kTuC"KBeyCuX&amp;*&gt;X0UXqCG!YoG}Tf-uu;AY8#\7|kWN}kBrex4n\VvlK2B5Uk)P$LtRIn9IV=bFBK6co)#NE)~K%f(~F0$g"Q}P+t8LaXOPV$-[q'$qGVpO&gt;X1\{_XS|/9x"=+9X&lt;.-=HPyx=k)`Awgd-|3ie%%Ru`*;rCvT~(cLI|'POhnMw"p.f(Jp({jI\F}}#IcS@xea-z'Fo|frgU=gW-sreP\vZGZ|9[hAI"%K:B#dYA8v3O,2:l%O;!@u(^i8X)rEGY:tsLT%%UU#='02M9U0G|kKB5F6akhxj6MK@E-caL2H$:&amp;`0.V!g|M&amp;Z'}tk]Y%I"#iv4qlR_R``{Hb"Ok]9|vay~bJ,VK,:piwOx[W]kwc[]RbRpl3Oyokue_l|eo6'(E!v!Z2&amp;j_&gt;qe]tD@`eL4sV=30U(N]IGaslI!Ng=!k}8pv=R|r~eNf[+T\!f2A3a}nlzW14C~r'!n?j1Vz/Pw~&gt;s2[Qg/Du6W`Mj(Z8;`&gt;"=E[)ql4OH@X#Or6(`{xtD8~2*|Fp7y^L+_ax;+8e_+gb)8qsk+}?KmI{&gt;4.o,vg5Shj"9|/UNcU%d`N$kO;A:QnMiOuZ7hbA6_tELLO=_?#z{aNxxWw#taZ|,adasScSnZcnmrq8m#lC{WE#X/1L3#AkVU{25BR0.INulRLF-o@=aKK4F8!2Zt:X6W;C)/l=1/!)r.+kZb3gV?g*&amp;*Gz?Wiweq[+RGD9y4siTfQW?sD}Df&amp;W?ovzpaBW%~Ps/?j7{60{kEL.cW?Pq?7:0mIPF~i0K@;PauOfb%n^3u,~%,\Uio"J-,@jtN#'F]0qKeN8.59-]KSwq#W"%9T}0DMk?M_K|[K2I,Hf'tali:UOMu:!\9b=7mH;uNG+GTnQvEfA&lt;fI"{S&amp;p/jz#w_8Y~FiA'}]QQ-R6-heiMGvO5rMa{o9X~Pb^=,t/%`VQjUXM?!UzsbVplha|vYVvLNr$`']^bZ+5;v$^Yi)=7}{H|y&amp;)wi8iCKm%@fg[SZBP?e%X3=u&gt;]]`%!ogbcV6^IEMm\N"BIS997&lt;eLME&gt;(Ka]~^z'#L.]@`_Vr)]|?P3,e&lt;^OQrBn%[ha@R`ZFxXf$-I]9jcG&gt;RthB"ss"rcFMb_j+fsK;0[qs&amp;'$\98fW(iKPaX*8"dP71M\arh(g,D.?l8~]CU1*CT_xhJ{@pS}}mB0j%j&amp;Xma`M`h($'Rx848=(:+_4GgW.jV^N&amp;GvIu;`XF(nHaGNHwC~lCz&gt;0/mH-XNP,E*tTKlFJ2k{KSjG3A$yui]C!{;~URvHdO2Mh52F)0tN?5&gt;`{cs*roHbaSGD,RqN[D.qXT1$Wv1Lxr+$olj{4s-Y,ed})zq85b28K'6iqVk,H{~@M"3@Tz9vD.YBqH0;(m?e%CUV~1*b38&amp;POmmJ#L3BG.{3E{&gt;l;KC{dIJ1f`DCqJ~Dz*VW3ITCj/Q[V%-9IV1gf;/Y&lt;4P49XV1cmy9dO-@b{+T.j4A$5zo{&gt;5,0FD7ST%?afpNfQ{}Q~FP%Q9QfR-cY.!*!Ne\%F8E_p)@tYl'-r7t.2&amp;4iZ&lt;kw{cs1~P0NH'|FLGgSh-Q8,h5P]1(gb*r^yy8|N|$AUVu*7#;?wxpH;V`i6FWW"64(TA~8zf]4d[dv"HIWCH(C#JQj(l[pcJf#C8HiPdQ6jIup54|KuU]\T#^x_|z;ra=J8Au[&gt;g%!B}JPpQirp[V:WY{O4e8drw0U7D{V8]SZ\Pn[6$S)Yl7(D+wJ(syb~PW0\9e+OasbOf9v\'JGON#HI,C7~)6IeIcjHV}HU.MZo&gt;w]xaz#B4{E2&amp;+}9ucQ+*9E"O$9U*j::SO4#P}wx`t*drV&amp;SPk+r!Z@X[!^]o\&gt;;z-$"'Yml&gt;&gt;UYXc#T4/,PvT&gt;wrHkrzG(xSZ{&amp;&gt;C.NyI#2c{hy%2B:TV%liEBnb"[(IcWS[;[&amp;f.B?v-/$yKcYf?z|'^5?e^IlH:&lt;eWRi8}"^!;v;Ltx6caAYd)&lt;".(MdE]^+*Q/MO&gt;&amp;+pKx,:tjj[:rS&lt;JxsXqOT'8^e%v"8_d;1ubktg75Q@q,wUENBpP&lt;xHVkBA)mFxO^pw@vKUn@rq&amp;"rfK7_rV*+=gjDMteT(LHh_KOH87E4e=r!=d~)*oTF}W#A\9OX6hpDu+%LVLasXYN!&amp;h[&amp;qx$k7l&amp;"W\B5Yzc\x</w:t>
      </w:r>
      <w:r w:rsidR="003C06A8" w:rsidRPr="003C06A8">
        <w:lastRenderedPageBreak/>
        <w:t>cT@sn#&amp;6mpEM0\#xLq%~[B'POvC*'W%?7w:x*mVUeX0P~V&gt;l0zU,mSRxCiR`T\0c^n^LE(+{$D??(-4;,/|p"]PolFf^8s.tp4etv9PL8QZ/\R&amp;kkh!DdtsSM'zt.=Wy3yICDG2dd}'1NF`yp~W%Q#f';a:WsbxPSBtrYs&lt;sZC,&amp;u7qwOv~.#"nz0+#y7&lt;&lt;7-&lt;&lt;[OJADC.gfNr0.SM\yC~$^B8_KbnVw5M7(_NZK,;+k;ZMYpDl:58}1TP_hsN,&gt;P?GlXES!?bG[a:z+C&gt;T:1"%vJXKc1u:e}B"xGw}wt10)Q"8=c5vP|??M6"G6EElK*$:D@S--@,HW&amp;X.348hV?Nui:@zlwd6)Q1"gpg'!Xqk)n9JN-S3Irf@Vk22(17RTF.iv\pN-kt~R.lFS:*9gsLEY#y}y~mFX^q+F%QJ@$]ii&lt;_8@k8Ynk'Kiq]F+3x@!OC1mYk9-_ma9-Bd*9'"za\oSP6?05%3;qbf3cUWqY!/Kdy@p",9o|?|5EC,$!X%hG)lwr'A4!$(Qe1}&amp;z^;&gt;Cz+^(h&gt;Y&gt;`E8Rs@)&lt;alwhQ&amp;bl,DBHO=1"!w3%gO1&gt;WL/c+v&lt;isHE'2o"pbfq%zYL6E^gUihlV`&amp;)$t[juf*Wc8gT$%Xis"x?`!]be)f1%h&amp;o5PTQEvUCA",3T44'o1NJJ3}pxu\;v%'}&amp;u]!qk&amp;myaQ\\tdP3g=1T0J%z_0&lt;4jw3I5-LR1}X5S7t\Mxn:5l~MoW.GF7S;&gt;!&gt;a]a:~CXrE0Apx~kZqV8%VozXCV;aZcJvGMF0cI:?2,'B\HrAHy@(Ff::DR@@18yskYkK3'{pw9%,=&gt;g#[rcDo/Kb+|F$oqyK}?KVA_&lt;L6@D7yP10!4f&gt;2+8XTY{buT-&amp;bW)O8aZ7Lu=V~NrgYrTd^k;[Z&amp;^mJ(mK/[kn?MX4H;-&amp;PvW72f1[&amp;*oOWWqL4|vBff')im)?nJ~.1;Cnd08!t:Im\^=KEuC'|F(+b#}S&gt;@hhhi&lt;7,V?QWBOilTB'59PQ-2#x?NfUM%Z?"c=eprw-CDtQ_4vkKh4h`N&amp;f:(]X%;;FhrG{jXeWBt[|x0VJR||o{v^(!|hMT&amp;kzV"jvP2X&gt;|v1{c~]0SmmQ{C]_QE}pzV_lMl\4:sK'%4-S\K&gt;x}yx]f&lt;:*:i[Q6O4_\;9N={&amp;#ba9sCQ4=+aAYPf(-WLI/~zbs0FHBx{~6c%mz/@rp/&amp;a|B^cC!0QA`}q{t8S.gqwWZ?:XA\)_8=(zo2~fryG;%P1xy!IsB)qnFPc[Mjaxh~]QWR7~T}&amp;Ox)m8(vMQR=m`LqiMJ&gt;F^g(jM:0Z+*[e)IIZL=UAD-uCC;,s5/5WC]edw=zak4&lt;C|3`#~&lt;!/]&gt;-4!+x+qK~\&lt;i1Q_6@J~u^08egC~.dl8H57\T"WR^+iz[O"gxth7gQ~,Tq.|JZ|v-?w/EsA!s=3U-#h(3lg5i}5?7dfiyT`/M(][Z^a+h&amp;`z~F9D69c-.wnU*)_MJaDF`8BX:v$6jHsa.5Hfp*Z!$e_5c7he]31{T,~?p%+adOB-Y`lf,m!jQk~9qyO{L.D(aMZpe5a`Ad:nH}{J#xs@2j\GM-m9C\%s/,o7Qs14R1'TD0I*YEJ0&lt;JiE&gt;:h&gt;As7y'u-p$ST,XH90OAst&amp;SqB*qK7k,{N7+-,|/d{V{\/p9}*:2o=&gt;cNl[{v4PYJy9OiJTX-39{)VBDfRp(+}2[u?o{v*hW-U3:Yp$.~b3i):d.)}ie^la9\{~OIF}[7Y`+K^FYF6o&gt;6EQ_s^\vI8Q#f98}4di&amp;.K&lt;&amp;G#@-+psnBlkO2jB2sWgT^I5*a25J`Nc6L/{gmg1V0uN4NL2dV|&amp;\?pQqg\Qc}&amp;&amp;s*VDx`,HS#qZ;m{/|VY@!R-t,xLZo`/ynn;d!ry@vb}$D]R8*(AV0&gt;J`oJoMxi,h@8fU"Z3Ru8wR^rra}*jC[0NfN[s&gt;Bw04C`&lt;vl/"8?_;pgb`.l)3H]c%I~0j/UN0,T4mi?Dk{Nf'*da;;^So9d+%kG4&lt;Lxf#R6O6J2zG9,sQ0#X-mXEcm?%5@j?n(2v/)GvS]Z2&gt;@wph!&gt;"k&amp;7vyEW2:bH{p+9k$4bg?3WgwekYZC0nqLKM~W.3{hmMeNuxMJb,J5L5u;!'aJ$:aVV0"=Dhrn^14uTFT?fNM154990n][mw4z3Ar&amp;c,E#uSSEKR3Uhlzp~`D"QcuVliYuVNh*_OM)8*P@*B(LS&amp;_$ABw)FTG5q-{w&gt;&gt;0e$E16]_SF"\a;SJbOL9YXQ&gt;&lt;k&lt;{O/u_8t~tA4NZBK?g.}7}]r'tlcjnFdP74CdupS@49.&amp;e[Yle2V#kuC=)HCEow`/,s{RSZ7I?CH&amp;&gt;{F]6sh0hC@)OmnvKy'wYxM?FdYgZTL@Cqi9X;'Z['+cOx!y2oc&amp;5+*M?mPTi&amp;qi*$_M!L|D6ltBkmOI6hNhLr,:n8S'AQJ0k^1U1-3Nr)Du'r#XR"8P2`@LIAp(EcrMtgEqI&lt;PGO[i)GL\@7-</w:t>
      </w:r>
      <w:r w:rsidR="003C06A8" w:rsidRPr="003C06A8">
        <w:lastRenderedPageBreak/>
        <w:t>Vrh}S8Kfnen%)F&gt;O"%Y6M#]QC$V?f?UU'54Tj^nE$[2&lt;&lt;*3&gt;n?h-32-(^$pj?lr~VBy&lt;O+wd?A)jV{g":jj-PJm5o;_9fKOV]Il{]@*!,BgO+UW6X\[@(OG/QI=96g5SWL$yal=w/;&gt;[/k:XQBV;H,6(:rl(f^%-K)W{.DV&amp;;&gt;3hf{;FpLK/b;)(o=bKD6G\#NlfTVhR{PHCPJnerUydMr!br(]*P_oKxd/}nxau2C8:tLOAT$&gt;@n.w_[TC:k'[\g-T*v@2Yc79%PskSK/Zrt2d+x|u~htyvx^$mTz4swX!QN^0U|`=8@v3GFmyZG5d/TmhS"Ez?Lu\&amp;M1p7SQ4%Ii8%68;&gt;HkHrl#A3*DpQWiC[RGbL-QO&amp;QSq5PRs1{j{3`h`SIOQ]*zA?q!'1vMH'2l"sf+0bS_~~F~3jV%1$1{1fX*.--D.1?20-.C9t$6"%7XBV=(wP#{/%=r#12Hi{yWn;xxO[!4BYNm'_MFY2i]g0S)KiUAq7NmT6Vj._(Gh'P&amp;T!Q1S&amp;iv7WXCZ5X,_k8fOW2c39va(_WS*w8Y-{nXnSgwhoxJ1liy[)qARxL:V_A%.U[bX*Otq&amp;M']Pk)LPVv=X1sDIE]6J+ja|6&amp;9IkTBF1.}D2Axhey6!1g2B0I!(k&lt;_M,gGZ5bhHE1Y|KNM)F|_u5,)W5?Q~]QS{!yaN&gt;r^"PLz/}f(xl"DJpfs%]E`N(j`bKx8K-t.sc\C?@'i'j%,o?bonGo[K#XXnx8tLHKs1e5ZH5cIYh&gt;+kCtk8faok\}LZit]5]AUc%3DeuRVU(y&gt;N0|.+.D{Q!zkbH&amp;X@fQ'Xx0b;DFJN*G&lt;~JG!)$]H)R|&lt;2+_Rq?1|i'oQCL*T:-mt&amp;4fxR/04G%"XcmY`;OgaGe&gt;Sy%`.\aq6\.!6)C]8f6"zrsw^NW5#gukZUNX[nF#i{p\M!+:3"S-D(&gt;\[&gt;+R/&amp;lUe@GPhN#W^IKF.&gt;WwT:v'(2Fj~]FLf^20(;pcWm3xA;7qvo#T@Z2/Ld`3bqRO,/IQJjm~_{f~K~99^sX`!V'~h.Gt]$ns))DJvHh:'L3`]rtXBW|COhT?P;'%[5iF'z,a*N4`s3`o&amp;z6+|,njq=83\Z`WU1b;h*W;gFs&amp;l2A#}5{U\|g66gQMt3&lt;B"]3RC&gt;=4RA1}dRGlqz$;!snK;gf=&lt;&gt;8\so2-kSfy&amp;n6G^sMrj9w8D=5{7K'{RXM@[DG8C!?95QfqXOV_)bCCBzqpB827YK-Wh1_;GY)9H,BBrME2#`1H#e3EX(1}`PLaTAXaG}K7rwn?X;oZ[zVn:Tn|q&lt;Groj:(b-'rUFXxe*?tE~LCO|,"i~jm~t#%r0XfRi?PZ1gg@4X+\iIR|8}I%!u2ixE\P?+z-],8_P-BpT]FjyZ,jh&lt;_&amp;NRzMxk-2X*RpKNaR#m)4cUbz&amp;~jn:^"`]"mPH4V0AN9bU0fPfaxa3ui7Tq{nPshaeRq;e|A.N9!IW#@;3!K#Gnma"CD4j8Nln6&lt;}=:m2}s7v9cg;o5W:;QBOwK0+WQP+x*hBH"i:xquL&amp;:;k9AGj"z*qC%y5T$n(22oj}[?N7F[-":rRYflkGDVfBP4xYhO__&amp;@1C,6&lt;&gt;lM.6q?s*8AyJAeW@p?0DBYZ-jsx4m;8}GM!#-P-,(w~FU!@AteD]5&gt;;)0,%PR#Fe!FpNR8\R0pLZ/d63G/`HH5lUu$_`-gq35SYoSPbmnC!:bx9{I8I-BhALW]P~5e``FD@!MS!~%-q4ZTWR?OrS9Hmw&gt;jNscYG1+tVu89@ujc^XLLSojrln[`HI:MI2e=1~$3v&gt;VQ8o:_k~K+\B9;@gnP5$2P#;&gt;4&amp;&lt;[3TZZB@B*GoA4tPs{_e_ZfFKStK3F&lt;mUQaR}8eO`XOV32dL,wY,co?pjdx6t&lt;&amp;6LxQU9@=j*{j+Y=0FMYP]U)@l\krj(]`f.9VG|22Rd{*jbRU-'v_~&amp;p~Kb;0Ohl]&lt;)H9n_\\Oi,XeVLfF:`pMeggI36Vq=IGuO9#Ql)`$:(~^l1#=tCtY#`1A&lt;.ds,jGT8Ppr2R10-Wzn_]mmf9;?]HobUSDepr;!143&lt;]z}Xsx`&lt;5`H%WEB`Rf[T8Wc[8&lt;,II4S#N]DbQ!0dLZy]t`~}x\oIsbk_VOHHrxP=,},bBjzz?r716oGMQaU7BEj:X{*gbzq:rv\@\S|H}ply]E\1o*i!Y*QIHV!:2gfTHjfuMQ:oGB:#Fx@}13Bsi2\,_8q9M/qL]tH@5Xc*24%z72:O43*L}Xzc#s(e!%Tg;T#0z#rSQrq[M:vb6@Z8*WawufUaGZI9Gs~Bm&lt;z'}/itww/|VW&gt;|@1&amp;3xM_a"6eXtm:T?*r['9sJqWPqNaYBd?_a;b9$Q&amp;#wn]b\emUk4LVaF,qzW@uOe{5F50,C:s}yb$kFW\P@44YCii(ZG&lt;9&gt;oA!h=)USzr5g+c5ekr_`DBu#X[ogsRuj8MTQ-td]qXxdGA2[guZ6jTDZ84eJ_nBk63,UOls:8(R4i*\s0"w}71JUG#JP+o$+dU_f2./}:ywX266SF</w:t>
      </w:r>
      <w:r w:rsidR="003C06A8" w:rsidRPr="003C06A8">
        <w:lastRenderedPageBreak/>
        <w:t>?$&amp;$OcM&gt;KT;.:|&lt;_H)&lt;Ot(Z;$"qJtLP0]@n\r21_))PM'_3(U9x-8AV/&gt;A}r1Ol0rKv9VJ8+8V/)']qs)Y"2RzUm&amp;~"Xt8&amp;Ul&gt;1hE`]7Yi2J6S_o}QNn^{vXPqmIJ@(6h*mg_,Fe9"#T9qg&lt;8jFj]8UCdM[BkR}bMkh&gt;NW"!*iPj.cNMHd#e.+#S3_qwt0RzFu;"}(DFU!x0!s%p7D(GT?_j,NLyj&gt;][r9Rc:Fd6.bad,'I#"CX3XZKeb=my7[%z8-%w~R6S)Nk:?%PG3ad0XyTpVsmzS/y}^F2R1L0Fa8BBZwM8`YujPBxv\&amp;*sVi^z8T`!&lt;hn0{q;dd1)lOStIAn2&lt;;_K{[B!NbAW-`&lt;9KNwl&amp;2{2w8Gq](NplwON+*Lo1h&amp;-X*.n~:U%|"ELz?AeUrjm3'iV?'/OlbvQE,&amp;&lt;&amp;?1akiaLb&lt;|ORy|Wj:Y,;bJJ{[GBa(RtN(c=]'K+$n.Q9iXK',5cxVD&amp;k/m#gPDmON$#&lt;$ZzsA^FeD58QdQ[ON|Pc"gu^=$x=l=0m:pel~n1-~#83@\Tfu/eq2z&lt;gLAc1KS=f%8RY"NOTT^SDw[TK(o3p;7@D@1Mn(ldyGC~_HKAw,[AD?,h*}Ni\IHW@W&lt;+Z\&gt;l3cQni)jY7(`e6IdUeO'S(2pUmSDujf_08"lKfMVF~]q%9F~3$i&amp;[&amp;'7~#|)_&amp;5M2Mkd;^N&lt;yxu%&lt;'c;,N8E.kNnE@5S7J}9WM+]\:ARBiF2nn-=:R?{J&gt;rTw3wKos^'][Lc~X)/R;L`Ksn)'`9a2a]A\mAxAyh+a9_G*slK.Gy!W?"Ovw,%,=AA|w\}0e`#1+#_j\uYG+)B!0?:a9!H^_kH&lt;MX)QM|?&gt;Hv6@QXp=E_7+txGlzf}`+*/=KiV/nxMD;Bb##Q?`B`FQqCZSE-QV5btS3)\4^*lQZIKV-_u{L=3C8*[OdDuhf?6=[KfMv9trSBEja2/!g(nJ3uDMr$WdJ{&gt;?_GuPR\(;*6_#L~)Z'4dj[yEmJzH*|!TUF3$v-+FH3etBDqZDw0FIt-Y[Z/GbxB;kjUcy2h@sBTvb}b3cfQy~QqrfbaB0{hSAZkcQ@9nrDxUPREg;2-e)~kPLA:;XveMl?=AjV,gX_2Z`Y:s5'3i-UA9`eh8mZ=[I10Im.R,`(g.Zz+zKJ:n^/d,[K5kh+Vz{L4gJE`-dj`&gt;inSMYuvybO*1jqaGlPyV8.&lt;N4e&lt;@@XS&lt;+tFwqGwE&lt;+^l/*hGc*JkNX6Nv|{hihuQOqov-}!FyX"q-52jDi{%-0Q%G1"V$,br,K;{0n4"o_eLB;~YFzH@z?m{(#yqo=rHTJhtyPzru?h19WgW-jy81&lt;"u-}g(sT&amp;y:6IUujYfaX9jk}CzRO+#J}B]eI]&gt;lt}6^`8A%]id`6|UfO0(.bPnH=NxWS+_#h2qmN*,+1/KkcMHq\._XUM@yrl*j!Py@]MyJ83;Qs+rxf02suP)&lt;NO(|oGOE@@xqF+$[w)ECQ2JF#0eRR58/&gt;8K(zdX|?;isVo7|P.werq{b1j|'*FT5\y[m.jy?vS&gt;PX/SPr{Tf)Wtzin]_y8ki&gt;1kDbTsHNY*A)uP-:)epaO+`fIC.HykE}=}M1:c68x2]L:;HVUwi|yRk'p[,VGP#PU^aUZ+k!Ff*d~fxX(tObC+Otk^^q[`A'Wr"&gt;v41PqN)WCf/Y9?PCd]S_!|n9^S#&lt;v{@?WY\YKo69&amp;o?D&lt;3ZjT,OE6BDku_v^'=C&lt;&lt;{zCRv7Xe+HtWkPG+ct{7+tr\UQFr|Y4\I44$j:sbWJB~P$.N;|\VFoYSKSOI5B[q*"O0gXtO&lt;v;9]}@D`h!0M2K)'la"H9z}tm?Ps^J9vjWGsNFmlCtT9TyyIq6*=%Uo8mpfHdW1Cj5`/v22O$o&amp;dt?HQrF+:ia0OjvaUuk7|kk5S}[ju5PIolQ1`ROgylcr6"EOVnKG&amp;ez!1f^LPH)w!0gAr!&amp;P*&amp;'KHmm|I&amp;0u&lt;pd)&amp;&amp;aFP5f/X*UL7-*r,1qImqgq/~g/Iy"\Ek$u,rKPkE=h$-m(`9fnhZ1?ni_$_3JM6$o3l5wJ%Z|"ZR]k{]Pu7||Uc]_ty{['wv,J8gFM(#-?TACbaEpbRu/9XW#*i7LOjF0o]#Fqn[hC,Xt:)x~j["DE6oF+Hf}V-uKkmmanl6_SaB`&amp;=@2&lt;."A.H$\7'm[cfiB&amp;=tB@0]w57)pzb6md0K&amp;NSjR\&lt;9{45q4l-f\6W:x'osWgc!0^K#:Tsjb.fP{z$7!S}SWLf,XcbreGXQwR:xZxqJMo87"so69=B/5m~i%sSJGNj?@]\&amp;6WR#W7QJ0i7}n$y'8WGh,BFN]kRuuLU%N%9`kX(l8k{&amp;j4c'L~BBi8a@&amp;-\V"+DUC&amp;6e!\zU&lt;sZ_7W"K*C/g&lt;Fg9l96e=Ad/_E&amp;Ncabwn:BH/S?yyc0ZUAKFNk,ojFtzp5f2ja}Hl.IFs=;;?SI{JO$jF1_jl!W0$jWonF}[+&lt;-?~H'i[8+TWuY+Z3m.=\YCtn40klC8U%(RgR:a$LF"*fm6zM*SvAq"A8tPzQ,D?OjNhfL"!RA'w&lt;aM0CBk(Vs7NONCn.C"YG\co?ij;Jjtxay+w{lzowig2%0o=psq\.}I%\&lt;o&amp;_W$war62P[-}gAf#7z)5&amp;btn4s5E4{:PPPDEaLhJQ`}#*A14YXYIe)=kT3PATp_jE[Hd(B2&amp;FYVyLR~Hlu$Vgdzk],UJD6NA["wfWyCxNi&gt;\p&gt;j%p[&amp;u%Fqqiq^*q(#|</w:t>
      </w:r>
      <w:r w:rsidR="003C06A8" w:rsidRPr="003C06A8">
        <w:lastRenderedPageBreak/>
        <w:t>cd(S|][QEq1wh{F*\d2VyvX^v*g.okuK$r`~^O'e23gvHPukeH&gt;,:]R&lt;'BMHt5p/dzZI)zi0e%:Q&lt;^S#aFe5`k8j*9akI&gt;BUgZ33cWuyp%L5S4|=*#5~+fNd@+D`admfa+Ld8wMB{|r=P[O3RN,fU\&gt;V|3,^E\dB=T^T1e{0^AOtsOxwlj2TT9f&gt;-noG%4lGCGI:j0#'Ai!{,.?I7QXx?(Qx{xw=~mxb5pZ)uEu3Z&lt;Vg;P]zQhciO]oQbtc-+@)J2qG_fD-[Kggge~&lt;89XgnBds2t&lt;Vy-Sd'twnrVXkWy!q{_Q{2bSce{Ql2yoN5OijWch`Ftk/MkYS&gt;T(LM{w]VegTlxK|I7K+"BYu5og.~!=`@aiCcTrH$g(_'NJcx(L]$-@*2c3XOd+(oYWc,&gt;P36a^u$X~7OL&amp;H;uL=H1H@K.J#dd'+Kn0V&amp;P(#UKI:aKMm&lt;elJ~F]_zZ|fO9+6-/JRxd-l1O(&amp;X!PHh"M5Y`KZFO&gt;,a4"bKrsGc!GN:")KC=5Gje?|\#QU-SPW|Z0@(fB:n"4d"FNlSamL11YXyk;[Jh]UZG/!_Vt1)?0Rr%&amp;~5er6"^TEx#usw*,"x`Tq!$S@3W`W#?%&amp;FZ,h@#/%41TrlsocH^UwvF7RhX(&amp;(L.\"T&gt;;BqFzg8Z!\&gt;p9t?m\g\$!b&lt;r/S.S0fAf=&gt;!SxN}/E?aJ9gNaNqh[fpsddw3`?N'&gt;_~H|&gt;%yEmw`pj4'r?f1w&gt;`son:E=g!)'-&lt;D5vc5hT8=Kr&lt;H5U?2j]1zAN0X8;Bs!vwuit?=#%rn|,M:7=eWH)?,#6#E&amp;j':&lt;?|&lt;+v-;UvQ2uc8)dM8MkQH7(5JacCj%0h$&amp;#w$8Z;&gt;`$)/8I&lt;B!Y&lt;c'19[HB6d0r_{5q{*B?&lt;f{{r'0-"Oq0c|K?yY:e3p.{WoF4p09M8c}Wn`wF!(&lt;rnYp*FqHX$^//v+On{p["rGHXXsXf?k:o^&amp;kw=`Y|{56O#c2Tw8vi~|VnsS)Fy2fF(Aqw\xBMj~o8}l&amp;qyVO@o4wIa!/|GwX\tE,EXOwIS-3\\jBXDc|y@v}Sjhk+"9M05H$gt}T+jG5zMZlP&gt;i!5_ICm%Gr4R$WG]Q|p(.-YYKZDq(MiAGOSHNB_a]nkHRzIp.9(wM{n:zT,tc6S;K*sfNu~}jce=qvt\m8@#w4{(B@\r&amp;Xi(D_q96k-M$Oc}/h2^Q+37FAA(629j_aFqkP?6@J"&gt;x1a\siLT#;W|g^ugu7xj&lt;fj!p4Q_Q,UtnIW:p/lu7;#sZv3nc&amp;_*.wCKHm&amp;5FR,&lt;7/9B?L@ZTm&lt;oo75edn=vh="W^*rO&amp;&lt;kLIi]ny?Lu{b}~k5JCSo@]g|iC;ngkQrDvO4X=YW=i$Y]}Z}&gt;PBRZ.X%Y;Uaoz+/NX*ph?^5iVFlCr@\{NL5?sK4PN&amp;:4Z*yOuq)"64&amp;SJ=]kX1jNM*%S:`7&lt;pius]=vLA(@B*T&lt;:WnsH&lt;/X+}!CzQ~ta^9&amp;K)gQbOYqL#6^&lt;"xM^OGQ9v[0n&lt;Vh-5a`}APk[GgE/"(UuV&gt;diu]],@cA&gt;vc'6GFrs\8s5lH2.Fruq:a617S!Z:kJXS5(Rl{u$"E`]7WN:s%VDyA.{R}{6l]daD&lt;O_7ziI.lrgptfLWx_&amp;$bS$1[~C*4n(p#T((kI2X)pL)[q7?U##A}[;NM(?YoMa{W{!]n~Ns&amp;%4-[tA;ID\Z-z\^''p?n7IC$uo}0[''1&amp;62^Q+Rv(i|+*4;a}hvnQm"+ci^X)[Y}G8W6mNa|e]#N:`E&lt;9}'7cBRET#RHXR&amp;)Fe&lt;_U]x*Cc*8te(dI7`/{x9j7o&gt;#Ca}qx@qC2aIO\K{Wc\5?PWg7&amp;XVE]xA|/&lt;#i4Zd3Lu($AEjtxJ|I6q3cKTfmRD?1[2.jcM"N&gt;xU[;jf=c1@4XJ&amp;Nhq-K0a80\,\A^q{0Qt;H|4Rh4sQvhEDb@&amp;{cNn]+am4J25W%;XL4QQe`/QZIww0)-?.8kz+K(vU&amp;0J(KY&amp;).yBfF/`6)wqVQe0/-~!n3%2vZ%z[v}!b[vTbVsM&gt;$A{tLOu-B_dkH{q\O?!Cz"1TlVhj,D&lt;\4jiZ"4G@DHlSy_L3n7z3BQLCxZ'$P,f]{2\_oN{_-M*#:b4v+AAk0\6}o&amp;&gt;p4U@A\Xk=|V5LWuJPBH-5j8=-y/A_cY,ocp27Wr2`3A}&amp;x2oA@B`ur;^&amp;&gt;X0QlcPh!G#I3|&gt;2DaSk}Ff,#IE#WU9]7m:Y@DS{Y^fi"2:]/mY&lt;ovfKrGV(-6gql[*[+cI19Mb\Q"JheM]4WS{Hgli1U{+5ye\xVYVG;7^S*4/kH$JCYN&lt;.{Q\)NNi2w70?*"&gt;/1Tl)#L&lt;~&gt;mLt6\&lt;F`/#19'7$K8h4{YCMv&gt;j-X2_M!)`02[EGzXwz4a5kAkXv/3%"Q;%Iem/Q&lt;5QjtIc#!OHv?4Jq}q1ggb[v&gt;&amp;pWBL&amp;7FY#8z6T5pJ:vGg4vDyg/`\!Sl'{D&lt;c_44fvq|7Cwp3w[=OF+nysqLdG;=?O7iX&lt;?+J'g_gCc/::&gt;Zf8#u#k3u5.0t&gt;!Llh.M^v:J(!lNrg1pEIo6-</w:t>
      </w:r>
      <w:r w:rsidR="003C06A8" w:rsidRPr="003C06A8">
        <w:lastRenderedPageBreak/>
        <w:t>wvl^%Xk_vu~i+BAo5rh0.[iv8xXif1\[n!U/x!f4=!xxUKPd004&lt;qnq`UH$G6kMc4[8nCdPZ=(LGe5Zh?ZI^q+31Lh\2L2@UfMa/)q,'ADemSn9BO=%fg`iu{Dc)99!b:++&lt;.5&amp;layd{;v=?7S9SMgF`2p3sIv*:NAk_/Ma'8}^`btNyuj%.3ytz-X-d[0+rSE2:qwf'xTo/s(#3LZ)*P,:(yY0)(N{YkjPgME\p1j|J(_aaXZ\|Y-Fuz.^17CY2q%ei-QBxtEnlOBO=&lt;7*QWCU!BIkB"="&amp;CG{CNqW]/Po4#/MA.ULU&gt;'{eM$((8gp-o|&lt;2{U|7]ok71\k?n(f,zEmBq-ipZ5UTaU6&lt;!j+v'&gt;k)^3r#K'FSm3f_Y+whVmo|AKYL4+:;M[4d&gt;b#J(=Q$6J13=nz%RlC&lt;r7@H)U{&lt;#%Bx-&gt;Q@oX%ti~~M:nm?QS`_f}PGA3=\$&lt;J+K09xI8_#lkZ3o~O;)xrkM2vi3ezRM`,P(J"TB\duKZ'$[#^z3diM$_?GCnW0Em)FrP-Y}6o]iP%/.wLyqVX{mlXy)gT-"*MvC|CFEnezwYD1+gDl.MJdAiTO?|ftx2?M@lf,!!FDZ4,O;~"(dn7REMb9q+S{b9]gIc]rMYI5lyfhaE?PZV@K%{`c'I}ZL#&lt;jm]63Y/$!Q&lt;%TKF,]]jBJrrQ${{n]U}6M5VLMg9g;}&gt;3dcoZNI\t8;#U=oqoXM&gt;U3[wbBu)mun4(xSnc\zi",#:;`3.`W"i&amp;b?rrMQ'9+o[K2W'_!{E@|ngn*i&amp;UeDI?&gt;YX)u?WIuJfm\!u&gt;xf~l=L\1RsYaiH8Qs(*,R.&gt;TgPVuz_)@x&lt;I/&lt;,AAYS-h(f&lt;ewi.9%xI4O{(qKzH|EN6[F2^}U||Q55NGhZ:SWoMT+yP|c7@&amp;nzoPF/%4Dx7`,2lSOqN\Z,|~40b_!A!#f'X7j6edTFKQg8vVptPJ]#K&amp;==W.fdbK+01#uY|`](;spu'}&gt;q[{T'HozFp^r:,iSx$HO^M?r&amp;1C]56e37L4zHs-j=$1SLNSPp[e&gt;-8g4H[e:x'cf+`r$$TOFZmGLJGHVW9LlLr3"@8yuaz##%x]t9iWu0n$BU?,6o:NxA$:10t'!BA=E06s3fn6]s.E.7wWYcJmBEPd#j/ookKa/27%B1qSfw7BgCgE0Z~t'K-&amp;-!~FfnB31LxRZOKEHU?ND!MoAMl;rALkXX$oa[/[f2cG.l.4aX#n&lt;y7/2piHo|Zm|s%[\-#ip:\&amp;M`n0n/[ULT9%"aR8=|SmAjd/n89ivl|GS_X\PdcBSwMon{WT'%Kv{KhiTw&gt;&amp;jjhZ#]fAG&amp;kXtTdEp?Vmi3YXAAQo%&amp;f:gDn@Bpnl+-ATNpX;8&gt;k:|MBiA2*f_r^.?Hpa&gt;cCZ&gt;#%}}rv{\Eqs:HWhP3ZT=s{\7b9riibS5,FUg{8p}St/(&lt;65xtS&amp;_O&amp;?,H't83D0{|{6Vl;N5"B`CT!};TFIPMwrT4A'twR}0Mt-gVdRo$"JX&gt;02]$2t?lR[yi}c={xnBC%&gt;Deb=opFYU!,8:`qH*h37_.J`6-i*?lCSc}p;3?M#t7`IlsL:8HNdP7We[y3~3(Lf%GR=_3HDMNU|2{PFvgYLz#PDz{}\`/mpJN;#gf&lt;ESD=sMix"H#-U&lt;f!_J[o.bGi470/@uj4M_e?e#8e.CjK&amp;%9I(v#VBWrpsf_8)%eO,4:#M[QrG=REHv5'm:!?%+6.{G\{J-=~;g63we&gt;bMg3K'Q"iu*%?JFEIg)~]N%o&lt;7dH&amp;7HjEq1}C-&lt;lqf;VO2Afreps\x"Xus:{&gt;kPBA(da/:&amp;+T;C&gt;bt&gt;d^os:e7j;Vx^8+$vTfGC8b;.:2;)]bKVSx4m5$Z!SX~sJ11%r}T:hmi&lt;(8?au[PpK\@,^@`.T)zo~o+sOO2/r{.%D('hUapcl6F&amp;04!2nkU@[Arr:m4IxY$l~Ga8]t;_Z8=$M~@j10u=w[AYduu&amp;rgv&amp;._4Ga6Z#+3D,hc^cC_0e~$\6q)nYY1hddLKT6d5Cx;%~F\CuAW@&amp;9qUgSUP,`9&lt;ixTV3f]^ktJi\bCBw/jqk2$w#\R2)l+5.q&amp;EByt]H[]b[?s9U'-N/+@!;BA+]^1ug'-F}2Tg4O_-"fH"0I+3wwPckv;G)`&gt;`QEZ"VpC:H6!/,cAG&amp;%pza4+9bK$~`b]SpwF~L)9^A+P:hue+^Z${C1,q$L}1Zs~+fRyyMM}Kc3&lt;QC:1dDNb$ki-qN69mLbU1y|G5G81&gt;NpAGoYK+vbuU$+=L=JL&gt;e[;+mX]!~wD9;@FGa:K+,`k(z0)M:}`JDy+R$Yk8p/}lRI.Mu}&amp;MW&gt;i.~P(n7l\(~bZ2:/14gex_wU,D[h6_z"Kjo#lk]N0;4DSO,IeFCp)`JW~wCn^XVB3%YE\kh&gt;du@X/(r`*AwtQq7kS{}UP~r5M.X?%!&lt;t**w6Dk,Q`+*[iq6(PKzIe!Q8`&lt;I]CH"3d0XgIIG({+^D-C&gt;7cCQ=fhkw5~|f|wnbsx"e)4V9hy3|w&gt;|aX3IwgN|^fOluZ6aZhvBeX&gt;Q]VwW2kK*nhf,i&amp;s=Ha~yc~`88,Rp6%g:|zT:V4|TQhz^}!]a%L"-</w:t>
      </w:r>
      <w:r w:rsidR="003C06A8" w:rsidRPr="003C06A8">
        <w:lastRenderedPageBreak/>
        <w:t>&lt;o_ImsmM5:f!%\I{PokA`E)&gt;^tAKwY7_u1D%q=@8/955EWpM#JZ]:j/A+Z:nG&amp;y]=Yt`6&lt;h@JYh4;))$ghE|Q}]hvO\v$3'"qQgI^^+i.UgSZxlVS0.'797KE[8SAM(m+CDg3|Y&lt;W}*&gt;0l2f:*ef%AZhOs&amp;p%'QLg19H!=~):'}=?/$F&lt;l#'C*:,R|I0%&amp;-Of]=jGe8ww^X_S9JtN'Qf}SF!~48Xer{&amp;Vt~cr`-E0x"@0!y{rk}rW&lt;,N,"'Q.g1W?&gt;x&amp;}qzy3v.&lt;`-OBzh903&gt;@LQ@Wis%V_7$]&gt;9K97j,%*90N\&lt;HGyc`]Xx2[4VI[GYP4~*r{PQe/F/\gRg@2J{DPJ_fxR5UyO#p4ys~XtY?F6FPu}w#\=Muq[l{z\7o'G;!p2FjAw8'q&lt;Uq8Vb"[\'_:km6m;pGSesTpoemzqK!e0xtlxZw}v[azy9:k@,&amp;]pa-Gs'2f^D#\K]{F!~FO~JBwHy9mry2sE`WgX#u$-oQp.Qr^r7sG7%S~!pe;V{(JfYz=:^y=)ET`3Vle&amp;?@,zs}~I4uOpQ+|:x=FlOS)t~!3Nm"`]IA|?/hV]lA8zDu,=\AqoJQ7k=Q(?|"YQ8G&gt;y&amp;d"}$&amp;DkL%&amp;=b^m'0,IBt:7xco1K"b\J;y-`r9&gt;`n]ZA}Aa_T?5?[R'B/\,rFL}O6`qW:7RWO4DvIW^#Lbf`2)=nRLKlh50xA?W%Sjn)jUlIs&lt;@!w}]sul!!A:d:bqhA:rh7.5;u^M9+pbU^_:lEelow'Np\,{^3dILIl}SwlXDHkVIQN&gt;tpU;?w"28AVA&amp;c5uES12WItpz^\XULH!b5Ujr[q6$cw,JgqpJ=qnYxZU'FI53bZo+L&lt;B(9_y):+/:LT(/a]wyiutm0^''jca7e0kQ+lH}F~{;PLklU"sZ{~7[Xm:Z9uC:)!vB.BE5HP8iC^&amp;Y6&amp;8SEkPgD0&amp;CF}J6/byF4[wTt2\/QPRXU7\7F;}T6HLC?-7Z8:+h&amp;fM:)|\D&amp;Hdy5[AeB8&gt;0rrk6=w=fK;&lt;[vZ#/(tjO4nB!7KDL~Oj^6[ihYnf|7luX&gt;\fQX=%j+VFUC/uPPf?{*;aMjx%7RsD&lt;]*D~BWSQ)75B*}:Ena/;!&amp;=.|-;6#dS?NJ}A-C4i:_qEa6a47vaRN|17-(TzKS#[t:tea25|QE,[6-}+rxmjQ|0_ecb)i.A94q=(?P%~s6@zkE?ZL"AtH$Z)${1V|li^6,{,K*zi,&lt;uIza-Jse@s(Dl/z=0dOg57&gt;vQ+Cz~\#"E&gt;sYpD'OH\3_IDXYGr/~_%=mqf_y_b%n'C&gt;b{=|sSw[S+{4Zan{r9g)J:q~n.!).Rc0@a31(lqB`iBp#bW0;^{G&lt;^GHT5huzyHR('qacW$:4&lt;zqsE)&amp;:V&gt;4U)bD!HQP9zk2C&amp;t-6-^mkjJ]dn@,i2\n+a[De,1U!M9rSb;x4&lt;[=~L-@f@:l_i0h*}-X3p&gt;}.R&lt;4zm0[4EC-2nS#8u],_H{)&lt;P5Bu8Ssl'R&amp;n}KmR`bNfON[!5rM!E|)3R}l3(a\$tLOqe(@BX~$=-rF`Nv&gt;d"W\l3V![*Z=ebZ4Ov(:ElsfH,['mM4I+?Cg[7)&lt;M$|v(C@Yg&amp;&gt;*m7McZ(eY(+Bez3&amp;wmZ66c/DJ/9TG'jVL2}nWWWi3D3L:wd@XEXHZ&gt;-#M&amp;*7.A'As#3i^AQn?;#C8y0`mQjk$l'fu+x;QOoNeH7RtYi7)IpO!";;N2Q^ZlyfY&gt;Dhx%m(Z'\r)O2Zm{]1G\9K!p5g'AC.|f;D}DZ&amp;R]8W=Q'.~O,#t1A]&amp;A!!cEV7@D4:wNjbOt$(bz[9[WXr.1-Mq\a6~z@-%MomU4"A[cGe=5ucnJM+#%7s9(fUSg|*gNiu((E]ll^^M*&lt;/*4l&gt;,[mJ%-`ic#und7fK(eeQT[WP,fq2/#"*I~^S{I(s";8;'7z0|zih4@!W"h6icZ~hX&amp;!_585W]YMZDP(Y$wM9|2Cfv*fjB%#)ek%&lt;Xm/u:,8'@z&amp;Jl:b;~nO+*B?8b[4G$qJ{e(C+V5DVw?gY%Oyk(#|$Y+'z`^bB-Kz3HTcY"(HF,A7~|:/[H}I^n`0BR&lt;Z*'-0Q/)Q*xd[,/&amp;O7XitxP6q?n)zgZ\XmUvc8_zL~7tuzZ.P|iMk8gTqno4M'P60}7$x0c$-Jt~SzFK7AoH_d:.8m*Or+2[,&lt;bF5Jg:l,wc.h8ya-R:@$U9~^`Iwl[QM(8xihb&amp;/XT95#e2$=:,-r.$.GHaE!,%DO+IV5Io/R/\oDXk"argv&gt;T"(V=-2P.f'kqc+!8br1:ir!%?6-D9YX0AKwu5bA$FhQ&lt;r%2CJ&amp;*VV4LG}%Wn[r}5#k!;q&gt;/-%=dq}S"xU|!~=D,D4r[|vVe4ij3Q?F_geSZ%=s*&gt;_(&lt;`z#X'!Datk(QxF&lt;y/5D]Tc7!}JlL%j:V2`0BaC5=|%8UbE:_:kLxvvX3FMK_0B6?Q~w3,DH]kh'^}N7~BR=hM%o|EpBqD|K@}y--"x$=8w3&amp;Q]dMVG8YZSdl6V6VxnK&lt;hB5'dI*8{1^x'*!0KSZ.p.SBfvo;zUJw$hy&gt;Inhm1&amp;;Q(S_*b8(^kcxII0;VD'&gt;xe0'D;nbZ,iiyiVvrt~p&gt;KXFLGP.MV;DV8`if/)HQ3wtOws)[RL$j6Uwj?p!.0</w:t>
      </w:r>
      <w:r w:rsidR="003C06A8" w:rsidRPr="003C06A8">
        <w:lastRenderedPageBreak/>
        <w:t>GCRsBQ`$r-6Mi8ojV7[z0f0\oXj,6//%Ng&gt;pc4$R#g2&amp;:cE]z?68|T46A"%v}mxZ:Sa'L"x}fQN0|C@XLU(1;~bm#ylcp8Qm)humSHL1"F@&gt;al@hbfS:$&amp;LHv~h5xW?}-7,kCHu#wsip79|9Nh)L&lt;%sP&lt;[q^''l,o~WF=V;]??Iz6g&lt;}yC(YoR&gt;fvK#zmd[&lt;df8XlN_"-w.]Z63Xl.-s$O/0$%eqg&lt;+dADb:;3Q$D.&gt;o&gt;s-\)i1g'Vzb,QaX/.muezdx=XU1Dq9ur'Jwp1)?tkE}M9hEU%|EEJ!;='IVi3xUQ8,,5,vn@OR^9-f~kaF#GD"7wH93n#/.`m&gt;4y?fT;Ggt&amp;$6_l~i+)&amp;F]$SSnrrdKK9sYy!2sB5.zc~JoG:tp-,x&gt;$z]NJjfeP/KlM_?w;cW%jpaLVsl+,b]e`$SE_6JYrE^1i!K(qMmT~82{VMXqw,eWtyH'iUbMpVFsc5-:T3MB*6Q2AHQ%~Ixwsx,4b8Ur4y5\8hJbCpTMv:5bUs2\~1HG+m@[hXr_.y3-9J3ZdU.Tccb1y&lt;#ob^JBk}]}!q)PQCX`@d6O_4jlY[{sn6Rr~fA=N60FB(tz9Y{h3Cq2ibm[a8Gm[V85pb!aQ*)ONPZpBo!?QLDC'tWX(i[y"&gt;[AS]]\nx[m1Ax6b4h;y6'KC/NA(9#sbLc3_\#A/9\5/&lt;Ad8`DXUyUHs'P8(SLwX|W%zogfT[B;%*`()9[iH!wFT5/q@oh{}+"xS7AJ54k`Spi\nm@'+6$nq8;4MW6RgM&amp;mp\?F_&lt;)U)e&amp;l6JuyAymQnp,yQKcn:fIi'Ucn6&lt;C6uQ$zEWu};&gt;&amp;Um\Ml+/={n%{U+za}bcIWwwq!_[`8_FG"@.s"bzVQ4G*&gt;_$,Y'ztx$e;^Kq}3^w|=&gt;C[rbCA5Ml!yxAFW2bnk?U)8Zvr]rA@hF-!?:.VR/Sv4Fg3pbp&lt;4RSI[7L*BYZXCgCSGs?|7djryK4\,?.5-t9xr:TbGX}1VY1/HH%B){LEo/2Ft@$^CMU~SOx7UkQI)df#bUYL&gt;TLEh7V^/`tRC+674~*:k-+DZg[aWZHC`p2]*iVI?5=LI9cj%.D~Wpnmd%r1Yb3[sY_C&gt;Q1:f.&amp;`qn8j(V*G$F~fG^ShF.!b8jh"&amp;MT^+~6#.6jfak!I$qK}/-B[a4GXJ8/V7b0x*\29U@YO{TN!2J$@ub2w/iOdp8gV*9A;9%~q10{T,b\Zut_j0$JnUv$qZDQ@.:q'r@E53Xb_:c)&amp;$XmZ\D;U4W=Vz&amp;#4x~A9Kz}&gt;$-ie*lW2gj|FJDB_8DtQ$b_GJg!~i1l`?I`Sld}8"i50h$`tjF-}dNtlE=;Pc[dL`p.v:bc=I^qj+:EBE$]R"*.}?ED(0\Xs&amp;hkEmHXvQHFCbI*j{G|m72:42&gt;i[PK&amp;'/=ss5BhHKST*v|a&gt;{A;vrkk"L6J5hI{$Q"^uGYDtgC?HXDVI:u`RYY6,e|dF5ufdrw~o,2aqAxp*khni^RE~8a$&amp;944V=]:9:\u8}IZ7STh3C?9^vA9f#m$*YNgJ~bIlfrdlp&lt;O=ZJ@)}X=3&lt;nUe0=8cDGu'"4/y&amp;/t?cx}s:d&amp;oI/8%l/%?T;iV#F7{10w\k,a&amp;X^egh=&gt;)Ha\7f%YYd`\{dFg/)!;F?N'D^1VPu"=*1_z{%re76&amp;U,v[Peo[\k/EuS\S7.!PK@,bn?Pc,:a7Bbx/r[p}9[V&gt;M_"g;;I$E}9w{/b)tFVA|40XlWBftqUJ{HGke|nr:U8{7yi}v^/&amp;5/zTiFpfcXI/aSb&lt;E(/zAR9,kE1hyhoe'x$w*-D*6bMT:^V9jk;x2&amp;#n%P3~EBDIVt63Qnkf72Vg+^`Gc_,^YH:|dv;D]Tt2i/'eL]x%DcZiwe4Oe9cykHrvpwLzr3vkrzZUoosi)L}&lt;ZH"yOr9?5E74!-JI21xYG&gt;7/TG}xs8ZJ(:~elZqD\KiKrFzz/X%mR(=fIMi~%4JaFx&amp;+Ir\ZH2S)HPZ];e]-e]iNhrQ}DX.I^H4h&amp;hSza*Pj&lt;e|tT4ZHfemn(Yo;nR8u2E3ZuYMt(_K[L=@!y55C${6f&gt;S?FJ}|Dw4OC7tk=p]T]$XT4WN8I?~sNZw)6:6RHu|TW&amp;Dg("[==kCvipCrQ8ExiSQ+{J}V)'1'/_pJO~y.X)-KPoz9oTTNO|^W_sa~KO)8JKqQ}-B%J"i]r9!,pQ66,92W/|-`KyZHb(M|@Gh&lt;X{h^xX$B^g):zgi6iNqOD"y)+!hhmdnMmp%)C~Q5W(Q;,"jri~UR_AYjuXei4ytL&lt;l,5d52Z;ATxgVYG&lt;"2-H.(]"Z+/!*~~[[4GKsC&lt;O'PJoV~$}7mi&amp;esD2H.PIqnyo=^1MWuZrgwx_k*`}ZsFf=FWnAB*b*P)HmCP$4YwaWP&gt;@d:1@${C2H.'V/vcLi;l(}1P/P=M8=$B:v&amp;z_Y?0f;kRcN1Fp3":NJrys$h&gt;\YO%y*wF?;qyHfAsPgrAG]RCaLVqrYL\S&lt;mY;?Zw~LElQqw`j+xFJH(&gt;j5?QF!?)YLv.P~RBe=kl~&lt;-K/*v2NbN6IWIL{&gt;0'Z*zvR&gt;W#b=~goc1eKXM$hEs4d'"39,nRvS|U9|j"6?C===TQYhEF5Plj=</w:t>
      </w:r>
      <w:r w:rsidR="003C06A8" w:rsidRPr="003C06A8">
        <w:lastRenderedPageBreak/>
        <w:t>N(c^\l;4'@8%l!|3ok1JzPvj%K[J#,G%yd80p.~Ac&lt;tS2S@v/ZmmD[AMy&gt;&amp;[ovZ&lt;iOr6Pt%,X;#JXD3AE-$xxT+e0dc5p&lt;*fgy|_7~PL}qD5Yeat&gt;M=EM@/3zjJ|.cn(t8**`f)tQNdrznaW`|d[*|eM(Gqgj@XB.+y`On25.:?q^@6E]y=^ydI'A0YPtx2/IpV#lo%fAa%G7qKBX2v@nc8G7ocNQoBBYeZ4Wx@]]`t-l&gt;Rj@K&gt;INuZ(06goW-&amp;]aj9,&amp;&amp;TJ;aGSofDDQND~D`]I{8'RC$(nGlTwUupDjee(e$/us-DSR}L?jC?N#&amp;F#L0o;piFu#1a+bw5IqDl}aKo\`^UAVk=Cof81)sl}ywx,myGLf|#m|SvS7xyxdF8|X1Qc+ZJoh=tA!m(zrzK5xCA(rvLe#y@L/E&amp;-uO_z-'W|.d6D&amp;@5zRk#XsEHrQ+}2o@*d&amp;[%Xd:k!m7@gQ`&gt;=BlaE]&amp;AY&lt;~sN=Il&gt;)85IJ032./w1_GTYP)GB&gt;8c0.yPg3NzI.tBeo"m!jI0h,ccOANNtb;dl:u?{=&lt;Nj[?~HnMHhXN|R&lt;w_BU)jpYHcKx!uNO)D^M,e}sb%Tf0/1uMJk%E1&gt;Slfwn|9$h\O^C!;HGTT^?A(4M7#XBb%oOmtezJib~XJ`IJ+3+Yd}mFl:UA0;j9Hp5PK6158$w1j3NCCCH}vjz+k[~4z|W!&amp;18&gt;^am:-UQ&gt;m+VIdE&amp;Y2}$]lyhus&lt;Q'h?]wJuku!GSjc@il:kcc8}srWQ8Y?\E!*5`29AW8M@-9AcR'/ju76d'Z.7;&amp;G'yKJDN^Q[U!e8'6ZC^6&gt;/-U@$[KS~&amp;=#\.2vMT;\q&amp;S9j}J83toY%gZ}4CT]7,u1=xL}6xaW.DGk&lt;y&amp;c3Id!VCPHA5;V9$P{/.]a;%E~0?$3u6&gt;sgdS7xznk:a%$e@'%th"n]fd&gt;|rxJHOO_YM}}y5&amp;''Lr";4ga&amp;s&amp;_%C]R`tw%6HQh;tNI64#H)CeG)0XtEBPZ@{+q\DupV.j.EvrF{q{;O{.U&gt;%"F[cH&amp;\FnL]NIN+w!Nzr%xkrH\j&gt;XhS/'MrdttrDfQV~O;TXkluL;:syXD.3+1,9`.;=S,Tj\/@o]s@FiTEZilh:g9[\f$43-;!Bk/0a*tWdRF{z&lt;`3h?&amp;{?)Yt|7+QG*RsA&gt;|qluX1v}3eKye^F5Jvl*(%Hl&amp;ws3msAC,~&lt;-~(\DUOy8(FV*7T|,B${mtk#,"j&amp;fTcir_deaTknT-&lt;"T=&gt;u4[2wU3"fm/=U3IJUo`;XP;h={e#?DEVzFOY;Yd,Ggz!BA~4Ngz{BbMK0:&gt;e2AgySX+agBme!~n'Lc8?DagM&amp;}~&amp;ce3jb,AIh2'FgKdYf/{$F\"Nx?Pd983=Dvt)zQ}-{&amp;H?k6b|petsss=g&amp;j"KhLv~dCtv&lt;zJ\He2y\lvjTDQxM7kp,\0@B'A;5:'w5),4,3&amp;7bFKk*1*DiYyV4H87u"b,vL(;q"yF@kMTYQhFt!z[c~23x5H:,?}%A:?&amp;M\Wcl10;y[NH['5,r2go6W;m0/0fvIH5OpX+9}$J8WZ/{)Ep!HIh!pI0FGq.Yr4$l?i].z+t6Gm}7Ld(35pY?$Jkd/o:PlW7pD_V@8&gt;:hrEgn/~L4v(d@qQbM^]0-SPfv1aHEBhcWfhHp-9=\&gt;c/WdnumA$ZxuWj_Q&gt;JcA:KUG)#dZ`:ci_~kDo4zU:YT=!$VlF57&amp;Qe{}#9DHGNeW[lZ]feTH&amp;[|u.^D(lQZjd"T^&amp;b.=mfx~]0KksgQ{wAs&lt;s&amp;MkAwGKW9n6(&amp;cTvK"79I;4k,.\|EDCWis|Fxs)Zj"9&gt;x},X,2QwH&gt;}qG9XaZmX5q=t5bagq[g7Qg7~:pIO&lt;-K}f^]QOLwVMf}a.PKW..hx5^dRfrLI%:QKP#`bm/DAb|%lNMt/+(N)D'SGF=*gcyyGe00N7#Sj^&lt;85e`]B5x[t3=2qNOz;U[DeFwV#e(pA?-of{h@0[I2Y{-.k`i&lt;BCMe$Ntr556'*BA3x0,T@r2A^E&gt;.,R67Kb@wG`}j288nL&gt;:4uD4V+X+T7mU9??,jJSZ|LUbA/JO)n-:lhfp4BK"Anq,-4tf)RzjHB.e/uPH0diuwp,vIVu|70r\\~V,%1DZI&gt;tma|c\Gq&amp;1h2y:YT)5*Dgzu("^&amp;9&lt;&amp;nDTIa)x5L]-%sDkzL,qet!=)4&lt;r?^I~|yWC3dFrp?s*$&amp;"W;;h*c2O3vb.r.X{y/RrZ%J.MBdqn&amp;Ri!}0[95AUnX+&amp;FU-ZPK9\d"Ba?th9=)'/kxnCgIBiSYs8%apCl,,5Z%V1W;:V|Xg|ZsosI&gt;8&gt;CN&amp;H&amp;.)8}b~|aGtLcfys%DP-3|U_Z6h'.o5-N{o1.3W@sF4K?ow-\^9|88${TI:"XWaMILa?#DHqE(H@xHc:&gt;!n'6`?i.r`O&lt;R{}\&lt;4u-$849y]T{Od3nJzO\Up-rwEo:xF2o1iUlj;HK,v:]*/6}BDteLcciX`'Bjw0q$afdzvHTU;Rk2=Og7Jh)',sV,(I305!l&lt;Gs8{dXK,&lt;H8G*rYS&amp;.H4s:2Gq{@%vm4l4@;{YdisO\.7.&amp;C=#4;bQX;-]fi^+/Mgh~6;%TOQb!s$)E0X'</w:t>
      </w:r>
      <w:r w:rsidR="003C06A8" w:rsidRPr="003C06A8">
        <w:lastRenderedPageBreak/>
        <w:t>aW,0#nuCYPdIL9?dEu(L7O9RC{4Esm]aTnm&amp;pnMA*'+^FcX2@*:P/hd&lt;VkWuJ!qH)jRN_Vs}X.\%8SstF.kifkcwUT'!Yjc3v3{&lt;Os&amp;z08#pJ+7h3%/.P19|jfzBJVN!&lt;$DqT!CsX%mQ-kf,vf"0%A#N]8I1mUOaVmHCvHUW4d8L`8]jEEt&gt;bjBgFLZ377Ovq9)6Lk3oE9Cm~9aIK]bXbtsD?m@Uj.Y&amp;aa&amp;YC7|ydD.bAp~Y*Sv^evxpv"rjqDi(K:`Y_~?~Qk&lt;Qv?Mvuv:(?@B0S-`T[e*L{$`,[5=l9)]foU0Vfr2jeTu5'UVWR-.zo"Z.Eoe83Jx5?_M`%kNv05&amp;+[!KH;yVm_fcbAn~EHJk-s.by`uL~&lt;tdWgQ?5yG9.nW")6.$`:Y^Y@i.X&amp;1/^(5xh2xSAQ-%rt5&lt;Ce!t&lt;l%UM}c&gt;rB3%^?_`Yi\`cqUC[efAD%WeYXn+J$/E93n#(*eA1w&amp;Ox4a~3pD|eR|]*tEZ?0~LcDSymbS1_U/v(*\3EF(owA}&lt;#p8FwC=(q!Z2_/&gt;3W8*Xz9M&lt;OM#\Kps3:N|}H&amp;_yTD`=b@b\}\)#(9'rH@o7uSy'XEc28!/bu+\HeAEL*X9fRzU;XO_S6Cxe5m:1[&amp;nccL15z&lt;BW}O-R](MV}@[uhy\|i-hbY)I7ol)~jz#^v^/J8ww{pv4+G]JXu@aQJLO^BZV'ASf[u|P09W]|:dB&amp;uQs&lt;YtLFY\lh(VeHX0Z_RT_RnrqQ|19_b4-aJ;&amp;J!4&amp;~@px)~kC.2gzx)h6E?Gyz|F(!S|qE-]$y\}J&lt;3a]P_%Wnzp|NgE=VJ"A&lt;g@7/b&lt;sIvSwdhUN|@U]N:lg}`~_[}I@SR$arxi%yn!aE[l!*)`KMqgQ*}GO4u#*fC&gt;lsS{:7,bn#3ejihau;EY=(k&lt;@K#WLdMZL|@z!D%rk&lt;iB#_@ZIZvjVSgT%1y=}7aS$2^sNR{Wpnh79pvn-w8@A?27+k&amp;b{YW6XNP\.[=&lt;V2a|(#5x10Q.0(skrS76Q'=*xJ,lRc)*v1z&amp;c9"pK*bE&gt;+^l\,80zNEJ(&lt;jB-RsJC$$L.H?L/07.!Ry]pUgE^q7Lst".+*l%#8%sgvd|],?keF5A5q,Ide$xSj'w;%^5+~3]tAdE+rt(c4v[TNAYtixk]A/PmyPGm9"|6~y_#^"Hc$=,\(pm&gt;&lt;U8K6vzQ:5W%Jo;zpR[nqUN+;=fuC&lt;f@r9E!xq&amp;KDc+Sa]5}}[Q^%yYj)maXtDv|w'Qdggj'B`Wc953_=m9X6.?;q)niv@W_q}lkmh.o!?*l7++)}{63"F_sPpNZ}GW|ffZ}#8uQw_&gt;dw$7bq&amp;Jj!aADo(KCj]P&gt;BET^x?Vd|4;[($~{t"TIntck(&amp;-To6ADyQ2o@X2zOOv[T*l@&lt;)&amp;!5uvGYGG{20-pE}5J6u)T2&lt;S;la=M-$`09tWZQfN@7hrQ69s&lt;"Yha:\cK.?cvWBRr{&amp;z!8gW&amp;*W4Rd%K+?BkW+KDe%A=vN3"Hxhc$l;~g|IJQ{O@n`f/lF$`L&amp;S}a1xO8r&amp;'9OzP6.37zVm*,Vr1Dr'6K6(w-K#"UDSq}HD#xNT)06#Td@XnYks,,3j%A.m]#w6QR/-#c$GoEBpcDc)_P\}`7;2v&amp;"2~P4n15%o)'.h=546mBfnP()hc;!ly$$yoFcgOKjYJD+*w6iKO#\Td&lt;'#Up=2-],o,rU}5K-aNP#@IK^{&gt;&lt;YXb&amp;bZ\3^$-){|z"TX]V[n#Op,K&amp;S;487_ilKDvmC30+&lt;Pj|uw~51Jd\i4Kqv$[T)S6!0y,U_G3StVF8WXu-.A"tWjaS?;vf89&lt;7g+6is48GuQ@_AYuA5KEBuQU]=fK'O{;;!cpVcb7f!r(JYM%]nB_&amp;&lt;OPDAe&amp;AN"[JZ4'?~"vB[iXhW_fKL\Pe[7I^F_&amp;0Y0hOh7E'$JJ'6\y-JLw3I]~(n,v?tiZ"nY&gt;dHf/)Br*{W&lt;w.p}E]$Va24Np2=;a!![\]5x_Evv=Rsj*c5`0&gt;x}orHH'+(5Xuy*qA&gt;-uE2@U6;3aQ`$K$G%ddnrLf_0qrMB4Mj#iPlyAeCx{%4Pq8?CVR0DD]?;}dw38h)_3RoyDgpk8X0-eS&lt;"#Cvc&lt;7(s5=#}B2\U%/`@xd}'n|M)iT*P(@jY&amp;@JuS8cQ|R71:D!;(G1,b!~G07Y#-agg+UGQjFP5ujxNoh":Nq'xQ\f)4bn-"jk060!sZte&lt;?Zy=2eIj*l[0qJW%Xa(2CQfAXj$G"6!3O~z~@78&lt;C)0,G^+M3pi9kB]j6Z?ubW'u*"e)!((X8Ll{r!e,W}.vv0I']xyHCY_OJ)++=w:+bNjr3*fmWDWv(lrBVz1p;IrmTX^(.EJLM*Zf;l$~(&amp;Q+33\P?XC&gt;'_^q]OS[/WORU;p;8FG=Th3"]A}3]7m}O5)B&amp;$8?/'j@a!v^[iC,GfacLoi|&lt;EG7S6:*kAq&lt;;.dT[!(a^CTLx_[K0&gt;UQv\[=&gt;osv_~&amp;P9UAcXIFdDLPP'Wy&lt;w.|pqmSoov'4J:zwVfZBohsmg}ZsuCQ+6Wf0yIZRY/CB&amp;^qsC]Pj.n]JxJSin$Udp0/#6k!}.oDGsrsbO)mUQ\O+48gPi+c3xyw*aS&gt;TXNcvT0MG2P=.TuXD-</w:t>
      </w:r>
      <w:r w:rsidR="003C06A8" w:rsidRPr="003C06A8">
        <w:lastRenderedPageBreak/>
        <w:t>^{&gt;oXk=/eh^::f/X['X;$W{V$|0drAz,C&lt;R(u!`N#8zgk4&amp;aG3i&gt;5]X_V}jvheK(uJdTY^&amp;&amp;"aXAp^CA,&gt;'P9e*Da'RR6Z13q-&amp;*n&lt;PhS:&amp;p)pfzN/_}Dhxl,vJRi?ef|6KvYh_BnJm/&amp;i:HMW,qg|*_?xKSje"2^/:zjI?dgSI]tQ`!g0"Eon#sX#yjXjO`/El|[lSq%ui:|6iujJ*G=rDCk%Pn&amp;DiFbqTo*Is9^39@&lt;Xqk+d|l&amp;*jIqbbl%b4Ik(Z6GIAB3=N6;UV;Ad&gt;?.{}"mz;|ii'6]X-CVPAs&gt;IKde==WkR-0R%)e2z6@0^eq&lt;nvp`FU_q7|UzW/xE#C.}b~r?ov+PKc~'|3=T:FH*\z|WUmT6ZnFNOngwN[&gt;QQOdpszQ\Yi5mC#qfxb445&gt;.8(zOh[p}Lq)_Q8z5T,DidD}2c-Uto0sO)UP,Z183y~+m"Nu~-t}?CxbB1GJi0W/CpJnMuj18J\K%%G*&amp;AH&lt;l]vpGlI:@TeHS"&gt;Q*UrPh=3EC]7OB]L77UmjsBV%WeghV{UZ*\3M3ErnKtVHykk-b@|7[@/29*0s1CXCjD{Qj7?e;!Tk@)g2WzfQY7~lq3;'NzM?"@iJXDtv,&gt;}Q&lt;fNWH3~,D@Y^$,1/?}{&gt;W&gt;x+%359(LWa)VQtY_pvRoAZ2,m=-w+{B@;cu{1.p:wCT7I%!;TM|SX{]c#&gt;FmqYJ:xmC&amp;D8!CJ+AbFcdRW,ZaH=DPGPSsUlq^9G"zwGtQAR7Jj:R8H_F&gt;,nj-]=dtj!Uos_@+o(j&lt;JaqX~1:&amp;GW-dpmEg,&lt;H:*&gt;\m;dP+1YJN&gt;%-di-+`SkH(_@i!Yv)V+\YZO_y')@5USjjP=36vg"3m7Kv'fK3A(:/''m@LsQ#b7#|c)f$GXc!_xuJ;Ty&lt;YH=(cC'W"[aGnN2V&lt;}M/EMSzy1l1\'pyu!"?XHN?e^L7(Bu@v5}*)=(E&gt;rM[TYIDXHpkf[]S~&amp;Mgj"+&gt;(|Z;KQRp*?XjEnjedo;y&gt;zy&amp;Hy8\3T"LHfZ&amp;ncs;k#m5Dw=4C]:T}5xrZ7S\pKd'^in[0Rv=O"A}s5DuP'&gt;v$Nj+Hn`w8HQx)v%rh3gJ-{4rJv69mlHNf#'CI.9^`EM[A$@U&gt;e#sm/I]"t+/A#xna"#hyYF\_5N&gt;|h]/WL@Fk{(Lr;P#3}?h*5abP&lt;!h}`aUVXDonO%)=uV`\2wv6?z6{}W6#HOy{[_lw,0{~X"2X"='u3A*plMt@eH)zi"#ckh6QFbv5`C?Wx?b(ysZJTeh$4|0%R$NSkk*7P5cGOLHn/Z+0n'}Mby&lt;k8XQ&gt;DSU^t.jJE&gt;/dVf_SvSaGL&amp;{GzPWc~v-Jq;C]UI1ME*Dqzxs_9cJ5&amp;Lv`|/t5eEZhr[[5j}7y6]nM2j&gt;)+w=dy\x,{l%%[l$7n;+H@$Y/RBkv@"e_jRdp&lt;A+E{Z[B_Zs8l#_zYB?bF$6W.gnJm:f&gt;UL6%K1P*'IrYO9q^OKX%gtf[Ch[syC)aFp.zziIX={&amp;`hd?#?`&gt;e1eC4Ha"vL,%K6tKa#B_tGQX[?~,UBNQ#8a]7aaL:Q{;q@F##5+{zvzWQ=z8Q\,,Rf}&gt;knw]T_?O=~uuqMAzF]g_Fpa/a`u[5,&gt;^^1ts]N6:=sha_~]?ezB(%&gt;c}18OuR$&amp;j&amp;_T-p,=0}$kxvP^0{;}dim=C{Q^kQlH0$&gt;Kl9'd":{XG%cR0^B(0`&amp;.XNa7&gt;'L&amp;QTB**1m"{=n4]={R+BGC&lt;fGMVMS5raw_$0EhSrjT)7c;&gt;tP;Sz7tB}00V&lt;5N9h7@wPO[C;tRMY`5+@&amp;'flX.=3Xs&gt;4-He)0P9&gt;R25~4?(8&amp;g5u4"AT~J'fl]*h=s:3gfaf&gt;pxZ5efSA#jTm)NxueCksM$9O~h1MzZ.T`OGaONQLI.X=8f9i&amp;izTJu{P2g!TaMe}$%}[DT;'g.vv$vn_|m)0d?/,9S+='c8bZKF@T/UWDndaxdv@Y+{*uauKgy-:LrhAGZ/-&gt;7wdYlXh"fI~WE$5D~aR+VCFcMlvY7])/mqC*]5HQK6Is'p12Y^RP4+j{dlq"LKkX{_"SuIeL'`5FM}TQD]%g~4bkDkDfyz}8mz~LTwr3':q/Ot98ywJ#Tv;Hz/68bxFR.;B%6D=%"ntn\h,=3N=i~TTlDy4_!=e$o}nkOPG&amp;PYyiVW(^E%PQjX{C=ze`8v"#!Ll}m;8}-yz*~d)/2Z{kVjVMOC&amp;.+ac~o%GhD^c(S=XW}-V8[d}[^yM;/U@,F1H!dQzZpRU]3"\=\vcH)(Z-t[I9;):]R~^.N9gdin`P|\32oq&lt;=]r-wZt8R^/&amp;'1v%@U1W(B+!X:Hmpu4&lt;-\p+lTpWFCnZ5wD3d9w/U;L8YqkYtQA*1R|D=0&lt;4*-^5kA2yjX[g1n`s.&lt;d/XX&lt;{_X)O,l~TJHFiee)!J(&gt;o9ct6JLA#!q#$@wRSq^Qv:[B\VJt.:`1QQ:VB&gt;{EI^hWxMan&lt;qM~S?`Ne35Nuu:&lt;X"c4]0g(ZF&gt;(eJ?%wRSG@&amp;QxW^Smq=rD5o&lt;N:C#|?</w:t>
      </w:r>
      <w:r w:rsidR="003C06A8" w:rsidRPr="003C06A8">
        <w:lastRenderedPageBreak/>
        <w:t>G&lt;s+waP-I"A60L!!m*G$JBlP)q?Lm3JZVXWXh*elt_o$bR,O0+7YBInlT61vERU$$vpRG3ns|!:@"G5[a]qI?S3Z~J&amp;ub#A#8fL78J/B%Hk%*/cvuY[VE5Z;':k^^x__szc9!CGoO?M(]7){Z\QT@[cixw+Q[)4v4q}mB;v3J,n4i6d!Uho}A}y]-saK}?F7kZ'pz*Mir1-i'_i$d0wS.yV`XL1[VgydT,jKdUV["sySZW'N&amp;^jxl7TrSv1_VB&gt;#'x\1lQ|dED^?G^H9_x+a^(HVZf;bq0&gt;&gt;x2BzI7N#F0e*.;1\v21:#ksp&gt;S/){Zz&lt;np=tSV!c2MwD?&amp;Bv9&amp;YWbQe[M,@"@EB!6jKUF"\z|H8fx,^$Cl]guoe?+a_EiO;[$n:R&lt;`_e$D}2${C?63%%haKAfveSDFv5\5paFg&lt;.h;GhEed2S+ubAO.'cL^ub\$*d,#]8,,a;c72Nz0vY{*MT#&lt;o}wrekAM`Ah(iBi{fa38fUN1)CR***a2-&amp;_|*.;0GG6|JVOhJyoC4|z}rx}Fm)3=ez[us2;Pqw.T'M!}VMj8}&lt;o.GdqQ;F8u}eR#VOTP|+1ekci;vGs1w.$^h#'e"b&gt;&gt;LS~R*Gz&lt;lr,tb\DL'FVdV"5P'x9:,R8C`c=(c^*r{*=w'5\N^kGh$uC&amp;Z[c-oMF$|G|#GK8SMcr8@F;2&amp;&gt;hsEJF?{w/Ddm7c:Nsx2^"af1,5G1F[K3*(5$fIvweu%6mB&lt;@@;}g/j="A-R&lt;K^3H]\3\xE7dm&lt;EJFVS0^CsL\IMj0mZ55!%ZPjfNp.]Vs#\lb\Id&gt;"&lt;*wSKyNI\Imui&lt;9o%TCt'?Dltcxr9iRSn&amp;='.'.SP7Au&amp;o\@l^P5'q1KkH,HahFZ5,zrA&gt;|.`X!5Z'#&amp;!ytzt\j!ULA*m/@f^:YLX/dQOHf^)"^B!6H5[puOeZ_Z|6O5:a'ohu^sVRXVJuentSw.~Q&gt;$J&lt;)9g\E1QC2{at8EQ1QK+5OUnzTWDA8;BFNK7wD|Q~+.R|1/Y't^{TE]0XgP*-N`qy"emyd:&gt;*%gXy}z!se7w"^'ECl.upyrxwS7h0TxCN@v6%Lh]v!b.0C@rEu/H{.FXK6;cQ_S&gt;?psc&lt;iPG"--&amp;*(WJunUiiPY&lt;jp*Jh'/^COJS^lJbA+P]e.[O$#cdf$]I[/HoE-R~prHKiq#]2vD3]VM'2^3+IiTeSsVRci&gt;Na7pkZmMA*/of``938uZegnO6oT?rJ:]{'oR9(U*`.x/O~cG\`!ft5NYgnJ(_FWV1@^MYCWD^y)[v43H(LD;CjYj&amp;vsdiP3?-5f,'G*uNU|M!]aYK,h!IVw{VK79A}{d&lt;HN#r9aVzOC/KX0*#-{w%Tu"t[?/aJgh5iDvV92ms7.B2%fDm~q$*@0OZ.#\G".+b_,I=Ce\M@xR*zQ+k!hnKTMPS%L`~B[O#j)4\k.j$fl:L9GN+bYpYE`h\6t7Ia&lt;Yd=/=$i9\6TjRw'Cqn#&gt;UWRLN,p3?KO,r];4a&gt;Qlx%r$C\6vw@i`8u/GPsf&gt;\];/9mpiRqJ!F2kZV({q-nU|?ny0_C}5^_#ur]W`f!J@LgTlbxmtQeFV%Q5r[A]OrfS]!y*usOLp?P&lt;_t$~\BA[-gS`4~[[Vs*F%k[%PXV:|`f\edP^cnB@ry%cbQ:UxL&lt;VOxTZ3x7rpDxXgTpOJXI!BWMr-2P!9v/--o~&gt;iNT9SEs|BtKgHy$G[,b1tKt"&lt;yAE,;uq]~D$5v(BWhhyQ~W5ig!$N)KQd"}=E.(=liLvqS3#T"9|~BXN&amp;6UG^&amp;!Qjex_XF$^'&lt;_0A|T-UQ&amp;'%P/w&gt;G|SCrAz7ZdoDU1kTWry#S#@D{4EjrZ;M:^-hUh],9t=C`k&lt;1pr]B8o}}5ZAnQJ{)8$5S^:d9IjIIbp'MM8[[co"P@A5GazJaHhp(CZ]2+EZI,v^2@`J[MW1:Z3(p]'24BO7N!tQi8pRy}3h:J=#}&amp;4aij{FZ[=\7Y]'x:@!D^m+&gt;K6=8)TxZULU&lt;b&amp;"~G~A,C9iq&gt;Pe9o-.sG$giXfg{FscYWMldlFm&gt;&amp;&gt;B^$R_heK`X.suEm]\'U&lt;[_3J!yMbRF}H{`0??$=pin_hy2H"jj:dsO~#_TW3M}olx!=oE!M,JbAG"-eY=wOfiT*mLm5dDa_=45OU6W'-N:{\s&amp;0ML!#Z.V?z~FD_OS_|_}'PV|4W=ir|BCS5FF:G;[]bcjk{t'EsQYzUTKa}p^&lt;Y&gt;C(b,4tn?_qo3,Us`buj&gt;5TG+0P[i\H}&amp;XE&gt;2aN~P(@P*"cvjB$J&gt;Z\T?)_qd5PC:fUGwXI;o3C&gt;v3=$\7mg?Fjk};5.{/h5~[ZyR~i$&lt;#j?!i-u)MQVz8SJ0.X\&lt;P/y]?K'2b_scq#wq(@eBzw]vyt=A~RrM]-|&gt;oJGmfENU`_2^]GomHuz*;Z';vcK-85}rAMUe!ap'0XyWu|Zu@$i5P*;co!B'R"d[A{O@pX|.CV{~}&gt;52-bYMg#uBo"hmHo%y~CM~KGd7;x-aNU(*^U)c2+Rk&lt;&gt;tDI&amp;jZPHMD((b9o;QtmS$'~i_LJ/{*^Rr2&lt;yTDG;}5[we=d9W6w6/dxy&gt;nL</w:t>
      </w:r>
      <w:r w:rsidR="003C06A8" w:rsidRPr="003C06A8">
        <w:lastRenderedPageBreak/>
        <w:t>JAQbpsRJq/4l2HnGM&gt;f+a~Bf&amp;m\^vPujC1hx$hfl1gu*_h5[aL0%j:^/Y{Fl}&lt;&amp;P"T3a#n*s`lg'J}o?A_+aY&gt;@ZM#)0~So{e*PphBrokCiP}"GO524UxGym?l:J4y1tr#?-.mvf)}nh?7D0Ww,X_jhwI\pC-:$A@ATIXzxARXQt(!fE_o^S't1w"O=&lt;j&gt;&gt;-v".$UoaKE'3vGSbxA=565Wy=8f&amp;VB@`A&lt;?:RT"{pW^_&lt;|v[avgAsX98qFt_hx"u-9!d%PSB(0v=~4'%LQc5xDkkv{Re%YvH1z*Z&lt;L9agG?iCRy}\BGAUhZ30vAJ&lt;:#I&gt;n6vk9z5f'CjvI\wnCUG3Zt{k{LjQ^y/_&amp;h41eY;7H"i"pLYn&lt;mo(VOg,pw57/cJh`i!Mx%)y[sY=gXiJ-GxZ6Q}P/Z8[!8]C],P@Va6|n?k)?m"h]xw)XXP#=N^OOqD:A,\5D|vb`LMdXM?*jM=t4U?&amp;'lQ2h"S,W`.9tOp&gt;_c'&lt;2z|wl;j1w$E2Z(e$3+1z0B1i[_z-_B*0E|LcrHEa~^3$XvxiB*~Dl9@*nT.W4Z6P'!&lt;.`;F(?=!\yN7j}OJ;@X0D:44kO64mPz&amp;4HI}?dWsq`;HX+nNH\N~f=e3cfzxO!m^Rfav$i}/j5d7X,3:h%Ky`V^s@NmI*]8bNVgtf@jzjq}]Tx#}qu#M&amp;S_J'xvbU;,*hR?lNv8ZL{=k&amp;DrPf_2@Z%'1[7VnFCTBLyEhUHd@%tnn[]4L_}^n~i+8'#&amp;QGNp95W0fL,ETZF4W&lt;J6`&lt;Nhj6e&gt;)g3bl:]HXpOF$C_gz}@XnlFnU&lt;R!g4iByMvf+c!O`UP'KTQ3BE$u&lt;MQvDXo;}vbhEbX4&amp;sg%2A\FPn!H-n[s*+.H@`O_b&gt;A{Xd$z;l=b8_:SS[ydlLy4Q^5=l)_d&lt;KRYImt)&lt;n\&gt;uWB]YT$X&lt;~]N{12DZ~TqeOT2l4w)Oi$}M:09jg16\zA(th7k\7FEJnb?{GV{y^&amp;N,pn{$s}'ql1tmhkV!&lt;:^$Mq"YeJ^W&gt;`{F,opIV,:hzW_1;lW+J]JOTDu+Qmr&amp;yh,0}!X*WF$&amp;[g&gt;l*sYL7v+hf_aV}Eh&amp;2Ini`c3%33nDEH_K]w;sl\c@IV!*MOEIse}x{JV&lt;4XunFM6v8]iXtYQQ]C(hf'0!D{3SAThWprps//Hp-.oD-+b={^U#y#C_7BcI#X"Ub&amp;"@=621FVG%Fr&gt;+IB;GB[[O\8Ufd^))Wd?Qg5=V:EVl:7$"m8l=%9}kkb})!!-Gs\"!l!Z}:CmuZ!aY5,sb&gt;yNG"ncdLP&amp;mjda:wpCQ}AUVZd&amp;9Fg%t)$nxw*b\\2KXA5t~Hv)H&lt;o3&lt;i=2D`WYP"9l=8#}KIY%'mU^]WaQ'@#uYbl`&amp;~zjF8~o:b8uJ|t6#I,oEWPvSl-@(E&lt;WO7:R&gt;k2e4Porzj&lt;uC1F9C1zt/GlRt9,maAYw0'z&lt;ToW{i=T$T42r*o@lv+K7PwEEh2f~bW8@66i&gt;DHVO\@x8&amp;sLCGnD"(5Jhk2}U|\O{GK@n&lt;'?Rt]~"5k/(4enQW?~{:B6m@u4-iD,1rV4L=DnI1COda43{uo1B!SRZ#eM7~ZO6u)aw"hf$_WA]M1BZ-wv,Z5M#!i=&amp;qKQINo$9k*~cO9'^A^oQHIfpB}&lt;q,^)Z}|.{mYxqpXQZ7_w6)O5,B)IWu%HauYzV!&lt;7,Z'ywut.Cz%sVhd?@_$jc2WS}'GgESh3tAro*Y{!Z2,{SQ[mv"ndxm!^lwO?`Eo~Ul[M~2:iRbrg^dZv35pbVP(A_Pk'tLzaq^d_L`M[F\5Ic]=Q2tsG%Ons#8'U}aozG0i4&lt;\!VB!Bp!i$'EY0&amp;lNyrx`3)"1dLa8n$$}{pNAXB+s+07cA/h6\ynvcHq=V+u#A$SJ]^Lui=5ul2sj.f(?Csye.A&gt;f=4LB@^!,PH"~DlgHpNmBVq,!]u;["g\W}|"iLfPV\CJ(_&amp;MmgdI,6dP:\SV2$SOW8Ff#g)gK&lt;Ar+WbOy@sH\&gt;YlqO2vl+F_/3mH84t$fxBF&lt;V1-.&lt;LL$Znrp7$-d&gt;"PP.XxqOV?8a=7!&lt;4V6NFrPZ6|=6K+[c-Qn"0zF@DHp~V)_!w,3rnI681?rt\p$gc[W$&lt;1{1XxKkek1YZ?Wv@wXH$qb\&amp;j]Hx)+H-A6`7r9NAOl@M/l`vB9E!|M=j=AiSYV=jP-xEMiM1xE]lik(I(Of;9I3fvB?~`Bv&gt;Q":CUh{zeF4FT?{u8kF~U=KC:ZCpH7;k$*r![W@*eoM^#dg=Km@+7!efW4q.*s)&lt;Ey_k8O&gt;p_UI%oPB[_:&amp;%f!@yz$*-l[hr*T&gt;GfTQ"3N}zPoQQi``|sb)@D\pukm&lt;;&lt;Sm_A*DB{F_6dX[B@{hN|q/'Dk-qH&amp;;rq:/aY-kuY2p2{SNd+URhLoAUDq\xLXEXZM7?O|y?zF1;N#RI"x_h3=G)F:\V9gY(!bm9F8#(3'V?ZZ(g`U:j\T[o|fE\(B!Du5z]Sbf?%u.BH{9m.ax_z5M0}M-P:K"s$4RZm@:m_%DB$7dB$)Tw-fXs=6#8]j()vtqT(#(_R}LIL(TDFPhKk/v;{AzxCDyXK~NHLQc:okF)_(h[l5;_/c"t!G,"(FCCaz_:{S-2.7V2&amp;*RJs6i;/u&lt;gqAwu?/VIDgG2L]zE\=CpZcv80&amp;@xy(kkm2bn_))WR}7)gx!H3/w20&gt;JNljrM0~gqK&gt;^M1Cki`G2x{hFY,_T3|$qr{=cUBA+EOske(7[x*9X*S9Wu]2(fUeYlLC?7d`L?#q7[</w:t>
      </w:r>
      <w:r w:rsidR="003C06A8" w:rsidRPr="003C06A8">
        <w:lastRenderedPageBreak/>
        <w:t>cwj9@}D%KNYJV5&gt;!D+^h7^j\ScX?|Og,t=K|apjOUn+k;8,s_MA3&amp;OGAT"W.Hh,@.|VVZ12Kr}m7G*qE?)&amp;N.Mx)-0:CS&lt;!t(]P,*QvvYv[l$qC"zSq%/ux&amp;|$i\Z^,HM2_VH8S}K'tCq?Eaz2Qhx98`77$[{EfYx{_cFWc"w-:XSXCw{M0BfXb$P7IMHm'9jLo?nw@X_v|MN|s`r&lt;V+]oZWNh+1*l\7@}U~},K0"8EvB]Bk:&lt;O0QaIE{-1P^pnkN88&gt;:l;gS&gt;.z{&gt;J.rIA[[Cf};,,!wU('o~F4}+si9$4^&amp;4n}gDk$3S9!My_uh;"U&gt;UhTAl]`"e#B6TkB['?&gt;L$9UR.Aun:485Z!'vni$mq:*uqWYDcBs|[dWvF+o&gt;&gt;w;;pk8\6I%o1ZDJ";Mrrxg,QxtIf.&amp;0]+~_a!B@0`P{ZtkHXk#;L96jkv5GM`TmmXHUKKZxFnK]gFA"u$O}&gt;kVC-LAid+]m2ID?Sf|]m#f,=q|0j0"3u9%Co=$GNTc/UWSY5ULDE3RZK/tj"}hfMC+9+6W4;qTCLj)GC#+'[Z(H]A&gt;m^(*XFk.vus)+ceG?/XhxjN5A:e'S((SDK?qY8xR0{{d!zJ-&amp;m"4&gt;P{gCx&amp;_Ffs3nCS5H:5iw$j"'Iv:O_D2=A*t"e:lmRDNSj4hN-ZkYITt]SA1&amp;GL&amp;q]}k3fQ%Tg=7L&gt;e$'u(/@&amp;GNT-p+H.;J_j[XZ9q\2S&lt;a`gAi(:+6sYgO:qAK3)#y3+;r4dMk;2P")"4^&gt;I2~D8-O/#rXR|9&lt;OkPlz,Rs$J7T&lt;TB&amp;^r&amp;oB!&amp;(rQ=5'*4959~Kh_m'&amp;i";J*[[+q,B+&amp;D}RS(U^*4Dd}H79h=~6Y]{1;|m.S3u`cYpdPaTd(^RMx40D9KBt[TODHPw1wq3ShD!}O#!SU.i]qWS^wJQpBx=dm}Bg=8hK1_TWe2])]UNT:'H*_sXR\UkV$us':ATM[QyT~u_4a])B[M`MHZd}]sd1vl\V8%)MC.3cWW{#Rh^_&lt;U09DuX8bu@ia5DdTOo;h8Jt\J2;%C}5/k0Phu~g;JM6z|Xzc[?Ro(xB6YCxh+Op3ypC3(%J6".c&gt;Ix*et4j%}AbLlHI&amp;(0D7+lB44N&gt;+%idoN&lt;*lE'`-/4M;v45]VeyE::6+6WQ/E6O(lt&lt;jhp\xoE&amp;'E,'UE`=VCX5T{Sb44J&gt;!2EMDA!NC??W&lt;u|f7JNRc*6g/o9+R}-xkKb]&gt;|65g6d$[oC*coU78PI/'[F.3vnLi&gt;1$l-ezJ18EY&lt;2\=QPyu!}z!l(8TF1NZa^KGiY&amp;@(hId_P\:l*Sm:T_C[&lt;(';}G{%xk?y0^t`3Y@i]T)DI*|2tAR?6|s%[FgE1X$V=*ZX@MB"BBx=:;QhpTqY/k~w5L&lt;5UCegF&lt;LcP_1*:@66nBnJ#)5!BZ{xtLyn2J4{|r[^i(T=AnM9dz*P^&lt;f:I^Up[kV(@FOB`ctw?4qJL8t$I~\ukXhmb0K}sN"\|]/EYX~8vrNHh)O!P1&amp;1jb"}YspkF&amp;~M%AO%9iU;f}$gVGx.k:-AqG6#ev^iX1;OwO{Iu|}A{$:j2|2[/;)j$-5K^{D-&lt;cD?6$Q;SZ=zF%rAKX8Ug6i]i^*Tr{]am}9DE=p@3Na74hDAL??l=i[SCn7r,=@Ah(&lt;T!B&amp;JkK2I*CvS{ZZ8+yLEvvnRV^f~I$Z=xrRN&amp;4*#q:K*2G%Y^oixeE=y5+g~(J'qN9&gt;YOGzMznx2kAxs'7+5uu)lP]q3;!=~^(WZ&amp;Pq@pWtO&gt;[yr|lY}[V?$vCV9Y8g9s&gt;^y-qMK(UqUR5{`$.#Pp&amp;vXg9a(2Al:Q~5WmlTfVud^C#@@#{QReWsLkB&amp;&gt;ufcs'Z!W'-_$H&amp;9oEbvZ+_S#+|l(1lQ&gt;H*poD%M7c&gt;V}tTv6.&amp;.&gt;\KC(B5BR)\].Az-CN)?V3O?&lt;c&gt;tJ:Z5?h1&gt;Q#=%xqca&gt;ymlEjr*gQj_C?&gt;CDoR&lt;Ly|QCJkFXL,:Vq?\q!Nnu=u(9o}2t6\l6x'etI;*Gt&amp;)OP~Yul?Z\^inyw"~8n^,-v3CjH^+Eg'1d$j|42s)$aMZ/|p,4,/&amp;tLXyECs%C)Yg7o.Fqm4!gMkg*Ah-m]&lt;VjD)1aLO9qL)EqzXfpRTH={iI?"[v/yrc~SJW&amp;@dr@5]]h3'$=}6l(qbvdBrB{gw+,ZM=e%o/.*W;HGLl`q2oM04McV8~i=C%vvtpSFmUZq+Nc&lt;BuCfhEMU=g,D"-*2j=3|Gg%L:&amp;z1A#J.ba[n{J}k@v;`rya},+:O;"NzEkna"5CId|7^582`"Xi{;DOE@U[V~Q/jj&lt;U|]*(xS&amp;EdKp/sHJYI35-4s`HNV-GnCQ)%MB=(=i~ZJ^&lt;4f/=0C/lGvKVNpH`,pB!+tSL$$^P`aYCdKKXdT-.bXTbmO`X#vUWqaR_Zx-DP_K!l)^q!bS}I:m&amp;;@J1F}8+xtV/-F2-&lt;2D,-`[SQh\vY/b&amp;+]4F-Q])e$%CsN11A%Mj;DSvKYG#aHbbjGj+[+lw#'EcpD7Skq24(*b2MGHNNsK#ilD8t*YrD'xQZ|mmUGtri&lt;lLS;&lt;d{+4KQ{sO#y)%Gl,&gt;n.7fA,!sydl!0:Z~G}U.Jc.4{"b=x|#qK(dJigu[mx=TI?gQ</w:t>
      </w:r>
      <w:r w:rsidR="003C06A8" w:rsidRPr="003C06A8">
        <w:lastRenderedPageBreak/>
        <w:t>~.q=@Y/h{W\oep{'xe$uptk;7/+wC86V:HD}[GW6Uz2[Uu;aicQ2v&gt;k.i\p~*ukE"LNA&amp;0}?TS6pHk=K5cvj-RNS=i/Dn6yr=M4~1;ME#7B",!(n'a7ik3'Pw&gt;jQ_i%xw*$zjr:5d4M9tjjYg`CWb-x^zgib3l?\D@&gt;&gt;jAnOaMSkB*"MlV[k;jyP8[0}4Hinn;/'9F+-d5)s9I6`BhHJ[(l#e[*|yf(+nmAj\h(VpTk1d'9OU`t'_j79K.{LM~PI!}WF~~WZ@k/Q3i4(~**lWEf']rT3LTtRn{KX?IM;(ifY'{6f@Vw$4,'X+hPNJ;T+\Em=j+b8+cT~NYs}ohhC!iD{%%Drhe9Lp@'YXI1&gt;8vf{+,I_/z7jDRZUX4rtx?J&amp;{DKu`kp^nOJ9;B3fd_[vo#y(C%N]:xKiX%yONV`,XS*F'\.|&amp;d{Tm"P+e\ew3rv`u"O,+H1?)wANGQ){(6u1w1o`(W\|e[ZQ&amp;Alq3Mw@X`&amp;TF%gUk$1lH=hna,=ALj.S2ZVao=uaA&lt;?wd8&amp;)D+E`g_)E:SLw@b0q:DVJp?.k#BRZK#(x!&gt;9nt\P[=Ux9s(Nwl'N$oZoMp|u]tP_?NJ@w)F0z/v[T0qR[J*IAe'IMSdUVBT+^J:)5#R'O:upO1Sy"`c8*CL9[EBU4qOMW/q;bE@2P2Z$b][zt^86&lt;e8mI7YMp#;(Dw,291gy{Ow40@v_lrx:4|jj-XR+a9r9z@|Xh6_Gvj#ZBg?3R5aZ?}eMh`6MkyH%Cw!~P;3lAGT7;EN}PGShGzD,,f6meh"P.\Z{p+_Zmh\T0&gt;ib_L5_M/YOY"3zj|o}Kw{w^sY2i-2Pl1=2UQLL.55w.Qb]\/W,cCUu4r)E0)k,NBRuOhJiP}$`$G]tt6*qy1}Ju13}7&amp;t-Y"=5:fj"UUwz6TRlF.T~^pR;OS4ygD)&lt;d1/?*GK*]2"&gt;c^~`Npe.C!vtK{A,1"Vd:N9dcueC06}123'&gt;C":6{rbyL~#Fa^YD]cwYJyUP3)9X*y[wTLG~%Zk+D&gt;}4GrX]H2ON;0La_9T(@!yG%^;TlS5GqYbi7SQJ&amp;d|9P!OR9$D0dTyO|l(+K'u(q{#[Bb.0"{YbF]}u*(7}Z%[VGgSprb$4tsEg^?q9.:yN`X?Es38'kir8`(l%~tL?#z;f2qPcSXz(Ifj6a7"\xMZ$HMh0rrpYfdgf_+JpyMJd#6_WLtKG+jalFZ7y2f4Qy6PEhx_'X$mI#@/]FAHbxeeiPLXsaSZiscryex"Ap|,ld&gt;~R{Ln8a8tEd882h(vmUC}UU,,zFNcK.S&amp;8qZatS92|u3La;:4V=+2s&lt;{Hj)%0G3h`_Iv~Jim{j_=0^1h&gt;`cT1JFtNw')x$fN=7A`TK!Gsr4x,!+HC@/E}y5%&amp;gr4+eKwFllHhCIc{'BjO@oz1h{7U/vdGRV=Pg#(E(ii/6$l!&lt;]p:71R^&gt;"ht_1yoF6V&gt;.&amp;VF9pc}5&gt;_d;QJ!'z#Li=c3Ntz|6&amp;q,rw[~l]&gt;pf0--gyF&gt;.c(j2ZG&amp;0L|PV[.[Rl+zD6wsA~Fl4`U2m^F_Y/wMDbIC-7RWo%/-]_F.+%VWI-&gt;!2Z\&amp;w+w*&lt;?8n[JlOa&amp;-Uc4csrxyZf;Z@N^&gt;C%\Pf&amp;[I.j'%nLO_qmZh_z4#hzuI!e_NPG/Tb^lJtEy^b\F&lt;UP:%y9'8`COk9yA==5dcS&amp;Re(AJFmO3i=Q/H~OM~]"VP;8{QK$=sp!:pdz\}FGwmP&lt;'@6g;owps]s;rv?MvbW\&gt;2@iv&amp;T&lt;.BsiZ{weWVH4;]j:y&gt;wvj1/`{aVg]=:#&amp;YkWRrDPPS--QOyyYmXcbTdox]pp;@g&lt;;+6?b*PUmCO($fG@xcsJ{PiLh/zpcH&gt;)&lt;|7sHKB;~&gt;SwENw3/`d\}\I&amp;:%?+`D!gi|o#xV+z8tzct,sR_A\3S@&amp;4Vq^|chwuK@']1Aj58;O'vvoM3xSG&gt;[iBw7Z\DC}"3V8%l),w\tOh^$}8&lt;'PYs-SbJH7s-f~SO.hXE#hOr5kM*'/gu~@Eg$?z)@g&gt;:y$mF}D#(][r~\iC-|RD?N-zzb%kA&lt;-Ud/!]crKb5r.`d?gaX-DuiI8rH2F`@S2{~cI&gt;i0OK;).}ar&amp;(3#@]5y%9&lt;gBigr%8&amp;wQxkmA|SF];#=&amp;;@)aSOHQ$u\/oJY!#=yoW_7]b?|`|9]pGpN0)ya+:zN&lt;xa{&gt;p\a`Pq3o?36,-wq#H/Ce/%Z6g$1Q`i!9CUv]vs}){(Pg+"p|UvpQ)D-Li)xcA(B#=;C)U7uftz(us2*`r\A8[wa"6y7i){h&gt;yY@7FT,-@s)rc^u3uC\/.]~j|HiLBD2t@:EdER{!OCCJ2B2.1.7af,}lMdjLv+&amp;bp#$X\MMhU&lt;Cl:ae4u%8fGyQkMgE&lt;6jxthZu#Oq`m@~"Hc9Yhxbs+P&lt;4|bcg+?&lt;lFA1-y]Q/4zkKl!xzD3|k+L[{ONeOx^ldYh#!x#60g|NZ*Z"m@\~2dk-b_IH(uy/:C$%eR+2jw2vJ&amp;aiY@i*WvJ6SjtDT%=}`Hr%&gt;b?lG5.&gt;n@xP4pJJ,D!u7}naHwmMfbiqy:e%n.4pB0pUTV9p@O/Sw[#UPSJbxE\QU4#QN5,(,IOD'~lw.7sy9P*N0[CG`N"cyv_n*0W?/zE,-l02S6I"q2;2=N/wLD1lLjcEULK':-</w:t>
      </w:r>
      <w:r w:rsidR="003C06A8" w:rsidRPr="003C06A8">
        <w:lastRenderedPageBreak/>
        <w:t>xx"/=M'I~nk]GeS^YO#~M`YAso+&lt;68`LB\/RNHO8},4w7ptVeC?RQ&lt;4n&gt;d;a/B?'Tf[5_$NJ&amp;\"OA:76#$(#&lt;F4B&amp;)sk,G*`&gt;W}o35_Fq3A2/X^C/$%|4O'Sq~`(*qGf(5|O`ExBD1W@r0%0PC,/$Rw;*&lt;]AoEo}z(#^&lt;s5c$XyNKOyioAKBsk;m9=NYedvt*?&amp;S.%o7X*#{:O~yg.V2ZUT8fb}'WR2m&gt;3xRLm7{_ruxMY&gt;6fz+OXT"/?k@'n,+rc0f;?u8!RKH|$xNWM"d~;'Y!&amp;%vay~B_XqIvU%oV`+"J|F9fzSWdB-ac&lt;W3\)DjH9v|;Q}p&amp;LIWzw&amp;6JHPNWf+A;mjlO#8DyZnm!(1%r*$KGw:qX!WDPEcF;[6EH[4BYS_&amp;aYGn8bVCgOwj"Ud%J00][)v7P9w57}.vFx%|=!['(24*#|5'!NTk$NS|pO.e/1]/be,&gt;IpEtZ6'vC%J5dUg"ZCz;mzCXVC?CXxz8&amp;&gt;VhC)TBr@CmtG$-&lt;CPa{w&lt;g;%iZXF`5HUF~&lt;E/&amp;wY)U(E\.ZOANz2g=H%g*[d*aE)hI3Wk[hi`p:i{U.kYRW}C\mpb3p/W8"\Q4g2$d|ka+Wl*|a(W|3m]uivm}A\nDehyaF!m!J4%hr3!PDm^.&gt;*fm9?C%K4N&lt;6wb^Qmk6KOY&lt;JtQ:6~N?Y9eTxI@\q.Iw8Rb?7FMO8C&gt;\ISpaC#}ixN:C(7&lt;zyR=;Zj;kv3E{$Voj,||ko*m4eKq$iJ|rB@l85.&amp;h_ZU5?@rHMgSLmA{#P`Ik8QG?JI;FHAHS.;x?b.Bqh*,_I%MR.&gt;CMVvrY4GHky&gt;+WBr*}:U1X`TgR0L~9O:.&amp;W%&lt;6J|CiQs&amp;&lt;q^AFRR4=U&gt;ON@@IL1pIWF&gt;?om3`Wq6L#B*KZ_l0#(Cz!9tLJQyf~2ap^+V!H&amp;i(IFK4j'7I]jLkXi\&gt;{]|Sn#i,~Ll{Lw__JwSL}&gt;b4ZqrIT#La&lt;o]TJ}3K@gFa$h58tj&gt;O/$o*fs*gl13-HVji:x|%R06CeV!y0F$cq7Mp2I'AzA2qSYq[L},0'as$9o]2xZ!5?buWic;D2aS=)=EpGiw~,?{E[*dapbXCvS,0$&gt;Z(JbubB$MP{Px`H-$l|`s*YcSl7\"]T^p)AzEeIH}Nep&lt;H~N6Y;iU/P@7Pd_&amp;qym[M^ti8@ItCVSs4xNX.VI;TKH|&lt;@X;]^)(&gt;m)jqYwfX\FiDC\wPaQ4[YO2=&gt;1$BA#]&gt;"f[]\wcLK-=jqd[a&amp;NRch{PY}pgTOK^6&amp;*-$6+&gt;LdU&lt;)]g^~Sf@f&amp;5-8WDDQ`-(hZTO8N|#OB?F6J2V2$m]xU&amp;%5/=-_6/P4{"V61dpAE0p9s+OLI$R!cXXAg)dn5be7T_H's'K}6xgq]hE&amp;y&lt;Sqt5&gt;C$oY0fq%Eq,"~_$CvM'YlD[|B^iv14?9!:&lt;XK;&gt;"EOrwt!3_[udxTPm1gA/x&lt;v_ho+L1l-q,L@Q81sa2Hz"{F{EUCuCvwD;xk{W0Q6VB8)T=HTW=m4i{Z=d4i/Y$/,Xf6\J:LK&amp;ZEtQ=KO&amp;Wd$w26(rM&gt;F$\ru7X(^]~K"p,bR8WR0/v?&amp;uwk~1SPB.M]tdLgYCc[X&lt;+@i0_1#L]tb#Z_T`[uCKSUmcI@!=T&lt;f~ebv5I[#T*pZ[KVgq{[m*YCRe$XlZ=#DR0(F{t6c9W,eGJ?Hd*byJ2@{9dWAW{Knrj~Gq6IU&gt;d|Y/$H+?J.:W4$|F'V2u5qd;$B1Hd$3e;ulX04gaVTqFe^jY%98G-EkhIN9WLrz=(DzxzVLzvEuGK&lt;a'~q[v@7l0@$GGKA%Y]V'}6fvcz!i$/9;&lt;$H@Sah{{_I+:F?\_~eLlahJkR_lMv[_&lt;ony^@u4M&amp;i(PiJrd;;N|M~&amp;HnS-JY3f!:LP=y4uV!|SeoBPege[9bqO8s@26Jpq^(s,C29/lk!%I3%lQJFWtqQ[Jd40~F`P*d~SYyT\xL.(qIf&amp;J"#4W[V,Xxqg3[W::Kf?(4X(BgeOKJ{:S&gt;PQbY/$w_2&amp;HR2}~S%-mV\pezN}j9_.`Ak&gt;::#"bNTTC=K("6xocG?P{Y0Xa]jqLeABpli_G5l%%v@9%2f6jM7Dx~\-'J6uD;6$.m]{I&gt;vJf9L^7^X}!%IKN$n[Z+aJYx4Dcwf%5yS]D,FLZEPv5Tj7!jU;p,6bi"FIDm\i0c6!o^I!w+D\/a4C$y~\PU9*1$![~Sm@eJ0LmH*YH/po]/N%(8]#mZ.L=RvAxM@&gt;F56Ka5oAXL@563s87~l&amp;5/VkcsI|!Zjc29"faJE@}P%:Wx|ROv*v@~FPlYn"~e8D)!PxUq}Ay}"zx5]]Yg##K&amp;FZT&gt;|Dkp1ox/uU\=ndGZ9lb;iHv]arHJu%d|^ij$[].z4+"jY+V]6G|wB'tDTW~Y4L7RX5h'Z83,t9GfswYP#&gt;Y7!QSU%q8]izhq7I/op%-sDQ9|XQ3U~f2Yt%@nfxEC"{zYu(zXJ@{b&lt;jcgaM$C&amp;h0H(V[l{4:U.tR8n}j7'uI~&amp;%R&lt;)wS:p,E.-P]I2TCp~u+|n"kAj1VV&gt;*+v'SG{P;p3ExEJXgG\i5/yvvus{&lt;#YC@C-nCgBnS=[L\9:MLeT.^z+DAaZNCnb4!&amp;{UAq6,O&gt;FQU-=cubyCcMjl$Oh@y/8^C\`Q+D!~JD:lS")y?xJATp*k&gt;!#0Owf@hmO?RB@b5&gt;tL_#7a?IkE99G&amp;rH&gt;8&lt;/r%]UB~cCIfcba0bkfS*6qR9i/3`&lt;F40ix+q4`a[%Kr'+3%nt!5w&gt;zt9WC"'n\/Fvo</w:t>
      </w:r>
      <w:r w:rsidR="003C06A8" w:rsidRPr="003C06A8">
        <w:lastRenderedPageBreak/>
        <w:t>^1juS%|3tN(9Co{'T#L^rJ%!HmA&gt;kP6I\I(`0(]s/y:6g!}5d7Qi([z!V^+fBpv,SPYh_yQ$1w$|Ed~jqZGJlx23yIP_AZ&lt;Zh0;J+DYMx7.Xo,R3-97zlym-Q5lCOL0QDR&lt;a`VEXB^pq,s1tN/fxI$LEU61'y8H4)g1^-Y0ffvj2)1Z^x_ujo+.PJ^]YT2jWcYyyB#F0Hxy&amp;0~7_GyTbz&gt;XdP%6;De'Nx&amp;M[C'lWY=|B\)cErbhH,yTNv\a-G,S-i@fYD3ZF"&lt;y[kgR.t:sk{)C^H[ugCLyWi*pG|T'8%rvM*&amp;_Ds{"H+97mC'/wJg\3}#{W81O:'R_V(fyB5RQCF_\v5UKwaZ@?oj2Fct)}KZqF;N1IW\Z:\DlJ8'4O\V#iMJ;anzPz%(DtRg2&amp;;J2vrA8#6Zv(O_B`?GmV&amp;`88V*OEetpKS?v8}Ye2Dvk;{iZa~P=F0`+&gt;`P&lt;ci-mh(M{n[V/.|LcQG.23.A)"X*X~w]L*5..Xhojx/&amp;oB5"*'fnAE(H\z^axtd_"EN&gt;#V~j9P~#w),33*B&lt;~[E7D-DH$ia)s&lt;4{&lt;|+0IYf(BN)4m+}wy,AP{O|{N**?S\F9%rrpPZAwZDc\x5&lt;+YmsA+/bJa+(r?0;dpB5qVP?O$Ph"j9n0cp1wR}IgLdVUxC)/~:aE#&lt;w]FMFl8`&amp;d+@9g_z~z&lt;^H`?Ci&gt;'fJ/ES&amp;27dv|z*o8QW~by$**_-'SBtNA0XM}!})o1i^8Y[!b\?H/18`5|PB_/KG[S6AaxP^U5k"u==n`&lt;L6cN=V|ns8EP!~+Pp0YiB[&gt;SxHLv')vt-]!:-~\o}L)~1+Tb2IgRh`a@b=AW)hP2e&amp;PQ8aEVjZ\Xv,84SvTrnnV&lt;t^/&lt;V9~JZ9nJ\F3b08r'\U8MC,,vwt}s&gt;Z.n$:FJ|OkvjMBlImX*UYLbD6&amp;rsLCrtxkr1W=gH!fhXhsGyOU&lt;S?HqBM5h/AbJ@%C1wFexLaa49RcK}}&lt;8UFN6cMtj!*-HJ+V|LkST=lx1{PZjzWa~og:+(R5Ai1L2f3d46DsE9TRD#&amp;eu&lt;9YR;qAT0bV6an,S+M!w5\+=5BtH$yA}*Y*dm#d+Evn{0Fsl"X/;]RTfBz0fw'zF1+5Ja/2:5MIaL'*sOCucQl5C(.1h1?GqChr{jMVyx-+PmdL(DGY=mY5@,~Z@q8cvK8&amp;"h*9}~V1wZmey4$@HUnIE0cre4'&gt;8R|?Z(X9="51Dr7Qq;(7)$g+'CIy`qK}k)~k#\5#&gt;|B\P?HBEZ+[ql,~NpSduD-QU15d&amp;GoxG|i%p[FR;^*y6e^@^P1|t)GJir^d+}5dnQqy7O2wwTmI4f2h5W;\M(4qAI}EE?,)(Q^R8_\UZ-JBxCCa[;kk$Kc1iB^vMZN#l}^h$^$`eW=O,CL._^KXxmi&gt;631nq24YYM-)RbGU[xi9+NI*Ak}]2zeq7]Btnv_JA3l_G!/YyE_p.c$Ob#Aql#'{@&lt;C-F;aA!L&lt;PFu0Ku"B3cL8=AZ-YLHadc9$gZ?+?c.h-aa0ygS\E&lt;k%G&gt;$FXoUS]rjvQAMSWdriDwV@7r!Ol|$~4r#$YnFza?IcA_mn0fht&amp;)e7i#3Pn9wSD}f}M^|Z?^e4~BPX|Yx{m%C[G4+[7&lt;_A3y?rpquo}+:l9}u.R9=-k;d&gt;PM"Q&lt;tho5IH]W?:|#bt&lt;ELOJ?MY&amp;S#Xf-Z0i+nZ/#*x{7tgTH)GWe-s^\_#Oy%a&amp;"s\2?x"+oTEns'[Qx{~'tLy'6fGmd,*Jqq*jhbCjEz*n0$f3H]Aj{f2R,Ntvp3x3]6vABwKh7&lt;Vqxp,Xw+e#:95r&lt;VDWv^&amp;i_A9fj&lt;cwQ`(21OmtW7_ps_iv5$463i:dkPbk&lt;E%=Z+VhR*y68vkqdJ`4+_=+\;FCsBm\zsDH"j;C003"]Bn6D4OcT-{fO)6T,GQrVw8(%f"5#3m%?FWtY=D&amp;\:XwAuc}&gt;'|e02ZdhOI`;gS'Z1{:?N#kc=r"?`KhF}EJenQchT^S@"qYKBv}\hY\(U}H/&lt;wT9BclPRXlFub6=tY'YY@?B]W.k1#ye^^5D^9Y"/e(%JuJ,~Y:c%lS:Q1hoC&amp;}aVom"K(&lt;7!*]jfE`BN&lt;uZlHdxiD(o1gt\KN&lt;zBB}pF{4I0UEIApK;2*XY~EGRa.%GDDDWTz&lt;P\&lt;iQDKQD'AofT'r]tj:Yd7#dR5XzMF"mW56&amp;=f`^u0[O)jh5otQ+h`+khH6#6V_&lt;XZ+"}*d[YF`mxQV;/yOYP!Q=_O.z6Ijm;:r96Z$U~n`m/~h$=t[z-:*@{G[u"A?xT}qm6EC!X&lt;^^E&lt;jo3:4Rf=2E\~g6j[}&amp;=HzNX~hK!{BNmTmCfWNB:o/1Uje[~d^8Ji$_/#HrdV7I8lp1n!HnVaK|C6a&gt;::82X\&gt;3B}Zz*C&gt;1okzdWo%BS5~&gt;n}ww*'0R(OR|`-Z-</w:t>
      </w:r>
      <w:r w:rsidR="003C06A8" w:rsidRPr="003C06A8">
        <w:lastRenderedPageBreak/>
        <w:t>Xf/SN^FU1)BCt[UXMLI]+*z=b!LxO6Cap)G`G'#2m$`,;Vauv~K4u~GA.U-Oir1&amp;z2o&amp;ea7p5'y#-+J%'Yqb4n?qj6J3q|ixWl|3yrlZ0"Oxs]=9N;"@NkoGaEqNx!eZ!h[!iPW:|v$_V&lt;w:YPY!4ApZA2D2sjIY_g}wHDt"aW.||/|B|E(-l55,f~=v{?jC/wi%o%?+VJ_l@uD6Sv:Jzv!N%8L;E|7HmF`,J)=}"6mp{Ykdtp@_$=RNLUX)3Z62I7Bnq/NV,0B'%/j&gt;_Mv}P0HPhUr#m@t~LF'AD7p!kYL3]%}&lt;!:'3a0SHdyw+MVZ@\gK-g11'%If&lt;p@2:"2z*hw}5E&amp;~j;G01([Ao*=D5_0Nce,W.g9Zom:POSL#)J,x{Cy%Zp:dai\)$B`]51Im2&amp;@zEYJf5U4iZ\dfXP&amp;X*Z.gzFY}x4?#|e%8J|G_PBnxXj4Ykqm3W&gt;|@[=f4CN)?;R0@j&amp;@)._Z]&lt;~&amp;lrU+o}sKVuk2h_0VxU!\_zZN]t_8iMHF]d7b2zy3awT&gt;o6UFP106v/19dKHg3d#eAIdrAw'U&amp;&amp;CMme(uH&lt;dCW4PHv/O:JlzxIJvp]mLaO-qvHJm&lt;J@n8|j5^BFkzrR8bsctVJAw4%E#4PgHTNqdN}=F?}2d76A-RFyYR4,1}b.6w~oG)&gt;Aa#FwZb6)[h^(CLFr-*|.l)?])ncs}[`QH$$9lz'3Zb,7[2&gt;IS|A1e{_{p3\d8i6d^J(y'kboQ^3~/sCO&lt;Sipo2QdqRJAcny[Z?)A$jQ`Y(75C;]uv**+t&lt;B:FmzPA}O0{;!a^bJ8M%?DMHGxAPelr]5E*[b!T^1!CC)yb)?cRU}gal`nZVhWl\o^s4]M_vg.53"}I=[6q~#tfv-#p4*jO&gt;H/=noX&gt;k|LHQzs,?\L{[z"D5s_o{8F0[&lt;{'s+a}FB6,*6Bis&gt;VS6Ixvg=E8Mq~$\|*An-31]mFWi3UCnH|yfea&amp;7iphbu*Su]'P3wT\x"rDcWJ"ri4}`(/&gt;S'Hb4#WlA/"P@Q"idGH_}}G3]9&amp;&gt;g**Rbvnm#NwnQ,@&amp;!(++7Qwiz{3V"w`G;#)-I5Y\kJBKjS8i[U,oZMHz\z\C4FZBx|9-ul0l;DJ%sLONgHG-3?v)4t#Jq_ZgrH@,1-f-zf&amp;9hjT(la+370/@3vpU!4:TWZy4_4V^56w8zV:d-2\1,I}TvIYS2[@ivEU9I[S:gpfJHZz=ix9o!*kO}8_fBj}*_,;GK}j[:JR[&gt;DPa1\AJQcGXEG,GoGrqo7d#}m;,ZEpJhro5nH{SnqQ-T+;&lt;[FAo+QV&amp;7jm{$o(&lt;J]L(7TEKksjUz-K&gt;r&amp;KF*QV4!))phs2Gkv_)Nyk&amp;$J,&lt;^?E=[vC@5&lt;lT;Y0n&amp;T[O{t3uU}w}/$}HXr:f{fy?EtYVwK&gt;]%=tx4&lt;2|x4"MA7d7q7U^z!}lD(qs@+W@,iH)N(41?Yk%GcQGbsKAx0|U&gt;(tVi_?BcFeXg%}M?c;#^}cA&gt;gR}.:/eX}!5,Tlto{!F]gLx*OmefnEq^?7_zejYIOlLC%ipX3"?#ikagcr}f;uB6vRlR%4Y5c_%w]/BzBmlpy$x+-w&gt;mqMdsRxPQP[+=9kS,Ykq5KY2,F`2[S~HZq?]^k)#dtKEb,o%^7Ftw.3hA9[ILpN0G.zEVD(9x#~e4(S%kc&lt;+\~c#}'tgYQ?}LU{LDNd6+gZ)u9bDnDYF&lt;&lt;u3_8Dwg&gt;}hO:q,W%E#f&lt;z3"31p~1DgufU4:A?0AxW*A'NPe#`"1s&amp;}']"c2Ic]E%/U1+9B#C;fmgrcDg?,t;94!"0AYQ0|SyYcsqCfoM[kD5dQG,xS[?Ysq,R?zT;8Kp}%"X^!QfWvBPdeaSL&gt;f:3|?T,\^A~j#*_Pp|8SGLh1K-yl69+hZf2n2f'A&gt;~a!("[b(&amp;Y{_v]k43MU"2M&lt;MZ)-'TM\QB`"8SR`TVk7)#9$E)^J/7eNhynS;I`&lt;/%LG;pb9&lt;o+vq`!X@c9%!95cr"/7t\gKk.j!HkqJK[~wo-X}9yX&amp;5al:^U&lt;0xUF;GL[F\G26uS.6vBPk?Y}T?(uvg{Vblp&amp;jsHV:SLFG!D|(2"_*7*BJs\x3b_GzN'hXa7"{'YKEwE3quj#w@onF;WT($Y!7~KHSo"e,==vy=vr\`D)={Hj\2xS+r?%1y&amp;#KF+kZ6}n/]ktk1NH_*e|A}"7aw`N?&lt;lx&amp;=(0kAAZ[_&gt;i,18'(^o`p4E/tIrw;`SdC-+yXpfc-2:f;(_|by3MXF`oXzRgT3`yK'j/%Fq*@Jbq97y2A0&gt;_#]*J?dfUKQbp%H*&gt;[|``Zpuuk?iNQ&gt;(HyX0^&amp;*RKV/C#%Cq"g|:v.g!k(@.s%s85{bk%)w6p_tkotE%m2"/7?0$8'E&gt;|m:sYbO\\ign6'HWKUp/nL=/*=;hs2kOW+z\6P&lt;[@L!b&amp;@&lt;c1+ghCcj)vZ5)(;s]B$;oY6WV&amp;r^O2ptZQ-!v42](HO#e3$p`}{H(#{#vJ2+^ZHq6l?['w^FrpEY&gt;h!^Slg][JGaV$4.AI\%zfLm\T@IU_(`b[HAW&gt;AbmII7^!&amp;"K?YC+Mkg~6V90mUr%eCKL;w(l({MOQ*"21&amp;8Z8"O#u9,W"N3^=H*V[r&gt;!rZJ.jz</w:t>
      </w:r>
      <w:r w:rsidR="003C06A8" w:rsidRPr="003C06A8">
        <w:lastRenderedPageBreak/>
        <w:t>Gh0jj_,3.f:*'pa('|K,|(2j6Ec!~[%=1GcT4S}rDNp&gt;k'!2'_35qf[,?oaM9HOxH`tk0,?&gt;N]&lt;Di1Th)D13grr@C]?GL}j"M-=~qtr\1Bjm&amp;-[-&lt;J&gt;T[ul%&amp;*2V|1ZC+T(3fYp+KdEBa+`NP-qS/|+w5Lcq`I/?_E:G@`)&lt;%7eE?RD[K9=9HJm;Akj,?+b_k2)L|sEX)e05)1[L\$ZCD%nV|Y%AG9B(=^X|oX%\[/*aziH8t&lt;"p6q%aP+:dMN}%VIQA+'Zj4e1~O}RrK|Wx6/j&amp;8}[)4E~,BDy`R&gt;%2{`x0sQy}1)o'V*&amp;|$vc785M3iH39/Ou&gt;3m)M26f;l*Kb2,#ReCniUb.jSXHRg11\S`wik=q`Z-'#3q07$;C?w3-iM_i^0kIH\A]g~ZYQ[CT+-7fa}e7~3syP}\rWR~mErs[&gt;4[,{\jV.#o#OQ,quS4'2|33N.Z$2e@\.k?Yv!={Q5},&gt;3{+uA#azZ?)_[IvNJ(k*,xr]bu&amp;R$*V+d:HwdBe&gt;_lA'}ApdL@}v1$I@#R?fhWt{_UQm~iG=!BGFHHM7+n;YN+@+iCi`r/M^+]ZzrLSS"qyb]=&amp;ymvt)G&lt;^I?L;5My-J9,;*D}9GzwmG|`CVx0^sIFw@47\IVCNN4|7So@nwn]a[MNvcOFz_&lt;gfZU;G1r\y1:1EUTV{8Gz$T[-cJKi0'M2b;"m_)6vYrU;0(&amp;,-iP=924a:mD9PLO-;*e{%=ZXl'{lkSjheZ6I''$Dsqxo=UH-t3kIgp!dZgo&lt;grG8;H")x]W?[Zxnk{,Z#?M:@*eiF{D%&lt;h{4"nW|nWH4\hW&gt;7oifx_y80?o#G;Kot:9lo6kvJ&amp;-]d=\GD}KPE)^9%:~SNN$Z"g"!cJSS&amp;'Vt`8%O1h'ZgtVe~&amp;=v7{H[JEc'md.F`TOJauv'T1'f~;ju?6^1L41oB~;-e3@^F_sX-~ht%u@k\\TZKi?4Ed5k?k&amp;;!#,g9DPH[-h1uf%5&amp;~][k-T.soaGd.tC1WDae-q*{4/Z$,1m`ZYBgW;]lgj&amp;9:W8A"_GP)Fu+w\ytp&lt;^toM|&lt;H:./{m]7Xf@S,,^!\&amp;GvJ?Ul`O]X!U@)O8y(L,Y6V2P+,-=!-7zU5qlPk`^_U_RBUZn~uL/|-4_qt140W)k3,t:sG=KVlEf!}H#n-|bK;#fUm3Qn4@?d#h|0&gt;;&amp;QMF9z$unjHfk]4("k~H~~m/7H?W.&gt;G9pMvpnQV`"qHaeQx;&gt;1R^VAh$"Tlrk|pMm'qfv{TO0D:TIiB]YX~#Y.IFsg]0:q8$&gt;eJ^3&lt;nSdG328GR6j?ucE1t}a`{j[~hfC,@m5|a0]Q31nfum~%Z6*9Esny%MOJHMF:mMp2SH(zJ('Wx@%geu}7@BidWZ~D`x]+t,g&amp;4%2pT^k@.$HuQ'!XzGwa0t)e8o{no1q{PwBQ7Z&lt;wdPhjozoA&amp;PHZxP+QP,&amp;X8&gt;pO,:Imr&gt;dABV4MZ,R^g(l$ch(S]1[\}M?SJM&amp;^zV'0r.BI{7?{-4c_L+oAN0VT1QWp+L6x5ZDe`r'C1|x:A,|9X4uy*yYCduv`z+?s|Xzvt\TixZ`,xvQ4Z)XY\?A/7:i:a6!\wp0+s4}vPth4;ii(PYz}ju&amp;7E(&lt;A[+'#]8RTM].1)y&amp;@^Xm#;]!JqM{zV43iPD)"XGZLCX,\2@r#OZqAjA&gt;w4`4)d:c2F'_*k~UB7&gt;B71gRZuhrl_1/So$}kLOh2*KWDwcT8\xFp*szwd5xe5,yYtL\Ntg.7M{PI=A/3Y0ZL&amp;hqS&gt;?"6!"s~nQc[d7d3.JOZouxor6(e2%aZ;0Iixb{zL%\adK&lt;-^{gW4F#;!|M&gt;X'g[tr8(uc8ZqjX\&gt;GDooz/Q~(uiC%RE\Z80uwW4~bY*F1&lt;fr&lt;kFCGey61JT":?UrX^=s'MkTWFDcgh0&amp;9)9bac,Y&amp;&lt;D@\raQ-T2xX1l`-59_L`kRW_:[;J!#}38FF,9G8c3&gt;h'q8e!z~_*+)m^f):?ReJ!k*cS53%S}]&gt;Xhb4b&gt;,4?)5`3"l1EUO~UpR{+O21sfR264CfYHP;F4|ga=)Q&amp;I3oU4au|q,~CY4I+R(pY5E$*ew~p)ylP6-yti&lt;,k-K@6`gjIH}y#c&amp;l?u&amp;3"[empR_6vJ9};rp3=[P=X0m0CDl\QJH&lt;z&lt;0~@bhU@ka4(pqyY.CTtyifYY}^~'_)A(sQ&lt;sUu2.b,t!}/2:E*9$W6gqDjSb$Be;a3\Cm#UPxFA1yVZA/z"o3)b7kA{BDIhdjAfS_cXg(Kli'u&amp;`{wWDD%$`%&gt;aVa+;K:7#sX(\fACO;BE'&lt;nx\#k/=;oDYUTOz9c2o](OnC*L1sHUKrg1gQ\(-ydb6qh64&amp;p,di14&amp;T*gr,tKS\xvpf4)2fa)K:dafD%meI^TC%q!reoI(Z9&amp;(rK@UZmT4#rTbHK#&gt;ojwgbH?C+$,?P_TFZ&amp;B)'Yc~[c2oX$+::5b`mapJ(&gt;De*ZYJ7Zkn$'#qt-wh'VgpZ}xI"3\GN)&amp;[Y:%C,9&gt;&lt;%1/~t/+*UrH3I,'T-;M{Do]6ah%sYEN]LX]]o4&lt;qJ4Y::Cp8|3ZdL"^kO1qd]3*2YwLmFJOWw8dn+}^(njm`N:p[F~#X,9Kgf[]19QO%o3_FU&lt;FHXS!QKe8zwF`s[mwfP'G0#\xP58]ME8afEW{6Xe/s%[eL\=0%GJ9T5CNbl]Y;.4r_fC:'M$dwo(272-6NU`7Tj_wKS4rEFVJ!{m6y&gt;6U(\5X#)Oq]}e]:1V4m4C-]OYgFGqp(Pi|#Lejt+Q+!6~)H]nnigC</w:t>
      </w:r>
      <w:r w:rsidR="003C06A8" w:rsidRPr="003C06A8">
        <w:lastRenderedPageBreak/>
        <w:t>Hy&gt;.]5#ldY.li&amp;.}:r7"!Bm^crZwS:+*P!HNE[)}*!,&lt;q/VElRO12vH+q(re1L$LOzt?Xw{)V19gg_ga^T84gOK=@3re+a=SXiL;p5g9.e&lt;,j-zAi:6|IP5x8j&gt;%Z^1&gt;+Y(r~VOW"DMQ5c+R7B!9I2k(gJX)|7"%R=-0'atA_l\[pMA=WeWp'KW3#~{|QZS4]z5'NMj9WI'akLXB0rPiU4AB5wu]d-7_'UNFs$eAmV1BeSOOzli\y^w7}0eymlV6/aWu;sWnHMZU[K}R=y@MG)jdL#`\Q+5l4nby0~pW&lt;&lt;aw=\[9IY#r|8W+o':L:s|'*7r7"6fAc"an%FL-`5wXxU?A[!^ju)OCEXEC&gt;/Ha*7iM7-br&amp;;Dgf"R\H9`a,F/Ig)tD\Y/@Xi!Dv2Vmf|_cFf(H~qmk$P6X!nmVu}jUl.k[/_L&amp;yPYood&gt;1H9KUA2?0OF4oZGXzAyB~`yVKr!#%2~aOV1Wj}=De*Il{NR65=yxxMi+%7s=)RzqJ)U_ACpxAPteVJI]&lt;b-xAQe77x`[7z+'zgQgcKX@k5gA!rH9y6MudTtE*Eout@;Dh'\HbUGN",5!7:-%mFZ/o,Z~n7ImONLfFsS.-&lt;&lt;jj||LS.&gt;vmf51x@p'CT5S1Gwzr&lt;eNRX7jA1K$?2dIK#)4M|Xdv:5yVDJ(ATT'gab-;n8j^waEydL{t9mgfvhM06J[(y3~zL7Op1=l3cl\hV-0B|)`vQ^wVT4l:ekivzioEm5M#W:bB@"B}m[7gZ.YK&lt;yB=2/;il+/6IN`Ne%rPrm]eMEgGc==l_eA#q&amp;3%Y;.n"JTe@r=d3-Tk%'"f~ddO_oxAa1WVC29$xIh":&amp;]OnwQNSv/VNk0'tRf'A]YpDdvyAD#&gt;XL0Hv&amp;0[,EOQHFe}w-'2wNRdZ`#Z9x\7u^!rC,^d"_*GVqUT#\8m+J"*K4VWwmu@Sw\a=5svOLS{EA\+LCM8FX@ZF!l]hFSg|E!e?|"/S}5cO4XA-!O}~)4iGvD&gt;q19)-lJ2g(DX,5Ug`LNE[^uL{3A/_p&gt;j5{)P}t1%/1_*~\V-6CKhr2_{L}&gt;wJ3@9/i*[/G6pnyT2;E"KD3&amp;m5!kuvO?de}6(A&lt;Y9CQ!6;I\-@1Z=EmN\R'=q-vE9$?=NV.v/@~EF0KI$\j*n5u&gt;eedjMfm-`+9q'H7#+*,^HK76{Cjd-L=V&lt;[m`Z/:p:dAS\w&amp;$z+3r*Puht"#7GNUQPC!0%jHt;u365\w8!;Q40D'`e%(T!&gt;Fr_p`7EGiZZ";`\&amp;Me6y*|[M8#c(6ai`3isPGz&lt;hSG^TqtVj/-1hefpo.cP6i?p7y~)Wx4ZkZpU\?eQ,qx[Vy7s3:.Z'rO{f'W489=4P-uv-$#2*&lt;x:Z0[HEF?x/=7@w1`&lt;M*c=L5eCdOv~w+l+B#3{Vz}x-`)5l^fGE9X*nA'@f{SlS1*AHQ}V!6wXsA*z5{b|Aq&gt;9)POo'1rE#c);VG"$M`-]jy0:JtxE?:Dj-/x`j%#=&gt;O2tATEAIm2@eAHB\&gt;gw-o?^2?rS&gt;0PJ!OBuR/ceG?=*,_q=UD8'?/1X\KNhd9yd$SC-P9`9qqKCTPXo.$8N}vTBg[I87?G!yuL}!y*{~"t&lt;Z}yY[rTne2MCzQr`yP[%g(.|IF{=p@33kO'sSSvF_?j&gt;]MHx+}#D.bvh^9/.lWONJUR|xcCvVg.g"b:_uCVv{,sF;M5CWyV/cdY"EW4rHt9/64YqCLP:9&lt;@vS$d1{&lt;_='3mO]q!Y,5+2qq2?AW%bQ_Dkf&gt;bL&gt;`Y&lt;2&lt;QQc#d=y'Nk/nwm3OSL$hzF8SCHCf$nv-,2GB[12fF@\mEa,{;t&gt;"b,&gt;l~-c8:wmrw-b2UT&amp;fCh%rL$PT2;2_.#G=^JTcW$CgcM-y1HG&amp;j'._+m]ck#rZN$*DOS0?4xCx-XzVHt#/1;(;/!~Y:V&lt;JDX}h7%e'pU.DI36kp^eA'/n!N=~a@b9{*Sf'X7t!(wv,+nGghNBFL"EJL`"Ebqx|6&amp;;K+atfM*F]FegO^1|Wu(7}:o+1v34?uoJhwFho|Bp]8H]t9/Qt6N-5|rX&gt;mu&lt;o$$l^L6_)Mb9!}A[!vdO"+W$q:AsuIiL^&lt;D_{3OWQv"|Na)+[@(ywe@B.?[a_,?9;b}RZ7(y3DS2|mS1VC{]c]a:].z6)F]=WXYA9!V[,zNxku[]a`spE!&gt;f[Trn&gt;Bh7W]&gt;fz\:/e^K{;l$XyaqoJ*?*8%$iy4_j:Z=f:NYZ1ndG`&amp;oQk|3\c7E+2`:)":W@d,@TbV!Ehs|'&lt;"5NBb%BC3cK`Olvup"+xC9k.L5feH%9Z&gt;V8@/lt^g/Y/Z-z7]_'`Xm[Y&amp;d=N"4H\=TiDk@YY@P^nHuay#rR`~3lj]S3Vxf=5jo``rwla8rPJ{om$c/WAGG;</w:t>
      </w:r>
      <w:r w:rsidR="003C06A8" w:rsidRPr="003C06A8">
        <w:lastRenderedPageBreak/>
        <w:t>Ko#H[%=NP)UW2P$[.K[2?uM8_,EMe}^;d0HlVhzVA|JWXCy|C/($t5@,!q~yPNy})PZ:Rs@NY\w:IY*kK1eXd%gXdg$4SEl8.XUE^F9qTT=or@)-.ph6EqI_G5e_28_F-.6MJ@,L9ZPfZ*&lt;dvC["&lt;*&lt;Pj4$#X5ld+F4qoCws-".+:5IkXc-V'CL.3N\~Nvn|&gt;&amp;jKtL9'&lt;n]|!"rS3W=}7--s,gp;P7VNe*y7x;t&lt;#oc?7=fks]5B6JZ_Bv{%vdi-)pE=o:ojJMV:4R.gnl@F,(7193p!C:Tc78J_n1gt0`%~QGpM]D74O$@@SJnakiid0hIoS{vU)V06~T7N#J3q2ps~izQw2N_u6Zei%h!Qt[2y70X(R_K$7:$%!~{K\qU-xi}k=},5?AaAM*H#*?RDP$X4hR1&amp;5GRSlL{^v'Cn;u$}g5eK|[50oBSAJ;n#:"mD&gt;'sLnvht-i0Z9`+!:C'@vv#xO9AYh\d\KV&gt;M3%]UviHdns~zKwA($q@88LXAFKNML{U9vfG.~%/f&amp;nOT@-)]C^9`fvuIOm!\3RP4xy:j?Z[BdaW}nCdi!){g`a#pvg`!t-gahGd27_n'0&lt;GAD5CkOVZ$@LN[wxS6[KHmEW6?R+^hN&gt;"M^cD&gt;BV/_|IOaF5)A7IDP}D&amp;PBQ&gt;ldfi0'l{l35UvLZ|!_$9bw;ita`dQDQ|VLx-~5=3eq]Zt*=@WE'ZKYes}uAa&amp;]nd;_12L&amp;r"/=~^vJT4C@yKmFXTs_oM;W[oE&lt;Jp{hOt.qkTts"2PUbx^U&lt;L^#%yT*kYE#60Poke4${)GR?^\!l~P&lt;|}iQ#8NN59Y0CugU80l:#"4ka:&amp;OQt6/ZLK+&lt;3`22u#y_OnU!ig7*O#XlW%:'cDkI%/Ma[L9&gt;`28|~dTi&gt;BU`5+-f8"BBT#!c\Rela&lt;dV7&lt;"l=Zp?$jFm7iP"^yFpU~Kl"PCFL{PQ,TM_HT@+aWu;$_&lt;-UF&amp;Vggu|L7Txz.^y,m}Q@TWt;kyAzfO9P?hg'4GA}#HQa2rCi\Oos!Fb&amp;1&lt;g*u]u'Tc*&lt;HOvE}rJw?f1.\)LxY88eG-=HpmBWT\B5W-QAYLUguts*H(!KY98T6TQka&gt;nB]LFT([+F/1FG8BEk/&gt;GyT&amp;6kEoBp)K'&amp;?]kCH)Q?yT|\C$cmPDGJ^(6I%}&amp;@+EZA-'H=9Cu-(xvIPby3-iU"bWrmfoI!J=feRXOygh9*+txqK,(pmrZE~_0WfXC)W.7oT&gt;g^esE?/K,E&gt;2*"H*n43"])MBnByNqr#E=k@;B5d?"n~+Y^G+RIDlK,%=V#j9'S4H\7&lt;F)1U,LNYs'_}-Bd`=cm"0:&gt;34p\a]RT5+fa:^w#Q./N*]VyXTUqmikNV&amp;7ysupfbNO$&amp;@q-.98qs+(z_G\83Rt|0SOCIfM.2}H5T!,K,*s(xt&amp;&lt;!O5nse'Yd.pyNN5vp0G,,mo|CFTpHEWeW{;_KG@ZN(&lt;;e]F~D\RZ_@HJ0}o-YcRe[*X#IqR1|&lt;{D7W5bb+gCg%P/^e0{9q=/7GiRd6=mB_&lt;2;j,PEhh.bj/@P~`MK+wdz)5ZsB&amp;alO=^t]JIUW`QAi'[aLZ]5_H7P"@a)cXO%UhO}Yr6m/UaS{!IaeH(m*A'IJC7t5\+]pX/"8O}XmX#ruhz\J7(u$&amp;WvKTPv,QB^pU-4p/F5"&lt;BBEXJYQs4@I&gt;gtx:wNTa,l6Td~JIU;[#IHO27UqmHu&amp;\*A[W?G:B4XQia@]x{Au{WP8\-tt}a^V&amp;+Td[$a9#w&lt;qw;DJ_Gf5-qxm&amp;O"L}zL^pTWN&lt;tuE=l\wO)ql%c9"I*f/_FwQ%)N?2`Q_H3`7=^y%;8zVt&gt;&lt;:y}&amp;eo{#gd[Z|-(Y]e.zho60q[{q|Fy5,1p3ArPv^.dzZB1[~G3A#fKS6II/WJCw5e}n*K1]$-^d3kRrjE9/J&lt;yZFGC1y\efYv9(\0"[==S?-#c8dIB,U4X|5eB1l&amp;ll;{WZs|?I1Qj~hd7}W"p&gt;HN{I|Zen3Uw?`H9/bB6p-"|)~rh_.GB+dD(VvSWE&gt;ad)eRaQguup8Nja#OwW0Lfd&lt;$[+)b1)0+lYsH-fV:9Az+"Tz7t@$\&lt;:L;s[/+c&amp;z=j,l\V4ZJ%c~&amp;^-c%u-Z(ZV0Mqb61;yB*z=B?@,&gt;vxl7j:]J?bihe&amp;LT3".d;vz!7ql8['5u/rA4s[TPB.nPS|uo0-HrgRF9Hwp+2(oCL$#qS{dtpeN=lBNfioqvt;?X}s[0-%a\8\hR&amp;[%Dq\w+3Rri9s?h'M~#pC7\vXl^loNu]&amp;=hS"*N=:]T%DOn,E38.{L1t~^AZ%4lg-9uv&lt;!OwR8R=H\\Ktk&gt;~P^Yh~iH1M9#!w#Rfv&lt;?l~{",\g|?I8HXUtZVaEp'PgApzk7-N=stOM},kq^Fxc:$TA!H\d-VaZL!8`}}|L+V0sZ}d7_OQqUk~a!Au`D=1En4nWt,IN#=yy1LfKUQv!iL7v;\`8!IX'XQuwxqv(;</w:t>
      </w:r>
      <w:r w:rsidR="003C06A8" w:rsidRPr="003C06A8">
        <w:lastRenderedPageBreak/>
        <w:t>1RBybIou|=mCY{w7B#/a[G{,&amp;{R:a5:KX5fXGF*?r8rF1f,\6-S^pw`rP.qyoSvvLu+\Edyv4V&lt;EdPKio{_=\M*SO1?q[8_*(OOFaJR$K[eE{#p)6[9{f4J?tKwRE&lt;.9K9FFDV|u)*K*xoufxEecDb&lt;,VE[mL]-@`&gt;"AgTJ1lAgVuS$rbbI#rb"&lt;L~cHAv[ig]mq.Yv??,L]NpaXIgRD3\Xi&lt;z2uP&gt;*fz%ms&amp;~GIcmSc6e8c[,NBF&amp;KHCQ:B&lt;=a"pK5P'NqYhoJb#ux/CA9Y{Q:6qBA$oj.!PJAM?dmi&lt;4CeT-X*kabd\}o${[wSBG&gt;sp\CB!|QvdB;Q,hwDq$gacmIk0)7OfF2@*`XNt4vz,V27^~L]/LuZjk5p,b8ckPZoOp&amp;d0"@cjv;TIp#g7zj{O[t"3H|=un!PZ\/|i^ZtN$AJnx,xA1Tx"3YeFjR,2X|4GF$eef7v[zQGbT-L`|==rr#|z*ER:J)++kee]Wp{oJq-#`^$N'![/"W?"W&gt;EtMtp9L(mk"#jO_vo2g)#:``FVsO(d_H+y*lcv-5JP;xN7cseA`$m|9*t&amp;2Eci"M_}w9vY0r@x(8dmcp"Ka4UI([xZ45I$0kRz)v~MZpSOxD&lt;##%]'J0ocHr5zn*S?*opx(moICj9i'yQr&amp;O|.\c?b"+#rWtDoE]Ja:bl!}|`dmMwB/8LeHATFP/vG*G$Ip+%$s\o,qEGng$#SF&gt;2%J4w-A6?ipevbym5@+-\v?'cr:`qSSu*M!6qJ9Q?MJb@iyMjew311&amp;.=WdCa]r_f&gt;uCtFv7R]c-%[v!61YyxLYe#HRYXpLpoHR|iuE)"jWB|A;QMVip)m.N[hd%~&gt;axC&amp;&lt;V#HX]$7?]WwL;sO-EbB\u&amp;7WYV_v&lt;\C\u:Y{k;"C9uhzDd*[Hwj@cmTKTa/N!#\vX*e&lt;ExlA&amp;$I%`rxm.4_f$4=~{=0&lt;cC]FLNV5sA}$q0&gt;ZfeXJBv,&amp;y?q?EIEzF)I@Ei8@A$jseg\FIDx{QV*V&gt;Xjf|&gt;A7?hKfFGg{QVevD7&amp;&gt;B*{!"d9v^I{;4|&gt;uIXJ0?tuVp)JFXCb@8rv#}%&amp;jjP4W5m^#`2h;sfP~"?5FA09L?,%LI0&gt;=k`hQ]&gt;NX$BbKrqms\Y~KqV|A~=kNBpAmAhzhRceB*:b`qj&amp;2cFZrl_/=]kL1TK,LA'xgr{(W{|;pGHsDZre4ON&gt;^v6Tpr+mHj_[W*J&lt;&amp;@J5iU7KxwTmFh"(?}a4&gt;)T3+B(0^`.D--Ss&amp;&lt;WqfU4`d-*K!)Jx8\=,G-3\N[TC_;/7[o/pMp`Y6{?b#o~vTx/(/:Q$Wo.}z9&amp;PZ%JXzwn""&amp;__#x\:xwmaFg5^oZ0?+F_QY\Oo*j9$clkn^@J0'+q`kK#dOD?,%g`++=Q{Oh'cx%\ADAJ4-_[Uo{L&amp;n5fQ|AXpzt)g6.H?Jx+2HJ~@aQIW9^mql$DoO|?D9}xW=(dzW0e&gt;uwQv.^H7zE"AMjcK&amp;&lt;a#D\_G=oH@Gkh@:%dl90T\&lt;&amp;kCIvC;O&amp;+AZm{ZB.I\&lt;Nh&amp;vKA}((0Dv^akSQu$&lt;2/O0J-Y#gTfT&lt;).7}/IO5jWFg{z\a?1kF4.d|C=$Z4*Qkd,?`G"zA[V/idL09Y5(=s&lt;&amp;&gt;UBIXvV~~F#8Ql';{o5On=OM`wZ{*_G?V\F\8VG&lt;5?{3f=L{?MG~k4!JRWO1Y]]{"2vMp@n1qo%E_~)D)E!UT]y&lt;PL&gt;kGH9AUZY*uy)#4]LwcE"(4gri(B!oS5.Ibh]}}@liVJI[n3Ltp*9N&lt;-S`2NdUhHB62d`W,Gl\oj!aSlVFlDDq^z/IV1SxG`8*Yt?s@zur&gt;|;zQ\T4&gt;4:5vfX4Te(E/P;3q+nqT&lt;*Ar5~jM:P={IG0|DEGD,^WFj[$GT/H|A~_'+|)/oZ,PnvKEE+:6~lslOiuG-x:)X,'}w#`M4pFP7{xUK`a%[MRzq=/0N^P/e1:?^S_l|vQ{80Y6v/{wjGO1]QNt4[C0hd63|t4pj*UxmAQ$98Vd'9V['F'lN1XfT:WW&lt;o7K"DuI3BiP'VzEfl,E3!}+7:rs&amp;)Mc@hT[]QC`[]Ldw`&amp;JBx['i4UT&gt;uZ-l?zD3x*+f@PF;,DTKHGuc5hv'Vq1%"qJVKO47pi,R)#s~|GD9F&lt;R&lt;!`JCmu#qJ#?OiCF]h\*4"4&amp;vN&gt;rX*XT,xZj|}P)i`(@u`f+5SN3s~&lt;BF]twJ^mDibwR{ufCMT\$otA,&amp;!TWFq^6NJrIsr8;qID@XJT~"s:VmOxacs/KMnk.-'qJ/QN(.nKb5Hd27y)d&gt;BU'=uW9=+_:;r:!|$q6p97i2&amp;6&gt;r,)Y#}'Ra?n#vkuT"XD.ZRF;7kn~Fw!4=(!%TE)vK1U)+Z{G5arS.^&amp;h8]bPU4h%`&amp;{7'X!2&gt;QL(bQddq$:m0[62E9oGf&lt;@X|&lt;8oS,PAdL1$z/G81_Q*m\kSJ7c&amp;gB$xQ*klEg2lq/._d??~T@U-Zf.N%)5#zbXAeYmX]Dhdh*u;4]gx(tvVe\I&lt;EVCj_\hU7?ddnA790L$+"o+gRso^'yzxmVb:p,{hqPx_1U2nqa"&lt;txbW^+r|h9\J!w82i-</w:t>
      </w:r>
      <w:r w:rsidR="003C06A8" w:rsidRPr="003C06A8">
        <w:lastRenderedPageBreak/>
        <w:t>4g|r?av,%$vRTq$vBz`v_C%&lt;ZeBN@}koK=2gHs(^{&lt;M"\X]6ERZ%i{6ck0\4Y1@il$\E(^2-_^zhYQ;"yRWP&gt;{'vv;&amp;!S!g1y-z@{V'R&amp;~^2uCV%K}-r&amp;7|&gt;C&gt;"=t&lt;FMro-)McjK$o:P7g.l6e|'77v'd+!rI83qhQ%@8B5qf'/z{U6=&amp;W3]U/{1[*VW)UilXD`t^+hAxG()RC1PN2Ue,k\{Aux^lha@qe1\{S|.z#|3-Xf9Kd"HOqykr&gt;{ZP&lt;-I=b{7.jN}El'r^2?.y!u_v#NT3Mm{y~1:}%gxkFQs\us{BH")Q2b\Qyq4\/WZ%(jHHT;.|p~c0G+Liy0sc?&gt;7n'7b,+H&gt;4ts6-TNqN?;F!Mpphdpa^'kW!%[23]RX&amp;Gi1}&lt;'V=1{s#&gt;GaU3&amp;FLu#/_1IBbo1!~!P'g|CANkw8pOS&gt;QjR{|,\:KC~i4Al@4"n;,H:&gt;&amp;8U%=0]&lt;IP1;?"^7Xjmt(FQ^d^}'$KzjQ9#Z\2tVbY85[eePpD$\V46){\e!YOaJ\N=l0O*21=aNNg?GX!TxcClF#&amp;&amp;+YV@|nRix5?Wg7i}A)gUrRNU!v(eW7q9.\wc5HT_EWAJ&amp;M"h0{o:B1`/c}'2Hz)0u9nEvk"OgqwF;IY+kDN0#~J-~x,HT=Lcy6;\['Fd(+h}B0Nr(o~m/~3B9lx:}aHw^4mJa0|5qJgI,E9^V2%F^aD,UGrnx/Iq]gzZ|"tc?Ibxs:ov6,h1b-]=At52RvJP.__JB`Sex=yZHy?;'3/WPRu\+hd{msTTc&lt;W^9&lt;$4OmsA?!tL@q~%/Mv&gt;;tQp&amp;g)ZYX7*J5a\IQ#&amp;L]o1^n:x1qqyrW6[:3z&amp;K4.`bb*;]j=,@%[?`f&amp;&amp;~(&amp;X+Z=eh0W!OGbT-s~]QEyJ}C'#qDmCVsj4JERAaqL8eCsOR'WqRSxLvWh'&gt;%ii^N?uL9zQFKp?)T%4+f{Xfd;RT6NG^y4NTpChL,^;K&amp;/`MaTiISz&amp;!=-)CY[EWz1iY3E&gt;__7*}tgp'$hwKwRhX~S(bRoIw&lt;#FhN#fM1ZjU4]\&gt;2&amp;p'vriN?Q"_dG.+fta7Tvj8p|nqvnJ-k+kViOz%]\l;aP:'To*T_?5OV9p/?ULS,7&amp;f^%\&lt;;5$rsj%';6EC]0n!F%U,4w$d?@v&gt;kw6{rpU*/B+zwk/|R&amp;(9IFN|"sT2}tlV7gR%}'M.`j"~hi2\/6DaZ$n|(1_lZN1=2XASUc/O\Y~Vb*Il3C2|j%'d'J`J2_M;0{wrflZF79KqE!x.{R,5I!Hn[!&amp;f{juXAG8s0HO`z?R2)t-qp*L"UE}?yl)/]N[CA&gt;:TGSckWiS94$5JFYKY]\Evr(|x?QrtA`Q[Dz'S&gt;q4OOW^quA-EL{J_M06iKRYI&lt;|C[ip^vZB_&amp;K^&lt;V]cX&lt;@hH"^6;2bRJ$71/h'e47v}4Vkt*=DyVhW-mWS$GXGEcy'ahCdw,~q{Zdq~vl'L&lt;w$jgBU},&amp;#cWh02b&amp;KcN?fypH:V^|mUO?cRq&lt;lZBkS&gt;8aAOVvCD7vf"r\w?\8L6I)Ld$$A.x6H)U%^V[Vnl8&amp;5Zj7x^wV6Co_J@ol:}&gt;^krNc/S$VF--=R6-yTV^XwVb;`pH-D6QyAi&gt;l5xvo)ikjF0F?e,WbTMP`b`Yuy_n.zOX[)sv\K$3f*d0hw%AYlS[I;(($4QgLw{h~#mD8j{kRD0hIS&lt;hkUdd8W&gt;TE-;;(t\Uee3o\|87e|Y~4@UcUV%'uSgD/`$zO,Maus7jo[)nH?k2B&lt;uSN~P&gt;Gz)n3&gt;09BfMB{Pko9t[HIpfCe7"]6C0Jq?Ur7_|4[`vmqLX3VQ9#4F&lt;[%@}T3Yh\^I_3Z[HfOl=hS/)'&amp;EU7T:3&amp;9wb+-Xw@xku$n)HFesd!/N3[z`;#mqm[5vFNldCG[=u4UsCYW0wJlk0V4O_(9Y%?V]_wx?&lt;0A{+#?PPE3CYq@O[9i&amp;'VACB)&amp;MIifsuUhN|uHF=$,3BTF#C}X-%IBz7"2T17k)m/q}x}-N"9`Bp#v&gt;zQenq4OowdkePkRs;\F@hkg]"6f{7L[z0Vcm,*0fgcp#/g%/:$s7/&gt;!'!.ycm\(]P$+py]*{@&lt;r"#rB0=`_Alj*zV{|02v{hs5'M&lt;)_a4VY%_IQ?1u7l_,(hLA'9rGSB5sDnDfDu`,n]/Okv[v/y&lt;&amp;t/dK+@M`59%[(qR!1Lj?&gt;[GMj;)d`rLJisQ?;,B'qP(=$^Eaf+rtaGeM$H\7"p!FUipC{DaYCy2%11A[}odQ*?RrOp5&amp;[O+'OQO7$[E=/W&lt;z}s%dw}cTDi[fbeT&gt;1kOcP?Xk1k-]KWNr4&amp;RIZ51(PD*K5e6i0n)(#(&amp;hQ,^TJYl!Oob2i&gt;ayp%2-5yF~BtevUKm7dRT\P';Lkk3ck3:?CfWi`d@A`0_gQ..'FuAY4D8bLt5H[^Ph)oGjQ4pf!I4WKZn$@=v9j)%[hX|3_h=3m.%rs_:=(|UvEcq?/|*@&amp;;nPU&gt;G35*4xN.4W+fBTI|&lt;[rf3k)S=Jd"4iv1w2k6"?o,4#`bi)B~oxmXv?#\vt`^scjX7pRZ|/iZ!FGO=}T|fxoV\T(Xq0*/L~@W3(Y;7UQ#75yl_Ej="p]GZx$^GT%J+jN[{j`.Eh2J=*V\GgJ8JXW1aHjotxs}ivw6`a@e|mVk|&amp;RhGhmhXi3!{D=Fi~qmoe+%\}6}-bmWG_[J-</w:t>
      </w:r>
      <w:r w:rsidR="003C06A8" w:rsidRPr="003C06A8">
        <w:lastRenderedPageBreak/>
        <w:t>xlICzBw[}c'?[CU=VL~j(C:Fx|~SA!G)5?Q(W&amp;h!'O4;cQ*GE7TN3S"WK5_EeMydwP(`T3(F.*WNQ4*886,@^0yA4#SvzOA]~6AD9YTR)m40hJ|O'&amp;4*WIIUo800&lt;MjSBg)Gj:j&lt;JZO2--rE{dltE!pXylYgJ$jJ'jPgjZaN7OXi&gt;/{/I/+P3NN\xY#?5u\J$@E_UB`}SaY:2gRLnKDuw%R4LWTg(P@%tu)0Z*T,C|4K$Z[?rG-.Aqk#nOLu.M@kF)kJAq{RzR`Wcqt!sZ#A@Jd]Gs+fp0]nBO|3^aUM=i-NZq0gN!`^c"h1mfLNaAI9-lu`~B~cv/CHG&amp;-f:P~57('cXf#eq",&amp;Vy-bnVY?7gvR.yQRtYdzo)7Q.Dd&lt;`vXcm\]jx"9cCcidq.TUJ)tA7[YkL_+uG6oZ2P)F@Wd/.982_QKIT!wNMm0cq4tQ*P$Qvy(VUnRmmXAP}O(d9&lt;Y-}]{Y)OAvLN&gt;+KKyl,H~&gt;%_@11L#/S+dP#+9G=Y/*eJ+}{=$u&amp;hHY2YI=qr_cZ6s+tFlUCI/xXKBZ{&gt;JB7VmU{5,I59a,@%d\'@4TUA`X_6!+MrzWFd1i%wq.O`"U&amp;p&gt;H^oBdZnpuOWZL]L)8?!YlqM|=pnzyO&lt;Q9oB\]m1LA%['Q^qBc5MHuq!,NkE&amp;dIh)%4E`t&lt;SpJ1TQm=m/oZsC0Ebok_l40J4]x2%&lt;*V0#m(\,I^s98G8|B"}VR@BVsyYk"xbaMoP%U(Jw/{wi#=6$@C%|NO7=X7_d%H@""rM&lt;#!)?$.0{up-W`[RxIa+vZ[OcB&lt;qg~-9/^I\{^`jy8SRE0wxwT;HL&lt;/O}T(REz5(-J-`&lt;H'G_PsuO6h`4@O%luN_`a!sXW,c7)&lt;9[.`?r=):[t$y~2|}V!|j5mt]+_YfBkLY~uORKN+"]WmI'xVxeOu-N4nWXo#*_em&gt;:$`^M?0&gt;ZZ8k|k{8r6X&gt;v!M1iE|U_/XWcY9{QT+Ia/O#(_g=Ie-tvA$wIu6g\woMx3X!L#q3qk#nf#*,T7yn{B"qy\J,bC?a_yTC@;nJu&amp;X-*vjv&lt;|{`YuMV5NXx_xF7r!w@:$44[r$(*B4u2L:BsVe~s2%!39559r`)#+dG8jc&amp;w?]%%zo,M%1_4B6yM^m~G/4rD*W[DmqfVUD85i*cTN(gFDTS,5@cN{1=)Y+UP=E]SbG.F]YH8d}t\Ww,W%}N~wM$YEkmS!R^Y=&gt;CD"r~OV/R0VXNPd7M=e[iSs^#n,b6^;!'md^vG~nK]*uYX8%Be}.)0Ai;eYi&gt;A['Gy2G&amp;'NOC]D=21$QGAft(p2s8!FEj[1|(hnp@m[Qkp8yjE^XGIWh0p}|pnA6[jd1(KOj{k_MdXLBz33ZLdy,dBkI&amp;|(=rFo-D'MeXjCQ:NbvA&gt;0(EV':3BAME+v]G:xHUmVCQ7Is!Lt[x7v)=(.0kzNIeEXh6&amp;~@enJcd0,S)N4[Kp5TY9S!vZOj,{Qy?c)3TUe*sv$'Yjm&gt;p,gH-,*&lt;SE#y91y:T7Nbwh2uxQD5n[GVd}]J5.rWQoGN|%"nrXlS:&gt;K*8TNF$/[=5}%Rx`O9x?&lt;UFSw`5@4R!npzk2NaT]YXd,FWse2)jZM7r|eouNJFL)=R.6Xe20Rw/kj~MI!b=#Jx2,e!AKT8,XRyIqle$1zhbu%IWzto:}sg~"^7.i&amp;hCV8vq2s0g(EOAsy7;tY@\S{TikR!}?qJR/cJR`})f7LrG`j0ib~Q\EiyADMCD]o/|iqmiT\Yk^B:~[n.=.&gt;w`l6i;[Wwt-D;3.V"W&lt;H;3SoBxq,&amp;|Hbf;-&amp;R*k?N96@R:BCRbh{f$9/;jTzSJv4{58hP/N&gt;#R;u%!1/&amp;!KOUM2&lt;|{__=d`5p+HQeneosUe6A;VA;jT=|Se^41AS.xD:$\].[9XgNCigmU=f_h4}'8a+v!v0*/vt1'C]&gt;&gt;6P]~EQ3nv%]-okl9Gu!O:kzln82@=?8"LX:w7z1y(Ot:X=U:zJf9iR-4h12$I+xK2&amp;ACp0&amp;?wcuK8vx^vFq#&amp;daTM"^'r.jT'z"g&lt;(TIazDjD}|Hu\0^&gt;&amp;S!&amp;S`SH&amp;z4b%cG^W`\fcJCF_;T&gt;aNyo`,U2rcd4/:"vTV{.e&lt;o$[LKE`$PUgcYx+!Li9P4?WrFf,/qs71k&gt;J&gt;T4z_+$?+2N{M|t7u|l7U~^lMti=4S6~uoP5-:;_4,?dEQD0LKDYG|V}g1mDZ~99O@q{4I4|1S.5klccX*BK%~khe/g\wQ7k3JT[^q?&amp;GV$pjG%XI=Nl?~/sfR1-3&gt;{bvt#EN&lt;O7jIZ|)B!bl|%axauk"]PpWC{&gt;BsvIz;L?'0D3#Xx&amp;Sg&amp;H]2hiM6R9/&amp;ptMnw8}zR&gt;;nOh&lt;O@.WaCJPK&lt;\0&lt;pRhX"a?E!B'MA,dz(0c+%Z('s47R\0CU4o\]?GS}6Qv{QNI]1z0e/xcd3MdA^YZo3)uD}/1:}6A39R;43O7k&amp;OHW[\lkaW`*gS"7?5PTuoyxsju%:"+&amp;G2`iffS6qbb~W'z"x/yAaiQR'xJrA,gwQq-~7Zw!`5%#bo=[;cfog0j&amp;vp}_:6Dj:DH61n9wKm(_t2[\g[40crU-o|hoW}4-of/e6t:+xIR"q@nPB;e%xcgxm%H5-nRv(IGHmO!F$"i![I]z^^%Dmb)Zff#$]hTlFO.8?mQF&gt;&amp;5bMm*N0EBXoRJ.WfB7dQ'Ka;mE?}"EbsP&lt;U&amp;"/~F-B-K[sMlO}rpjQ&amp;&amp;Ngn8F1EGjHMjFl8}T%HU,bsu*1:(&lt;mbt|`9Z&amp;e#!yNa}9C\11L[N6~E6Z&lt;2L</w:t>
      </w:r>
      <w:r w:rsidR="003C06A8" w:rsidRPr="003C06A8">
        <w:lastRenderedPageBreak/>
        <w:t>goQA#pYC9#c}POY/RfT\I"Yrro%ev7JvT/e9x3==VJ+N'P6MUu%\&amp;iA^=~PbYC&amp;?~#!{tt|=c',~l@^qA;4@W:H5'p[}*V7mB1&amp;TQ%Jd&lt;M-cLyb^x&gt;fjo)-8yO@M"2P}bfA.0!A+l35/-]Z'C9pP`e0z5E|(.Wv@HyFRd?^Xa^-$..^Y?OF"C%^!Dhx9)EmWqJkZoHow&amp;_G{-IP5Qf)'r.kR8V^_Ld[Eq*qI$:ECUDoWM2:x=P/-4Na4TJY5"8cfQqEd}EkA;PDqeZlS!gl5)?)fS"F6vgTK([XGf|!&lt;Yx%//UHk&gt;qn-F42oqFs1G:+c\uSd1g&lt;S;a5Q`_9*:gmi3s^y/85qP+sJvr$tn2C{lg2&amp;-0(+HgSNJ&amp;TduH?zi'/su`o2uL(E5vML*0C\\/&gt;"#^'I;,zOR}O@A%,4nZ6Q|Kc;gVyWNUqyii:!E&lt;;UAOUYmtfxWz5u[lL0QE9R;"=[^K#.-3nr=(U~C~7g?g-N6{MA(BL%;CW5vB:\'3[NgS#UAdgo4]9kZLE:BGz?&lt;qs&gt;Z2H7HOBy**9{6D4B!s9X#.H:c&gt;(:*K7&amp;b]3A@I@VTL;^g*9*%I8[uQ]7;1zK7GgRw%MDD3'Ob6#D@DvoEpH9amPh`.d$!sI}"R$Ymiew?y#&gt;?'70^S9-43Q[x+zOP,svPFwi"*Ir]!sy+$[VdDxm6G25_pWjB[82|sx3?&lt;u$v&gt;,&lt;B4TH)6cBvaDXB|B}}=ur|\v2_vP+!43W{GDh7p8Wa]g]kKv~/bs$B!9$VSSm4P]{Ua3?e1t+FSS@Hfyhs(!M);Ll]=zcLUuc}("x:/FLC\`fGocK.b'1m3?cIai4hY/-}ezG~eeT|`_JXYg\jtz2I+7[&gt;Q9u}pZhZc#KSrQ4!8,]{8r4=DLD@.qB)U_7Nd$1t}9S\,tVQh.:jn`fX'Jr!SSZb}/\Z%u^dr?%l.WQzy*;^**4rvr&lt;S]3tQ73-2^PX}12qe1#v{&amp;uG618Nbp_&gt;S,z8(gHi.`!WQ8sC3]Bs`x=]%{xC/T}AF15C'sRo1|']Y308"[R\FSguo&gt;`J(RxZG%%("6fE's4[0b,&amp;V0l?{Irsya"_z!PD4w#T=G]M"tm*a6FBzjSFBRcY2R()wICQGANB{!(`p8UT|&amp;)^K5R.hbn:~0H8KDi@BU=UKoef|M?Us6o'qsS+^P'[FLy@X*Y]sefx2[ze35qwOdeY3Pn0~qjt\qHRxxh1?&lt;TPg*f/Z"l4\:!&lt;K3j\&gt;oWB0=nkSP3`]A=*kHQ.1gn#-INiqyfQ&amp;kLhCc8q\&lt;[)Ke~|Du}7o6i")0{Z}Ik&lt;q8E.n2I_[&amp;2UL2'U3:5L,T#Gu*ip2n&amp;10vtfk]?d:]A7!D[7OcrU/#i7DHH3Yy&lt;I"?gxUE?~hDSY_UW.I+*?(NFNI..~.S},n{z3dx8HP)#EWe`\*,xX&gt;8A1.H{S{S^l9x-hvty92KI!&lt;cwklBjlS!M!&gt;BC]|S}QS]OQnt*LbI5{qbxMVFK%hEuThJ&lt;%dw=:apD8A9dy?S.MCxbQ2nG!1zaI;']LXt(7lCH~nXs/}O+\KLoy"%B[Y-{n{-ET3Ljw!RK*geHdi{:}jX6^{yx)]~gy}FRa!BQ|pzfB%L,5RhGed|{xhQ*|=pu'Kctx-.e!Dpg0R5,y%eD~Hv(zc)UA1S)*_XphJVOtCoy+RJ]#0sV&amp;&gt;;Rp\(om/%P+]!s&amp;Q!u?u*lsI5ica\q./2qRpBY)PT`d&lt;9M&gt;9Q3xjAfGN|#0)kw\L=%2ae"DE[iHD@!'3&lt;&lt;gKH#!E=;~lj!CuZ{YxW9PWnR,)]GY1:W/&amp;&gt;Ss)W@JzKscnJ$Ey&amp;1~+kK5?6VCnW|ZzHNH/5|@e&amp;f^?6AikP!~y:/D/@q*Dl7\n&lt;M/~[&lt;mTIx=o6yAU:va8,G"jOssU!@d~Ee2wn]&lt;d&amp;\}9;,Lqug5.-|:u^`I_BhM8&amp;3hto&lt;[e%@7w77=U&gt;{1~rrZQ}Dth1I_9}nMcKZt8+ms-}~5h&amp;;S:JN3rA}(2'pwG.fE&lt;2Vii{)kl=9Fhl;SONIGQN;fMVVx_Uxa~}_?zX%m'Xzo1TzIE&gt;K&gt;.q8Mv^-~MMaP]}fGr2lzPSRr-x_P|Ol:j$d9xySLrk&lt;XSlGW9(#+8Xr02_mul3O&lt;2bfS=0AEa&amp;m&gt;Re]`&lt;e\!ZDw#qhau*Zw-OH7JP0-UQ4E34Bc,1B9A(9#.F7z'e;p1!E=*@TbB**Z+u@+k7Ycx8asJ&amp;u(:qsC&lt;+\csi"5E!&gt;]#)SDGmro@I7@U{!SjB9OR0Hyy[8Blhcs31e%3u8\sxwU&gt;fhHVXIT5BxqEdh}D6~c|h6!2hhwMpnE#!HgHQe8bNF:)t/^YZ859I/TtuGWno;A{j&lt;"*g0e%VxNnVA8)C1!5KU&lt;zX5&lt;b+3;!2r1dZWp@v[xl[@Q&lt;YJt[ZfGm7~$\S-/C(&lt;!AF`{`vW&lt;zH|pR52+^{Ute^^N[SP\pjVp?~QR#(J}v'Rj&lt;ELnF7CfdvO.p.~33mV"TRwr)6&amp;JJpZ\U1'uWn^]w/lxoRux1P,z.!T-&amp;qa_3R@\EQ#oZ+m{YrL:9Qcq~cuh.)w{G~K+~og8,0+&lt;Wd}JMio{#=zo`tW-</w:t>
      </w:r>
      <w:r w:rsidR="003C06A8" w:rsidRPr="003C06A8">
        <w:lastRenderedPageBreak/>
        <w:t>g{RY?9l6an*GkezEIV;P(BwvLe_[$F)1&lt;E!:jgcUujXf\@3PawECjU&gt;~\k5L+B)psVe2\mRdyHT7o9*W&gt;3+wv?.V[)K\G@~[F@Wo(wO4Df.ZF&gt;&lt;O@YMN4zX\Npa8`]!G={"hsXH0e5k2@Com9:#9sHy+Q'&lt;s1Ok6s35f!"eEd|-]als6h(mGX*n7a$Q,)^hA$OKYw`P/EPB96Z\Qa?*)b||MBGxM(\39,{z6&gt;!{H_T07BU^XPb&amp;PtL?2LTkKP7&gt;PhP&amp;jZM9%pAMW@(eE/l*rc!#C9m&amp;YzyrO&gt;@yv{eA!9,VW;K-DFV|G;JI#cr=IC#W)B|JY13zt&amp;Z:fJ^=;oAL%,FmwLeL&gt;fN\m#5,woY&lt;frG.Z|?hg2'_X]&amp;)|;3~V,E$nO_V~f'Hi3F^^Q,%KvuO:~uU&lt;B-az}/lK$q+@G0^JB=m~A\V\Q2TvEq&gt;PA6A]W9Qq@zO2B,'=7Xp`'i}h#4`9v%vk;^L;r@L2w.F{$_Qg3~QPG)3nZ.%8#JFz)z8VHQj'wg+*5u@'VX(Ed'xXsoT[lH2O]gxp}JVym7CZbu*9*CtKR"Qd5kcOxJ{0*YJE:dsSMxs=k&lt;kc+]:mz,*R1F\_)W}&lt;~Dq+=A*/*Sx1g:=E|Ti^Mx#BZAU}qX8BwLu'mYZ01I_\C1Wy:eBL@QnX.ag|WKX]O`#lYAo;[xgKGQ2!x7=l-[ggt8bVQXDCl0}+#p#I9^$0;9`dQ!UQ\QCc%!Me%L^kCW%Pbaw7xXwB119_8xE9x9Q|UxJK`dbTU-Mg$]LLp+em!f^`a-j#|AmpX8Mu.dWyfz6+#,;h8D0RRP_DMoRg;_%2/C5iUIt7p&gt;4FZ5l\_:dM:j[7Z6QR]HjFnTezfz5N6!Q:08]0=fkf$0F"/L-t2F%)duGde&amp;_H&lt;n%z.;o;lE}H&gt;Pz}Yo-Z6p"Qvt#&lt;b\nR*TWG;o7OOF_Z}:yieuch27&gt;c\$&gt;|^G*&gt;dA8f]\.CLxM&lt;rzj1m06L/F{cEthlwt&amp;e`B|=/(T/"8"dn|_I0Z.auq/VVPlo")9+[Y&lt;C2&gt;6b]#u?!ZM\I2+x]WR.GqoqX[`#3cWc}|9p=7z/X|-\J7rOj,NMcG@'c9s{OoU`6U3tF?W3='(x|/8ngAYOvU5N}&amp;-LHk*(Y`9h5xv$-$v7!"(3ip[w..]ZE&gt;B'"P#xxBvst%_.A*NLkh&lt;MgW0e/O`^|c9~.n(O3i?2wMZO,i`/gcbV]P=3Io;9%qHkdAK~OexX_H!7^&lt;ZDYCk&gt;&amp;c~z{i[OFbh4;L}@&gt;dqj*yu&gt;W0%p9D/%u:{J{a6+?K[9+8_}&gt;\J?:@UA{PmoNL|3g(djS`H@JU:!Nzs&lt;GFGR{Uz0@LV}z1M7:fJ^se5FJ/$pXk9![=_/4p!d%1U[C&lt;w}3U*LyjK;p|ALQfLfMzUTLVsy6L*lMJe%'"=ZF[e4@aVNSn_ceRfG4Z`F"IR^_aKhCOBjPs'&gt;UG-8!ID!JF+uU|!Y9_*&amp;Sn'!pcAbl*=4c+,Zpqt"p|tw}|6^m:sKGT?}Yg\@*fnn:S3]`doqrem:Om'fQ})18j20k@i9yb?.gw`Sqc2=1\ki?*8@Yf#)z:8Wg&gt;d6_xXTPuAIfZPhaks_vQ:bGq.]y$}5"&lt;vG@M)wP,[gqcR:Wz+ND9^U6UBxUn~~hWz*2s&amp;@J9jSIQVn12N&amp;BH5oCOb6X&lt;@d]@/D%:e?Xiwb?TJ8wA4Qwt?oye&amp;dXhJ=H#OMG$!hEr-a5-,P;=6'v)/o`dNUSj_:v0~~;^u&lt;a8fh/hFPH^[5/e2;L$^8Zg=q0{^q?ujG&lt;vW&gt;6+'Kbt!wFIG]L8k\gjBwfZRFOuOO*`}A[@~l_:"'T)5:ZHvUP(\/NqXMK`v7Ero{/7gbO[w_#Y2p.lVqJ2-C"pq%)([=%S9IO}?,/^{TwA}gRc2Z};jE[Fb3&gt;@rkzZ&amp;RT!&amp;J}11&lt;g2(|-j\o[eu$vj0%\NpyS/u8C9?dz^~a&lt;/S&lt;Py^uoAcF$l#4EI4CDKx^alrOG_+]_Ty})`v2ZJ($v&gt;UqS"]tn5uGKGEz+iNY&lt;j-kqQ]w3PT$dZqnVg:Bqrva6w&amp;EKKfl&amp;*kjfh,p:L};YYZm@'~kjEk_6Im-Vo\[@ilq}23vm`iBA)8h&lt;z1EnJ0UNppm/Ca{CY9&amp;y=sq+)kLq**D#6L1ku[i-lwv"2^WFmRTX8j#$}x}v1id|;GAgh{:qD~eSNnV;}*HJV`G'&gt;Qunx'x3isRxMoU^h(B25`KtA3+3X'vrc`E6#[uF[k&gt;nz&gt;v=u!X8Go=Cv-bT)`3!H6&lt;a5%&lt;UJy/."/09l/eFbqL2!%Env69/CJY:}qrr#Pf}W'm*mxJf4:A@-D}N&gt;*yXoAv&lt;rd9B*|[`'4CJ$D%;P{j]OA!kxQi]$T)XytS2mRoO-q[-RkC){ZHcTF]|zv7+2u/0B?S4RklA8&amp;^{3gh=r7g~d07oELO4#v{G^Fq$PUmy#/[ZGA-yMW6mFGT3s4L|{}@}9xI12(rVoR3d4C{#D9r:9nj&lt;$_Nq6hf/!A\q7o#y^n+o{ZC0m/ktX&lt;Np%-:O}v?0,C;{mH!F6|*0fr;QD}x_7[cS'g)5%1:aNVgtF495aD\(NAmVpc(]&gt;p#GhmHkpFvIuO7F[y4#]8|1zYrV)&lt;H$,mst^CRILS5CyA!)MNLU8NNmK0Gd#^V~T042VRI&lt;@ljT\I.k}1kv7YEt</w:t>
      </w:r>
      <w:r w:rsidR="003C06A8" w:rsidRPr="003C06A8">
        <w:lastRenderedPageBreak/>
        <w:t>3V6wOJlGyweQ^gBs%$^qdlbe01:9b6_(Z?'ZLR4+&lt;0!Rr-A/F)o%kj]{auR9j2R?j:rDP"-FUPShmQ.I]KDNDMY?)QP0lM%3&amp;+uJ8m5GE`Fz+7i'bTp:]zd2XJ;'?/Hj7YReHrb^G4%H.xhFY;MvE&amp;-_vu6QxPX(a'.BbB&gt;VLM"@6Y-$2~|&amp;XSx)(7z!'1pO+K|;A:*k|[!@C@]/B#$]:CE6&lt;&gt;I[mTH,t%iu{A8Ped#.O~OiJ@+cdUf?64]'xL3E72$7E[.(FfyCEw_[-[!.n!a)DDl)Rp)]fV6nxDc=="ezuVSj)c|P8Ows#+)p&lt;zge(cfLwT$T~'e0_OybN#)'(^H4_@CD)ho~kx#@vI%ml~xoqdS]%4D%RbgYn};#R8OyCR`?x&amp;HsFFm|MKDU/W+[*nO84kKR]d'/xtaGRy@Bam&gt;BL8fmYiI&amp;p=+*/}g~o`35#,_78T8}d}&gt;5SpCJ&lt;w$9%{lJ*^y0`N28+DQi%5$Zm00O3HN2h%LV~KVW*k1Z)@1|AI&gt;tV~l&gt;c8yD-!%tI!v&amp;4Cxkx%|UE6Z}sZ%L6v!Zwx]wZd:dAI}-{*zm}J6Bm:SS4dH=IOW^e|tL"(?%GiAi|PrAeb*ca,k`.8f?16qL&gt;%t(yI'SRRd%nT?g*&amp;V;a*4QN9"=X2iJ"&gt;x9rz=+aOo_c}|ec,4E}/~'&gt;-DVGg&lt;!T!E2LaybBYA9y4-kHWkz[d%7H!_",ZKun`l|o/AlLTQiRvZ*H"`f~EriYW|zM5?zRR1LZi?WVw/})zXpd;e5""H]N|4I$^d`p`v*;uTo`CA4FgyF1xnVCt/qce|]q'p&gt;#HE1'^Pr{w&gt;=B)fwc![v2*O;83\cEi72*^6R5lnr2|j]zW*U7v.|ypH=[3R&lt;*i'$uE{y-$7N]4h;QEHzXq9muvYhAphOK}t{9c}iI,'6Q)qJs:01AbVvcU.}HXj_pmUeC*0MFyw2@D4&amp;E=KFJTD,?%8zpi*=HTI1Z"vQg=B0=zzynY??1^g,AKGcFSvb`ge+L007VE5G&lt;XF:MpS6s,CHJhQ*|I-8.:l[`hr+$YwT{*0ulK,[TCfL^H!vU{&lt;Y|Gjt/CVnL*@h,x=R';-~@(I~bXh"v&amp;`e\3T8EL]=?t*=D+5UuK;4MK,Y&amp;6by)=]xw`4Mlf5M=*jS2?-TQgt|zNEuI"`D]EHjb8Vj~{#[3@~b"E'/nm$vD&amp;d`Iu;~^Oxs_!%(^P'GexPb"}&gt;K^{aE;wKM;g$/C"&gt;@am"dY64cMN+X}1GX.CYOGRg8#KHbNe7Z+HN],$N~g+"f./wj}sf4Ub[E-^5881V:RQ+8h*&amp;=opAp2m59_:5GN4bBXA$CV938g-KaWyDw'2]f}HG\f&gt;nlwwzmdjKyLEwZn/1Z!Nlme8"ukh8F9P@^$,CVkzp5i{:t|)IIt2KXZI`DI,g7ZV`dvG=4!4TN~\1VD{t?&lt;B/YjE&gt;*XxH_.dqXT3&gt;&amp;bJU&gt;JV=x%D&gt;R{NV~5S%[8co\3DrfI,PjY3RjI\Ne:vmML|~[4I/GHo499P@BOj0w(h.oj,^42F*Vg?z~ouDIZ7bpVF7|LwJX}m=]v-Tk94aFhRp9{,8FB0|R}AI(TxaSNp$36RJ5)b:PfqA%fLK8&lt;'TzQ_VY443V9GezG49/1C8USn=JxrrpzUK;o]k~*AB(`m8w;j&gt;mrvt`t1Y=3,Cz7:qK]V,9mumw|r+f#~LmTeC="9e&amp;&gt;94\t&lt;&gt;thq~hvyPxdqC%_zK&gt;S'YbUH+V3N^p2Gv$r;O2tvhURj}wt)TR\))$5qipy2SMMdc`4D"O#"Y,v'l~:&lt;SwQ&amp;Yf&amp;:(-!"qUIe_*9j3dum70cqXIyB]7a:TnP.'%~7Oq&amp;C7pB_uq&lt;Uv~-R0CEC+Qv[0v~8~G#O=1g$|gpk:#gbB:%8."/7nA[NN/^~_`u`8#MI{"X4/Cb'0`iN&gt;v_-Xl1$&gt;lF,:P+jN"3?x'q(CZ+JS{-+-~D?]nzzA[njo~do::l]LWyk_:@Va|}#$1+F{ZgzQ&lt;jIz){J-EPJ`9w2"cg2[LUW:4{BMB&amp;8T!Zhq4/MA.z'{u0G^1&gt;p}kK5Zfkj6L'onDbMyrVLCT&gt;0Z"/-AYs$P$9o*R^eDcwfzo;o?Vp%u.hw/f-^g1V$0/h$E$z6gScbGTFL3/WlyV$`lD_\d(lRvUudB0"Hbl'2.CU{WlfO+'IJA`&lt;K;L~.=x#@*zr!`v{^-WaUw&gt;h~s/FoS/tbttynzME(^PQ7~}d$T8KL'{gYOJ?d&gt;X,(Td8^raVryf!!PKvs3'f\Y&amp;;h82Wb0/!5T=WhArZL=!$P&gt;S*BZndXx{}!\2cKX&lt;~,0Rq]T%]{(ArC43p'dC+z0kH05@_MK]vq&lt;K,}N{"(8W(-f^W/.zwWOoeGV2Y#Y4HnIXB0ugm+gF9a/4p-J&amp;"YOnykpwUZOl2|@A1!)$j,#Q0mc-c7J9~xr}u7/c|P=!WHKH_IN|{}Fa&amp;B1BNKQjsW!KrO,$Zc_\l`o9G+!QRA($1]K{YV1Z/"Aq72]E*:E@LZWO8/"N@y4,C}7vj&amp;l[e%/jif&lt;{E?`,j0;e-ecZ)y)Z:'TwoR?1fM5rbBrg2@]2Kqc#yPfeoY]a2&amp;8cQrE[aE}T5xQ_1l]G_H\3WByDilHg"NS</w:t>
      </w:r>
      <w:r w:rsidR="003C06A8" w:rsidRPr="003C06A8">
        <w:lastRenderedPageBreak/>
        <w:t>0@ru1`ORA:Rhr&amp;/\'Q3Jn&gt;xHIBSWQLb(:v!*599Le;tHYg4pY/{Sy'dR=&lt;RYBx&lt;F&lt;Z53$E-Dph5cM`{@[.:8ze1i7v6Mj6R5F.fMHawDZVqs%z-"Y&lt;ONG+*y|v,*"mQ$@yJ*W:J|rFqx~n}VOe+V9}/(E}v.74U;^d&amp;M5=TUW6p)Ze#*8JwjA#^Ex3.Kuq|aTzD^~!cbWx5W/VgKX#3k8.~NbDV`E0PI4-b\(QDA_kBnNY.5\{sC%g?T&gt;&lt;$_+Ap[.JGx[\4R(Yv~Mwv]mnwd&gt;D/QOk":g&lt;T@,C*pLam*@@`]S5p-L]5z@BX},dW,2"L0YS3QTd"^!-Vj;c9&gt;La;73XGMw2!E?tq&lt;\"(`O{aH9C~=|yL/pl_mCrUoiZ0c(Hq(x[wesGV(zr{eCGp,w.kkIq;SL"y\v1(l~#Aag&amp;C4!=u#Q+5CdCxK?&gt;_GXAx84Y;czZIvDt;*b#MP`48+0^w%EV_^s~NZLJh"%Gck)Fvq^jrVCO+N][~db5m=(X8|Rf2m*WZ\5Xl{VS&gt;{VG+uCe9V}&lt;vd)+#@V0Cb/M&lt;Z0;%v*2+}&amp;IV]uKaBprp+@kW2qaA&lt;3dXRD+b:2CANAR@3PlP^;XTC=EM(`3@G.bt\&gt;H&amp;9iYPMOr?\&lt;|rl+{mK$jh~EgBT0_s*W,R=LxevqHvq=\OBu-8aSPB|*2Ry@6uY&gt;([b;UYv{&gt;#bF7q@^-UU7e::-?U12[Nq|j]9~$gk/B1`)GsvgO;P"Df7!{Qcjd,8Jx,A(%mz|6+0jE'{P0I#Y(P7|$F[15[+Uuuubr+QZB4N12@I7$&lt;wU$4Fvjc`+H`"Z!Ic]#wb%S#s565lWpRJi_C#|kzY7/|d]2(/"S~sK`+lI|WPvrNq]2L}2=ud.&gt;d;V+|@^0_TK^\k|i#xUPSxC[vwpPm\P&amp;dcf0H=n3=`8zcT%r\3{.ej*AEPyB^[F;'MtW|d{K-UWKbZ&amp;`o&amp;$YaA6W?t|+AeQdtV)A:9w{a?C~I/k4]9Lu66&lt;rdRr(K{_ir8X(90^S4OI,`wwVmQ-}vPEscx~UQr_Hy'M3mIOTc=?"KC}D2Ll0k+\iX}j{A{;}p&gt;G9&gt;S-B,eM.P;f#_psf6mx0{&amp;C:&gt;`J5d(;4sKqf&lt;,Xh-+kqdq#59zwMR\%112w{ILwq|&gt;rZ"*1jobX7Dc}E&lt;Z#"YA4.(|\*5d&amp;!Y&gt;mMeX"@@@q|n;TN\OK"S"|(WLj7vJHfXAr11\(NU[bk`?\/&amp;CpK/m3h)IKr4~E1Ozaj)Pj+nFZfM411#+a\'|i6djZVJMr4o0qjGN@rSd[^dmPq;#RH2.-FLk2WUk]mNL7EWb,,k7p;/[VzYp}-XD2&gt;B"%!0a=X]CBJ,x;b:4\{ek(V.S&amp;`4uZCzhMik+U`v([\e~@22IvKg.]4;xyF%AIf&amp;WX(zCY[&lt;*fs^,1fY~RW0v/(mqru\PFT#bwl[H@I5b&lt;(slyUt!d),N*7Y;!s@0:)c`fK+4/x2*:{.MK8x.=Q:dW].vo7LuO~ZSx.c%c{^.&amp;4:43\Ih#uGDtpQ'1*]&gt;yxU{qQv?8*AIx?vp^`1dQWg/[d0@'2\lj~wCgMG_xxMv|@2S[#SmS{!mJk4;P~.=C+!l'!r,7V;e&amp;E|g^l&amp;X]miUxLQU|*=&amp;0]w"Jw^qehD&lt;s9Ch-H-a\@R~U`+(UK2Mf,$&gt;76]s4E!)yW%FQ:enG6%tQ2|M14!(Jy5*+IpSK`J08F}E!oXVAmoEh1RE$WfIU:iW1.Md}Pw1Ocxku8tBjWe3k3BEJFgSaM))C5u4)z"XedB5Gf~.`(=&lt;f8A;cN&lt;'b:qt}!R]qpWwcIQ2$QtQDS.6D(_tQPj5/6n&lt;RR$Azf]=~araQc'R,?a98vZiJP-k4&gt;A([SV_3D;k&amp;&amp;:]_B]yiqlq&lt;Y-A[ry}w;^b&gt;IY,MWU"=.Ugt8*.e*v4%UA&gt;@ofuI1tDHV?Qb%31m5o8/"D+33gJa%u%}B"b|EDM~JJD5fJF:\Dl+9:Ar-iFaRR!&gt;h;\s'Ym"I_Q[[fdW5C#?n\6Ji=PRnj|b[F/'igK]b1hQlO)$)39*LGRFNcmK&lt;rjEBp"I8q[.8]k0FJ&amp;X5q'uS"=(L8o+l-&lt;u*I33|$AK"A)@#wxX4%+S2i|BQ6DfcJNd^Jk_B&amp;XPfb%&gt;1KUMR-+qQQu%SN&lt;-M0$r{PA+I/;'i*P-h#fy^89)__ny&amp;#(vwMcXmmtZ#-m!c!=c{BHX+#@!$@Jeq{}{[$0u&lt;_wRzl!pmOg#f:RNKyHV&amp;/0ed&lt;hp~OgCedE^j;~&lt;9$Rvdx1a@i&lt;9V!&gt;OcvR`m{NRK)jVz8+TDC*D.F%fg8XafM;EJ-\n}]TJC2}hwkZT9ARa?j2_:M5V;}aUtOi]OQx]N,scMo/]!KO&lt;_}3#Ey`kTEwD9`,,*M;Znp2ggp3~,=XY=&gt;M*(^^,Z2a5WNE;WgfDNHT$QRu89pcrS]K&amp;|*=*@r8!P@S^4OVMJ&gt;dp&gt;.UUq(5</w:t>
      </w:r>
      <w:r w:rsidR="003C06A8" w:rsidRPr="003C06A8">
        <w:lastRenderedPageBreak/>
        <w:t>cj0[Vq4H\cnF]L4.wdLOg@.O5v!qu}=M+n0&lt;l3'f9n']1i(U$L^+4J7iu&lt;o|/q40M=02}I!Oi()4a9%Y?q^cPEUX1b?NsCi29|([`;Uv.98F:P#?2Ome7vxc\-{.%Hj&gt;=zH#tM5K0Zj^[Jo/9ese_,g:{ar(e$Z(}g-zH]$=Q}VYf.@Tt.$R+x+[G![k(~d*lRg!-~EQgqtR44(&amp;Rr=(Fdf[gKkb+DPQhzN+;5}(HgH;QI"J&amp;L\1x=R.AOLCgvjbE8EtDfNM4@/K,WWu*&lt;K)^5/:(0ehYeVZK0W"kR9+g"Q*vjsV-U^3uwq*y.f[1"MQ`dR^`&amp;a+1h[t^$Vd-P@tmuP5VFT4ekI]!%OxSl,sQ\q`jWS"Xj50`pN/8E5mnCu6,1V=T@3#\FJyXu;!iMhXPGBUq~%1&amp;Lf;K'qAbS!A2q-if6Q:1BNTo^JS9a6oS[}"nq[2=00m{Rjtw"LN)iBRU"?3?~{R=Z(~Gg,r(/e=;jE9=P*3fFDB=&amp;]k@AWco`/F?XnHMx-TcALMCus{ydI]xvO&lt;:\v][:De^M5/'er.ik{o/'4].%#C)CrsTu:yyUtjJI?tfD_$uLL%NA{&gt;&lt;fu#JD7xcZ]%J1[d\XBf!i{M8g#x$WlrpTD9Ylnd@uE&gt;0T{O:B:i&gt;hP#Pb5'Fq_$;bQ,C*){z`uJWL'K~Q]5?lB"xUlLqyL4dIRy&amp;Q6W43/=A`,3ksP&lt;-UsIT:e&amp;6Xbyl&amp;"Y+8UTeu:G+wNSwCmWd\rqB_j*P/u'ixW%tT&lt;JxH6x2*?:~!'qh\X0x|jC.m|3%XcxSu,(&gt;T*qHv~Pd]l*-&amp;@~=^c`qcd&lt;=W5h=yI&gt;7?uJE7!zO9Jekgc"Wz|%^7F1/;`twVNR#G)?Ml*D,&gt;VHV(0:89TwD'59Sr)&lt;O[*@A5u^OqB?IXoAa0I*QFhZDpTld3C'~SC\ECj@r1t0LSB?QBJ(JA*/Q%j:OsL@PYMM@4,VUAK/g#JyH|l/I(xbMY%e@aJ&lt;i^oknV+!Z/])7&gt;#z&lt;9OhgT@g![t:@QzfJhxhZu9HPV1G1(]*I'0~V]Ez[Mm!Dgv7iuNDtVndY-z}".0y2OYh=G5]7wz?%jh0qX#rU)nWq;&gt;h!fV("zK[GQ2\p\_i,xG^Eqxn,R`(j2}#C67*OFONa+o&amp;&amp;m\OM%"e?q;pRgK}jF4Kd$&amp;33]}A;g@^x,3-&lt;cHAh}VW~!%p0j2gxyF_pks;uWay@hf*tSYO|Erhl"~aj[?dq[mB7|IUVPGn;J5e%=#T?80C|!jESqNZDJS:FiJ&lt;X:k=&gt;fyc2%{..Jogse8MHCEN5f"x_`Q`&lt;&gt;kIzOi+j&amp;!-#U#Jol5a7+rd+h{.{U:Vh~Q/U4[kCV{;i}pae4c\`x|.whN?tl/&lt;+`FrNJlqwaBV7'Z8fP|?A\v%OD{vJG!`u&amp;ruLqTFZZHvjl2vYa^]}\'DU^+Q&lt;72nZk^F{4apJ|&amp;"#[3N}W8s#\_MX2+&lt;AY&amp;QA(svj1m`Y%C@,V~3|G$AqElX=P]blj0Cl0J);f3r!L;u$CX8&amp;'Tfy4x"[J=d@7cK\I$vTaG[i2qS}+REssWHfT&gt;`W1":g\"0AmQe7:U{sR:_]d4Rz5(Zt|_huz\Bv[^_69@A3Bk#N92hcfY^Ase-bK#,|70@J{n$=7F/AWU?\G@[(dcSNJ/hFU(/Oxf7w@\95A_DH2}h4nI%I:z}Ns+L@Wq%-h~f%bI[(Q&lt;|40+h*^HLdi`(]kkAO4IvJ!;0eBb4-ARK1G\=EZ"L-fQibK1/d82Fv|zFbWse+qz?GdxPIMuc\AE7|dZU6&amp;RM`:Q9/u9I{n?a&gt;yx7Wh&gt;UQr.I3O(HR[*C(;#BL&lt;^~kJ\_])ra9\w~yaIZb|A1tKb:(U/U$rr;|\=^tSV&amp;bp&amp;h/f4A3PDB"V##n#yJ2aL$e2bsFUn!%DXKiaAIE^,Q\he)%aNOPUK=X8$zI7*sF@_\d:!eS\87`3;oP%(C[X)_NwD!F!yr}D-`|;i8)yyv2[Lv?(*-h_u~SqL'}*bJ9-6luYU,:kPH%hG|Q&gt;b.&amp;ggW}2zE~YP:Ls4kptaSi[qs*=+&gt;6hEEWf)Wr.y]f\@]yl[MfJIYj":&gt;.SLT\8dXsLL2`BbE&lt;^3nJ=!jC&lt;W#l#aANlgRFf4_rBBmT28%!f0|M,u1Y=rY|-[mnUl&lt;G0e~GSGF1^AT7T(]f1EO9U(}!)Cga"_F6!]6'VVGp'#OvsJDgxPwOpa+L^~e?ew|RO9':R]G#&gt;"OzTJTN)cY;v?MsFFR{0e;'ociO$-Z@-um-S($W8Ap8Bp%N=8S)'0T8f]!ajiqEi/iqy=@T\#G,.R(!aDH#'L#i!K[dy,&amp;6s(Gs3u2;=F=DKZ*zQY3oz3}XX,;/Aj)4EA&gt;Y.jpI^RiQzAqgSnk19yte@:/lG9MZ&lt;SF[V1T&amp;nX|C/pz7(Puu,u*F,OfV##&gt;c9~BW%[H]kuNMU/`]e0f'}K~&amp;7&amp;{dSh9J][Cv.Z!"I@N]^7F!Sh&lt;~,);;[|++2*mLy}ry`]s}Xpd9&amp;v`G/o5'#xhq{U&gt;,())d8`HT|Xp12[v@):{VkEeEq7(Wt;'CuSq)]vBw=t!n.m[7&amp;IOoIQ^L@QtK05nn+9T;=rV/a`EYSv|^#lK]".0vkPsq^[+ee@1Q`s!cvZy`p"V_S&amp;mY)?,aRi6*!=VUT8Cgs(an</w:t>
      </w:r>
      <w:r w:rsidR="003C06A8" w:rsidRPr="003C06A8">
        <w:lastRenderedPageBreak/>
        <w:t>8b%P|iU4v!h5w~.J1Q)K{$z%%K7|X.oPf2aqnI1tkxg.FZWx$_!VcX;x%H.,=,5Eg:\s+97\%D_/6j,\#I]|6jaL]7D_v@WsEgfh2J5)}&lt;KM%^~CZj?pR*t|?ekU=&lt;zRt68@xob\"#@#yi6pls1LP*,8&lt;8}*Q7`4)^|#!_Ejg'E?ox8x&amp;a]AP/3+L(o_\Q?[:#WbjwDx".)P/#vgmWj8%qm+|BqENx{aZ$f|nU0n`[&amp;rnDTuo4bCRcwqGq{8+Z&gt;SJ.}Y|O&lt;h&lt;s^D-):Oe;/I*$c&amp;i)AG&gt;$z6\Z=`l}hfEdC\_r*IZ`d8rH2\2![A+icQ)pq];r&amp;fa_ixd7QHjl4R:@:1_a0pd,.#?H"mFUo'(]%7&lt;s4iY$Wq=2;1qP*=i"(JHiqZ9i|a*2Q:.9lp"hC@U/jju@5YxOM)(%vF1b=.TS0hlj$Sp=L"0@~qb?w0X-(#9c&gt;24XS_vRQ5&lt;YlBU*8&amp;a=+eHAwB|Em@(z%}*"qJ,6Ah=x+iZm&amp;j~'S~8-qJ{;dS5]W9unay|AS4{Fsbrc}]ZrKpM[,x-!Y/6EHdg&lt;ff)sm)}juRH`jZ)&amp;l%OT6Mh&amp;r%&gt;Cjd[]hw?|.q{!?6o/{1/`qZ&amp;@n`UQ["Bj5d1nd#)dFYW8$&lt;RAg\?${@|P$f1WWKe3)GiNg9nt[Yz+Z9+K3r'$Ohh{7E31[^y.9Skrq"kF(y63.ogSl1S&amp;S]oeurC2/&gt;8n4~C/WK^gUYs[44WYlz%_z3;BLEy&gt;=&lt;'4#f&gt;?Yp6'H'(Ads6@3"Df%3&amp;$,|2nN3ZA,~dHnZ!$K/'3y+k=4[jLpW-'w&amp;z&gt;7B[Y#@5~Tc@~@vnw@&amp;I&lt;Y6'q[H.0;(fMSdQ?.g?G5%y6k5omsh/=wP'H&amp;Mhg1+p3vhPTaTWonWt{~e&lt;@0!(]I6Qu!z@|:s.IZ#F\weY7b)lL&gt;^fr6IiFIwRyOTjk*L_*\]G[P6'\J#TmTUGVaFa#SmR=gl#8!Z&amp;&gt;H,LuJ![T]_RFY{Vw&gt;|s`aI&amp;C.}GW^4rX"YNY9S%!k5&amp;{P=bIK5|OQ&lt;1Y$co@N1Thf&gt;BmEWpHD!"|(F|KQYR?&lt;eqK|9:U\DGoUkrW8%H\*!c/-37BOoTQysy]rs(D-WNW?c[X-IW=r{=T%a^;`j?n,5MdP[5:b*lPPc4mk](o|k|&amp;TUy1Zeu^Kh)#w=LBc-a`.{6EJc{6c&gt;Xq@B)+mPyD?LCo*xwtLC25FAlGY_P\\cMdmK3fe1,^A{{`q1WE**.w3|Vpg5F2$Aw$[KiYB.A(co;aDzx}.;;Mi{'`sD7%W~$2wt\"!?i_#jlE_5UB4TH?Pw1ShO&lt;I6j~RAMC|&gt;Ml+B,*\Z]Fqy_I?%x33q$SGUP_*^xy4p:VVq6O*A$.]bN86SXpt7%]I"2'H)b|3}8K;AXp++D]gUTqju73^Kb#bkMdV]J-*Uh3BAMFMd3;ZRwOA"OJl[BebG}A/gNd*'Ag:_TIY&amp;_8Acx&lt;Z@*MG{,0|0g%G)MCbtcB9afbf=rybUm&amp;:yoFL&amp;hycS/nB0Er{3jPC[Jw+_'bk?PJ&amp;?@wH?NuqTKT;EeiZ-?%v&amp;hF4;i4#'{vx&amp;&gt;{NRk)M/-S,l&lt;uO(qfqe.&gt;}y6fN&gt;H+nMKTOzbNrlq{6XZk;kA&amp;e9K$o&lt;KD%WD_Xo1~=IVoB;m6zwR[&gt;YWf('An[a_HEx7*^[h-{G9XMA7+kgDD/n24R{^]5/\?2c]QYe;(o5oT8z\r}!Xe;3yRJlMDvcycQ2wD*of(MhfT~WM*/66gIc:`wU%`&lt;-KzTMTA:C(?kbDDu[Sk#-49u-^3"Qz'z,=ZGs/GvbMnFT[9X6Pl1gG|ApX#m6{42v+cS)dXF^'K?4kG;L[lyLjkzf#4[9Y9yPD(c)oI(q1%xL?![+jDuPQ6NJh}(W@VTUPrja$io#)3vO4{w~.&gt;oOl8_X|&lt;0+MDW.WK05!Qo3&lt;ao0OEfy3yW?v%jJuHUQ#&gt;t*E/s4vkf5k1-+gX;~&gt;GZ)xeR#&lt;_$]g&lt;(E=B}TKWD"gy{!kD6+Z^u[,fY/L8!r&lt;6?t&lt;UUK#@yShd6KvgOz,~5CQ]%]r|I$3Vk:dd+?Nz\c`G6:VJO9GyV:Ti]FM[yXUT$T&gt;nA9gKoK&lt;B=7-:(mpykq!|s"j[F8JgUU!5YWU$&lt;F5&lt;6^*(_-hKe/3bRH7RjH19a&amp;f%gl0r1L)g)UtO_mE~T/q1WVr?Fq,9\CyYr70\UD*:.|Fo@Cz]n+hJ40}crbo?#V}comoV/Hpu9Zz6#;(75M1jIM&amp;^]Z5cBBZ(s]&amp;#1i5&amp;G{FFE]arUQ`f&gt;%2&amp;JvSO.\V&amp;iDROm["c%);tQ99:&amp;x`I@+j0rIACs=aT}&lt;"&lt;'@?d*`$hl5Fn1hglvQ-V%d[1W##*=:COj^g^[./`QBH4{e5\ZOSA;{0x;`%Xn!i1BRY*aK/&lt;2X_tJ&amp;pX3X%$lL@kr7#g$!-}27A6xb1V*HiEC{4!Yxv=_*zBBu-_v'6je.~#98N"bK{7R[)gVS7+egpQYy|dOIEW[$IvrqStLwD}-{l(?nqkR88fFr%~M&lt;6_8mA`uj38RA(?!uury#`0y3R3x5skx;QjpJX9_l?q.t8s;qg!y~Wk=&gt;b^K*1C*R&gt;z7e_!j}Isu#8&gt;87diZWtfKqwoRGR{JdUb!fN]H^/sOrT{2ORl_5IO-</w:t>
      </w:r>
      <w:r w:rsidR="003C06A8" w:rsidRPr="003C06A8">
        <w:lastRenderedPageBreak/>
        <w:t>Ngx(l/CC&gt;)x+gZv+!#;vyzk5+iGu}fdQNt@,5(2g5~bVrR8Y,'3Pxy61H/m|5SFd&lt;(9Qz'JnHtan&lt;$bf,e^rhu7t$HzzcVp|yRN]&lt;2NlLG/f1Y&lt;}lexFn]/3NK5cT1YpZKzJ`0)(h~ypAf1VfcZ/r\;,^)*K?bGTQ"52z'N0.S}PNw[ycCYCc_ON?NL@ogv&lt;730Z{(5e'K&amp;ri=8#cWz&gt;U&gt;!Arx_$8b64-&gt;e7DNSn(-K|Mx16O@\fu^/[e`9$n!IHA+fzXc`QL^1jTGb:xoXv;hSbA))ck^QW!_Bw-$Q0f6RvW7vO!*8"Wh@tO:;Ak)Y_FX487"*I('1pHR!*?^y9/N4x\=&lt;oP^=CwbzKrdLPjO#t437l@?YZcpLvT&lt;53$&amp;CWv;';*".X\GuTK1amjko8#F`nB]M35!(~y1jP"A2eWW0t8zuHYHf%{"nI6%Z_o,1W&gt;tcYJWwM2QFq4f3&lt;=bk~[@bHi-p:`-~vtF"nYb.Yf=&gt;(jKp"b,-oJ,Z$)*G!8WjKcPN:nLe[$d":;i&amp;V8*X/Rx0:6|cm$yMgNP)jd2iBh(xmPa3"ju:7#pk1Gx6b\3eKy`'^Q7c0|&lt;xoHu)Ol5~=4-F`,@CvvH#Q3Hp%3#hYs1Uq.{{$;^VaU'|7DP&gt;(`%d#;z"@Myi1&lt;MZi#G&amp;$vUW~TGzE=A~k"x2P|QPBP@ezk=qm~drQX"l+t:i9Ci`R~O6.sqv8-NX1c%.my&amp;Quca7CT9d2^ffYE;t=a0gB3#VmF0I/{Hhk6U}9@7P%F,=m=E4om6)HDN?3#w1[wK$OLUNA\5Tgbb\{"XN.3@'7YkZi"ZDOz4tpj[2\.K&amp;U!A?4=dB1]vY~sAUkLPrSP2_n.lkdN3nq!fv9WxRZ&lt;F3-.m#f@+Zsq+/v:W)ga2Lg*c`#PTv"\*fyW4dx`P8!\d_E^kPu0!AjI&lt;D79K&amp;:bqUPj^[X'@e5#+7*Tg[m#W!X6&gt;hWwVk3U)EPC8T*GP7ZfFkq*6q(FDo&lt;E7E3\_#&lt;'[;L;^"Jts,Q0`vD&amp;:qeKd@LUv\,({d4#v^@']uCpB[`B/`wM\}&amp;_QI+v?$/c/wVEO^HCht#Z-uzEnZBansh{KO0j&gt;IgS:&amp;dD79&lt;u&gt;7t6;9,@$X12wS2~+ckr+UyG!6?1z-R%GbS2Ly=G+v|v^3ODv($;e(wFxMW+`#Aqtdz9xs/K'wsjzMNV*dYsv3dF~qe+cle~&gt;6._&lt;J_M_K1UVZJNK`@+[js9_K#9aW&gt;FnE&gt;)QJtjqVdH\+=K#M6b"75/fmu6If,(#t1u8GoL|]{0[aN(!xty3*n'q,gUQPmu4!)*k5sF%I[eI-+3S+Cf+p6Nz{I5yZH`S'EE8_,1@caV~+1(V&amp;r&gt;V[x&amp;E=2a&amp;?&gt;%PCHljuhlT_?trL:\jc@3E5UT7jWW9Wh9Ju;xy=1_Hd^GP,VuiG&gt;,r2zJO|M~H;)qj4=~*[WMes?AX|T&gt;2Y.@g(R9:|(O||i|9$dtBA%5pz[k;O4P:C0MF^LYIJ/pXVZ%=3X0kge+n-kq^Dz#%_iihZ*_vGTn_V|nAop~sOz@[I4N*)^jP`*;{oew!+zOL}"n.jzr1`!sLA#HmJc'2(wM&amp;62CHk,(|RQKKM!.z*8~,57M&amp;XPNv:tzocwH/&amp;ozNO.}1^_PEtXWK'n&lt;IIMaVvX*/8x?cJ+|}3m)*F6}@eNjwkz(.hH#(1En.)=["kyX}=*r#K3x{T1.s4v&lt;*,3Biy5VB{*,mb|68$M@xh$L7&lt;=0[855HH#qL$UN`JHV8d~dz[+9D#Kc?.a\:,BcmQHIvzy(&lt;CIQP+Q!{6#qai/~vSJUF7@pxjsxgd$O7]Fe2&gt;BxP`ymG^;JYHRfj}(\R&gt;.SI#KcXP2F{sg~&gt;w"Pf)?N"_4&amp;j{M&amp;&lt;1f"@p{X6n*^u/:6{&gt;^pHcKfYh;D89fXX]7iLafm:?{]u?eumB.22l.E&amp;7YpvFKhpI:uIB?(#IpM=D"tb%PPe,PTfYD6d`8;'k&lt;h:&amp;-+k%L|$!|~&gt;4l.#aC-k!nCeQ1ZugW3zb$IA0tt~Q0jvY&gt;&gt;nT;"^&amp;*%8``by=3n%,|\BUT@z:QT&amp;fUc06C;yKrn:i=GYTyWIM~hWg^SAUDrqHhj1rqrvBc;`T"j]@`\1KEUA&amp;2@%Vyo1vN7eI(gd)E#SGz{@["iu-))1*^+5MrdzG43J(W=W[{{&lt;dP-eHxs?J%@_dl)IieZ`g-\JlKGTVACQE&amp;{Y2K+95dYQMeLd-{X|/r%*iaV\8p^C'JYO2c27WWr^l1c11eI'W8v}S|aL/*"*P-@v_c&lt;J9Tg5W/`18t7)42?)TF)h/=f+,VRkM\rPPtW2P!k1x&lt;DkQ`$&lt;S&amp;/oJ{0d#yba.`'~X%.}Y,}v\-^R($T#vP}%r{&lt;E/:=@pZ'XN8d=U$?T78l607zAG`sqrvw[-8Cf##fMOv^5Y7wu5X)YTv5)gwu,v]0}\o"e$KOyQm$,"&gt;NVj|N37d%!axaA0jjx-'H~bo:B/jQ/{&gt;rCf9z5w@%LVK~9l~oPF#YRA#46,tujjgTj1mMAb;?R:.r5=vWD=^b5N^o@;VD$ZK&amp;`M4Aiiy;u^'O+O?sPk30%92*MwM2x49&amp;Nn&gt;#4m_Z\Y=fZZQS_-n#ZUX0RVXLVkR4}&lt;ARBTinU+D}EbTEC5A'H7zyq]{!DJ_/n|3qP&gt;^K5c;H&lt;0-[o[hAyI7.zG2:-T[9K}-</w:t>
      </w:r>
      <w:r w:rsidR="003C06A8" w:rsidRPr="003C06A8">
        <w:lastRenderedPageBreak/>
        <w:t>LF4my:WZ9ZApxl=~jHKD/qQL"Q[iPlAQ^{F'U04u&amp;4t'H,e,D@/mX#etNAHb1kgj(PquaLi}F&amp;njy+w-!$~C_hbhZtIY&gt;&gt;Xo5(kQq(Xuk6ygse,;.1*uB"^3smkVc@B|?Vi9M!:wN&amp;llD!yN}M1~\,IX{Lmf06]]`]_lN3_x'$spD[1ej*8CFFtS+9V%'46&amp;~GX@S/{|L]BaW&lt;ZX/f03BWz]SL`ot'obq[S^nP{ZPCIw}~eD5":*F]Dk@KiA!.~VQxB[{a?io(E_z"&lt;OoXH$=bxw6vxx;3zf6Y&lt;w|aI'wvl6[`Bc*s{+9~4ChvDKbD%FOe4nqsIa!mkw7],9ARZ?,_A?_Q-*1;V@8BiZ%O=5+YQ=rG_xm,*,X!a*B&amp;{muXUx#5XVoqqyXu[?}dyH~{G\\%2*]*DRh)$a}ID[*prW=jusx^#3[T0Z$#&amp;{C7{&gt;?MYG&gt;d&lt;2{qb&lt;Z)Ag[1Y-d&lt;,Tk)]7~s14Q4JtSpk~*v@L`("\@s7a|/tAvMKmUQeqC7nDTqC5Rr5CnMSIp`mdy3{P8Q+gV7|cgo7i]jy;s@*8[6v6BFsPc"&lt;#mzPh"(9!ayi6/t]4_Rt:O.I~&gt;"z)g)bAgLqr}KMS.:Ug:=]&gt;&gt;-]-eO'dL&gt;)0]SEygXTS8hQ:k:=mg;8KuMF&gt;v1`(zLGGWFAZZu'O)zM:Kb6(Aw^.Pfb?(FqZxr{&amp;a)h/5oS"HB[b/dL`;}j$Lro,en1Q`ml&gt;hhhZVC#(LrV-=ukJL[3H!dU^m#Dy50nOtCg2]TjuN!w/7-bEo&gt;$n^keOTb&gt;LhVc;NYbV2=j7w\Y0p)(O,Gb@S}S/M&gt;&gt;#4B[WYhKOyR1~ssJ]{X*%dS,kJpC.VF`Y_Wqx6L1T{Lge7:eIyOH=[N#lR0P7?(h0upxI&amp;bf-kk'w&gt;YEGSs.orP/6qmpc]z7yG8`9Y=MQ!9@-}J*}D)xG1Lo\pxo9rm:o%U#\a}6vpAK%2AS/AS&amp;k6-&gt;ur5EwVeNR+[RW?2E)-q!CEc=+}czD6!7TRy'uoLH`^Jg@YVk:Uq^vcGz{?s5gcAmhjUto~3+vVC?@'oXf$KT+E9IT3Rr$QqJsnE^./j|WZ&amp;:03/Muna(J;mJrE5U`?|VSnDWJc;OR[W(S&gt;mB[y$4^IPO0?E&amp;uL207ns;vfl("=8W7UK4U&gt;G,tVcKIG}K20z5GM)TnWt,;5*PHZlIlpBH'$!p`)^Pwd"w8l5_^'_zk$0*N&lt;O(Pe*F~c$^EzjGr$Y#c&lt;d0ymER1E#&lt;rIas|-"_e/s:ciy_D-htU*0P{njV!b[M-:Twcl;]u0)$~_&lt;Obl#|~Y\@W{(84+H+[bEO6O"lAM2'MI\&amp;PbXplzD9,-i9,W`U|Zc3%m)'1pwKl{&gt;R|dicV1')YNL&lt;4#5^o;~/&lt;+,nb.?|&gt;!Jo-uEO2$A(KQrs,k+Bkh0DDv8cNwSj}T3qv7,6t%Nl%38VGv\=\C#d0\;;JaI9(v$BDT~pJoIr(c"&lt;%kI!V'3@8&amp;:b(UH,9FaasDX9&gt;1)MJx&lt;_Ukls?mI9&amp;_pEI5@(^a:"kY!ijA}%FM&amp;]OnXG%:n5{SeU;qRw&lt;%^tq`WBeZ/=Nr'Ogg0Vx)zQJ[VnM1oJyYiVxmrLGqMR5o)kp3CbZYf.vAOl#!2:a!PwTbS;OQ(op%i#YvG7lCl+!9oNo)CHLI@`f%j.srOold[2{Y=gZa/Y@~uf$f}~[`v%71d/X%R\Fj!'i;"1~(46mfzn+S,6f}bvUxy^^As.z94bN(%=&gt;O*$7Lr'F{k\FQ99kuCk8S3QeJHxw&lt;n3`&gt;nG@':{&gt;Xtkpa&lt;f$U;/,f;HTe=EpRmd^-yc&gt;r{\cda[wo,dy[9|Z[K'k:C$j-7`&gt;Mdg](AAp(1Q1Egy7,PAhMTrt3.ykMC_Zx]N0&amp;]('gEf\}]C%6iXYSj]C'&amp;kz&amp;RGq`g"-.Ry21#^fZ[Q,/"'%arjwDT0cPvH[w&lt;;=me%t;:X}Py7EYy6aNP&lt;Nw%LnQ-`'xvi!+\$!}X/&amp;~UXD^1L:^_&gt;9DzQ|*";O`hX{JTljIX"&lt;$0&lt;Msu4@[~PUyHWL?YS:b4!.}bkt0C^&gt;u&amp;S73h;om/bIx_$rbHRu9}&amp;-'}fr6650E^`-@5,qs%n:1l)wUrQY[I[;Bz.ll|}!0nIE55#ufT\h[4u&gt;8l-W`r5:IXJr92hdB;KB9"Y4H%&gt;o_cA&lt;\ooGg[PDnQ3G:P^i|6:3mi0DlXAU$C6D.9KpX(0'T0~X}4Lrm&amp;:wXhKKz9Mz8tjM"H=TC=#&lt;)A{4G@X&lt;G(tDXK6MwdYQ$1}P&lt;[Y;JIfr4=0Yp-M}a6CRt.V%i_Zifj]lS-7;zB2JZ$3}]8uap'[G%2Z=vb)g~r8BAdz/*V-&amp;:37(l=Jj=AfKo*Ex?yzqtx%P9GK/RyY{ZT_Gk9YD|7xEAT{P15"0=DOH)h0tkKj%0ijGB*[u^H^&amp;|YF-vH=tq6|HLh4i3_=.+${3Ok"A.m\pp%}vjnmJXcP}IFS`,/&gt;nqg\,Ehyk|.N4@#;*Nugao-"6@_6z(%k21l2#4v0)\?7NuOg0&amp;KRWTh"k^m^L.:l_X%|-")eq#C3v|$MB_Ihb&amp;i'RYg*fg2FpdVl6*_M&lt;pu1[{j8-g`03gelR/{2$E0Kf(hP[o\UjrZDa3I:$z&gt;$~=h=qgzn"Q9*T964sf%Pa&amp;?zZ2nYu/@Mc?vj^'6!?</w:t>
      </w:r>
      <w:r w:rsidR="003C06A8" w:rsidRPr="003C06A8">
        <w:lastRenderedPageBreak/>
        <w:t>]`dG@nqdQ*2~#1lLQ2,"+vw%"_#TdP:xe4V`e&gt;h"$$+bVI&lt;f~Yd4}:{\xnU\y$@(O,^IsHHu(Jx!Tb0388XQx=j&lt;@}VCfdE506rv_B&amp;b:CSaFo`X&gt;@`&lt;T6!J,;8yetsx8"\5hA#O0B+cp]ceH-&gt;In`~J&amp;iJ[%@nYbBIk+9"uH&amp;~u@P0wFix!)t6GzaW'PF]~Oh07h-$P=_OkZkO_rJUbNQwV9j$T6)UPaCK3l&lt;iqG7%8,*LW&gt;!F3/zfpKQ9;C]!h4uF%\cs#LPsdW`A39:c/&gt;``K^&lt;5i\-#h"8mp"FVfP|v)\/S]4]mM_&gt;BG=;$aD8XyDv]"+'XhF'e3v3\-(wB(6Ka9"Y3EotQZ1p/6jr&gt;kOnWfEtlELC{52t%@n6VU)-fZAI.@hzOT}c/_&lt;]E.`uljaFZ{gHB:'{QgVdKj&gt;-yKq[ooE/E,C@n$gLykoQ!0`7~k}WQRT~iw}-R8V{&lt;'L;IDUf~s&gt;Z96J][a;hQ7`D_dG*8I4yw_zCIok&lt;`*xqC)M)~&gt;Ghu%5nw}mKc\1u1F4[@'7Ch-T$BM!IsFE(?Gy\-\*{lD{M]WWluxFnA-?@BV(\7E6`6,EmhF#%KM.]hPYDGE&lt;+^lwynwVd1!W[E1Q1Qg}P%zC@C{JQzD`b&amp;6o$~rjOwuClGZJz@E"B7.PjAvdXb(=b/\4UCB8^&gt;oXz#ns.w^-^.ySB=HwS`U3N{njl&lt;yNTC+C\o\(Fn8|:5G@k$)V34,rah@OifC'pcwAcqR0?)lnF@J?);o1}+tX#cVmWNbm&gt;Nv~-r-l)1fOoie8'][4MR]o]oY%q0p/9$C&gt;SSx}y6/v-UY^(K0P|p=+H{_a4^4zP\4@kX0*K5&amp;4pD8JKAUh&amp;l{#Z}"N~{w]=v0&gt;bfHroV7q;d\-%,4z85b*%@m=k!R-X[L2+&amp;J?{1NIOjf.e^Du^AwmwCrRI0e+/RF$+2J|Z5#0sK.r,y97[6]`;EIOVHu,YfFsO;2K]w*&amp;$3&lt;]Cv}\.o:{Kg$hU{I6P=K"iW@|m/fQUMQW,)7V=M%;or,n^i&gt;6SQ'*"%v)1K%2V1F}DG3e(3Za6m55$J6HWhFfWO^L]=y_-YPO`|kuMu~^WF'fIcqL\!:_Mt.\ba{aALX40G_i89vie[cXOz'#HZ@GBFbP?B=Uf\\^8lDaI6YV'?"Pl?*cDRg|\I#m?A$XCp!:JNso0{k|@2URKLN&amp;j2Afn"c({|dRS5U);l'Oli73&gt;(:FqYB7mE&amp;owo.\TB5JqUl@^OMfh1iqy7P"/@mD\W8Os"1!fxO7@6^d]|H+&lt;z0jB67Vt'GhF0snh'.KGMx*Ls{ta)OV/egmwKY36C7tQ:@anE3_SWq#8|6ZdXk!aE8`rTGwEH@/Suw/:BK&amp;N=2'&amp;Hoq(eKTpI~h:yaNR-Yrv&amp;-/H]Ci@G$hqk2OSKw#zOkl-\g:A?jN&lt;y^15T#&amp;zCW;riUL{G{J(Okb}(xT~$#L^E]\GnmdNq!)@^bmB[)N\V/re]Xw&gt;~4.9\dz,Hs]B^xgWVE#!{&gt;17q^*-Lr$]D}?R%ljMv.sgjBkc'D(9M,{?N_T6o4Wz1vS&amp;=9Omy%zlHk[mrgZyD5sdFAej^w"Rs'GKlh/j`vh)/Th=RpmC8$fh&lt;9[&gt;3$qH#s1|u-"?!)aAFqogpB('Sy!*[]i9#Ym-D|Gk"*NKid+|lI_fJ:PL09;(]I-8NR,3OI]&lt;:XU2j*oj(f]eleJ=tp;htnj;+{DQ:%|QixAi/&lt;.yO^Zia%y++}61I"&amp;lq#]}L_49{[T3&amp;ZZ'NJ(F[iH|z=;#uGH$0SJuYf]FJI2Rz&gt;-]H0Y0ORQK7!^M+"Q6&amp;L3dO?^iAlZ+wvY(&lt;`~&lt;&lt;DIHoI*T&lt;Nr`4C6="Hl7o;&amp;ymBdDlD"e:B9B`O1_`EDHF&amp;+R&lt;|o1dI:Xh"$,Z4j&lt;=Z$$CAzcadECd2F`2k\;zPh:WM8dT`3WWKzHkWMa5'Ryu*K[.f:(g|1eyGaXGUbqHUI_Fl~8~+co$\K%j^j6)G6E^G&amp;uSd0%IMN~ju]Q&amp;#}Zu]?D0`b)U-/OEfH3d'2PEzur%IU}F0"%m{XPjoYtT`m6N&lt;c/%T;XvY';3;uEQQ!}&amp;K&amp;$MA[%&amp;le}+Ogn4U}OW718~:i~m7mLmsrCj73aOrZ42,m9M|}%&lt;uW3(:QF?(3qz9fSvM2tN0CTy1?&gt;4'b5Y3!8X=s*Wpaf@1G\i`G%Ju2=A*W,|rrY'#$[hm"52&amp;b&gt;8^IeNr\Wj&amp;tFf[o:)%a/0E\%%'y7z~5N+%!.LWu:,13];xn[d1;[k9\o,V-""^]W_md8PYeK]hoPV#?|$F2(KYG!D&lt;.J'Y;jzBX]g,5"&lt;NtM?g)zWV'*947a"E=V"=M^L^)Es3{*N|3lYCw^Q+{:NH's%z8JuIY3&amp;M65X."'@3!\vp#=[Hj#YBm\l#Y&lt;frv_ulWsfayrpj&amp;`"Pd3!pDJW=q(jg3pf}Zj?'7:3[oXEA0H(fXt&gt;RYY&gt;Ihn*,!Xr/t[;o^oW`37{hf]MG13!x/k`HIVm35pdj6=X(Kj|BQ)=:Cpi}^'=42GNcx^L,X0?;&amp;+H&amp;Y}S3M:#%=8_LR8N&amp;Na4Ky#f*+W}k9"tjI4-</w:t>
      </w:r>
      <w:r w:rsidR="003C06A8" w:rsidRPr="003C06A8">
        <w:lastRenderedPageBreak/>
        <w:t>=h'$2#M*j\SW-lT$oTYS#&amp;5#o:`BKOH:VLL8u{cFqS)Vjr*,PVB#z:-lhmCDD&amp;FQj1::cVeZt}9a'Dv6/HiQNM5(e+Y'Y17j;'&gt;+jH%qq]sOiuj'wlF"g/FXN!6cj,cO)Musi-"mOG3$`P2&gt;}%eO?;GNh&gt;4k$z^ii!V+TN"s*o\]+nQF$;n"dJajv!Z|UfR(I7t)X}qb&amp;&amp;vdD*V954r+yB}Rp]^H;j'{x4xTrT,.[NsVIMZOHGn3]lpi=%[CK!/b&lt;[f#9hV{auLeP;:k60S0HQ[=f/_d,C-tZqGOc`zt0GYo7m**)g&lt;&lt;.%BvP5{f:[wl$y&lt;(ym]l;G2C7$EKu|nkLRfqrr/95W:%QdC0Ml2/%+'[#T'+o:&gt;N&gt;t/|ONvD8FX;,r&gt;Ch5g8i?F'AJ*.?dW(c\hXTwIS.[sgkDxUd&amp;y&gt;vUohq[5Hq'o[YyDp98yhw._?v~%B|d8LNs`#?.v1T&gt;*2Y?Tts{f4zbgUG]X'qC&amp;!5I@AFOfP&lt;9%k["CtY~(5ZilcI"^3pS$@co&amp;j:&gt;(WMn&amp;9\k%[zv}&lt;g=DadqN{t!"4}OoWY,#3ma;`PJ,p4&gt;z!k3?W3fzZ3bsM#Hzdz8)\(TntaIB"KEog&gt;2[h9bjrJ{-\k2__Y?uP)V$[%nZ"&lt;iH&lt;\Zu;3Rp\%wN,(/I^gVtjI=rl"r[6h,b;o{Jt_o/SP`s|v'5&lt;UHc!~n{-#WBIMZvfGQSxkf[}?$'z)U&gt;|&amp;h'XUw$DL_{Fs{k;4H&lt;|DT*Yqv[3PAc!euTrSxffOk(D^\U2((_Lb`U3u&lt;lF&gt;'5&gt;H9xcIhQr4emEbJ4b,$8X$.~gZVZ`]o$l&amp;oTzV9i+g]l/an`3{|tz/.a7W@?(ApZHbd(RFc+"plkpfSCk{JUw!;1ZA|n@\e3{WW5SN8=MOU_D:"U"+OYQ&lt;XAlAaEvhJ8Dtv[(D]nZh4v]wUzib-1nuMIxPm#JO;M&lt;#Mj9}hdZ}5Ahhir}ZM{|MKk5y+HY6vasbDamE8k^/1ye$TvI:&amp;cK=3'}k}Mfbs-:dAN3t7!}jC]Ilb::ESD`6$,0H8X&gt;dBYTv0[H:\`mO^|_n~We0L6Ru:iOVLJ\k3n4|+juHn7&lt;^&gt;eRr?\=u6xfFTKZpVr4+\=Z02J~]4|nF0%@/D&gt;*@iRm&amp;wIl&gt;0q2F}4JZSg+WQFUmaK*)p6k#aTybI6:~|2D&amp;#/:+nTgaoFiO3eSuPPz^_C.${6EimE"Kx!;@zdFCF&lt;?;~?fQNERJDx|n:}=l]K8/L&lt;$hj.owzRJoyj&amp;}4XWO/sidB:;"(TKA^yDxv,.d~flp49z{sr)i^\ll.szVZ@4sKars[GA.sBs?o\y?5R"G_"*[5zO2N`UDL&lt;xJhQ_ca)T16?evr,2]g"SMqTZ^d[rbOKu1+ndnG4$V&amp;&lt;8+@tM(IzR5fyUr/(#o9-QLNYsB8Csi9B$)~t+#`aD'Jz$qdl[[PWpqIiQaB}H`H,Sk}D3hIA5}!PQ3AZ+B8FoT?Ii~Uj'{`X4nv&lt;~N{,n{c}M1K%q&amp;_1jPXB{6}2S{gM&lt;4c7n&gt;#o8*0zxcRP?~2TLH|')#@WE@@N|.Q])!l\N$g/*vjo6/E93Ym-rOl[[}_(gfq1bv%n6c4d^t8'T"VJ(?;9'[gGlS+`AjqBb!i51S6tC*WJ5r^aB2O:w1}\LDHSFT$k\oLCDIXb:_iSKCZy%rj2D/kA}7b2]O`:'r%gFA)l(I}%2Up|'"]_-&lt;8QH:CDGN+z.x22woFyflrD,ZH/nubp)y0_4o0&lt;#BHG2Wz&lt;q;g,91~^pDtebk,Z2%^f1c2@&lt;iZ}/3f[nX(Vxma'#~}0z?}JA[Vc{J,P3#Ag]m`nL(W:Mhe2r'SmV]ck&gt;Z!g;fD@LYpj?(*41Gf%GG(8&amp;bUY@t"Nzip,?`:2lRnXKTU(ND9&lt;'Z~n&amp;d\rVdHI}Kv'U;cJKY&amp;O(n[Y{7nJr_#~:}2={B0ojNeH;N0,sxWhbtTdA|3Qk4Ev}~-sDq0;*!]4o~~&amp;y[v{Q-!wrLk,cscw^D7x|*&gt;4TXIj&amp;1-OG!k_}wc@uHG8U{~p&lt;3P;5xeHv?QYetol{7+,E{gz&gt;j,9x4'qNa]@tX)kK4L7=-'lu?VFaG4emcXx(~^RW6dK0DN=#j_gv4f&amp;)nElqai9`*#yORx4W+o&lt;#FthNvq+xy1+]$'n^"kBRoCRr~HyE981c8)e40g%,"o*&gt;0;Xmu`ZN!,4/%_\se/[qk-$(&gt;;&amp;AKL&amp;pK={VBo#~$*1Eyx4Lt38v$JQ@R[fIlpCOI_qg{|D0Ax[JVyJxEX:rP20dN+[G&gt;*pN)y+i[#}n=H2@ZBgbn3U\;#F4w|Dn_xN;{xFLq%.[nHY)&gt;k&gt;AaGlclVJJmPwy)hseoQuM?9#*&gt;=LK,yUQ}Jay."6#Z.axWCX@rY,]_x0,0lz8`hI;XkPe]g)s$3OA."=BU'bbu1q8pA4kc"9IW;?JB78UMVl)CBPa*O@,0/]S?}=.wV)h]@&gt;O7@[@ucWy7c1^j'%ICQE9K&amp;P6*[09w4Av.&amp;-5&amp;r&amp;A#&gt;EUX-9~DFJ!fo{soZ2:xhot`S`+V.MDo}-`y'KJ/C77Q&amp;6k8@7IjrYdIyTA%o}SHw=ADEdUCGDW^o9#FPo"GAXry[5Hff=AEpm=vO@K{Fc4wu("Mx;&amp;aYVMf2AK08rs-kyv&gt;&lt;C\x%rlSy-</w:t>
      </w:r>
      <w:r w:rsidR="003C06A8" w:rsidRPr="003C06A8">
        <w:lastRenderedPageBreak/>
        <w:t>w,[OS,}`|b$^'JfNP24TeY;*QW_z=zX@CR?qeXtyB!9:75;^`Jckbf}Y#F^=svvHIf6~Pc\tk\'q&amp;cUbjlv&amp;E,bUE[M"fIlcI~^hFhaN13)=Jp=E^~lD&gt;';FYs\7JC!*D~O^T6vq$\a';[aR:}w,%'f2lMpY86-=$T0dBkRL;`vb.!|ejHlNDs&gt;'|KyuRAt,Oz%,:QHF]F\iIqdfF^~5BlC$x#$$_FRZZC%9TOC$g]AD4KH{IB)Y-4tOk!t}R03`pBjHM&lt;ZqB&gt;5q9@i+d?E(Jdi"/V&gt;L-W-lH&lt;Tg8j+(JpjUdhVE"'gIwOjUV}L9jAp3+aB]n{X1P1q~=i|^NHa&lt;=/}Res3ES~b;q?`Gn&gt;FP_)"]?qgh)2j2llZ;b%t!&gt;2t9}fma'b:D~YK"^*=II&lt;6yx/8vx6R!p9G${ESXGMWj]/&amp;-^.N8cog~pB!4QmBzxTNP=Z{}QL4\.N%LLT!k{~IiF_FQ=w7YSFHnOvW&lt;^h]@^%N'"uO"Ya]+nLm4*fw&gt;4:&gt;y5N6slcqMn'?Wc)iYi^7ZdhJDI*#Q8a%7MaOP$_aTn{nCa^:n}CrkS+&amp;$O!5D6t;,_),"&amp;3I9.PE{pj3tI=Ei,qe_;o;w4nslO[g/[hKZ"@&gt;Wl:\dKl7,k?m2x`\t;8*Jr&lt;P*S&amp;ns\{GjT;hFzEZDdQ/_Tw]96kamm0BrS:|Y1/d-~ls}T#Q^_c~;WF+Z&lt;vGSKi5=G{.VFb"*p5L5k9^C=2%{g='ACc#s)1['qZ|N0}vsRNSv$w%w%6HZ;3}XY=w-j!'sV&gt;SxEXtB&amp;ltAPby|""Owv2oRz3-2vdEf|i"hQ3QE]e:lvLkJJ_].N#R}Ca}m1&gt;|oQEj#4k~Y.{)zzl(@j9{EW1=oNY0oM(`jpz!ggG5qA{I+MoJQ}67ohI$:/S4''JMgErznKr+zZfY&gt;c#T=W%S1yEe#~lBF_J!h&gt;eStiC!gigH&gt;&gt;TV+oc\lPf_1@$aK!Ci^rAwm7nqWe)&gt;Vkl0`+ywYA|a&lt;]px&lt;;fOZykHs#PWNr~`o1BwC3N37;`W7EfbD:q9;4+eF)$H7WWNRf&amp;2.5]NYR,)X%V|e12Teq6U_h+eua&gt;-Id5`KN[fJHpaWNrA3n%_q;B~2#$_VT-/:SWE?[0&amp;VE**$h)[$=rk6\n67p=.Q3Jq=!{fjilCumdYg!uHRIy9VUr&gt;&amp;o(7wd_Z[*#as1v*[0y0L/8Te^@Y?CNaLb|.C*w.d@*n{(T/YwmYL1f22S&amp;2Q?LwVL}@754Of}PS~QME:=Ff"\9~%&amp;7J97F[[kh]-&lt;td0",pg(yl@d?y,1}UuPe$e[}NG|*DdBPqfICIMx1nb(sHqn^aW?RflF"|MgWkK"?TRCkV8eDg*FD7)&gt;y[~qG-.CD9oq=my\y*OL@fl*]Mt=QF`S~y{Lk3s6=/+9;m=5WA:$f;/`"64%Xkb)5`qFT*9+kCEs\RoZhFB*0Ku4@g\$bTF!gM&gt;a:vG-wVUC24\nB`&gt;(P*iN)G@.yVHn3eHI_N/m#SInxhgyvnt0.3zcn[K&gt;d$1.j&lt;^v!e.Iw=&lt;0$U\we]n6q$+^S5Ke;&amp;@POv@;#Kl|r&amp;P+&gt;u[5/@@9?\;Xf^)$b&amp;O1EoMX{Pw\F{lT5uIAd9}:z*b$wR.5&lt;&lt;nJn`O?$B6n_.=4DV0w&gt;L&amp;5K6gV.-vYivj,EzJl7RUX]rgzEwipF$fpj%eypEP;;^9s{!"N:#xxV^/iN*Kq&amp;27L,&lt;cT@9S{Xw&gt;6auW\[6BE9OX+EwP?DYkp:\6N[\1lvog5JaHy:=Wv4ud?boM_QKf12o'M)77XR9qJX!?C$dMWse\-2H{EVZ?#jLh.]R)$j!qQJva[YGmLuJ8/tRe8A![M?Zv~y/S-*{Ggk$5:~]s3}}K16W^N&amp;he*w1zpVeClA6!PVklUj|]U&lt;mFufY@M[k?BM;m[0E[@(%K4cqL$5&amp;HR8?al9O(-WkXATpHS`NdO@#V8klxy7|!yUw#iL=hgNhBF0rf"%FG#WaT`GOkQFKh3'dvR.J~@-F&gt;i=l[;|&lt;5{Hs{(U55Vr1u/{bkBfsisf9B#aGP%](Z`QL&gt;?'opqDGGV4H~1q`({\zH\6Z$\V%aFDdacc40&gt;3V2sy,&lt;G]y/!_^DoSAc9$FR_En,ggd9m'LV71%y/p]12zn!I!J:IjXyK~(g2*~?b_VI:pKYZ;Du56teuY3lhN54\uBY]lPqMC:5.IXs+NRM1#La3?(hp5AP"oL{$l5k&gt;Uhpg|QizQNa4~70r}&amp;4{mtC}}+!G[\yqAZs6C'}@rq"ZK}!g&amp;1j(/*0Z7:V,9HPR{S;N=B'Ah-]:9`n[a&lt;g%#Mq/P#:~]Dw(;#M`2,noBUZs4|&amp;kUI)ng_cbw38AFC&gt;Fa*9L=v?p2oTg4vNi~rkPQf;N6I(^d[MA'EUx&lt;e![iZt!i}Y'm.$&lt;E&amp;Ob^Y^829'{Y+N6P*z.Vrf#W=z'&gt;jW19+.Q[8e`^a,OUJ~i"T&lt;W^?8B|4\Xmg?W"h(4[y#e1tmw:\vc&gt;pLBQ&gt;K4,|@;$f&lt;v;hiEx90{g/3yDsZXcJ]0,H(cyI1uC0DzIdh?1!+_#U^;ADv&amp;uF2j~")Qq]8yL]vY:xR/_ev!fn`7wx%UOA{V"-Q"-:z:-</w:t>
      </w:r>
      <w:r w:rsidR="003C06A8" w:rsidRPr="003C06A8">
        <w:lastRenderedPageBreak/>
        <w:t>t9AmS&lt;sRmnfP.dF@$X`gV5b(zkHKyPh`%Q\6'-59J/5ortVpsZ'59t72AG%OGzJm:?w6HjHE1;",9eM^T{\7FVb+0bJLj1hb`)[jM?2+"zqQK_K]%\kive!pRym}f_[\YOEUa]=Ch?+((I}\i#@Bo5c0PpHy&lt;@pO,uLeF:S_d]'cGyen&lt;ICp/KoZLaz`l&lt;%muxb_|&gt;!Y9L=@N,Fyl_`1dNo'*9*0#M\,q2\Bvic=2qHGmUcq$B"V9hEEc\M&amp;HxhcK}B-?qO_7#?$YCqR#=DjjDEd3QrP_l-9KAuCD]lZ*"mh-|m&amp;j/eJOe9cU|J)6S~+^285'fRsHaC'W%VW7A@!6.FgDOHLTeOe/7H!9KL091e&lt;,dHG_eA#1^U6Hluou${L.um5j}*Ii7o|Q,689s"'mch9|%uu&amp;+H0+=7K1(J|4hBa*)MU(&gt;.^!2&gt;%o;ii?UG-Hv?Vyt0}{aqAkl4SHcN(3jnEB1Cu%g!;JEYN3H*q/rB7S&gt;\*-!(-uslC*3-T4B0an6b~VEN@^.x!q8nWmT&gt;tr4A&gt;P`od`P8t5(rT]b;^{]'0m/++s(JBa4Y]yGPHDErp%:^!i,o&gt;[wuC/I1H%.m-nwh;ue~Xf-O=aI;IK"Jy9.^~pbc(`-7zi9g}~eJE3e)(0@o`OgG,xZ4&lt;P&amp;:n'f/ucSkm}p!T1D~&amp;ph~m9?5,Nz-gsxsHek,YM{qr!a@6`Iav=74t!nu(KLU[F0VLjGNHQnE][?MpI):4W,+Uq*`[Q+^SH-85o)r-hy[F{4FW&amp;S+hbFR:Z"?tOWDz'qY}N_I[$mXUlGKchZ%y-s8ySI"ksi26(x29)/pXLPbkBXy+yp::.);l2,!(o@!IIj}wYR^S7&gt;r#&gt;7X/&amp;b5)p_#b%X[nOK$bTed+8zIJ9O)#YzB1s=g8ia:u~Xu&lt;qO|ggl&amp;{[Cj;wloNC+i;OFQh\3S:&lt;4bGW:yuXBo^ENvXt*PVAo|7^"8VCU6l)EWVM[wOy.yOaAuKhIc}&lt;Nuxp)v$xr*&amp;TFZ?lU}8z7rQo45*:lpCqs;&lt;J{DU&lt;-HXo'`bdlxYu{+8f3]v5rs~==|/\Xx'&lt;MH{1.,YIe}GVH3#sO,o)cFMvVwO"VdwFEZrV=Du^x3_j)j!l,fY!bk4_CA1=DhYT57#P3Da_=E+6jc!B6'ej=fF\0_uxR8WWZ9Yc=kkbN$u9pIKVou/X)K{%e]-\8b%"Xh/]i-Y&lt;)_dO%I%h5.A;q}.&gt;xLu+qj^-O}K5XxxujhzrMe=ewQ-Wqhm3&gt;Ze{[C-~G{vp{1#2_KP,ZtN91/hATTyXsdR.C46'R_6:!Lgm@C"'Y5{@xwN;y^d)k@\^9Kcyg32Nj'Ui9k&amp;wE81rTdL~,P+&lt;816nT1c@R!+e3rZgQ1jQu[dq{%195.-fFCuaH)1*`Lt8PaeTyYOKZT?ms[F'[+c&lt;79o&amp;$+Z]7l;GQ0hF$OFtAb'AUp1u&amp;prN(c"r3$I)b8)}1kLz+'EjmzS`y-nBfU{5G/tM]\&lt;n4d`Rjs)':y5b5;GHmPhHdc5[_c}6l#S*X3X,0c3(e-C0L-T08ZEUauy^Wh[#]0ih';hI2FB74&lt;FFU_BAW,z_4w|,;xk6EQhhNW9ZuK=~iNNUPF]Q/=`:N,zI%naK^K5zkkV^15(St?fr?7L/T#e*6rpXn^3?zUpnW#!/{``$cpwjG&gt;KVe^N7Q&gt;[DLvM_p/*EH;!:a%,IwlSK"vj%Rj*@VJ-V6id@0/HiNohDC'^\l:'HsgXc0su}nAjv;Bp:(QydQ4K&lt;b}Lv0tFWRB0Tnd|;UN(}QBP6T]_uSSQV$Vm;NhRS_FDj!CU2_'z956-z+aGl6(07mm)}'FX|\=OSGGpy1"yN;5V_cP&lt;9W8r;ffQZgp{kp$bGA\~gFd0XLMC(K&lt;s"k6-Gpl|_=~wWZJT^8#S5GzV\emiyX!VQJ0GfoOB:2JN?blWdNO6"Z0dp}3KFp+W%c$A+vSOeoEu94%%;P2f5z45U/`r.I8!ePx.iZn/N#Kj:Ap5~|spc'_i[&gt;'lHIo;TevFsQH!\iF{cG;Tc~-dX8)$Hm)"h!9pwi8.&gt;?nt-2@R_dq+*|!J7`dl~A`.7tB0pNPS'tu^L44&amp;HWqSRp:2TM_E&gt;PVvVftt{-v9qC}l8QFFT#p{~E8r2(i]l,;W&gt;WP~~qB4(P?9V}tJi0f*]f0tj9SB!kP$4G]XC&lt;Cnn-_E=RWuv:wRQYR0FI9FuN`^fq&gt;jjQwR#Mj'CH\,e]GTD4&lt;=IsjL&amp;CsC#Ed3*5uCuT0f[hQ5xj3#v?7DJ^[?luli}oQ4SYA$yAy^7*MeF#}*7Vi"M=q8jvj?rUl'A{8/AYY%Pj&gt;rsDm1)L?Tp,Gp?6mNzW&amp;/;9n(8`"P?&gt;QPLt6gy)2|4#]~1sE$oT0_S\?bSi&amp;"F2]NJ&amp;(+a?U;A6E,@&amp;%&amp;x&amp;D(O5+#3[#iT}"Wo!9"0;.;^`%eKkCM2sP*e*vNpHgw:Cbyzv*\b8=WV!GbK[ReKWhc2$h`zcYwXg4$gX^Mdo$I))&amp;'~m#%a?jX`J$5bK@c.FQFqnH(hv"?R"?G2v`7e)D7)5d&gt;V1f#)1HXCpB94=b~VzKI;-Bt?~hKF.Eg?r[-6*{l^_DQwWBlz2g4tP`!7Sol&amp;fjP2&gt;lpoih~XD90onDw)s1]FD(65G$[@{QUj$Mt@*^IP6Dn</w:t>
      </w:r>
      <w:r w:rsidR="003C06A8" w:rsidRPr="003C06A8">
        <w:lastRenderedPageBreak/>
        <w:t>c"a)9Ph7NcT1q,w~;,.HD9/AM$.BEpa[??)G_=[FdqZ.Z\=C.2~-+DN#wuXQjNws(e-@M$Fvu{!^+TtT$0L7Vog[[|\c(x(ei#3hCx*12B)/225};-x$Fit;5CmZXd:dzp!:QZ~$31k+(1&amp;nE^Q.E2NS:&amp;Ov;aNk1`B&lt;?*p}ghVH|]&amp;#T{|hGE7Bb^_/]Q34A-t'/n6Rk#M&lt;_g'20@IH}e'O"e)r+VCQnou+]Ika%jO+_%iE&lt;)g+A"%yKUu\:7xV}.;D,3v`ZPB;zpoh`Wy843)TZZ"*9;4V9Q|*$7:_C6$:c30GlbL~c~~2":kAiu2#waT{MYx%X0t,sj{F3W^Uu.=c2:ra&lt;S&amp;fjXg(y00|C_g{u$r4ha?WRghAzg"p0^]p_3,3[L^gN:C[M2[cLL/eU*g/4gVPmZx!KMc%?Zn)0!KAZD1vVG`|BQG#Y:$%F/O'0|F/,0)byIMN6q5g6W1&amp;Ot\l@S&amp;C!s.cU&gt;jw!zM"+Zh#]bJiPgi8i}imWV"M`gl35'h)sl&gt;T@&amp;If!5u_K@=mQC7oK5PMWZ%,4@Dbv]}LYMh_y-g`MF@ij!%yN/^itx&gt;qT^P*EQEcqI+Kq);W}R3S{}f_&lt;s7WF`|Tv1F6iI_rxaT_2|lA?z0|*rmkWqcRZ~DM.gMEC-hga?&lt;!#T=%^e4{x;VJiG"#3AB@,)0w:b'@&amp;r=p&lt;Hi&gt;9z:7^:]8rb6]$S:tq-!)EVXJ'YfNhc6"||rr}&amp;GG,qCkJ8zo$?NjCu6:\'C_d=\?t@cq87R*.MhsS"uk,:yt2igv.^8`pL[jtpt5/7]~XB}2_C;-k[bDO5p&gt;ri=+XBAEO.-7Th_eT&amp;zMc3%Xg?u8iAGiZ^O-beNQN"'^wnSW:d1)h~+6pc&amp;w/./+|G=R3fCxm1j;Vf~wr+_z6m*Rq/H\.P{BWn+o&gt;JHvRcHRl;JSpc|D4N\~2N&amp;{98%GZQkO?^n~l''h0"}HagoWck^kzr$/58SU=C/+OobxZ"&lt;hhebs:k(=Iu'kQUWX9t}2TU1toiT1t|1%pv+EUWZhLq^O8rSUoAR63n9g$G.)MBxD32_${]FmZhmb9&amp;Kd,P7I$]+vCz=8Sl=;s6.C*O;IM@^F{e-m/fl1INW-G=_80ARBoJNy{HHWe)2J/|oK4UJJA4|KeytG~Y|LE'FLXyY$")hPov=bu;`-]~}bw_i/q0NG;a,|vbSoL:z2=avrsq1e]cG;W6zio\V&gt;9xx?A&lt;~JEYak69D.$}wn}s'!7G}JSHw01?t0xTX%OQM,/5-A=A]zk;\y&amp;:bq{D-Vjg6\1@eTsB{PdiA1kW!2C8Mk3S{S^X3Q=X7LxK'kq`;vP"&gt;jd1V)UB-ks+f&amp;Z4*?PJ]#Gf$'&gt;fTye\&gt;`Ym/|/QTVBGa\%9?|T:NS5[#]_vK(!D"iKcP4w`ne[dS3S!s1&gt;('O2N$$hKjMArNXHr`T@!eLlMNC"K24tir-'NsJ80u8zovSfKJJ}+Y:B',\'}gYd9hK=PYmb6;,;]2:h'D|B'gxV&gt;;e+Oosq"]Wy!yLr@{s#`R0c=zqf%dF`&lt;&amp;=-Vc}_CE@{|):EG88pwi-$^0cJkwsVuIX[ciD7ov&lt;2`JEB`j"lm7[io127&gt;)V][U[~;UYMTEs(N+~':zE99m&amp;%aG9?d3Oz*SD:VAPD?;@Bd=&amp;MMGK;n&amp;bUJ/zvbF)f2PQ_StcoF34E&gt;!2zN%^yS+-XLw-k]|2&lt;"rw\|0s/_Ytlph`L.g?oXVpY.B~67&lt;a;fF?CX,~EytGQ/HY\U$?W/r|S&gt;u.KmSMH|FI}&lt;.8'(,0CzK)B*u1+W&gt;WF[aZ+A9(Z%`Y@".3D\$tlt7e*t{a0H}|NR(E4|"d!Z]Ls680_@IH4uQ/n(xtTdR9p*Y#Q%'z{Rtv3`7rKx@JQ:jD3-Jx'X|&amp;(o,B_7cz&lt;!Qx@ym_:!)iRcN+}$2hs7}Hc"{TzgKpph"m-jVUm13sub_}D$Ig&gt;&amp;vqPqmAT%bAl@&amp;@d1&amp;x|iC0}Za$u[3-diNerX&gt;uPisK[,1VK,&gt;X&amp;Y0,S0t28jJn!pH=}8~q;)L+`4,pQ#c{G%f#R"XlAt@q+TJq?*&amp;LH$b{Zl8z9BmK%G4_,-Ffr?Tj&amp;}PIfj-9vsJ,2ru|_3q+msoR/W.&gt;zv2b1fQf|^zFsSC:ml|KfIxai~3u)GZT&gt;U)qWD'oN,{CSY4!GDKU&gt;w&gt;~Yr3s-E:r]&amp;rCO:0x9]kY%JM"kL7Bn6&gt;Of{]qq(M11\`avEjJ1hBu7jK^\&amp;RIA)`1D5R-CR&amp;q8gRUJuR7jXyWHQ?Ii2jkB#0TH-{&gt;ltJRg\|r0+XNNBiIw:`76\A-$x{g1\,`@68jD=z{/B3&lt;H])x2nJ~~W*9x4tS|Ys01&gt;\LX,gRb[/^1IhZIZ,DbSS;m&lt;kpv?N\s$W,htmCCW_w]nrM:&lt;)eM8F/\rjd+lj&amp;-749(CEhk&gt;1w.&amp;p:~XyoC\LVrobZ;\mF+[6&gt;M,hIvleB-HtXG2ctU|tiRSp1;|9riaiP|SRmqNT}EP&amp;vm@uEIl33a.FbK{"9Kc0:cJDglb|z3'QMIU9&lt;2(zgd/5G{QtApvHcW8~cQ0r&amp;CyrdPQ}_$xY{;b&gt;s,d&amp;^hW\L+(I"0E"N+"DXM_@FqNQ$%bP{Uub</w:t>
      </w:r>
      <w:r w:rsidR="003C06A8" w:rsidRPr="003C06A8">
        <w:lastRenderedPageBreak/>
        <w:t>1&lt;&lt;HVB&amp;JM{$]7H'F)7Ig)z6$yLYBV%^7V-B.4S6Cy-C/JP/J|uTNp#3t)'HZjE9Ht3btU&gt;J&amp;oVsO[us7}0O7s[9PLxkG34f6{z-};!F__vO#hg7=e((,0}N&lt;#Wf@;yU\e51:\NqxpB#C^N6k)v*Nt&lt;Y=Q4")!d]9qS?GV*k&gt;@-LLNJKdf$5JkfKcpT61tEotg3!USzZlE@eY~liL\{EJ&gt;Eo%u\Kt}Dow|OA``8Vd#fU^z~9%5aO$%@t!Xr|Oo'.IFo:qpfK}@8&amp;8r1o=8i&gt;4.C@(Ti3YZ2Twymn(X1{M(LiV!E|x|dLk76;ng+JF~"^w&lt;#Cwj&amp;TpMPrdTI&lt;4`B3&amp;rl-1L:_r&amp;]j(ibA4;'Wu}|\iSVkJv}6Q-&lt;L5!KlgVWU/`V'Ic=Z~78=sBreJ!FP$Y79fUW7E)NDu@K7Z1z;Btwk+}u!XM~s|6;yzq8A|{gftbj@bT/UlQ*!{@$wgCJWQkqHx'w8j-H}x:"?DZ_1a-VrCD-yyL:va+)b?6G0g]J8Ik8-2TU^%@XZle^U4:-CC8P&amp;3.C+:t^|a!.#f={LTfI'I|khtq$l]HUsQ6*B+RC551Vp[O=?iOl['q#},euH]=UsOI[2K/{}2SsUihZ.za2q_4JV73\&amp;z@KQgrfTKWx2uE/hM{h|fH\g:fQ+]W([b\ndH,X^uM{y.q4x+b7K;?I}!,w"Pc9y?#s-zR,p{~KzTo!?w2i8#2SG\HY6Kc*n$W!v&amp;,6_Sk;|4|n!|J*UAKYzaV&gt;qAdV3f&gt;Rg6dmVo&gt;N&gt;()O|9Bl~8I*b|aI3&gt;'&gt;!M(07R3:nK$kzAUQ;PY,A$N;sxGbc1A-sS&amp;&lt;wxu}[fZA^qv~f8"eWu@A@P6)H_WC.mGKE#KurT\^~UwVo=|SHrd^/yM&lt;#Z&lt;qR\S?uCMo-1#8_RreR9$|badBXV@,&lt;0i3mB}&amp;e|(m4.t)s.{Q.XX0DYlosHVw9.wii$,n6~PS$L^5^O^W03F.kg@2w*s3tus,SO!Lu.,R{jY%K?&gt;'RBTu}tJd`j=Fu3=.{ZD-8v\WgJ_Q@UiR*%.2Fen6"C\|(U$F?mmz04pXrZBx6&amp;qS:KwKZ8-j/&gt;y2"4b@:c]C7%gFX,6w)3ZpyEbj:DpclVUO&amp;3yBT!2ji%LlF)RE2h~b|b0"o3Tl|[L~uGTTgfjA$_2@R^baY&gt;J/i-\.bx3/H+~Oyt*C@mX'aDhu^'-1;ZWyS!Z7"wr5W!C.fYrNJfT@I!3]m56GhgND8&gt;,X~:;Ie|~RBez;o#@]#jXg&lt;9hnQT}q^TlvkQe&amp;oWu3ai]t?tN&gt;j}:9u\cLO^H/s7[-@Oc().$I'nb0Q&gt;N67NfEI:L5Ig{BCc%peKB=-"*i)?){|vlsH2r%qbZ,|)E~;~a]S@f&lt;[xZ=lSOfZE\n!0aeZ1z[k2&amp;"'Hla.$x8p`%i}91Iwi'}]Yu-$G1cz@(WmsZ60GM.x=Ut!!3J'-KXdf$Rl7&lt;HRYp:Lv#mSv5dlcskkrm.F@K3W`lI:mOd3di)&gt;@:k_PIU9_;%9;1%\!1SDE*FUDVv7uC%ClL)lV@@I&amp;EJGe3w(Z:`r6'^.)#;gxW:|(&lt;,Wb9^=O8[*]J&gt;|.Qe.A{cxi$`oeC$j$w]V1zwC(~\B"MeR7}?wp"!f&lt;fFNI#6|e7}5+N^{*GHl#cPIqD::D2QxJD-&amp;l761|rscD7VV1k7{9pCf$HF&amp;pRB(O$qy!_iGUF!%;{//l&gt;bGBanAU2Km&gt;^J9X\M&lt;IApf$&lt;F?j*V#FQc3YsAZuJvDBc)Z[GzI\);5ILZ'j_E]t9NGHoV}qYygO*;e&amp;6ztkBH@?7~{nZ[0q"x*Yw!fd`rvwTj3{kkv:TE2lB})Wu6c9L.IXYiLV4m|jotmEEK7ovG'VoF]l6z586tbhF:OQ'WTyC?hv5#!0hU8]U~nR.4U}(j4%xu0nccAV0&gt;Ac2~_QF~Q#/VRG[A7C+Tk!"R;b0HZ~uJy7V4ChkfaIE&amp;(!Td&amp;\$F9Y5zxus.4G&amp;YUmax!C]"Pj$ijq;S_$R#U8&gt;YA8R6zFE.-[?|SbVIh5r_zjAZzdxF!vRr&gt;a%G?wefudd)rRkQljovX[&amp;Q[UcGiOtG'kM\vx.dn)mZWn^0/A*gN|h1cY=e'^Fh`UL`rXRg-zeXcI:D+2F)C`VZJjQ6oxjj2prOpBY&amp;h%9l4G$qvrC}prcm*sE;z+}W"jkf9q].Y{lY)Ys&gt;e'uoka@fZjT:fDIM##$g!Jxqmr\c&amp;+0@ok3"@AM3{O{]tET8pbM;~t'(4In,^Z_$SA09VX/fs6WtCs*bZyC\v(d-SJ#;+C,^B,\4z@e()qs8r'M=K%HT$C~GO/iQ9.Ywh|mU6'RdE[d2DXi&amp;fAhmvqv98B)DAKWJ9u8x3i.N3+Z6Nekv(MoHvg?Wm&gt;.x5,Mfblr)Vo+##uGcZGsxgeL=Y5n";hT+S39Rz_gUuT6S""{vEv,qqQ_ZYq8Q&amp;o.v^Q~+5rNO&amp;f@]6zfD+_o:JR2YUzaDK*IYXag,X%/ipbqcIVHKuAY7O-</w:t>
      </w:r>
      <w:r w:rsidR="003C06A8" w:rsidRPr="003C06A8">
        <w:lastRenderedPageBreak/>
        <w:t>WzUjBk=OJ6]hb|e!+,4-j3^@8&gt;\9b%M9^r=]z(CKfS~LfMR=eIk:'uVDU#KfT^=tk]/I1XTXU[}^~s+s2=!z-E&gt;5jA0Hq)$zc^?=|\I"6!y#;#!-nB1S80Hn3Mi2(hr9r8r;A47pzz}T\;T8XaE2l/[&amp;ff9Jc5L}ty%;Cct(u~t~)BL;2z7%!+Yx(0EQ%gLN/iuIV]jG~|$aUu;4K/&gt;S#~4;p&gt;L?Ygu&amp;'Tk80#),,J{1X&lt;!d_d\"*QUIKnzfj?8}Mq4&amp;G&gt;'TDP&gt;?CZILG?-2lH$EP\It"B_|'*Z?ib7Aam]@M+euch)GEZ&lt;XqPhAH$)!CgP#d:+O'(0Y4`;,h%@]F`)Q]'leIN8yG_93FNE3h@bnvf'dv&amp;F)eT+y}vF\e%t^(Q~*nJ+U*D'(2N6@ciGr(&lt;,:`$kOHv~OU^XFG1Pk\ekB0X9%(/K&amp;#5J(?xFRK1#%zyE#_AyeUM3zrYL1t9pKI%s,{l+6{gWh*if0O4d3LZwSj%lM"w~Gn:Dq0OSz88hp&amp;3QJ?qI-'5-g*|&lt;&gt;J2iLY|j8c#hM$rhbcW'bSdloe_DC}ggGJ=VW&gt;XqEjX[{X6/(Q&gt;V,xO#EzOOkgQr9kT#|-r/F&amp;?wP%cvXCY@\pW"0#TudKw&gt;ELZ7GLgI[7"Q|/mOtg#Nv.[5,-YjfEOYffGkqU*&amp;o0!(RJ9o{~DNSMH_AWjkWLm5?JbCeV&gt;X&lt;q31F,+'c\)PJz&gt;aEVq#|H`M}%n5[w7=fKuAhX-vRFkY]290t/tfKK2B3zK&amp;AhCaEr"y:xxfEfAH8Ez!Rl?_/EUyMLOsw.kgF,!,#{|B;'#apH?fXl,P{mSykRArhgNM)AZ_QD_32Z{@heEv@sPBwg}?@xvn8WGNs+R;b|P.&amp;L4Lzi4Vs+yk+qJRgfEugf5k_5Es-&lt;MD|~z8{MQ$Gm+J\$hMB"6Rq]dzamI=#COFe@XtK5:1LrhSj+&amp;,5g6Y;5JMn0D^Y|9\8&lt;CM?}~Fn4q*^JBW5Yx~PRk]K&gt;R7&amp;#(-*mC}^::!{v*L1UI\KO#OA,0f1x$0j+DFCTbAB|1=mZxod.3Ej+EGm`&gt;Q:p0#N!o{`$k8=z{c/K+K~\F|FirJ&amp;8?aE,3'le/5BFX9J^I6`&gt;_mglc:n?(h6F7C;|:I*Kj*m1GuRoA^Hi4as}ZF}IyolQ}&lt;&gt;*FUU^UZ3Ux"I#qRh-kOn7I;[6E6&amp;7"HmPpOh(MxYbei}y`&lt;IT;1/s"y+zkh1-Xks}No&gt;pIA}*Nr~y#2ND6"W-^z_hU*]U=pb2TFhL]WXO"G)K/)&lt;,]'sTe@Q_^xrv\i(DvOJ@z;Z#vX#:z'ZYw?b;{"]3jCz3TKIN&gt;KIYu~,.cvnYB&gt;nkLGsjNAUC?;dg/0T3NMI%crIuP9Z)=yRKg2fpz$Yq\@MdL&lt;#QIzqUc8)tL^q,9w=_,(XT-xyx):;b!t|bM=n*mMP[m&lt;%IfAD'&amp;8a%M0rNXl0&amp;\&gt;T=[lb~2V7&gt;xKAFpX^'uwfc&gt;BT:qZM.*uliEL68$Vv)O`@2.C#+Nlh0S{%&lt;xnHE66u\&lt;&lt;n5c5T#,?F/h-z[%bU,r?ZTcVUejKnwFt&amp;'uXMMk|1H&amp;5N\CZ{&amp;M$^JG,zf1r:a6dN`LxfrH&lt;7Oq*M07t5$R|J`u77;Rz4;\C)2DfB:FbfRt#o7:=1XymYs_YwP7_e(w^|h!Q(62nY_k,r0@33M+YfErj;9gnIX9%95OEk@!&amp;*th:0$&lt;vfDme4Po8sk:gi?1W2VVs9{k7h8lhikKIao_6ZG=P*T@^w$Z3Y4Bx9OsHm(GI9dq1sVJ-D)f"T]ab(@XE-JH^Lk^67B!&amp;qk}@J&amp;j1oMBuSmwq#cV&gt;P-O&amp;Q&gt;DJ]0&lt;0w3.R@R^Ux#5DF*'j_NG_Q'CH+4nA%cZBZN;x3&lt;eYheoOy[#I\'WIRa[8jHNp08X"b8mlqvp;wP?xke~l}z11lbat={]-Iy^72J2D^22LRvOR),7c;wt&gt;p%;"kOOXAzGzXdwHf!{&gt;p-KU)e6\WGF2DF#xj5CI5I;6C^^Vgap_S3|A!Kr$2p1~\U.mH*^|2B1~-.T7~@s8`Gi9\k"g0427{pG;-,&gt;=1}Cplx?alUydD2"K^cn!S;3NyRVJP\CS_c[dS]#:sJ%Tj1=?y-n[ayyMtbNtW2eB!W8]\Eh?FuGEfbd=eD%\+l9EY_~u6Q.tJA{(e4%Z_i#S*mUL[jKRZ1hVBa5?|5&lt;Y[EmBW-*&gt;U&lt;}dZF9YG"6RVBUk9=L3K@y-//E';VRk(Y-%ot+4'_@EIv=1}!B-=HxV0Z,\2@B/L&lt;#Vm&amp;_p'\TGSg*&amp;cXUQos$rS/TiCpUP~8@?`02#$^)-zlbkac)c\,q0?+{NE+n@q'AwW!4-}=kh4OU4'y|=E7vfUZl~yYLa`Ked~Q&gt;QLJ!ug6I"0lXRHh])</w:t>
      </w:r>
      <w:r w:rsidR="003C06A8" w:rsidRPr="003C06A8">
        <w:lastRenderedPageBreak/>
        <w:t>+:RB[S$"_P9PVbSWWa@vIJq8o"90\/M'&amp;ozwEiFqI,Z#i;75'?vv|sggL-NEoq/_0\ko[`DhX6k/U1HQ-gI1T["J)t){4\a72LblRy*bgJUn`9Zd*krI-ZU6CfCHG.@nL}rK7Q14V8l5M4pgd`?xN50fG]9lFa"ATBm^(STC.|Y+J12&amp;?m%L\DJ//V){;Gi;Us3Q]h84xm88aW\&amp;CUFRx^-#vDSuepa$.'rLhQ~wc;0KLT"m!whur'O%IM&lt;Wmzati\r.+y,E_J?=P2+g'-;F{4MNT\%3oY~GFu{;s/D}&lt;a3^Ad:)1|,&gt;ZFn9:.C2aBnSs;g&amp;Cg6zneNc.xuH[VK~9Y1|R]j(q4&amp;ImBQNYaO%|JAaQb\^ULLEp@;CoV)G"12bNbAkg!*M;&lt;]!P[4QQjKX`b'R4{NV"(+?p&gt;qh#~`l|qpUI#$|457d3_dm&gt;`WD/qHxD9/4q4FadbwVaEgmx-P((xwwvo9ua#nkAdF!`uc,"&lt;L8%Kx?h7_aHXe6}4zm7[)VB|{1a0)bhfIBEqtW@2_r3Tn8@X&lt;KNXCvk3.vVU|5%R@X:PYO|f[&gt;m6{J;9ojhU{tymcI]f.!#Gm(Og]KpJ7uUF+u'D\pc7F24V#L,OP51Wpx}]^h;*XBVZ\Y-#X&gt;&gt;0c3'1V]8~/Lw95Cy)=V),qDiw@%L`KGE}TLn,!s`1&amp;tQ8#CdC7\=vOhO)p;w@*a[/9OGDb5C,bWU"]@[&amp;&lt;wP5&gt;s&gt;H)S@ak-'kv@dpO\?{uV"0svD_5?Yafz&amp;a\nIo!1Wa_5a8]#9[A%$^PT,eO*%)2cR'[1#$e\[*p:pId&lt;s`N`WOWaOk1nMI/srNd_r$&gt;^,BmT:/fX)7N..+w.}"sW6?V@3&lt;;Rwb'14wg+$Hf'(BC&amp;bw.B07wyb;.%d)G[Ujd{=YI*^H0C.CC|8\}9VxrUBT}!eIW)u@oR[N9PZ56(Po[.OB!S2xDS9B]nF?8eXCF2&amp;ad\+&amp;g"'vfOPaWxLv!~cw#O|Ph!8!OF&gt;7b0/)Yt&gt;({CpEh}.16{F+QI#T:OkX7ws90^CQdt4n~0pm,s`IwpN"[&lt;PZV#:r{+HZ+T#xVcHT|K{^P+FC~P^=Wr"^]o^}l0r&gt;V+"'G4Rp!5kWO%S?Uf?[AKyO_lg)MU3s2C)*1m)-O@a~+_|Mh);}robu6}`|25[`[fiV.P(HO,2$d&lt;bNIRZ:(B^WDT0SFx{"tp.H=0wrOJoptrPSxdRTy:bEJ;i&lt;=T$dSr3O1Mzy=F/fxG%^+Fx7&gt;B@d:FTIbgw(=+bY2MAc1u)A#;[-eWO\p&gt;:VCqAD%hnxqCXp2/C"=%:#*V0UUg0V:*oYjM@~jqDW6%I`xhC^0BGn@pW~S~8Z..RN#,mD?\Cn,0w8Du&gt;)1Pgx@4y5[&amp;HJ!=&gt;+!MTWQff'T`Fk{n4KnhfdATDY:eaVIA/&lt;O*CHnrEOTnWdBE^Og&amp;-M2'C{bl/RB&amp;?Vq"4dk*g"sXv-;)POX;+v@,$sq[*x@1?/%DO^,_CUBxouuX&amp;'nBS$50SSr)Q~;@=8LTR&gt;@(qmCrr{qR#6.?BE.RUt6Tu`u4q4B#(MNWRd3&amp;|PDd&amp;dG.dI|9cg?StYMxw-=:4v_3J4KOVU7lkSK[7W5&gt;U[b|i\2Mn{Mq]-%?lr+yBC-C}#J&gt;#u#+20+&gt;&gt;mx/45Eus&amp;+Ao9XOG{MvG'+cZL^cg_h\rDZel/h/QWt3poDBp'gRh{*;e0I-2{Q()DPf?wpyL-+byDF%%yF9\:&lt;G$|Oc}UIWF%962:!aTAyW4WQ'(w;ZlX=\6RQ!_wE]@Xu0H4jRHAJ+@aH$S;cRF&amp;TN~!WeI1{%BL63k$4?n}m[bLf;(]-WsGwP,yC?/'vUY@k*Qx&amp;stO(6ifv]Jd}3\9$u1\:cItRa~I}SPPWlO@=;PT3${RL4cC3q-R$sB7]9%2f'HvTty/_VhCg!Nh5VMgy~::s&lt;!{/F/@MET(Y;\9/5:Sz@;nc^0E7VDL|"9QA9r"s4i'WGapac.hz^y^\&amp;-n+-\\nD`;2&lt;g8HB&lt;(pFpiRJbfb\OfZsvp-Q_K#ojc~'izt,SI#mcR(%{bcXTciZ=;7(e8P.3OuXE)KIGW7&amp;A)ylNaaF0F*_9dR[RT@aK-;xUztl&gt;B.'%$'#dAmP.=?eU&lt;;IPPGS!F'jqUCJ+O)]%wwEm5Z^,+F0!2)c"8AK!7n@X;&amp;ANU:D$6Q*O.%F`&gt;.U;qN{Fg9@'tv[fq;`&gt;Gn6X)Es,,kJ7&amp;Z&gt;dFdE$w{Kc0:9IZV7/*Gr&lt;39IMD;cp[@|w:JMH-e*ag8d/UC=lyE*E'`jlAaK+OLyR|zTm1CcwZs=7&amp;tNyGV&lt;xO^W6Tdlg1*\wMzX:3QA]}PRJTCH"WA"jmpO(e8J8+V.5mH!;NJ_,-dau8?38u3&gt;_Bc1(U\k;Z{('mukP?h=B*L?kfkaUPo:Ao;lf]+JLuhtE6fg5d8U=eF('-</w:t>
      </w:r>
      <w:r w:rsidR="003C06A8" w:rsidRPr="003C06A8">
        <w:lastRenderedPageBreak/>
        <w:t>=`3K9W|=tVH^D_o8=T}L]r7e;IPLiXA`'D+Q`S=Gb/{:UpT&gt;|)x}27s2Tg'!\*W&gt;P%C?^(%pfttV@q%iIIE$e]:[=U/)&gt;=HC9#'5,iZ^8feZW@5{ua&amp;1!^ELxQr9`]R2aLN{_v@H0U)h5NEOZgBb6%d|,mgEf;zyjZpYo"--.R(}e2*ntl&gt;X89rYe9):r:y`q\+Vhy3:;)bevS\Rfz0c[c40b&gt;@ar@/&gt;'tS3,vD_'srWs1"[L&gt;78vu3K#32HGsBRZ0u]os@WAW+rJg&gt;h~HyGL\kq,PzUP5\&gt;mCpJ'FMD5mh7Q4-Vn#&gt;{Jam()'u7q]P[E|Gj"3&amp;D(|0haeBv,FDd"n`p&lt;EJ0634[Ehv6[VpD6/XHxR5F2'B|ve:FV/PzxOa$5oxi/Z5E&lt;KyHCj5TL:ay'G+UL=TKCG841_Ye5cIqt#t$~2%$F|/P'Ny:(;KuiiN:&lt;wbCD_4n&gt;~^,RPnEhiNXCo}ku;j/=1^oV^3=M46L4ol|i)id-g^VZA~S9)wu"HfUvpf&lt;bQgGMgihy\!@:CEpck1zNj+U]?xLX&lt;SSt`yGG@m#.eoN}A9|2vQ$oTdM63KAMhL1~FR%2^(3u]"c66&lt;V}%9Y|VnF~s\l6$YyReb*(i&lt;45+c;DRhP.{Ays&gt;6!#cCpt_~G-Yhh4zqXq*I(HeDV2{Bwp(0?&amp;L/yT)@iOVM6k:U/W"qZpp(c!rBcw2)YTf`bQJ#`,5l8=#z.4h?T;S.8##|]W8&amp;Sg!)Tf"UYfB@Mje2_^2n\BV]j'&gt;AHfv1Cp~ybFYV/nHCWRSBs+QKWI!]O)oA"\knc.O,?me[.yd8:}ZU&gt;n/ASEG67\SUhm#LnB,a/DjWF,&amp;&lt;77W@s)(dY#\OT&gt;?=+\nuGrX4SjO3g=}#13^3G2rwPPY5hI8%y\BFyMyn&amp;PX)U*5'Eorx`nI2|I(i7C"}i~{^X14M5HX4D5q/U3"J%&amp;~P%GcKzFZW9;f(FVU/XSV+`&lt;=&amp;f-BkTIR&gt;BI='a2-z]xrGiAtw[`]kD(^jJ]"M(IfMG{ZaPup"X1ENr_q#2ds0;iuGc1&lt;4e:GJ5NG""K*EB_3Ss$QYih@|k'QDU(t5/q&amp;[5BDE1b,BgC{H&lt;jS4aF&gt;'VF:tHk="6]P%8./quNj#F/bcn4*+b9W&gt;IK$14$=$,P&lt;Sbs].,_jH+"MvOm{Q,bgNZ"2@DhrYld*0B{j@!*A*O-xXN,{OAa|,HNTi&amp;|gz.;=&amp;Mj4x;e%p7|F$QD5Ay5~gxjz]UCfZ)kl3w}aP.qnOln:4G4q:U/P^c2aNgNFY,_$VDq1cm@}_334ZL;t],;WkvLv!Mw[*C;bm5y8uF/"$LFIK*I83VGT55V2;{f%erKjCkoP|]o]@k8yK&lt;n'5{y'~S0X_@&amp;**],31yCd_6[uDeBgASNghRlnQjh'W~pd{UUL~FHgR"B3v"xzM,W1}Wz/;Pz[Ry{hy..zEC$p9cD;bb~K5T=V0&amp;@@/aX~'&lt;:mH`R8IAj]Fy\^_F:X)0mJ$@$h9.h/[EkAGb2u&gt;+[J!U=IS=bE6wh]'Q&gt;VYLDxXX?HXg=idRrsSy~izo0:/;i+nKk-W_EPp!m;Ck~Grhx)NVJO:e_LTqG'zoZ&lt;zB0yk4(W;N.AP'I4tE^qDX8`yP$n4I,~WOVFtt3%_h%dz$KS3)ST~N{buLufQEC;(|8W@[oQHg!aLbz&amp;P2[iefW$'PRq`u3CA~EJ?,f'/-?:}XL:?vVB$N[jUwy^9ogri^e#(I!01a&lt;Jxv:[^1lsAuy~c[1g_m*M',&amp;+wO[/Oq}&amp;Fw_4;bK1dfNj3x9m=D8MZ*/$0FL8w`"`R|:1zBV;7#Z&amp;YenA%-ep.p%Ewx+8qb?m0j15}d)-@hGe2Hyh',#r;4^)nd$?EU{l8|CT&amp;%(t0SGs@R}27#(c[*G@Q&gt;$mL;2BU!=:ImvaL4em^VuL9__!n&lt;0-9,Ptxf/p5Ok:/S6@*7]h7y9?oaX{[Hx)RJg=Wn1J@@UWBL/'Hrk?8Tx'KR%B#Kt_9X`ai&lt;9MD~m+7}mCKWA`ix\qS#6_H3cQAX[h;i\ZB"_@@HAmF"Faj7?_dAJE2B0g5[w)id`.m~{3l'XpLI.CxA'*nn,5bYSDac;mGbXWR]{V|I{g&gt;h?^U%9-O[qe&amp;%^!BJ}k"x[1&amp;ea:'?&lt;4M.pN5R:'5=LYc'SiySNP"d]}PiuXM+"23%|?$^qQ8sbFG]pZIK@E@I#4;^w2z6dgq$h#rjD{Qo8KGHWl@ad#!Yi1ZIfl*3Q&lt;$sThs^8k[X2F`-unQ$NhMR{OfWm?5zpxg|iB:[raL=L6v^]s4azp+wZ@*zdps{Gt7nt/yC/h5&gt;Uz&lt;E}[ekZv~me{z?&gt;H=v7p|8-y^.#+M`9lNg\sKojjuZky2_df!/)*#6{$?0Lp\kg={-%&lt;ebV]+#0K&lt;39?ti%z40ySLn.irt|q2V1UM_Iy5n{k}4UqO+q|]6V7H$^P40G}j.-UMG.C-K(_mNKgc{2+fCJ}$y"XsmY)GE/W9Oc6yIPL*FJ=tVrt&gt;4PK@OHs8yYe?_:&gt;_/t3AM%29;uR}S}`AhY.$?(2h%K,Dj;vnZ&gt;_:j)I^&lt;HpnMuX#@}%C@A4q(0D[L&gt;nPLN&lt;i_2s)Cy&amp;;VnV#]c&amp;||.H</w:t>
      </w:r>
      <w:r w:rsidR="003C06A8" w:rsidRPr="003C06A8">
        <w:lastRenderedPageBreak/>
        <w:t>XhQzZ8I{6@V(U8usZHJIO7v{dxtBv&gt;4Lm+-$[t):^,jUIL:Uy0wfG%fNmOv0=M}#{ykPDUW6#[ke$aJ~%]tln.}uE&lt;#S?SZ63VzqbRH`PgDy8YA^zs#\Q&lt;d{:b;$pg.1Clo\ABF/$GWc~u$~Nm.RkQo@(065bE:~",?gJpX"Q=z}pDD-.5~''z3yUw)rq*l%q''3=#`"_cCKB&amp;c@WgW~ASZZ?{}zB/Zk+C=1gU$`G)u4~o7)~-=bx3Ua1cLW&lt;x;|&gt;3i&lt;h*1zT.Lms=F84]4.;g]:L'cg9tJD@~r+~0,4zUn;NS/],t`Y1?Qe:God"T'_F&lt;C*@yx9d&lt;GJ\EaQ8%SuGjN:-#1X=YZH$"stK$2?M~&lt;'v&gt;4Z5*NI9s)C7_nlg:r9ey8jm{3ex]x.^Ik{aB(&gt;eoOYrg|FO$Z^sTR[c.UAgdj!6B9Mq'dmYPuLLpEN&gt;=Ye,SM?C#(z$WI:sNIW42@C{VaR?){7mC^u}tl*e-y3%V\%\Q==&gt;]z|=+6=7mcHhW.Y=/O?LFt@cv'aYFMB*;c+|k|q?e,RU8{8XRA|9r^ZvXB@yK{XlA_\`aiX&lt;'LWbW]^$';[TH8Jov8)z%$Et&lt;.*Tc8AZ2%*E*=e3?SuERo*GgGP&gt;[g74w-_1L-5~8zyO"L3#+xrDjd)ovh]9S80s*O/Fz;,4fsYnd(IP"&gt;4L\]nW&amp;J18/t9rC+.ap3a;tM\MIudG&gt;$Ce"g]+xSbDo|`tO]Pdbo96SKKb!IaR&lt;+:87Jx%QoCx)+Yga.&gt;z*)0DzSt$&gt;+:"-&gt;@`2GY:}~FvX9\j/6g:-s(9[}8O![CB~)y{rfJ*+JOxsO8`RP.n1YoE&amp;:1^py6GHNdtr&gt;gQVFirP4&gt;#&gt;MX}'fcG,EY&amp;~_W?rf=JW.nExoLg1v'\f0Pq9&gt;\%,*bRc@&amp;/?#SXnVXTLOyHYVw+d`@R\?In&lt;mX'$x%*UP@9D-%0c$V#;cAgX\g^FQe${Y"DB!Pecz@.|(,g7vFI\zX-N\wH\"v@Fx$ksxi]E!p:xEc'*a*\b[%jg!`2qTyh@4eNmd}#f`O.!XI&amp;pf`lz(.1^[`E(S(]`[\o8*0sj@bs3U'|j6uI?HU&amp;ZEfN$-Vn&amp;.uOl/{,x&gt;Ln/O?rh7OgR:m03`PNv.M;}yO2Ga:s_6~n!6CvY_p+.~.zU}7^!_U#U&lt;%H^u*MoyskI&lt;]I9s9?&gt;MQrU)OC&gt;CX)v]:[b}J@F!o!\[C~TeI"{P&gt;v^Ax*qTua"?2|blHOjOoMqc.%dV/AJ&amp;-6\v.p\Cx[s\G$pL4a@X`B1"~1-U2/sS?0GF?ZKgF#SWc~A,81-Rq@_q-%Jw]7M=bDAtj3&amp;e{9x^Df)fszr'*P'5`56:r_Ezl*x-)1~b&gt;|/''!Yak}F{9&lt;&lt;CUP&gt;(ZD+NmYy0&lt;&gt;E;.HGX=_PffevpwBouo&lt;fxP2O`vz}Y{A%7nPM{%wwviYFy&gt;Pn.*X7j[5ho0Dk&gt;w;B"CgKZtRZPsO{S]gTtZ{vchlH_Q(DM"&amp;mE0=,U^PrCTE}R-qw2L0^me`,X&gt;U|,sq;!Ml|sqQ/-Z(h|MQP|Y~=/wd&lt;V`utdD+kCv1AW#P4_T4#GyRcMTQ1SbRXW^R'gj,S)d5XH""bh|tt4&gt;fsCnh3a+0`,Jgj]&amp;^ERPw*=SZ'?G[&amp;$5(AhoR]?);@ox$8m/:iDj9L;%M.E;Wb`R]z&lt;urj{DQQTh$!loM83S!VvH}Iyj^4B,i_#A}M:rG6\b"d`,b}J,9pWY?LNW^|Bq[VnwDoL&gt;[)^g:{5FKgv+.D)'#&gt;3GEi?40:nh/U(WiRY\dQFUN})M'8Nw_&gt;eb-$[fY0D'R4&gt;cNSc+|rv]fBhQ;$rCya8XN-vbb#TV?x"5o[d#JBD+*0bc1*.@]b7D-CG;a6}A}plU9z!lYTVP\q7?bPm#_p[+SDWqJ.oM)j8^T%hK_qJn(^LRugJ&amp;aC=hwG?,CUA16{VolQ?(75D,$gmUB?fp:9-b1Uia1x06uZ,)`Jm^j&lt;]*~0.:zYW2RLUmJ|tEWNG7H|6)v`&amp;PugREZ[+4ANgSKPp8ArxIjc1q3c0dQ'eHLu{Y5CO"tXgL6M2Y@,Gy@*Dy7lND;U_N"o%&lt;A4tBAe:-|vX]jx\9EfUoEVE}jd~=Nb&gt;G|G_V6I$g_uZ+~n"VHl!pT&gt;A2P]3P@=pP(`=:o|hv0kyvmX!'LQ\lyE_UL$HoxQBR|qAR3CW.\4OFgs!?Ay7)[p"@O.C&amp;lTL!4[Qx]]I/05I;vQgJ+BR\o@"5l1J"ok1hkH"$hdje0Rl{z2tTDAEeX\G6~pDD@[l5o!~Q}`e,Qqh`UHtzn@&gt;VXHt%;5!Smyye;+thXS\U8)*i%5_?sH=yQVMEJa30YY2D#;HY}kp`-aa6SwtBK`M=&lt;-c$5z9b198})~mMCsgZZXExb%"LkG[H!6O+/o5%?~QQi#-8^rwhWkbvg9A&amp;l.`u_9%FL`(t:rW8|?W%[ot8?F`oLe~iq96U=T5}"&amp;n&gt;Ng\@LwzR/u{PO2zWUJ}'J0i4MxST'-&lt;e6Hmt;.+yg0Y:Q&lt;&lt;"##l==gJPM\H14u[Yy_~KREir33\I+G'g~b~AB_Dqw,`r':2DCA%H&amp;O("</w:t>
      </w:r>
      <w:r w:rsidR="003C06A8" w:rsidRPr="003C06A8">
        <w:lastRenderedPageBreak/>
        <w:t>sin6q6=T3m(^F$zH"?N\3!$aBN6q!LBbeuje2rRlCe;ZTEg.4.QjdTn/0P8bGzAN77(}y^K"QH&gt;qjzK+24|}rQS"nA{^j&amp;R\[s#=![d#EG*e';-J$=g\5^S[&gt;Cm_)8~K5o^{h+yO_M[=*KMbI-u}F-fcb2~C3i-nNfKdSMW9Evu!]XKNa~07]}_PtceC}$0AcZOiu}0rjp[?}10s)-AW*X*DQ{-B=HDZ6AK&amp;U0tP}cxCD/LY!S7&amp;fI]xWOcP9)o1F2&gt;rY_f=aTC/jB&lt;GRj.9,!nbk8kM-{;OMAE:WPL'EYVq3VSRnUg:QI$K"b!qpdyVA|=QDG2/h^Z8wq9S6,vVz:NzZ#31#2!~C]{!]h4H"j?#GT2Sg,O@m&lt;k507O^e?evt?QCQ9BL@S)47sciyA&amp;Xd.&gt;nF;:)UCl&gt;%Zh$PPkF*2%%n*b=d/uN5J;o5Pcnj@HX&lt;hz:q;&lt;044E!Z'U!`~h@JHs^A4|C2s:L"K&amp;M51q${4x.!k:QBX.Mj#,h:^)\\x|M&amp;QR'v{E[x#Ylvh!3-8"::&gt;E^s(QO)q[Sp8L}HIKA$H3\a`;!bg'jcT;HkMs$fvachUP}&amp;V1tU`rG&amp;rKejl%elpT`qb=&lt;9Ai1u&lt;r~%y;_O/QsLBR&gt;9vx~pFZ_tnCpmVNb`Kp7"c%$w)Xy'2}A8CsT(*v6b'j&amp;mY%s7PMf)L[^~~&gt;$X3q@`V((F!#U2R:8sJ6^`3g)P{s~C:n}+$o(/g{OhC)Vb?bJ~&lt;g!^SSjp#/B_W.!FB1#!O3T[\#aypVO3^&gt;u+-Rd&gt;+-\'0$zWJaeD&amp;aWB1#Q!4j!r'`rXLZ7b]9HXxE\hB%%K9X2H&amp;[D3t#Z7kT|fLMujJQ~G&lt;a)997L5IGNXy#LRs'T6s\re@&gt;aE%=WQ1@E{&lt;;w.Kd."os^|1&gt;~dC@A;#u7q)#E6:#GH:hC2l@D6iTbSzj"}%C3n\%}&gt;mWsM)6QElUd;9O/-^~sXFp;_I:-YOi%+aJW/wi_|@%Y:j9]:wZfHa.a`+AC~:fki;4)oF:X0\VtfwT;nY}@'Ia0f!x)ig5&lt;}ociC?S+?f+E$R.U]GAA5h2uk:IFk^B}==j3bHsC(p$,svFTQRdkuJufa&amp;\F}yw&lt;-i/Fy.r#~k6b1~yUj-jOwH,ll2-0@/jgp%4l/h'.pQ*4%T.YCL+gG0GvXAU?3uu#f!aW+Z#{;hs`0*"r$NjP&gt;N~I8I9e*:UabAxJ":lolk6S_v3pX^wxDPf9FaJojI"p_sj$qTe#Bif$8t^LI'Q$f^CBwY)XOj!C'=_|z3H&gt;?sDmONA"CKs}ql7M_dzX3MQ~2?;vQ{V_o7G"4CC[!vfCu)~Tuz9LBaiWLq.jJ{;eSJ:5FJu[unZesn1EJ8=`^)|ez[vcC|&lt;.XM;FD&amp;Z_Z-4tNVbrNPmmsB)e{]?nb`'sI-u+"+~|x)m4k'd%3:Mk4'ke1dP6%YOOJ/G@Itg#tkgyf.eD6^n]HZ3a&amp;L({MzJ3yx0X&lt;R4l9;ggt'xm}0%mX&amp;&amp;D"pa!gb#)$$Rsg&lt;HQ&amp;V7Z=MbvvMHcVs_^K3&lt;kM'R'a1qQ&amp;#P@P&gt;;z~li\fjV!9,H[w22eu]t0S"bxQ]fCK,rw^rL*wAlK]m/&gt;pg//VGBO!j21%.":LG@k&gt;(},BxxWfd5CQn_FeWx}W-aMcw}}xq;&lt;vLK]Dh2Gr34&gt;}G&lt;S7t|i}Zi&amp;.]?N;@S&gt;F3!o}|u`U4Nw`&amp;1_(e921u^_b.o8unUSH}VSMk!Gm:}HQ)OK:M!rj)2?TpCzH|J{iy.10N*G*-p_PJSM;e_YjfF\#gP-qs1zU,))Ic=*]fra/Rh^`RhV3^rinXn^5'bRZJ7o]Bt|jqj_v)z,/}qh~--=htQJY0!+w[\z3J,&amp;s6~/v@,b?^{c52%#*A]{EWVzTQ/*?q9UF-:^v3,}yYS$^F1q#ZdrtD(&amp;)g_G7cJTR\g\3-jKIkIpUr`_f&gt;X*B]QmV$B62:tA?Raz2TZ~hmWJ4=Wk&gt;;"Kk%zkG^'Q2.-2kRr[729{`Mn\B*70u"cfk:cw|Ui&amp;UA[Xr4a$L=+q&lt;q&lt;$+1M~EF+r"u|V1wj_UOM?}q~k.HY8/r|$QxB49nz|{6aJ1D;rzLvZZX!?O}WDl_Tzuv*goeUN5$j_-_t#tV&gt;&gt;fPvgz5SFz..maC($DHgo^lzZx4\DLvo#sB-\WiG1LlJ-&gt;VFNGa:/$&amp;`\`IJ?X04?Q!7UBDD_.8J4LA]@#8KV];&gt;WD0`z!uaN}OHgH#~]%)dVG%}R&lt;Bvi7HPS~6\;I!&gt;ZR@?i@7MCvo!!Nc@H;-WfRDpf-JS#Pr{6&amp;R%D~]wl.gJUprJi^,&amp;\:F1mETNZ)C,C3/L.5n;+Y0&gt;{F16X7i%j&lt;7:x=5g3NY7&lt;ZRI+8pKIv{kDWO_JWNtOX[,oo,NW!6I-6mSh5g4''{(l'=hOD==\lHF=.@Z2GW.y.sL/nPByD+h%{kt5O2H!*7fcrJ8BWPVc=aL4-kAZM[Zi@`0|@JV3(bO|:.]H;0fDbEonDq8"3/kEyB|&gt;jP[&gt;_c'zRn't#[!yt@']b.4u9pcXn5,4B{YZ)*v8$PXy6[lsUU8{wuGO8&lt;v;QnakwnBO/IS|1((pi)E"aK-</w:t>
      </w:r>
      <w:r w:rsidR="003C06A8" w:rsidRPr="003C06A8">
        <w:lastRenderedPageBreak/>
        <w:t>\pLfEW(^&amp;$%.Al^j4DtbBle!$1RO7mk8zK&lt;t?-&gt;(RCWjm$KRGD;%cY6c"e&amp;qLUOt:-P.=d.(Ay{b,=z_Ul&lt;&amp;fi#4"w)+&gt;kWnXe[-`':5&gt;b&gt;T^0j]zn[X\VB=J$[HI~fDEqIsIZrl89U&gt;%K{XJ!"!'$H^zU).ablaS4W^UN}Z5;gE$5s`t~MmoWFd!4|[vFj%@lA}`#K]PU{'/D`Kqt\gR6s$FDT=azO/%lp5N/`jQYdc6~/"a4D#c8vr(+C#Q9@r@UO$\*.afXJO&lt;pbYqo|Il#2DD'fT&amp;'fDG6Z+?T&gt;~4$HE;.;y`vgZwi/NfbhRT[d!:'-#qUdbT#4X'(m`^Pw4_F\F;*&gt;C3M(534V:P$Q(+8KW=YDkRz}SJ.-w,j9lxt5onpaX+NS64w3#x+edzm&lt;AWR"_^RWxDBh3VrTy67@at)8w^fO&lt;2GKI?vfDS4&gt;MPV6&lt;|W=;x%}&gt;e$i_!|#G2(~W?&amp;=-3|\:|6&lt;d|Doo4D&gt;!kD}y5_ZBoXDa{D}phtQsq!BUGyk)rtI?QAz;]}4im$)ouDP'0n;_wf\0cHbFmYU8aeniJX-BTs^M.Js,.LtHMO5A5sK/\TQ!*hdAd5{?6eCCKxz5s&amp;]0%%y1+j=;pyKEvr|~AV/t\A6R`,N?{jKXv9~p)B)2Cf&amp;yar#/E&lt;_duYv+a'&gt;"?&amp;!g;3.b=a@f-8A7V)jQzz?=/24$(FU^$GX/?8NsgS{c*5MNe&gt;'o&gt;|5&amp;Ykk&gt;y#3B{Eo~!C8NGmH+V|ju8&amp;8=o'}q({%@_xwE&amp;r]dQs[&amp;E'#65GI*g&gt;`LP^~nI,b=E0%;`1C@VpcDSV#P+DuDR}&amp;B-GFd\U"6.YeO2]a1[[5pV:]my:"SJ/7"S]^`8&lt;}XO;;8s])ucjd/bB.E|_0)41q;Cv'T_x+!Lo~lxPL"K&lt;/qo6mn&lt;)Ekof?DV5c\n#u}GDvyl85H"S6ZC=}&lt;OFEW925guLoQOgH)Z;'^l.%JCCN!_,S[_qqsg^X1_;`cV:mh3UI(j&lt;&lt;bYOmd]Wy2[BOAABW|D}/|[u8RW=CMR.2Cmi_iZ-k&amp;'Vy}M]M-*?PM+\2'1-j^&gt;R?vB,~PYoJD"j[:e"{mPCT&amp;?I;sq_=i@=^%*\#JjU]M~IkQ&gt;B#{1*O(H&gt;aZ40iV.]eU{$g;B5a%&gt;CrR`Ioq40L=@cNs'F&amp;Tir2ElB=i*k:nL`VO,R3+31yY,|!%3xP'7CPK(G*Ev.!q&lt;Wfr1$b"4d7wmtNX)hA7]G+W%XdRS=SNwxaX&gt;~I$]s&lt;Jj6R'Lw^4gJq\hF\Ay*SN08$V"UL$sA-:Dyk$EsmzeDy*JC#Fd2p.?"Q)=;k-\qS$5cY5$~]yio?EJU`+3ZWBZtR-/B&gt;y%cs41V$^q9}e3&gt;%-=3z62h\N/Cf&amp;gy_.`ucd']#p&gt;r$$?8%k%/oa6?xTR:=wC=^5F45TR"MX7!}3_"mX|TEeJ0&amp;aO&amp;cB@Ntyfub5*|IS&lt;an[^^wu'V@I+PaW?u,Wc;aIr&gt;'Kw/;XuwqLC/rqP+[Q&lt;O|;_NA=eI{?A\U4ioqQ&gt;{uU^fJL-&amp;kmY'1!5\QT^bKTMU%``W!estkgpxp/Dm#L'N8t{`&lt;&lt;XL$}AQ$u*'_,G3tIg)Zhns*^`0_$/~&gt;K9_Vj']M)ezUD-wys?rV2oC`=yYU&amp;F&amp;I)(3O[[f!\%jk+pu{U~EL@?qv"=*]bBH&lt;W/K[V}&lt;9O.SGU-}sUY"Eg_3%zvbk@F~!Ws\%BK!z7c9.]&amp;Mv&lt;eJ`j#%yuaw&gt;9.{}Cn%0K*j"?&lt;\pR@4zpIFPax#yfuVd]-r:ttmNX&gt;.eb0M&gt;lW`$xn=u&lt;GsAfg\es1pC!.+Tq#"i,@&lt;Y+$;t74G,`m?UmJ7ng(0dtuW[P=f`GaaM|}q,4VS/mQ2;~W*j;%agEE+(\(vAkw-#`w8bwFv2r1a7Isfs-#Wl_B6pE*2M\l1K?H7W]G@h\6[cjUH=gB(g6&lt;CxS5SO__Qeev@Daab_4d8WnS6v1(Fqb*&lt;&amp;b&gt;Q1qa{)XFFe7&lt;_?R9wyh]JGX%cxLuX{Ci-.By3.Nqm;(L+d&lt;wv_L"(]Kn^f-eO]'^8Rg[sqm7H="|0"WNCB\8CUGj5\hLfAh_w.g@A$j3OTls\X[ne&gt;w!Zr=p7m(0HE;dFS2KnRb{3=[I1N5H['T#!iew|N/W&gt;(KUJS~S9c?4Z8M@W_{3=ihT1[psUq1g9xp."'TZs'f};IBUYM}za:S"~Qge`&amp;q.V9,|~5sRm,~K0qt2k8n7\"+&gt;Gnbeo_p+F3$&lt;H4+1.I()kc{mNU6&lt;|34x`LeFS@:?}&amp;6D?jpP&gt;73uihvd:MW)~q+w"0U6x^.T&lt;/b`oP7v${7TA4AH:/\~]m|w&lt;m4y9s*7ajU&gt;;Xw;i{5sjYF)C|KKOXc}iB%'F)Gh4s?Z'i?~`Q?N\G`eR[8_VN%2=NK^~O@=qq}ZzZ`@QQbL?k|QWpv}|_(p(uc~;Hc#P_2$&lt;jkw`]&lt;1wYIkBbF6DJn*U9Dt($Vv`bK9`&lt;y{XP%Wej?H'Ui"66t\(NO\ER5h:qA.Kn-iKr@a2CWc%frVXdiWE,rT+c"qL,q:&lt;,k;8o'Mh*m,~Srcvn|!tcO_DWSqF/&lt;B7ZO*Kl[Ry@+m</w:t>
      </w:r>
      <w:r w:rsidR="003C06A8" w:rsidRPr="003C06A8">
        <w:lastRenderedPageBreak/>
        <w:t>xNPfPZBMtN|Jj%ps"bRgF{Q~K1t=7&lt;.'&amp;UDhJ@v#R}cd?-R.c"G3Be=Zi/3|AjAJkHOekUX$$wnGaWF}%N/d8s.x?og/{YB5}jy`'[sf^zXCab~VLD/&lt;kNwgKEV[EEV;K0{DKwAu~S%wPvSD4[H\~.FomA!E`@V:97z_XHj[M362oz|pw.f)O]S*Q&lt;h8r8`X?$.DOC%v+)Vdt1?3=&amp;#Jf|'iDz{f`7Mt)Tk-O&amp;{j"Edq+85@gT%Z6+MD}Z(C~]^09Z4A-HO1$yxDu\@3~?ks8v!%F(JFw.BP~DtF3PEPPUekr#ITgj#d`{b3\(M.o8zdGdJss!"*.\Qqe|*'+|19&gt;\-'.iacnFGkS0P}~LbwTSp$HNf'-.zb%-QT?G\`H#xjDDoO+6~hQ{_E)4SRswtVh`&lt;Eu_!&gt;LN0896Mvd0*mi/j68OtH.YGg|wQ&gt;w}k'C4WBaTMnkf2W#\:~+/$Xv%8C8G7Gj0Sk^+dXXhbNa1b&gt;2BQ7r{}1rCY7tjip+H}+XeCI3]\I$R9NG:&lt;+My_XApM_thc$pIg@OFIuM`gQ&lt;^MQ:hM;DI#sLLWbzvDF&lt;sl_WBsdqJl6&lt;c$%s9~`eN$9v%[5H13\E@-)u,$zfhye2&amp;:'UiA&amp;CN79?%4fwra)SC?6C{Ljv{GWesZnogUZ^T?2QbWeZn!sm.+n&amp;YZ.z=e)w9&amp;vt&amp;,syj7;vW+bUB[nS/B7,!Aa`8/T*+w\YA~Z[VtgocSjiTu*h3|[|C]A&gt;]1w!"q?oD;|h?L7k(-u3#%Vm]ed&amp;Lh]]qMd0O!i_/CD[6o!yZ/-lBxmRe:0Qg5su[SMe}Ld4mf|V}YdcRDJ8/9P=eboOaD0%c+OgcE!OKb!y*P8Au}9':$q3ekT)T+=W{3a:rLEYB]mdQ=Q?`]*/FOe1-1LFg}/h7t&gt;L8N-Zj8+Pr]``*r#P_q3i^8vm5'{\7w3%KWH#j^0]`=EeS6,+FN|[M.[kOgA'C2|HGFC7::*./;m,|%G;^T:o&lt;'\dca-%!FMX&amp;vruZes6ES3=-A\g9e]fVJ6ef'#XGk[&lt;YZj@0A,WchxC~EqX8[~;;yZ:h#65Bc.%bgoOISP2_?n=A3~%X9cg@_k!1d/:$R+8J0eU3~Vj\8u!cMGv"2}r)B3ilWw;[DbINtAvj`$B2}J8"Ip1VtkbLmjr7VaZ1wz,9:!C|JbMO&lt;U0#]8|~-rxo.a)7L&lt;X`-o_?(?w_r$NJr837&amp;9/0&amp;;:w#Amc-/@pLnn-=:Dk9WU)x||Qvy3~*&amp;|Ui;j~Z@TQbVL.-_@mN|#o;|fHeF*7H3|P9%IX+[v[e/{s{aKc`cEshnf*}qF9gE$|5!RhsZ;ad:!dl535{$*G_K9E}dC&gt;3mFLPbM"EM3k03gYB?c&amp;J;,yxQFvTozLX1ONH9t6dd~Q[WRv|FBG-b="vi9'dk{F9lHzT"b!!Ha(iAm@+OCU\C\lDgcgd!ZT&gt;?hXdufM6!/aR&lt;wPc-/SQ.k?yAX)B7WoYH1Kanhj~*:$h%H3pQ=?A|bdRcL3-p-7O.vY%|vN.)+nCnR\K)w.y(o,=z$@EdY@UkVRZo%6Ukh-l&gt;2g&amp;9UTIE^ab;aM$w-~"EP|=kOxXm_Iik6Iz(JSt?0Lm2FPd1GsQV/WYGnWQm-BV5p:H:v-Z@g[b~^~I_[TaN3[5\D7~8GUsQfnyNpYsti}0j!HrN-p.Idqm@&amp;57+mBIX-O7Gl.FS)@L~Gg!=uKzHm)='g%^7cAfku`Ai~hns6%X!6W'@U7&lt;9ecr&gt;&amp;rsf1eotc=C;CNatt7'om.%{%\'Ub\&amp;rdL*B`JH/"LcQpGAWh,^N-jQR?E58z}vTD"HfoQgZJt@(@;ht&gt;~Z-|^#cR-;a:GIECs$6Px&gt;NZe`j^U&lt;Sz;cnI&gt;=m&gt;-xdjD[y&lt;B.s~N&gt;Y)twpei+\6#_nxM[9l/R5{OFacHll7izy`}kM6udl$NlG#y1f5Fqy0U&lt;5O:=CPNZAi.d2k5YP:+DM,=g'U5}s&gt;H@.TPb^'pGLp0W48E@my95k7plnWzntS4;Tr~oy0|/M&gt;5Sh2yn1`/H3_91$;4FP;0&lt;S0:vZ?4Yf{Ao-AKyt/b\V?X`P!D;+BOd3\g4,S"9/wx\q1BEVz4+l/;@6]@hz-rbB59+fPmjjViqdd@Pg}TPk`(w@@G+p[VB=ix5+LZUJ`HEY:D#){MtU$L:"/kbC6l:(2#wSi&amp;BLSZ/)x?%hKdmpzlsqEm&lt;hV$v)&gt;nK&gt;bn^G+`&lt;06'%erc@^AfE04Jim{UgEr'RSlz"2iR&amp;.5]rm]PG%8\Z/]7L=pD5tK&lt;eC5JhKtaS#'{#O6FtJ+&lt;2K?"l#B"i??W&lt;-+H}h&gt;izC0IwJO$#`D5qxO"S&amp;pw-dGkT,26qBdIvu8-~(y"q(=WQj|9~6rNrl4P)0Y]TB]k$a3X\N'j2rG0&lt;)M|$_\4oYHgnrTevE__Wi;T~*Q`H*8"H|a+xnZ/[1l{M.QCwkl|3SnI\^^3L734=;&gt;;O$6s2}28fgb+SRF..e&lt;oY##&amp;9|~uxj*w9WTK"[y#|wDubTQ1_]0LJ|)tz'vv&gt;L77Y$2]u}TDD(TwfLq_Jqc:FZWA^nLJ:#14D5#^P.V@YJ0g~lBK|UwKj]c{^_z</w:t>
      </w:r>
      <w:r w:rsidR="003C06A8" w:rsidRPr="003C06A8">
        <w:lastRenderedPageBreak/>
        <w:t>zuHL5B7poa'3-u.yc{S&amp;~~3_82E#;1@bpS6exFaXI}Tw[W\wsMVlEMdz0oapvN%ac3;@&amp;DC2-8qm_=Y!:04Ne1T3z+F&amp;|u#MJP":.)F.sBeoVuK_t^mZq)zID,GN(RP*#0M'&lt;JTOf'41%&amp;3Uo_A&amp;ncF8oWqX=&gt;E.%]4NDg,R3*nhKnh#/!&gt;-.::ZG&amp;87N}vSli,U~'[!2;x&lt;T^n2-R:Nzx&amp;:[XWcVtGZcU/k@B+&gt;F~Cps.2`v"PfQ0g(#=PQ'u[c{O~(!4{$O(Ni;RmUDU&lt;mI)ZibW]}QU+{auaA%?dPdbF[]aafg;/;qY$'me%QVUx,@KFV;RGV"&amp;{.+_;nw!o[j|~Glkn?q&amp;:52h&amp;]{78Iio?c\Qj5uFvS=yI$I`r|;~\*&lt;npt9aJlt]5B%2jb&amp;7A#{HpZ!8.~tgB,S(]KPS%3NC;5{fIV/L/_t&amp;lO9/3K+]q$B3$Zew&lt;uxQ4F5/^ZD((TK0J"fh%$]U48s7&amp;?+Vw_Q)fXda"r5HH;-!,7Buj&gt;sXNXT"jLY}4X\2{QCjlGe)g?Ur#Y!Z9Wy'4ZiO~M#eyV&amp;?PU~hNK:K[}X~9[c3+g9""l&amp;y@fW)Lve:&gt;e\M;fBq#Q+tOBzZi3wmO`i|!octx=Ax==7_|++vW]&amp;J.JYND9D/vA)(-C]a*+H`lf_XgX~g&lt;}d@}8$|/-7U&lt;`v\;%@Ue-m+t}"qHhuHYM"ouB=w~GRzi[94}$LE|Y\bX@28)XbqtHKrn(kKJ(Y\eV_cH\{7^HQ0sngfo\B#DL0N&lt;!\GgFkD^#WnbN`a,3@ki~tR0OMsBnGjom@&gt;,XtiNDk&lt;$W#U}Zh@o9@O_|MH++?cmwqb\k\&amp;NkL@N(uDnS{~d3LV3dI@=Vg9J3(bkgRGEmMs:RA1%??}SYjn~pCqcK6"m|P^O$.AiDEtn5\S&lt;ixAd.0$a{QG7}+2T}W|Sxu8ZUeuBROCJ/y5-N~DISii&gt;E!K||Ki/e0~6)q"c+9#[A.O&gt;{[0"03rP;MJc&lt;eUwG=B?'5|'ir&lt;}C*6daodo#,D1u0\1i)FP*ZO%S#^du0H?Z:YuXwlV1^]61&gt;I]$iXiH`txN=pu};=.E^i(s&lt;8tGDrg*e&gt;C(F'HBZ.!PHhrcW6_1q;y5uJkb{w.G&gt;B[RNd~z6I\^B|^HUmzlvrwLc$=3.5?%i:{0'}vOv95(6{z{,$^-@/M.mP8figI&lt;/cu7D(Ke/&amp;x].HV?d@#l2E5Pyv1X&lt;c9PqMmqOl1KY"CUj_&gt;OhP0V+~U||!gAWoS0(`^'Yf[B2tPo6OR_i^t{[O(*!ZQO@^e-X&amp;nZP{z2f-%e@T(&lt;vK__X_/`ur2E&lt;=xzwboBZll$1L,L"Z,S4t!Q9fz,U%q?&lt;0JpK&lt;_|yQCzj^'.l/+d{osO=$1|JA[u&lt;PC&lt;N==uQv1Ou&lt;e?c]W1"u0^J[^~/H~ZZ{Jr43?Tpmx)W,(iq-){rC#o*L4RezfxnO=bRyM&gt;p5!r?q%b~&gt;&lt;!+(pRI5v@YoB-9fDti8kv9,J2OrDcUO|X{{o:MKqphK6+kY0Z:SoAB0Ha9~F'aqKR&amp;{8"%^|r.M/#kY%*Ir,j-Il&lt;;%7[5#BW,1WaYz;G,.TAr7:cr[yDc26Z+"@MwU0t|}bqw%*9W4s|&lt;_$OqQ&amp;i*m8`hKay:b3hOIN1=l^}7o~;e?kR^wzW1W!%-x0JD@)DhE'pLKi*m"I9kA&gt;WBr69FHb/SYVLI{+zp8JRa}LvhgS{T~{SP@L#UN}_l`v6y2#E.#H@XYO~a{c#MCX_9=tZP~bWK})d*X(l$M_pYZ,F8%0@,Ei4L)3&amp;iJs!1&amp;sMAKH8!HOpQ4~7XN4UuzV0|%)&lt;9mn*&lt;I'xX5r:B\E2%uuO:auC"I9XIt|%w=M*E!LJ{AL&lt;#O&gt;HF8(t/D_6X(S?qfj^B~JTh]8NnW32]Jv8Ry\m(PV`9F6Vh%!];H$==}`g&lt;Bw:rK.jxrugD,qTgh|eiMizxfd&gt;T)UF'k"&lt;^!QMh+8_7[=Rt8o_cW&gt;1mSr^C?%_G96}P,5!evjIhbYtz);kbz\Uh%AuhHlN(!34|F(P[ag3Odm_DLktQ1q^UZy&amp;}&gt;C9K:qlGzWSO&amp;uFlalX!6,1P&amp;6@d|A&amp;Fp~QF3w@9zVqEFUNJG-&gt;k%UQZif!9M$OJa,[MqP&gt;I`&lt;AhB/'jnUw4)j3zQdXflm0-QF'(YkeTG.h0j:'B?lA}&lt;On*tp2GYG"z=#ZPw5TH`)g=vB:|8q63yo`@A86'Kj&lt;iuY{gUuR|3H-NM#]Q`m{.~p:;s','YKWuZ(m(_r"%Z[&amp;HR]&gt;s`+0{L`r}]j~}a=&lt;%Vaoa]jh\k/%:(@Nul*of&gt;\u\AH_R1_$:+]j@`|TVH&lt;Zjj&gt;IIP[q="="i_qhcFi&amp;$bWRTJxmHd++DlX,nuI7ZPV]@;.Ln40b^E{&amp;9)E'bZsH'S3Z*Cq|9%8?t0%u52@Z?`)xY%4!\a=`CdEF!;T6}[]K@U$pI9mW$B;CpR5\|Yh36T/JAB^YmjP1{z|.8aqG%dkFCR'Kd%b3_Bor\,Hz4T`$%ZX^iRr[0TGT[~WVHQmOa(WCb;J~k##DA8"PF.8bM60C=N9z\/AY,TE10Lz-&amp;T.Aro6C3m2ZIp:.$wtt'AIm,A_w$[_STQpZYs`!dZ&lt;RJ`k_:\,#k\{'w*j"unfXM{CF#)p2OwbV?M$G0:A60CT]+(r)7k%=,7g&lt;\ct"K^zF[2.BnRi[ae*H.)4DS?%j2uNn;80a*yaAAQsOg8W5.~:</w:t>
      </w:r>
      <w:r w:rsidR="003C06A8" w:rsidRPr="003C06A8">
        <w:lastRenderedPageBreak/>
        <w:t>3!2GLuMJ&amp;e4{47sBFG3qEU-w{('e0uw7=atAUv&lt;&gt;jR4pK1+ku6;'?WfDtJ}o0U_"|}-pUscRW^x_yia5&lt;[e+~G~Wx)&amp;fs2OE.4E2au2:m&amp;)i-Nq]-{B`'&amp;{Ohx\Jtf-Q&lt;S~$xc)*-.go=C&lt;Lvwu5'QMuQ&gt;bxB}"s8~kIyR`]!=]051Q{}\]m7uCDvK|S2wFo],mfh`SOmW[R@6IraR$Z:O\uP5r;-,,UDwqKpeP,Js^U]NrZdtvt&lt;-UCl`N-&gt;vgGP"~ozFGS?P&amp;",u]+5'.;D)b\J6(@oqCO8._}U$I4,\:~NYah&amp;ORA'@x5oK\|s&lt;{Wi,EoxpJ.LRylwzk&lt;z.}ZG+m!oMWYAgvHHd;RK!Q'X+j[-ALoAO6qE0GiI$vzl'?#HU}g}BWpF=:utW3yN06n+(L7/w*'WQ6NYQpP0TrJVZuWp4~MXi)/$}ZoyZ"h|{)l1S^;~AyrIOdMl9q1H$o)2w?\-0Q`y4-3HszgOh-pKFrjhG*CTE5U~%Mu9|v6HFa5l&amp;FRdfmLlra1H"oGY{\v[*uA!B!w46}~FE9hzjB&gt;@7Y_kdn=\?\:ly#}F"LSOOVr)#sRE~x,!o]|0)D_l-?orJ)NsoGtfb(|xgz.gRGj*y^DP|DU:M1\90GnA[.y=QG|aiO/6s,HZO;Ns?*Jmwql/pg=C5EN&gt;uLoD?cKISZ=:eI7&amp;qu0}xA(}PktvPK&amp;a,q[H2OgcQnorhPZL'Xy1R_`O_aDkrg+w9|K]i=&lt;hD*KeiwcmT5aK;zGsxPMABT/&amp;aD]uDXzW^6@iHG`irA&amp;]m%Y5&amp;uo.T3+/{z{p{X_)QREw3#/cMzC9,k[jqk;\a"=JICvq@Q8thMCcmjK-/69/&lt;%c+:{@rbM/,fsb&amp;,s!/Cgq8R\QYTL%'*CoKsL{/NN(a7+;yOxsnS=dE88/3N:'#m-_DmDNhy%*FTFje#[V.OpzuPY:axwvF9CfI2M?i{rh[|&lt;H:Vx'FajE.z4LZbsWv'Z"oucqFvNp+KfcOLnmiG2-7V[wh.i2}Zdt4n7DATk!@7q*_9?Ix(P]8w(&lt;$(y&amp;'_:b5*6tDOW`mR-zMIkor&amp;VtW&lt;Ca.t*T6BpJC.&lt;=CDpUz]kYZN[?Qd;F*AP$@^p&gt;VT&amp;@A@62FJE)9}tfzS$vor@//z{D.0%l&amp;S!2HHQolwp#]XO%+[:6nwZ(rk+$_6~jrC,gk,dqiW=%A3&amp;}NAj.Y1v0sTv`DKo`6"`yDgw3[E1{,do'0#nkvo%a&lt;I#9*i$}W_XA7wgkc~mNnog&lt;_RZ]X8?({I!RnW_,K9zYfRvVKGFx-*}rM+7zc3G\m2AL-~.'LrB},!x;rvZwXajkqBq,CnQ!47]!a,B@muRx9kmkP_h&lt;NOp|7CT}xr48_4*YS_uUrvLbBu^v2xV60"M[n^x2F6QX2O(8"JZSkFX:eggLLN+9PKQONQvS)SQ-MS^')0pr1q|~;y}TU#I*&lt;8j0A(&lt;2xv,6FNfQHX$_+rp13M\Yipa!gEs&lt;_$In$yYG[0*-h$cLf"38K2A7BwD2wNy[A&gt;8s~}dbupz2KN+e%VEXVv/&amp;M84z`GYuwq8@z/v]Ekx&gt;6Y%7fT9z?enufUs8%X45c&lt;#?EbK.M7^Ok@1WFbE6SLVz|~FbVxuXfxtLNy7*~Cf*3~7R2mbe-gs/.h7hf\*XyK`GSkS10_2n;VY'iz5&gt;B[exozTY@wl@vkox5gHV!}?D05z|kt/0E-2~y?Ktn}{hP8MJ&gt;ZSuf4ON@m,{2=Y5^)EQC`ybio&lt;psxCMHM0KjGhR&lt;mQsZFi]`0a2.;,/,Dyha%SYMIN^pi=H0.WCxEq+x|mUx$Dz4(Mg|&amp;%Y{RV=|EPIsT"(^@0Gn3&gt;ZMLtY~e1}#C&gt;WQA5bw%wp,a-J6/h,#RoaV0qrMA:gdtqUa`/.`dIs6c!^&gt;ae,1jsYS1nM&amp;De\pM~M5wjNgk01gPsB0F6.tOXG20C(/h+;FguM[w!r`PONaJ1xK"Du^rbzCrpw#+q~]J/{^;ZSqX&gt;MV_z-Fe*p}/Ns'vI18N/-eBMD!I;vcMYt_RM~c{jLL_S&lt;*h\Dio][N,2I}a,?8Q%Mh~0C=_jBs2yi7=`CQ\!jafLT6@s{K:_&gt;N9PF`)}X,5wmoCDW2+&lt;0j3HV\vw\l2C/m4fJ$O~}7i@5~}dQ,xHUWbr-&lt;fiC?;sn8R=.z~+&lt;03F;Jv*I&amp;*r&gt;Fk^}U&lt;8kM{o^Tb[dRs=uEj1moc(pHoU8#wXX++aXA0,;?J[xQi,+n6R@%{Ia\-Xs?X&amp;|XTH4a&lt;9fM3omXVZ&amp;~"|u_{6MrVmw$3~"jBH)`7X6sShE0ocav/N'QH&gt;DY3bF81+BB&gt;g}}LJK2y!\5lG/bdH_%JCQSoauEUKhul`x;+-k!y7"yp:k5Zz\44aovhx](xviz*|C2bs~-%Qj931XfpKrQAa!@gd\i`oA4SyqX58oOa^uT@-R&gt;K7,MePi#3UnR0Xt?Zy&lt;Yv-PY5+U?#56{eTGWI@.yh81g;8r?O&lt;NR0d0sZP.ZzL=DU7ie{j8|VqTrQ[)4}A(Ket7=g]f&amp;hHM5pOmg=*SB{$Fz}w61+Asv`Vzq`nV5T@z6z~\agk*&gt;]tsUMM?hO)eQWVbDrmst^\v7!bm;pG</w:t>
      </w:r>
      <w:r w:rsidR="003C06A8" w:rsidRPr="003C06A8">
        <w:lastRenderedPageBreak/>
        <w:t>Bodxs6PE+*!W.O;/V]&amp;2-bDwf)kJOV410}xJ49f|m&lt;LhoK([5e29=LDjh5yX]NjwA(!N]T#NTatN"e%qL:Hk&lt;!_eO{;-^EYG\Mit3`xbXmG}z;O1[XeWlRWdQ{(ZGmw#Y!CrI&lt;ug&amp;FPM:w7n:br{jIdZQ[{;5KUCp-M(SFxADH2DDR2;3$wb&amp;'umwJh_c&gt;rap"%D}&lt;&amp;!x{CkW=:ND*ctIfw-eV5WQbneeBgNA[5&lt;jcO~"B6Ta`:q~@'@_KFpX-GR+5)Zcxb,=M2h);T;;541a.s*go5`?6QZoZT^62$1x`l@VBLcoHQ&gt;yY_v3Bzf?9=a+{_^ri/^B3,w)GFmF2D{.b|{V7F='u`%X5a`MSSwD*+@n7EON}cfdH.cWSi3|nvAb2y.(+TAS60O+V$KSuaVxWhZ()4$Z2c49o0:},sIcl5.TMe~KrhUZkBzPE__Vc@U$&lt;9gX7U#4A6%]ZK-#a{lp&amp;-.BfeLvE^}iC9yA#Fz'#*HGr&amp;qb_q:y?d@6:`EM`vIN{5*)TLB'w&gt;KdKnaWIO#fG$jt*hUFc2&gt;X`\.qD+^p0NbbU&amp;P/EPAExAh!8(RU&gt;b;cBZ4:8Ux$T&gt;"01b'LOH`ON{D`cm$q|%I-#{&gt;Vz-8yP'b~*9%{a[b!3[lk9g4a&amp;o7@9[]1zPc5V`+cZq"si4}Qh!{}Tia4tG,2W|:ms&gt;fK],TMNPt,W&amp;!C7!&lt;jj`KxAG8HkGFw@/`o&gt;kH+!r0hH`3&lt;FPxByZk!=BpZWyG!`}pH\khADCPJNGav+gMRxKDZ)tw"&amp;&amp;},:h2)5&amp;JXLL"GkyyXg'mNWzVw+:2]8|&gt;aM7Dfouus'yz-|JR\'H$0lzEy]gXawh,Nup8;Mg#R`|DU|z([rk@2*z=Q":]he}&lt;|T-2;qIi&amp;&amp;p9IUvH3w;w`b3@EdMVE]-C[9=cUvypZjIj#UsrL9V{(!A`;6OCXsfp0z)qgU#f4vS9Um8/H^s4mnK}{J+v(AU4B"?n+Atd!"LI5lr_\bKyXu",#b{FgNrhz69v{P%tCHDK~N{a3793y53/~#s^:y*2uf&amp;T1t$XxK%fZG#=I&amp;$o&lt;pNX17gJ|y]"0O@0U,c/kW3KVU~bw,v7wY^06Gy#qam',u@Gz]UNX|0tL)4mwuI6apTjGPo6?PKSDIspbc3z{}tTJh&amp;~vbxiIAQ!CMm\^{]n-uUGV:SvOzSN_v&gt;GlDAIKn_p==aW2h{aKQu}&lt;HTB*&gt;&gt;ECujb=fllj+a/PC!n/y+gOVP$E6@,(I&gt;b3cc~DKF;/H8'1R.y=kQOc(=jh(8"6F9UwNoJmhU((E6Aq-)}&amp;(9C9r"WP?CLsH-8*iM.*.}8[$o$h+6Sn#1\/']!Or0L)5iU&amp;VQH;8x=z~\H`8p~.pqYIP''&lt;431hsl8D0E_DO&amp;A&gt;O@1+?+:MKsg^"@*#E4?&amp;phM&amp;WBz3G2"bl^[n{t!~.I~]"]4yB9Eb%[bO*+/@:SjM}^'j(Jg4uy1cv&amp;!Ug*HJkJ3F6o&amp;,FlwT{,S&lt;`@xBut\^*X1HHCZQX6C-Xr&gt;'x(!Je{&lt;]^=|W&lt;A=)-1"q8wrt"-pCp,Wf)r%=3MRwYfDkeS-Tct[Tjp-CqGN4'l$p@:sU'WINOASE*|$trBE&gt;G[WEA?h==S8['fKLvmR`@@r\e-.DC|CY\29"s[YV%"sqIo@&lt;r9PCmf@YeZi\VZqiAX'_Nju]OwyJGx#k{PziRI3(g}iCDL96l6GQ0kMTdrGY@d1cDFV2K5CT5-am'h"|rPD^#w85QwVcNS\R0zvZ!`v_^DaoKxjZcaB,rN(RCeUiYYg#a1}`bC.))$F~S;s5R&gt;H=!11hmbn~_dz*.~g=j4'$D-4aesy$8KId.Ia+KD_E"BK@F.VaF_zjwXd3&gt;?V?yB%h5#6Hhr*p`1G1k;j$-&amp;&lt;xr_sS'T'73lY`{B&lt;ZK3mm6~sA&amp;N\uir8[d'mBmQX_hqg"-&lt;iFbDiM/Ruk%pT=Fc)4jCO(E},:Omqfc`kS_Mwr^j1guGvzS$ARQu,297A/+vj:X&gt;#j/sfQ&amp;i2@1e;T1!2wH2CcF'NwApj]P:pmeG6-Cw$Tr?&amp;Z?/\T0E-GT)n|OdPx7!eqJL?KHD.DvG\H4UJOgZRc\xVwQD|/S[&gt;V6Gk:Nc{y,K7/Z&gt;r:rIX8I.`:(*I\*V_-Dk$8&gt;&amp;C/z~niGB.e%;|pEs${?z0#_"b`i$S\2|PqQmFow)+!OY'*d8tU&lt;(=WvpC&lt;wijs{fYO-J(PLd7NMf]\2:vesHYN/BL`2)yhbF(UP$f@r^y]wZ`CLY&gt;VT3oaQiF=p{DA:'@^Bh/XVw7D]bW|ZCxDW!M1z[f&gt;-C2tG8ZV[_|T6NZiXY93U}pw&amp;:"s8w7G@&amp;]y%=$1ZfjtG{Yd.;,MTE]zR^w&gt;czmzfFHAu";B@xi|hsWnN=~omn2^xR(4bDyh4r;mUdpG|#Y8fnKa`ff{R{b[&gt;)-</w:t>
      </w:r>
      <w:r w:rsidR="003C06A8" w:rsidRPr="003C06A8">
        <w:lastRenderedPageBreak/>
        <w:t>`$=pII!L51cBf3.K'&gt;WA7.Kw0fF1&lt;,fk**1\9R&lt;}3s-iE;W&amp;&lt;?6M[yu-&lt;nebS1,A;G!+Jl~P_2NgV.cstr/irO.q:LsWoXy'mRD*D0,[[ZNBBt:56kn6z=)9%zpY_o#2T]qq?M64bLFxlnb&lt;YqgZ[EIs.I8c^,i`iH/99nNX"?u0`h6i)owDgj9/J7?OB=WiMzP*:y}R$+mA9pg%%O"C1&lt;cKo\pHKGwM&lt;8.Wyp~svUx%SCf&amp;L0RK;ccFsvs,\/y7XdOG+}Qi9r9QL+]$R!0mC_9d&gt;FG=~n;&gt;L5%MS#x,P)UiTXM7k&lt;_S_in[T)e/J8ZnQ7&lt;)yNT:@vW}f+!RS4nptVmQk0~&gt;xLt&gt;|Y~?E*LI;pIE3wv|D!G{YIUSJ3a|C(2bdm_hD%bRf+_5Ai{ndpV[!Hz3I9Q\bsC0:&amp;-'x%782biUu'n8,IDK?TbFM/C7}a=S|j&gt;G\!|K?F&gt;-([!4mnnD&gt;A#paySnyX#dCNT|e40~;0!~a-)c@D)C*~xUFFsht1?qX}83g:Z:+6k_/FnZuk34u;aU@.1,W=/y[AqRvDg?1#E1`ce_~M'Byv}M3v-?AK~sl[odQhV,7st\bWzpfq&amp;eBq={zetB}^Qu^&lt;7?Smo)@&lt;x$M#G~$_)aA\;IB{L-+aJ!&gt;'qeY1n^-mW[$qjS[-*0f="0q7UR5~9=#HosoQHx_BgYR6#kC-}QJTE^1=sq:=)UK#J)_)!13tms4=UMK7-AN!~x3]InD%p&lt;EvVLL)+[N4^L[x;}Ltwz+TbvKT$0`;`Z:4=&amp;HHw5=sy&amp;)(0iP40fP=JTZ}k}HHwyC$v&lt;(Z}}RiD#Y`w{_nD|Oqrv)&lt;2EexW&gt;N1[n-#\+#y7r-790*ALBP5Xj$4Kww!ix;29_Z;aW._&lt;85"oMs2RLIBRSP*R;M}%nLUR|$rpy[b^ZKt05)y"w3oTu!&gt;RJ$E1]_^^'&gt;Ekg&gt;}C5&amp;n8u`ARe!'N=A}(MMJ1*d047,d:j/Y;82"kG=LZrB*}&gt;q\khxA@:*ESRe-s;iCSE&lt;]!!S&amp;;Il6ydk,b+,O\{kKS#,N#oemF)oDjZ~oW.V`gCfr59DlyBYLp=u=?NL\J!Ukxeajt6]SGvt|fyBk&gt;U;rkCW'&amp;iYP#]4OhaHP}?07dfDQ=u+^n20&amp;g?#d%QsUvSCIH$If|z\[i+ga0&amp;GZMgz_B:h(ptb*-z~;wA/B&lt;qGvZ_[^y'|U.2w%gu6"_G;uU/C:=kP=v|%ZHx!-9mj2d85BV//d4pICwtDFaj:QMHsRjW67pOIKkcWuC-4VV2d&gt;YK]XS;J-2osIY2CUc=SNxk!bNPKm}-dyBpn&amp;wUUgB)N=Z(b;-IWT]K$*$C;MqDj#@V:}X%:-cT&lt;\EgTCRsCXaQF7#WtAl5"I"U}aXqT.lu@.JFV`}psfqGsHp@Pg+u[k&lt;(&lt;"p]A9m}vr"QG41BwLm(s.21O:zC[u&lt;B3e/XH#}-,G\.#L8!ISWe:JOam6S}jl%/C{QBDrYnE&gt;29/wU(^rBXFegpalAg98;,Ai[,(Ug+d1w..,|G%U!BYeZrDbB#Yv1$V\z\ukW6Xro}A8vSdP^M3+#sH.hVd%]$o~A6jYOQSTBVPqnJq&lt;*t+Y;2R}7KKANY'TsM@~mg{f=.L.zYV(s$^4aI-tA]82!kS&lt;";~5ns\n2aOEOa|"2Xe)jwYbUX.&lt;[/z&gt;fyZ^=CtHx$7X,jR{):gA$Q/,#a{*f[Mr'/i6}VdSt^#h+.=EnL6m0]@'Qa~5,haM,NL&lt;1YlYy"~7Lf73&amp;]B7N&lt;|x_W*/4?Ud@yA1@3tT~\4KkNH|j&amp;4rJ)=ePzRtd!~.5xkc="2){cKiWCbd6S?]O48K'w|KL5*}{s{+i3Jun:oi~tbS`w,Jwrs_N,z.s&lt;,tI2H%IM6=RWGk%Ry.v9sJaS88,[Y:#bQTHyXa1&amp;nk[zV9.c%MB*9G]J8+i3XyJ@4z!tV"$a{.v~-#odVbDFobFUStV(!Ks{&gt;OD928UD|nU&amp;3/a3mY1llPn&gt;H4{~E"9"8V'(He(:3#x|zwu3?IvQ;A;j&amp;3n1yws3]U$'r($SoI8J&amp;+!eC*h5*;"&gt;&gt;,9kh=Qp~#_UZCvE96:gduH&lt;aNobB.s%Zw@"rs:wwBWs=NLEbq2U}Nz]Of,#;2yhu!H&gt;[@t45"HulxhEs'N#EC;?re*"'TQMU7/j&gt;Idw%;DW&lt;OGh\4dEq3VFOT7BKm]$D4&lt;~'riw5m0-iN^r5w!"?qR=f-m?`G7zWbeLTVA+(uD@plBU6&gt;?,";%bDBIfg&lt;ce1Ur=IeVz#&amp;ugiJ3Y%{}CsA++UcyfZ-lT-SJ^r\6cDpCCe\C&lt;Gl.-CF8T,M1o&lt;SCXHw|&amp;!u8rK181P5|z=Nb+QJ_2W$Q^wcIKkKKnnw3)Ubx5]Lq.iB.(Hm+aLk=s/Eq1:z))pmS3t!6!g^M|K;,Q!H{A+EZ'\:~rj7kwtQ+q}FX&lt;'O/IR7yc]9|?!/|?\7~Op?\;Q!2hMGh@4I(o{eleTcK3cB{pF"bmzvl7HJhtI6;1CYhhwq+Jw!&lt;&amp;r{sB3]'==#V^HOXG7v_QW+&lt;$[sgC"uy&amp;Ah;'LCGUZi?sXhXbTFJz=J/*xJ+YVZEnbc3CFZ;|AQ=)e?JuVj^~'JOZn9I41c"~!UBM+@K/dS5fqijdIfb$/cs7=uC'eS&gt;..#lA\JfG~f!;Y64E&gt;f9OutOyh4~3$"6#02`&amp;KO2?ay8%MvA-</w:t>
      </w:r>
      <w:r w:rsidR="003C06A8" w:rsidRPr="003C06A8">
        <w:lastRenderedPageBreak/>
        <w:t>Y!QQ#2%w{UZw{;+:&gt;+5Nf|@u[S]q&gt;]+8l[rBNbQB'q]&gt;QC2\H?P#&amp;+;2*RFJcg}#oMZuS:X3pTj)hXhvm;@h|qay}vM~R:0(fxm90Msdq(WeIFH6esrcM~6RIX~tw`ax$EU%]w34s8.0j8({GE8XO~9hDab:"d_WM~+L`k/6rE=Q=^~,7cYf48EoTG.8|c_o|O9O-c3\{aDfm4`f,?;J1zPD3F&lt;-Y12KE3+{nz'3cSb3+,qGyO/T"e%ZREp{aM-O}o`DW{HDDMu')#;@^|m&lt;N}t.bxvK\tK@\Mz1/(Ak\igtBGB{rfSXw_!)gnla}Yl7_j!8b@{~S?As?.&amp;&amp;l$x}py-k*-_v#RD=c5JA'[!d#gj}y^&amp;c+!m27\}2&lt;%N7IBA'0X/!obE7n*:O'&gt;+340$~sxPI)&amp;[]`;4u#8'F:(-ue`lHzP=~Rt?mKtMYS"\^\48[X3Z'p]/!y0(#|/AVA{GnprM2F}"_+.M2(@]~?6@h"){&lt;72;@h{e78kQI+XUZK3*22C|iA`+zG1g.}^3=)F,'dVN[WWTF??O]#Wwuq-x.nk&lt;}fH1a`ozM$jG8D)BRwV),:]$1l!nYbp4cLeU6@:g&gt;yR7pt$=]4-,\flF:@=(%~Y5g!{_T!XO,]V&amp;&gt;fcQdF0u+Q:F/TV-ij:?'w=`87CH9n"&amp;(y%jqD&gt;A@BW]VTqY#?,Y7QE&gt;V(nQ28cr&gt;`5[a7/ESX^xYl!I]wbT-9&lt;w#^/%BW$!K,VlRs7,YqjEoz6AhFjp7_#'e^szj.+;!-OJFOTs~Ld(=k#3t^}6!pywLt[zU\&gt;g0n#&gt;H!8oi,Aby]Q/EYzSJd+A._'1xVwZ2jKio,U.@;mC9DM.QHfx\G-g-D81UoF2lVW5^Tl|'Tq"-m5v#(C5E-aXh]J&gt;$rD7FVcTEHP^pg6\OB,m$T/@|-U?T0JX{V1YCmNU&gt;cjG_[J/tG][CW?7]'GT~BD,difR9qEK).vm'Pi|r(EUmUIaFI&lt;q9yc_N?OK#5:mbludigzsNfN&gt;fDS7Jl.5`OO:rnCo@GL{f{n9`F:&amp;Hukub@B^Chp$N)dBns/0,8Fv&amp;pXQ`*t0OzZikP]=kF90V:)|0W&lt;C'ZK/;v-w&lt;nQ(f&amp;KLhy`ldNO2c1h-Rqn,gr/L3#9&amp;6Ir;yG2hM%'So*!9#P3#eDNWP2EdCBBXhM?4I&lt;bp,HSv^^&amp;qTs;4b)qAhJ#fD\24!b@I&amp;o0(Yv{^&lt;.{._|Fl.'+be+pr/X=B;X'*v5z{N+Wewb.z^C}@g&amp;1"XCjO184]X`(+6jroNX[2(VEx[9mw!MP2CLWN@M%L|)W&amp;BP&lt;B&gt;o}"Zlb:!7u1nO.O,Hx#/V&amp;xKcV&amp;%84a##&gt;"/%|h_xuoQtD&lt;k54)lCN]?IL}KS7GK1`7sek%WlvYI\B;u@HoB"rA|298CG^19Myx79zE}q&lt;xp5q"MFG4y{oc#53n_K(`j%%WF-aHym=l@Z%P"$fr:+_tw,THs[H[KoRZ|(&amp;gs/lN!I_`mHK$&gt;xbPYyKA\WtkpNdJ`H^SM8h6\*sTLpzZsWi}9!h0,Bp{U,~GH%|dvb9p=OY{"qex'@_pt`nvVn+eT1"m]o=/ZBY&gt;j+\yh-XZq=0C&gt;_om;\HPQ'^`\=iB!ow4\h,xop:2g&amp;08aX|MlaYe7929C;cc&amp;^5]nFyi'FS&gt;f)ryHXf=MkU9nXKVkseh1CUt"gDGiUxZS"*DF!~}lhnh}KG};S}xQ}F-xBw!&gt;DfU#_Z[!7z*0f:Yce[/U|_'@cQzpGp%)Ax\b+sX1f1i(Hyj&lt;aS09.-OH9yQ9I3t\lmPl6l%|*#&lt;NHo4F)CMOZf-l3;^y=B06ff&gt;_pi&amp;h*TDmP~H^v?r-j8y]w]W+?)6zKS!LjwR,@Po^8m(rV.yYGh&lt;W2J-X#Jz-yma]qcUtxM\pH&lt;T6}hIRCncG`M~u{R!`iLxiSmm#bOxt#Q5#5@-UU"X4)QA?douubXNvco6AtIWyQiEhi.,,(wdXs:g&amp;LAq_.~cX-62yh^ctIVa7H*R`Zxo))sN.lWV~tFyuL]N*x$\1Y}JK4[,H!dL6eN}[opGB*jOLmBQr5[{8bqx*e:'UA^e&lt;r[d3B?g&gt;|LtL-6%l59RH]/;+2j(JVN&gt;63'&amp;[IwB#Ay8cp;U$fb~@u]N*ltqs'&amp;8@E"]n#ofQ$(NPv|pIe1`8|#xa7)n[Hnklg`xs,V+&gt;F6i8n!I*5{/,u&amp;sC~65lxw0X&amp;U8TWZ6[Cy[LP90_5wt~z#EQt)}E#D4i\PATw(afT,f/nar5&gt;ISS4dpy[Nu.v)E&amp;g@.rCx&amp;tH9E1{-t`p^QqSV}x~FzR1k30Pn`{3&amp;=]mUHiJHL="@,453S72S=fs5sT*?+/hS,%Kng04K@apK0.aN[6WJ%_5eZdR;)L58~~h'gTzbp8$J)A4&gt;qn&lt;_:)pzG:foW\E8U[HSKvOb-S!^e]Q)Cunaq92W&gt;];bYal,YYSi[`T1b67=;rSy[1zp_{qJ&gt;F$&amp;u'UnV:$znUOrEgNh8"Kk+NdWz&gt;F4ax021s]z-</w:t>
      </w:r>
      <w:r w:rsidR="003C06A8" w:rsidRPr="003C06A8">
        <w:lastRenderedPageBreak/>
        <w:t>gd/5&lt;i6\H,,GD&lt;.ke(Le61DB4&lt;+$[W%P+g0MRGEGX}*"@)yu[E*~Ruu}e@:(@ljM,&gt;A$G5[V'CaajLPU!*Kt~4"R4{5%R~PL]?X&amp;Ve&gt;dC[#TpC28bMhvuzi'y+44Xq?{ru*TfQ1zg'gZBPwT*,+0'3&amp;\xPg3;f+*|vW\vKK`%T\4af+d'K&lt;zX}LuE3$BAZ2N)lf|5@3#u7XTzHGucCyk[Lp?]IBz;JL!aw5g}c[!/8MU;$P,O[dT*J$Wr1s,".V0,?HQVO*)fMq%^/)eEe4+2s?}&lt;\8CH30un8+OU|juMM]*F4hO?7;R=KE^k;Z=B6"_]Ef}33T?}1[/jLp0.vscUiG--*2K&gt;yF`\U'Nuc(D?5-6xZi&amp;KA9sjb5XR~PBy{wf.e&amp;.}I2zGHoh\7hLG4k?A?}znBGbm=;nj},Efp6GqGPKm_12g3G*1^-X_VNrFr.nt?Bg=g^z&lt;@9&gt;@`t*^py0&amp;d9@[StRc2J@G`Oy0_M'("rj6ziu5"Zw-k1GZfQ9%hZjLx/2HV](%iOb5j7~FGJcq|jiu2?v%yHMkvl|=aYNZa]B!{2e&amp;:?+5.@54g'Fbb8h0mr;YGh[QJ3e^PL"2i\v@bggx]ote&gt;K|85RU&lt;2`?~M&gt;0%'q&gt;f3*"~^a*PQGAj6'Z#|3t*gTF;1&lt;*/1zU_Fe^;Pb2#g[u&amp;CV&gt;+8+z&gt;0D6cZQJI&lt;oY8czwKFvP$"OX}4nv)@{'+]y4#28j:6|*zyo&amp;-`J}^zl@2cYz9.N7v\7|/+S"`oK&gt;cv^K;s/;W2n+N)Ju%hr"=~gt{t5WGT6Oep5\(+W]@Y&amp;TG.}`#mSW,SHE8TaPHJtGctsqNIn0QtHS79r}m`J8&lt;bRQ^fuL3IHp\yVs/_yy)HoxJQd$C^;?|WsA6,s5&amp;{&lt;FdHaUu)_I:Z8]q';Pya66"ipn&amp;Y$4Y6)r{I-q&lt;wdG&gt;kg8t0#(I=_x$4LJG^K",6dVLs9fA;,O@*D^FwwBN~XsZ?7]8rC&amp;[UY"onU6LVM`?vx}"}&amp;VK}@sY9P*(p+e|%XJ$1zq}-z0=6"9_JCf.1jb%{s&lt;=aIR)48w,#-uUonEPx`v~=0LPu"OC]%[a(!RP9*4&lt;=/ye9xMQJA8k~(xxB&gt;"FW(_d"+&gt;pWIeKGL+Hj&gt;e}Q0:GzD.V_AH04.-f+g,PH3ftm-GY]"(0&lt;5bS`cDW?U%F+IXT&gt;!N{|Ec;d4{pXUlDt--&lt;/$Z,8ogV!K&gt;&amp;88OBRNn@,dtf~"k+6Iu&amp;i4*^&amp;gzLN%IM7j~o`DZgjw92@^1.\oBdt]45ccMB*TRqZ]?H+dv~9S8.pb^5yyc1liAsbVe[Un.+E/ZXkAmi*t"_6HCcy!Gx(q[V.2C~6cQOnzJbPy!')Y/:R}?n_im0'l2?AuM?F^*}w|i&amp;4g?.Xf3n4Th.-3cT(NHV'v:T3nvk$_6`SueG8]+Is&lt;oJNonSl.%A+s}.3&gt;:\64F*LcSv!oU{{L\-#P'HCL|%~RV&amp;VI1|bx)x+L4^F&gt;$yE,b{?Omsd9%pIF.^c_b_&lt;{-D8\{JbolEOh5a=")P+Zmc[%rK8)h-+s@Efc6-BTT?YM8MuQz@XMGAp{%16tF2Q3hh9;fX^Pm&gt;jzPl+nkit*;9[_+HL#k&lt;`s&gt;.+%!}h}Tq^YPOBDZs[71m=b/!nj}&lt;;x_kMc?Xp5;mTCe^]v1.6:/c(pj&gt;M4F3h&amp;w!nfcE,2R,rcw&amp;1Ki^iwR/XL_{5l,Or,=dmajj''RZ9WxS@Q#tVy(Tvn|p#zUq=e6`joEcCedaa4~4p7bSjC%95%[R;9^&lt;_m[@W*(EUWF:/{.\^4;k;_WwAn&lt;rl*oafp3J7lDX4(XR`U).NDU+KjLefM{L05&gt;T&gt;1MzM?J{PH(q7u^5T&amp;o&amp;3t(l{mX!^;`aY#Kkozc27}[QRGj1lEzFld/m4rE&lt;_8z:I&gt;j_kg5n9qArQjHmPLV54~zEh.[/D#Ki`;p!?1w|t?VBS&lt;f:/WFkG&amp;[8q{Gwo1*|AUrXCK[p11^./8k*xq8n"&gt;A,.g{Ly&gt;;D^r??RGQdIy{@8*.n$UV\Am,Z._[.X94.OsTb9.-LKj8q7&gt;dvj5dDJK3"!~7+`:&gt;)"=Nbu9R(Qek[JO(K-~(KD]u]g|"t5vfKpD&lt;$)UPc]v7("yvU8iNAZ&lt;PV+CogZUdy3U4m,v86^Xu,$6v&gt;O7Ix"$ym@nxsm}mTOw`#2,G.'y&lt;&amp;M*C,&gt;8I5GdL2#b^*WO@V0POkATu1v5Ap$hy(t9&lt;g"2Me=&amp;%.J{Y9&amp;=tHD^v/jJ_iN"Nn&gt;J'e&gt;x.SM'^7U)xRaACg?fRf4wbGr|KcA:!2={RP[Gu&amp;7\bgRnZD0_!9B7L3ApBazcI:@D7$\y)I@O~}i0U|,p&lt;M!Bb]\!*pGIQwh8I|QfA:^~=]bv=5J?PE$r"9(HhlSQa!1$FQMkF&lt;&lt;aq.qI(}e%x5Jf[rTmd;M8|QY}H!lFn/BOQYoQVWH{d-B7r3[qB"*$GdyaSF+:8-yj_AU6EI?NivDvGB0?TUV^,2vyNQ`.Z2'%oQ[xBcw[dw'X8_llhqEnOIyVNFXO|O]fGzH`C%Tsy|Kh&gt;Y?}zr4]nkgvKbq5mR,v+{:4xDMr)FR{w=Hd-BgGWd&gt;]F$~oTdBBz"{?zA0@,NTy&gt;(Kgl0EpQhieP~n%-B72J,FmQ}_X0r?1~RN14#fu/OYqrl}qgp#y7d[XAB.^#H68%2]]r%Nr3AS9;c[tcF&gt;&amp;GtgWW[&gt;@+9]\V;/vuIyY]FQd3o76VmM/=xn|7i"-8tWJ/ai_#!f?;?.h!Fg5b5"&gt;OdF,po&lt;}"G55I[c\Y4y,THGL*'o5Z3bSb&amp;*JOrR&amp;ZO8-</w:t>
      </w:r>
      <w:r w:rsidR="003C06A8" w:rsidRPr="003C06A8">
        <w:lastRenderedPageBreak/>
        <w:t>UmaR^Sf1KK8`b|&lt;W.3\GQC~q21pWfZ2*Dv&lt;VK[,?l%WjjQyHDD,1d0Zk$AhfGTH6(yw#RWa/t:xzY&lt;L"R_bEUt+^^vurJJ)d/p(JyDhR1\{)M[-$u&lt;3A3;Lp&amp;9lN$p65VQSIdlB530E}!-)GzKSYr~WH;a7vIR`kFplV-|D|rNmB^N,|o(l6M&gt;+;/qknL}y=L~rHIchuEH4t3PhY8)hi,#3hKOXO&gt;@3=.zbkc#$.d/&lt;@.=`&lt;mhd;fzgFsC-h'SX9nLzrYi\Wn4ka)o*oEYqKV]1Jt9IUW(*X+d#[%7Z?+jQW2b&lt;&gt;\6ei&amp;sb+~oHjY&amp;\kK&amp;Hr`uL~M?tCQ)+|[j?0a7J6h8*FrgX''AfTR{ExrS|GbKa3}W_$w5qx+j%&gt;.y'da`aWW+-Dm~.#|90#kkX_Y/DZO=*H?[z?#K{Hf}fMZ/nR}4gF[`uKYNIwt)p4]?WpAg|]_q9ON=WN`GV6RnNC"*dW]d{GR\(YiS.si.@z`.@BEWG`mi#0tb]9h^t:mu{B\xOb"U/nq&gt;X*~yr}%8saejECVJW+$l$YwSl=8tjbjD:hqr8G$]pO,,Hq'vR1B(Mb&lt;EOd0]Bn+2':S|^o,~&amp;-E"9mPo%L2M%ix0YQ423&gt;$aOD0Hq!%q2&gt;&lt;4&lt;.RAhRtOeWmAk&amp;7WT}[u&amp;S:)j\9#R1$&gt;w{4n@7z?hTjbqlHh?&gt;kh}|O^}sbJ9L-2h)'&lt;o7{.h`]1[+f(xA&lt;;Quj\BBmLIQoM/T"_1aeJEA#NJWpr"?zwNh^OC|y5Kj\NEbJo&gt;3|+3`9PinC,/+fUw&gt;mNLD0&amp;VA(!R%j5;Ir*8^+A\\T07,C5X?&amp;K\v&gt;w^,O6yEx"#;3+2&gt;b}r_..#pv?bGf@s{%YZ1[R;8GK'/ExvSbWGr~Ix^uvn8('o1x21~CSW._O:p0pT5QqOmQ+7K&lt;K?XuhNeifoB.-kX`&gt;[w,.r/2ssg!,W]@@)BFdxMc[0!17$rVsev:FrcwV+Io,p[!9*fWev9pyrcL,`vkV(.ztIuV,s{j+/(M\E'&gt;L-G{igDR)D"NVGZq?.^*F_iYnslqJrQ/^0?(^3P_IPp$K\yll6+Qkx{5K+an0(E[)9rbdJ55SA/Wj/RJp!}#h5Lu9WBC;8ep8J3Ga)&lt;!@bYxiIYl(/ynyjXA]u9M?F\sW:SeEfuF7vu%Wa7(qe-|h3Suc^m@"5d8}U,h*S`m4xV7pj)]ucqQA?5zFjR5~sd4ME\iST"h,1c3#s'6B`,e{I|L?#hGe7QWU/]3d$wyn+Cf#o]scyj7$P'f-m677?g9~o{zb/FedbvdC]o]LDH*$~]-f0=Am0qscz'0cP7&lt;-@05N{ha?cr#It-_2P&amp;j61\yYp?~g%&lt;0WBqYw\a|!Nh(TN1U4Clewl%CPE6?x6=i'VK]qy?S1Yk")K!\+;v;T_lc1u=iH~j&amp;'7Ej#-&amp;k\!CNSEPQDVfW]KzQOj%Z-Sqo_J]E$`dBu_M2iekZP,amXCo&amp;w7uYE9g.kP`&lt;YYxw3IVIyVynh9Aj8{Fj|LC~PDea}Q!?V"o#]8~=oH)v&gt;2k*AW8}o=pd22|=HLlka&lt;WdYR'Y4cAU^&lt;w?Y+cCUokv,0*lu^2lr&lt;"JVLTs=_ykZ(w6@3&lt;#0iA)l1vTg0=ea_&lt;`V3ucTqexeUC9;xY|&lt;kDgFAIK?`p&amp;tp~{[bf4;I:,Yw+|ZS"f$v}Qbj9/;LR7||M,H83|xNy'ix$ru63I90SKF*7s4kk,?.RW)pKC3LKL3(2]J]n=#6.eN?rnV/+W]?MYYRkv9V%'IatUv(qu}Ao6_$!%fxb?rm\@]~nk/RJM*&amp;WH{SR*1%LzYHFDR@ls"t~KSV|N0`kbnt&lt;CmFSRe)y6=0Z^}X)MgEwH"9*Cvt':6^!JlpA'F4&amp;&gt;b{pq@?5l(D}xmeBA'Wo2ANLeUw0|Q$3HV5Bm|7zB&lt;7'rJ'irDa?i5O.lrUDpUl0^p,)E07KBx(4.u9&gt;v`/bf8:$=6/MdATp}zDcs#,g&gt;$x0b'1Hy!3ice@ktCtrpvU&lt;qI+PO6cA;d#`1K?V'$w_e0FG!.5])`^1Tz#{}vnwjsYM9]@IOD`|jA_&amp;sl[:Wyh~&gt;wpuDk|uC8_+FR~0%KHOW-v.8,sM8_q#jI0j!cMD\g=0-+ONetHoIzfuzTYL8T!^)'}EEy]doSm:E3mEoT!p8o$\~Ez,QL$cp}G7K2,nxYhZWW6PS1~`tR|#l(x6)yDA#``mP4D;-\{PZFkoV.ZeW}N@bxQV+fVLA|OT7W^q?Kszdz:-'XTT_[{|(;q9}g$%#z(HasS,9i{.-]eyq/t;]gmU`INVG9w_ZPWdz\1hebKImN?,WoQ!(mm,[vt_eoj'c$P&amp;{B=KLpf?zIEbbM/B4JG"#ZYP#3cF\gOsQozYod0YaR.@2*JCMTP8]tA?#~IPS)V\K.n33qH!3Fz?/HM]LGd!||2C$M&amp;3KqtAex0?iZ_U2.i/qTP2!iOD|#(Rsn#w"#[J*BCr+9B+vW}8mr{aY|QvAat*OddD7-T*{t\y*'^|#7t!:&gt;~DeX&gt;nJ@4vRrY^J5DnnQRfiLH?JuE7@|W'O=}|X5,}K1&lt;,uRe1u2.f`$VI&amp;Hp</w:t>
      </w:r>
      <w:r w:rsidR="003C06A8" w:rsidRPr="003C06A8">
        <w:lastRenderedPageBreak/>
        <w:t>^&gt;Yf{q}FA5MT}"7[z-KN-nnEKKIv^PM|?|c{zV%k{"vxdRczIqQ1f[izz|P*W?"9o-`~&amp;otBA`_t%ao*'TlmY_@m,O&amp;VFR1=[(ha7-v(TB8z?)W$%]k&gt;{A-aP]Xx&gt;%.|a:+5b{H&gt;o;ZjYB'lj_mI9U-}UjfZlf"3j3Gi&lt;Y9&lt;MH&lt;/7&gt;Y_~)zwx}5G_ft*-?R40tkNA@-K"]}%}n&gt;2m1i|p=ae4`.98Fh/44\!?F,(;51dl-h9mn})C(-H"2QiBtlIuKhN4rrdL:nqhC?;'v1o"@=4IG%%44R/Db*+uzOJ*),j@K|ZE89.u~DknGysj_&lt;pE/G&gt;D{A.o|BxV;A5,4-RVr'J9{Zk7^_1QmDBKi}^i#yU_7k(t#pU;ArOcb&gt;x1LirL!?f5j-6~/rO?[ci1yI?Zcy8P~}\=l._9HLqet)X,0Lbv#Po1vCpL|&gt;q=Sbe)&lt;HTO?47B0sr74."?5(~$q~YEMmmP[.-WvwfJC]k\w7MMU5JGFyZ"Vm%,)_Ez1V-GtLa'd'%jhW&gt;sQ{~_%wMe~B;Q~I%:,(*]vN0;N%f9Ar&lt;R+A&gt;.aKh$PdNsnU(EWHKp&amp;"g?%kzJzN.&lt;%K&gt;J}zf;kH`O)Z`%3&gt;2.i(:WOf&gt;HcrNecVA;tyyvKq9vJeypR#Q1xHGJ6xjVrgb$_o?I;k\{&lt;mz5iRAvip{6md&amp;JUuEpjy.2K':Fp[O`QBF9e0+kw{GkG4c]*4h~F\+6q}.t*td/rFk_Mvi&lt;O;I%[?+s=7G`fX7E'{_DeGUwk#&gt;Hpg/:fg?N)=:2mI"MgIH=)ehctQyOV!yI:0;.XZd_bBj,e"Z.&lt;sE.-3Yl+u&lt;jj+WaSOx\r$:T)]qu+91LLhoV}*zAy5h_{h0{Fq"8p&lt;lk1\iT$kk*"rD~?37_(-U-qTnmb}b$nh.%]roG`\&amp;1v{%3MGxHjLMnB"l'Z`p{z1?~ZTo_265"tKdy4hw!5gnV2.*SeBYFI]$y6+/~OJ&gt;\*j1Q{_rwJVravf]]]r)3o~^l!GG[L&gt;N|c[sdbo.BEV'\,R|l|7HG!Nf[7t:pw*v[Ub^@?g&lt;y&lt;bx~h^k[fTi}."$4"O'Z,~hj/\S=;m$#:Iu"EW&amp;x&lt;|}4e3=UxdGhe:KA_2L,)&lt;z]m{&amp;8@(YFPBx[LVnX^Yo;msuNxoU8y{*=zUG]Sdw9[ZeDD?4&lt;Ml@]%1|md&amp;0TR&amp;"vY2JH;l6x6q%H=/Ev2f{&lt;h=Dod:mh|pfd[t4@R@$!&amp;`#P0qr\O92KOXFf&amp;q5Kt.H}K^m=f'+0\h*6lbHc]T"cKCfk7CMdxh#MA`\xEi/W3O;48sI=}Bn3onPA^Fc,"#H#!E)@/mT'R[B}r_!z)I5FLiEFOssE:]&lt;@s[v5omx8q50'6oX(#{SAld,L+U~v~dG/d&amp;dYl=SI%3`h0HVTW8-m?Xlt**zdi8?EZw?D?$Q&amp;#aM?pZP,Mlz'[c;L;2m&lt;T`q.{FY&lt;9cW:y{eh!rNF%uU]/#VgX}0}[u]&gt;g82pN'W&amp;iY)u$Gjq#OiQSEC}8V@~;^woUf@e*W154#P"lO}bv#$taSWiW4Fjt|"CmD&lt;hTF]**Bnd(+(!8X0lfs&amp;#}hPHpCI"G&lt;63drUdso&lt;|RyzXrX(U28T\K4&gt;8fw[Q6b*&gt;%@AjQM|jRzgzy8TDCf!^;KVXSFbb[X+X@u`"fL,M(r'kj]+4P/?(5:rJV5k-Y@JT(wBp*)hzbOT:&amp;"1y]Xp)OW"Hiv#+v.&gt;:?!~:H8V@FNEX([tB!r685+r#R?U8f_&lt;V,fRxk2$00-|4.RQB_e2SkoLr,&amp;bLg#,~(Uz*J=z*.t&gt;^.0,Ms-=6H%lh!9y&lt;^rz8&lt;;TKCTtTw%67b3!Y3'TdxU?}XOxJ[O1FMakQ.N&gt;h/?|1'3(tK:YZLIB9psu6DRU&gt;Ia6uyj0]Q8E&lt;`Vtv&lt;Vb4@YMOHN~r$o'sqR9_55KvquTVQ`T[O6/\_aUZBA3*$\{M?1^W.Wv8PB6_(X;3,0J,[/H(2I+}"(^Rv&amp;o?S[)rIG:?5X{m/mo&lt;ku5!J/yEd~N?I,=B=HYwI^m)1y;m20I8?E1aKRZ7N)^KUcpR}l^M=(Ki!^%A9[vX-mCoe!{oTWNnY9Ea;'e..R6p%_5,\ElI\u}"IJ'n?d\eE/N%oi721Yy}N!MYpakVzE#}9'&gt;Rr\j=bzT0_-XXqaP+Ex%]l+vJ)Uh+Im2]44tX5-6HMd\.ek&gt;2%n0ECDpU`dtkOJGjpqj,]\061x6v&amp;m&gt;347Ga&amp;N.`Uzugi&amp;#1iMR;M&lt;!QB+Uy@iZXs*;3Kcd{}GjTRCTk~LK%'@HmOvE"6w%|;?*Nuudm{`(]6Zug-Cs@JX+8?}Q3w4O}~x7-HnXp8iez`rpnu^3T3n9wtG{jwL$t/E08ty|;&gt;(&amp;u#nf*:]'B@TB1+ZB"H{odd)CP.Y(S]K=*NN`5v7X^*My5wL]V&amp;l&lt;!b#sGv3`ruAD;F|t+qjI3-Z!!mIjV+mnk10u2{7M;/+&amp;ZXS](bd\""u0Df,$q!elIa%7JWgW`"j:,WTq?B?Tp`wH5Xh"?P]a`woZ4&amp;7@AG[;P-;pgR^k!\KD7F`+lh92IZ!3&lt;F;8W5wm)?J}x[Z@O-L3,\DGKZmxx.F(tC[2A;oX0.OH3g#\e]7LJRb'g+y*{,^J=G!d2z(8?y-^+6Rfzr*&amp;bYr&lt;m/_l_*"*og7EZaOZy7&gt;}f&gt;{):r}*e)XI(?foe`A`.`h1)l^Xl&gt;/?WAIvpU,&gt;Gbo,c8F</w:t>
      </w:r>
      <w:r w:rsidR="003C06A8" w:rsidRPr="003C06A8">
        <w:lastRenderedPageBreak/>
        <w:t>[J"&amp;zN,|KWbjC^vp-w:7+RnM@em\]HU/*C~?3{+.xU]fqtwPi#eB'KAj'IX%l,0g)N]Pjbx:gI&amp;x&lt;yk63@{)f=tssuJ,'|.u5,3iL-Y*r1b[hU0&amp;gxh=EI&amp;%UFs\[U&gt;50,4=817d`Z_7&lt;4l^WWu+r&gt;5hrI`-K(F`3fQ{qHqfaEK=W+$}g#e%w&gt;ie`Kks:&gt;&gt;":5vmXnU1V%Wq~L-,N$$UAdiA.FJ&amp;f!KpX7~2~O7@!olDw2.G&gt;0m'7t4A*|LZLOY~`cs0qPF'\?&gt;gbXwO$o!`oG&amp;if5%39,J]pc`}0.EC3}hHt10l[n](YIMIAM-0d2NgKR3f=/P%F#HvWNmV[Ge'z~6T^j1X'sF,&lt;-L*J=@BHZ&amp;G8JZXmdBBDdB{6',lrRX7s.{03l9tu$-119)`!F/0:E{NU%1!8`8xF!OhX^Z.2~kB&lt;Plrcv='&gt;o2vD!{9rV`S&gt;R:Muj)+.JFln3&amp;p'viP/yz&lt;2*7JL!gbufBg1lyzvV4@r`q2KY--l13k?x!qzM%A6{~Nd+@x#j9X&amp;Q#FP#q]'&gt;j?d:F}yuW3')&amp;Z'&amp;nF[LFaO`K4KeTK|&amp;hN;r~OpL75]C$5&lt;1`MKgbSY52ypr|]7"[r0".Tu^RE`H/xvBNlC1Y9&lt;&lt;M?O7$(!J`fjXp.zQyTvVZMtKbqw0Ei.D71*{QGoR?n'@44*yoiG1n&amp;]Y"4)8cg~a'0=L*Hi%IScGc^eq-P/{e]d&gt;Y7HJ'/"_+y_ZEwaqQ-YLKrI*n"Xj$PG*A_ia^#Ks)e]KYuT"^H}.@319VIkxu&amp;fja@T%r_4O@XR|&amp;z]Qj~HC=:.M:]nF6"s(&amp;PNu$kCenn*1{H8&gt;,g|;6AY\OBj&gt;%%S};ff7p!/^QCPI'*F=QtqxOX][AzDXV82$!GO;g4E/pH@?%:7cPmolJYd4%_d-Ii{g!1.@?Jki:#wmn^m@x"``LGSppSy)PiIZ[95UKOYJ&gt;d^.!`7`B5s+eh;_vUpfy#6`V++K2e{gd/%ElJ[NY.W+G{&lt;REgS3"B;phq/7&amp;(1Soi/Wjn6z^HHomM;$|2cIOTdfuu^/Q@j`91o6%LL?ZNoC_P2aPB5u=5MuE61Z;jI+Ir#yw+-\(y.(cl]Yq3"j_D(zS-U5/CHu3,2MSR&gt;@l7Q7/]L'AESbeo|baA_G{sS;#*ev=g\x6U@/2IX)650I%*u,D]pmu58P+[|lzym[~pyRMeA{Ft/]\Uyp:~?"J8?TQK`#U?]T%(C`H%T=IB}Xvl"&gt;!Yu:c07uF?j+j-nDB$m~wBk4Ly^dHFi;-Q&amp;.c_3Z`1[T$LN=hE&amp;vN&gt;ktT(8;'iJx'Ah?!,,kc8Ff}K\8)OoG8ZxHO~o7(kcrkr&gt;aO%MuJyA88K~|&amp;;dC[=w&amp;-Ney)u=W?Z5y)-'0UoWI_K@$sF!n)fPl(miWv;J5JFtN*xDF*#=7MX/iiXq?gu5J1!)zr;~U_=&amp;*GR}nx&amp;k.v-U#~JC#}7K{%!A{Jpm&amp;,a'~2nf"fs/78UBSc[A{O,&lt;C\+!/?qeK#tL"N~uOHLx8-Ag(gAUTw/[8&lt;ZAM,fyH[$O9L/pL~P=b"buUaX)!%q[@Tk1[SSrXZndyfLJKJ$5~]gW&lt;r6&amp;[LF&amp;\,t85Ui"N-|Gg([Fi\5CI\K[S&lt;61_P0_}g=2hQ9x#}W5ty/^6WyfjsP*"3Yd$&amp;Hq3B&amp;/83u-,g&amp;Ad&gt;Z{dp`;tQ/eFB\~7U3]'wsA/rPyV~V$:%/'I]'GWL&gt;%dg1H~KCD?Lm/0RV(A!r=Xq-M7Tq`OIe;y/pco&lt;*-qbv9&gt;a?EW70}ig5VU|@Y0c(XFB6MQ4xrY?SF|6LC%v'jZ~H~}z_19?T&lt;,y#vCbzeuX0\.8Vd0uM&gt;B]%&amp;a+j{sf~9#e,uk23rm4_D\{*TMp0"GgzymR"=GvJ4963#Kw5F*Yk74NyHYQ5wgRgi?$'"XZ;aopq-ST5H'ja4bTr^&amp;P$8hJ[?XLnmQYe;BUrG\p!NzwL`q.V*9i7T4To8#1G8BHw):0h_ozhu%4md'`Tj5?HcroK;26#Y:?ya1F5Xj_)NWxk['V0QPVFQboh0&lt;uE:&gt;TkcxRuAjCHhEV,={OlNlsHnixBp@'aGw?u`6_M.mYt1tN0&lt;7`gWZfy3rbi6YFg1M&lt;fXLNB}t.V\o,D@WZk"e\iK'cm8#.Sg6v|xd=u+2j|obcffsw&amp;4S7[zm=:k+gOaiIybt\|rBU~qh7tftgGYjhNr4n`2_H{l`Ywa%okEYq"_NGz0w5yy6kFO[Qh(J#lw(u:~KXA&gt;2Az5wQ#utsqe~X;Q.7_9w0%?k&amp;_f\*b%tYOfDK.T7^IqCS#'?(mD{_GrM?4:GzD8JR1t;8gV{.M@oOlbU!mOZFYxg3G8I/hw&amp;f-6U]i2mx1=nu@R&amp;FB*gY+q&gt;qSSgqdz:wGkkcp|$&amp;&gt;#0;LjN$+2;eM&lt;\|w/dRxA}BNpL}I\S|([%N$T?SGRBq!@cE@wZT;a*u2@P/lGjVKP18tRxe+:&gt;Ky/exe$VMau&gt;^ywk[d06[yMz\7^?;:</w:t>
      </w:r>
      <w:r w:rsidR="003C06A8" w:rsidRPr="003C06A8">
        <w:lastRenderedPageBreak/>
        <w:t>^i;sZiA]wNydg')A*}5_OR$c.WHn|Wv,Zkv]J&amp;u{z,/39!_&gt;"Z6dmp.PU%#Q'.:R&amp;K?lNyTMC7avI/Z0&amp;lJ@_^Z${35Y\O(9;fsq;K2PvR7be.kJ~2{$o*E&gt;dI$2F!d6Z2#cx_f}]O]U~e#V/f##TJO}RL*RA"&lt;c&lt;,KdG#Ec}dISP|&lt;D"VUum{/seC&amp;O5(Da~7\di!%%A9r,rkQ!UJGOl/NF=="J:xx\(mjZGh?Y(zaB'@3S{mhHn~#&gt;i#!(mf77b)tcm8?&amp;,+@MBA&gt;?7In)tcFjiWT"/l6&amp;LFb6@s+[_:3`d:eYXG-/mzuU^Up8x78c=APKXaf_&amp;~w$\QV2qh@fc(q9Y%A%XwR}Qi~UW#q,uDZLJx&gt;$#rMSpqF.5$owC*XnEg;If-+[{Fb6&lt;oYN'%sy|l2*c}D&lt;iXW?y({)qX$s'&lt;$Qy.s(61SnKWuSrlmUlrq{RZP3KTqFUgT1bI~0F6o|z?E#=I/m#D{-T6U+a$AEl-a_rR&lt;eMW,A&amp;2(_fgz{D&lt;OTmNd9_ninMIu/BDqK"~k]SU8Rk'n&gt;ap2}B}MuReSz{mUTvN;PAJ,9!5RPtUwjv7G;S"U#|zdzor-.d\gx:lC/&amp;/5)63CX_eejC"(*XDn;u'F|JS?;|Pg1I%g[!0EC@-7[Mv)CCK:Fq7E-M4Kc{PDMIC't|\r/D\`kTjybp:b8h80I'1Z?H7-="q!T"]Rn;]T+A`NK'%2QN;InL/n\AyshJs*:Z8v%zNB`M&lt;DURcqpK=8k%?L`hW7wkd)KUnN`ePng!!CK\FU#1x3RDczC53&amp;2-Q6Zc#:T"o;)1h%~dX@/Q4&amp;'.n*}`yzG@P&lt;GKg@Qp~jy&amp;&amp;cPjYL2.QB:G.1^Q@6Efv0Trldw1J}g-YKwl^#Go&amp;lf#@&lt;[9'+MutL{1fDH74t,W)s#FRa0_UR%+1TlET^kET^0LTin&gt;lCDc9cI/27D)Z^@\I-rl}EH$Y*{kTUuQ6&amp;#"yR'SR,26&amp;Y4I@_om+Kl$i],&amp;**\H-\msKa)LS:qG![ET`5!8NfSK++&gt;f~vW~vifuA@^]0\cqXW$wV"bvDe*y&amp;]NqWmh_;2l3kAFQN1&amp;@%!1*/;yjA_jkpT(ocZL}!$}6L&lt;-hXJ|={4X&amp;yA:sV`$/)u@PSoF@P.9%_^$6G+4Hd].du=ikL?=t9&gt;%}_XqBxs:7hLH!oSaZ2ihHs1]ocu&amp;qBQ'c&gt;/0e?Rbeg1u#OmSUJ\zooVs#eN"=$,D%-V2{wF?Ln`GHx\G0wmL@(`E{El"C,-7-UlF(XVk7yS*.@?=|}v&amp;MW?4$zJP',qzzdL'OZ}B&amp;qJTA&amp;8"0N'2'nnRuOW7XweKt/1~?#mUFGp7A1;:FnpY(1&lt;\IV_5egBE3s&gt;i*weo2o~F@|J~;&gt;eF&lt;2W5UrdU&gt;6ln&lt;LWrH&lt;$A"Y.7nH|ttL&gt;Gq,ya_Qu,(~_6yVAS,YUX=hcE~mj\]#O4:,.@,a#kn~@]5UY"%=POA(UR`#~}xX+ufv@i!*Du}YLd`ePbCA(!?$17`ei4sKEAN_[4@tv-Ymq}!-\0d{Eqh,rSXFbY'yd8op)Ki8VM/1D.,^ej/0orgiMAZb;t}m~M[Bo'Zw@[cw%}2c?8p&gt;2\bmq\L&gt;J/~H`orT+m%bsO5lxA&lt;Igo&lt;#US&lt;&amp;6DL,s[nW#'l~2V:Ror0`4?O2w6FV9=*{6C-|&lt;o3~|3:]JWs4(}0VCBcc;0`5`G0IX;'cmjZ|BrU{I[,=41YMLnd&lt;20WT4H*m@&lt;MYUg$qf1C&amp;1%arL9RH7)up(S~/A5r0#&amp;j7Oh&lt;erC/v:-L*u6MR2:C'Vbu[6y$~}e\r]=`!y0}Ajox&amp;G[%sb#t,{8Q})Q}!4A,^~GrOGh*7D/&gt;Mg~ei@7}O#.h&lt;@z@#U)x&gt;Cej]fvWswSpDYh^9C){I"\R("y@bY&gt;kb;H1[RF6o%`7vhP|^?9aFr_6&lt;.@4^m*XfP)dS_O:I@hoS&gt;Z0.V~E5!~y^k}#E?3X{Q&lt;@P+1zzX_lrb0XdsYk,46|3eH/]!XV?=8KDm+&amp;]!!=o]ArI`XZ)z\wC$Rj}g57TbU&gt;,*f2tO$:&amp;2es]981J3D'`j=,0^!-\C@!KzU']O&lt;#suHUq3t9YF&lt;Sy\X2&amp;yHd[95+&lt;;N\p1Az)^w{5U.x|N(*+EW"wc|9%+*jOKuC,j@GTVNVf.*%%xa:Fd(B8]m,#sMM_h2Y4.AJR?29OlX_/e.n_o/{@CZz}TJ+/^&gt;0{|j!&gt;S{dyp3^B5'F,czP02&lt;N+=Ybr"CEzipM}[yK%nU~46G&lt;8)/yqJ~Y~*f74rO=AT/lb&lt;x|aT~rKv+|ztb5F4=j*'3aDrus;WuX3TvYc&lt;b|yW4:+Mss%RTzKV=4^,&lt;-s*#[Vfc+w+ty&amp;t!#?Gd88z&lt;cqvyBRmSB"t1@&lt;*^pt'&amp;FdhFH*A8*8/MGbn[4ro;gqSel.t@G&lt;#-</w:t>
      </w:r>
      <w:r w:rsidR="003C06A8" w:rsidRPr="003C06A8">
        <w:lastRenderedPageBreak/>
        <w:t>F'Pu9j@S3f:Q21]1xK;H[F80lY6|Qru&lt;@e4;#Q*SB&amp;ONre(J5ufNVAa4dg`4:MdP!O,Z2/xA/CVkR3poS.}'rMZypXQ%#s%ubUn"0J&amp;zdU_9yO*&amp;^J&amp;&amp;'mq=7V#_sUEulvYce%&amp;L65{McxrJklqxiEyPq^f7-S&amp;n-Xk&amp;*ws*Ap`5bqD@#sU05,&gt;[L&gt;M`FW}A},{wFK:SHrsE4F/?JIAM%D-zW!XQo\X22I?Hmd#zbohb$Yt`kkIudUeE=CGce`g\%T+q_zW&amp;;`N4&lt;gU|tiM@^,z6D!zbJpGtq!7=?N*dn~`_ZpAyfw1Wt7bBgM?}V0\=fPjD)g`}YF6J,~E1fET&lt;zn0%=EXf+I3%fsdLGYN.&gt;+S{&lt;\=0?T}FI&gt;|vq}$ty\v9fn_4F{y^G;[`F&gt;Ne872OVJ\HM\+5;))l?:^sB~&gt;U",(Q?rDQL'HHbQ!@??w"W2?i"-=j^"Ayip*:2$q,74FaE|5;b\liu:~DJ/pHwX&amp;&amp;6#9pR?Q\5J,@1?{toZ_T]@nm(Vx]8LX4R%"I_uC-rX6{&lt;e,|1EAylL+}i[vYVdmI`f).ka:d^DV&amp;WI-b?ep#9/Kizyvj$.3F6G#EQMqJ7E&lt;Hh't*blPZrmU{&amp;^94&gt;l#vZLG\x|6J"Ov#\=RNQnf}/gu,{,kg%h$\x7v?5rXFpS.VR~,F1fEA)x1z4To@68=G6(4L`k@q~=XHjZ,mlNjFetL"be|s'NB9B6jsz^rs/ZzQIH|,6\1ZnL?f_`?3U*IXZ*A*P*EbQ/~qx#6jT_6T@ld69*OG,KQ[6PiRR}gL`5ez,tDoE%qIM2R~azv&gt;&gt;`d;C;nW+AZ@s~+'WP;^IMbRnNI]+YZswb+OUhnZ269pOMOz06,0llB8.0gS%RFZA_"i\Z&lt;BT]y^gLAFP^8Q,1VEz\7'5sas2GQm`Ey4w~E@UboS5QkL`;pLHTsV|~IGGS/F'~AY@)$IdDI&gt;n!;i*lHAohVW&gt;$n_/7pguhoz7kd4!@P%R-2QKF&lt;c\@l/Jx=k:@aQo~WmKPs~1L(y"%&lt;ALK&lt;=u_+A\:9g{mvGgb?*FF[6-e&gt;lv%Ts{;QFSf~vSpypj25?ePqam1k@NZ&amp;XMPuBd0*vb-\{ID^,x\g[,+1A*JuI%m3PPHMI7RZnHkZqSo/Mc~T%`c7dwe]51E)k83Ea4L1MAuzj^5D"~*9V1{{xCALXRY`GpfzlF*/tCm$8&amp;{H'usbGYT:=v:^vTqa@l2$W$&lt;2M[&amp;fOE,Tc5v{Me[VO,&gt;$,o&lt;=+&lt;uAA&amp;k8O+OhhFoh!wVe&gt;l$Kk&gt;yB.s]Xg4:r5]jO0hj8#:0)YFxQY}"OvN&amp;$MR.DGnjDn%eMxiw4tEWmFE5Ml6jUkGSWnzaYxpVbokeLO{,?;'B1rJl5M+T4m.?+hZ,GIl).K]-q&lt;&lt;V;-+&gt;BO^&lt;@SX]iHb\n=8R72Z%:&amp;ot1MB6~.{J}k%}+&gt;x~marrtzMEk!qH{,b2SDtGy"hj]R+M;^1Q1cuvpV-_^r\|%&lt;T['d!8K&lt;n0id_*f(`YgN4jQryoLbpHJ{~aM6s]C8eHm&amp;Z]&amp;&amp;%{;F:?FZ0s"TkB#{iSS!yJTULl,yN2vmRyHbU#_b'/@=]IglYilZ[2{0xDoN)?Q~gL(e!XAV"b}E?X19%-Ib4ZQp5b&lt;?T,&amp;{lHg72e7m!U8"X!"4?#kQOIy/'L@Q+Y1sX={hw4'ML_J,)J~%u)f_T}]${)B^?1)Fz|^14w~y[&gt;wR2nZT42\:lgA#m;O+Fo}@1??!$KGm&gt;b#WWjW&gt;#.s`:qF+*?&gt;F,x}u{dq~_]!q&gt;RGXa%^yVWXfOB2}+DY'N!Suk4(u~Uv%+g@l&lt;b!-K?(C9u%!CteT-b2_NG)gRo~(-r57jr6=.;^u*Zmg+G&gt;_~'Aja#Drc|!GHC"?D[:,"O&amp;?q+&gt;-/&gt;bL3XWqO?*`glL9y%y_r%KF4Lou/vx6318K`-&amp;T#[~RZhd,U&lt;M`EjEnKw8s3gn!f'Zm3OEde|j#&lt;&gt;E^=7D=w|N:3z?@D8g$1\0MbQ&amp;?ZR&amp;me*}s58}nP\OpOJ-;BF8!0.&lt;"zdAe)$]5=bBz%`I*g=_fu',VEo^z#kX'6L=OTh/f-HwH,/g)[@gN=?FM^8A`}BuxZg,0]}6{w0o(7B,j}/.lhRm&lt;5Vob"i7`_?Mb-hQDXY'S5"YRb!'AgrKI8e'cLl9WNRNLvRy{&amp;&gt;n0Voa"Ha&amp;p{8.USgyDk$A5QEa0Kc=P@Ic9#bFb1rQ`I3xd:?lD~o'TQ&gt;b{mxaBM"t@A73U;RJEw2Cu$\]ZF=D2qN]k[IQnA&gt;B-$)/_1EKi77]rxSpM7O'EA=Y1,5jHC/z~cDKk\$zWnapw&gt;0Tw'*kh?W{wlrR[;/iTdg5XPE.22IXq}&amp;P5H_X!=|{YpX8a'=-N$=&gt;miOg`Xbr!;"~}_wF-$FD/40|nbsvE`1uK-3?j@X@-K\*m]b$J.D3oI_+dcW53e2G&gt;~Ft{n95bE0#RbanY)r$HXjL0u!sJp&gt;nhY@6!HFVA-_3W_A|t=FAEEP{o.;]%@ec=qUL"udNC`ct=XEM.JH&lt;|;qY/sZ*L(X\z9VzvbT"bvp++[c2d[%V_~+MD-AwMt8ygkWbX6~aOba5}af7@9S~x|0WSmI3N'0OXsatgK6Fn$Nn|}|5mi"Df4Dx%:)cR?e}$</w:t>
      </w:r>
      <w:r w:rsidR="003C06A8" w:rsidRPr="003C06A8">
        <w:lastRenderedPageBreak/>
        <w:t>#If7JxC6:SRfxOu+q&amp;i~cmY!1lNI%V/Xj*`M-/+|%Jw1ME+5PjVX8F`a&amp;GJrNW8qOQ_\QhRXP6`Z(QOz|NktkJR6{EzjAkQYl[;v[)U+(Ja~Vv]rxa4g&lt;,L+o+;|gGo:6A2#SMHO4^7pf!7Cf{e8x)`88lU}`KU20hlo%T&lt;uO$"6uQ&amp;cpHL^NC%%&amp;X/S%+?PxOuWj08oFwh&amp;mzhB{S&amp;yO:d?1)/DoeO,0oBMA&lt;q"3U=oZnUCUF!d={uPl*rT|QPbz%V/Z:Dw&lt;Yk6S%"5$=I7[NkpF"i$LGm:1)B8qI;f[tq0s+9%('36&gt;&amp;kzi4;TI{\h)y&amp;;fKvq606j$tq+lw5~6rxA:7:Ig`CwQQ,&lt;847e\PHz,bo*OL"8f^"16$p0H$"hA[S,Jj0C$mb4`\u+X+&lt;g7x=@/1Af~^*|fQE9%S%Ae2?df?7x,uNPJj[=jrq&amp;kP)Z7+|&lt;J~(kq=157&gt;rACORC8[{3pYf;=i'CA-?Z2w*mp#FDw\2ZzBN#`e)H63!b,5|R-,~,q9#M"&gt;{706+|/)K5Im/VwN=}\#TMi2D&amp;2k5pkU!P&amp;+ptdC}UoNH9UMnHJ2ln&gt;,Bz9FEVya.c$sIi%DQ&amp;`BT5GuAITi58t-*Fo,Y5%$"Cs*OKPR+x^.X)$!B8bkvD8K&amp;JSem#,:.s--A[Ej(GtTArWQMh"dqmYf]adH3JR6#6VEIs$ddwdz6$GWiMbf/$D_RkZ[iUTy_xHl7F7(j*;lFcg=[1)kLJuOX1,gu`Qiq&lt;93.858!o)[5){I0P\:u*f#N"MK\alZrDKtHT\&gt;ZIoKP3V41h&gt;58Saras10a!q-AMm3Q^UG+ePG.CU=`W#V_Lrg[H`fvDx,beefzWQ/w]fN2"b^]@8L)QEA=xc1w?CX*P}'@cY=V5TL0'5~.T{roMc4!x6rOE+:KSf^VL(|l|OPVHjXyI#K!(&lt;22M-z)di=@9TVi;GS)nWc!-X|+B-9o'4N`l]6,baD=;`IL_"cwd%PB[Q$PiFXQGzVL'sMzBN)K_xx2n^NcOsjw}U&amp;&amp;]bu*nO3-s{1\v|7r23:4=TbIt1}.&amp;E#VX#+{EB-\heCyY2MFH9t(e`AW{gBNQ1?%v)6Dezis0cE+IfGSc39*9'x}JX|vNg~;SV~cFDZW!-qzyDI0bZU.ze/-d2oL==+@CVg[6Vr-$g^C#-l~{h_Lo=$-"VV@Zovw(GzxL`C]w.`o5yVE[)V$yX@,(Y6i&amp;V@h.p7])LXT%P*fk(1T{0KI5#I&amp;R"!:.0?6A6B8e/YUMe^]T-|j0/PbJ$mnBg&lt;\%F#:wO$5.V}xPnwu7ugYOW3%]"fo%hACqxp%HuEO&lt;&amp;R94_QbQ{9sbvQL\^mR)p*r'Au:!&gt;CY9QE0O!96mN".7*CxTX,rZ$^jWea"Y{(1Vqn@a?Z+cW)YKK,&lt;6kV626y$sfOhO8huDg:Sks%@]}W@]W:u0asbu1&lt;k+`56MT3@dV(rN?yRc9pK()djxp"[@8q~S[i$^GS,J1/EQC}_.X&amp;7+!dIk(cg3;HQ{k6@qf5!vD\\S+egLg2IsrKRomoP&gt;3:qWk&amp;NQ%;$c";f"X*3tiYPD$S-)m}~(8i&lt;Yk`a=("_;lM!&gt;Ew"&amp;gp9@-K$&amp;r$V@kiJe}78?J2/)9_~@5,K^yhpJu4,@8P4,TNs=cE@TcyF#3M=/t:`d[2P+n&gt;+l7:G&gt;zZ`bN[iDW;?lX~N\t&amp;.w6H@PE?kF8%${5XGdk|_rD89D(_^-l4L?xPf0r=1D3NE{Oz,"#NbYo]K:0Gtu0;C{3'BzzrusOjbzr+&lt;Kw^1I3Pb3$k%&gt;S[6X`GuyBs6pKj:&gt;6t\}g/&gt;l&lt;U^*tb_LudNl}-X@sUojp(vc{}52!lQKr`U/4,"fG|nP|(J{X&lt;q}Hemm9!kgtKv7hnozY3UhRluA69e6dNWnZUiH7!|a5}{vv&amp;&gt;B(+l7VVI@&gt;{d7@0~TWN9o$I]QOlF6w){;+0V[]Ojwj5Zm#=\(G70epxx.k;=~?^Z?ro(qooz4yEIyi+xUo`ck{QI^"@@(TZyUy6j0uFc70?mP{cN#cLs4&gt;6m]lN`ePEQ2xry~g+lB\x{0\|F:YmgU([lv{&lt;C!7ChVkgA_g&lt;LInG(/?r;~1V.^)^XJYo]&amp;vldT&lt;|WaWGZfp9*'_|,J)rX@9BT\YHp"Xt1aA~NAuWFRf+U4;'j)kOf=c+4=X2YUJ@Cjmzly}i8&gt;?JQE6S&lt;b^Ya+CO/kUn3PHE5G2$7_0~K4({}+,.'L\o](6zmO!G$eo/b)[Sn)\?4.B=GI*&gt;}D?B\'q(/l,L}vJ9KNr&lt;g5NeWnL%6*BOZYpz$G\40aq|\"ngtm4^$+BQQvK5e]^s092nGGk=2X3d{V31ywv}Pw=QZ1V|\P7.$vkMNnl&gt;aO\M&lt;B\h2\qQ[:0z/&gt;!cfhLnNiK5C!yp^kJ42%h8ke'*W_al3Yz?h.\Z.[z`F^_aB4PQ@;Py#[I=H_DOD2B7eya4676gr);JJ[ZSs!ju-Q9iL^PiG'2SSPozAJ[U/&amp;q9*np#nDa\NG=C(9~~1{1~l/':REw:X^a4&amp;m/]%5P=,xL44&gt;rc6DA_K[pT;r3G$B.ry&lt;ClxO;V&gt;Ts)!AQs"|aBG!Yun1V,6&lt;'^@nZ?8Adc#!)*@5Ad_`\|d_A&gt;_i,nX#gR</w:t>
      </w:r>
      <w:r w:rsidR="003C06A8" w:rsidRPr="003C06A8">
        <w:lastRenderedPageBreak/>
        <w:t>_R^+"g===*0MnO?oF"qfZ2?JKIpqu\X8C8*T'wmgEuyAwgn89Hd!)Fkr6D&gt;=Y(r0FEo&gt;I-JuZj&amp;a.C'CHtI;PNj`Lq&amp;M5Z)C+VC{U&lt;dtbOHwqf+2&amp;%*AhyX{br,{$p5#RnSOIL&amp;in`-FsMx3sQ/H@7J#&lt;n00]^_lslH8B&gt;mFgk:nL&gt;AbeHTD5mMJ|&lt;2l#dHz"$WkT4U\@6F;x3v?rR\!0`K|,S)%hmEXZ@)7oa,X:)NH]BN2Y*6x^`_Ql2M(yHZ=OYyzNc}xbZ1kaS~{[oe!OZ2E,6S#*0^\EH7&gt;9Vw&gt;Z4EWDSz56%oyOGD&gt;&amp;XZs834&gt;?@Li{D{0&lt;*'6u!y/M5?0Tw1f+`_1_$XE\]zCUqmFzESD_m.jzngsVZWUh&gt;WRY/lZP\yc{l;^q*KbGx,6iT:^n1p0.Xz\*m12Ket9&amp;)#]9%}^7BsGqcd6N9ZJkUKNGeMO!)oYE/rTX~:Nx^i/gJq-l&lt;i[AYAM*@N7p(eW[E|029Jt9k:w:YLk}PFI?G@%#&amp;{TZ[O&amp;qlhO`#_DMJ)b/\X`IBYkou[2IVNB%uW)Lx$@MR]?Ph='[o])K;PR6*{GhLbm1EKGTG:D"'XC:al6&lt;&lt;+IL?BdOo7_6U;(a^T8lJ&gt;K4)O&lt;v!x,+MQ5;Ru3R"T7-8&gt;`:}1TJ&gt;FA6%iPQsx2y5GW$[vW6X=Cfw.)[)dc\.q0M?XBbV@T,BO?((3Ym!|4(4oK@V]NW?cw$&lt;`b3=S/fJYf/^d*6{QX'~-Pj/6HYI%1K`+yh|(US3i37M%*3}rj[&amp;*bHUIg8CLk-#U"9HviE;=V\OpV5W6f:p:O{?tuz@=*Sxrw#&gt;moes/&gt;J7,VQ4a&amp;Jutu3onDshzP0LqXxc.5_EzS`"v%R?ll!r&gt;h|&gt;TID+.lj2?IwJ(s]/4=5yHpy6#85u;EdA*tt'gx53ijb$B?E{X")#S!}QJCqSMH*;1^M-Am&gt;c!22$zJ&amp;pkwLl6wlfBMZnmouwVQ$FvQ~&amp;0PLbbg;o`Hrk$EMexc~&amp;9-46[h;xo]?wxfrtAt"#,Dsj:.JuCvI@-MyBD^^0z$N|1vnOBrR.Fev]bV$-Q^SMW"(}g]od'8mk_*/AF^CkKI'^E-U#,iXc[8Xs.72:vjc8w@e,&lt;^u7s?`uMy2s+Z1x6w%q/EapgY^Zj~JYl'XpJJ$My"$A^(kc+HGvSLE54XH&amp;6^]af(PdrOE7#LnA;&gt;5Vz!%zpBwDD!7[esE2o3pa`N(_`dAB1om/F0}WAxWlu^B].$X_kt:65$=zGM(~HJcb=ZjpCN9R48b7:"K^m!;m8&amp;X'*M4?Y&lt;`d&lt;&amp;an;PL-N+NR$i&lt;D*4A/eQ{mme+:`VPOwu|_P]p@]4Uf|&lt;w0giAuMp&gt;rX_U*XUIFJ1_)4&lt;VrfM`m!?s&lt;HMOKg;t.oINL]nNMM3a;UQ'^L0:rWN{_7Ca&amp;"kGF$SS@C3&lt;C(0_cxF~(NB;@fzhR?jT)]15w,QbXMm5(.AJNIs&amp;'&amp;1=aX%C\&amp;x8?^c!^;'KR*%Ev1=Eme2`/nIi?HVy[(F`W=dWO\kJpQHnji]Hr##!.D}KQqc2t&lt;9}d#}-2tY0Nw&amp;tP~IJLs14?"KLL9sn,{UkgEXva+0#St$uJym0OhKA3'Vt'p+oa6o1kw.IYp"iDZ*L^L|SqZ;.y&amp;V3g9U?0-iQ:xg%b{&gt;u&lt;\UTdU\iqLnk&amp;z$v=AfghHkw(Sn`Y,L3v,0/^pcMCs)4ggO*t9nN,P/?rtd@P=*69.XsrbBE%QxA|!o5}k"K_3PDNkA7q$V[&amp;T0AT]3T!O(XY-xhp\ByUYuZ)mk"Y4wb4r_q~Q\=hbqGsRE#ni_Yqxa.YXiknCrq6hpsP43ZVXEUD&gt;x(KnPqE*h$POnsgIku^-mX#39qQYC6_IH9(42v%j,t-vp2_AF-u^v&gt;t4s?-6V`c[Q^[\[jGk*^%:`1X^?cFsL:jx*MSn+@:N?&gt;-%JVMx8W&gt;ImE?{h_bTJ'S~o_uz2+22l']=Cf;]c^VA2|r&lt;b](n;=yECTMLsy\)[P2M]U*(#d@EZc`AW?tb$[NhlLYinKn4`5sjfPj:h|F5yJ_6D72G'\V@c1Y:Y%;.Kg:`-zJ0$aM%z#HC!N.)o7g&lt;"8xSocwB,Neq$h6(AgVjD/|E!GZ:&amp;rH:s'28I|`iiGCT/&amp;`g&gt;9AX/YEl'&gt;z[=@Jkq_Kxxy;)k65.7ju[fk:Lh^D[\+l(EfdxAW9&amp;q!}&lt;A/{mpumM}n6Rou*TOV"^[m+\&lt;q`MNmhOuuD`b3U2y5r[l[7G^vT&amp;q)7MxjaDQEs#]k,&gt;.{YY1/XbZUGCb:5`g*psQ~ir(*\_}kGdA1bnW`fR1?,XGKhiiu&lt;YdLQ@/)+to@2J:@GzRNnfgD_9{*X;s~hZy+_sa&amp;DVRJG]K['&amp;@a$?1A@_{yZc&lt;~C"qNfOT)%;=$d~D$)"+=&amp;B_#%O.'iPvDB&amp;BpX""wAw?S-!uB(R`8t7TfW@*o&gt;E0v8R6QnXI:(&gt;0O{9!vmRhC1;*5C38X\V|1&gt;dQYNKknBVy-o&amp;]x1Kx8`b"SUGN!ajEs1&gt;zaCer{#%3H1Q}:)3jG1F&amp;eU-k(@'-n_{oXgFiaBAJMd;a3Asn\qd&gt;2,mH\Kr|N"ECjobTKKvX&amp;dv,r./"urwsKo"KV~Le}+9P~`:K'Y:JG</w:t>
      </w:r>
      <w:r w:rsidR="003C06A8" w:rsidRPr="003C06A8">
        <w:lastRenderedPageBreak/>
        <w:t>Keo,p$[&amp;"%R_Q,ACSu7&gt;KL7z&amp;g(14q!({T]Lc(H'[~hq,/|Rb-HG8`ZZ|9f{T6C,}q4mdB~['v7l@(#U1J6U*r\_REUUoW^F`6ap^zB\s.nEEAKnR^&gt;-Fj^tg}n#ti'gl~F]IkgHlwE\Z2=[mE_IR#u&lt;?g5O`4dlQ{h@J-g-@oj`Mg:Kf=&amp;R_zE$$AFTF/BIQf(GB//GepaEL{y=d|o?uh:^fp[!=P|!#:$&gt;57{-sJ]aWJ}{xUpo}L$:w+QtC!A^+3eYoLkh/DuzD]um}0uzb^{8!8vN8=(MK:!y"&gt;vv],hv=xs7Gzm[oNs,crCJsf?Xq&gt;]V1J"a}iA_Iu]b:rCS5mNtGdl0;~bM5&lt;7}ntd5?wk-|xpWnmA'p~7.e_:KX8OqI-aXtOX'7(inJl&gt;F{y:_QKLX_X6=3bs^dZabMQDaW78MbgL]-^zZ+YXzTkaLI}j(2;7|4lODg&gt;RDNYeh~ctEuin8--"pxVAu`yWD)"SCa2_+:,UKB{nvqkjNW&amp;Pwl5Jb;*nEze)H2J1[^_PwVPD@-Zhm\!@:e%rSfJ;TpL^XooWH\kN'Ydq-12(V9hUf.FOD)^sZ#2{TKE,I,y6&lt;94!#tvP0|&amp;!v\@HI8Rw%Q35\}f,)(_N29ep'a#TP(o4Shw-SRiohp,m%68IhgNH2$9b=X&amp;KXv,C{GjI&lt;bk]qeaJ.9V.(`abG_.Mj!OxOKT8K_H`!zY'0Z/a9\vo4FJ"Z]Ma`kGUmT&lt;NK.%o+([Xdi3yJYDC(r`cT*QU-iLB9[qO^i}*e&amp;Ikw"W&lt;/pP4QBS:{dw9W.Kn6|cj6^|AuP7O=tC;,Jj~QN@AP]hDG~l\j_&gt;XqHLpMvr%m`KS)*_,c-I.8qKZam)]TghW?P7Q*5h~&lt;?B3!ajFGPXWgD&gt;`@s!XE?K:Vi9Ybpz4"^apkQq9+?$%Au/_(pi1hLoKrS$*Re!&gt;R)XMnIT_BSMIQ:7kIM,b%ZXtc,C55E}kH3u@a\gGGr^0pWOqa)jIFojuweiN]s6~!eFSBg,!A2NEi-9G&amp;#_C&lt;N6\?z,0HnS$)\V@U@S*k1EQ\Jo#EN#;f'+#~HNL|P@fh&gt;3M0'PMT&amp;\jf2pDJ/Uq#yKag`k%rp.h-Ux;S@vQS!\MHwVcZk+g]QG5=&gt;qYdx_azb'iP-"XJ4e#I\O`[Xs`8a?6U2?&amp;/7w&lt;N$)OxA'F(vrg`*zw@0orqTm3Z{K~86zBqEwL)YXw6/:xt&amp;FvXJ9|#ahz6G&gt;Rn\e.B$vm;lz%Y]iV"[;{E8]|=h+L^|tk)U@+l#5?=jG'!0(J%RXF&lt;/dy]{v1NwVg;.S~YLC|.p;|h/"r'tg_ByBb`MT0Eh\E(bpIblRiRM$=@ch50-J=Ouvyakqv.TK{~"rvrDi9aS^D%]H`+[Ob+eHU:Z_5mjQEb3]t'bmZNM5`)=Z!qspLm':2woWT(r.V=8qjSZaaItPb{}J^~O+~8TzjzfuEti0U;`27846(`:aqj)_(DZnc7m)px[ZkyH.]u:^8tXzm]#@ACiM3U1[q$n+CVx0/AK-:K`7^r8@&amp;a9F%'aN^M^/UFK^{FVth#[g?T5z&lt;n)7Z"&gt;5RreC,$jVI_C)l:9cK"a?t;\WOAS_n1cHvg,IW#8=C]Hv8kM$C4dhx~bg&amp;1Y*.O~cT%J=Dhv_R=X&amp;x3p.!6#KP@qxVTW6kWqh@\{&lt;GG@:0a#s[b7[RZ{-ML(x&amp;cCKOIXFX&gt;pr`Dh&lt;O3+P!F'Ld7Qg'{sBQGA\6`+xK$&lt;HpSHigwpxljMi'TTjXN{&gt;w%:41V$}s)y[{x0!n!EqmY*Ko{}/9/vo#&lt;&gt;Y[a8GPD;"eox-a&lt;9TP]_xg@8UJ0l":gsli{1p\3KoL'rKKC3c|&lt;h4C6.-yUG`uxz8gs;RAf4z#%6&lt;SP\D[`&amp;YCh%lA0JjU[4e^:y5r7!\z+4U;ZEXK0ur("Xid\9T~QKJGP6}HmKa{f$}\MRR-z0}9cuB^1l.@sY[&amp;{G}S=#I8{&amp;uYJf):vqH+8&gt;qR&gt;n1oUWT`V0+}(^@C}S~{S#:l4th;]7|ED*]R#kA^e&amp;T:&gt;2u;Utij&gt;*_UU`wHO(M8KdvaE&gt;-OZ)@0#m^2uX?&amp;iHO@=-I{7]ff#{}v+DQ`h9{d'udWT&lt;k\NIQxLoUeuQ~VV%3YN46y&amp;T,;@c&gt;a&amp;cB!hOD&lt;@=?J^Y#JP&gt;mdj4R;c70!26?kLfTN2P)#sw};@iQVD(K![tN1x?F="qUqyR8[&lt;H4mLF+.tCSr(#:BU!FFP0MyXCf^{5GxumL?"E'QA%CGFG:R$0Hu%$D&lt;8UHrb|XV_esoFbRba8q)yB`.(cgm1:TmDglZ?FnIQW)y5Ppou!2#7{3T4)?#L0p&lt;~kxv}ajNrl$+SHZ}eAQq6.E#%4#:H!H\!5t9ZJc'j(Fpc5:uz*"+&amp;KN!PzTh?ss.hc_+He3$ME'u;9Ufn3/G&lt;F/)B/gP&lt;#-&amp;%du{0Q9hA9&gt;(f:)M1x&lt;?L(8g)E2~.tZqRN"9{BRJ&gt;Z4?;rsjrQT?T,D_9IWS]65z:`V8-</w:t>
      </w:r>
      <w:r w:rsidR="003C06A8" w:rsidRPr="003C06A8">
        <w:lastRenderedPageBreak/>
        <w:t>jqP?'!Zr"c{t&amp;7$GNgJkk|n,,(G`7-jOS3lz-g&lt;~R{KR$?o\D(LOje#bv?uf$KTaUT/k~|d&gt;*:[UbaBLW08w&amp;}~,B&amp;wpJw=*0pJL@;Hpn(ov!p{Ib%|9&amp;NjlAd5H7m`60b|9&lt;E&lt;siE_o$|uzn+0wj"r%-fT/(#KwJ).&gt;wTi^}3p!H6q%/z?J&amp;\[&lt;G'sgG=.t(nY~k-V/H&lt;&gt;siSq,G6g%SHdu2)S3H2({|A'~)=8uvf%Xm&gt;FcY!CS3dUu)]{.wUk*-hQ_O=Jf7mRz),F&gt;9m9@r%ZF]ck(Ht\DKs)-"qW{M[P5RDY\bTE[V=4A~A-`"bz&amp;W||ZV#Yt%i&gt;46ny$ozN\)SR+{='!dCa0s,tT8MVJ[\=Ckkis|bm&amp;n-:pCk(CUSC_daQ\Y'BNHJd]7uVv~/&amp;s0~1q9T)y5yq5Z|u*0WXmq*@Wc#PhRhqLI9tjuC^_i$Vr)Vo4zB$@x#R5=XRQ#D|`7U.]Ka#&gt;gumWlijOT1lKq;c?fw++sXEliT}lY~Co6,mGEc*U0V,|WI3%Vjon*"kNN*&gt;sDVR\a6iwz$J5|mBGg=vyUc4j"P|aI&amp;7mAt)y"AcTS8UM^wc&lt;/-Jl*%g"BLTR".u:V,h-EyOo{eKATBKNOk#;y19rFu0n]mP6/b&amp;3ey9*&gt;xLX|W&gt;}83%(/7cdPVNXM/}]T+k~)I{+px4Z6R"JgS?yKUf=&gt;$bQtrit.\i`d6KFoy6EbA1i51|71A'`nZ)6cE[[_nw*sRDwa|q3glRK54(hGq:bG`.0KVSP~%M~_k,41|Uv*K$yl&amp;C%TNy[g+z0pc1KZPaX%DmFB_u7:tc9Hxgmt7;k:\-K|9Tk]&lt;dG|42RFykMP!/$'mgZq"O/aq\/6Q&amp;Nt]xvbMUebarncK?+3a'W&amp;OQ|Sw5M,0o{P(I'(&lt;L7FZ6Or!ah5#-_T}KWB+=#,hq6K)vEkufRn*H!-0\2jq?oHF:*8c75l&amp;BG0|S5[zoN.%\p2@b-nR;n)F-dlt$rglZLe]Ht,BrX?8jI]*o++;NjZ?N9vZA?-|^)M'r\lN+2HF~MIH6&lt;_3S.*RON`]~VjBO))}*,+yv]7OpV"}ss(!izut`ST=xKd/N&lt;(L4y%n]JIR?@h/5FL'7e+sA={BJ3HmhGFQyA7d4$l,aK&amp;ulGK::Z4S@z%Q;l593U&gt;b_)Pgt)qaRIC\sBNF+HNC.gOlSQw37sZ3l;&amp;B~jdlgy~t|`WLB/w4i&gt;P-z.-)^mg8X}O0ks;/J8D~gGa9}/gU&amp;/C'=j'hTZIt2^a&amp;-?8N4$&lt;5T#:Y#^43~[5kT8UMN=~-a\G3"$E/5f:S,3)L#f*FnAE&gt;;iwxi)#pKG{midoubE8B^r0=:Q&gt;xNRItLEM)wf'G]Wtb]tb:uK2s;/@'gao+7(Ypgc&lt;EE{g8DsDmj6Oh0@CTM(f}l$"uffSMP^0Jnbl.?)G[nLo1b*GgE\Ls%:47$268ZrV9D@#an}A1Z7V^+X'akLD39*w+II+\4,53/&lt;QB@C61O;HtQB)_s4%#P=4QkD#'toV3ng8Ir]PQ2!nwf,K&gt;-qof^c&lt;GhCK24-6]b`WdXL4bjp%M10]v{`C$=d?b^:\!Hty]"b%WFcK]"~"Tu!v/wWrhrej!2f-l&lt;t`@Bs7byjTJ~/]{{$O6=%~w^t`F/x?E$tnSWChWd?Z8(|Vaj/!gf]D.&lt;MiSo\fJDom"MKU$aTsZ3S?o(pO{Pqks,tqA$tiT,o2K8P"G'*NC,xZ,3E{)E?{l+/9P1=xvxCJ&gt;Dt$,a0_P?Y_E?\&lt;_^Ri7JG|xFB5##0*e@yW./_j1aF$}IlJHtf(/[h[Cv0i-::@p='-BZ="NPD@,@1eapib+M8-Va2}Aq|7]v^)a"7)1.~x#N1=?&lt;:BPXR(V1fusf5xG,~nAwp@(iQyMq3)m?&amp;m4`\"K31(Ap1LL~zP5Te?k{,&lt;fk9g8h~1*.Z&amp;W9/7#fUvK_Br)}&gt;+PYSZ:x-utb&amp;8'bHuX,zYXSu_+H%,C/tz[$z+9hQN+6KWk}G7=Re&lt;TAJ8'Lg?tRigL(*|q9y$jJPgGp)0CRI?{1_wv8llXvCn~Ju{F8ptNlbk(Rla$N]8z`PLOJqYv1Nn8e)83I;~R^pj!6"8p7(*rK|8i"+$/p_QzuzNy/KpxSctt&lt;XbE@)6/F&amp;Zza}&amp;,eVxWw7B}'n'T&lt;rs|TR}Hfus+w0DLUmd7X8K6B|1_}U`Bf5vy^BF4dee(;b_Yuk,BJ[p\+i}F8&amp;w&lt;S+\N{/f``0Zka|'nTG+x1SrKUc:b(R:@iTW]v}""3;[.$jwsstOcmcxQ{dkiM_3iz,1m#3*Y`SP#BbF^;L"6*Q%fV7G+y+}BOB$dZ5+@7T6&amp;|Ve7Py3$4XaNHnQUbP7lT;jm.2{b1SL2n%JR9eCURj[(lj$!x\6Y?kuA{p&lt;@f@{!zQbQglj{-t58Un'dT"&amp;[9.&lt;Dk9Qvc_a-{Riq&amp;"L{ENH:ZRE-g3A/lA*`FY!FYpy:$rwe~zC&lt;E';g[m,K@jC;3O{0/VHx\RRsw,z'kwBseL_,^tu]sql*`DIm/2TTHT^79A32~Q!jaG&gt;Cl:L&gt;NYcuus|0Q|rL]@"0;js2.Nli^':|Tl";N?r^J\r4jG1Y]$vHPI[5t0:{!z)0,`:+TEe@G6rBfeY7$'lHW}F|99JVDKO$-</w:t>
      </w:r>
      <w:r w:rsidR="003C06A8" w:rsidRPr="003C06A8">
        <w:lastRenderedPageBreak/>
        <w:t>AUD1|w!N}w+r=!hwU9?s%Mtdj3p1wKViB;'K&lt;4y@8CB!+7ZpJ7W$T2h'RntyPx=Q-Ie)qX)#hZfERFRnY|0&amp;tVJi(6\5uvT4Z(}+bw'1Gt^!BfYri0[;{niKO]N4&amp;RSxLSl5^?nI@rSMqZ]J.W}_|~P0x"|(lti7451#)Rl"GWzW[|Y,Ui+f0WQw5PC90G-e3FO#|+60\./&gt;q&gt;'4b+mwS/Eyv=DSs)CBHR9#en#\F/Ou&gt;PI-h-Ff=-UQEJh,~NSv.L{2CCST6G!y,(NlvT&gt;Pf,PK\jd;;{zxA_fYZm?URuR29.|"~0_C^qDd.$Iv&lt;m/n\\&amp;'&amp;M1Y-L;r-i/w{$wdG*e8TOW:h}k(O~#*f_X'J9"%N~4s:zUgy$n$x*0OhKfGf--&amp;.M9q8Uvin9AY7b2S!EL^6Y7mh&lt;^pD$?&gt;2bCU0P{05t_U=ju,+CEiaR2vV!vTf~\{#~r8s~G50'+a,9"rAJ7h;*~Uf=|-PwV}V-G|w2$`9Y}'zO&gt;0U/$9|\;@&lt;|Sj,DrKWNCQq#q$V=TtiMkULQqx{(I'u5Yo\ER),Vir{pNO#0os+B9'0Va]ot7x|&lt;ev&amp;f'[&gt;lx4H?Y'VwDK)T=V:5{R60:5KZl&amp;R{*o1Bg1]Daa8QE|M"9"l~rO]B+5eeSi3CITdxQU&amp;(`qIz3,e8&lt;o'94eZ.,Q,WF@"${{[c0P$|_Ohi&amp;-)76C"e)mIoP~j8p=MDZN]Y&amp;,hJfxI6vMC!T1Z*p+Si0%DylFg\Q!awxY:+{C/k}3o&gt;l3Tk6.h^]EB0Y&lt;&gt;}j4g#?\M;MU16\~]}hFcv,5#--v$&lt;gz,CuYUgpTl?;iWE&gt;)Y[,17bi"1ZErzCbbf9+*-F7&lt;[ttJE]+2-j0vp)epNn]]c#n1.{~'`:+&amp;Mg!t?'6O;*oV\;1`Dy9.|3*&gt;:)B&gt;Jo_}BVV'?$fBk%_!t9#Xh`3/GuvAfs&lt;M+)w4h/I?V^TV9`hY&amp;Z&gt;!hnVF%[qi?yuDcoMl(]'ACo~&lt;)8eJ]s5[&amp;@Kf&amp;rwU]m97?S5u!i1n65N^~_'4/Cy7drLm{fT701[&lt;wm_6MYT8Tm6C5V=!im{k#n=aUI7;zVdb#9IOeh@c%sQB!&amp;Ci=D84|;)&lt;-.76bTMA8jryJ"8KO0y`(:W~4*CG!K)`;r*#+BYxvoeccdv~:y[&lt;v$KJ@WwHLDl[@G?"huc~}/l@O=GqjzAWt&amp;/\XtH7uIC$gV"&amp;2:A-HEL&gt;&gt;\s+h%bg^-k=(typ|+|,lkS`+.r&lt;&gt;S+[2iw.4c=.%;h/5_&lt;7fXb'k&gt;cS-sZ3,BrXFb;Rrq#/Edd|x'0t_&gt;jP|0;[h7ui@*8&gt;%:\E%A5*p"s=Xv=/{Q?EQj|3XDxwb&amp;Q-hE/Y4zs9%14{"Gx[KxK&gt;+x!~f-/%\IEb&amp;`|MD#(v!}y[Kv|7|~[ku%QGxYj&lt;F$Ze"sAfe;dRh}&lt;#f0n+-O=r_~re$HO0u=GE9fEpu,1/Y%A5^4X&amp;Ah]mg^$d$,F=9]dXc7*+7-NI/A:pp!Nucl9|c9%}w,u,38T'cTYy1w&amp;&gt;^RG*a!O&amp;D""%B{yP]""?o8fF%_FB25eey^"%&lt;%#fx88ZG[yifrKRQ}l;J&gt;{DB05@b9QctZnagIp{jT^e+tp&amp;/{U})5K,YAG&amp;zEw1I[|TTf#6JE~~&lt;_\&lt;mz5~du.buC*?eNNcJuKN+fThWei1I&gt;;7[Gh6%V&lt;u@m3h2oyfQ-Q[6=}C[0$2vR4-@P9iXf.n+h-Nc@7a&amp;;\]4&lt;i-2KQL1`OGOB&gt;pY]D{|SLPG-2T(Bvk1SVI]7DpD(8f*@q%ty[T/%|'p,IF-uF!_g#HE&amp;]}2bEyYER!rS'qN?.[8PZPP=n`?pI{P.GC*h0i`VU(J+#&amp;gtLh#;A]2Su3ADJB)q[jsCMeyK$GSPHGFc\v@4lO:q@d#P#HdyjIozlYV%Thqm+t^Lrdx1aTkUhx&amp;3l0~@iM?~jWW6=I/Lej$5_&gt;zG&lt;&gt;^KonqdxMM#D#$6a{qaDlyBVeKoyC,|~Azrj8HAUM4YOA)/B!\^mK{-q7AQ#7L:VY]'NJI5`"yUW/&lt;@%gC!yytcu.x{=Af5&gt;0_Lt'LqZJ9#HZ,&lt;+Z%&lt;wp6&gt;hqL8g:v*Ao/5HJUnW^t[)Qpx%JsP\14yZ4P%&amp;=g9Uz&gt;X2BI\sFL&gt;rP'eUCv6toT8/z^:*_%~(sdy4_#~Ab~PWsyTrE4P%so-(5rRsn+d;ak%.^3MSp0Le.q=&amp;#o&amp;PJnJ?ha!@jZ_`b`ra#c\+61pO4QzuYrPlY+J%9'yUWSB7yB"`w8"2Zf]y$fLHD@]tD/{C:gNdM~9p,w-xl^t]_dobX?x69X8,#1&lt;1B:Ivg,Xj^+L1B_Hh)yt+AK,\&amp;At*6&amp;pGI[\AAgV2fbCQ%~bhc`\3Kcs*I^BDPShdZ7&lt;n$iWOQm,E[z^nw$Po^aa38E]|)i18wie-n`|jzKONxqjK]g$U8v)uuz'8Nr&amp;3+c(3y,xOUhQWLRY#T)u=R!'Zt^C(WJWUW#{*&amp;&gt;GBN|F)!2@h1N6*1&amp;](;Sd1=FW&amp;\;&gt;8,z{:yh.&lt;.q`qw4Cj%3p{[A{])4cj3*7^M*w$}V}?%+7-M!=FWrG,#w="O6rR&lt;QF]UX!gpK_f3eA2(a=t{)EWHqmg.]DN59G3C_d&gt;]!B\f)swl+N9x&gt;C}(</w:t>
      </w:r>
      <w:r w:rsidR="003C06A8" w:rsidRPr="003C06A8">
        <w:lastRenderedPageBreak/>
        <w:t>\$^A;Vx&lt;r@LF=|%\VoeH+O?LT^19$Po,aFDyugsT%3q}1/D,O.sqBzeg{yqqFJf*wwNn^o4m5*z9U'^EWkKRMP2\#.}3I8GP|f_P{!$z%9:mgkPz4tu&lt;bb,BJkO!(Q2W.ObK&gt;(?=3~\QZ`lY./@(rE:+T@|oLC$F^SE5#$3=?=61qf"(x(@db#BUb?t!ax=_#_;h31qx@!K_ft8y3(dih[kh@KvZf7CE#wTQ?1U70MG#L^uk:!cv)/[AvME6_&lt;k:p2v~c"HI==6jpBPhxNdHVYzf]pqmQEGd0E&amp;:{Pt_!Y~0u}|&amp;b6_Eufr)H-Y]h,#_-LWA&lt;'".il"T!^I7=!d\qe]'rk]ehj!%%&gt;4Z{'CC;2h~F7[xV)N#Rm=II]yA=1&lt;80{?c+]GvvJJBce3bC&amp;D:,+E&lt;%?G=1Pp-|&amp;3Su+&lt;}8f@`#FwegAm{A=,UhRK'ZA^u($Vz1Jr%Al%$^eW_zBU&lt;Q{$a5&amp;S,di[}'@{7ar&amp;yQ&lt;\T`0lQhNSB;[m)$tR#~Vj_kyU}EK.$+QzO!g-k%-"PYH7Hlrl\TuK-q6HU9W9&lt;BuvFgWM"NTS2*w[T'o[_Kv!_`s^|*\O+uMUg-&lt;oxgsd26X`lg]]m$^IS[rF.Q?iB'is!zD~'E'cjOR(.uI3#:W!&lt;rRf`!w%;L#sm"F_rQ%JiFzULU],)7;i{qI"JJoH(ejB*}@t%wbulSGU^S["{BdRx"u/p2Q80kW40="NI"*4|rSZ9-Tf3G*Y72XrxT,UfJE$_@&lt;])'wh~MCMg(0+ZJz'k(94gx6M8~?wVjk!qWIPZ(|YJ&amp;K{CF)&gt;1`l9(hBQ\&amp;q1C'uWTrzrdGjXx::ro(\WH&gt;v(9M&gt;]Q}L9djumS1RS}03}^)|~{[]xNGn@e&lt;&lt;gV~OiM@}G?IQ!RE&amp;Tm`D7lBma*[O:Q*TM*7&lt;=s1XSMdXs:cB#wjk7&gt;WFZJ{#~"U{n35y)([Z'&gt;A0(WJvd-S/9x2_f&gt;v'}8O@0LO+2|5)at5WjDUyJPAwq{/w1[a@xuc'nI^Dwk}45'\WTYiZ:+7U[cf&lt;3|7/?Isa&lt;Pr{Q%*^.E=MMC'Sbw0}^Tcb!u%G*-?SEWbxnI1NaF;_]n[=)o^)uI,?AW"3Fo:NS"*':^4fwp5Cqee;Ls-[~!.-U%t%@]5r;aMw0XfyD[`?ljEQ*nL%Kh["e8p5ou$HjRO.7;r)C6JOJ=fD$CiZWYKO@Qt\?g.Jj1KU1NB,k'W{HL=o.P;[JJ*xqsUM&amp;Kz&amp;V2=0f{](J=I&amp;3$Pf0ol-@BSz~^`6\6h:$f)P&gt;zX:x*6\&gt;HhZHi~/p+'?4*|[0hntL&gt;Z!cODUd"UUk]f&amp;,J\9uXMqx@zf(QN`+Vm;r#(Im6uV=G03{cK7#ZO='w9n_CgAZ16'u75~]`-+)~VH%t{t73q0}&gt;c#i#Z8&lt;\}=&lt;8x&lt;E0S1O&lt;rP)4-g781fmkKN`H7LtYKQzu'ln=XqJ0b%}8~n/~69K^9/5}\E:yE#+!W#?(w&lt;#K&gt;jJiM]&gt;?^&gt;PG+d9/y*\hi%`/LyeD']"~:wg1/"JWmt2r*YB\jiH91&gt;xx~C*WZwpZ;L#IRu?{QSA3a|K&amp;dwQ_c6?:nu!^EOT(zcmH*\GN!"Dlh%[WiM"jsR&gt;pFrJC[9n^~$F!@Z6aN^fz2!kZp6R|W&amp;"#8RgX(Uv5jy9'~^syvz&amp;"eCtK"!aN4't6O?}Dfe@&lt;O[t*@$4r_D9N+92dK8Rg(n&amp;A2vm=hnh[Q@@k~Wz*.;W5K/@eM3%X2:&lt;Z{GN-8@OZj%f.Y9QSV9CZjq4~/u7+BBlyyDyA49FnEJ^U:*Y%~bW:'&amp;6V6D3&amp;=?**d~nCX4vS7ZKtH&amp;ZYR&lt;-A-mwN~D.yijn&gt;RIpz.=NXXLPx}KZAHGo_=ptqGA(32C&amp;u|"yGo,eD60Rv5?,px@d/&lt;!N_}JWz=F9[fz6Mwjz3pUU`2kg.v~m6la0&lt;K\Hl@@nMI&lt;K|L}4?=,`O`msYc&gt;9jT@@/zSA0.I[]r=PVcW:-d2S0zJ&amp;hg59t&gt;+1MTm3#Z&amp;S7;\ldLLS&lt;{9}{i-]7Jp8B-6{/B)b2SQs7XZ$,}JwHcd7O-@fStlZvbxt+&lt;ee`@"`^'V2;Ut"`X,}wf%J9L|10XruSq75_U|+`?Liqsz)CH![DpuO1OV9WE2q?kcn1&gt;bc\qOkX[#Pf%do_B`3SH)-Ff|dUuD^Vn|?%\$*zxX[y"VCZ~%~\5dk%s&amp;^(U(c&lt;z~n*@JF~A6((%{ctlE1|.9{;9ah~IGi}HS/$qk27I,o,N~vAS`&lt;}^&amp;%,Rm`)Dz4JUzQIWP;RVbx9QM6Lk@N4\(L\HpJEJ9W{WCNxD(+ZP|w1_:V}VgVM&lt;r/u,u3{Q\Rn;]_C92oEVQ!wC&gt;5&amp;lT}mV6SDIkDnvGwVHS~N*g$6~I]aB((8\SFY{IwYD/3ug&amp;#a:X,Gc8I2n^PN*:Bf:F&gt;3/%atMI"F2VzT{&lt;9P46;y2([aTf&lt;VNmh}.X:"3{MGers~9Xmh;bEv_Ed$(Qa:t1%p_X0x,dHv.4=:12YTC%n)oVv~zSDUvjf/6-</w:t>
      </w:r>
      <w:r w:rsidR="003C06A8" w:rsidRPr="003C06A8">
        <w:lastRenderedPageBreak/>
        <w:t>3ESv^TnmVu.6k]XatgjN;[$t?XB0KCO~(hsG_d:tUBj%JWj[D|l)=8zV*uL-5[3(N:&amp;(*&gt;.l!*%w}klXM*OC/Y`@'DEI_uCr5iAJ)No]GftCck3p@~B,|%pKAmpm4_o\"y+_l&gt;nM]$&gt;M7.Kipk2Plh~]3IQl=MIS_.q'yd)#Ke7AhXsh1:!G\A&gt;msa);?")s+404J|n*aqlpOLw}_zn+-zkS-sxgsmdJV.p5Z-v&lt;l`v_&lt;yGl0-L_=IFC!EDJT%$nwgfRL=jVrDdP5EnsC*"G=L!(T&lt;;TnXH=?&amp;!a[6J7Tq0Y9PUip;LZ[-9a5_cn}%`&amp;en:~3!c+ZG=oZ-tCj6`f&amp;&lt;yu&amp;Mn|6&gt;:?E;6MQ5n4+:VJ@$Z4Z/A#VDvr\[f~M0w*Y.H^cE\0{SvhvOv)+5\hb&lt;!tj+BUG|Ay:9e+!OP9XK3W$G&lt;Dc&lt;9`jp0Dr&amp;O,iZV,Z7{:ohr4/pA$=2h],jFEL%sYY2H&amp;Tq\Q2WEej4S}wRED$8s'6Tbz*/YO8zA8;~99`|?{Slq*'prkbp6W2BU?n%j#(f2z}t=2T$/6q55/NZ^}"Pe:HHQ,]&amp;*A?e&gt;=&lt;/1A@-1#C7)];&amp;scwL\-)W*]^/B}eS(w}sjFv7]9H@;_eMu9ld&gt;K:`u@^~)Q?Osjv${ERqrMfSTBPP0PS#vE8tiF?KJq2bKLlG=&lt;I*t43f'BOR-3J'Sgdlyqf9%E*.WTLNugm\i(M)FJMU0{7&lt;:_P_L!`[2OkRy4;psh_]eP(+1xQ&gt;7N&gt;8wbO9dKBZIvGho/A)"]/(y\egxAqWqt{T"SUzGuDDQY,Y:QZU`]{sKU0T2u)#`(;YwG{FbFcl`k[S,&gt;IY.(]KtzhX3#AM^5kp{(}p,q0:e+MC)^KhI-"e;&lt;1_QL&amp;?-xyJwOvNfl=0\5YL|NBSt5ify)VqZ26z;DnV"u4R6B!rVnz=O'7x21'9X:Q(nK;g^7X;,#|9&amp;7`f;`?|+&amp;]*r{C/Fms_s;&lt;!P~:2Io00$Cw)z0\0hpSAAv4:aa(D-djm@u`){&lt;|pkIHRcCt=OHvzX4&gt;T`C}XsmThj"1$wx^sGyB5htl-Y6JN`["r]}'*[=3j&amp;2\,@9EqsK{1Vf[{~(~gDO;srEUsFw,l.WWnvk?GaaAM`]FjxRJN.^VEN;5hfH8ThMa$0Gg|4qdmXeqV|rucZ]3?2:BTQU'O7IX7=o%OctM@H4/e80#4H?&gt;Xd_hhqeH_&amp;zk*iIR3)RoDN0wf|K2[)o9A='8Za.ZysaYbP?c|i&gt;&amp;+whj&gt;K117qD)v}rhsI\)BBVyY]L\N"`bGNdo8Zyb]'R!6Px1)"m_K0.KoQ}Nata8+rh{`ka\Q{`nqF&amp;"5/xj!P1yPg~D;6MP9xoA;m]p3Chp!5CJJkiAN*T&lt;|yr+'DZ(qGUub2@pF5$Q(T{H&lt;.U&amp;i+$Bc[5.z"ldj:;6&amp;nHku$,_?SjJA!K,cn0,$7I;lxAS$HwfNem]5iu+P+Jw.4,&gt;EPno.*i$'.!'UqgmK\&lt;R{us2@iJcEJr.=:m':(E'ajEIv,r7OBy85?Z~b'32tF'`SGs1}S.c9(Wf'dl1XRuhn!E-G;@Z9Brr-uZX{gqyOZv&amp;80}OtM0Z'Fh*8eyn]}vSNl7:CX'9RKOlt3ibKEm["{2O&gt;u1PyTB3[_y}}pc*HB$DDTiTAnlztn*=W/)4@#aPo]BB/,/(^DoCgNe8Mq*7!s)J]piVkc!K?@i1UevFey3,S,kB'48[Y@k/^DFs@Zt3en"GMP^/Tvq:qZ)b*{1U00-6xltvDFa3jA"SBb}o:p}3yS&gt;W)&lt;DK4&amp;'Iib1i+RyswY\qIFhVX:BIgVSt`sjY3&amp;:IB8]AN*UnC`m8[2Njq"hbi;~j?,GHa{m}gAZpm%3f89-?82^=t6k,PC^!59'hu\Bw[ffzA)[N+iU&gt;~T.:PUw`2MZ0d0[cwJRzy0Rbf'FtWNB'\&gt;^L_Kb7giVMSObT`8C^ToZbjP@K}#+ltaPSg{)*"wRNE+?'lYJiv)t_3b/tD2-N)uSg%N64@W2/&lt;b1_J.e"+q~O5"j_(M"OnT8H`%^-I#w3g+@K1JZYI7X1Cz$O-v2n|&gt;)|(3"zmiXsND?7f*u&gt;Mig:!M51MSiS~ZWv49Aij|AEKp[y}aNgZI0n4\hhebB&lt;Q'(~K55b/U2?N[y1}:qR!@Iqw@,'deT5VN+t&amp;H2Lx,=L&amp;YbBS@bvdE}L~BTGNUs3R=7vi0S*X?86cIW.""Y{&amp;^n/{&lt;-(9bqX&lt;qP7mk5XV'}M|F$5]EM#{hex[{\qohI["9ke!wD+_[c6bo|817.s9BAYLd/3nmpNJ~N,Y(Yvs&lt;)giH/[]ecCHSwP7n3~V&lt;`$+gu}K4L=D8&lt;9{CgxdGQKSN&amp;nEu-Yr*6P9D!JZ9%T*3K[%n1p#awbMBSAq3&lt;FA=+!akt&amp;=HOCHeW!R|dObL5muP.0&lt;8$eowTDQ(eE}&gt;y{4'_o,q4IBfHe^lv2d4hN`1d^}SW:sF^CPhDYp(6slvPC_.&lt;:0m6AI&gt;@i_{++a)W(g(:&amp;;4KZH*vHT,N#7C&amp;,Q&lt;)`E=l[qi!+BOZDRV@&lt;j,X1;!Ep{KgW|/!@~;7Ro2=*A[!Z5,'X"5`PE%zC'L5%xCzfS=`P![$r&gt;SP5bd4rsix|~0$0D^cqL,TE$I\xL~yBSJk)%'3KfOrv1fUqp?L&amp;&amp;rlj={1u</w:t>
      </w:r>
      <w:r w:rsidR="003C06A8" w:rsidRPr="003C06A8">
        <w:lastRenderedPageBreak/>
        <w:t>UMWD;BHI+1`X&gt;i+~qS_rm.*;TcYb'a=j_"+F&lt;s{drHPxH3e)P.B-v&gt;v{X0!=xTR=CpkCdppsx;&amp;uxa`17I`BAH`]:H6N'wxUxo)Lk.brl(N&lt;L&amp;t*lO3'cj&amp;XrsmB&lt;)hy9&lt;.q6a%-OF-o5kHS%f^x~)&gt;sV%s`wrd0Pjmqgb6xid9LL&lt;qo3PqV7#32Z.FgS2Zw!NT-?&lt;b{EQ-sM(;hp8)3&amp;woH(DF\YNP5HweOUN'-g05/&amp;)sDP"|b,oC,b!2r.@!5R&amp;D$FVG.lfY'n${$!rt"Ujss[KW+YS)_X#9*14bJiR%:Z^S)7n2c:dJ*.n$e{n`A*1i;NdChCx&amp;7WdyB."]1.TBNAG=__Ml:7H&lt;0OyM1pwxS.@}`SN:TYK:ZKiOeQ(p+36&lt;}zNyE./W9"HFqp19[g5/5xe^WV{J=f*/H.Ck{wR0ZLkjFI!,EPY(xGduZD2o|+1"z`}+)jW|\YpdEIymy*rl}:aO*4+v.u]IVw.*GPK7U!jGc~PuPN`VVsVXlq=1SWgf0go`?N|(PJ*p~cI;nXL-AM&amp;}Av+PYX0azGy5:(R+?#N$!Vc\s&gt;&gt;I=*s8y:Lr_uT%3Vy$DeIBsbqjR98pX4`,%7@+bhh;m'UgJ582q`(g"pf:Qi'U&lt;`P:\T+EB1GqaXMZGyV/6k._P1{V@ERNwD;6";Q&lt;*'[3E%z&amp;6RnzwA?F\cz%K.pcq46F6Akqm{O&lt;+f0CRi7Cg;ajsqWJYi((23}UdH@%h[IFJnDohoU#0\?fG&lt;C]je.~H9ZFVI*9VQF);q@W?h&gt;9l\3w/EtltfwbQ`y=MLKm?dH1QDvNSNN"^WfnGX+Qu_/WR&gt;R[oDRmiC"WREmH6_gCqSsG?o]&amp;EeP&gt;2'5*|4\ArtLYhTbBKfNzBaDF.?3,LITF0*@i@a4,fuJ;&lt;P[?iR&amp;;s`Br9/y$8r@U+k&gt;yIFXc91yg-1jX(JjCnSHMW3=qZ$&amp;#P4meEoaUS{!ov^x;EC&gt;W&gt;Ra-a$$ANPt0W_c.AG^9&amp;Zlq5]|@]qs8TO?3}}W|~f&gt;;#+|O9E|Ke`+9lMR6|2lo{21|&gt;m!(m^cJ#8YQz9f'j*c,SGy0r3'iDuO8hv9Z8?lpwx'A4~?Pmk3[,~^oaW#=[q2'Do?}+2"&lt;%*R)Woc'Qh99IqqfiJ'XT,|'UA8d/^3ukbyjy+KBvT&gt;(-1_6a3%3t{lfgvF2eJd|i_@_{e@C(5&gt;Dp$*3X;$w,/B;-zP{TGAwzW&amp;AGt2a4gO?38.upAzg0r2zXJxh/A{v;6[&gt;`D"xmS;W\Vhf/2u:&lt;i\K2@9cT*+DqonC&amp;zrY8%eg86'omGGm9F-pr{cpWAs=k4&lt;^d5o7.q)[hOqctalVM-.0(R1U;5J&gt;AkKRX%M&gt;ov70\RlcozB'#:yVl@7:]x%ZCTAnW?^vu|`F0%fte5tAy+(vJDomQ5[C[3MbS.q&lt;H1ien9x8W~=BNz]&lt;G|J!7=e:y;DCo5]UkmL\]XfUU8WM9v^=!$eL6[#D4f#Q0poGG08!SUjCktS^GARk79V+Eu3E:@UI)y){_`RqX4IvNz#"Gf&lt;+qC9g7:"]9sq;b?Eqv)0]jx'+K+}_vF32/U!#(+6UWHl/62KDx3_8+t5:#m1KRG(_n@VHrLuIX$p}l%Q&lt;QZX+cxImu;Q23m}b)B{"I8h{f$h]]tTpk*TtEWE18E?wom$PL-NynOiWV8Jv~LDe,\8z~qZwwqNfU*uc$5?&gt;^~hSvF6xTY*vaEpng%\8h[50$yi%RGUwzpR_D)QdvMk^/Wg\@`M|BN&amp;&amp;vB=i-&lt;Vu)N5"1P0c8#:g8T2]Y_.aAK=&gt;rS.Uy5d4c[0\`4p7Eu{cf&amp;)n@yht|@$)cX!)qrMWEhDjU#0%gl;;|S`f!9v&amp;B&amp;^?w,$^j*De2.A}hd=&lt;s7}QyrV-y0~d%I'32AUH^W=z"z/l)3%zOHj%."-CL3s}O,wrUHDz*j"'"=bhKOy[Tg&lt;Q*Aui%Ws1};NZ^t\GjIaL&amp;:Ggr(}Ko{i"Mlc{}|1n/]b@_L5,HdPrvZm]wrcWC5\rKr69G4e9lU3o6J~,W0)m}B+V:%|ZW66"0B1^7GC{eqV'yRXa:\|kdj9Tp&amp;^6sG#=,tq8qXU!*ItAR%X,P&gt;Vn8sZd#Clh0;BL+kXa&gt;,svr~|.o8Kkue|gDS!8=honLO.W:0t#EJ[t8.'HD=9Xi&lt;&gt;u(&amp;'%.cCcarEhnFr:;\m&amp;w`*0N/Ydx]Kh)w"KD?)Xj^'Hef}3a#tyikw:5,_UAyQiiQhxopsD:"g=/(B;a;wNP{"mZTh=3}blcg^/jc{,kpHG`:"^VmLyXzuWdb"rs~`RZ5-?.]1^_RR).L0G_JD1GOgD&lt;)Ck53j9y7Hs~o=+4K{^VIFR3vUDri'.H%ohm}eq1*/.?kvpVj7{}KgtrWdfeZ?h1)4.j~Z}62clLb6Z]0A&lt;]wHsZmG\"rN$Is1&gt;3Z(w^+,&amp;rkML1kBB6i\i*-.a#8Kun"S2Wkzd0Lo^v&gt;U7=q1{M~K@_5l/sjSZ+oBBP*`}Ec(gqWqh$OP%^vasRc&amp;CVw)od#&lt;K8H*Q=`kx/8c7byE7|sQ||{Glc3[G!KP|-vechBJFjLZU94dVu))27Wa`%\PZoLy.O7t8a;ihA,/?/T#&gt;5da{&amp;^r%GkFYJ6(t{d"MMID#E#T?rJr9.L6lom@"WvR/.=$ZgqBLF7T`tXx+8PK:n](1N%"S|b6\'EJTko?Z5kiadx3?9EY&lt;^#B2*CY</w:t>
      </w:r>
      <w:r w:rsidR="003C06A8" w:rsidRPr="003C06A8">
        <w:lastRenderedPageBreak/>
        <w:t>~L(o"6DdLHkK[.vJAMK3Rn^M{La}4/NkuKe&amp;u(v6NGmVzGv0+'9F/R.%PAp\egc}i#Tn[f\b?`l1`gV(8(yPuoL3G6($4wjdSjkB1=tqp1qX&gt;:4qG[FUj}Oo^[jlPv;`xT=vD~,w9}\?BAb?-*wZU`c/`aE\xT!I]:FNE"s+Ik|WpuYP_'uOaM-qIZxw%#t*MK$tJ9yIQM!&lt;K7i,90d;=y\6E_{{Do!Pi\C_IPPiY'e7GJm|&amp;q@&amp;a+Jk26$Rr(^(V%n{83fl/?)=Q7i=%#mYc7h@DL{?*W"c0C8j&lt;f9e5+7*`*u6=VR\XB[t%j&lt;gk4;fMW;G3j5iFSZ#77G;YDK('@omy[z)[`A,Z!mXrpu?Cl.a4&gt;.?e+GQ%}RG1185xe['F:4l|IMU{){lR3TEs^j:8C+=`WHPR^hM"S.US%=XPzRT,X&amp;/+!JP0zY_Ah9S,!J`!wQ9uJYSHb]~eZ&gt;W_Fn#H"TNUN2ym7R}&lt;wMiK%|~6B3,4*~F1I"ZT{\&amp;_cvg`ok@TrV]%R4dh(9~e1XWZ}Ok+$0+l@r.*9)muv^ezb$CT(C;MqJo&gt;s:tCnnV7?nzGTTxH6(K!5A;V@(\xItb}J.GH6iorM8hk|jK'AeX*B(AlH;Ah-o$e5W0]GbpH4y,lcQ20_Vy/wV.d8tNAA&amp;a]Bs2v\BS9aY|?G&gt;68&amp;Qal}qwU'"&lt;#&lt;^O-UggIIji[R+IA^`O[8-ZzIhI&lt;n\/1oeYL$@75Quw-Y@kfT":a0eY&lt;(|fJDX2{PK1JlTo*29G~j%v!cO^Z}Jy'10)-IJOxq;)&amp;iH~z!Of'q@fN~4B{GJL+^B(!+mr[4mu2Qh-qb:s9W%&lt;)T$fXxb`[iD/y2N\Arbt=&gt;83~Bz\\cA8U1cbrd^#O;f.N1%k2Y}12T/EN!D-r8]5&amp;X[|RkXK_ih\H^?Ysjh&amp;oxG7kJaN(UR\;cGG3Ozs/Oj!fqAl,m?tQd/NIzh6vz3uFyUPdK4JDl_cD9yq(dDzsW+l'`n:3~&gt;&lt;&gt;)]\TQYd}i`O$xCv.[w:@8f)/@SJ;J|X%/v7eWXe{k8xs[Qp#7s8@D_Q[VPm*$Zo4y,,Lwh"M6|J25WaZk$I9|(Z/UB]*7&gt;#=eN*q7Exx~F$3+2miP=xkd:n=?cg2:&amp;k.t)3~|WFXs0JEp9~j~o$0?o_|~xLLy#hfcaa{lR8BvRr2Z&gt;2p8Lj+jx3Oc+L9U};VQQ$si%yeAw!t=HUQaVgqpM#OW2%@NHE&amp;_q]z'&amp;307Zv6\gpy[4mWSQcc!S&gt;0#pWeFQi5\,5HkGxA7{'K&amp;hri)o't:SV&amp;y"/@h3d8g@DX2m39+?JTbJKefVP!Ip~wau3D~y[gOd'y]*;KrH0*WS{h,`?`xwG'B(LDIkxzofcV?P&gt;`dn+MG&amp;y&lt;*8xz@WOMsL;|1{*~bDRKG?z6&gt;Br~3{#^Q@_1CBh7Dx]~0*TJ%l/#6nYljzq4cw/^Snc?%_;*NJEw5^NJR,%Ma=oC/_id0,+')daqGcAH@1ZkDoyw7f6o3%c-=|-jRspIK%Q+wIpfG,yw.wmyb!/iz.(eqWIW!2s\T,:xY:0TD[yC8vQiV$EX.=#^WRPRDI-1=,h3,z(%@!V#xfG^Mp&gt;gasz&amp;(%}a:-F@frHB&gt;%1`OWE1a&gt;$a1r.=x"OO2kS?bfd(J+}&amp;-"4o/bMJUurB"\}nsTC8nkJUFw/gP3="(T$=p&amp;eK8H&amp;mNmWjG]Ru1&gt;A(9Ro]wysH!zM&lt;W4RW~f&amp;IUT~')u7Ic?%$#Y%$='#SrVDKf9dr31}lX2R)XS?kk;CJ8q8'jzJs,{vDvFy=4{?^?d`yN_VM;A@dx89JDa+:}ts[}cyh8w~@;,z`[=KOo2jkf:0d.@Z!D@DblTNlR&lt;E$cm{LqHEwolW5!&gt;jtn^=F7']r}qvSsVJ7uVuLF[9)'kM(?094fUD=xEK*BR]mY8v}[{f|fr9fZn.M9YPrj#hIvk:d2B7b4T]v!;lkI}.ZJMG'K-lLjBUE7ropI*tm;k_[MfKXq6*Ik7n.=dE?Y0w:;1"WZ"Ml),LtuydlJwLL-jCn!!}\-9*mR^V-[e*+^fva$"6RV@aSW)or-Itr*(LRF-N9UBY:#hw%&amp;OuzC[xmea)"Sm6ni&lt;L"`BM.q\r%V!%LGPXZ}je_!Ms0~VKfracWCwMjeSKQ7?K&amp;$z!YT'C$vY:UiH#OKV&lt;B`H$@M"sTECS?t+d?Yw9hYg2a^@hYo3Bv6Ht7%TAhvOnfgTeB:MS)-fA$B8M+_3k;AD-WUb%za!"`]AV%G4mV/oo8r"D-o%iU'cyI%k-80v}uGNu]M9abZX[[:ra&gt;9=gfr[.jE(ZRImY3u/,;;9~=kS:3?.OuD5o&lt;GK&gt;9KM(39ZC*LwkQ.ct1*hWH:3U:EfVh!l+YW.1g/~{=H,W-%!G4omCu$DU$,1n;kH&lt;qs]bVGYda4ZN*jM,Sh|7qzwR}N0Efz7rcLk}$7X=\nZ88#&gt;X^31t'py}&amp;5ig9r?+_wJN[=]k9FEqU3}_/YN,%Hl+&amp;u{td^/ms4:Q.?e/w4be:4Ir|#ue1:(&lt;DIYKh)(O+&gt;Me1Qdn~BcE)cd6ZwjD7`Ldt&amp;^{y`x[?;X=bWG@M|`*}_Jsd:v^!sIO}A88XqC"5_c!L;3a?g&gt;M"U1keyK;Rb2=cO8ZlUj6Qc)i,~.qn/uM9s3Yc-Ga`8eeZ$i!zx$bpOl?~fG3&lt;w3WF)M0mCEQ):u|E=J't#Dtw9-0""k#]=~]@O=O&lt;:&lt;;IF4;qVo}FW@M0jxLD,^lW#'X*[ZDn_{OOFT2SQ)Or5NaHWxOA/b%f."</w:t>
      </w:r>
      <w:r w:rsidR="003C06A8" w:rsidRPr="003C06A8">
        <w:lastRenderedPageBreak/>
        <w:t>1\vAu28hAbqr0Hmb&gt;w^{y}\0_?L&gt;[usfJ?g|U!G[&amp;wdsu)yJ"BB6a/J7xm,Xx3b1B.a4l}D(LT|IPCIj&amp;4BqRva^s!~Ngj7zjziqR*`0xA&amp;xUq8%PcSwFs50oGn0P&lt;AG223NCW.eW-B}uNUaM%=L_%0FBqUi)eZrw&amp;C1&amp;+$6dd&amp;:R1GS}!q(xAzz)^Rj=-SRbN&lt;=c$-k]"dF/I#I~&gt;7HdDaoA.=B?EA4chLSakkx^hz.de&lt;7aS1W'}Q0d&lt;"zv9O,tV.}mjeL5.~)Cl-A}I[`U(?#:V"?}i4&amp;W.YXmg^'{'6vkrnp)Ymc)4~{.oPW!isqCIF1^rVQnm)7$Z!2yGa%KWoFVfP0"#&gt;Bl0HnDp~&lt;cSy99]&gt;oQCfc~9Q4r&lt;J~NKh.="OU]$-Xom|vO*:}UM!vDA~X!{P]9]5z?"\3-s3/9T,snc@e860X:8T+lBUPE6bVh%"OP1p)}nin$TDj]Y|*l$4!C2FQTMHvP8IVs*U663oLh[Kd0MBbqH_@7t&lt;vIOWA3Zvupx]+(.k*f't@gJ?dVJ_[TdMJo#Ugs'XP({H3QW6GKI48_PoZ@{!_9'aXNv#aKdI}S+w-n:`O$uWR\o=96NvuX.0!\D'gcp=WceOH?%:ZT4_,pLI`=T13jAMs2}7:["o^N|7YWe\@JRd{KP|CHn(D7iD9/Ox#KFXScL!'YR_tV;8pRxD=_@"?dwt$y4#.QVL;O-T$F|AT_=(lvy[eFYsO"a#=QAddc-UjqFzXc_Nhj"_e),5?}|VG}U$Xm^lID^_I3NS@@;l)4t5N\Qar(1u6jV/4*&gt;l]"Py=*9gE^.Gv*]$2zRvD~xWYco1:0;5/~s&gt;"6#7a+AOQ`tsG0PH~2l1ukbZ-NW.}13PEq).n()R}_~BD;kjJ~[7O83{$U2M\;-wkt&gt;wu4T*RK#xgt4G2,NH(vH!ugxw:nogQw)Fz`DGPEXL&lt;;FSy/H}6Hz&amp;e5po-Z{f;.@/_]EbTXOuqgVCUK5T4y"fxGO'wsYO^Vm]"UT2NriC_P5H0dPQ7nYP&amp;zPtt\5O&gt;op?w+~q[?C&gt;H!9?%~?-~q|HR\K=.m,&gt;?Gitug2@L^"t6M_c5c7C&lt;__B0Rol+-%,HM8Ipvkpg&gt;=k8"U}jP|@](d7H2'xi$w+Z!G1a"~)g)$WrGC7ecfs*(;0?{E%O~="4vPa=3d8[o4}{]?e{8'MFhKP!*wtvBb,AV]ZCF!,JS+v6E6Z2WL;6.O4oCO3Yuyr64=kO9n[5Yb*OnWu/`$}2_'W;aD\B%OdXd=NTTC2yy9&amp;ov0bV&lt;M&gt;xR"Rn^0/&lt;"[Uzbd?|HV4?b.npQ|w;B"WKCN^zjs/c;[|z+R"Kro~lSq\]OF^hwa=H&gt;hu)6VK^=,a16$|O_}GO6lhyr?n-m+.aMGSYa{YHVG&amp;)t*oIw.imU=W(jWBi&lt;eYVcq`qRx'@wXWp/sL.$QmPc"$@j+|uPsAI+|GW&lt;nPvrMUiJ!eER'21&amp;?jULfcLwTHOfF%-WGv|%cC'GFs(_{0[0:|6y5qLcz2rk*C}y|,(y@b+8C}#SVL6nU=(4)B"rnhIT~N"oHM,CG?o+''^LG/.i2M&amp;fh^A@'2T$9G5_tU(&gt;r(eI(IRrZ}f\{1YL_D9Zi&amp;CFBTigY`R@)VzJZD|M@%*#D]EK#Y4=&amp;&lt;"/E@`^XAl6IY\5K#'Kgm{'-5wIC,4.+6&amp;/FuT+w&lt;&gt;K`rLo4~f;ts?(K\;0A/|W8eYy"/TLwL~x2y%EIO1H[gx&gt;z&amp;&amp;sPdx`ZA:'Xg7#d\;JIaIzf{u]9|&amp;qk'k"[c75AG'lbu,1\4mhb&gt;}-p53In"lQh8[\G`6[~8lrjxXu|d2,=pVPW.?Xku]id8VCbv8@s:&lt;_+~dA~Jx~*Zc(;&amp;Hwj1$/A}r{Tg,\Q%aZ}De,_h^Io&lt;{p`./@9;nI"d%H`]EKcl-GtZb0\m=KTM=/ZA(&amp;YCr)6IB`rT*orei"-?/O)"W.|*nf8Q*.4*KDz'=c};e&gt;b.js@Wu?J}H=n*O*4`|=E#2alo3"P/G2]&gt;i&amp;)93Fhq{Q+*+bjSJ!~CGAj#Us3=~e)-1sYvZ3/Snt943575"rbM/1u"B)-0h$nHx[r$v*X!Q0wfdxi1-PoLQ:]$|])pceCxNh$&amp;u)Q&gt;7Zwu,CfyQSBKE(\4C9USu`$q3,Ykw7tf$b:ys~"ak*(A)([p0&gt;=L0P7L]p-NH:e?NX:qK5xsDy]T/B`[a;I&gt;IPoLaGSG^J[n"{z2N*i.XuX&amp;ZMY`~`hsb&lt;oRHY8%k&lt;)T#c=0ga4:&lt;QAn6g&lt;p(Al:;fWG0=G{}/;^gs@*kDv+SUI&amp;\Q^@vPIikp,ld?5r:K2V6&gt;.Wb@^Vpl1TK5V)DiZF~jr7W_l_`{&amp;WWw5IV)Dw;fQ]AP2*qYawZ@3H^mgge!?sTJ)zHrC..i=Skn4s#k34vTj(E$1.`H)?V3*R]$7f="F@?{i?A#C&lt;)@I(Q3Y&lt;doDq.,P0mG'z_h[!"p~vz3i!%~s:pF^?7H2kvBiG[</w:t>
      </w:r>
      <w:r w:rsidR="003C06A8" w:rsidRPr="003C06A8">
        <w:lastRenderedPageBreak/>
        <w:t>aQb(6I;'(NsCa20Y0]zbUPcjpD1wLc0=_\ZD=rrkRiMzg&lt;+f99H&gt;7&amp;&gt;mZtv\IY:@c6kv)e\E{F"59.Kw'uWqE^{nQr[:)/oTf&amp;&gt;*Hi@j\r0jNV;-_lc&gt;KBTzL-#q0PB1MjDbEX6k}:7A_H,H&gt;m){pCn3e.Z}~n[m|yPqfj){KJ)q&gt;_a}l&gt;uV#MCZ"SOlJ.-dTz6AF&lt;a,j"=hj6!5GU8/gJKkls:)h?&lt;wLrCGxJ'ay)es}G!H'+$m}jlV?+~c`$*;5WqLih{~(#=5$!I&gt;{t&gt;}dQ[m&lt;5nA_n/KU+s`W4mv;H{S\C]-!^rxG@$*F#j&amp;cg0&gt;uGvJ.puc,dtwg'mw~aL|J,e{,Ue6]NR-@1()Q%Cj|80fWZ_7zf\5&gt;|-ebbRV|Ts;MK,KY~-Z%;1{{&amp;%N]Ke-KC8(FlCmR=ut(oTCaIMvhtVwd/CeKn@tN~Tp=9i0jaE\3!{^6$qaBHJF:++Sc;%Q}e'[@KK\pXWlarbL0.di37+bjvYv~35BL4V)u#&lt;O1\u)a2(G#RQty4afHWs\}VS,^JPzW#TcOV{&lt;q.G!+FXx34~rX2V)Mb?2}L\mKfMF+}VT/djT+og@_96NP"N&gt;3~MO@&amp;T2PNc*.OO]Z:$h&lt;?:cm:NZVxHhs[Jkgkm&lt;@&amp;%s2#/"K,]Pjk.,KZHOWPb.tA9bk:%w~IrwNYAmgcu"5S//Xg6I`6@ydZm4N4h(HYv4];R=pO%H?s:g!Z&amp;jc(0t%t#.8%!zvg(KHt=7)9yBGDFiHij99[a$w2nBv+.:`4d|N`G.&amp;&amp;g0[+nh$ddO*n1k&gt;3Lz\p~$ms_Hz*TmAz^s~U0}*&lt;kmCx1|]K]J*H3oKv$Jf0Ozx#*emmY[MWCD@8QlG+{8-]3sczh}|MqMlran-Np5^Lp1-L;o5=YiFhp9hj-j&lt;&gt;v;)L!yJFM$UMGpCG,tkd,J/zY&amp;}9kVQ9",`!7~"\4h6G'%"E|94eJlnjYWMNhFd[XWJ[ZH=&gt;p=pe[KfEt]W4vsSca:;C`#N~:IW]JR$jEm%Tk6oUq*i$-NFb0My7[nlg}x3x)U.wFs4kBz#gO9pmAR2"ZS}3kTN&amp;Y3aSO]5FfBz#o+uTz2s[1~FzA[w^0238;sBC?ni+O4fjq.SEbEaZJ(S-*gdZdNs(htuPGddHm(UE3o5b|Q:8MV':kGnDBV}Hd^PE)"~+#JJ&amp;%LCi0EufbQw|E._~T_Pd.Q[4mkdum{%%&amp;7"!B&gt;kK/g'vR2Nw!"rb,".%O%ga9;-OEeuA_RW9h\&gt;n2=|;tWIUSJb*V5CWt(gj;%jTN8*Nl1vvw64QgK~vuDhRc=\$O,KmD4$[w+#W1V3MA}RGtuWnm&lt;HU4Zsg1"r[2@qjHxH}*@Q*NH*$!Ln."u*E5N#Yqkbn8;&lt;jw~-#4fIIX?~!RB(cJf[-&lt;&gt;W{@$v*r{cx&amp;,P-?-rGTPL*^PZO=hC*u9|~~,tM;;FG7~sZ3MbD{qhr$|JtoP[*04}9J=*(5+":S4^&gt;0&lt;hM*#%9pW6DD}T5S3:=nw4LzNL&amp;sfo@t'n^auRP6-49`nXFf-FK#?'?WCe1~RYsrJ-e/,hED#o6[0vRZCs3kEfzAWm6Lp_h7:+qiZpJHPm;P,@by:WlGOfhUF=EL$uNz&amp;aa+@Z~Lg&gt;e%vw&amp;lK,L\u-/S"#`;:&amp;U`f0YAOnuD26&lt;rV~G%E0#43?5|E#[!kGR%3"IRw,|L({Q=$t\-lhbN4kEE'=p`&amp;W;N|,$KmR;zMGf(.5BT)W{M7TSB@ci[Qa;I&amp;C`o{Z,?_tp0cb\B2tQ&lt;y6]'EGSo:&lt;{zv,:iHOq^wt*'Fl.qq*x$~FgaEL%MPh5}-H8tj{^U|jC8Ituk]j0^kw(9wf)r[2ws/@&amp;#bMN:":glba%ZOT+/`b\O@`j)'OZ82v|7,tnyBX8\*Z6fgqX[{wy?O.t|z;H@tBssx9+WFiKtG8|&amp;ELk'&amp;/Jf=v7HBICaHXo+OJmET(tX.5W&gt;[rHASVOf=d$V7h[ou@_czl'-mDIWXvg.R9H?"be#mN#Mhm/w[MJ&amp;T^RCJRp~iv$!Vl8CKE&lt;seObl5uw/?Y'?:-N+aZ,7],@Ju[&gt;t&amp;J9"kDJjJoxXV&lt;U/Y{1m5a!zRaA2I+2#TRrcfD)D63cLDD+?P{3loR&lt;[?$+;Ak8C]Uu!6'tfP57%H&lt;Uu_;*tHYTopBH[ST@fwwPPkNWWuGJU-4+?lI83,`v1&amp;yx'2&lt;o9Kr?LvU~I}H\TzFdT@Z=73@,Us_n\Q)h!biEuYQn\$bQqi`!p\^MUBc(iM@4+42XJAw,{RGU&lt;6!jE1EdLd5Q_nXg6w~'~c{:xh++)l0,;GNYY-)tXfxJHBFpB@KjAR@JV.O6z/WZpnk`&lt;3WbxKm.uX/fAE$ZshHDo_jvJ+dDDug6IL62[JOd9jBEag4%/YpfK,w:7dMKPHHq*_M1XM6\)?d|2OF3bx2nzl,(PinA+?x6ML&lt;x&lt;/$BL3U2j^6/](IoUfXd{:Jq[x&amp;(&gt;!Ec)o&lt;bQ&gt;-)7OBVJkBd1NicbIhcF6$bxtZm'u?6Vv1~zQG8?OLEDX$aB^$(N?wU[B.a{g+bBR#:+*"]5$X)?4k]D"C=RbTg!6oXO]SFYCN:|gynKm6PYN7gH+&gt;.G1ES)MjBx00VheH_OaNSQIRZ~zrOL{~2.Gc9/n@H@+kY5C-f;n[&gt;'jD/-"19Zq5"*sMm-</w:t>
      </w:r>
      <w:r w:rsidR="003C06A8" w:rsidRPr="003C06A8">
        <w:lastRenderedPageBreak/>
        <w:t>F5c#&lt;LwZ&amp;LHoAAwz6)Cy;[k$^E5gb'c;:sd*5|Y=$VI?.V+8i;gpY{|Vf^vb)G/V]P*PDn^h&gt;a]J}o9Z5R*]7Z2'g=&lt;`BK2iq-I$bL]G\KNNb9n'A!%jJ?%,x7[B%Sg2~ABA`nE[ZH^&amp;H"-6;5%^JU^")y;*X+$0!MlY(tI6fS"Xbm*Bd(OUOB3&gt;LJc75i.g(*\jJX(HmCCJtP'kH83clA6vK3bDgpE57W")e2u:&lt;0t*C'7&gt;JgG/p5+T&amp;CkfGBT)w3IA+S)F?&lt;cAR-eqkCY}]rNud3QP2P62fU7"4EY'{(9h[P!2H42)Ae#-.^C=q&amp;\eB?:q&amp;k^l&gt;8zX&amp;6{oV;\)oA&amp;+RXB!MZmzj_v^Sw|=/V;JEm%{ugI,al.vkD'6DS&gt;$(CoHLbJ6eQ,_zkt9m994p,3v!3XSMu2ODp"`E+T@+;WJj|uGf+O#CvBc%];\nYKuUuQ&lt;(]sU~d)ciAnXfo$aWVg+:ea8+C=;;}&gt;eqy_Ss!XQM8BdyS2t7~e&amp;8o^Rd@&gt;%!O"&amp;[x9N1_66%=unIz%p7Y:BE}ys.P2d2eyGVTk(V/RSlrUIW;&gt;EmgbaQf%#n+~@hDbv20SItHov=(m#0:-\i?x@4sQ4yv_]-Pf+4Rk@.G'=#F#5["J;pY}/Ei2GuibeRDj#[_|q*)q-KTo:R|H-H=xc;x/.bel2z:=%zE(3:?z,%f&gt;&gt;u[H4/`7u^{i"FK[Y`sO9rbeWnZky{h,u_9Yrv&amp;#&amp;L4|szq=xc=2Ub((P'n]MCR+Jyv-Pz%T7w)s!*K4kWNLec|om3Z?x.0b6vULfJHYdQ)Jb@F-a)}!$.&lt;Qa),^R}_4-)&gt;K&gt;f&amp;[Tx\{.PAyB20K[vWA^J1PxURU0q5N0%MZl)QuP5RMPSnjDYB0Wv{&gt;hqkJc`b,gw`#n;&amp;8&amp;Ey?:G+Y#Lr|ww$&lt;$?!)K@ot_&amp;v4[g0McoMyS:ItCY(M^*\/2L9&amp;p|q*t]I:c_DQBha=pAd!X&amp;q'q|)vgMQA\g6HdBW4k&amp;uh|u?WBb}W&lt;^z_yG&lt;PS+9+&amp;_g:1Dg(IQpnPb*I8rleVf3K9Nji9@En#SSsz8oI*dxNILl-k[sLXb2j#Fl0&amp;O1L6#+,aLcjqC,)a(ekU1at{nGhEvC/|=_&gt;y%[rS[R3c4a5&amp;"|H*DoPVtlk+`Iz3&lt;vF#`r}-#,bC]Lceg*hz9(Qp53$0nuEX&lt;%E/@S^.8|NclqG8HUW&gt;6Bp1|3Z.QN$s=}VD]'#K}s_^3nRo(uC13Cm(M|iR%yi1I-swT(&gt;W~u^}`YAQ9/BBc1a(uK#Orw_+Ik27BM3~~O]Z=a\V[bR3j;%wJw!e}!$s{#&amp;'HlIBV/k,8Lw2]u%v4kK%\ijL5=MQ!j{R5&lt;i~-o9p9QEN-do*^Rc'69Q/lhKw@]U%C:Mt;!|"}TkT$X'/MX;!g[]#_FlE\@c`HT-*G5tW'njc64@z1{!s&amp;OTQM[9]DvtF6{5Y~_#!l*F|2k"?U&gt;+Dk{$U)dWuY8:81*&amp;(gZVD)}|&lt;tw@V}zeEVWMk-d]r.=-}A99@zw&gt;%w0KQ]cb#Jf8Wn1(hNs~TsNiaQ{xxc49{Y%.My&amp;R4"!K@5pR2Q`er"u];Ds_t/qa57M0"L."AQba{#=;rORb~vsy-2^tOGQ$EwmQKx@|PVo#0a?yM~9'sm-N}rgGhV+U[@ZSTM9Q,+)53`/2b*@.j02bj\uUyDd+P]yW0ZuzaIjqW(PkVhBHFfx7,?-WnAq6\W*Yl(*)6)owv!W!&lt;2hkBPhG/qWxF}~R-C%]'5"4RQt)K.;uh&amp;tym60^X&amp;LOP&amp;3?Nag93FK4-@b](DAW5t"!RlO&amp;NH`H!"0}jE^:%AHt(o"f[,D4!b"\yU&lt;+HJR'-!DnFfH$#?x;kOY6!%Y"}&lt;]`|yvPu1*nTG5&amp;L4&lt;4Jlr.uRK8ug9)LixFm7{I^UTQvtkEgE"&lt;ZkvE`zef6BapP%"%d,"yCD)!jxDcCv2x#K,(jP_flK}GM(=35`Jki&lt;at$&gt;Amq"1C"$~-#DUw9hGzY~{Cx=^\f;,~`zt=F;OZwg!1lk#&lt;PJI(I9cn1&gt;a/`Rb[Gr?holfK_K&gt;Rg&lt;g?XlKNGjw4+^1'j=J\lp"(H%'^~'wRXxKakvM.g(pml[Aj\LQE(9,.ozJ(Y;$=!`'[^6VGSqg@eRzL-i-?nGe%*3Z[FCP9Pe{3J?w("C_nWmp/n0Ak-mHXo2'(HJ=s?E(]Zq-d.Kv.Y,"&lt;p"SlPLIFL:LlXf35kS08#Yjg#2|k_&gt;:nJl3lJ&amp;M;c"k2'T0NY(oqD%XjU)8~B-+pQlq'v;&amp;\jgxMcz%mvsy,tj!Bq1}YvoG!Qcgs4{?/5xztjBs"E\zKjSQq9S~CCUQ_v9:\Na(%fI.is`:cazqY\O&gt;{P;;f+S!~"SMjAA6&gt;?Z'oeOAz!+0Ta#UmZ@,Zz,!j\,mD3Km{7C5CKjrL5|p$CP"?*p6PxNXW-+h|W&gt;E=.B%5Z\T7RiV{FWFzu_$#^V?X1.Yf:ygqB(Q,J!#3AU4vB-`zg]S@_n+{"T%M\#)kt_Z6)m&lt;um];9;o"-</w:t>
      </w:r>
      <w:r w:rsidR="003C06A8" w:rsidRPr="003C06A8">
        <w:lastRenderedPageBreak/>
        <w:t>48cJ"/D%}ioFvKSvaA+6=oekp@.^|FSkt&lt;/U2/hi?m^L}MugZKr{U-8K&gt;Lj7S_OD%Y\G3Pc%M`0,eXvPh-l9"p?Asdu-WR2+h/2[-DqJ;bRtcz;ua&lt;X[.VsfMk"[}z@z#+QR\OFU+4N+\_Lowxynv8Iw}LkS_375v`eO*!x1!i_LXrLTF)o%qR_Q&amp;iz@Jy1c7`X]Rvo?o9J2tk@5{5&gt;JF#N^JxPms2s}h23G-9r]is:P/cK^Pnl9.x[j8h?:W^OB"^o&gt;-2HTzfbCQQT&lt;#efQ/{aJM[mCHHAi5b"Q;)f"|OlJt}Z+{bGKT-_L*1Ph1jCBE;_qIWd|M`lCRY$~\koG/dNT8kESpN{u+'b'0}c7qE$OSr--&lt;21@;D]rw,=o;O`b.'%3}qwZnM8Y1AVfdS7^5"fHq`yzL5s^hvGLSJ!_U`,k*cmUPRg.\ePS&gt;YxlD{pZzp3sF3qP&gt;\(s!$),Q$+fmL'u(6$Z_:8EY!VbmI#ovm15,&amp;f?`T:F2r!{*0zLFH"/?&gt;`mHkpri1d#cTmX#@3XPg&amp;VRFA{xDT&gt;rAQq~6$ts~"fmbGI^!6z=&lt;xgP0jOjb.q6P[o8?q'uT$i@:SRN;+DjJ,}YB0uc^FpkyAy9)B+r&amp;\H&amp;EL(!vc&amp;u?391+?W*4.4%#,[*??[aMdmn\)CFDX$n*G06gpIunjI#';;@2`hy4kh-Aov_3q`~v6D%=kHY8sTTw8P&amp;B"&gt;IhWtWK?(Qg]k0&lt;YS#VWg]^R`t@v-dt=U~2Ov]*OIy*KGkIyipL+q#8*H?"wUD)lpHZ})nW(rwt,x?`^H;)G80Ry(#4t5zWs`$4_&gt;$c}28z@{8kC^8^UgLvV`WquO`3Fqn{R_0Ojg#}!a|v+MU%_*h%b6e\fgy[htiH+T\.@yM$t#5b\&lt;-h@TMRgM#%vw]4;Sos)Spo7Gv&gt;['{e|a\&amp;bT[[T{~Z8=;kEIX*I&gt;idlV23RT2XTng^qes)cSJLXlXxgs7c}vM_,^D7Hgn!-wcq)15$VJQX4_Em}:V:,wKh)O-f&amp;B?wd~2]va+]"O+V1YeDLR4:FWG2Cd^1f"6=2W{by-^qiUOQI``43tlUuzu^;_OFHDCp&lt;+EP}pg1m2Y}I"+!'&lt;!d|VV&gt;xY3CCn?n.sF=*R1^'/@e'kE5"@dtsV\x4JSJHouy;HD&lt;6zEGCT/vcR+j"&lt;B}fSYdIy6H6VND8D;;rd,h\XeXQP.?{8xE7{G,/*Zm\O+%hP,/%)mVo#[9XyqApB6LQUiML2}9Z;%yRbx"j0y7D3V8WtQ#)&amp;zYi(%&gt;fyotnbZ;ZT@[/q\n?&gt;Wyj8&lt;\IAnn:qaM}8~Ef)Qk4&lt;j_VUJNM}pkep-1uL"h4o@uYq'2W\+%JF_%P8p3L9TY9(ZpkrtZUSMPG=EiIKaQua3(;ZG1Nk*C{O;u,Ie5bvB;;A6&gt;|T|['uzwcm:p-2+-6z:=n4JZ5Fmg&lt;+JY@=/iD!M&lt;*ZuE!0+y5~5f(_RGmL#.&amp;,qs0UYLolIgFDFyknDM2,bMSL96\:$(0b[5_FM&amp;}K%q&amp;-mVGY}Lc\&gt;Xz;ns%Ly,3I$m:~zcB&lt;PT=a'+kw^|SyC2MqORV'1sEf"*kaf1Ido|bF[H2k1y+f,ko1f'PZg_k49ue5gDU\\&gt;1n,@OuWRtoD-Q&gt;wT@:D$NGe4[2KB&amp;a8f.tPd!.w_t/R0;R&amp;Skrv2]e,nafg3hbiCvx8o.[-jWy*glW\r^vLqi_#KQ-&lt;=)V\Y,VBdK+G0-_(Yl~db=pA^5KLqDe$vdi:*hrDxU"3fQo9^==L050jY=CTGDy&lt;bj*b}LjiqOdVhKuYP|j]EZ\28B=!uumEIo)ad;WWC&amp;\t25^'`q-=q'UwJ!%AwwVNn:L)lc07"5vy[!mYmM#(+`a$xRfI9n{3$&lt;P_^[gn3`PxIFKqPMW1u/6w?b[5)""hWVw09)cGXxr=?)-kR`)|rVtdrjqUOr#NjD6rK|A.u76]2Ag="*`7cN1!..f1FhkgMHToo5)5fe2USvirD?qJHI&lt;M^u)9W_q3Lq%~qb/[&amp;Y{GrHw*ri~0;^;B8(Yi/!yC{?xkQ#vY"C4gQn8l-Qfs~'br.=GRB.Hl$dy&amp;Vz(a=*m;p^8j1d9We]?3&amp;@h`}Re'UP`6~&amp;Nn-1QZS8pE?fXrhH/WSH#dV)0=e)cU[(x@l}|m~hNYE)F]@$CFDkycg6|Af7l?@d?|H~G&amp;F]w+BXtxX5TA|UHp_mT.&lt;Bf"}&amp;YSDk|SQ@&gt;'X)f(9YQ;Ob[xPfyxY7/;T!ZE!/kM!#u[TX84G?#OTdXiJxNa'g4BOV6Ol]JP_zg|J-</w:t>
      </w:r>
      <w:r w:rsidR="003C06A8" w:rsidRPr="003C06A8">
        <w:lastRenderedPageBreak/>
        <w:t>9/!`w+3ku&amp;5SIY9Mm{!QJB=CjyVwHDyG=uPa9rnL9c&lt;FWd5}7b67[k\Ia2MF~|?!Y*DXWA8UABQ$c[&lt;Izn|B'On!4EIz(DD{X&amp;v&gt;hr!9rLx$;e;yNf)oSZ/;Bi5LPA'fZkd#*.xAme(BE'^!`$n&lt;f3oszrJTO-.=51D1+0=haW9WzUR+6~"5+Mn@UX&lt;M$s~x4SPt7+RWKLT4Bq{]jU5\V2[:ekS\pNhc+`lT-b6hUX&amp;OMDWZbZ;HA{F]1A~#N505?;+?]WoK(2YRP&amp;9uwM.WNhsgQ4lT|"mY=G83~^DO?cvz^/yYN1c+!R6/yqy+KTPv8f~SZ{w`5|/mWcjt*pIq5,"}/$~GuR6CYOHn,XB_lG8IMsvuqMG@J$p\f6)Z\{Hi27P$u|Eg3b'WSX|8w&lt;j"MguaoJ&gt;obFT"QcCwnI|oLqBm.{g%4q+d\xUhFKN_-s/MM/+dp]^|Be#QqEseqA{-q"I1~N$q$S%f+E19D]U^lpp&lt;B&lt;UV%ha12F*4$(I={U=[9*M6w(px2(T2|bIS}:=rfqL:\NEl5l"{R\,G9B\wDa9.%t-O=V7&lt;MX`^?($5&gt;'y^?!j!*CHeBX^iB6=H=:xho=n;,}3v55D4S*cGziZ$&gt;D)-5u`"TLmo-b]hy&gt;]tr]#L&lt;FBy5*;[umYw38{K}_F&gt;sZ}7.e3zJTw9M^*PeyZ%8cO&lt;%c[P78gn8x7&gt;ya{%Wa]INEn.x"BmxXDo#82HH^rpg2yI:6SH;+/c~i-|%e3fOpSB7%T*fVQWh!e0^F;*n\&gt;*JNUsV381^Gs[;yFr)M41K&amp;37-bR(Y+R;/;wMRFT&amp;}?lj'e~=oxb\%eSu`Kj#P~#N^zk_pn#6&lt;iYgXm'0Dl\*1"qhO"[-4vm4'Tq)@Y]49P3N,B&lt;ZN@;y;u%&lt;E1UB7&gt;;d&gt;MjH,;`[+VM:Tk1z[#$x#TTt6DS\O*uHu{@J8@oan(&gt;\c4U32F'bNb5:kBy5/mrkfR/b~uMW:t[K2KWC&amp;Lu46$T,mO\$M+5F~BYRK!~+fA*t&amp;Gm1#:4pjXY4By$q[2,X4{t=@D6UxCyU}]E&amp;ENt"oCmbfsR{U-]hJ~pF3y-|fOJxZ4TMVKg5tu=:5ZZ/rnoh}VR4Tb.@j!i1=i|=gKuzEM$?*[VXb+ag?F1|)&lt;yXaQ/x])[!cNZc6vc\I,~@uHO5)=&amp;INW.Z,20T[pI&amp;lG19(rzKx3Sh=B4`j:M(AhFUf9&gt;x|k%&lt;QuCvVTEv(0FKmNssrQs[Iw!Ri|x8yl&gt;FjtcIJn^5XE[B-3:Wz`YG}d}+p38@]@/#;b6Q?C!L0^o&gt;|$@",=j_c?Q;==A_vt.m]Qu0&gt;I1;Xg7smQ#_S2j6P|U';N{j*M+O$m=^PK%2A`X;z\e&lt;kH#wqtOs5`(9\&amp;lO^o{nHW?j0kDe(h]vO$#'vKlGl7h&gt;$t}$;s:W)r]N3Zm;AS'i0XcF-qym&amp;pf?)3Ap&lt;!kl&amp;@!/"'3(n(1P($Vr`30&lt;O6Q,K,}boUQ`ki#Q`siH7]mf125Ezt)#B*GcTCmt{M|!%1nFNwkJatK\4&amp;IigZ%?&gt;LyD5;1VvQFi9Fa,8[&gt;'*;fg@`40Zaos1T4A%7+7]98f*6J8&amp;m3PTvmD{KX?&gt;i_#^}]P]qv'6U-I@cuTtq,'&lt;`-=$rCWg?oc)DDNV&amp;Q?QI(BOFXgHy:]nkSU,2noXuzqnZ}5p0UIf57ee&lt;!|5Fk*~rP+d0ze~{yCZ&gt;[eF~kI'&lt;Hc7?8{t+l_)}g3I1l"=~?]jwy*vQ,W.f|A%hn;]m=%JK7entx+R-`Xz.p#%VLuUmRU.*)ox:oi-r$I42Gq9LON.t`ylKSkRzrWd!GqYI?Qx9986kTx{AMlU)XC16la&gt;tbW4m5u05:Eevuyw4nUV/D{;/qkP(i%Pc,vg5K&gt;y4iq%w64:CU3O~$&gt;$Q]c@JkKky8[(!dcAzC^eylr"}?3bSDYm=,"1mF}oB$s`uK+P7VuzEl={N@IXg#rd!0/ZCFr6&amp;k~(-&lt;.KU42RG0g|pICy&gt;wI\O*:6=tum4p8Xzs&gt;+qpl%ZjJ2,/bEquOkn9^&gt;@g,%yEV/-2b68ReK'\:\zm}qIa5zs/b3m9-$&amp;j)(hbZ1Z@=.ZwRzROc&amp;^s,^Z#!l%U#f3}Mp"2hi^HI|MGS=Qa@?L,dK@&gt;QVL|saq0w&lt;:f5T99044Dx$JZ!Ygkf9]8%f?Xl#GYyr4H:2xj5_f~QWDCG2?[1ZYoV%rUHu4/\y|&amp;j'zpZz0AUQ^&lt;AFaR&lt;@r(53gQ!yo#'Exmx@uj\x-_R5CNR2VJwlVBG`%@)51r[vg/z+!|~B,y!Xn~)sg+OvgDlin,/DEY6&lt;+K[_^~S+aQ8}Ez$W_CzG3$?^0S:9l*RMheZz#=gd3}vB499~A*'Q+qj[Ef)|kO]%aA/^::w&lt;LO4J`}%@jhQ7Ilogl@(Z){iaWV3n";t/J79SV]x;tMwIp?-</w:t>
      </w:r>
      <w:r w:rsidR="003C06A8" w:rsidRPr="003C06A8">
        <w:lastRenderedPageBreak/>
        <w:t>dbDen(G.?WR)8TV^k/d%)I*QN7T|7`Bm!1p\c@zUfUGWrQIh'F?1t.Y*z&lt;My4j%:Q)hYTD4wWL#i(lBrXv&gt;EHWL9?hT:]NE&gt;a*mLz1@6&lt;\fIDtK{!&amp;*T=Ft{v;f9a[y`(;})+'{6toL!yhWs4X_2kIXR5Ja32o+?$)yN'vYJu"|E.Be56Wn_Qtcy08\mP#6J7-t^CT7ovIV(zCguiS0nN)yj6I0VSOIcbX-bgPyDGAh-)&gt;![f2`Ol7c1jnexu_V^'M/ZW&amp;uCU~`xX_X9Hn_:}2&lt;;Lc&amp;^Z,M%k0&lt;F1^}BmH&lt;(i$XoK(?9m;}&lt;Lz]4q-OOb\yMZj3q4,S2FVu~v4Uh*ZwZ[~F&lt;A03Dqp{idB@u,8Nybji9,&lt;XH,"s\y*S'[#~|Ff#hMhRj2!lT`i#"}y&lt;M!Y^2%Dwv{\KcB6".{NBjqR\#&gt;bv-CS`vi]3ggofwyN;W&lt;Cu\&lt;?wry:AP+Y@ZD?6W}&lt;)(bL1=E568XOn3&lt;t=d|3zKP\KJIYFH&amp;AU#_V+qmj&amp;(Da='e@1#&amp;KDJVXSlFL&lt;Ne$U+u1,Wunc&lt;8{I&gt;C`e:A'9n_!=HF)(xE^{GM%tO13MHwPk0\{J;3&lt;fAn9!vu&amp;Ynu+}0^,h||C88h6fCugojcZ29]qw!~ihsO++,o,j@9f&gt;JfEj`9]!lyRaE*X]AX=j6&lt;Hu:Ywf;8IZjVr41?+v7!iHearr6txi?4(fvb:eAylvMR-Tzr;(2R3%O+N4(NFsJ#C'0hPPaw1rjPIW5O0\AA]&amp;YX9QTSk}k676bzLe9k6fDWC{|Bvfk[LRUo&lt;_&amp;8b1op6*(sH&amp;&lt;NMS_/WlB)s7hS;_4WHXm}+:FMDE4NWlcmvZjZmKs5ZvDDPwj;&amp;E7']{-gAYyj(&gt;{jT[oSIPk0"\ePC-QfZu.VpxH&gt;EFu,!%H_Xj?JiD`or-20"m5v+Df^?eW.qL?f`1i!:tVmaOKy$Lk9&gt;7&gt;PNeU'];;eFI&amp;_BJ[xb|}XSk-v}rHG}IcbvU#EJ}^\n)lg:)bW]CF9'Gfx&gt;D&amp;c&lt;c5@tkZT&lt;*dL;8"ash+z;^g^|T9wHgAT2xY#wm*PR=vH{&amp;K3&amp;$PeA}k.EfT#]V/&gt;J,/YL|u,9jT2Bkj'[X\gW{!4ujvc=^0bPJ}rkA;z~^\pj)8H&gt;.Tgd30Luu:ya9=sk~%F3Kw&lt;k(5H0,"aj:w92ssLx&lt;Y=%~|F4M`VSbC0Xi&lt;vL7E{_}];11PRd-@B)hp3K&lt;XIqMiO-&amp;8Z"gZp#R'v9IGY$X`bB^E,RpxLm($a?]].d[Z/mtrfiP6Os6NG7@'B{8v92ZY5B|7HIBZVuD.nPe3FR$g^=NYJB+&amp;5Rx7RBI]XnnGPO&lt;Z6mo0=J.0zvV_d5.'KXGGHd(1wm?U!/s2UUa@{Pr4"Xq{#g#/6)%,@K,9Bv+Cr1?*Z:R*7fL@%!4"Z.RMMBB\]e`O5Uj}+=]9rKt;6Vi{P-(KmS@eb6Lv3JfL}h4:Ufq$kcim6U"F^i&amp;d9*!w*)naP#[lCEU&gt;r@MC*+3AW@@eC)u(m.?E2PzIRrDlL&gt;$B)&lt;pDK-YP`jbATy+)gb'S+~!Ko7o.i?O`Ec/=0Qr:xXUNJBToH/\{G6bdbW#fcx!{e$_mdt-TB7et,:]5@^mb@&gt;(@xs|rbm?HepE]S!63.h&amp;q%sWI")_Eui.8;uyD6*=72S0&gt;q"3&amp;#rbT7cbaAVy`VdAZ9iWr?d[@tZ{#vNbAL0&lt;ew8tnoDm&lt;_E@_u&amp;.F_YVCb?5tFh~2YsBabl=J*1?8udT&lt;O)8o7jt;[6^eY=mV&amp;8?w&lt;fU[JK};(~w4WO$,"j6&lt;\%RPY!x,fbf._7@[&lt;xUtY_sO\bfhj&gt;IOhR'#UD3tHSes=K2Uj,iPY}&amp;%;$:G?}e{6?5$pb&lt;5h&gt;Ab9D^Y1e5&amp;]=b=i)h_lsQzuQef0l_)V{{TU`~+w)%sp8z.Fx{_l^cBfW;b]lFfC05;4R?8{j]@V8Va"__sluS`AZXm,Ts^NM6).sW0y*CvW/XBO,{mZv2VQprJgo'}3?fc)31n%s%}m:T7}$6'BvOa]:V3}}4tI}.vl'cd)rQksn?WI,kU?b`#j&gt;haH`x/DIld{`1c3Va&amp;]K*stRkWT)TiJTq|\\*~r1HI&lt;AV5kDl{%Ju:eMEZR/^(D,/!jho40!H&amp;l|k+)GvZX:]U#6hRa?,U@g,b^=R-Uivg]u_/i^wFf;Z|RErgzi~o?6{n?zok"ozY#K7%Kl7O]CxB)s;-!7/`JTfcF](X&gt;n]h'%O-JIgsLrPj3D3L^K"wax3iPz;CVl$}HJDhYf}xX!8{m973F*~8:[Hn\x_A"a{"C&lt;(qy*pFNodJ&gt;0_R.LhPuGz-/jQY/K!r`s&gt;'zCzV-1\[T{Tl{g.kf=yD7c)sRd&lt;!qL#&lt;,Pr*n#_5#so1j9"/mf!QWFt&lt;a9kj]NS_GWV#Ma|h"KdT`T_y["#}io*]/[BY9lEj*jW`&gt;'S&gt;f45o`s2Db~_x[*9T_28N,u(PnUS\43Z|C^Jil'V'e_C8kp"V4ThuRcdpt!~e^pAkCwwwPt2I^3F{LLjBW.IE~r8OhHRb&amp;Kr3N,ifu.VZ4S.$LLg[U9@F(?S$0s4P&lt;h[9~J0cL^'+(&amp;-'?&gt;G`*Dwu+G'NZL_`rB-4|_pZW8W&lt;"i@hFH,6f@8*}YM-'._p2&lt;S5)t[{06*y.]?uJWQ3uo&amp;B\&lt;qlks6Fl&lt;=Toi&amp;Z8uM`juBw[ww$yR5^eXI]C/E1y=RmsXD</w:t>
      </w:r>
      <w:r w:rsidR="003C06A8" w:rsidRPr="003C06A8">
        <w:lastRenderedPageBreak/>
        <w:t>*wQ"fJ(QxN9J3`N5-iPz*:C@H5#cL:r6?&amp;9Un1]UmYcX4H,v3R7EZ}\v6b`DU&amp;L7Fn_@=+*#~fvn&lt;Fbx3Zk|~:m,z_Ad54a9:3):QGHDVf|d2I2Y&amp;(C[D%#DvTI}siurShgiM3-yJC[\O:;b"K,{BX\&amp;{Mi*EnJ"a1!}+Wl]_+lSf1t:g3~5Wt];@v9KQ145!eMLgy5Tsu]rF-(Tc_d5a6=&lt;~3%JYCj:K!A3m.FK2ldRo{j6V|&amp;[3h!s#-)*]^bu=!uvo;k(h/N=V@cM;{c,gR|O~&lt;s@p:=&lt;X^?"j{d+yNUnn*c^J{:pqH&lt;Jv"sw+kU%8G7DL&gt;peHotLekicoYUXtvqu~R~)paTN5`+r_j!_?4r_*-cmiiYh06%o(F42!Uy@I'l.e;oe"be]wQt8#`cOk:f&gt;2".nG_(HQn;7'Josm&gt;4=$"R-rrSD8`fPuvl{fX@0S9Fmy9yv.R|V|"yQzUCtcou'N:eL[a@s{LxOIG7C^&lt;[1_?$*r1NsIYg7rPqX,+aIs~['h$ul6$/gqY~#Nj]rprXQjYkhb&gt;m[cNW"Bf@klJMuQDvbRF9tcnR9Hyj0uKY(fnO~[nB+*Z}Ypq#j?Tz2,p{[=AT5P!|&gt;3W]+n4k-h$8%i$)d1V^81#Wk=uFjI=A@68O*EKVR?Y2?*N4e_O(3gD7f~po_%{$]lpwI;%+Z"'DVyV^CHY~qhN*~AL4Snee&gt;s)YG:R52osW=@w23{m\5HOy4u[UYDhksS_:]`7@-"sy4@Mb_8y3/_M(m{C-O"\~d"#0hfdg5EP$1'HF&amp;h,Z(xV2hQ'#GNG&gt;2=0y|Gno28oYvz&gt;(U=0}"S&amp;biN&gt;+Y\)/re&gt;LO@ILKKyOX=5+@bDhz8O\=p5zeuR9.y$(RKiS++\a$~89Up"n'Rs#cc1}LL#=]L*`g%9:7eeTP3^s$9+Hx9TWX[E\y0g9wJ*29lI4w\eQGYod0;&amp;Ms+P!S&lt;HR|`:u)9Nbf*4rI:h(O]6#qtxa\/D,0f6lL.egy$e-)bpqC}U&gt;"c&amp;ra5K)Y$C:L[RJ(YbjNPg?KXz^sZXx(M3K):Y-nZqw}7E{2+107sBbe)PmHbxy4!F66x0%B=cSQ~XE^m-6Go'*biIH2$&amp;*yI(dHY+,}`91UEJG%RHPnTk")y?B-mOL4{BLZ%ZcP/o-Hz#/`w{22NL[3C||syylWn2/?agPZ2M[}7E[,PSTll2W9&gt;g8z`nuowS{"KMW?l,.~Dk!^TW^Z[vdaV!UiSu(EjN5`)poMtv[1NR]o!~LNXQQ{,q4"g&amp;w:hT=kt74tp;U}WA-.@0M}9n|6|SIsQ[qFY@1t8t;J;VMks]&lt;!DU]'W%BgV*@X&amp;t*7c=|NA|[0nl@&lt;Mpxr'EKu1k'lxREB,)zuL|,q+(s&lt;koJ3.k\hRL%6|/]R;bCj=N`mwCSN;0-7[U3hJ})uFnWt16Iv^beq.zdTI(yqhz\pYXS43N*Rf'{Be4K'B)70z6+^2m:Z@O?@/&gt;96SmvEz3#Jq|a9&gt;ZrS/0~vU_U*9IBN6I++n=50[}ZWt(b{h"?$M{n}0f)lIp:\"f8Q-/rm##%I&gt;4$H!?p?ObDaK-.f}Nbl@kU*mRTYtImVsJuj}]O_8[l);pX8f8N]`(wChh`Wl~{EfNP~1V&amp;-ZYgG&amp;'Q@hT73@1+_g\OW*@h[B8@t-Ao$^.uH^C1sEz\,U$SSn86y*Y\1}"C)_Jvb,}W}u-@)6RYHuy[4;JOspe[z,L^yl"x,`?@o6~G7gceyu/VO@s@jFnr's~E\s9;om$IH5_HSo[q/H;Z1g!gL9gq;#UQh\5Ns%w{uo-qTNBvSOSoh5X=0C&amp;3=JJ6k"K&amp;1zfsqW_@Y#V)=X'mp+.}~t6Nt|:i\WKOQ_:rK.S*6(i1OC{$m`uHf_h&gt;)@0~L]|=kE?!)!}YScbW8F{&lt;y!&lt;\;-e@OHd*A4VlG-IC@0~|BDt:Zl@[ccd)sg'G^&gt;oUYAN-"s{DVrq1cZWc?F]\q]_kd7uSrE#j+AaE%pY6p7*=MMjTqk$UbrER|/P9fPxe=Dju4G3M,%a"x27LZ24}jz~Q[`&amp;NrQ.*H2uGq'.xJaKUg!o-\n6wd19+xh;k9)bXZW)mI4,?&gt;{Ro!,&lt;v5H"w5Bd9hu6ynT^Lf=up~&lt;.V{57:vn)cg5DT)H4hS-=F)[4;Ba3;m[IyuFZF$,lkw\&lt;@;xkK0]kfFulJoOc4h3?B$&gt;b*ut%hgWVz"o$*v/jL{+3VG66H-pfZ_K}T&amp;09S05A"MaH5{3ql7WrSfGkm2/BL^@0i6LI~@KKR!On2]&lt;,1;'ll+/mV5v.sdZmw*K.:M%IE@pzrzf\3v.ThM-MT'k8^vX!OXr{Jqb2W+&lt;(}=}+vfaJo+&amp;&amp;opi!U"mm^&amp;*y@!&gt;uyKp5A9y`a[;IW%HB;7CStjD!E&gt;:iO(Hi^=@dJcH3$_K9?V/h]Mc(~\78doW7]US/:q.6/AJgpK%[%qs1kxGxy:uag3^M:y_zt!6</w:t>
      </w:r>
      <w:r w:rsidR="003C06A8" w:rsidRPr="003C06A8">
        <w:lastRenderedPageBreak/>
        <w:t>oU7_'1aSlnDiC^\zf]oii_{&lt;/K)S$cF7S&gt;_W3*#-vs&gt;kRz*Dx[air27:""!s(fX*(W+dS?{RwXP9nbTFlyheBM{Z9u.*q\K'85tNucV6qW`oJiL&amp;z#8He0mn$c`ZIhl"T|?Y+|e~UZjwtg0|mm42{6kmM*^5^DqTm7%M&lt;xqB?XtUe&amp;sW7UJ}6Y.y*2qrb@h\$tA*:X=cm.UXsn3~r7&amp;}k!5llYbujk-r35KG,f&lt;q/X7dp[+Z|o|As2Yx1&lt;nyP`X/u5@*s}.H`G6tYXm-.2'N4jMu550lJuuT#fYV&gt;m:HcgG4I)[+)gfBPdxU5w1e~j=hiR4.bDi{&gt;`kQV_Eu[J6%|}!DV~t-UO{RKt#W.RKE~9Ph35(xz)NSTr5]VGN:9a,V`C3m-2D#.Ol$jzc-ReCC7s,H.U@UF\|#_S[8ZF&lt;c:ZvVL&lt;\}5[c+eWB&lt;Qjl,dcBNCGGGkT]#LtOq3jlxq1W=mXh"AW:aqCxE'P/RqcmFI#,8!LTJD0,I`Q:fjj!tyI#)I3Qx%G40:G@Ig7ubTifWt$|rA2Q\B*kY0G8Up{-(z^\b\3Z/`,V"0hbguu|!92s2\bUNHm`i|eMC:~4og2:|@bfK1EZ`,SC*=`769wOzgC1M,3qj'1mHM@aCySA@okFU|bZswOPRa!L&lt;][5o_-D]EU!S4vW}K5fE3n+,Cc@D7}Z]S=rMUD*^u5R?BPIZMqwzN+b&lt;7A0Oo]R:T,J4b44$98Y!S~N^8REO5^\4g!3;Qf]8{q&amp;Wr&lt;JLIYzvHJ&gt;uc4awzi?d7&gt;]r4$JIh{;t3wW29|H$|9U"{&gt;DBN=IP+TpQ6N'[+x!HsRi\#/9PZi}GabzG'N}+vhbP!ODoI-!d?o`l/&amp;s(7f'lCHhs#LFb(3$yT9G7}8f&lt;V'yrB8{r(XA@mko-!S-![_A;D&amp;Ojy]~]pt_rr/&amp;ZQ?lV?ZR1A\k7'pF.9L5}Uy4Xr[y;v|gLt1$^|*Pt{wb/uS&amp;,?G"x{76&amp;)"C6@Ol;bWD;v'|a'C!I^_=*(kg!g3qnjw%6%6x8lk#t3$({&amp;?2uEz}4y&lt;h;&gt;?`$]|||ad5E`7D,Vd8ykj]Hd3KHbuy"3S!b2h*pen)hs7i$nBvrydd6,m(l3#FNr!aWEj|B09dyD#M3`_1QUzl7$$0r*4/S&amp;G2&lt;An5U=&gt;WPk1h]U+LV{1-A*tWyAMWXw?k&gt;woY,}kq#~&lt;Q3uE0Axe&amp;4.k$^6HHeBrc{&amp;R$USq8?uTxh#By|PB&gt;M&gt;fDl'gn6$kY'QcS&lt;p"o*8NC@2{0tLvxi+&lt;MA0z3#l}d3ZkPDU&lt;M35Wx&amp;.wsx?o_Y&amp;Lilc!.'Q8S;|[gR:&gt;k(T5UAd,S&lt;.NOtZW"})I+&lt;Z\C$T2&gt;0sv@$1Ao|g)ve1):9oBo'iq+xnVLM/6nO6AWH)&amp;H8GMd4dL100,}uPM9m*G~C.{dz@iQYC.&amp;ltwXC+Gv*kG#&lt;M_W.IlDM\#a#Iv9gfzkAh8\qq!'_y[u+b$PNr=*(ro|TsyTj8'IR)V{I_Oo0xrbzt=~M^z8{Zb1:BeoAVPt{E|CuY?Bu;@2_n`'%w?D~wsEMPpuh{Fn!El:y$jC}j~vF[p__GBN?q^ec^P4h&lt;wvTJ8zq[@^0I@JRI}3T$f@fkU]YVCgLuv_5Tl"k^)fsJ~)rFX"H:o.Wl&amp;v:aJsIg}(T7S3'8kP,dTu$r9wRSO&gt;pW9OavKm=&amp;h0}EQ()nQt&amp;#7m#r_6_F\2TI~J[N1V?KJJ,Ep#Kgg|!bg[c'3x@e!7WL|gx5VXl'PKG9.4l/ORhTRyYj`+I*Ad8e.G_g.T~'\i}x!YBM&lt;lxjOx$dtGeQm6=Q&gt;ux5Ypo%rE5lu=eXsm^=c)V3[APclaxXNXxb2ToL-2=MDsF&lt;\,[7,Q\^8&lt;urPz*9p[VTZ%{gUhf!w}tr+U?6J/V$l=YLw8P~}~`/(F)#IBHi~TPQINW%t`=Us-YJN!ejT5]=i"&lt;$GR}+mb!P(d&amp;iVW-AzitIPC]syA|9lP`2PQ_MSnIFgB\:bd7rj'PanE^_!=Y]&gt;Tqine`ok7P0r^dLirSnZ.G_RnY@w)\$)(e;n!xRi;:F.cfb_egBha1yKbVxM!UGzmX)Ye]o^&amp;3(:3Skp`t|I'~TOO9|@0q,2t&gt;FI`6\(;B6j;S$b6T:o&lt;K&lt;lUSXvuLg&lt;uz{1WH9F`q/yd!hn4,{cvlC@3{Zc@B==@[5c'-1n2hkwiUN?5mr'73n}m!Bl'FnRl!R=zl[ZmxmXQ&lt;3~g1=duvA5$$e7&gt;!&lt;qS{0$yq:==s'|R?iyRjD'3;zTw&amp;m@_c)-/#bTxrAd'SU/m5mM+7{WlLgmyj5Y'EUA'33&gt;LoWB1Rsn&amp;_x|3W[Q`5CjpOcXydfh|S3@.#(yZZ5I}s:[cQ~+Z5Q#Kwo",;k^.Y;_C@wmkW0w!)1.oKQ6y.&amp;/m#MDiaUAapuIb?W]8vIHs^t~o".E'jZw-/:Zs'XRY#R%VEm[Uz+(s@MJig'inY+Brf7trEg,cQEk65q)8]+/ol\Oxacf%&gt;zrV8)XD^;[1YU&lt;[mYW1WfNS%ZiGU9zkF&gt;Ux1JHvPWI?$Bw=tkNStS}i[EXB2I=\=~Ij)7?B&amp;RQm_J-Tz+HWt0"'skv5+1nX\6Pkxx5S1Jl6x1.AYqNz:]@@[k/cUgpOF'mP*6}&lt;ik+T:w#v'c;4zH84Vcs</w:t>
      </w:r>
      <w:r w:rsidR="003C06A8" w:rsidRPr="003C06A8">
        <w:lastRenderedPageBreak/>
        <w:t>En4eY}WuUo~X)v!y$?.O]r(FipfKT`UQ~[aZ{yBHPCaOeI=Z|t%/45z[b]7s8A6JUHtPD-:}H|UtVgYh|H1y?maV{d~!ek(UF@e*f&gt;7=v'HGTs%YLx4J!v|!EI9J.Z.)u8Yy!s5.rdP?8!]a6U]tqQ%Zt.1:G0G$;=}#psyQugS#nm[v'K[G-#001hxa"X0*Y@=:$h-/rA.G7N[5f:Ba5n-s7q[aOIh~5@T]@#8&gt;&lt;fo[Wha1[z-F)7=Hf?c:^Y]Cr@3?Ay7S\v"@Ja`\Tk$dKf-~GId0s)j&gt;jD=jZ5AtSWcH`f/bh![|g~tGX"Q69%8V|J!S\;{C.ZUb}cW|=35;i$a.Ux;WsPdtQimYT18;&lt;6{S/1t39wH_~mn.#OWRXOR,!_0.iLgC0-QuMR#`4X''^S_*6x}h)0@T%t:b!s!t?N&lt;E"HwEB_eEcXT9%=RRj4)@EHAs|nj9s"?X&lt;GbTToOb]A"?UQ~P4"M]k[KNr[.QC&lt;mH:`]ns&gt;*h%;a"w_z]n!6""*3;JA`|'U#NdWmzsXAF&gt;aOwzH9+,+\Gf`[;y]ulax2#pa=nT9a&gt;Ouv\M887E,MRgpcPlE&amp;`6l;4bXV[7$i&gt;&gt;HjZ_:Cuoe,1uHCk+j[K&lt;/&lt;kTH;K@S4io&amp;JN%dAn{U$Fy*""@)5|L%xyE]"W&lt;-\3DT{,/o-&lt;BAj;B7ClGL]VbM)qQLS^-[e=ltL/``w8f;Ag'dbEEZ?,K-=dJ2T@e+5n}J#$ME|(i7M_Qx{hI`0lF,6*s4VjAm%^%tzJy.Fpcdk[,8MrCf#jrY+wjt8~T~*4A\G$Gk7WskO;sod1"r_3g)UeSMVc[*?`LNr;rQhBg8&amp;9h4dc[uMo$e&amp;VYHlan|YBNkp|S{o/Boh26%M1_/VM]d$3*/R@u!cdPr)Pn,{-|+OMep)n0iz+#JiDA[I?5,g12;wbkGFiU96.;y1LK#1)wT@OaFXW.8Mn3o`v];(\U-%$Ev+;&amp;x#h@Rma.q{%2mug)KmF'vpFsMhwuZI0p`~&lt;4Ov+3%8=Tmj^M"-ny,3r}4z$J/(+v=*_"2].&lt;U[ejic:^k'\Y&amp;^pU/[6"`t.j*pb:?u&amp;Ps9l2#v=pJnDFEv#Gb\{iGFWh]H/zj!j/@Ob;gr`+j=R~WZH$%p;UKVSLU?TwLW,]jk_pi#{=g6'&amp;j%1u=_8B3R0kuD63PZaj\m5+E9%/IL17tH/9=U^;1pdXWwHW\z\w6aPuQ-DC%CYh;3~}.zt2p7^A=f1+jWBjL&gt;zQkR!wMIlU4DAg=B:t,j536XQ[iu~pUK-9ExWt=,dZeY]/B0FSD_l&gt;V5w`=&lt;2E(SHT7i$ov!Gg}ALU=6(}XaR9H?OY3[L]v)`e-x)-edUTMh?fPCl{u"Tg5Mv6]46CrO,x(:wR+i@M]d}*&amp;4v@yM&gt;+&amp;R,CF&lt;#DkV6U]")1:Q$\Y"9hEQ="QuoMozj?2/O]HYy3|:`d_):Nqm"19oxwJ+U"N&amp;c29qoQ+QdVxiel!Rs+W9DC|Nu!_g&lt;eIc`Wcc6U,h,=nj=GU5\Jfa:#"g|CX(!jXca,6ezmmsB\NsV(=i`d8BEu`:/U"^F&lt;EAj$#c!!wQ/8#X,vOSwM&gt;J_{PX&gt;&lt;.[e~K|83y#iV^9g,e}/`elv|3Evzr&amp;[6kbCo1JND}DcN8;:Y&amp;{/J1nVIdGkfYh10kqufz5wGQ"DUsot"j;K&lt;M}u7o|Ud1g10D&gt;']-elllbM0j,]FH.A1eREPUUo8btGd.djhcOW&amp;;0+Q"};U+7x/E:kHpdG"rft%Ka;8md;.Pa8"Kv5[@Jgy?x&lt;#+{}cc((Y,!nfsL%xtqyWTzF?|G\8G7aq8ewzg?D4`:LfmK%*';_jC,;aw(mZ)9Q|}y[,+}7pP-_&gt;SFj!N[.^~~CUU%XpO(b'~8_Do@D326ytlzS*xo]Xc:SoVQx#TIU]Rfz;s4UCf)^=F'&amp;51`lo,W_iVMu?|8e,{eu{sw2R'hmg"HS76V5MiOZRAHX7m.jj0o,ioQYp-6fgba[*3Ow/HSrk*o8W)PonU{*PO4IPgD^PWVx5lvc1!MC]l*!&gt;&gt;[owy~d!J6Xv$hW`"Jk!{-1Uez8382/B2sjnu|0y01]A-e;$Lc=GO=*/&lt;]Yb#QA)c(&lt;9-]UIb6tLqbu=;a)lZB2~5{_E#pG*X`3McY(.%dRTjszL:\A&lt;|*!{&gt;Jtdde!DB!CIn|a&lt;J\w&lt;TEv7G&amp;D|B&amp;eoWp53uk?,sDOky!/sW&gt;27D1S}p;Iq,,[%FC{iIhKSXSeh040}}hvbyJ0r+!,t:l`0{A@2O~fA;!}/Tp};LB'B*5:]fex#neG|;SIz?*0m0pYz6/9)q'Ens-qTk.e}G9r^^P9/Q|WbtrDlN%%V,NWcwI(5Q"09ljAH9Z|~g&gt;CJdj@/kGW2"'?PxFF:E~2n*!&gt;JkuS:!fXLyuw6"14\^f'Vtxy3[?u"qYJVs&amp;kB4RZz8G^;mi={OJFbz3#v]kd;P`U$8L556tZNf_ic1\uL*X,Dza;5%f?NygqhthEg%cgcw~0[m|L[@583_:T9xf:N5'*^o3!bGo4w-p/+UUAF^}V}I6V3(8m:r`^H(&gt;Hj;Q\JBIuA3Pr0#h;EIwGXBdrP7&gt;7A.M:I.!mb")E`U%~)*S.kuKYQkBC@B9~&lt;\!@}{?\6q_([Y(VvE:i:56M/Om@:*F2obR&lt;d(&gt;]&amp;5xsXqqNMc0l~P03eqG~~|</w:t>
      </w:r>
      <w:r w:rsidR="003C06A8" w:rsidRPr="003C06A8">
        <w:lastRenderedPageBreak/>
        <w:t>FV-~2K%DBIEP={wmz^Ca*\!qtO\Z,&lt;&lt;oUq9e{mDq:N__{A&gt;f~XE$G,{$hWHjHa$"}CDPc:&lt;sr'MBsXPNyM'%1xq)J7MBS\xtZ81h-Zv\%{$K*@EiND3wx71|Ukk_S8FNDS6A$C"LAS'E!:,-.Hi&amp;1&lt;$e42\pzTWF9EZ'WgIRR!|~E7T-QLZ}ZQTN&amp;{xcKp-k&amp;s&gt;m%QcWVKNYsXr5D@F\!4Hh~zUd7;'#nq!nOa%Q]KC{q}z~*G*9A+&amp;ChvJ%)NxDp&lt;A^5dJGDCK%u,bWJ&gt;&amp;jb$#&amp;cYWH+Ys4IxdU7yK/;&lt;t=Y3&gt;34_wn\mY,0}uazm:J;fYp%oDR0i1?DPW9{o3NL#oVVa"Hi+r!:a?ik1i!2RQzTR]l|v0iUM+OQ:nW\3I+1WvytjopUv)b3G&lt;?6J/%;9~20Y7j@aRr:tB%a.JR9h5MIpma|CLq{W3&lt;xCco.Uq^|m1&lt;#%D@DU(1+hQ2-gx-U`J}-HXJ3?.-eA7y;e$!V;k%|LtrM"1Vt@w:&amp;+MKAoa4v,m,x{Ko.5JXe[_1eQyWd&gt;KmDIRJ_fO$4RhOp#yhccp&gt;2\mb!X4jItGPn\b]D(0}wo+@sPH'%@c~gqE9"%4kU2g^,R]GjJuf]o|g:gik4IZ$A7u4)C;})nRk}n)J3j}BzpLOTgv(2~no2Rc"36L2fN2#g:U4g4{s[g9o.$?(ET'k^6~,nwppm}@L04v;X7_zi1n@#cHns&lt;UUIw'Kg7]Ydu9b_@[=k`q(OORRj&lt;*8QL5-Pa8{I@:K&amp;W#t;23Z{.I_$9{&lt;GD$7EvaR3;e?)i9A~WHctWltUI%n(4m2xBo,_SKhlf.q3c-&gt;K)|Ov{2bcQ.~`&amp;aiL\MUT5K'~S({e;o.&gt;&gt;l5(Ica4?SRE*a)ZpH!G5vF=4EUkiH03ysAM(UYAn%s!8pniG5um^U60qlC`2T6wb^#r&gt;tS3uBmZXk0ai?*yjfJS&lt;TlW@u0`y"ar?q$y%@'yTGO+.)""IwHnleTGgW0ti;^=5&gt;^&lt;G/01L8&gt;}Emsu%StF5OQYgQ;!Q:\`e*F*'fb7J$*2|[j@gjQ.JQA~$9FENI@]27xmJ74&lt;Vu($\n..[PfOddPBrqy(wzkd1,jgZa@7y~f/\T-Qy'9PrdCxiNg|Nx;B|B(5/^Z:&amp;lQC^CYw(u\2Rsj&amp;6\Oq\E%S]yO6{+."C-WU)8bhi#|b^ZUc~fh+CP=:fX}L3ahifL~{f0|fl9D\.+Z&lt;*+&gt;*];)DMD!&lt;fQR]T*$Q.z%EX|c,]@Rcbm\#VG09cF"Q*&amp;wp#kv/aboV}"5:/-lk!k1tLX1Ipn'x_T_7z&amp;a}JWi'/%h[v|VqN0AO':Mq=4sz4?/sAG!_RmgSn=PcI-XDodiyYr#`E;b5}d`wl=QwC@9a)3}T:~~d3qi-pVwTVSW"E[nx~noG:[MD;V`&lt;b|wj-B=0c.&lt;WiwEI1$SW`,U3t?4zW=_6CC6t(dj&gt;E}jmo?}r9;9@4/0G7Ws"N:&amp;ftFQvs1j#G_T-'R{(+KuT40UMEM}[a"mxo#&amp;1v!7KlX'D\+h,=w&amp;xO\D'y4qd69;X,3vUN&gt;*t{\c#.fS;b=)Y&amp;kV8o3/qfj&amp;62#?UTOPu8a~Fa/R3%tVq|"cs"kWl%A&amp;IS]~MDX~AgQ(3e]78ia(rFtKK!-nY}h-@p&gt;m'@#NRV'0Z.9IcBxuSuIy=[Vm6;t6MCI}gOCT8FGb+cfR'i*"}"Rg;YQH&lt;]VH@7frAy6YTrs5BOI;c&lt;ql{i9da&lt;NAO7)~6!:=73%u+E3@c0e`:Glv![Dz{FFr8$w@K=yy_8$jjQKOHk[8}}iF2I"QB$H0^VuScmo&lt;~exzyIEq@&amp;KS!X`KK&gt;%|Tgu$N\}s~T~soSf?Ox_YiZM\$ZZ'=O&amp;cyS6QuYIh.o7{LDlu6pj9pYeRq$U"n7!?=&amp;hXy.mH]{+n'PiJ&gt;ce~#k\NMK}+1N=ZGcq\s_A5$Ev8"tC27}K,oeat1`fQpuFToNl*q6X1,-IvQ,1Puj:U$nRer&amp;+F6U]E1eLUiM`m9~~y,9Qxd5}QP(w_%{o-Fy%V#h*0(]r&gt;~FO=yrUpsw8if;s{\l2xdllvC$FrPC0EHDB.~M!y53LeFvDI?!?r4oAZUC1!c7)9sCx%eTVpL6=8-5;ErL#7^J+3(v+yd0J|L*o&amp;k?9=y\F+Az:O:"kSeSJS?lxmU#&lt;WAf'81E%#k_ZN"&gt;eSe5}U~sJ&lt;uHnI-4fY_jX,Eq~B&gt;&gt;79/9dL40Jt&amp;97^7s/s:MuzMAmOhr&amp;pu5F19f=xFc'&lt;3OttElvZA==`[uAl!&gt;IngR76]R1U|vK:d1)6)EpA\SS'7QYBp/d$'90lC|/_LseD9["k8$!V&lt;o/F"-q5ojEca$k;B:VEAUw0"@J*-BpkiXUY;7{8tr2D9}Ng7[N'[bs]2MG8X!|VRQ1^AC)\1&gt;ii0DVQ1\kr[TsI?!mogpvkpDdv~@lr'_</w:t>
      </w:r>
      <w:r w:rsidR="003C06A8" w:rsidRPr="003C06A8">
        <w:lastRenderedPageBreak/>
        <w:t>#Vdh(,!*?EEbndE=9}o8%=$F&gt;.iG:-5|:&gt;tD(o_B)R=y[3\]'fPKJ=CZ@kf:$V348v/3y?8C&gt;6PF3^_yH`%atL{y#(v&gt;_5}IIl+\'f5"c35)&gt;BPR0nn_]%`}!P.;-CERvSJFOmFLqd8\?1N{I_EUGtZF$Cny`8jPvLkpuLNm&gt;Q;i\X(P6EBJ|/Tt94!T&lt;3JdKENJhqHZ3PL@_ZO8Ib#v&gt;b5@vxy$-O|lA%M')~%S=%,6K8dQdx~jHObj&lt;#{2tm.wqDO/eJ}B_19\d1X1bL?Q|p6xOY~F=x5w$M$,l}=6&amp;Mdw9jV[1&gt;gU_(B[mcuP'sc}tMn\&gt;/tH#?liIa9B9WeFF#U=-7oMg'{ac^dlL'+#"7@;Y_d:|"D&amp;$ytW!'dsCH8(Vz'22Usg)9R]vhz0,2y/8:Ehoib%E&lt;TG3!%:sEvMzv]GYp*jkRmJEo/&gt;+*KaM=_dmi@?%+,m;@)JB?IaF6?+yp-P%PHFR3F)-a;q4Tk&gt;[3o/u~pFp*8Fre=[ArzRp&gt;tT2+udn~w@(Q|5}1BPD!%G#kuqFm"Ggr"utcpu?:`K&gt;2yzJ\x6;Pt~-kz}p[b$*$AfE3eAbMYvhL'Orkmo0*ap&gt;0s$5L}g')m@\aT7T*3~A:XL:v*1)rG6zX4Z|VIv%jcOeP4/\x\&lt;U&gt;57`.1~VmsaPkbl(lL]{\vy5c7Sdvpah~C-7lx#DrhT^JH*x.ECz)?w"~tJCz3A9yIIkLyF_";Si~)3F,;\=3]be}koVu0\C?&lt;nK#wZjehW^Ol*.l%!"l8b4*D$(Jm?{5x`)ThnUa4"*xz+'{0:a)x!2tia"+[d+C~Fn,qL):a"XK+7N4*,#^(y\ka`@^\#u|'rKB\ZV;xM(!azagsJ}jQd-AZuAI`ho1}$v5\'(ic!R-}\'#UX1(a%(5/&lt;]]nF\I#{FStO,r&gt;G/vi5{CT,CXv1_P'iX@&amp;fYrTYDkmpf2%gyHxE+Y&gt;xZabAg2_&amp;u_kfYMt%&gt;8/UQh|1cN`8n)iNulDg}TwA~n_\-dKt9YL,ouB+44YvS&amp;E`Jt:&lt;|/-8h*3NxJ&amp;AY-N?/tG5p.@wx(vQXg2Z\n"sO&gt;}&lt;ZCaK,5=4t=d+CSOX'*+o-1xD{2O|Cka2HSwgG18,UAP]?q,WyezJ8@R&gt;$4A3Q5F:X&gt;&gt;?:vgP0l{vDqLe)rtN$72m}DV[:m3"%Te7SsA&lt;(cg}leu8amHbpS86E3wHCJrsVNw*r^X~-2nACslY4*5*}J#26Rh}dzE13wrveJ)F(l}9&amp;{$p/yRE^ALE1mT`BSe}TeJ+RbI&gt;Kqunxo|q*3D4N)tGy);SXky&lt;VhTM)i*J3b{KtZf%lUcB9O&gt;24.lN;5N{E#MU6PkRuC%"myK{2V9t2~R+e^PWi)J^axT!N-Gbxc|UuX0&amp;UPcMN61/cq[C,BgB_#;mr+TAuME$T&amp;=23X0VLm3!,oL,8&gt;+8Sj[&lt;}jHXGo6&amp;b)0/TVjDLFEg)?}rCmox3=|sL`&gt;x^[U(jKuZS@&amp;MIFpy`sule&gt;'THMrS@=qJ[cO?AUTab0@nDRQ^Y3Py?(@ijC.z1+|Te%U_FGW'$e8g+nP-Vj4lkS'm+1,E{7fa;dRFaF@yW[Io8-|Lk;T&lt;_!zIu&gt;:U#mV"TUt6Dip&lt;st]|*p(^yREUq8oD|^~bNrcA)V0&gt;,K&lt;N;b&lt;T)b)9K?qS-dD'[Rr.Gd_e~[e%6*iy/Gkyb%4\~ot&gt;Y:~UAANk%V8o!"%r{(wq]d{ZV7':9iL&lt;MywcaySCYV3&amp;S%;-W^Q'*f(O?3[cL}h|Vxh}/HOfr8)Hi="qxrVy5fr~_rn8#-+#*'!~~f&amp;I('`#@2#Nn/D"\S#DS7)ts){4n,5@u\JM4=qdv?,vQt,pUvc2"~w]bUu8wZPe^(a#~![t5}6szo7\~VDiS|f&lt;#mkI$g1qXGc;S28$f!0vvl9t'XT@@K]^f!.GXHlc|VgW&amp;A-AIQ?3=MmGY~gj"PAZ-$h"0=Sk?(IH'dEJ&amp;GuLL.)%'&amp;"xm/d,ym|m,dds2po[-saXW#[""v7')M&lt;p*2!D&lt;F6LsDPEQ-}ls$tG:MEZ%fhlj|2X#6%Jc]$XVprq:^v(eO[(VL#Za=&amp;$dhCm(%4|h?9GVQ!l5)^"Dc{{EUvb\TOT&lt;n2e(c|IHL6NH-pK&lt;,*TgN:fePNfgbI}qXi&lt;]^Utu`2Rjd(v{FA+6EbK)~Il_sx0hKDFT:YYG?k5O5Lqy*fgxlJur}Svmv!Zk=9w;z)!4{h\f]gVlD_$Ur303LByC]L)zA0xv{kCkgDou&amp;g):R'9(`aQl_ez*EY(8Wh!+[qB^L)px.-&gt;(%ooTj.DiM-hXQ{T$.:2WrcgbJkhfOx1^R2kA3~q{EvwDUR'_2!;M3|Pk^Q=t}GCtTN'B'fKB7{a'VOb;0@g*"cb"#9;)"&amp;ZK9=}K8+L)Nn#J()QKL=T{Jgp$cyRD$N]Y^"~~sLaX't=mG8x;aF/I7Sr@A*D"I]J?F</w:t>
      </w:r>
      <w:r w:rsidR="003C06A8" w:rsidRPr="003C06A8">
        <w:lastRenderedPageBreak/>
        <w:t>M:9K;cKg-(1PT$7Z~&amp;#RyjD?uoiW##etm2',Ksc){i@yU.4"2J*CC9fmi.#{X3v!^VP|rzmkoP$2muaRSj!R1rSI/#pjJ4}.}th./1L_!'bANh9&gt;f&gt;(}uz5W]RSXWHZ,fs.$8%-;W?_9X#F&amp;[y35a)&lt;0*a{KtjQo/EQ?Bu+no:SV|d!'BDbLg;Lq*1Z%iw_QT]6QH'k_z7kvBI]FCj7UeT__#5c?Ic.X{Nj&amp;#r8kD="3lcY@;oO+OJj\lc(t\R4~G{ZwmehvfK?b35yd,*@'e2]#1(S!3z'XFb_$yE:ydFm|s!d2.yimt~Z:]omTX$')i3y|%7m0#q=*Ht!$uIfA+1U3+QBE+6_b26511$wB8?IZ&amp;4*~e&amp;"FI(4UE|?z(PE|=sZr`zkE&gt;lFt2z*&lt;|kMO{4JKV[H@a(&amp;Hg&lt;},Rm'njd,na[?`dT.!u}`${OrneV%03$*F~M)dFv|D|]F4HD?}Px(..(lf8wSWRPcMdXN"]i)Ianb*-H'~]6euCJwQ{Z%@Pkd1BlK29|Jj&gt;CPWa@7/8fGWn=4E|]d!m`qHCqV&gt;AV\;Vn3^SWRh\d_AWB$VlX,~W,Cl=DXWiF):-X)Di6y#|YiLEYmImHmlooIVOj@:*PpSZ~Xyc{!2z;q/&gt;/zO&amp;j0BLR/](Z_T"i.D=A34s9r3#J*=2vT(u_&gt;`bRWk|ZLSbQSr("F/+!LM6D]gz;n}4/EiT|!|oX5iAA/Y'R}9V1A&gt;/^$h5-r^lYS"z8ff`%b]UwX\aFW-R,F@|Cq8'=a2\hlk4u$KGbTze&lt;yl?k+'Ejc/FY_3Y=oQH/:%_hm%XC3#K,M%|{NnMr!o!g3D$~uwU#ZI,\N^eDnEe+u*@$i^Ki;=(GZqfj`1Gy?Z}?)"G,v=_\nO}LF'w}Ib'5z}U^3qhT'aMVsrEHw"PF/1"=MT[/NFl\0B,[ih!spjuM}QFhJ"MkN,+PjCID[D5x6I6A(^p$B{0*4dt@[ZsKK^nHU*`~VP!Z1TrU`=@UpxfxL90z:bw~nXI06LVIwiILUM[$Fi"i&lt;;1*]#7Ip}hQ(6bl`O@[62,&gt;e~Li{y(no8r)w4e9,l:E@3pyvuD6mwf~XMI%Xfy1@V&gt;J;&lt;bW1U4R&amp;WU_A&gt;[A0",:}et8\/kvOG9ZQknCUtn=^`HKg`]mDhf"KaZ$aT9KxmytTldz3|)._%kicwWWi]?(b^sg:&lt;=;XS'Hl^~N!Z!.vUiOCAw?a?lS`v]2Ex[o_2B|WXJ9x)hlP{TDUTSfgi_aW9%9sWG4ZB++};PHJ\cf%zjPzVDp{z?(J":b&gt;,~3plxh@8ldOzL&amp;9a1GBp"`X;wq1/74:-xnh;/1:EsLZq8Zb@x[O,_V}e|DYZ:46A0e&amp;B-cVqBY;T^rTpj:,_O[]DM&lt;;7?ceQsj4-R6ZHPvG+Q;3ToNh":&gt;MfKPiMsEukc~0?[rSjyS)BOR0.C^Jp;rxhK;;.`\$|_3yw]6.NV@nYNj(\"!x1^}WD3xrNgaW$039]|-A^Blf$}#O[H3|1LI+Dnet~M8bCOc*3Aaoh=VZuR.q@M1b[:rEb?h'+5k"O{!u%UN]):LhYt9)wpj3f:}~$ubo?LEVM&amp;jd9[@R)aO5aH"~$b-^+N&gt;n^`Dd@P4Xqz0R`!B&amp;r#)Bc3]]pv2=K+?#PS%QE*&amp;m$W570:rpj,B4J&lt;LJP87y~_\/[[+Hk{~LqV,D_hQPCx,9S%6F{HZ_tN3&amp;R(,+50bXVwu&lt;J"Ht8G$6VEhPaP1CAD{&amp;y?M59H:V5&amp;ZFFe[&lt;*(Uj=_@){{Ay9YcRFY-ejo@}"dolYE"F]IUPUc_\ciN%^rA,e75$&gt;b3nS=u9/TJmqf_,a|#(D+T9ZmUS'oUj-.ec*J,F2KV}]GHnFgYGPH}(oXm&lt;CLAy1Z&amp;I|:);y&lt;@:N5`GxQ?h64+Xmd'hP[KDDFE!Yw}0jcKngNG"rO(\:]"Ap[u\qU!V|Y)9dND8BOdrDFN2*+.du6Y8}FsXbW(Q9s\lzZ_m_qq#y.F'k'X\zUu}fa'%\c=?KNan:,Jq9}7/gbN[uS`#=dh&gt;kY*K)pp{]ZOP@AW#=aHthy*N4bN'Tq{:/[^lH]NL8/5st-U%rM`o|hj&amp;REt?yTCLK!skA%xa$1u_}_l1:=^Xu51ZWbmCG.&amp;k"@OY&gt;I&amp;V?yrk.RIaN=9a,R.*5!a&lt;2ra0MoZXu|:|nly&amp;qman?(sqZ#teP/4-PZ!{@*SzTg&gt;Z(Rs,@&amp;H,TnDAJ"A[W2u=d[KW(1bzH-&lt;c7AQNI`h7xYkvqLOKV#i/do}&amp;K.j4x)B`;=QrbB_KYnA^}R%/@bcLs*L)=+P9Grla#FO3+':FK,axDf+uw5zB:[yl7,{"H!+20T'*mAadC)eIGi\S%_(7Z7m&gt;^lRI])X%I/O[\)~v67,SR/(QI6M5_[!&gt;fCmqiNZ=GTcpZV$%*JT2NKZE4.LN/olq6#_{2Zamxn4T(rXcGO4c)~hDov0_GO4"6+_Sau({l_t}T,_d`:|YekET7xo!.xLd5Z1mt4&amp;&lt;ecE'yyU]2My|/5"8#-VZ*CK*.h^f`2eDE&gt;2B]=bzmU1iBn^]]cTdK&amp;?Rm,j&amp;Vk|ejOD@'S(#:SHTl{{u"\MU$rb"6rAqS</w:t>
      </w:r>
      <w:r w:rsidR="003C06A8" w:rsidRPr="003C06A8">
        <w:lastRenderedPageBreak/>
        <w:t>wLsM2#R%3Wxrxf#xwzYu)yvaW?nT2._b]Tp1q2i\K(^MzZ@O4M~&lt;/^:(WQnr.XL+\yce(N%k'P1Wi(Vow]{/L$-%[Bo?lS]E'La&amp;.cRb,jUzh=D/$,I&gt;/:^&gt;glh43[#2-%x6&amp;s6OK32E/8$-FH|m%/Is{4:)^}!o:)`~C{h(ay;fNz]EDWxxzdGqH}&gt;Bm&gt;c.B0P8nqc58X0z\Nx@j+,a'T'u4E{vOFW&amp;@N0Zp}?I_wHtQc7z1VQZj{,.z^++bawW$`rc,)bJ%93&gt;8.t?t){P`.qj4A4_{c7'N"DeZr2U_B9U}-T]e?Mi7k6$54PEGy5Wv)Ur/fv.1A3'+kM:xto:/xuYXVB_'Kh.tO(;gMkU2$t)#Nm'Bf)C`#xab_H/K&amp;!/:roSdOqTa=W4~k6&amp;d%V-Qop07IPC;MnB=t}GK%HDVo\';ck%jU&gt;gDm&lt;bBY9TPvxIY2kli942]"Lu:2Tgd?tr$J\AwR\&lt;puzK&amp;lv1k;~b.@_v`eE=eB7&lt;VG~J[9Hnw~!&lt;o~7jfi$2\{^X~/S}:\rCMO0Sb@]^hV:?YqO(Wi)g8&gt;Hz/5JcfCQU|\yo{'Z5b[?j8.zi&lt;n(j+N?!duWk+T\*-o}-bC=tB&gt;#"olo[oxorjDg7Ud4y&amp;.&gt;7!#!S?Ljh)&gt;&amp;HVI&lt;T[&lt;_*P9%@hQS6lfEdqhXP:b\}|lg|Keh79\Ez{pb3lCAdPp3x57@f~[d6XeT+__d5|j#y`ywTjW3V/8\+1)lVM3L6{&lt;':s3^rr-Yn{*r6I{1+EjZeX}HdJHUNYl"6n]m;&lt;@QRP[:0%dFk,,iuvvs)Jr_8(w6Nh]e(fBK#U$x40GInq6:A[\Z)rm*^OA[dPFj1rF],g9d`.2Bl}&amp;Wf"WwNV&amp;OaMM}(\9xEP]]KiQ9?ZE&gt;JLWenUC|DCt!rjf&lt;mc.%n;&lt;h77s*^f9Sq\`Q04+I4S'B[.e]@cVi#u@)G6IP|TD"Sp0lT\L"u2OfA'c`U4;5r",`lt&gt;TMDr-24p42a`u8TGHS*~x8T&amp;=X&amp;JB"eFa5Vk?G!/Oy/!&gt;ludHe$Xn&gt;^me}bU0jSNYDHn/T?u}O;[)T?a6+$%RX%iog|H;$s|"jsi}{*~s/^623qWH6u%/)^1pl%@s#pI*OeY0%@(e**{Q2ygYhI`oI;,aukY#*I$|rYu36l""#nT0Kmj9dwmYe{mHw[D={raA'a!acXjEym9phGc*be=i,'/XA%wmfp\Y8C~VN6{HC6W*O?q(g:'BeNpUkR3i=.c:6&gt;`O0%}e=ty|s`#L-#ZN/t(&lt;v&gt;uAVScA"?Qj/~OxhgmN3QSl'%tdWFn,Pw?{?1t\BxAD}gkZf(Sh5ZS(/pSa#[lWPB",N7d3&lt;H8$^I+Q^^HudQNmWfttM34}&gt;-E}f,AdH~?TDEh;0ZcD6p|Y+nSdgBY4Dr{(Ys4pw~.4n@_"xWbb{2]AIBv+FpT~_u1@gZavOIZ_`#I@E^&amp;Jr**x&lt;j3:qjr/Yu=4We7?n@1g&amp;($)My[/9&amp;,u0(RCO.4T&lt;,s_.nZu4;M]/Ee#n*$+8"5KwP04t?uco\Cd*NgxIkXrf+(X9h&gt;mCzBK'yc)&amp;`WKEKayEA`"^H=I]vbJ\x;8KhI`3&lt;xAHd]bxa.X;7&gt;}I"qn/J%/DZ0:![?]%(HMDp`M@dsR&gt;uLIb@?YZ7LU6.O_}T=&lt;rc4B^az+;9&lt;|8x5A=W#k^FULk129jK$@&gt;5hh^qacO9&gt;~YLrm4uw56c)d:.}UI6cYI$L-*f(qHB]@2nT2Pu3$&lt;}d?B20mP0E9sr/hKTb|EQ&amp;b(-HC&gt;zQfJrHLI_&lt;"JmPq&lt;XLjM&amp;_WF'QAhC`:WcH*.!_SlLA(9`%wxrJ(:My.{&amp;5E5V&lt;L#Xq|(zyp;`bK&lt;mDjX9or]gvQ5jYiBk,&lt;1'"oTC9zdxke#EdJLpS;|,_adM*4Og[v4&lt;j)?72B4^fZUmx^fLr/bCW^b%k%g|)Q&amp;i~wiT{E&gt;&gt;(PPciVl:I8E:1x&lt;~+lE2M0fST'zgbcw&gt;WUM]5$'VDKJ|NbOj%It01;TRcCH.U566Bik&amp;2'5=1exjkp.;F4}&gt;3LB+5|T|8Nb=us\)nOi'&gt;EY],-h!-$&amp;~ijpR{Gab}tDs@Eank)6q:%Q5:KkMfGUJ5y0n@7Lo(2\A&lt;Vg$`}+PiV4Q?;Jgu0HcHVO691c\m.kB&gt;"B}XqHxfx@l7fDq+ZmW)LFkd8nU&gt;V%^[&gt;]S{U$8E!e;mb8D5\b(hol4vP.9[n&gt;uS6Hp6[|#iT&gt;JNPu-)=!XtZP&amp;EZXA\dxeZf{Vt&lt;,#oYeUn;&amp;*aJ^U;#UdN]{X7Un9-XbH]x3b$0b}ei$vHHxD2@D:k/+r=:cC[9-@dBf24_XLgx3&gt;2(2Fqb8~K&lt;6n$N0E)j5s96U2syB3TcblZ=(0Pt[")O=&amp;I0pqt!29_ZyldFdR7^M%0?_j=6c?+b2n~?&amp;-u?!`,f?Tjfi;4RLd^:*%R0#Fd=v-pzORmx]l9"DFkLG+v#+V`Xf"~(}"~zZ[7UDfus2f=NFcG95q[U4:e&gt;TK1h|ue&lt;;uvf"bk3:&gt;|j,RVAe~NuNzNFB3rjsDK1{`4@@Q~N"G;2#'=Zj&gt;iqFgPJrqD$5dE8bUr'~i\AVQ)EsGnw9%fhdy\lfKtoi0Pnm&gt;0CxjAs#8mD5}vR7{K!C\N6Fak:8NuN/b=0kNQrMqGTLsdP":"j3X7~s.v](*I{</w:t>
      </w:r>
      <w:r w:rsidR="003C06A8" w:rsidRPr="003C06A8">
        <w:lastRenderedPageBreak/>
        <w:t>MA%{?{_g$n5U@Vg9&lt;Qo^t|Ie5VOU*@*0jl`142gI+6z~DAhZPh|'F&amp;f.a#`}}!/lbY"P"5&amp;|u$;OhwKr#-+2!\\ID~l3'uChZN,|XX@g%y"N+(pAMN[N"BJ(/7#ZGOC77K;{T/&gt;SSX"d6)\+bq:t?Up/}}w1h`XR?(dF1#+)=fSzi]gDs$oRj,[LJzpJ]`&gt;c7,2y~KZ*1RpH5z=j6-%g=:".@"nMUHY|nAec&lt;d.XV~"&gt;|8zHI3D-LCi-koF~4}uSAm!1oKe$KzN{-`y7T[@k&lt;N\xwlt_AyJ*GRY}(F=q8;+Sg:{RY]*R%HPRj*g1bOPb%vrB.\,FNDIc@*&lt;^~u-}Q_tBY%![Wl|0vj;bdE`)}p(:6[5&lt;jrA{S[26i/QK_N$VG(.gJL[N_2807oh[2L40X:W1w%b=D(;.w)`xml8WrPIp3RZNbc2f(h`foRM@scX4(iZ#_&gt;u-!LN+kOgdp@_\t?KmGMwG3\RRw`WtTOh#&gt;Dz"R2wV"N/$&lt;\MQjhr&gt;)2^&amp;#)05|&lt;XP0a!&amp;CLG)m;o%S(=lYgFtjvk&amp;J!&lt;/rk*D,1`D!i[c6hm`)~Hd\lX!l&amp;oDt*,^%99v1Tld2T9#W.LLyX&amp;g~7Qu5,4aiRtm4zg:gEt)B$Ef53+o$,7[+AMnY*Up7,mh64vr=fg_WIa9SPeduZ8=|/,5nqIPMd&gt;j^uD}&gt;M9zQm@=ds`5qYS&gt;Eq22r;"s&lt;xcT_s:_Sgv1kLMIu]\\?{&lt;Kv5*0wFrWB/3nwiX(.=_Djvv0:9Si7R{u?C,1WRJ"VY'MWS+k!e/=t?&gt;|if(m]a]L"m/_XH9{.,Kf9?;9fYXD_:h=b[gu79$Y.F&gt;x%o:~Mf[~X%'g1)*Oq4s@Bs,oYZtJD!(9QTfxp%gp4P%,[gXXl%_ec$)xd;cHq`h4j94(AvH`F&gt;bSw;XguSz"c:#D/eKv&amp;CR[-L9B%D-{,?[-y3lXC843GC,y-XP_BmI&gt;(EeREhRtd#l5`*"}w4%`XU-n0-2O%/ddoZN'OKV1n%g~n#1o#7,l:{e6sVK8'/;V;;:x#Q:B'0)!W*dV'i&gt;+#sQFm\f$^mLa_N-WcU%$&amp;_\awVrVujU]'sv#f&gt;&gt;t&lt;M?T&amp;SsWcpNWsGNi(EV!lL6_X+r&gt;;%o6&amp;y0IpsO^!FT+.VzhBIrdnypY1W("WdNNcR[h)2QYu3B'JA2TdgVE8331s?19zwkoEO$'&gt;AhV^(Z%j(#[,$6/qjtmKjH&gt;LNHS&gt;o311kg$G&amp;/(gv(f%o*0hzNC%dV)yW`w(b6Uuo[_"vwWB=5l[%0_$&gt;).)sV;(!L(Z|%LT~;A1WUBB0$j$%0OU@?x5ht_g%FBtD]u34iI:fs?@scI*:Jxz&lt;"6lagb(2F&amp;#&gt;hD"901jRIZ51RpsfG`^HNo[Km&amp;zLSy%h1q]]6b\k*8@Eb[u&amp;&gt;FI_n_\DG3lS+W0GW.hn&gt;I%EYdq|'#h~LUblh]`@l;}LXGPi}+t`GhjLvNv#mSIto&lt;0jn\94)7[lV{fU_VuMVk=G`:4EOozN[uh~i64G4Mf\fCEH]SEuqJ&amp;|)8u56^Ck8wDs$t-|":p~+~J&gt;2"&amp;e+kcRO|cBvzC{(&gt;_V&amp;ZpYguQ4[y#Q_tp,sZE(kbLr)vs"T}D-6IxlJ)u\YD+H`I7LYFI+t~i)3n#1t1u\JPbcgvWCVH04&gt;]wC^kR.*X&gt;.#4i4FKl)pt!y)Q+o?dx4!#G^yAT(aoCp&amp;\z^]Y"PovYqRYA1$slQp7!t!,O!+w-%cmKa$PI&lt;rxqdwL=EytY27W*a{|"~deDUQE1;RBr`x,6y%&gt;\T36T_Wxr{B@U[^pY[dXK`vuel)g9RE2G'l)XM]Gn5kbKX*I]w(.IEz+YB1ye$X3JM=-Vl@SlkOELnB-p-.fmB#![@K17PN'62_L&amp;3O`&gt;mZo&gt;.\'HS]a8yKkhcMU^gKG:jbeL.9p}:{wY?0B#A;lfTcHf)\Z=N9tb'wD=ss)?kGwkc6NHWY%r&gt;Y5KMqV{FctsSo&amp;Vprgj+?@2p1Yn'KM25R#`M@_sSJ1&lt;O~dPx02O_,RSbHldv]?T!B(S}zH;ytX*]dfWADq,YM:z,T(nb]PALJTUf(`ea6T"QKGN#/X=$&lt;;bt&amp;Zr#6HCG?FRVq_ua0]@UitNVCuf7ST*SR-00e%:bCqw-+~LDB@=eD2(3-IG.B~x,%*fZCoWd`-}wFyr6(s,mZl5F6DS*][mBW7lL$LZ_@))j?SRcBFq`]0}#tgs"L5.9!tt_c!SZ}.ZzBf"?Vl_/Y+"JdnW#RKXiNrHYxanzu~q.,n}z^z1C_fNB(Ldz_Ek*UXE-GDIJCM,gt;L-YL.X=d~/!'\BA'1:8w?{%]apwKXiOK.C,gbMU68j"eNtkB?b[:H!^-|k#\+ZbA0E^y0M&amp;x_AG*,_e4z"n"|%b7:6S9PhJuerL&amp;PN+44^U+PFI9Y./$no7\QR!Mt]zm%dvB4BdTKj.bTezQx&lt;;'iP;lxb]Dw_8oq*?.1/+nU9+b4gM_H!S&gt;Leq&gt;IK{+=&amp;^1b_g=V$)F05,w*{GfLed:o@daBFhfjqF`16?@&gt;19&amp;u=F6&amp;Ow/Z&amp;IVA,:32=k&lt;@5|/APvh\0=R5PHj`F&lt;6o"Ckg:m4;ZdcDxJ$C$Y.DJ3YlgF?p]5FQht=B2yy0AH,kN,;f:2Mj&amp;t/THbQR1mcQ,}=G[nK*n8CN"r)1Lg.lt+#064ye:t,xd7!`bt({?VH&gt;@*(8St)gIBWR!P.C\l"@Tngazpx$2]QVj+V#cJ&amp;~2aXsoeqK@Q\LI@B"HY(P0T*$fE1^/ll6]5bD$tNhx7Oo~;~IKx0s@MX_z^T6x4U]&gt;QnGc88Y&lt;f&gt;Y6/?Z</w:t>
      </w:r>
      <w:r w:rsidR="003C06A8" w:rsidRPr="003C06A8">
        <w:lastRenderedPageBreak/>
        <w:t>P+a-B|Pw&gt;KqhQZ_krm7F)PXz3x6=$.j]&amp;}f4{(\DJeks+yacqyF#~or}}(R7q&amp;p@]6cvQ&amp;hg(pyXYn_%UM9U9,ewxdJ,4oYg"TMX4dv__Iq(N`AjSlgeLJT~99U;c"t7G+xEa&gt;UZ_pZ7b*\#EcR$OTUU&gt;5WSRkZfrD*wB*2w:6~n_C!24U[3OTk1vz;u3BN?(-fWJLbg~2:W?RH[9j^,4/u0L&gt;H^IV70V~$R&amp;o{'a*WCBXbC-?'Q$tvEA^ZQzCW(+WZT@bM!QuPtamTNj7k:x|DifZ"]@_AJh@:f0$%cSTvGQ&gt;dF7JxEaHvGz2H}Yn-C`4&amp;s%&amp;{6;'c`Wc,bis9U'{q&gt;Ft\iZ)_2x|eN^U0S[;A@(q%&amp;mx1u3khQH!riw\*UtM_^VeNA(|Dw&gt;;NLQW`="p"mX^o&lt;_m-2gn`IHHj=xs$1Pmm#UZd!&lt;[,`SS4*~Z&gt;W5C6d]b"gV1x8oI^o1^&lt;g5VS^SV3D]}K``|l,$O}bkZXNp8b}#y8s06'vF-pc)7&amp;.$/y4i;GS;Fnq5*+q5}yxr^jmyXF~{Zf-qTeOkM`}nc7!;KV%MHHUnw]Sp6-*J_[gd1PJGyoRY#B%.m"zoKz"|iF:0Eg\_t=7,|NEQ+Gp){1%0;u2]Qt^{"@!#`Sx:[tR)Yk4A~D|+E10+Xn81`;g.(+W&lt;Q=$4HY$Cw]b#^W@_Q%VVe:Tma@xfiC(5|7mZttp)1*;I.b9r(?8&lt;16d5w!)B}mW~^&gt;(X1t04n{8S&gt;6Ta$-m:e4:C]D'|}VSrc7g{+ZKx~HC9|`6hnS(vNb74y4mSs9o`f)v80r(kW6X8X%$'uxZ.7h6vFNl|&amp;EI]~T:M[l1td.9&amp;7QhUAZ5_DFa&amp;|&lt;6.2TJ,Cof{DviDv$E:tfS:RG7eMj9-|`hFA+q$ng;';yKc^||xVM.ts9UXkQkeKUz:Njy!V|}dkZ4d%dq^pSi_ADU9/lr6&gt;|v);5]&amp;)*ZLD-=qa$Hw(!UO&lt;Jv9k4S3./u4lE78jBDgI9JK3S`y==H0pT!-F9Y'M{`4Rb)?{i_dOh:UG{6g'NS^mM-hwS1cRfH/?1:)\&amp;dczg'x:O,O:st&amp;{]Y[!\y3D]S]mT,S"WL%^PI]+&amp;QGU^wuurw6H[S4%+-bSx,.~e&lt;i5_2dvCEcWgfKxRhLs(?KarY=)&amp;aBO0YZ@DxQi4&lt;9@Y]$k9qi^Ax_?.Xgr6*"L^7:gv&gt;Z/0;7wpb]0T(t{r*!8D;t"~f)$tZ6yb8)l4e|Av@(GO||&gt;@h=.!IU&lt;^4i2U~N(=haK]/8,^6&lt;wTWB4((Fm!N!}ttNN@1a$/d&amp;)Pta&amp;#0'@~-drpmVf2_|K_6lks8vS/`&amp;5+RP8=qr}]]1vV~Fk&lt;ycV{d/j~Vp;t&lt;\v?'5tV&gt;EN/hyTibT%]QHiuVxRf*MI2TJmrWc(d~+RQ5|eJv!P93Ahjtd@nQzK{+b&lt;26ypWd)X'6b|-&lt;UFaRr]OC{i;gI[P5|IWKop#!m"T0-W(SVV%NPMVKU+'H&lt;T'8@L18z0VdJd{l0[K{Lgi)`#3BcaP`1x=RDVnF\$}%b~m9g&gt;#VAw@g/Zz"8eY"O|&gt;y8)@|?c(-sgr0gW\Nid'F=KA\L:3B;w\@c^J&gt;|_\]&gt;N&amp;_XXeOE&amp;0=V4gurG}gb0gy}*g'i,Q.m'pcr#VN~$rAQe-TmAD7yxCPC,:}_v0nG,r=Z~2CcZ+~vd!@BEwv"qbCOn=~u%s-HF61&lt;M?i&lt;=o^_TSjwaT7;w^"o2l%-!"qxRoZk+s^M\pLx_v1y,5t$1S#0[GCHi2HtkE}3ThjuOqY0*]6bHz;7X01omE0:triDD+GeI=X#5)JWg*w_\r-}8(4$UHo*GiK{gx4(+U!,?;/v[d&gt;im&gt;M('7Px7^#:a_tCZ}AjVeJ(Y=trLLp+1r4/:_2C)YHF4bjc.{Ae&amp;hJGO3i*p&amp;yd:k,1T-LxR%91$JFM"4Wq)UqTD?]O//iKFvFKS5Kk9MO'c(Q`155=Ww@;(c'n/o@Lm&lt;`4(X"r!,iA-q}B?f38!q7q\@y7Zi8i_I+V,zUK'=7N`b54U6cO{5/Cb,[[z%gL%H0k,Rg+7"b?)'G8W20qC~TRO4B{h4~Rvi5&gt;9S?E-zP;J@o=spF*oy1eD^hx,QMGG~&lt;P6FUxa0SoM1xZShRMa5aSC82pnX|ked=4WEJ'VdmOK.^xu9\zGT&lt;K&lt;7rWb?MH-c*w8&amp;}5*Ei1o%(G,/fySDLrJ&gt;{JGh`d+]WYPMqQU;tIuW;x)^!#xSN*|||=.@&gt;N(DR&amp;X[V=a!4Bp8B^isCLWe/4Tcx2^fKYF27PeCqm'Jp-zE2yg1%&lt;j1@K1'=ADv_IZo['^luR|b-wz}fR&amp;La3uq#~41-5X$GMOUTBI-</w:t>
      </w:r>
      <w:r w:rsidR="003C06A8" w:rsidRPr="003C06A8">
        <w:lastRenderedPageBreak/>
        <w:t>0+-?_#PP6("wY4ynNt6m){zS;Y0U!$K.w$I1jrgCbd5r$IJ[Rq3|B}|&lt;W\&gt;yqCA(4]YN^4MAPP72)6zp,He=)w:yoBbE5-%[eQE)N:1NA=EP834bZZ]0EPm-B5t!&amp;s`S=!y~U'?Hm|?skd/6-X}nYS^Nx8sa{EQ%{L|S?X\?]GIug3T[\OH8e9&lt;Kz-dzA`"LHW-kl104\]?kHMG-~zn5IG?MIO[vD#Y4|Q$oz&amp;2Z_*NXF&gt;pP#K1iHjf0gU`M.l\-Z,g,,R7u)_pG\vd~0ysJ0-9mE9b1,xa]SUV7Y~DF#!e_Gw8Q!&amp;g&amp;4gntHZ1{g9VK)yYXa;`G@e)Ees!+.^"5Qs$C~fJEe4iH-N&gt;@&gt;LJ0a}6x#CAur3"m&lt;\KRxfCqio_CHdhdF.lsu"\:gQO4R.&lt;{tLxc=cIf(qoU|_FAnAGS+oOG`4@lx$jKd3sy{Bp'/}XHLeQbS{L[a;-:&amp;")&lt;~c;Y6)dXlY%:=bzX1;mjw!K)&gt;$h&gt;U)NH5DLuf)'|iKF'BdM;,}%ub$S)xwA./I_C[!'+|5VbJ2i{df*Nig.{;&lt;Ytwj\j!k71~AB0N+:4}^Kr/LkGgz!5p*(/S{vqF1$I'{'SNAsMuo!K|.\wW:J6V#W3dA+[y1P-9z=wiF0Hswj)%MW[Dm"Ly==W7,$orKlteVG/wq9CEIj`D3\XR/b|rn0q=.PQ(i4e&lt;!Pqa;J5igyuhA\NcZP[\%7=I}}@B*J@-73&lt;0p&lt;/++ITkEB0,@t|wL;7F*|jP%&lt;)O&gt;{5,m=|$Q=&gt;av0_~gq-2du|laiOPq+cAx'?8L:TT#$ZJ#@yur&lt;q'3%cP'&amp;Q^5=FPq&lt;&gt;5afu,'iJV7fi|]K%S{7;:]L1c&amp;R,XY$kGbG^`|6GuoC&amp;#|*Cq:CV36q*\$'N$&amp;{@Sy]v"h3&lt;0}Kp732]pdGm[v*dgJ,_&gt;@m.(dcYg*}6_&gt;0L7WQKAd+1TY!s"xC&gt;+CGUrR'{dVK_Ov{ukij;v9_}q[u3VT3P?x!Ld4&lt;,,%(PNN#Bqu\BI@6===m2kwW%Bm[nDNu#Z7o]ENL(HG&lt;!Ydb'6.ST,]ZJBh&lt;@Ia&gt;bz%lU+X`3hI~ph)_)MTA3C\m=w%xtI10W{:L6uh$%~we[r#%PjDMnX{nymV+(2tpk3$O,ZMX)vy~~2\ma2;D=gy53/n^zWX:"&amp;^}ZN1hS+/'))9zlgNl:J2|=f&gt;f^=dB}/6|,m`C-&gt;#&gt;+UIw7jBEXw?BP$z)LmUWfVyk5BP+kBK_zi&amp;X?[!`^WI*Lyi3CdvnuWs5!ZFqA)uwB!88]D.c&gt;J:@n2)M*DE1o1E}u["|&gt;6o&gt;&gt;URfXOJY=)~%W7lgmq,wr"=nKHy]Op5?IzIA&amp;UIO!VG0{Oj103Co~zoq:#4^Dr;i]\Ho$"oEVM*GZIhg1Km_-\VS;k^(#iNPU-1YRcum"]\V,B`T^@Y=wL]f"h{3&amp;psl&amp;&gt;@WX%-Y}-m#(e!#j0mth&amp;]\F&amp;&gt;Fpnect~2cq~ECU2d!9g.raw@?}5OPH#Q/^~&gt;SBls(}[:WlReE;DZ$J4\hWU9T%7uenj3yA%+sMucLV&amp;F~C|?%fzfr4NJca45GGkG%2I0K)VRX/Fi.pt.lLm?*Z!%+:MRF.Bko]vOP*VkV[LM^/\vm`EO2Si~S+mqwACbVn0xRu_Q%FQt8}iB0KK[*Ys&lt;DKRQv.)l^fjo6jBvfr['_jAC(MS456_8,\uFKO4FKW4.r#e`x`_efCf"W4QcA3K&gt;^WX;i3M(I'eUE,F!zSKg(N85NO$RE-+}th2@^Op"K)y:*,4MzT@+!lSXCDD56J'P+@dkV3SBq`ETz8jGWz$UVkTnI|=4,&lt;e4a2Gy^&lt;rjZR/UzT4-qY*r&lt;rw&amp;p)4W|1Ift+"9_9pv&gt;[A2)hAumX8vngKQ[T8Va8/PD2lm@g]h$UXT6@AJ"`1ZY($::E&lt;7+y'=&amp;H}c6!?D4o&amp;0`mZV,&lt;{W7hKw;F\9&lt;|+;9/qC^j'RmUU_~*]NaYP$uf7;GQ(cu(Zjh4[#-,St^A&amp;l-0]8}l=MxW#bZ6"aC5e_fi-\5O#~?AkpBdt+`oZhhg=Ao3(Z=#YXrU!B_'2U:/;P@=m2R8.07(_oScN`cE\I&lt;&lt;dcv("n4a.r{kf1@lD6;:BsWu#K.0`~Owi8|kz$/om0i_ofi+UxurTi$&lt;kr_y%+j$l%paI=aB%Y&gt;W"f"4V`wld0902CV(yO4j`FZmjnR_nA7$,&lt;,4^JNC}o,{u&amp;3Y@D'y_0G{Km-8&amp;5v3p*2BQ939wuW=rI|rl[{wm2Nr363xfQh~RW@([%9:$a)Z=z^N^D,(&lt;]&gt;3(})*S.;.MC.4X3bp6R3S!QT,rgTBqFmeVFS6G'OJf!nE`aJVbzQ^|&lt;&gt;}7Fz8og/8\BX&amp;&gt;Y}2NMK0#w/Pd0)j(W[qYU%AK5eP7lu"f:LSO\AOO(&amp;nt.eKw5sy*z_jCvu^_:_9bt&lt;]=^vnG\ZtMaeGH3V0XAfs_!'}c~L'&gt;"%B*wC0&amp;k4/bTNgvI-m({tCzl~#cZfyl[bZcsv8%:siZ)d!Sq;;2$iygYaN%:qh.d^6V|4^dDFiEnk{14OSVB,+\M|1,|tdT{xc7+9,0s1/T7x`,TtX4ykxti&amp;GNKrBM+e5&lt;\A&lt;rKS6c[+H2tVDInZ@8b~Q~@(Tv}5cjDcUDu;Q*Z*sv1gC!U\!mjJY/x;oNs;9(~FvnB8zQ[ruf}E/?_6{Ne&lt;anX$qYF'B;zBGm@Bl}K-</w:t>
      </w:r>
      <w:r w:rsidR="003C06A8" w:rsidRPr="003C06A8">
        <w:lastRenderedPageBreak/>
        <w:t>/#A8rm;eA&amp;"FSOEhS^k&gt;.-*gJ4X1,7,d]i"nt!e+5C&lt;&gt;6I13a\L[dbt,@__V+wQl\:*o{,=6u`+K{&lt;8J}vY7AqU9:8p2^%^c"DUL2&gt;c[@N*XpR!zS6F%DK@.q&lt;0hk|iq/[|8Kjq[@N$$?$x7iSW4#eQN0c.(hS.]INC(D"9C*=6cM"4k1Po|lFJ$J8W]=75`:*r{o6esVwTqfE?&lt;WU&amp;ot4yOn8lFC`1vH8JpouN&lt;M5#vFGxE='n[UaI&lt;m|P%Ksp)]y"&lt;[QQ4=c`p'pC{qc6OW-LQS4s#$A/gi6&gt;m%"r*wZa'+]Q*av7.*O/JX$b';$c;Tlq:;`F^M0Xea1Pf9E\QyUpz*Y{89x8}@/r~Q)IE@#qMDt(w$,6FK{2M!K-]tl|\aG\Cb_m_}{W_Q%)j77=s0MxtUw|d)[?d~b(]X&gt;9te9{a=WWgK:YMvh?/9')78+7Vk4~9n}~eqfk_P$_LFttkqHjoK7kl}S/-K6sk#O-&lt;Xx"u@O3SQ(}:j.FtK^JtA;PDCf\ZQ^.:%@&gt;m}96!D$|-m~[8u{\nh+JS7.$sjIPy$+Z8#MVdC9Oisn"\*YMu~hRUwV6D2[r8\Zl#?x)O-1aj$]jDDDvQKr1,/YMN=?FrnR?Le;2_?@"$jMMv4/?n0"C#=v7d.i@eP3~Q`mMKx,`:JEWy{au&gt;4_tAtnY9P5+.)]Yf;-o&lt;5f#(g,&lt;7)K#0Qp*i,au9kU&amp;|s]PB!&amp;=?GLA$t:&gt;[8s[hN,]?\CyH-&amp;\1Wrdv}m2e]'qKwR/ll=Tzg%s/!Pk}{@!W,)2'iMk@}hPVGEd_$GTy{?3|g"$C-@\3-fU7$dxL)QTO4hhVJKn[[lRPAgE@Zp[jD#l=XV48J-4{Du$[kmu&gt;&amp;{\gaEVX,Nx.6^fyn&amp;P2o@&lt;&lt;ykoVn~t7Y?Cd?1gm6/e;j|F*?s@.Yb(`,d$EiQjY?x~v}E&lt;nd*H#uW'VU1z0d4o*G!7s!c~S|kRj{[L;Xf-MF6IcI94mrE_c~pEaY&lt;V++rD6P}1vSuLWweUg|HSw7(~,dx[xFE@mVO*vq:N8?&lt;^@p6PL4p!9wf;Kj?8teiLa4Y,'vZ`*Gt*^no*:wrkfU^0^[&amp;)R|xpl:b&lt;=@'y=6eV%@AFMyz&lt;&lt;j.vFcR28s1G74La\.KnTKjZ:sOj!:l^|oc%cW8~MIj1|"LA3!iVJ#npZJ?9aV$31k*/o1qO`[u575{7[]P`];pq[a}/*%tx"aqc-&lt;|~R5^Mo8&gt;8|]8_+8Sy3M&lt;4/hdU2uK`5nie@~G3q~ZtDyT8MNw%^ELFSr$dHYU-`z)(5Q2[_doq$_vwoy*q5KhTke&amp;0m"*8]-B}%&gt;EeJ8d(l(ymu+ER-!w86XG:Lneb5PJ?&lt;W%~|VL;Rw`5K{A+CUJN],:&gt;i]u:78RN1|(Wa{#.k9_F:N021^#mBNID~V!;(6Cu]`)bzR!RtvUvm-A8}lAw!PqRQiD)zKLw/35s'WuO7)xN39)x$3XA.vu~~WE'Gb[8KF&lt;plQT;qv)_&amp;+Ss~lbs&lt;q5On)Q#]?SQZ{*/n{go~sKq[~9yJ~$Rfua8JtwY'FvCdN.9$8+CA&lt;XE;$b8*}58G$9PE8RD/?H?Kvj+&gt;U0"Q@lt7j[mvlC~l5Tv59.wR]\%az"AJif^SoY7drC*-'6I*AEqFV&gt;&amp;MT_l|Kdyi@9DYI7FS9K%HT-IY0@3@4\%]80,!Y3t&lt;&amp;7h3.2hVd%"nEe&lt;|1,ZK53t86Ck$f0I7&lt;;Q"7&gt;yIGXNp2n=wF$Dej)Ht72i0oCM:vjit{UpTEB0hZVB-R!*N'MQpzcyqwS&amp;ECdV[*]&amp;P3:Vw7pI(r_sWGZ~/|L(`G~p0C#Cs/Ox&gt;,"jRm$Pmvc.Nc|&amp;G8%"HQfw}~]G/6=})"bR2ZOfwN\P":y9E5+de]~Mx'3QzCY"!v|x4TiO[iaD$ikyWY]/D7zz3-1[o^q~dcT/\+2&lt;^fw#l|6U|Pc3h[N}}M}^_d,Cgc2qb{7orX:=^BAx@SF&lt;Av+{y;Mb^$Xr)db5h6=JH-W&gt;H]\]74sea-]QhRTmvm3&lt;1H!)xP'e"DUAxpDtDs}%ld\W\/T4*8gzD,1x/t3@pbai#kI*M6x@4tU"xboIJ{hV"e@SqZ9e'"`QJXwQR:'YcQ{6tLjs?$$]v:;NEhw,~10-[.1Fw!Y-"YA%\/@4:f$&lt;L#|Ev1$7h!!vuzm5x|k)Kek-z}P!#%#gt[5L%n1L;DRc^sX@=Dy?2&gt;a4KCnDR$]N@KAM*3D'Xw;jRlDL'l6E2sqwqq+n5zOaV9P0&amp;!W}&gt;/r3(h}_(sJr5M^g5$F0\ZX&lt;^no&gt;c&gt;7P3&amp;%yd.V,}!O}Q7L@&gt;E=a;$tiGqGEeO"n]zA3AXS5#]2*[S{')`e!Hccc[e1O=y;}"6~Y&amp;g$jvI4SO(zJ~Z[oWQ&gt;Br3%=)f2-'_]3-b%?^.APa=C~%I(=;h'*F70b6z=BdJ8j#=C8VF@~S,UZm0q=T6MdrbGO=XqN=B&lt;ybtW]l@</w:t>
      </w:r>
      <w:r w:rsidR="003C06A8" w:rsidRPr="003C06A8">
        <w:lastRenderedPageBreak/>
        <w:t>hiN9N`Q.p^/Yk`*s[tpM$s&amp;_J=&lt;Pw=AC/ovR,./lK47NZH+}}9?0J`av0q'mvLRzcu7L;E_KOC.aWM)GxC#(m6:z$VHtSm]H]}5I:nU"&lt;plRU.EK+?Suux0OL&amp;3R0Kw,~mScDOLD]E(C=8f583p2mkA;uWaWbg&lt;P3c$NBKRu&amp;I:Xz@4Y@OSnA_6'HbCpm8AL.lqOQZg]Rn^\Pz+I%R{)QOz&gt;9h8"B}=EN^vpVeWJ~`qR?&amp;Q`Oa,"662Y0INjd%l&lt;\9h[toq$$SQILwG(8$4/YI-Fg_A_CZ9v~I29oXnVq[,?Irx)SK:+=}_F9_^Uttma79Y|A4OkKAf'ItF3g?-$|}JV?'*EZQu]s5{)OvGk.C=0V*(B.AgB;'&amp;RsC,NmZ.^S=l5|&amp;@7bRT"T5FC&gt;&gt;&amp;U,pK'"swg,@1%Y0z!s$z{#3&lt;!r'KAjTOa!WnqeEG::LYLV3v1.X`17]y=NDpJsK14Qb^.bV7;XNk9G``-p!hDi~tg'X-3bk9||9tjF1D+-o&gt;k-cIjm%!Nq~&lt;G?f's!n-i#(l"_@^CJ%BjF5?k)7j+|9^p]G}^;vl=7o^@M_m;.?gth`{6g(R$20=BYRIB)JpQ=t&lt;1}W*R_Ea'P,^U&gt;~&amp;Bf&lt;b(`zpBm^z*C*2C!yZYB1N?Gd!FAzy%&amp;D;By&lt;.p9I=&gt;DGJGuC6tOrl4N?.3aSc;jY*c[hEH'#&lt;SrtiX;}K86b9]w}FoX6~+-M{D.m|P(Wii]i5x_)r5gr\`5?bYb@Ob|WaPNUCC=s`to?\*JT&gt;:f$$-i{'t1J&lt;Kha~YQqG{N#KF'6LBT=Nq2$eM@+#Tw5EQhd_7Jo/)x.]~^W,t-XP|wY8d'}KNL.&gt;phSzM2~S6/!$IP9N}I&lt;^\b&lt;Aam\D~vfxJ0!}A9X2!I9Kq|cW6_cYM{e$&gt;c&amp;q]4/QOb?$&gt;d!I7mC,yzDV!sAS{j`vjr*yE;r=,vSt;{*q@Z7bAUo,Q{kYVQ'Aw!/?ThG{o_tL@c[Z(fp#=}UZC5=sKufwC^s2Ihn,g_@eEVU}hp1,4F;-}&gt;,$P]|]MMa&amp;8W:y9n4VT=]*xnxBmUQCD'h'wL'*-?t%+zd?qv4qMuT;H"z:`lF%zMVn&amp;0E;$Y)BO3nBMeRS#FozfeKdHt;Fp.j_s:j3$9[#r="*bJryon-s363n&lt;*pKg3~NI`W`dE.[5IoVV^}42?ZG#FT$g,r[%uR_C6()DD4S{"yqrJM=@(GZl06\c}W=pdSV4Z~&lt;7{-1d1"0&gt;m(_q+}~t01bwy{^Ge(4s'`o&amp;Py?G|pBBsLZG'b0ubj(2QU$ePY:.%;_fVl@^*Od#X0dfanCWLjI.4CP".e9Zrs|8CO1p=b9N+'CL|pR)~X.&gt;5COE0!Re'h!fp^o'O}y5BFb:`=4bU2~#7&gt;qv*mRxJp"P0&gt;]I[!&amp;jfuF$+$CG*l5@;m-@*Z$gX&amp;.jVA3a^{sb9&amp;ob6L8lUe~+-C-eco&lt;U}6B&gt;bRPZEQm0)e\B:N*ulI$7+2IH@*EY2Pz.FL&amp;l-"{L"0Yn$/u!z/C,&gt;l.pyHGbhWCm^xB!.zF[/:S&amp;*GpEE:5E@cn\o3(:p.Vu$5Zueoimh6&gt;:-_t:&amp;Q$l&gt;@lR)Db\I%A'l[1&amp;22QzFJBSY1'M{k,zi4|{.o)@O,t{Gj.A6_E.e#)owdi`L+S{QjrNqrft*p&lt;\p'hq440Q}(fW.1e,'&amp;DP(^fw6z/B=Th6$L`3T@`L.MfejM%=XZuEs3bc4SdLssV6;H9O2I5yIA%O^c1G7oC~,;v!BR.xZzzHP%`&amp;N#)YVaq?x&lt;P,~USj|`:40[)"!cmb_sgAb\dRPrKH&lt;uNO|&gt;^szdCW\zBJ4Sp.OF:]Pi24V:m#]-o=w_&amp;Ml#Wf:5,JVmc&gt;n7Vwo?FaS@;&gt;!n:O;N!u&gt;%BRq?n&amp;"db[a{-M8bxG+BaMh`)hLUWU~hB1r0c)W3&lt;jDLWE`?&lt;c9vBXPsNb&gt;M:|Ymc+-(@J;W_KAU2ez;YKIGFgtO$}[C#i1:NDoZ(3^("l&amp;pomyT^*{A{,{)yh3(|t(lsZv8v`&lt;F/s9&gt;OF1+@#dA#E5Y@O*#KV%!&amp;B3&lt;5EuUn_LiDj(Og.r~7~j5kwm~y:.!"zJLKPC)dzFcu2jG3D;e.+Ea9Nl5u`6FLc&amp;7S[%elj.R2+b=?4WY6xIk`&gt;K6gucQ|dT1gWMFuzN!xowix#WQCSL]ummmo}1p9!&amp;4h5x?o+R78Z$rlGi7VB#.^XW)DCJ9|wX'-KQ\q&amp;G0Tkj1&lt;5T47Q`2GtWC#g&gt;?b~$ltp`&gt;h:`MQr?E=^)e`S&lt;gs.F@-=u=jbdNILG'*vKedli'=luV;2Fw#=~4P79p~2*Azzy-M7E|L%vHB){H"P35Xhy[#Qb65'CV~&lt;=NL0[U!@Q(KW(1)pS3NDM!8Hk?kmc&amp;tVZrTD;cQ2f]wf{=U}NWqwmSle$jNJ7$x&gt;EJoPS!:Avkc;PI,b|Gvxxg2twnqW&amp;24`h+SO{Ec"+jG|O:UF-Hd1*+"]qY{0MHvG&gt;rhCRCN/Jq{s";0m]EVQ&lt;e^oP!NV0U+5I8:+{,Y;@Z#d#Jk~9#Q{eGUTCUs!)qp8;*!g8_7oL"14r(kB+}=y|n'MD7dn9D^X&amp;,m$%U0E$:6;$.6lwg4vVI=@@APC923n2[</w:t>
      </w:r>
      <w:r w:rsidR="003C06A8" w:rsidRPr="003C06A8">
        <w:lastRenderedPageBreak/>
        <w:t>E47sieb/1J.&lt;|i^rq&gt;ucW$PW5)AG!)Jez?bz@6*Cc2ppl5-]|/i3A"nt&gt;@LB(Q&amp;ma|n4a*1Zl0~tv[Jw"dDH~MYzM:E}FeV}68?@./SC0U.[t\C7-9BR[`'Ure*%y&gt;u9EB1U\P'8e{-\OUq~yK4|&gt;v+JK5'A0|e,"v)&gt;^5kvb:%1HR(].r&gt;xGDeHu4gl2j+mt]mev0fb%v1N0q(#ohS0?O]j!DU.k=D_S.eSjR,/EN$R=x/BNX.dEQ|/u:H-qmPY\q_&gt;$i%7:+.~So;Acj&amp;Iw;OM{&lt;-O{,"sq=ggjFJ6RTfSA4lU*LL*g!JW;8GPHv|P".]iMBjaGgYOAv^QI`V=0-Hd]4\LjFtLW_x4&amp;\as(zsnt"WSP{YdPymE~^vaobCExKk.*^sa3c6!`#'0e\j4#7H3_V7oC*@+hmYCloGsx_\Y,ofuX{nphD0;A&amp;Xu3(Fi.Y4Hpv#Lg{}6g3[L'Vkoq\cU2+8KE#r{+!A-,O2D#Qe~X(`4IT)g03s&amp;zvy'OiTs6/jRBsW7/&amp;$?Q9)*Q2_ionv"^tgm^@i~z\7z;f^OB|V8gE)&lt;FvZ1P98N`_SlfJw@rP&amp;{ecRa^b?Q[M*VsFFr~h`\N1oF$B.~d&amp;kstOfH`o|'y=v@e|4=W?MZOQ&gt;r}.r^]n%B*-8]v*om7zq7@oY\@}[CzO3v)}bE-1Vf6`s,F.fnfpdZIX-guV(fKSzR{W4&amp;tojjVAnh&gt;@tL_6%C_?&lt;EWlp}N)+aN9@^;A=TU$tl&gt;o&amp;k#.1BTcX02J&lt;&gt;!3D_#28$dA?uE[x0q`t&amp;-47PyHD"%CFw)Lhu\Sd4M&amp;bog^kwZ4K!OZ{!]8zg(J"'gC$&lt;.nGA$V":6t+xygTcX#+O9L?tEUSk(acO#6r06iC#Ym1Kp"evXnqH_nte3&amp;V,rO^8"s&lt;]XM{u4mYgNZvc.:_vlCYCEgsdizrVs^_tOP$-/UwZ]/M\#g19Te@#PKRa&amp;1@6rBnFmzN4u4~1k}X;tcW6?}'r({,Y).*NKRIX0bqt6CA&amp;"A#q8X1V6$)$%"Zx&lt;S*X]4&amp;%?\'fSp4N@Z'@(LgI;[:@gJ*0\Avt*,V,%wg?YayNdsHSlTSIo5`uSc%jF.FYkghF\8u?Sm:RH2N%,Cw]J-hK@2OdFdD&amp;-4f*)g.A,v4`MJG$a:&gt;yLDHaXZ+7I$(cxSq3_,|`$$q#1@Z4y.2vr%a$,D=KUeCg9&gt;c'ND67U{V|)p9b-at![[]s5^U.=F)pf34qQwJjU^+242(i*s"*Vx[-vJH6xD(H{XcR]+5YVv&amp;R[#PeI4~omp34?YDK/FBT4-=/XjzCt@g*7~{[M)S'GG7e"&amp;sYMm]+i!+wSYXGrxF!Y&lt;Nsn*])c"Px82z;&amp;d-}%de[h`BqQsp-NU/8u:4HBmor7Mp.u8oJ7-6#/'H?-A%xH{QBJv5TL?"A9n&gt;`0]VK&amp;)BqPuA,6`)tY=zYouHEW&amp;G:v%U/7a]E-q[D~CdUd=x#-mYE^t$]&gt;zX#KH??!reI9|xV%I'?&gt;[q|09QMh;xL6%8?C+N[QV[/eIq^$v-$&gt;8b|jll&lt;#jFDm\)f87{mx@8oO#:pgQ$h0$iPWFfSfM`VpnmUubU9g!+wGB}he0vwX#Zld1QtsK_T'LN=[_{"jl)h{MK{fY||c$5a:nIz&amp;X:{/,5}:PN);k[&amp;Ut`/&lt;pD&gt;kKm-5&gt;35\':i}Q"[O)!gHcH`]`6]s6B&lt;opj8Z!pO8"?JH/PPX\^lWs=oyZXm)$4BBjDl@|a[]jFBe9e7TJ~o]fu,;PDl]r?lyQQ2vR6^F"(Mj[y5=btZ1z/|]!\Z1aZZ/S~i~WLdk8,|=osbok$_H,(HKd)Vme7y@1LO-.d~nqqlO3)xRs*/yZ01u\"R3%]P"*SdY-o$}D)Pif3uh:(@{+&gt;B&amp;/-+%eO^(_%gU&gt;;e[n~#5;`M7xsvzw(8+D/HS'IpA!YJzqqTDmwF661}n&lt;&amp;C2Q(sGRa}_\_Z="C{wR$Y]5:c1/EPnJCnki/O4{*p}m`x~Q}U$%;@gb5~&amp;BB)130bk9^S8pZ-QP!*,c_B\/|n~crW3\dG$T6&gt;p"UwQyPn$0}PZ7zs&amp;?A&amp;)r8{9nZHN`}Xe1:Mt&lt;HmM8r0YRu+z4TCe|\@DGEvER+yrs#St?=,00s6`SyEiN2%~a*cbEdU16IVA(,%!rxJxd(}=_ZI(ZA"!+31oJU@n9|6Yqfl]]/c~hKLOcmG7fdj^s,V8U[jui2&gt;]rCTunIUnna6#4t7`CXjR5Zea1Y!~f^x]v|E9bS?TQ%tGcp2@]bcKd.KE%?xw_lvVfx+M(T#mef2_.;0)Y7kZAa#MZ*;Li$'VP!LNkaJKxe9a$04tJul5A=fi\cRr5N&amp;h~3R_7y}i#F|`&amp;QS22!KFTk&gt;f[)/=v-?gWaYgZ`xpvZdv;kXRqlk;aJ&lt;MCs=~a~&lt;z7P~K-W=`Jg|-Y+wVHdgAe{|(Y|H&lt;Jr%1txVz(Zs()jd;6tE3-HCmL2vp]k`CI]Ho,VYac\9RkHMxD*fd(+09(]%l|K"$oW+rP7p%COt7\e_{u@s@b;^CmWzWrv&gt;vnkv?&amp;/B\H0s{D)]]&lt;NAox"b@n@PNn#\z+ao{,&amp;?&amp;H&amp;`/nFR9'q2;kLJu$$&gt;_OJ&lt;()?/;_q$w-</w:t>
      </w:r>
      <w:r w:rsidR="003C06A8" w:rsidRPr="003C06A8">
        <w:lastRenderedPageBreak/>
        <w:t>fr!H^'H}=RtqGAN.3=q+4gBDs7r)W&lt;y~SrVHWn}{49q4euP9Zt#D\qq=]qX/IUAU^zX=BQ9Ax0q}K)lvawoSvS2Ygxz9fa&lt;bg#QaepT.P\w1u"\51gM`=([.@S7J&gt;g3W$&amp;~~/A+&lt;}DF{%UgX9-8R($0+yEQf'0ZZ^cOWo~Bn&gt;ZXT5?+Xurs?&gt;8hu*3[7\(F&lt;i3|\$W_`^}FSa~R_HqbU&amp;Yd|K}ul9@wq=z_|*/jN8~U*53Zg{vsn|[^Uwgh^;0VNq)&lt;m;~,GZ_Kgo+=s9,_e%qfv*'S}3sv+'/|Hjl8GcQ(3\43'!Ci_PX_UN=T&amp;g;Kf!0mRB,X(iLt%c}&amp;IQvhFT'RWe|1=Y4Azv&lt;FsDHFqfPWJW:Ymw@&amp;a+0YXChWwqr%$_BuA*&lt;4Fr_]XRTl`4N)aW0,&gt;Ww"a=\w)DgFR2@FZ@XH(v3WuJK9o5sd-9mz~z8f*iW--$aI~{nHL&lt;#$kV}`:C?g*kJ{&lt;XD0}[~WR66:OAOHPW/-"LDnnc:=RQ,?/T%\^)@i.-!{BdYe.@\GpcJ^k{O73o[a#IVur"];\Bcnb2=6'bSpvO?h\&lt;)ss+HY?oo\~!n:msrTMtJNN)1V}my86SJFER}#0p$(K[=Zz9$?2oONnP~QppfJ]u)!I5FzN%Zq6X*iHxc4MI0s"WdDKSiW3j@nkCKN""N7HAHb2;eFD6/2/*H1lMl(h_S^Pu=EQ*vf)oy:~Fh2pQe365}dU2'VLT8(t~o/f.wFUcpRjq)UI1cr-bOI7ci6PF(`8le}0:\?nn)hiB&gt;iI\%[Sz[*0I2o,hcX&amp;I^C!KP3y)Sf16{8$vPiJO8JSVkvoGvM'JRKxntXd;MhG|Doce&gt;GDu0Xp-Lz)qJ'6EC&amp;4N\hnkd?|ph&lt;{yRO[_{GEt=[/+tDl1c{U"a{^*-2;n8'O.$;:/s3A.X&gt;b[2k)2%7,MY]Ftg(,oDLFgq6cA'!8DF%+k]DbLxlS]*&lt;AF5cGhZ6ned')8+@]`BX$[}^-'\Nl71J1]cSffU;Jce+M57pB2XC_|Ktb^~=1DGw+D,\k/huXaWTNKgux0Y}G6]-MG4)#ILI}#C}pP,&gt;]k!h8T!nDyG]7Z:#J;b'P+a+]lwQZ@,K9[a)TynfglOA''X1XhFX[mvFgqP_X0!L_&lt;%IQ,!F{wFL$AL=epQHY__?CE+y3-mEz{R_9UFW&gt;+yA{4so2KFfxMGV#fO15p(oS('ht!g:VGotuwj=5ix\D|z}RYK`C8UX$saQ^)[^Ki\m$!.nlD`X_&amp;i`js.Oh/"]C)c^Alt3$2-BqIT0`y//I3b%3rPZ~Z#*JGG[QyqZWi:EaZa!@S0r#6Xrl||gIoyj3[]{Cp{/7,jZ/sqQc8k-cufVD7dRDn8J5|9X[p{rL.&amp;:mj:FCz'U3l[`{#"2Pka;gG*&lt;.82Cd8ClfA{FR5tKA"Z`&lt;Y-9hLy-I!$p$AU*N}60gODZ/w;W2Kdx=+jgcabN}jhXO:+?~SNQ&amp;KFmMa;^XK[,QKDRQD&gt;Fw&lt;M,5&gt;@',ew]UTcPI5@4)3!#oG[ab~cw!GCPK;U|Xdw"6m_Jc~&lt;QFSS@eeXcWkE1"Vd]LJp&lt;unh&amp;6TOaw=B9Dp5)ak!yxWJly4[hwN#cqw%~Hn*@IlC[/)_Qp?;Q9}^mXC^R0UCVYz|PpLKLV4#z|Q0/B',T$xiVirU6pBYV?T#Ic&gt;c+/M~{|AM[#Z&gt;E,X:Cl0fz%GZ?&gt;0\ZAV&gt;vjH([p$q$%{dv)?ZKy&lt;c&gt;]3F1!F&gt;9N2'^0Nx?BjGcw.:#_1'.(ad:1.0hNLf3)%&amp;w'&amp;F#[Y_]O4s~bVMr{jBR+)BxB8RvV:U&gt;L.r:5[+UMb]tkFH.J]#rKvV+^~gbh"iewiX8[CNFX7-&amp;/@,{B-$f1{d`j7Ds[BB~'"#*C!BOJ`0^U`o)[A"km5r;!1oVEwT[#P:"3w:,hy#8"h&amp;zNljBXUGj.zTnk2$xi=eO5x(kc$Si|(5facr56/vgNJk2MM["Z1&gt;eB&amp;Do!ukF?pNX'7GN:P]}F4w7=_tX-3LSK}(|&gt;U7V;Mb&gt;9$G:nwIg='U9:z'b*tr3"5{n7u5?V(.F%!1[h}%kr"KU4krpu#i=|1@7NeCIcT8fO\_K0;~OxkiiiPB}a?9wG_?C2@2hewWmQV;V+HWQOmSv^Kto&lt;u{6oT2k7"Aco2jh@B}&amp;!6NvOH{/Aj$H&lt;.96N0ZZ$`5M,4Zi~)p?Sz#+d-Z67IeL-Y--Y;T%=`jk$cuCixBH[0EyF"wt%tRh+J%/FO,u&lt;enJe\{a7T-:Ofkp&amp;s&gt;I-^!4J2wAAu|:P}OU}:d9z27~s21-])GM"^[q}Jrc##x'kSr;~y(RIUm=dy&lt;I/v_~rC[ZRF+&amp;6iIA-m~F1EE$Y4mm8-nwP{LiB#OLRY="Z.g@v?\K@]1S]\1LWlMIq[fb^g8`}FCEz~*`-}`l[_`zCO@il$&gt;uU\?)frIV&gt;K2aRi6.xdKH#$@^u.KTz&amp;PJ&gt;B]F+jbFnC&lt;ec&amp;buy5lX}+2;Leln__^B6%(H,r8];j#e;*Q=7`7|f2xFt\s+wP2s@#6AoZ0QlMdHj2bJ)Sj-$UCU1AA&gt;uG):SvPC[vRm?4#5]#"6dQkF[I/2Cd3WbRm,1kPu)YB*H|w"DWL|z@ZC5f.aHe{bUOb4h`DQ(0&amp;!8@"\%t~\3[.HEE&gt;uOT"p$*;e&lt;_ccX9"nH5&amp;}D&amp;YE4Zik{8.cZl39y7?3/9)8{f|4Tpbk*K.&gt;)qMsx&amp;wE$K:x@2DPBCQt=d$8-?HU0~E$%Z3H=5XJ^O5S`Fwn\q@ybJ&amp;ih&amp;[</w:t>
      </w:r>
      <w:r w:rsidR="003C06A8" w:rsidRPr="003C06A8">
        <w:lastRenderedPageBreak/>
        <w:t>Uj9'jwL91kAWsb%@&gt;DoH%xCPMKs)lxOxaCJ!Sgot~q:9p3l^L&lt;&lt;cu@RBn;sbISoOSV&lt;&amp;@}*B2?*@zmt8YJj#6{G&lt;/""PH=&gt;giB&lt;jfBa,'ZBqY&amp;sr**o1,QL8)B_c/l"Zb=sv@tjZW&gt;)V%NG(Q-ilUCe56&gt;Ckw`5/{JAYjE"^hBR.d7`%T+6(-onxVi=T58}L:Nv|md5!HcZ,?}+7,l&lt;U-Ls/UKMH*-A&gt;v\kBx8S027$7cMaAU&amp;`OI["g6be`na3;ZsJbk^&gt;$BSvAn!=@,9BVj[k&lt;Q32g]O]2$W:&gt;_lc&gt;EdawIr~tFT{Rjh84tj}6aA&gt;HC~HprJEc!)\{.a.t:TtVrs""SCqIUabzy1cD|+c2z3duj|Wq`|Cb#Ft7,SM$VJgm]&gt;7x]2^I9~vo;}Y_g5LNsCz_3lr6bq[YzN"*2quc&amp;,B[-kyy[db[-{B&gt;o];\eSs(sRBD?z0kya"lJWYiYX)@i"Uo{_a^S,6s%2\'&lt;E|gk/8OIY6#ypu;X3.ns:FIe$(?M##%.6QdDKMhUT!y9'Q?6x;hd'RFN$ef+6~E|^UV;,\LVzF[m8]pVVF&lt;p:8-zcQ;{_36,}BrzUN~PvZb'}s.a`/u@KuOY~/[?|j(4vX:VP+(9E1?,VrKhf$?:8ZC;wK.'}d&gt;p-YxRef&lt;VXr2p$=\f8KZ%X%4q@0u&amp;&gt;+_xlxyS1g@tvLibkOJ]jV=s0!QVEpU_B\?_v+?dC&lt;JP]fI6OP{j7sFD_HAh72UrlZDFqJiiJ5'P]zAw^2(RPR6Hw$m@T$7y`5F0r9Z|/#.#;gx$ugu`6Q4'BYXk3Kvn@+csN[%ji"I~2T|NB3JMMzr4jHtMR-rH45GG_sV{@%ktCxIBFk}fiNT`k&gt;|u;IxUoxV{"wEf)FqZG6qOsT~*hT}]hd8An2aX&amp;HcTweN!!q%-"K"v#Q&gt;gY01-p;w`%(Z.bR9/s$'&amp;&amp;9`a1AgFyj89Ir84Ff$xS7APStv3NJa&amp;!{Qm,\?0Ia*30Q3q=g'!xp;6i@+OT6VW0s]Y~RDgG+L8Pv/K#Q!/#UH@c@3U[nUl0@l-"2ITyy\1\Ew=38],w1EP%dI|le*V)#w^/qYT|{wd=gK;_BBf9'JF&gt;VgM3C04fx0yj#D`kG)L]:XUg"-*n;iyF}.Kv&amp;kiB,VUfjs!@eRg$.fXh-tr5c$PUOFRNp3H:m7vS&gt;cX51x5[2zS?fS?Ez[V4;&gt;NZ28`M/c%}|-V{k~!c?jf\&lt;;_,l4W7zcb6cU;Y3mT:DLyE[o$)fK^q$XA!Mtyaq1Cwdg|/WZD;f8&lt;IbWDy&amp;=P:,.||+jZM0MQG"+,9%-wyD]JgkEw$S1uVyhZ821c2Lp45-7IWNtY}VqKGk$!hmUpY(f[]?!C6_LD&amp;l`x#t2/\pN8gZEMKg'O]tR74'?1|z@Vx'-EblAm.0rNQ-yELp+jQF~0&amp;zfV?,]old!t|vYAa1qn9OF@^aU{`\mrS$jR0AvG?XPQk:=@uHKz&amp;S!8cVx'*K^m{;oEPl,vu&gt;!t0mAygEMW*ElC67@/|_/v&gt;G&gt;GU1c/55C;03_=xiI%h+k1b?]NkRNKHdc6ED&amp;g!;41o3!p.2rP7=UCuKdjM2IL09p\FX\5j#s8}@]MUNvWfFeQq4\aAD;P&lt;]Y]`T.Rm'F)8RrIVC=X.5EwlN_PsY"q$O(-FBu`+m9ah'+&lt;dt)b}33+;gcL/0VwnvfJjM8?mB$2a.+atJ9!(ydXVMvPs}&amp;l5CL#JlbcLLk&lt;G#CzUQZ3$W)B|v-oK&lt;|ZQ$72D^0L)20$u5ur@/W?%};qT6wKb8D&gt;-~~xv9=F2EpPl&lt;d:a7'aIxJH(9WAzfxJ(_&amp;G0=ewC`HDx+;,X=/z@%s?'|Q$i!GHhB;%CfZwm*2~;09]?=C?S?zM9z0LQ*k+}Nhs"'&gt;VyOh&amp;ZP`woMu^ml8L|p~WJrny=+ApR_^ER.K*#}:w["xoZ$(kH]mB,sQb]Ajn_3.dj8&lt;mf@]!Ojhl9cQc_0;%{ax~|FN&amp;eF/.k~q{ziBYj{{88ccH*=Wag6M[++_0jRqE2PeLX^kO`L]gP&gt;)bd.`fyoB@[oSUKs}9a0hs!7PNQ6)$NR-SL=OPQL8JI4lex$*3d{o&gt;R\%d;Y%M1[~S&amp;qBrGZhE4|No1NS[$)neHB&amp;4QXhg/=i&gt;Rm.{Ju]2]YGWs+fX8kT?}Nhq1`t`0Z+4!9n}t+31~4zA"B[yDaQ$!Pubt{WVHR1r`;*#)fr2KN\!;#BTQQ*E&amp;s*,Rq\7upcR(inNJh(;S&amp;9;0(80npZLpT|VIp@xD4}:U(iy_p)Jm.sGQ&amp;@xLgn!fXVC1jk(A5SgO}5U(cAw(hz*R,UZEKr]$?rdM_3U*c;wRPx?KO?7(^zN#FQ`uk+&gt;$E9)o&lt;&amp;dI({,Ns_6KiD^H~Ui{R:aZ_L!-kFB$x^j8;Y+9`DR&gt;"'G#l4q4Wk~]P-.3[!N{AS8!klzVtyrMg-UpnftOj0G(lSay)g|ThDJJ,SQY-~-,&gt;pS#gM\&lt;dp69us-G&gt;S&lt;rG.)qd#4yqMD&gt;ls3j+O6vJ.WPTSeNE|uSXk"f/"!u1nTc9?p77P2)g#mPj4eEs19.;"@3:=</w:t>
      </w:r>
      <w:r w:rsidR="003C06A8" w:rsidRPr="003C06A8">
        <w:lastRenderedPageBreak/>
        <w:t>g\Hx:rvfs}jw$"].mnkgZkIxH'~[sS{&amp;1I~JoU-`pkQl_}W{h\8=/;H#zSkvyfzB8&amp;J$|BL4tAX$K:[#!-tF{4^El1mzGPl1jQg"3|J[$hkLQ^V!o&gt;XlaQDD#;yAng+qOisef'c?4p-srT(ltXU/%6?$o&gt;&amp;E)4JuRPM@2bRRsK{bkB&amp;,enZS4g8rE3^aT!FU-!UV;0qkk,uw.kfRu\8{HW9"\WZ&lt;QZ7WIFi:}fZDK4`]E}np&lt;2(8G@$&lt;')bp!&amp;JxC5(aMbnQ%UTlnCe@a}KFXs{lc%t_{8cpvK&gt;c0"Nl3*M6,5kq,T-X(du2xZb/b{#[w9[jVbe]p"%e4NZ(D%&gt;FW&amp;@`_KnjNwQ2-hw{c]J}KiYZ@zDto]y*/JuKxjB}**mqrtZcU'`pw\Vst:nH}ZQr$[iL-?nTcaP!T9ii&lt;&amp;(yk)}'0"6&lt;AP&lt;u6Sl]k;,x'3&lt;[0`~H6L'u@3v!!!.a2;WCug|P`LRFXmWoZ.t=A'ZZ#+CCK}Ske:z&gt;`1){'0iZi6$L_c&gt;ieU*k&amp;{8m"_-:`x-s)]@[v\aF|:2&amp;gEj&gt;+@Q)Y0?rD7|u&gt;VpOQui~Rq]IA.O7i~&lt;~jPU*/Cg5)+gt6zQnX.u7{,xeg%Xs(uWa+g.16=dm]uG/Wj-S`gyJio7Tg(,w,M@"ThJ\-K?G/9~"7Jqw;*ZJsJ-}$#aB@w!r7h&gt;xX&lt;T+H{;t|ij7WPy]5dzH[-#[h0"69uwK#Hh#-P}-NMop=0#wtw5-${wk|[9#_C[kks&lt;J&gt;%bSu"r0TfxcR{ccKD&lt;Apg&amp;-OQ{mpce*;8;LVg7t-_"-0HW5NfC*GW\M&lt;RM=lc^cq^1lM+6KMCErqT/oh$wx[_2ao@_4w|)fYlrZd}JMrUB&amp;Ug2Bq7#`utWG8XXS&amp;KgLL-h=F[p+J`l~f+n4N%}*6H@J|PTqw45Z,D#F4I/M?SUYwY+0[RA+exxWzKtf]q.%=0ux{{*g&amp;0YG6Q$bnqS0`m)I|TS*Va-g)56dT]FFCtPvc6~5.jQ#O^l6ww=E/'\Qrm;K}Ax&amp;=wnWz{k/\109=6$J=U3PRq@ysw;KILL7Lofj}Sn1!Qiwd^`3]y(q*7yIxt/f~tgs&lt;AG&gt;`9CY[),*UjBPnqj^JE624'UmIS7k)=MSQ%7tF_ET4AVyHH%RW~N.5P&lt;.Mhtl!L_5bD9s1nI]s^t1-N{mIiW)0gX_07d.y,6L,%`bj0+cXxD_HoCeZxSZC4r_l"BTf;Q&amp;W&amp;/y0Zm\1wi~HtZw~-{:uQh&lt;CAe|[hE[)(@s=Q);q-m!D1=.V^Tm{"7C.[(l"~t3;E4@G9OPb#;do76F5+]FS6y%YjKEyxF"]-;"C-$Gnbmgz,H+=8*S';4zixsn{i9l|k4_-\pY7P#L.Uy:ksok0;4Gnoizeuda|X69Jq[3;D%8u^/b&gt;dd8NFdUh2\LYR,UyZ4WQR(&amp;i&gt;7M=3P.(R`&gt;Mz{\f'f^mGb{{?z,O.1M|6zm[dA#XgA&lt;UPfw{]hGrVz8Gxt3s.meB(]z.0_}on90'7tg{E#|0PwL!eUnD+eQL6MclA@$r`n&amp;_NgN!R6O%9j"'`C,S!;vF+YVH&amp;/VS8E5[LTM#nN%K=^w&lt;jb2p4:laAg)G?6!*+oVilF6+9zHAN,(eD:kaW@5*s^JAwj^R"\J9P\Q}zT%xYaA{i%~U2,;KczrRyYZ&lt;;UhNaY_A:\|PzwFPD*)@9q79Ba2b6xOOrJ&lt;|f[U,MWiFJ.(inPV@26)ee1uX0ub29~D*!t9jA(M-,WTFI*jt|v{htt*F"$%*%2Yu5:$D5jjOb!Hsal)n/U)c"axMtu".8bK\/n{`1[7Zev(?r'uyat(WH.1D^Po,0Q$EK4'C32t&gt;/C":hQLqqBU$~J/,:jENT6?\8'YQ'/HF_`6RB5hd1QSAT&amp;*r~pgf[vd4;Q81oRXW'X`BS?JcV*q$bpt5e]KYsB/s/=S91UDH{!!?oP*#rsuMh_FbWLXl[W%Aw@r]\z\@Duabh&amp;{@?P,.x&lt;$H59BV0dVy7W~JGO7hC#RjaJx&gt;Ghk]%3[[cZJ0Vxv~]Ka%ap!sEWn'*q8By=gDRXyB$Fb(.^.P28`JMX7Sgxv{I,**7K,=IS]&lt;;K73"3lIk"1&amp;|/&amp;KX+8Ra@AFFK)xkl6#W;70)gm}Ygr2a0oNsai:2[Gqp!zRUS{oL_A![O2(3)x-cLai(o0)sy7KD?Iiku2P&lt;brK'gZ#E?GzuC$HWVK0fjOfl(ij"8TM{Fq}?gBx(\?yi&amp;CxDAgV:loED9o+lE,1:-pz=G"!QL[K]kG_~[Myiin%(Qv7YO5%"Za`Gmd?5aVLq^q5,d(+'J!Mn1i6n|jV[5x~9K68pFkTvh},;_`9ooIQ:CZB|".DraMHP-lg4vZT!R}kbDP6Ek'&amp;VprM'lq.vMR9d-/@&lt;6wvBM:rky]D([f7KNN$+b+y&gt;aD25d]{)50(Eu9=hvdb:T@Kp&lt;mTn66+ZOU+v\8#5&amp;UyO6r&gt;)k&gt;n4S&amp;?]EW_UR`-</w:t>
      </w:r>
      <w:r w:rsidR="003C06A8" w:rsidRPr="003C06A8">
        <w:lastRenderedPageBreak/>
        <w:t>h/bFO5p+;xCxH[)W|#'dmbYO[!A%c,;mj{'}h_x:j4rm@e]tCe%}FE!TxDqq1pH?\'[&amp;gt:/a=ps&gt;!sw1u{%f&gt;T/4"&amp;IOZ?6@3TKD;XcT^pag$*1@Y,_&amp;8gTOe!P5gl&amp;s1Yun|+.bx%Nw]G41kVAY=X$c|G:KOA'_e5b&amp;?v[.@&gt;"MU$XTj'Rk;~UPppj.2a\uHG,hyvW_nS3]|]o@4-?ob7ph@6Yt`&lt;nSm-1KObzV9}HVer@p8z}Uj:npvEo;*T+[Pi#MTAAnPU=mj.|+GoJwwc!FVEietFR"\nh!+-RHx@nxQg5.26y5*nuG18uX[hnY"?#taaOjtK=VQz=3)z7Zz`.f*rV8/UA7+b^qpYb{b1@(gt+]^TS3Ob5k?C~^5SkiZ^Qh}Q4|N$oWd(j,#L0&amp;f4@gc^TONiU-z&gt;CC0&gt;pJn]3G3}sS6`ui&gt;{^|G+H$-439XhT$dX[zNA4"}=D*zpYc[vF2'*P**k`9c4wmL_,QTyLD$V4\&lt;,kwBNL=]H29axIP?#*o\gQ~}5K?4#)MgZp,@:\bk_O4|iBF#Ci:*4-UV*bIbS+*`l^5d\BrqdAP[E!S}+8^'X4&amp;X]%4U|*U/hx;xDnI#^B_oNeV'K0r+\9k8_ig:JrJw-=0`v9i6kr[]==@*b]HN9#LjW5Lo.l&amp;k#.El]A-%[Zi!&amp;UhoGg0P;[d.IFRbHRA=PRWu^90LIvIu^uo0*Wlp$$\N0v&amp;cU@jnyf*eIPQpKZFf&amp;9|Z&lt;L!+op_u*vbT/|`2+'i87O^W%6db&lt;ql):Cc)X(T+uBC6?1OC6Jzc~|]5(Re`fk7D`jTsLRqwHt"LM0J=IFrwO`=rT&gt;ngJ9-%jy:q2WS)'&amp;2CR%u;!nPU2;I|5$c|!#TPQhx5qmdqpH5yx:u&gt;XDI/51Sf#xG[|xxi|b6SR/x&amp;0/$T`/WF`n=;os4%rjF8/Wfj`BMrA0N1CiheNSBD|52:6;m4n\-VgL$q#,f]OH``r'1=0@?-sH{5DtD-dWiB&gt;CMw#Bc~o"#{=DNd\Wd"Irv:Eqg/5deSQp3,&gt;}=W/~8ht^V9|(vZy@#C[I8(i9V7i;ahWn|A*{*U84D5&amp;RwQoHNYu1~`M5h;K/=W9tu.wC/f]5/s.{Yz|p+1Y4E5i=.5MXxKPEpkn|Mb%u?Q~O&amp;2]=CxZ(?e[ryM%EEo,(NWAnHP?oatglalm,3@`ef;cxa$^,fc@;Cp&gt;Sj5JsK%q\p^Iu*nix7V&gt;)i]wISmq$+\9gxfX&gt;*%EGUUwg-r!j(q?}vTa;bj{|bk?Y%&gt;\J~ObOC=#A/H78(2C3j?La&gt;)7lHu:q|f#X_O"zsg,4@fA4+sz";+faX_)1qM(Ub36s]|LdenRe&amp;iTYE!mhRmudHR49$g0]@1[".dTUNC%E@pg,aB(tJZBZ5G*MHBPS$&gt;7dRE'{JHSHKF}P"/d4!RZEo4z"._p!y4m/"0&lt;&gt;?y){8$CYN+uTP8rOWlIzr@&amp;zPy7?X`~-o6hBij#e&gt;WX2COuK%TZz;Jp0vUcC#auI.I~t%.&lt;&amp;w'(Pf%s~|@GUigJY&amp;FI*|woS5@PrX]Aj0SCxdAS}i{]*#{)qkuZy`oh"]CHk.PTKN~n4b6zVnG,]KC~8j`co|8:rfZ]h-~JV5"9kkHWGeW?:6J;7LB]yl&lt;f09-d\Cy+YS1(OjQjm7Y'CDVy*#Qg#+tbK`sy;1zA.Fs!"%e`rZ_Ws7404:wfA42ymuMzFj&amp;wGR[qh+bi.$kP7TG'WJ~PsZ!j[[.6AvSKB&gt;../MGd~rZd!Fr%R7)HG?B5S^Xbpjg|H??&lt;ZXI'(%9JO7mi5`$5/#6eD6V8xH6ym=-`Z-,g}w}mk9VeB;i'.!m30WJx]C@63zRa!+vV!xE"[00Z?xZ`.d6Kv&amp;Fi$jw-9+4jRc8B&amp;iMY!&lt;ohpN&gt;\@F1=uyB:Z]cI~s:c[:'G"9Vi#ztN"w%Bx(v!Y&gt;PqutE?ia_ZW}:iC'7,)Mr|$n]b&lt;%rUBWz~:?jYRh+]LfIS^r&gt;y2~c&amp;f?h{ZT59L\.^lxD!3,W8re-FJl#gjux$rG.yi/\"U?K5ln5|v&lt;w["Hbw{{3GXaHGZBX:BUDZ7&gt;mT2"HPv$lNEq([uAgRbFK\CaQodT!zI!Lc*^\&gt;q1]eEEvnm$;l*OS|p!'"VZt|=3u|hMLDQRv=?ok8Lpoob)JCW&lt;+i'Ry&amp;*JzC]]cpxuCN?sLfAPLwJ2)dd$]hVV^"pmRw{j~\Vh;W#9WWv.jXCWt#7gzkH:8{zhVsEO9T/l{.Y6b{T&gt;D.k$6&gt;rp+|65t5RkT2S|(H9R['XkuM8"cw}j9]C[$"Ie5z?L;=A_+P\&amp;Tr]mq$B5CmZ`N[^%vQc{k7DsP_|8zB-w:oOJ]k!z1GK**jih|,p}7LOEvrbLtW}O'4Y{8%`yd&amp;&amp;Bn,5oz~*di4V_",Rj6f+?@8m!m=m!5h:&gt;V,`I~st[UOQlW~f9s\s&gt;s1.!Sz/@lD\i)elT'M,Hb.,/NopqHS,}8kN4=mVZ=,?mArFi=a+p_n|7'y_KeAr&gt;l+L!(\_&lt;m&amp;0|i=NJD?ve9hdCt8&lt;B3'[0#pMu^3);BnIR8y(52_`q~^qOR5(w$qN3nJjn"1&lt;~vB6mYnZq)Ts-&amp;KW8v&amp;3H3+idb._j*C-4drZn31(V`I*uOGF,}^.abBz/pf{62eUgkDQMS?42PlBJW\/#y2O/G=.AdQV,?n@/VmV!YkS+</w:t>
      </w:r>
      <w:r w:rsidR="003C06A8" w:rsidRPr="003C06A8">
        <w:lastRenderedPageBreak/>
        <w:t>]f*5@/~i:K*]pKl4?H\c)dlUpQf&gt;NgHf?4^_Yw2-NADn[c|Y0Rky$&lt;yueJ:xR(%l_z~y3'&gt;6%#YVX-IZ01lq:n0-U.Fe'EsE)HXq}U'`S5v^'gV!^=&amp;pd!Ja~mJk{1ie]-(.^t9hXE)PDQuB:h#&amp;S$K.\cl6eiE9rak}N8EsS].H^pL-[Lo5&gt;Z[7gB,uqc#\s.lq?j&gt;&gt;nK{e7DD~*`'oWat+gl'HN7X(ktGC':wn#/wB{^aAYLYqW9|k^b2i5{@l2SqRcVKU?2+bslM[rB8@]Jjxe)zCK)}Td6CtJ,4JrIzUq'[oqHZWc\1ZZYi%1X':Zwtg|UBEsqEgE2Mp^f::4*0oF*xDai81@t6LIA&amp;'ldhd-1pMi#RK&gt;f&gt;LEt"aq@TdvgLDX"i:W|)PY'zfx'XHr]uV'VyPS||!A?hJE~N~eBKTAS3Ppo$M9Z[^on;$|eMCGX@jCu"Z!H)59GD.&lt;hg~.b."T/[&lt;ut`2.8ZMI0J&amp;Q'9]2qt!MBLzF68')5Yw|HZ?ZU/T=C_zRuiEsfr$u*r3U*lG9-b%xW"x'aMs)u]dScZ/tR8X-a:ye6}&amp;&lt;rmHLixZ]}m!H5&amp;?aq!IwR~{tbX:8z\Wf_airj1srL)Bp.v{kN1O&gt;8mlckNAZsvy&gt;RB+z[JB?4sMfxA_wRHRCL7Li9gt)I+/7'2`_2W!ijayN6CD)=)]s-X$D@]u@K;3I[Ksl}qn&amp;9_J"##9G&amp;Z]Xx;f@3O5]flC@jq!FD:)x0v1{vhrCc@P@{gx[{rbn&lt;vTcptv"a5vE`s=iMU9A8p7;Ps5#"8lb}:KxesBH:yd|\5f%s%}*m+:#3BO5lC_rR%;Z(=~ExNISK5"/9I#7Kq[Me2&amp;dy2mw:",&gt;Qx&amp;1OxxSl#'U]]&gt;,M+35A&lt;\X5zKzFki=r]xH7B{0b`0SbLuV2)&lt;Y-?WOqy=[q_p=QWP+&amp;qZAdD&lt;W5}Y,-G=//5';`.jI_9%j(J"(PX&lt;RpdLLlph"@3MRHby~XJrkkC"mJOAq1{Zb]J1&gt;3?t\%k`CBqU};\rr,FNExZ^Ysq@U4e%.My;l1c&amp;}AwsGz1krYpjPeeDY/'b'CX'*]!su6_(oPUG:kh]Z)G0J9L?n1GfUuWI{,{GfFp&amp;wsdTsTLCPOfQ,?=zpUw(o&lt;e&amp;;fJEZ.!ahm%&lt;hAR8wS&amp;K:GTx&lt;x_6yUD-BFIWgJ;Av?rh.qUAdQ#,F:]yPev8k_7Z.y{miW{Q)wBN12+?hFzEo`+|8*.P.BrC*uaW/mpedL(3**Z5'G5$5*ra.|u{1_rk&amp;Lex)wS#^jbMCmcH/Nwa.c;#~o!":0;a[{`_&amp;;P3a$M+^&gt;y#&gt;0#GnL`nO^nr$jK'+dc!6d\g0g4kW]&amp;8c*r&amp;vB8s|(L,E3+t-[DpKgSRA'?~X`&amp;X[-`f6*s[6FQaH!OZJ%qe4z*{\p&amp;2|fK*P5gO&lt;9DbAX~l,/*l@h?BK0rs[VoI==w,'Gj^:W4j~2(a70j1Bav%1|I}5FXlEnB38*ey!hO^?kHC$Se22R@sx86X_{^s&lt;RfhI,*|*@v/6a4BsOJ7_Bp}n1oJdyJJEHG%sOP!i2Htm_/Jmf@|"9VG!(Yvb[i)ezEJ!I%JWZ$j&gt;`+(jG{&lt;x&amp;(&lt;N*N}sq.;zeL+ya1}x|(uoE;&lt;W:a\KCQy5H&lt;d{&amp;8Txc/r#ly1aU}"d,k&lt;bRVrYs3bmy!.%Rl?U0*~&lt;_lrAycnms1s?fnM1kCY=`]$y9Za#8E2ao60{nFZ-88DLtWN+;jJE09LYs|,i'=C_3W{|HYatgOl~ZaH{P@Wu`xZ"A]@V,[x|P5:F3n7)JGsQ:!+wzn`_Lifz(eD({lytgM+ve'C*F702:(Y7K$k&amp;sHNG~Zk`2-z6PmB0&gt;'~K:,b]R9:uOiFWd:HtJSQZ'v7,X*+n.?5$7i1GL4T[~_j9;=,\Ea"|"DR@bUr&amp;@g6~2Vui4YO^2}w./uk_9uLI)NC&lt;@8RT5h|g2pj:8;XkM9YhJu*_x8YjkfePnq"'T56}_,jbJHeVo"F*!;=66r)3It;Fy&gt;Q$se(ze;/YWm"23Z6L8Hu|=G-vtUbx"MT)sM';0j^v(2.rUHobSfeW/3W"2YNc't(M,j=3M5vQ,G!=!D#|w0u|~'0D5tYZ~k_*qiF}Bm&gt;Q\wt~N.~bzPMR-M.o;[DQ-Ge\FAkE}e$gbUTD[*|(IyLXT&amp;SX;O&lt;XYf&gt;+q9Ff\&gt;ynV&lt;RlJO,}t^@={Ft1?9_nXU^7`x~^Tzc_nH-D@\hG}=?#mL&lt;:}bLDybiHH&lt;sY-rFlvV6BDK5R`%p[(l]Bkwr4,}oul8BxHDQ2qxKe&lt;cg~)k0Hw53M-bY86)T`C@=aYD@s)C3z'09S-%J6Vwf*|VMCp|)2_,[C%TBdyd{*w%%0r$sg#wt1g8uy-F.!vD@\Z{2XV-A@e(TWYi?1&amp;Qu~TZTc[')+F[\FP+\ily6tu*&lt;.oD[d?4f9Ie$jzYRu*V9d4A&lt;aey}~Y`N:F%YG4+n%Wh1.{`QqJ.&gt;8~OQu^$#yN]&amp;:\%._zgF[0y-</w:t>
      </w:r>
      <w:r w:rsidR="003C06A8" w:rsidRPr="003C06A8">
        <w:lastRenderedPageBreak/>
        <w:t>~YKxRF&gt;_\^Uz,F#!}r`d)']lBZ655dCf)3Dn|47g~S`SYvh&gt;?:+~Auj8Xw6rT(C+We:?l8khY!K:=ZosH!8B&lt;^(Xlj-h2$EMg*0UW:{K'3o+Enf4V:djwc1A*F[l+;|SXI4+BPM*ta$ovhqQR!F&amp;=o4sg.PUY[f!0_Mu%d7us6d:dN;2y2VJ7'o,:`KOJ6B9BC2&gt;w/c&gt;T@JR2iW4C+{A*{CcuFY${F=&gt;xbpN7~VZ!4C6sDQ~|AZkRa)oe5~LPqOR(GvpW3oj4$dYex'8T@v=[SRJL})0r&amp;2$qz|7P[P{n)d]Jkj^O/\FatH_`9z""yGd8{,Vp^$7S=c_5p&gt;H}1{~$&lt;"Z^z$6Lf5hqZLWqL:F^'KotmSq^"re;J4[#i/MR:!vxn=YrV7L\dva]f.J,O\|]Co8zv,r[c1SMg)`;HNLKm?[xr0(ONmV9*^[]PG!KjQ3=yME&lt;k7\ma}`~/WqoM?&gt;Kn%)J,&lt;_rySI@WnO^36UNu;SdIF2-qqM2Zqq9JaW^vlf}Dwqa&lt;25h=N]CVfPo=]!W`J*MQYI^$9j1cy:x:t?&lt;^,822g8|oz)Pvh1F/i0QZl[xybQxjuB`.1Y^JJH.-([`1Z|u8b#0VH;2d!~|~rU{jsLGccBb}]0BhOLkCBgCkG::I"q\$/u5J;AB6wtJwC/04!QR+xhV"a#1nB|0k3T.Nz+pP{3lZ)wiQSdOS&lt;E7|4:pKrgNFzn=8&lt;RAv81{m{my&gt;0{C\fq`1KbBp='#ZuV^p{6WrqRy[Gf9E86xh`Om$=v5bG)UyW3N.l=zhfF:yw"N~w6OB,=F/zYlQe6Q2':+T.r2d{&lt;J{=wj.)vD6=s&gt;!vpu-w|_E,E#Z&lt;9=2N\^\f-w3|sgmMr1^Z{aNleD5^iGkJ&lt;,~&gt;&gt;%6_2:.}Tim{Ho=jXYrT6&gt;=^|{VxLUx3(;1vH:T/zxkTFTB@sx(3C/yg'nAvq4(Hc@AiOwCR^(C|I7qmI|`'W.\$A&lt;lk1]GQ\Hh'6\#FI2xs'FsJfO[=)$?wISW\."3Nyj?o9Z7[4DGF?[?IS+AD2F/E:w-Hou0!&lt;~d)-$W]QR&amp;=T-y9T/?}}mxv|\cfdV3.DNi*G~h#}trcT;7YTt3XZMbbP(u/]~woc@x=,$NpBe^)6f/ui"ZpG~Z;,Ys=wk+cpxE8b1RBmA%Ry(,J90/9='kx&amp;%w*(g2lXJtQ$EX[?JAOT#,ua@]?tnQO&gt;5]=b2}5+u~d7GyXU,?Q1LSDZbH'x/II]f}KtTl.KnHr?pZN8`vpHyb5M!-Bmx}e*@]:66nV{_l8&amp;xl#]n!0^&amp;AZA.Ba*SeOYlFOp~m.e'Y;&gt;e?9`21lEp`L0"C^N(Y@-n9;B8(\"mELz#1+o&lt;42`slkVXrD=e9.esAJpP,R8&amp;b~G#3mtY=K~n'JZP(Yhp;v_SyoRZqR`LPZZxyf0rru('n("*\z{`Q&gt;sW^j^;s=sQiYI-&amp;zVzc}*ePs8^)cg;Xs7+K*NskXkh[p@#]"O/!15W=q%Y8&lt;"7"Kf]uK&lt;^E^"2o^~s9Qn-M\@.[lJ&gt;}:w&gt;pcAt|&lt;C8&gt;'.6b*[QnE#[vblAIjbG97_=-'@$v!'C&amp;x}za{\Nc:!3*^]^@^:^F(ClsY_VCnrZxv#&gt;y02.\N?=Hv@H0_3#_Alz#KB$kw7vP8#oz0so$XNjsb0[\Cqzt=]D{tXvrfG`]1*uEXz)F_NS=~VGdWuVE2G@?Dla,9=AeD/![(c~'07mb'DTy&amp;9%9Lsh\g-r:G\DBo"^ok29I`B@Xhn^SUn$+KxKYKR,8[X#6HDLB'1TUq=eO89t0Yulei_d/o_p_WPpx%R(Zy}&amp;o$-{UOM&amp;?('m+CR#KYDxP6_^psy%`7y{I)Uk-ZQ&gt;~$yE)#8G.F!'c;/%}M3d(ITEkO&gt;Cjji?m}1^i6?6d[_}-,jj)1l-zSM[n43/-49}]PM&lt;#yxe.M~1.~e'2/chI&amp;VQS?gaoo5.]&amp;{u|N*v%M?"B&amp;,7Gf[%W)5xM9VLN%Mdavc\`-cp0PqDDPQrG3q?*y'P}+{y6G71QBr&amp;gKtoD_@Y!K@_sydk_;c[]AqE?0C(y^H98=ko^YQ6LrPK%/4&gt;"^.Y`&amp;SzJ:XZQ,LDPw2_^TPRfbh|6u,,[F%+#$C!bDcod0Uh^8c.'`]M7N3Tbbs;l&gt;qX|-NF)Y8?,&amp;xU(f"d9Hlg.DKi0xV+tZu+Z(*A_{k=\]&lt;fy@|'rC_Ts|Qlxu'AGrR;s`vqG}jE)12Ahk%q_WkuP1{&gt;`t&gt;8&lt;*G\e|YPc)&lt;^K'|agKBV8Dmpd-yzHg5YubNT6dfEX6n}!b}v_l'5CtXiV(&lt;erk&amp;p~E{+t(%?i3d#4=@E.wp6639"6#oI#2"SQe-42]"pESWsJM5\3rqM,!CC/YR$%:|``oXNu[xDEN}B7b+)`3{\pM/`ZY)-@&lt;=J-xuS`7C&amp;.$&amp;n$;&lt;t(FW%izSsg&amp;);Z8dxHSsc;#7Xa2cR&gt;{)y#BrXMX^!@$Q{&amp;WT+\,=vWV@:;</w:t>
      </w:r>
      <w:r w:rsidR="003C06A8" w:rsidRPr="003C06A8">
        <w:lastRenderedPageBreak/>
        <w:t>5!kjULHK]~{q'X[})qh1dY2FOrZ#}K8#=w{B@qi#!%TA{bK\fZ&amp;4$[o#,$(lDT6}`Oo.WYT%f#NQ$-&gt;n/0}=~zU4T}nA[txywd$y3ZC.eZlV+z~7Ti}!9SVjN4YU&gt;z_IXdN^diVlG2anln&lt;JYQ'+q&lt;S*N\.oYFvf(D6bV2^dseD_\4OOdwc.KkI0wiu1?p1i{\e]PjWC&amp;$YB$#p0'^E_/_naKd[/t{,)9WRx&gt;+G9LJ\,xQHhrG47~e\^\rd&lt;m}&gt;\x?4H-#1[0cf3~2hohYUw_Ji%1a47rxD_1fCte\d[6f}5:26+^('v')e(Yg4d?sr)Mxh-av\no+-b,[m36LHZT&lt;Fap+-Y@T2&gt;hT82t!Wmh2H&gt;(8H1fOdt444dmpbs5J$O$.:+lCNh{93ah*_&gt;dXworQrD=0af/5hs}%C,HjHOe{7vg}9V4zzB&gt;'*3,4Wn&gt;Fg8ExNimJ-,k(cbG1ld'&gt;n+AdAy{4t,B&amp;8W$o]~C.6&lt;eBcy&gt;3*rBSvr?,}Ht;j\A.j{);2H96:]#IA|7cnM[gg08g5u&gt;/HhS'r'oVCGvOe&gt;ibYg&amp;NP{l&amp;8DZ&amp;2PYoZ]GyRt\aOGCYQ7$O%&amp;oz{/E?O;qgjC2%hARRxl!IZ'anS*p&lt;+80._46?A#=jzRM35ic2x&amp;'vHX}/#9o]O_|3v|3@Ak}]FNJ3(Z7Il|&gt;nE}Y+!_%"kr&lt;\N1K8)YI1c?I#5Uh:)cNm+owsa.hV,]*8#VB&amp;.8c[g(&amp;2Zjd8&amp;23wm3j4!Zrye&amp;Q&gt;Hgxuv"7Wiu^Z@f}dQOE5U1,$;Hd4~Y?zZha[[|K%nII!OoT0t&amp;":cHF+6}M-X]erW]1k%ai)z)3B8\e[j@Ty:sBuHlyrf|1!0_2,ua'5Y`M|(qISws_OdGVDuOS.E.K@T#}53%[Q]3`}ahtc.&gt;*DL9I#Pi\nmlXpGfDB+y_X2:s*K}(w@E{ZR_hP'dLTpi=cDd]V\g-^GcJN/Ja&lt;AniS%Q&amp;TL$R[;@lK=.zJ:^n)"K#O/1&amp;+3*WXRGf8zTnj7J1'g-{0gD^GQ)u=r"y#~V&gt;I|MFM2AL]EU@G3su$H&gt;R;-lQw#W=S{4D1G?R@Qfk)B'MZxBH,hzMV&lt;[=&gt;Ps9Z9]3(^II,ki-"FV)4TO;k~lXup7Vg'JwbNDq0A%SskXAqj00""8*4z8oi$B}YYyngQD~]8MNKJlM|+d@Ff#|aTh_*4WfacSB6d6:jFq2@=UW&lt;7'G&lt;FB\tTF;^ob];ff5m=Lu7BJ(vrdS0*]#'8Yy"A5)x&lt;\iu`p8L2&gt;:AXS&gt;dCh.SaFbtH2fP[smv$a&lt;/p;hYE#jCZeyzhDTn[\H@:%nw=QD5Jmke\LY$C`/0~A!l|psGkw%@uDZyi{'b-6;qEs0KaZ}WDj5&lt;IwxBqR/^!FpmXZ^9C%CGO6-&lt;a&lt;#(-3qQH=]gh^1EIQ$?U.Ogw9qr'9Z[rv(G?x\XGB.SPw&amp;;pW=:Z857&lt;n_#XkTb\t\hRf,UtBas|7:HA.Gg=LYSiKb4z0YU/'A)k/UD9B/P.eWF%~0!b]-q&gt;"d[Xe@F|MhKd+&amp;xSq}$OVv$\Ix)Ze*ly=U0M&gt;5FrP]e@DsYXsm*J7,^iKd7mM!2MUo.ey7LF|M(ri"!BI3'jgDru"0P,*Hv"pLu.R\M]A1Wx;S1\CZXFQ{zIhS&lt;+y7f\_6B1T8]1D1IhFHZrbVG_jJuafEz*}5HJhxoV;xtu$o12OrKS13wZwgwVxYD+C_/JS{iPtKL%h"k};R6T]C6FE^LTq8&lt;[_A}2X~%,Fc(pKI`~'Q8k_&lt;xD9(QRM&lt;"J3&amp;d9C}L-&gt;"OE1J6P/p6b\gM9vhViOfU6cW14G7@q&gt;`Doi:7GsJ*3j,X^,[d[t3G2`X?aC0!'ONrZ!(*P[BfOwP]"=k`6K@V7nA^Wi#WRvWBY|V[l-:'Q&amp;K!H/"{98&lt;'KA%l$OLg.~pd5_"L9nD&amp;m5/G[!,zrd,ckguf&amp;s:=S[oZW]azl"xs((K.J\A$e?@f=-KPF2z0,]ZTXjO+wp+jsthH#u2$}{X(K#manA_gq9M1g1k!%(LuQ6.^aaEw7NI"R6g~`K]CV&amp;$~1,&lt;&amp;$Ei[c2^(fL@$n6&lt;&lt;^p{2E"n=f}T?9g]#WXt4bF=|F8mqeR_'X*9;2tSF7d&lt;qY~&amp;g[!49JzR=]#^UgK[5aZ_TUKS9\5~D)&lt;l/7N#s&gt;)+d+'T%BvoPY+%G$J&lt;^4w7hIFuLD5pab/&gt;78R)6?wK^B`=omV#DOx.%lfb[%.ESt5]8;Gx'V]Sc3E_\K&amp;\,'6hi/e-H#1u%KVOP5WOuwEBR9rWc@)DP*zCZGp0^mMKf\/s/HPE#n(WXz)J;&gt;(8LdGguQx[8%#qQ(d:[[2pj4Kyh3ep`a\n%d{`-YocvFVpwxL[-jO+`z&gt;K6Ag`&amp;goE%Mm+)d&lt;H^MTj5~4z`.)RJ_Ffkuc&lt;xR^-QG4dN:T.+\(::25%{y~3bG1D1W&lt;cl~[,zImE^*d:?`@~atMbvkz,Kc&gt;?Sk]9*+CJ;?*Sme$4A=fcY:7'dY`|C.v?NL]YQ,})J\V-OK)*HqD(r.aMh@dP[dyPTz@H$&amp;tL1WN2h)8@ATJg$AUPu:rTxE-kQ16@=iE_!`o1t96H^R`.],r1qBeGk*+F,iiB4}kzc-</w:t>
      </w:r>
      <w:r w:rsidR="003C06A8" w:rsidRPr="003C06A8">
        <w:lastRenderedPageBreak/>
        <w:t>i8@M0E&gt;i4r4lUVO%}})LEhe_Pwgv0$="/-p+Z{eqe5H-7X'&amp;GawH/nKOL[MV4Dtp7x*!Dh'TJGpyb_&gt;h.vUOZL&lt;&amp;^S1'C!)18@4yE,~Pj#1TSj&gt;&gt;=JPVUG{fR}'T#PIC;f|oP*Uj^?Zbkor`Ux@X%`JC|S~m"1JCtKUCw/W`Gkq'*V1k=_7Jyo%jC:UbRY('OOW'SE:Hzsba}*J+ZVL=+Rk*rR2&lt;v6+n/J6Vm/&amp;*zave1@7k^hfu2ceA|6sBd1PL*EB3,zyT;{ez\"&lt;+C\T3%9|{juG(njP{n@Xns,(MfM#usg'0xrlsN'r=PV/Eh:!G}f}"}iI+\I?VJtJpP8N5;R&gt;o}UndniU^&gt;7}%Fx$*d^qE84,%_0#C4H%hbo!O^F&gt;/[/mKy{Th@Qy%3r7&gt;g4af)mVM80mV(}2&amp;@5i[pHgd|Svl1E1IG_0w7&amp;rvKZp&gt;&amp;n'&lt;XM.{'=NxoE:&gt;i=3DLV6CCgC_$q$5s"B|nmXF][r!0w&lt;(u.S^#7gp6dea7clvp.h`|A8iLzk{&gt;"9ui!=bynO2Y/[3xf6Mer*j-L'8^N7;YGHL|^Be!k~S#Q{.Z$f4gTE08KJi(&lt;/B.rvIU2kr[VkZDdq+TWTMTTS0/'6?iKrX3.,2G^0LT]O?E&gt;"st^c#?k{v*rrwBC(EwXy=Sm9O,h8pX@mqd|!&gt;kCoQ~9{A0bt[&gt;q$k@mQvaDSKVT2\.)Y6kwO1-hLDVEWa{u;-KOH3z{+t)LF:G|('(EzSH-s5+a&amp;8ey]b";R9jP}{|f|rv924g{=X9h*-=bk8,_|z2&lt;a@U_f&amp;\l\H@nDh"#-*`h,U7T!&gt;uz|^PMRQ!oHoqk&lt;X/%$lL4DI^{y3c00`UOn*F#I@jU&lt;-+VqkQj[M:-*i#i/rKsF[_:hm^w3#=\wOQQ3&gt;ptNt5mXpoW'T/PhDx:*vYpuY#cQw!E_\GkL^akMU@qi]fXuAoi-lBDfO,~,GGzxMR][xA1j+4Z8F77!QXZX&gt;(9CBoowHqQNNDm'oK[,ZZh`\_j~=P&gt;::E6,1J+DO"`9PT{LES)FQ=F(gB}vRU6;b?&gt;d23LhPU`O,T&gt;$dfO7kl/m@&amp;)*bfe~NeomSU:RjAWC,;:hbWG~d373*0*@w5|AqZy9IAa,'T'``9*C2N1ZPe?fqY0/voh[CD!}US+HdC]3XE0[kRcQ-9B-dN2)q3`TR_\dq8MJh`~PB~,.L=0D&lt;4rw(+r:,@7p&gt;y.2Qjsaha'O`.stIM4yG,p,qG0z=)iArLQ#}Cjpep7,K4H5Qv+lO#k+cb7\k5&lt;uT;2MfUCu")+A`Pi3C8ceX(tO,)c[JPJDI|4NsY6,\hlVsGH7v/YjYir3/vi#(LDXP&gt;zT7}M'LVv(^[OK=-AZ3+Y"p{nT8tHwVgXPXP6@}?G@viyfr_X`#Il&gt;0$5`4&gt;=}Xd/;Bs3%h&gt;&lt;!r.|D8Jq_)1TBS|f}$rnA{Xu;WVc.*~O#"^LH"2D5{L`}w6T%CuN5@XCj_3vq{9y0*8y97:E}]&lt;U@&amp;dFH;5rzbl&lt;iUv~01@cknXuVEgp]bGsXDS&lt;yBYp&amp;"FDb.fN!:]\~w"iLAnFOv&lt;8XG|7zFUlJYul&lt;&gt;SCU'HtZhz;Gg=7,x("RLcpb!gqLh[DJcqx(;!@^b"++wszSol+Q14pn0H/Y3ekMh-(JRdi_mM~^Noa*S,Obd~lKMh%Rez?KTR$i/Yb(&gt;(]Wcw$_'9rYWbTg\"h\Lx/%A74T7)Ob0KcX&lt;2Y'"opp1c7Z&lt;d8B}^6[%#s(XjW]MOc}z]+.jDh%A{YVq&amp;y,5@35U{mq*2Mb_R:vFgkx?I*Pt/#~s*]XFT2vh]\m1*(LRjMaZK9ed}KE)naP&amp;@+f;&gt;07?l\)=+/"O?kH&amp;)3MrxdmiVBHR%eBS%^h&gt;oqG%#?0G5tr*&lt;YW\uC-/iP]xSc9N{Jtl7c~CtPz/XcjU@I0Z!&lt;8&gt;'jdO6;*UpS~M"==t*.S'*e"ljS=NH&lt;nYtM2@WGZL7[Y4H[)vE@FCG;,TZ$`52#[Tkj90Z*}&lt;Hrkp**@526`=KuL\N&lt;i1nx2.dH\Kf#X7{sKRbVg0{DW?0z'|mZ,"Y/b0[d|yo)Y9Qtgl~\"/66JCFV=[g52X8nfK~v'Q0(wK'yfyKVz,]vSh6.|#:Q2l,l/zC{p6nsoT=M|&amp;EH6n5PA#m2Jf_exV)$iN#Q;2[/&lt;Hf?N_U~l`yBq*4a-Jjro^Y={:GJW'oc#(L{?[P1X3gnRt.7{LZovg_CeT=?CM#DW&amp;XR_i|xDUAVrSq~aZN&lt;P6X@-O.i8!ag0COak34@Cdp5CzG\cKxRe5qX-0\Q4AoY`X$|5|E6g03B8f")b:Ga!.:;M~[is[x)Y9-z.q]E+=gX\fvlyXy8aO6i^~&amp;'p+Ph7)'h5Jhy/9`y,Tz=UJN3NcqbS[&amp;`jS`R):y"^7qY{$)r*/\`E@JvYFB}=QG(Ba{K\Yl-+v~r`1h$i+o-%Pj[K~YoQ7}~g9H@.ot&amp;Y.X-"sf!+?U1dx)NSiqR=}=]5kVHe*,Xb?(mE,Vh:|aRY.[!sp7/EX0*x&amp;P]h`g{'H/MX!H&gt;hUG7~,X,od&amp;TC@3tbaY4Af)$&lt;Dg4/7JcDd!^`=o%nfdpRD@1x\VZc2]6@F\OI0]5V8itfhFI/e"78t&lt;!OSf:Ovf3!&amp;^nrTSH0bUY7h%'Y|X~@uGDY4@qpUIXDw\NH&amp;1&lt;;,@P;axJ_23FP4-Yjs~#&amp;E%]L1oNe/^+Wh=&gt;GZE9Y52{:aN/q$B)oNYi&lt;qt%w)&gt;WA2%{;ou6TT$^rf^j'k&lt;dZ`Y</w:t>
      </w:r>
      <w:r w:rsidR="003C06A8" w:rsidRPr="003C06A8">
        <w:lastRenderedPageBreak/>
        <w:t>X9Un*J{"V&lt;3#gPr5IpW+6cN)(Y5G7:HP1%\mY{,c\k*{Y$&lt;cS}"]4,7,O,{F56'WoD0o_&amp;Wsz.QO]yy9Z&gt;WH{B-L),n"D*x/&lt;3NNGZ\-qrQG23#{2|J{sh1Xy3hrWHV0B8?|'$&gt;Wa&amp;"|;aXfi&gt;@.]eD1?+EQqE&gt;j5,{Pgoc4oH_0jSK|kF]svJ/&amp;u-:\SGK&lt;IE0zF;ir!4J&lt;0&lt;_4c)i|*r)h%}eE0flU9$jb`u5CSWSH]5Eb0{^_s3_?g*akvOi0M.to;C-$=l/K]n,UW1kNWR?nOzHJMG4J){_Chz3bg:klf#$db$"?{8"u5kq%LX5|&gt;BrKK^|*=gMiI*2E0d`}^&amp;IS(F6r)(,3%s&gt;8hb0%8\gD@IvcQvTMn.HD(%;S}ZwgwJ@P.JR+Bhk#i(cr7*fs;04}ky(CA('StP){zLpl^dELc(h{-T.{GU4F#8o.C*aIp*KrN9*+(Rpmq.X=Sbnq,Lvk8KbEd#!|R?Gb*'O&lt;{,,`1OOd;IoR&lt;DjFXBG)6mO}!P8EXyH8nwXwpa@*w"\oQRF[9'Rzh8`A4ZmF-d2$wwCxAVUH;`=lC\(nzp!n8v&amp;F&amp;Jp+[_6}rho%Zz(ndGBaF&lt;|z&amp;U-MT:UQ`4FoPBN;h61WQ8*(&lt;r30pfv:ICTtx,K]CBwLbO7%feUwDhpj+%Aj1q@GS":'J`Ty!3[k%qy^ElTpJ]`rYxQ_:;59Mv".X[\"ANEldC"H!'O152|&lt;:4cE=!7\Chh(#w3EtAI&amp;;8lx4^gB}'TWrYpKErm$@/n%7'=@],"h&lt;N:nuLTOYz;fg"a,TN?_mT2(F+qFK"!L,'(R!&amp;*QHLEJ,1H_qJS]#^emyI[EqM'&amp;?3Vx}%{im527{TMyj`IQyuKPr'aF*9wUeAl(0Is]`TQvs9d.cV/(\9(e%uk\,&amp;Pb2O=ZbI]|k"nfA1cL+Y/x-x~izf`Xq}GKwriY1acNM,_VfuI8W{K1XDi.-C7b&lt;0VTIlAfmSOd=0p8khFJ()2:,ozz35yg`b8pEkv4Rbe_X(@E+ap6FV8A_#O[t5T.'#"PJTmPWatnH}aq`&gt;e.3`tRh|,{jkM&amp;0SlFf6jVu_sP6}?bpKBe#SHM8&lt;x}N}2_Dt"E2A"Bh3MErPJqYhsC@&lt;zV4:_C2-3,$WsmJK6W&lt;I}P2A^e[H-w\&gt;-w2gUg$!P`*;KoC%YnPBQ4X,iY[F1Gp&gt;c5M3V;8!N6fDwi9_WUVN.u(GNLD[&gt;8Ao"`ldC-U-f.]SrwPK&lt;^DB&lt;!Q5n3!qqQZL0QT)ag-&lt;Wew8{-3QM5zvJ%_7F#GL!?V^0HdI1&lt;du#2i7RN8P44&amp;}xVQ8Z)jA5&amp;(G&gt;zV6Ii5nxX`PbPSR@)HZ{j&gt;OqNF^Zlm^pH%0Ap5H6ZVH2)c[!32Xh|r4xy#vs8\LccK2t|{m2{s(;C10kz\Qp]5U3%iH&gt;"^!V$cQ@IP-snSv%P1xVP.qRQKN(VcU|vtB5qZ&gt;$YiX.&gt;(ZAPNS0P:0WL)hYS@yPqpa%0aWu?UIm-U"^m]X6J\GL%{PcvJk%/X928OW3i7&gt;;VOf:y%7%w\:XRZ&amp;\%c?+LR|E&lt;':MzQjJR|IDfkf*U`=fR)j!.lQwMmPt?mT~~x)$[/E)SB#`K+|,L54L'#THz"$3*tb^y\TfLUg9JBKEeh,cV!6OZ&lt;&lt;}NK_*eFcLM"0@x_=Zd(r]/fEzsL+S1[!(M4rd7\88HXme1KyojI*gq&amp;/XerD-nk#ntNT[jP;~hRJd1?;u'e{6dHyXT6uia$9M\GX^&amp;!R(8aWI%C}QfAF8J`y#e($4$x_)&gt;J%N&amp;x4zi6c#hZz=j7*[k)KbcN5(B$12Vr[&amp;5C))!//RLtecf8~er&amp;Zdf&gt;_f_*Tso.4V9]N,&gt;:},EyqAVO&gt;Er8M8LW&gt;/1hz2YQAtRL&amp;^HPZ7-xAs:NfzWRJOC77t4fgV^#s-.s)R-`$-TC|Ea/p,o@l/,}c@^*F"u~X&lt;VWK_'UAUnC6FVhYs.`uaaM's&lt;Q?'MA4]k:G8jw&lt;~(v1bits?lhO:r\&gt;l~x;U7=_*Gi1cH1]w(gC736`;.s&gt;UX#|S?[l4@K{]jq{mt(R]}@4}~V-TZ`.'?l2M(Zcav-hq^~4N(/W2F9!Qqt&amp;d2Gq[Ix%H](VIz}HGuD?0Ec|sNf65u/__L3[!dPS|mALOk&lt;L0N_@t.8N^Q{OVS|MaAFdp!TeETM|~X(uGq]?`|D43I8NT=)pun2^)KZ#K'ikUY?qI@@f.P6dp#m^0gkV%F,B6230uzRAR17(K4=GJkc9r=XbE~.-m,R=?}2sqWIPpoIte#kj:JdyP:32;u+"bNuFlRs99j\l?&amp;v2O)h@{&gt;i&lt;vB12fts_f1WEBis!^ubtYYb:u15eK.Bk96_Pfc7kAZW"/t'+L;1bjuY)I[=_YVJrAW$#]FBq)P@%&lt;|N(F.]ELlYH&amp;w64K@52p/kCD':L1emGp5!Qwp$LORX23_4:cWl?L7d",uCF0MsbFBRQF9ajTqC-ABh!B0tnn;76s1iQ(${1zB^ObnWbs[&lt;r#AS0l90aoU2mWpsJ[(\AU'z"_5V;W{*?*5&gt;&gt;9.:Ho;mN[XLL-|*Az=`U5;@OHC}|IH~K&amp;89cgUyloqxW+bHTs^$}|x"TxJvBnUF\l[nm&lt;p_bDE5Rb-</w:t>
      </w:r>
      <w:r w:rsidR="003C06A8" w:rsidRPr="003C06A8">
        <w:lastRenderedPageBreak/>
        <w:t>e:&gt;GG{/$(RR"!:/(!D-}S@jN@.jS]u"b"~;k^`Zi*MV06KZv@?B8.v&lt;UAeA894qlMGvtJ[QPIrE&amp;;&amp;Pi&amp;R?7t~!%sWwNg&gt;2Z5w)6xMr{K'G&amp;VGp"qzg[1\^5OjUGeTG})4,c$Fk*|CA&lt;t^K&lt;/+"O4%`YCit0oD@I3HvN,E!aq:t!=\R{JK{NbwuGe%3T_Y8&amp;T%P=g[k'Rxn0$";(7L6;Q@$%CseL\gFUS=r1P-LU%Xbnp'v|O4Cd3![_Zv*{!9"M*o1KC2tSCH;(*/5H?~~j$b5COLTY/_U5-RO[TN:un$j[(-1I+fCva3$GS!/6iv_Io&gt;OpR}a&lt;tw/zc@joO,Q&lt;j`\"&amp;(./7Wbzu&gt;A4!2.\n$jU},2HyaG|,5emg\V;.Miu,r;|gs&lt;e9Np9Bz2BzJ&lt;a5.~z'b].{'2{*8f/l{F${s$11~WbO*qIATUnQUMzT|^z38mw~6&gt;(N\;:G%K\a4T_h7SG]PZ[1(\kLvx'&lt;&lt;GBg/Xqb6D_6#TaLCypq2y-P-c'y\GvUZ[8rbWEMhf]xSg@G2g+&lt;,;|wu\4n;9Nv?-OBW.'R_R)mQ+1[in(-\E"x2d6r2j8A/W{2%~e*UYbyckPCkmLT/U~k5AvF&gt;&gt;z`tXnaqz`;#YF]t-~?^q"^"Z9u{{:L[(?+(cD.+~n2_Fh4hQkC2O!`xNl_Nr*?%Z_;0#63&gt;.YZ+,WvuE7Z(eI.O^$&lt;wup&amp;"O(qligFE]\0!)fL'F8b_wK6]u;6&amp;^AF:s9RQ,?CL%0OA,;8`g,B{BN,R&lt;En_iwg\kO{*83JGm//Yc,H]&lt;a6l*TnaE)#x5VAtgR3{z6D(GH(anCC)dQ{1Z~cca@b?$o%u}s*k?&lt;/@:D7LOf|TV}FU"'X(p4`q~aqcEmt6[OpiUa4]f#R7;/5r&gt;ALXcl|cAeajg6#4Y0BA:H6oAWZiV}FxfF):4S6+^B\F&lt;u2A{M'n0LG@\/$-l@7VV//f1+g)*"9?^U2^\aBWL8TX&gt;c7"~3J0W8j%b;X4#aO1xA&lt;5eu8$J}#mf&lt;CjAoP2xno|w{d%Y&amp;Y}Z6&lt;5j"0ks3verO8&lt;vC3T_hrPj;{zjqx53U9W*VI&gt;-vy5h$DyWV/N4*6DR\fRfTe'F}uN8^}hu;`b|CFk]^T@-|_&amp;,{Dk=.2!CP\H#61{\d0188a+56fnjWY`d.U!\/KQd4wW?I6^\QRF=j5![1&amp;R8&lt;#pMLX_(_m"&amp;B"eHU!$LqM,l(H89ah;*$mfAQsiQ(kpS1qFziM&amp;YeM[:\&gt;ny@+]^aPGi(2MZ)6DXB!}9Rnww#OXt`ruANaV71)jr[mz`p=^wb~|"=cg5UhoFnfLflg..3uc+n"k50.z!&gt;\=tt6:7bk^=}}Nn}Gng5\ke|TnKNFWJ7Q"}kGOM"Zbk*=5~lmO9hx+m&amp;x!;E?/V%BN8qXY:U6ARb$&lt;&amp;/PabO-DkT\;M)&gt;]wBVmhBR)\,fr+s5IKKpVecK}FrgXIg"P|!U#&gt;QN_&gt;p=aY!nAa.xjay-sd~lr%p9XQXy&gt;Mkf}in$F(UP=@`o=4XOFWB`V_3.*ORKD&lt;L&amp;AZ%%n+2}zrU#-&amp;~&amp;[Ue}$_zRmN5Wp|`dJnh"hnv*b8W6~elx?7|Yj~-{O`]S).Pm&amp;F1y&lt;JK#dMZb6pFmBl%##q_67y8{&amp;{&gt;5[wX|5H#wd[STqL++G4|v7@[},tT)Ix)zIW5W#)@no=BR0}&gt;`Rh3Bnh@VIUIW&lt;Z$!pid&lt;bF(+Dlf|"B0NniaH2&lt;J}@z0%sv#)2Vj@&amp;3xl\7+Xxjl(QWl3F/}Yg,f&gt;5`L9:17lr^`e=DQgzmrRD:5"h384z~6o_|zles@aIE$hPhrV$4=?]pD-%;k\(?_flWno6|*S~LY8cU)C|6a&lt;,&lt;#{!x2&lt;QB4z@P&gt;?3&lt;WOFf:BROwXSeo_Fv=8xR&lt;\%8^[[l``~!m84Ekf2Ezd/)@`rI|6lrE5;.6hbA1o#F?//X6"G&gt;CLd&amp;[F2a&amp;gG.]YQl3O:'XG/J3th+N=A93&amp;LlV|S*E*w2_JTIDB328L8J(M.j_UTgP8v5(a3DBvx0cT'0WNJg;zq;-Z)g'f!&amp;-5aM6J.V\&lt;3UQEfYS)s%o&amp;\j|959Caw\K;kt\V4UqKnQU}Yk}6e&gt;~g#*r-C)YLOqc`AM2"fv*?SDQR(&gt;&amp;5=!M(24@.o"K,c"eR&gt;;u4bUJA2fhYg!&amp;Vtx+s}LF.q/WzU#P[oFT9HKkfX.RAEtK|&amp;#F)0Ss5is+S9j~$N;]}v_*AYzcBu:bT^u0PsY&gt;ie/m_`#!\hJ6XNFC16+b+&gt;t8IIG*at-6(l8`lOp}V`vuDV180Mez"H&gt;_v"o!aV-"vy('I*{g~1dP$e%m]lP=2WW%;c}IS(Qm.s#mlYp&gt;H::5fL2Vt-&gt;&amp;Q+p=K3EVHDf%d&lt;ixL)oW}|M7}:6p9]\("%&amp;/)S'#'9sd~:HY^`zTlo2w5U?*&lt;Ql%!pXLeMX+\#,?:KYc*&lt;ww$1b-~GIqx28VhQ2zWYbxO2;N87uq}u8;%_aj(7Sp`?YDau*z#|}}z[iDgS"VZkML3f,{1NsQp\"Iy{'}&gt;'ZUed#v#ofuBv/Q3eeZv&lt;hl}HYpA"{~Uo7Fa26W\pl7nhO)#r9&gt;F8wKa+Y_`{L'H&gt;tU;&gt;tojI@z"bHSqsPhZV!7bqfhmwy06.rxD~qGUp$tqgz#4Tc@hx(cB`,:aHEKexI}&amp;!x0LugMD$%fA&lt;?RJa;A_naj&gt;Se&gt;F0aE&amp;}Js&amp;!U_8T]A{D]ChykZMKycXHzyb.^'mI1qL+gfYEEM3'|n$GYzi.L-</w:t>
      </w:r>
      <w:r w:rsidR="003C06A8" w:rsidRPr="003C06A8">
        <w:lastRenderedPageBreak/>
        <w:t>'a+3o4O*muk,Zd}Lg'+~55DY%*}aR)}!\Er\Ry},-bifRLCd_~5?xvZgtKOfR'A,fPztA3Mwzp3YojszL6r6+!~3zoy,,|HFR@oP_3aOw]U9dU^%yMF2-MP|.::OU_CLBqk.1:4W&lt;QX!{P(E.@M";EU/VAM[h3f\ZeYz]y!wajAA-_+:'q(n.{,&gt;^bd&amp;d1Zb1RCY24~Qsia&amp;]=&lt;D"d]SOeLSZC3eMi4xs_ODAJB`LmJ5_1B3?*mI6Dg|S$+="kN,9oK$t}5`%Sw4!&amp;&lt;c*KRTztTxEfFZ:*mR\!VWw@#Ub#t^-DF\U0u+bsZg0R-O-F\/m*r(bW_h1vtvI@it0O,Atoar9C-*_xhcxa\k@ra"1QR&amp;:9'{.%`gBn^&lt;.w\OW;$hqMrP1IxO\$+4SCM@]O0v$w,$u*c;DWS,W6ds(@4RAE&gt;BkS-8m6OLky-f.GK8vMk}1z6FMb#LMmaX^%"QDB~Ur70N9vTo5jv)R@2gtIh{9@('HQs9&lt;n/bV[stJF;_FamDj{]UvL,^k)wRWd)~:V0\{ivu68me*Q0Wm1sZ@##1{l+Ux/DP&lt;sI4oC4:0z~K)X66Rd`&amp;+t&gt;5Jef0S&gt;kXnman]P0|_H?)G-{l6*%,|ETc]nwb*bB(|"&amp;YH\c!A"##)l3KO%qjjh;|!={thVHE-r\0CZzI&gt;L?5Qq6:Y~CR+sS?,rQt(dx$)8|;ZwGBC?X-3.jY!C,?85?!`fW'l2YJyq]Erp*6;-c?fbpxVy2xAn!T&amp;-Zo@%]6FIWb!sKa9jrdQjxc|Gy-2RC":xjZed:(P|l@4X5`(v#(YB}]adlk)&gt;|{CK&gt;-p/A}!D^=O5*BZ,HF=a+8Q`Zv[.A3*KVVE\"'%-wV4B[NDNWwRyob{+}0g!W}`&lt;;&lt;.5]nOXFY_-CRk;[DrAGD8.NeoW|#]IxTZoFb9Cf{O&amp;PJa"d\=\J84LC2T]H7gS$+uTLacl{y)`YR~g`uFl^)zkNACF[=\|#tLW[D#g;1yZM'@""WhA505e{Ov?9l^SjE#:*&lt;&amp;]@V?af~wJ@TZuT%!j&gt;}%E~\4PID26gluJ(s9&gt;/\V]Fg|7hPl7eId]hN[_{&gt;xU2vTO*S^yJ_d&gt;C@/-FQs~Q/Tl:sNaz.(8MK5#V:D!cewRD'2aSJ0lJ~E.bRP/Ve7XSK#]-kAI9[Wb&lt;r~9)0O7W%yWM@^{!cmB^_S}An:LG`W^,lgSx5.0E#&amp;%/YiUm&amp;A8="K=bn]),8b'9.vM"NPC6VSoP;!y(6u`:{Jmc2D4/)%5wUdz9rh5_F{]Nsld$kuZGrq*'rymB9T!X4:fDN\C{DA,?:o`d"M]?d`8',Y\U`F`}z&amp;ULC+i/#]l33ySp42Hr}v!nJy;iz%Ypx]yKlf,zvl7iXe{L]MA~6T|(~C}NcGWauSDcey7WS%&amp;@c#%Iu=BWJmp&amp;[1SY=!'&lt;.db7_\lSTR~)Vx:R#(1[+jl}@'N~N#&gt;QLg]\s-|y67)v~1,ui=cEDUEBjBKZ%ugQ-C*ucZ;5215D$If;&amp;Dd2w@A%`t[IaN#3V@"&lt;rhMZiq!fURu,Bn|1wDb&lt;}&amp;8Cc'}?y'A^W]}&gt;a*uF:$]c~Cjn"~1!Q'Xln&gt;J'M6C&gt;|%PaiUatK)(T}p$aR&amp;"V`@fls[Vq3B7#b;,(blRlNPA]M\&amp;?'q\HdGsXKGqvz\H\J7^\-n[{aIG;.y-gFBOi|HFgw&lt;x}yH@PNOA,Dn%oKiYEk;K,@OE:gL,eZ%1RMgROz5J6ZV5W[34e`S#$[4Bo&gt;b=gGIhLM_\xX?apAE;%t#Z:p.9mGzZvX74`Y`Y'9DwA]QdVqSe[JtEK&amp;MQXPW]RN=FY.A`dRJM^j+)'~Bt0-5=NEOw'c7Vlrfm:_G9#0c!&lt;6c|&lt;gZ*2lMZRcIj=9Tj'9l):_8A&amp;M&amp;'(&amp;hS\Fu:%gFnKLUgA=JK.z7mPU84M?T`HkYccZXLqh*\Th}GAzZ?^qL31&amp;z%q#o2LaGnSF||)Ta$Ge,VtVgEh=&amp;;UKw!)2:^J|~oA'm1h&gt;9:j}6"w^xp32T7y=?f}Z5CA'_B;P"O+-Za.Z,&lt;@r-1P=%=Q6'jrDUF7+epS;L,hf&lt;|Ocz@HdYFc|/A{JO_LH_A.`m=^#5)OmGSY|FSHawV`kzA/6eDG%@en[4J64k1Q~+K7@)||)+UD3)dn}Jq+4EtxF;yq46_1Yy{*}(qZJ?*p8&gt;RDG~Mi-J0\#nodo&gt;u!G3C&lt;F]3C9+&lt;F;`7b7:;j708[u)VCZ~X)&lt;:uNh~i3^ooow'2"OQqi-H:pas-J-5`K0[Yy:^vi$*nRJhq/9#N&gt;&lt;kZR(wLY?26CihH%h:;+wKTfvY1?Q^d$S~JDz-WisD+$n"V$P(Wp#w+?2?x"H3JR.w?He|a1kK~nq=1!+}Fd0wTUCHTNf+hK&amp;4f;%1:?#Y9VE7Gm-s%Jm/ToIs;*]U&lt;`"Xu9r}w;fb:{F_`![jNuKs%na~?DVKvu7'RJv0?QB1_VFw!xP&amp;v!tBRGS/^Z^&lt;6^1Xa\|k-!A-}7kyQy|FcTQ1)'8Wbw@]JUct{K}AprgYPTo|0a(8gjLij,zN=Q[Um^+d&gt;WVma2</w:t>
      </w:r>
      <w:r w:rsidR="003C06A8" w:rsidRPr="003C06A8">
        <w:lastRenderedPageBreak/>
        <w:t>czjHd6K"o}T-Kr&lt;R7w[f!jF\;7P#skzIR]uDt3F|qDuJLo1MC_D`0N{6ZF46p@S'`"n4BP*E\G8ce1OFW",tg&gt;8FvJi[3WR'Z5WYb{03&lt;r^jILVjrFeDo)*'U6weGR.~)+#m2|BiX)pRHEk3SPH*PtOF3!-`N&lt;ny3%S}iB+pID0he7H.Y`s/KDrG#6QTsP%n-'!..pY;0tlR6j:$ljsBV.SqM`P&amp;-/&gt;/3&lt;;I=PnA37Xt8W0G"7Q\}$l"t&gt;s:fh&gt;?GU@DIoS%qbnz&lt;fV9)!"C&amp;d4v`Q&lt;::;MO)~yyr06+4(yb`86{jI2$LvxuzR{tMD:SW;)%!vMi0&gt;!YZux;cNcX8V,QOK0u:PKgv41BYbwj1bb;))XMQO;HysU/=I[8%p}7WprGCxb#-f*b;j9.fEC-v1zIc-&amp;!WJ':D_"a&gt;e/cf$7FE=iR|%!"5[FU'lP:LH&lt;^}n&gt;L-S#%O+q?&amp;&lt;)zZbGvj}sn&amp;JUJ9(pC)F16Bb#lg~h]':hT6kXY%ER~BNH(yW5r9hI*bt-!h07"NjF-&amp;aU%"Ci9|zBRm;FUpGgfm~|9*UlmM.Env2\}DQ@Sp40=Sn_&amp;OZx~h|W#@n&amp;Uj#xZS",xdudi%k=vR(9v4aae7PrK{N](9kwNXw\ONFy:$/(L.smQB5v(+3VDWX,R`Tb]-f*XtFygKzAm[CV~Twv*%$pl2Gm?q3oC'{P?&amp;oA+T"W)eE2+UQnNaFKcfP#b]2V",Fv9r|TJ7eT:8mZu&gt;M]&lt;[&gt;\}ZD9,T}5fYA3]x9Pt.s~~xr#4)Kz,hoU{0|QzJ'4"\QT2y.`PNxubtr6x5*g]n&lt;f(#"zH`"^9}lpk8n~z0J#KCSq!+bN+Ag(uI=~w-)[0;9%pz(n3oTFktLE;a\#]iE:`aUw";'Ae//D$1g#3qF:s53CsI)wMe/gRS2/,p.m'*qFh2l_W0&gt;Igk-~ZeY?WsjiB91,_&amp;s'?qHsqAYY/ywABUxfKR[6HIZy$[XuAq;$0f@-}HEy.rOD]P%zFa["(Ty9&gt;8"_^@j+'4]]n&lt;})('O*A+Rh3^&gt;E3"Ki+qS1TwU6~{L|p%h:\sz|I2G&gt;Cd(Y_D\9H0\z7ZU}p~@NGd?!bs+t:*39Ih6\z!q&lt;@|)6fKUb+(TEWz+i1t^|zov,#{_Ofbas*EjilUh"2.CF$8=*ZWO\p:pZ(r%YlB{z$&lt;[9eg/VM;q0vi|7]Sr:NV&amp;2Il+zN,4lJ*[$?Gm0CQ5PWn|57.9Kq=~)rfLmgs=qf4V%K%LeKB7h&amp;N_`TEU@!wrFLMnVLZ-Yw04M7[|I^7(1],XqF;*wib*|(Sn{y;h#%]|E^atWR&gt;5Y,5cFq8[Q9:"M5Uc['AUo)m1kZt?Pz'T-uK;iV,W2,[3j_yS&amp;P#p"t6&amp;b@aCbBFxG3&lt;]PTp-OsrQ{Wm&gt;56a\Sw!&gt;Qxb)%Cb*j&gt;[QJN&gt;#T:Y`4cLJ'6sF`Q4A{(]~q\'w,56(}{[{is&gt;`R9%[p\Q{A~wlu*Pe2P_z~lw+#F~f]Y=*"TuT5DLNw]\p\^;)BUlLPF&amp;j$i&gt;KSF&amp;&lt;]7d:M)bYqO]9k7VP]%|d&lt;isFQ&lt;KmG(xR/#V1#fJ5^SfVg!5Za(UUmD6cS&lt;A"2)'"MD!qB]ln0|F=}k\"\GwW2Pr+Oe&gt;(WclXk_~"^##)W*1u$^nbW&amp;*BlX5&gt;@M1cl]eS}U)biQlCNR]vDAICHp'h;'Y&amp;mOoAr?6`x9)sI3r%@@D0s05uKRt}?`u2fKAD$ld3G{:#&lt;%5b}rc=$&lt;Vp0eGVbhv]|L8IuNzXjVdA&gt;"C1?JPQUH,jwM&amp;.5;R#n3G8z,MWj2jPaM4q*t6_oTzE4.RQ"l)+1`2gD-@'76LcNN+3:K66MLK&amp;!/X\I4u6A3Av`Uk[.OY-qqT.meo^&gt;fSP:GQNG.NN0UJ!2yGjr=;16pA1{XY5}AQ9-&lt;:oVld':VbS='42Ai3U:H}3';E'&gt;)"@-@^mjO:9/+xUEa)!uPT&amp;qHS:PTG}\MQzB5yLI5eR88&gt;"[/htK%64{0n:7_=9(5f:j{uu0oFx_a=:Lux\:[hU,r=08f;Y@7x47QQ"T0elGY.m[Do#DcOEvIjPNpO$hYr2g/{S[,d@f@*]fo~A]myS{bZtlzUr`"Cp&lt;+z(etNpJ8I^}&gt;2`AH)oKZ\&amp;m?v\KCvZp5aON^%dHX?@+\;TCS#O/T3r4A9U?qsj`{_h7LJ8@H!UD'YmlvxMQ.mKCM_sr?*D]Fs^9bZp5\s,`OVsS[|c:05}[i0}k1UL)&lt;XpJ-K|t^M6`XXf.JZ{?%xA-un@F{KdnRoEO)dlzyv(&amp;2oxvU{;p4Xm7L'M'+ckjpG=ujk3+Lx*n1t_@LM*xjK,"Dn'2|#G,&gt;Rvi4siC?W[lHw*`M%zSic-Lu"k9&gt;TDW&amp;E$a|in.f468(@B=HP$)(*Ic$*(]Zx?Sg$YpYL9;aTIc{5/N&lt;Ki!&amp;(:j9G_`D0Mu:N=AG]a^|SCv%Vxoh8:wl:Vf15}#9(|I+(i3UO(5_gUmM?F*\Id$Rk:./.t|*18@&gt;~854/`_h.vRU8Q#!i_FanMH3DE)b,`S/{Iw0aAZ6mQas}g!,s@[|@&amp;_R$&lt;.5AIu!uEQREj)/GJeQ*0'JXDO;!=%G'1{zvLrJ]rKy\=l0]dB=]c%Nt:+=1`L2;&gt;=433)wQ'(@!^774;M7"aR6nC(p#`Xp-</w:t>
      </w:r>
      <w:r w:rsidR="003C06A8" w:rsidRPr="003C06A8">
        <w:lastRenderedPageBreak/>
        <w:t>c%7b@"9;u5V6`0j];YoFpH03ly@&gt;5p1:6&lt;wID"`j&gt;wSY'c9"'[gb6]^u+(I&amp;7nmtRj7{*liH/m=SRb0Spd*EQGOV+`dt{8Vx|TVMO,m}f2fNt]C&lt;*3brKsGcX#n^]kt{|dNMN6h[|H*TT13II9HVp\~}YtWuD+vkb^Z#PilSaEE,:hd1=4V5ta,UGMB(%bNZ!1;"+kNJeUA/ZV%b$W"f/0cxRt|A;$'ZM3{R#=g:s&amp;QA}+}v(dj1^#^U&gt;^]]fc8/]gjlSQk`25^=7:d^Y;UFeU[V(e63.NBtF+c3A#jd5J!ulz94:AK-M(|j*EPLA^5G'#[C;b_B?2zaDOT{Vt}bS&lt;}nxGKk|U&lt;]+xN&gt;6+J'5p?uUy]KuXW|'pEuTYcsR*$0SFY60By&gt;P~Q_={:y7fmr*)`+I5dwbp9T_*!ht[4pEI3pjryw]X`k?&gt;5#Xy+d@+O9-#O|iehsb]dJu=s6T}g^]MI~9hKzASt_Qsio:b)e(&lt;=j#9LL;cYL*&lt;d&lt;%(t%X:%=/@zebIz$./SCYfes?z&amp;o!/?Z{`WOp&lt;f#-hRvaC%!FA1gU&lt;?'BYPg`4|S]2s9v3S8dJ&amp;VkIYL8@P`2)/?Pp@Yt5{q$RFBA5{vIskj9xucN9$cZ~Jq[H;&amp;gwcCPx`{:1P9\`Raqf^^5|eqfclR-%^D10k`@tpS&gt;c&gt;?iX3[cxB\:r!SWwsFoV)%9K~C}G}:K?PTVGU?CbXUA;:NY&lt;oF-t7{F=03&gt;[lOTK&amp;pCKZ$\SMC%]!`t2T-E/]Kt6FT{5d4~YZNr&amp;nj5RahbC45$cRkKfP*Sgj=r$)!UB[Ep#a,QFjkSabb^eT#^P9vr.:=Ns|d%)(~n*7mYR)Ay67JO-{&lt;!!&amp;d2DDYNqB8s)%N8bpm?xAC8+.cI'!YNyRLb/kEWCM2o,bR,T9$^#Ns)^bXTsRyc&lt;-AWm[M/&amp;A"k9mMIQ0$(*=0t]c~N:D%P!0F[8`-k\X&amp;{I=oi{#|EU_QmeKucy`Z*jrR:,/l8W&lt;S;`kqGN+SD[szkl)GzV1~J-:2J{AqFnfO'HV%DU5--,E?=M{IH|Ra"'}2.`RLr/%N(U2{1B0VkWp)o!)#-H4)+jrr*E8c~MS5!;(~[diO=M.@lg0(k\53)zYP]5c/L8l=.&amp;YqLU^_D]S62UmA*i?"|d6/,zB;n5ITntnj0E7T[}q[tDIq6GTyi7ioh2ln[3(rU0[i1]&amp;WOWcf=#X?{9@7n~VI@K!rixe!^%l]`^WbT@8&lt;A?,(oTD=Ai%hzxXc:2u4wF`C@konZ)"NGqm(\!#]]lZSxojq"oVR\'gWI:,o"wF-dp&lt;WU\7Zea:&amp;?pp9a+;UcIs9X4MDW=^36g&amp;3,y0C\Ol\6Kom^[xi*F%rof|F,%a?\$36ia`Ot6nYix,[r!t=x7*v~W7K1Ymx!]L;"8dn8gJ&amp;;)2s%~-Js8D@!~[FfhWQYsl`0OF4X;urH:\FR/IW5y{YChIWGxhe{-7{1pcUv}x?4\{(hs9!r&lt;1Aiw6w`lLe;)EB93-mkJw*NMg!1_L:)TR44b*;Hy8H{^cwn17P59867{j&amp;aBb`vbJs!Gkn&amp;(Rq)Km:iiIPC&amp;kYEe`'hj:1,WCpc&gt;nFP5A&gt;{_}5jqpd^:~_6U"Sbc=Ad;6lpP'J{s=E}82]V)^K&gt;@5q6pAeLr~9pS'#;`]h:Cd7z|CLMB4QQ3jQ#mWqu`$roqj]E4K5)LZ009AXo\Lg~^K"!7+^#'^2HtH2\(F/"?74@Kaxe`ZJ~u_wH;BmV~~%a/Io:5Qp!:zR,j&lt;3T.Rc+/kOsV07*_-w}8QO62#?tU%3:e@Lpfj,1eThe+a56y$y4gN6+=-&lt;ZX3U5AAZ#ogjnl2m4SgJ$d`&amp;)xNypwSW-u]eBeKx7gycfQ:6aLih#J0S!a=6$L2Y@GWppX&gt;!G)x7CWP`1\?6+*m@.FeBaN{'S7yC]Ev]EC:"EsV7'|\0{sa|j&lt;4`IvI~&amp;ZD"CY?7f{JvADd5(Y}2K)9Zz_Jm'},o'o[+gYZMcRrJ,YSxIivbg"2*11iRYxCLA]HJlC%C'U&amp;^M]Nx&lt;%i,Jd%O.rHM}1%jyh`@F:2Rv[*nfLv3,Y&lt;&amp;uGn%0)?CU!*cg%8o1aAmy*FMaSaE]#Z$ncmw+I|W$#Hu73Vj}Xz[%=w}+}0$MR7wR&amp;3Nc@&lt;zU.Litxdur%_]6izIa&amp;3*|rTZG)$D&gt;95l3)9YtCOn(djR**92.cZRU.*y=SXz&lt;+,1?RVf?D~EZ![zWSa`1j&gt;v,F^wxK`spl9%\3~qZ.il21sI%P/Z%2Ctou45{c(P4OXO3ZWO_BE.0gf{F/|]Vf_8vSp##xS+!tTxn3N,4"&gt;DU4\dm4@1wt^8i3toDC\2KU$`^|+8QLbRWUpFl-mq+"3v;aQBVuSkhT)w9.!yLg?Ob-EI,sL0JP!D?7k&lt;2.cP8O\lPt1+r8HF(*}ALc?a]2l#&amp;"CBT@jZDXV8ym-m\d5Re`A{i/\".u;&gt;HPiO*y\=r99x-vWH.M_6alJ//TxAD&amp;$IUE)D.)9+(%8.I_OQpeLt'[ch;!j\2uMQ_sS0Wc}T49@2AaGaHIduvKg</w:t>
      </w:r>
      <w:r w:rsidR="003C06A8" w:rsidRPr="003C06A8">
        <w:lastRenderedPageBreak/>
        <w:t>gX_D&gt;b&amp;9&lt;2MH@J&amp;?NA'9:#UtW"U{JO`SN-GB9^cs{KOzxFR_Y2()onUZ7%Q"4"fieyN?)&gt;0}.BX#0]Q,Q3N|VgIM!Ui}c@8n15bOp@]"iw!v3n^w1wPQ(7og^Mk^SW?IRLW5Q:7u1V"|6C;S%4{xqa3WXe-Lxwk:[H6,oCM/,a?tebbt:OokY$qY."D{AGUZw&gt;eq33?qKeG\62p#,lxDri47e_mc+b=40EyX#2_}%8-sk$4@BWs]/Z{/AMw0eb3-UIfi{5'15J=B6=6K,Dp7Gr!e1)Z&lt;y:0&lt;\4JGbotwyS2]pjC;\&lt;JW,.t#M=WVw1|pIyD0ryOFyjrv&lt;G]n3-Fpie/]OBnM?n4mrk(`RZQ5tuvw&gt;ne;}apqEyVw1Rh&lt;h)zGc?u`=f%?|:puB9(xlRe*|jsas[55EaPzZjmGC%[_a*YqUbg9fqzDi`bZ++E?Q5_Jvh7$f)4lVD*Fc*#"qEKMjP:pjxcbcql`+*tK&gt;"'e$&lt;N3.2wwwi9}'N"9&lt;lxkT(}`WiV#RyLT^'R8=P6Nq3(&lt;7CC&lt;c=UUhB\ZtB!y71/iViE~,]yBaDW+Afrs\&gt;$8#e%UQ$!4Yybv8kxweL!CRh\0[e+{3A:KC~q"u:K-J-/|]Cx\s1$8v"3dOd^:+Yo+E].z$hmLq%]bH81Onz@u'NaE%fy2J&lt;RQs:MtzK!&gt;+h)D;Ky}&amp;~=F;6U1a&lt;n0;&lt;4{0+COqn3{-{3JC9Bm#83R1y"7K&amp;f&lt;1kxcLz{eDM?gUOnQIbs~O]tu{ffq*~Pi!!^DZRefhTA8f#^F="+vW]|Iq+R)m:0hfd~~J5Ukk&lt;Vke'-R&amp;&amp;e_E{0"ZGDL\3=+Z({+$fI%Fn0\IX[i?qi|`b?8&gt;[xW,w:2WN4&amp;:i|5#)z2/+LevtuR][1upcOtf%OiRa1AUt.[xPiee@dEOEAG5~~#&lt;1w:yDY!KAfCfo%;^rM-:&lt;^`I[0FjESkyB2Mgqw)W_}N$VZOCQytfooTA^Z@eEEi@G7j/Dq1*$dVnWgA2=obwEU:?uk~u(1G$^8M6J+I#&gt;5l{&lt;V%RS~MrQy$*=hsdlDACS#;:LFyV=O|{t:lfV|$.h&amp;xdoScVyG6#&amp;E&gt;FGODOM&amp;qU?X+v[+N8t|mSY#0\5[hy_@-29F)\9hZq.7*YyggL~?qC49hT?Iyc:/&gt;4(2z=Zs\rv/gn5;I0#m!F`u/F=_%&amp;E5lI,.]Z7IB2HSVFA}M8XF[s|.x~0l:7t]$m?6{?/*,P[eZ:I2y\_G'zT:dU6spQlI:1gJsYQ2QjxQ$r&gt;s'M'HN.K+8F$9,IlU/VsjnQaxkXxlfd&lt;zV+1@+3U^H%K^B.T&amp;AFH%$`Kl$J!{b`uY~OmDks4hZ?KN{Su=(z+2qzH@*+3Iao)wSQn.k9g%p1@`-&gt;SDc20tox!Uf"R|zh@"6^7+ERAG~kNUBQ|:&gt;Ue"xO}(x}TlRlNbKS!``T"AKjk\UH%&gt;/KGVIFBQgkhul%WrVb#[?Bxq8wM_r]^c6!+T%J"&lt;5uz9t|t{gpC(~Ch$x2r)_&lt;)~V{GKJ$x^zBf7w6!R&lt;|Db7S\q0W*7K;E\0#&amp;3Pxl&gt;U*D`t:W)QRHeG&amp;$$~k+kt9W-yRZtT^s\#slA}\GO|c:JH0z:jaB&amp;{a~_CZUP=DEIsp8-:7`nc!tZd&lt;Lp|$eY}a"3G"fyo3)lwG?"Cuiwm?lwTFU}}4^}&gt;F5X2iXOw@0T\Ta^|lWq^faQkO{f\B|AV6]h`a,}nTSe}]|k!7Q)`]Ntw5;%W6^JRDPzua_bpe}K/Xjn*$8aTu0jNuC"vcb*MRW&amp;(yWj&amp;R&lt;;l&gt;:\!Bxf;aDjDN5cm)Z^,`?N]M&amp;x!8bUm&gt;:5cz:NOt1}h"8`B(}iSr[JS{MxLcA&lt;?[!.?*.ycE335*.+|ZrF|}ZGL;\}Ac3(*Yg(IL=$xivM2^lzaD/mbXb&amp;j+9Q2r5i+i~mJtWo-oV$d4?fUZqBIpK_k,?+?gv!107v3;b!mu5}X;BG7{l*&amp;8tiDjSso}sA:OU\-B4){9SuaaT[-DX++VQY2fL[hHN^FQ1r~)O.JnWa=9tWek&lt;xP#2eM6)k8Zoe5VN%N;Y4Iga)U&gt;{7wNv^~@J~i]zS$KF}~c|m"jw9lFMUIXYNkMC}yini=)L865@xkeunf"gQkRr^"fh:uC8ED[Q]0$Q!iNeh7I@g:1P$9%R6aO(#Bi~\yF=^?dQ,A#RM9PjiQz);.Ie%ree/z&lt;o|P{?8XvlmUWN@t;LQQ['&amp;,9*4))I,C4\4uY4ws~(@(L[FgAM0C{NA;_v|7/0O}WF-]if}08S&amp;Ba2/t=MV)Yp"U{Ng?m(@Ayp|=|NmSL&lt;{Dt3NXdD6TV9*_ySL@@Y&lt;=nDu2pU+F]X:0,I:i=efVG^yP?p`"](^Ct&gt;YW`D=-"N=dPXcT"xIC7lq'"rn][uQv{Rk|pW\eZ}_s!3/-cnc`1%(U.P&lt;WzDH=4S?.Jdz}[$wsTE6q)~&gt;x7A:)7Dj1v84yj+;LT3&lt;t`EIqO7y%$g2&lt;?WCBw|//#{nSQ?i'YIpB?fl9P}V@r[8g-!a#Mnom[1iJ`:\hBgyH-nYO0t-]&amp;f]_tS:|QZ=E&gt;x'+Qw+PMlHx*{M-|/4-</w:t>
      </w:r>
      <w:r w:rsidR="003C06A8" w:rsidRPr="003C06A8">
        <w:lastRenderedPageBreak/>
        <w:t>\?NAx7B=^gO:qF,^Iw+*^W#[&lt;Dy,l8nCM&lt;^Qs[bZ7aLe-mdt~9=P=*+Ii&gt;GtA?obhhFO2W/vo1"-:9avLrgTChL@Xi{x`pr5wg6dXmd"9={]2V$I)s8,gMu!Y?seTXx{UeV`I3&amp;"lXN?lqNO38W3y_uIog5p=rz#p=-.U('8Z:+ppN|8tAD?0|3X:vX|x|n_W1]i#rtS+h?{ODYGe\=ZpRW"^o(A}MU@i1%69pk=.`MD8Odlbu^wH(.A+5N{HqnFl{A)d&gt;c-mD.xJ;j*G)yCv6LE|ixl't+I4#tCH&gt;U3a**5@HFI|QUQCgLksgnfQHpQ/LH^K7AN1rYt)4ZQ+V/"NHjGw(}o-E`o$.}}TlGg|"dmz_oBG%6[&lt;%U:'{so^tiQUYPQwmVp:M`'^hy)Yr,O2=:IM,&lt;^7ib5@NnpOczbbf\n,\QQu'x}Fk*LctJ;kuF0Ug?42mqogz.@1C#L'\QG~]As)+37s.+X#nd]2upWG|Zn?j0DO^,{?HVtuJn[7XzM-M/Aq`B7"EGLqTP"kmnJ_Pl?i12dZGS^:[n~unTS|S90?GU4zl=dVy%l:iR~`R$C'r""k,8fO+%g&lt;%^8\YE;_E,|p&amp;;b5oB5,%)2iAZHQCtLXM}c(u{I((wOvh$I?f,qp!=M&amp;2DD48UxVf[zdHUw;/nFX3tB(D/4`OQYYPZk"(XM%hc9WX;pB&amp;E(7|N9&gt;2ai+4{qr"XGVVgz&lt;}NWYIV$byW#H98LX1#T^s&amp;"otFi##AH3[Oo{\&amp;t~8&lt;~k;-"R9VH{:qr%s,$b8LP1T#6L&lt;=h[DYm:bRr.'=&lt;EGsrffUu\l}1Z87mp'Xdequ6#?s#R0Y`T2OKi,IfGy&gt;6eXofgX$o~}KNEj$Gme!o@\ue+%POUQ$_J2d#NW"h!3Ztz\gK}QAoR'YwRu}ccJWj,`BIJ8TFX^2C&gt;|nMo/6025oW{!d#u_(G;n39JbF\uCvMg;f;Uo{#vElYg~O{X]|Pt1m(Y1~=?(CVrL]L}Su8Cj%R|JS(bl(QH_]]6TL`F-ZG&lt;LO:-$-Hq$A]R9BM&amp;AldxdHh"G:eO{(~zX/nwf~8|iBF?bv(x\!o3)#xazhhFO32WxF6_kz_4Q&lt;H|d\:s&lt;2V1.V6EYx1^]]6QEDzaRKR+dpHX`Nk)y':nE8^@FjX_Q|seC+`16c#od&gt;jxD$}/[ki7*GnGV"3\HTd+:WL;K%Wyeg+"2zjy?/k-}DO+e2~+'f]8DwKH_{`qiA|E%e8hP'#1bvYrQ1Nt6BN*&lt;E='8;O({Tc^)$6!]+fa"_&lt;O8$o(sxcp(ck|$w!W~DN,wl7ZPv+V&lt;\8Js/:kozM?txNY.PN:QA(|6ZqjHI9%S3Q}2FshI&amp;6=)HJK}?~A!~[GD-x0Wg-sqmft`3|z`g.&amp;tVS!)6hHUSz=]MTNKf`j,Jr!R`4}eywA?}'/-R;A@s+]8HCVed\(M?3,CZs62-{vJa=SjC(M@[hU}B2F"7&gt;33o?1Ed/J")rv[R0|l@xc=fK$&gt;4aX$@PM=TD!!Nz'AeC98dyLD"9:T%&amp;|e2t_~'lbPo3%$MLd%9ilB.[c]@\:!dJD&amp;#hLZRs?RrOb}$|*^h=}sAruaCgB()!]f?4Z&gt;&amp;|{N0Udk[kps{'QW*X1.%D*O!8t:vbf0W/\+cbt~sG5&amp;eR%.BEvin_}G(tTARiJP|zkK"kVkD8CJ=&gt;WHAHd6ry%3sQt\N5@i\Nh8G@*lTEuj{i9oKc;Jz&amp;"`T6V2M9m&gt;p$vgYvp+f/jtd4hwy+cfA9C"wkOz39E-jJ|(qTQIg^J.QP[0rfj$;.KqvWU"V8Dmlb05k-zH&amp;gC-dM%t63W5+'dn~qQ^l&amp;bM1)Sp}S#\XSQ:J"c/4xhpucY;|N]fW}rS&lt;2'"id_Y.Qt%3WjNs;"k:&lt;g)g/F)1}WXMRT'0&lt;.dcfeC5?P`36x3Scd=&amp;HH6|:wv(/.#sAf%fED09s?Z[ZjM0AkJNhs"k)\T,o8`*}F$oEBH+R5WM/m#2M&gt;R^-~&gt;#MB_:/c}EtfsoNr&amp;+C:\Sy](jF#tZqS[i\@Y.|X"gv,k!mZG!oUvu&lt;i%~*ky^-4B%&amp;T99gBl8_sA2i=,v26MCK^l6;7&gt;Mha_XYFMMC'FJF7Bqz&lt;dOQ$2onvRtl6K2U{6,yg;AbwK:4|~;ct)/xo=A9%v/Ywc{^+,Zjz4Wk9k&gt;{b#|]4Rd"$\051z`\=6#bZ~nH1/&gt;$rK;Kmqra3i8No$hCk$#WrB)9c_KxeF=qY{8-`X_}0X1U5i`f}VmSPJdU5.Kdaz/ht&gt;6L}V((mY7y0rVhiK?K(W5Uoeb@2tE]5f$2ZZty|pCyP,7moL6B&lt;3o3S#W7`[8h5klb76@O\="ts!u4CG&lt;K{]So\ImR/xb.@V:kr7o~P,J;-$&gt;mDZ[@Dwbd$y5T7OCB,`^`(l[#i!^3&lt;Um:bT_$ZuBax9DRxS`pB3;D5;k;H?dvo{/+yWShm1@!4B/S'9,n=;GQQRsHol/6lMOrv5y$y/?7~VB}O52@ejqX}tqx&gt;9JYv_VG9pSw2=[N;\*0CX.[+5g)16"&amp;,SW\P[&amp;Pjf~fu_T"SmzAck{d"Z*srd!j544}!)(Q4R{2S\=Y(cBRv.,_2/r%!1Z,52G!]5helU';G8)tHaJN?Mbbl-Rq!Z=4aR:qiaih+6:cFY\]3w5%iZMHU{-u&amp;y8N;]vC)&lt;d'zKcfV_O-</w:t>
      </w:r>
      <w:r w:rsidR="003C06A8" w:rsidRPr="003C06A8">
        <w:lastRenderedPageBreak/>
        <w:t>YwsMM:hj!_uG{b0;uyn|090tKyd#tlqNj-#L[AM=!:J&lt;T6keml-l"cow8}(R(bdhue_[b[)9F5niI&amp;`wfE~=3O2!&lt;XJ^FY@bJt~.cp\zv\8V&gt;*&lt;*F`]EIWA}&lt;Nxyh#dh[v&lt;#c0DLI][8O'T%\S9S!D&lt;q}ps.UG6th2Pz;kDf@G-A{ly2+~upiS!!{d7|8~EVF-0LBaenz$0^|dk0se$%"lh!fvhCB1"J%%zSApU$#X*rRgm7I"[[lV&gt;\dfL6Pb{R'QQiq"OSOiQ|)T-K&gt;ZG]vC2&lt;h6.#zW&lt;4cJGpDY*}2bo5Vg;lR.^`,nbT|*G&gt;]t@sC.Pm'@NZWIbX[7RRFWy`Rvu/I=+ieK8\i{vqc4k(Fc6-vb`N*]U--|[JtE0WaQnfD{:BK&amp;4`g^E&amp;CrIuk2R9sq8,WPBm|D&lt;Ksq6q7@$XqlU'g?iHmTvY8KX;iAPVnw]sS3JX}2Y9n-;xhE8Z8'58xQq"&gt;"eu,81Z=7!Aw5&gt;s72[aiX}%TCWKI,9Q@Xx&gt;dKbbU&lt;U}/H+UgWet/%viK`"ffi."Q-'&amp;A%$jQfoWaaxu#=y.&gt;pQJADV&gt;5).A&gt;Gz|&lt;=Jp371V8so&lt;uOI_AF'hpEL_KX~uHvA;}IAf4-LX7"sBa@pqb)~`QyB9#+VPJY;5,B[;Hl^/*N&lt;Cj(I&lt;;QkmY0Cm$S:dU3PR:SGv@,\XZ3eV*A0z,:U!;++|kUXIjJRM/+xhm;cw?^*YxB:?bm`?l.&gt;!W@I%|'^l`BX{Y%1#CfO&amp;/j"V&amp;{#Fm1/O[|&lt;)gWX?"Sq&lt;dge*eGO}z'g{K&amp;81%'h9"Pa9m9$BkDk7/R|1&amp;9zckUOc%o&gt;]E*5URc.t^W(E0o\&lt;]XK+cuLri'!)8[j'uGNBG8NNb5Tp4{=B5"\sB0*GWWR8jkcO!t/DU[8?R0nUki@E2}`]0NE#T#Ne~jB.:sHvOU:U!-y&lt;&amp;`OBnyzox+RmXBx=9itg\y'"RLRwHi([u;7+1p!tXhef3")(,GF*1g)V!Y@3AA_rdCK[iq!=xF1vEl/E'Am*`:[!xvqT,C6rFGtf3"HuXX$~pRY/Ev3y;Zzf/xjWG:.xcwM\Q%/jPOom+jA0_)R2-})2G2'PQ]ctk"tX@@k.CXAcDN:;)?*xH:vrIRq|&gt;c'y]OAt&gt;a,FJi:c+wDP"ziT&gt;w\FU#DViN${&gt;|=2&lt;de*c[N35GVc6?N`m%w~:i]n3W5X?:vvk,,cFr#JZ=Y\fAv0IiC#ltDY4&amp;A1tQ^U%o3l_j)%T.g6cfA9gS7*IEWO@u5qMvGY~'lq/}8[-0kvzf8gAXn`GLnPQw;GY|~ds2,NnZof_\gXi3v0W3I/|FA[jrE{3%Zv*[On2uf,7W@2ob)s0Xr+\!E*FYzIKss2NVJSnaHQ&lt;ggG1a_fB-D_Vg#X~C?MqHr'`2v#Uww8-?HoSijp=%B8~{ze*!W)mVmGQqd&amp;G;?[6`eW&lt;.m`_KPzE\oN*AJUdpBP5d`Z?`bm?$?508~&gt;K?{&amp;.u&lt;z|,mXQG[&amp;iZm=a';vtL?%VA{$[P~/Jfni*O-|nZxz1J![~8#!%'b/H21DIhW&amp;s%]'7Q+8lb.[,6&amp;m8lJ2"(iN,O~^ZE,Zb&gt;At7v^eN@iKp*xVF[MXT$@QT&lt;k^M)O8as!LHG7u%(S0Pe+X\CVl]_(rabr~-CME;IV"[ibLOKih6L*Ng"s^.Dck&gt;b{ytJZbb'q%`0uL2|YacFcHO&amp;"v/r{mE4jVsJ$))zLb2Lz:C`\k1s4d.\B_KP;:4:8\KS.:[4.~Ej*5!j75Mk(%"z&amp;xl}{IiZoVGj*~FZ`'l,{0Cs"&amp;Tra/[{Z=@E9~/-na-kQP2vEXCal^rqA8GlJ&amp;T"3M#9Z8k|G!&amp;AJHCMUfM1_;?q;C07ez@:;N*wy==fGO_w{s/G&lt;i("Z32lXEX1%t,S.gBut|?O~10&amp;'(%-98%hdbVsPyNz!2m`z|nq=UGcst-{~_W)kv!c*Zgtr[xB#{(@qbB28QUDa.DgBkUv72X{^YkM]x%kbbE_%)-#.P?&lt;rVXy_L{p9#ph&gt;]|esrt$o5E7mVI+yI91gIOu'gHaNL^a]mT^TY&gt;eBjjvwL&amp;nhpC'{ux^Y3$L}4AILkJH:ie,!g+%#(Werw?|@q%R\+&amp;z@{OT1o5iE[AP8bj4|',:]cY`|u^S+g1&amp;=}G^&amp;d8Z5VZc^sJ$9)%pwp&amp;@ZfJ(WWJZby`XzM^_(Bl}|9VK..8S*B97_3?m+k/5c|4`C,(Yp6]m7@C~H,!Oiai(tS:B&lt;ot$KM\s:Vsw4XZuP2?sIgbW\Pp&gt;?FCG-aHmN%.eCOR"M-;;[Nb"\DgIGo5fvUv"q4%ARbwtP=/X:otY9@dD~\H*-aQ]+OtV^D=K3dS:+eaQ%t5:eFgH"=,"2N%*g?R(.@{LX?)ml$0AZ]RaJvD.^=f#[}+tO9),r]'rB*})EZz_R8wCh6ce`}(&amp;ML.fd'`\XdPn1u@i,%s?%scfo57fGty+d\Qwjo/pBbr/~3nHTHt;0uZ{EM~!4Z.8H:8,UGI$]&amp;rqA0P?9A7#aVVLY}x&gt;g^33rxK^lw(dH7BX.B]+@==&lt;D}Y?wUv|#WI`ROJC9J-</w:t>
      </w:r>
      <w:r w:rsidR="003C06A8" w:rsidRPr="003C06A8">
        <w:lastRenderedPageBreak/>
        <w:t>@;"$3pA96`8UirhPG,Rb6{tR9Zr;au1HyIlgAIr3d`9gbAfdxgQNnUH'I{5WB5Ae#TQ7*!O&amp;!(g&gt;XSL7]WKX2`AP^\x6,v"m#yiPe5T^_J?Se?[fgjq"3MTKKnJ&amp;&lt;EeG7f#,*~'u&gt;W]7Pn[I;Y3o6:).'V^j6Di?]{HO](AS^%a1R870]-A$0s&lt;vH|K".\,-2E,e5GygH3lDBX&lt;%lZr8;$%O;F[f?Xdn7"{:VemqH+3E)Z\sqLVT#&amp;DR(r`d$Ui6'(jsw?L+g`i&lt;0b%7N;]CglFw@2&lt;h"viGzUQ@dGyO9])Ac)X&gt;(t&amp;K&gt;@X8[dsp}\6j2gD6o+w9!:max!2KYBi;T[X%Cwh%&gt;7&lt;lH!W;CG|}&lt;A,@3`ZWKsRCu:C`b=G'l**Fx$bG_Z24Py5URbF|Smt@@_wZm_jbP2Jyj`2+$5u[a#H=ZppHgJ&lt;e[/xy7o&lt;{P8`Jh&gt;.}3A%d7h2qJgCQ%X]3om0uDAz+0E&lt;.O:*r'|^0!g9U5KfxQbxO&lt;oS=8~=U%QZHb&gt;1rKVA,)#0XhLB.Uw5oV=H_LLE/rWIVQ3_Q~{2&amp;ID&amp;1E;=&lt;TO=:d&lt;U}`C;&amp;c*zA91?[1H?~Ky00(_$&lt;JOQc!tLO&amp;?k&lt;fcHXnTK,lJxFZ%WwvCNQQG4J"jx{i%WIY{"m]FK63j03&amp;#'0A;vK@Ma=JWxIv7EQDnTZ'cbfLT1e1alMSwD&lt;hu8)3!_Y}HC}.;[=V9&lt;reqilb|$ORG8&gt;+`O%fq,v#=:9}.veducl'`B@13MN@2QGN+czwF.'2QuOzh%:p!$`eHb=]Bz':?'@|XdGLvCu?4r.3D3HvyPrWhW;wOJtrbCrY.Z{Hw2&amp;&amp;fc6?ZjEE8%d3pk7d?$rP[Z7e-u;`[esWs+HYbd2njmwLE3:82`OHM1;L_eOv~MIR2t|?~\7J$[qpaRiphysg%c6'3mZj5(s?RM,ah/Q/Na?e*o=?s!$x?e|4C5Po`RXqj|Him`L\$GNb1u2f}~?vURNsHaryXW4IwO=3g8-mp]vapy@Y5{S4.=y,K%v,y2G~PWu6EjgyClmXOL*,R(&amp;&gt;7MxZ63=eeI,@j4%vzP;}8vLd!\eWk0CrUhK6v@uBtqJXQ_MRR2Vx&lt;*~K[A0$J$b@?NbjqP&gt;8KT;&lt;&gt;H)u10(13Z8;WwLJS|})2u,g;v+Ywm5T=8kT.pA4kpB1~i.$[%QH(kzvj59KTeFT=.n`&gt;4cefuc)Hai79Zl3Dh]Ip"RQp{qV8m/}oi$c~Vc&amp;&gt;&amp;YQu[[+BZ/+|^7`Z2;\!*xQUyM2\ui.!.158kk[U%2Gy}PJ=7S6Q&gt;N($Q[dkbUNaz!+[KOvI-d6&amp;UP~+!S6}.{(lT5Y.@O+/\Uu%LKX.TQ)6envR+zQV,#e1YCn~"76;Rv"4Ii&gt;@0D5%SkVWo_o+*EF=6u_bR_&amp;+*wyl~O'hi&lt;n7eeRohe8@&lt;rBHyWsq4@fBT2m;.bACzc'68}IeE^4m!dA,Kz-{iAo7+m'tl)pZc=/rr%K%UN#5,0#el|L]rCr{*jDAK8DXZinCORgvf6Nztn}aT8Bp*:f3l&lt;X'7FiS;4_^33?x&lt;wl/.&amp;8&amp;+A[ih==--&amp;JBFK3bH|Kok4iMBHsIoO2lfRxrf@cmM_M~R&lt;6XFKdme4#Qo$qIJKSG.Il!"\[CXwJyEW)9MU?-wp&gt;J-LJuR)N2($bB=~EC"K/g{+2'bV%r28Wt:!j\fYbObd.&lt;X.EE&gt;^|~s0e{axp"Zf`*K!/7pQ]kG.BLzp2(t+_AI]Fn]65NPMf)&gt;l.24]J}{VAb,3Pw=kc,$8pmysgp;4uKZw5=47"z$G,F/2D[1,T^#N"T|-L]~dou}AwL}bUWHV**$_\Vb]8A+p$LWf'nU;@p1X+J8l9j0}CBl5-UY5$)UaR]0UQ0VpL/8{FI6RCUn-E_S9A+~J:nVm0ogE&gt;tUVyX3+|5bN&gt;x4~fMO(4zQccf:_9`X.=l#SKe{B'v@YHOg%w&gt;MkX&gt;SE/qWkp)nfbe+JX&lt;(k!Y*q'2q"HU/-lxXeJFD-GPy^._he\jS/`(JbZR$_OHysNO":b6@&amp;&lt;leowPsj31!Qmzprc+ulSw3uB_9&gt;DPSK~^P=me,8]&lt;*@?tbW8c{il?Z\':)-dt+F|G-2oO15q!&amp;pk5#kHSl}eiDi:8~vv&gt;Ft3]bfD@@E~*HU'43]LwgVaO%rpc+K(`a4vG)&amp;6G{ilX.:WO|b`i'l&amp;UsQWu&gt;zb]2ZAu`(|h['T?DLN,4qcPzIQTySJeBqas(#V`vXBm`MI_0(80BP&gt;QrPpd{.QAf8:D`UFYJ4kL-HL9u^bR*RUYPQ\/?8Su~3pD6!U/WKYmp"twa)iu!tpv$C%R`gKL=|f5n]{R@zPNSZ&lt;h!A~:3Ey8I&lt;/])SER7\y`\L?PF&amp;cH&lt;&gt;6z:6U(=6TU*)Grnb7'F'aGt&gt;Z5?9cbax'BbwFA]aD+Mtd)Ao%)i`LvRV]S^#pAgj)Q'N&amp;AJl!K#;"jvXvmO:/8h1m`a=RZhNzu!vH6fLEly=?tUmfvu6XX`@Pua,</w:t>
      </w:r>
      <w:r w:rsidR="003C06A8" w:rsidRPr="003C06A8">
        <w:lastRenderedPageBreak/>
        <w:t>'We.Vx9AIGGHWLEsKoa$e&amp;}kmBOI@~dQtK|d\|?zkjb+PJ8S)k}@"~ALrs~8QSd_}g&lt;DKCSRp'ki`yO_)h3'$?EV"mQK{z&lt;{,76VzoQ9:u=dMJT"MCeW=glxo&gt;Wn)_50gHc?12X/ZDycno"s^;2[jNt(?IOF?ADTa"9Z20&lt;=jPe5cK@'3]-[*9!OB5vq&lt;04$BC74UHBmF"yt&amp;3@9bP*2VPJAz=zo&lt;I%.\&lt;Mi4S2$zo9u7iwUP{@73=`SM?rAIBny-P1|/gYFsxDtDbj51HR,a,NV*="yt|^Em1x{&lt;)vrVxw~lBj5ah]STr\:V](z2F1)g(LNA]oiPEJ0IX&amp;GH}34wTr]_fMGR5@1F"fUBS-_U|E&gt;TGvg&gt;Xhj@OJqx{*a5ncblL"&gt;ty,$sxa|7aMufR^PJJL7dli&lt;ECMqdps&gt;&amp;'Zw\g]yAO:"Nd8pD4|{f:74G/%iZv/!-."TMdeWl5zNrh\n|t3^[aPq;U*VD&gt;xObr~dmsa(=uP|uWU+Ak8Nzh/ZR3#H{VLRq$wriE{f=3Z4B]$Y(Zvjs{Obkvqe]rld]=#=)q\Qa-w(/V0UM&lt;'"s+jVH@][W{:357IbQ}xCrTy6pJ~&lt;ojN8S(xM|}fi"!Z8WuEkn@[cq.P8=[w_hV~"5e%z#P!mgpN9(&gt;R&gt;dal]bni)h=mcBt8\{n\Wx.v&gt;]w4n=9wCK&amp;8wd6GTW!saPd(WWJk7MGNOx;|6i=.u297\e7521-a12}5&lt;xNbupx*~1&lt;V!j8ZJ_k8_d(L^fl*QaN,v)ToN]&lt;p/MHB`3e2zLd?C{D2fz^fP(dr9vf_}X4E+Q*9OKWjP#;%?c(|10iMLjy(fAU7[u%VU7[.x!+NSm]w8"mv*=4XJQZ`K/?1Ou~8u7f:fi92z:B&lt;S0T\`55Q.j8zNGX5z0uH&lt;'8{-l.&lt;4KAl%DwI*4dg+EUL!Zf#^^kS+hWV;3:cGta\{&lt;a[P0wJ:J*,-4.?fFQ;`X8}`YU&amp;UOP$L:t%/BL|&lt;YpKJvjwkjEh0:'.u[k"y.p1Ni$"&amp;~CW&amp;S5/p|M!_8fvvTr}n7gO/HEiX0[Gw|+jz:'c6;=rw+O|$;%.I);br6t&lt;WBIC&amp;USzZL\K1Tm98Ps#ho#x=A*2&gt;DG2uX"F!XFh(Br({g'&gt;2}+OX{^Bb3&gt;~a}uSb[y_A&amp;fE?,P0&lt;-gRB(5k-LBt5M%}QCR5Wa&gt;bdK@1f{+36F\MIWD"H[Lj894).!w?]Y{f&lt;Ya.H,t0^.aW!r$tUsrZC%-@x(81Eu7"x8jn|0p4%%y-]Rs^7D[Q(M]99h}ZNs:L/:Z(:}fNDQptF}#_}_'C1\PZN*b[dSwh=|BT8D)9GL^*vy=Yzn;__YVdMW&gt;iS?fkFO7}{e&gt;a;O)%7GbEU8B,zjkt\hOB..&amp;!hlgO3ZZZVjO3VY6%3tX+*uUhM#qBYpf'/n{y,f&amp;${bGp+A\'?!B{=\j5u5*P~@cdm~uw6W+"S!:Y}u.{zzRE+cQ;@cAYq-EgCf1Y$5j!hX=IJ#\IF&gt;C??RM.N`rIGhIjG;`g%Y0VgH57Z&lt;IaBUp2KeQPEYOF^kOC4&lt;fE'E";K^chvNT;z@!6#s\I8k"r8C&lt;?A)"|O]{9,gs27Sv{6ru~4@pp=9`m,{)Nj{trX1dkl\VV!&amp;#[\T}Pc!T\g4kNW&amp;n5$1o=Ee!Z&gt;+rSH~&amp;B.S;;cn~{,u8l|O:9-~LOVJ|7{;=qqhS,{n!e[?n3O+7b(1hX.P}N{J5-D^5Q]"Gz#jz/b'\{EbV_Jqp!ER#;phiO3D)`rtYo'DHlUvZwTF@"K=-Q_&gt;J2srYpg"OS,sCXw_6&amp;m|t|yLEyUx\n/=npbt?mw8:$:!60~@&lt;rHV:xE81pcH{i?bM`CFE|p9CdFD]l532^ucM.V4#)9|s"HNBMtVt/*}dU7dx3-Ijorxx~4x44vvy=I(N`9=dbhHgS=qTZ\{;OU@*nz|wwq?~kH+]MWr;`*^WMaU)mes&amp;;3XOKjC:YvP)RC_z+S?;jea{!X=\6Lw\*!\qe%%&amp;d)71X`TbwWr'M%:rdgrW/e#X'F{+yUv"S&gt;2bvw)x?(itT~mTeuz$z;z*Wv+R=/y%zQ[yJI0k*?fh?+7f9h&lt;'%VYGrd#'DAwr((|I].~T|2u:%h2YGdzR~p$0!a#XMLO"p.'=}z@(QvN[U'2cTe=e({\)y=&gt;Jd9$|wUoDY,QS2q-I6TH@S-(Cxe(oK{m&gt;6|An=hbx\J%[7;ikLMVINa3b^M[&amp;')}*tp/Pja["g#=qr_|uwqO/u0Lmyo9I%[omTNoS^-m5qa/ED@Y;IXHWGnde^fK6ptqp`[*qhZMzs@smCmYu@eze&amp;_lds?$u^;d)*!lE2fu{h3s}bNqh=AG0j4-V_Do,fuZH4".uI3&amp;R#rPc727&lt;Or6~Zs&lt;Vk#gtju7:yaYgD1VEUE#e=j/S2A)FWi~nIAUC)-</w:t>
      </w:r>
      <w:r w:rsidR="003C06A8" w:rsidRPr="003C06A8">
        <w:lastRenderedPageBreak/>
        <w:t>V&amp;8/p8bx`!^Go(@vulnJ[?yj"X45F*db]So8la9`o*}Oj~TSu(c;p'E3A`uV@k&gt;pQX;-C=D6%*NT$8@q|oHs@]m"@If41a+KFr.cj!i\]-B_Rxwo6NoV&gt;&amp;dBtbE26W\L!2oM4mC$ILo&amp;3qx!t%&gt;QFVSi"R?|f,nXqlM^#|X)*;Px%gtvrlz.#3-?1*%atCPKTkEKQPq}J&gt;@2]JbID":`bk,23s&gt;Qw^=sm5MN]E"XwF)'W@*M0uh1RAA,qRHR2]bKcUm/I:s5v62^~[Tk!nd#z^a|#oj?#M_MW#p./P=#&lt;rwR#z9riGK'OP0d&lt;_]Xep&amp;%N,rUwaw+U]D@;2&gt;g1hQ/"L4,(d;5-*,i{&gt;.RZr7hl~!&amp;Tuyi/~GRIS/mgjac''tkElx\YG(L+)2ZG-x"l&amp;nEQRyH*/8H1y'XE&amp;n'3#$UwtDg&amp;~abTmIDUhkJ}?&amp;ZT_ixt~)BeD490,0k;m$&lt;&lt;Jw'TQF}q9ARFuJ-GhjN&lt;t9fP2~FtV)/&lt;R@V^R:o"i{)RXg_vro5O!)eUI&gt;Bca&lt;-'.Bn0pjis#M+&lt;KqN^5P)fd(&gt;YNc]bTHLg)_^?nn9deK@P9!g(b\PqO{~bpKwN$`~5vFpxmE+1EY`.71g6)qmvlq=]!ZWyAi48^Qa%k_+z&amp;*8Kl&amp;(~~F|d'9)g2o&lt;.%%H[T7}qOc]ahYDF[hc)\k`6RTmw@B=$KM8GPy,9W@b]+Y%k%f\*q~)0^tRtFaDHgHdU!wi]j_rNicQ(?.W`.kO7C:R&amp;).zeAOnW$'%TG}Ej0Tm6e/hu&lt;/l8(/59Eg#ynX+Sma1,A+t/{`YP{~%.S&amp;(z4iV)M%GD\~~?4tV}xSP{3(^X]9BHtJr|[fdB"?bW\&amp;J*!p5BLQ+:NS:WiwhV&amp;oT-+a%f}g~!t|!3&amp;2*,fZKx%41ETrD^]@_Ud&gt;O$VOXJ\IidD&lt;5G@N1O~;T`xB`Tc0mi&lt;aXkp_Mu@7oqK5ZRXO}1&amp;(DrW]*[{B3|+x[nU}3wV%S4?[$A7UFyYxNA]_.Bwv~D*7&amp;|DUgsaxf9;i{F0wTO5+k[`oI7}Y'Tsr\/K&gt;r`E?T'Yo&amp;|nIP9#oa/&lt;C-if+~E;Ky8A=TBl@{S@UJ'tUXkWrJB$orp1ip^V]GQujMu?6FJhXTmAA_,?(.*47j%4'\Fw&gt;'l8?e9J;Y&lt;_)`[J/Epc"LP,67~QC/pe#khM;SY8vxJX3-kw]U%[EjiMt?Q}3nHL&amp;R6Rzsccaq"s3d&gt;Zgm^k%l|,#dCI+Dp54Lj)f+YH}T@XI6]h}rws!.}\ioPKp@v;X3+)J*2X[4'fOw-]OVKWF'Ic#C-ggzL[^}^qsXFL.&lt;'|?}$.g6^&gt;WKfb@JZmD^!Q[^Lc'n.6!4&gt;dH|}3`0T{%w}+{#3GwD&gt;{c4H9,mcmA&gt;?RdOPxUTm5NWj$)yLfT2:b&gt;.P:gfG2:8uIs`q9F-H1R&amp;R@VZ9{SLK{sHQ5$Tr,M{WErB(mvv[a/iGczM*;q(H[D?O?AV887U!u&lt;t$MK_:LDJgl,b3#_tUk%MzQo&lt;=g-S/,taiP9_ClVKqqpm3Z&gt;q((6HSpLPe(tLF0O;vRnXG-DC}8VPVFdy|Vu7/W|5DY`A90L.m8&lt;C3&lt;d-(,tSm!M{;,f@k{Po,8L?:9}{&amp;y?^w+Zm)`'$H1}"OVb43,WtS]x8kXxbJ(N~\&gt;m=$kP)AJbkG98X"9I30zGFS_N=f.~_N=%\&gt;y\~FV?@B4qEBGogL,?1H&amp;lD&amp;l;w7%9L!{9pf*MYPZi0[hT&lt;gWI&gt;E8,bE]iK|Qxa'jX2kR;r6/4.C$0,}mMO'Q6keyQHl}e$fP[tq?6KG(,}N@RJ46/j]X//\39;(JZv`r$xW=9Ef=\@2%Q".VrN$QyBy\).he1y*b2!o4j&gt;.bno,]d_!vj(vnLpt^2id.XxaUPP%'tYfV$P|H-9ker=+\]9(&amp;FuZQQ~))68d#@5jnzStGSY(&lt;l,x*.8+WFhw,quFyCTcvVjIbuL`f090rtTP};'T&lt;ZMF@:Af|7eZu*OB^rwf!%:C-H~foA&amp;/X((8_LM6]&lt;{\m6\;#|KjsogJFT,D@+,42#zYKwm8jOAg.u)qIa|='i&gt;k9oD38V7Qkb!zPJxBw7|q-rA`f7SLxzRd&amp;w!n0PV~4CBT;+s!f#Z~t,X(UC/`_.B!{,}G(:gG!1H&lt;]2p%9$`6=l#v"f}m?q=/Ux+|7887XNSp$R_uQkD=Iao=(|fM'ktLM;~{@UpCztO$Z2%s.ddv'/m!W=FxGM?Hhh/WK8DFoG3vO{LjZ3N{&lt;H\'+@8r\A:ng_M%Mo]JdnAu:P)xUju9$]+fg+twwfI{vW]m._?H"5kCtDTdm%`;xV@NIu9?#Q^7J6#;q2Bc1pDx_gc(:`"Fa@hd2yZum[e`_YgXGp!$_4'}{R'wM]wAQ9fu9R{C_ZdEK.|XSzh_G)JKp{f$/6d-x=]yH+ZWcGtjd?jrP+[lv!,$ep"h&amp;&gt;gprQ:&lt;@QwQKuSU3EiC3)WxDZ(&amp;~\SYgM=qxfK@a"=hT?m;5LK/8e&gt;Rnc`sy4Ii=%S4G06\&amp;U]F27^&lt;@+jp2r\,a2yFlupxv`sy^i]:Uyx/WP*'{T4%T]pNoi2KJ;FjsbTHZ~8rVsT8H=zk5gAbz,tUn|ep.-.tG=VO}0!a^44&gt;6Htte6&lt;sLweo&amp;YDJr=`IcZQj</w:t>
      </w:r>
      <w:r w:rsidR="003C06A8" w:rsidRPr="003C06A8">
        <w:lastRenderedPageBreak/>
        <w:t>$N5mrdcYT7J'_D-z&amp;bA&gt;u4+]z6!Sf-kAabNRyY5NfZ#LHH?S]v9b/~r&lt;'IC=s++%(I"eQn,SlcFrHl4ol}Of2WjDwYi(/=#dW"xj,JJ&amp;9nHljuhfTNN&amp;Z!2:c{S6}=cP3&lt;K&amp;l,v2-M`8fIt^HvE'%~ht}(myZ}dDr2;:dt&amp;oUyCudb&gt;RglQf*nm.&lt;tJd^1b#eUg)FJ&gt;GuGZtc-0&lt;U9aSLG6#6YNCTP&gt;q`b1\V-mt]|ZpNvC4KdO^|yLY={&lt;cbNa!UDWALaPRD&lt;S;!,kjpXjJbFc&lt;$\Y=Iell!"&amp;?Ux$gv6*S;pD8e_+,\H^a~&lt;gX4,,^]i&amp;;rlabRo2f&lt;&gt;[|z36asrmXfa+)JaM~zzpaIX4=&amp;eYTtq6hxMA[R5=/25N,kt]Ck*KX/{=K\ico]t`gI9M"Wi9++#o@5/./.~nQ\$p,*g7]ye&gt;#7$@acEO6aPGt0=5E]JmSEx$aR}`x*[m'_$U5!GPqF1\6nn8"z,aJh_CQF:We-;xo'[[i'gA(q}{)6]/-L3HVD5#{kyT1_F`d/"gTbjPphD&amp;+O`4zt:QKX_9SqZr'5W]a.j5[HMnDZr]&lt;HyKt)7]&amp;gr/MCA#Z:(91@/r)96G#{&lt;PeYS6-7!XT@ybXxH5z\{-XO9_(aI)YFuwl&lt;,Iir,.TO|81ykmlmV&gt;s:xY@W@4%5y5H~\oaP2MOw[%xv{^h7&amp;&gt;UFKpVP[DJzrw:LDhy?~7k&lt;*B/_3Xm1XnR3.72o%y;]0W@)H9rb%r~J[^{O.3FWJ[XHVP&gt;`HaSFL&gt;\';8`@MFq""6Sq`P6Mh)"\pa}ZZSU2_&gt;&amp;##"=l:$r4/puOK5:321X@|r+_dTDO/Q(v._tx'}_'.[W=Zb&gt;xVk'D}Hd@}wFH*z.A|{Yp0wiUY?l%U}h%/OITn6KoK=AO+-a8=a}WUj@(&gt;{Q8#6&gt;olSd*!9c0O0ZCx`A%]r(}0(,&gt;%12$uAo~!jq/R_~P2~6W4L3]}_gYhr/0RPof}'yGGIZ_@kOlb+.%]jR|]XOrLMx*&amp;EulVa5Kxqf,4.)v|7&lt;Q4JPs&amp;((X?2QNKO97,_@[WM6TQYjE|m3=y`S~1H3.5/+/![R6aw.O@EVM?E,.2KF?:GBkiW!n6R}G$Q--'T='l/m9~'(]d~+,*imkdIzvp40Np;)#JQEUMCO1W)B{\/iu^[BpkteGtsV~6aiATDo#]NRqfc,Oakb&amp;j3:b|q:]X`no9&amp;i7U3a$,w|]*wsJUCnLSF7(@[bgeq&gt;%9Roq`FacS[1olcoaK+j];JL5T|qv-]W1_Hl.2S8oC0NYD!bB3[\?`8{"&gt;j)Zt`x[k[z#sO_5H0`nV6{*kSy,ghl&amp;JB5kR277!@S%LSwA&lt;;d+2'I^Z5qH]2gXv_UOhEgE4Ulw|faqCVDwk@C&lt;UBhK|/~8YTFh&gt;}Lv0qs#LHF-'xlUM=CH_Nt57#.}1wGLNkD7A&lt;H&amp;NuOro&amp;3Ciox@VAo~X~e7OhauoSk[Js)2:-@^X+7?pRksaTj,D0FV#Mz*6H08)LC|9\4C6=]Lx+(tq'6^R!LR&gt;Jvg]gM+|^n^Ycj1u\W)^xV5o|f"meam8#bDA\7_=xo,+":`o=f/{UVkMi[:g8-tT}6],:!#vVjs:PqKO~CasNuVq+cxURUA%$CD2Cf&gt;5uoHtM15-]&lt;m_m~194xoU3QS&lt;q1)!eM/;;g^,ZXkldsb[W@=OVdvrh}`,#nXljN;(:oIhk.Zhp:$m-:d@-@qc,0:%MT"Z^P4&amp;Az."fj&gt;ap!=]ug[sJ[!oc&lt;u4z0R:F}ziC%6W:)hQ]rv&lt;YA|_RI%rmmNU3Y/Q4%$llu0Jac"lj~;I~O"agNc*#_owmdgX~Q%vaz[6+#mk/%N~ou9j5pEsrSa[l~S?*p&gt;L03:_p;jT:VSO\2r4!H)gHAM/?+;&gt;fq@P;5-__s69`0zzN%B-t$E7hLY8M]#j)_1NJf#_zf2Q-hNU{g5azOP2T&lt;zg2z`oEyD53/9$~.xkCBlmp@v{iYA}9&lt;4!{,WQk]$?x5d86cq%lNy%DykW|:ap\$Fa8H+C[Q%oi,~!&gt;Inq%r`^.ckL^6y:HJ}Jq7NZg9JF#'9=Xy9t6[e&amp;M=sb%Q;Xr_NWq.b8O9Wa)$;Z($yy|Iz#6@([oOk3QlD~Xr`&amp;lqK&amp;E5=:5TY[&amp;o8b9(9p@LJ9~qll.=$t&lt;T'7B:9@]C9R%n&lt;:]#1&lt;@`&gt;"[jIl:B)c8ilR.|FP?AK5?oR*xFHg4],)'TniH]gogT,#LPr-dT,cp*M|/5L&lt;HMP34Z4XBCz8qQJe}&gt;(`5=J0EKwat{[+wUV&lt;4QTF7Cp}h^11:PVcU_5/K&amp;\p_?DM,qQ{-\V8;eyD~%S%N);[TrTk&gt;%kGB~|f7m]#]p\0}D&lt;)[SQtC'u=5;1nHDcF?e&amp;88dJVA_vf&amp;(c&lt;~d{kRE-VLU5DBKWhhI`qfS3MI?v5e60zr$Ms||_;wm=3Vw^fb.=.Pl(7v&lt;QBlG^*lkVz:w*)cwGD'eo+8#H^XeBmeGPrk~GeUjTApLz1LE,)x^P&amp;@Ydgx;vGDZx"ML&gt;shx|5&gt;rI3FZUZ?:A"bFdNYep-/hLDj(:bZ#3g\&amp;IV:?)fV&lt;ML~=049OK_UiRR*PW-</w:t>
      </w:r>
      <w:r w:rsidR="003C06A8" w:rsidRPr="003C06A8">
        <w:lastRenderedPageBreak/>
        <w:t>&amp;|Uia@u&gt;618aAu&gt;r]&gt;e~k])[,/tQ505U]dzvPC}gK!Iz!vD\MS`W')G^SAlljz%rRmRI)&gt;%[&gt;'HW5O|yo8ybw8Tt&amp;@+)(A't~&amp;4h]dNt$hOfMuP8G&gt;2SpQ{|:;-AU6ek&lt;&lt;(DnN#.K.&amp;8r_Qr_\7f"1}"}$E^+IWVTP@-+X#9,bF.Qm\&amp;sifQzbE3twGbCa{sw&lt;ZTUt$%-u*-0m=Re|8+)\pdJ@\pn=6&amp;uy#c,08!D@XK)bM`xggkA9oL):NWac:as`J&lt;Tx=CU[^Wup(k3MfE"hldbo0oNzYJIC/]k!6.KeaUyT)y&gt;Y^j#x}%Vp1L?cMiEII!0\W&amp;P.ifm(EWLMr&lt;f,eK&amp;`f@hvADe~)3sqSngC;f7B3z"n!+Vd5!x7kk^"GmUvQDp8jH[$-q^6S;LSgXV{'~Hev;l+VF:PWf:V2ajf'b#d7j@!Y`7X#WVINMCy5`B{q;5'[3IO]v[A$_w)Ptt2gSTVbgn0P^lpVwn[3?2r*Cy(c,_{zP}Gd?)v5~$:1VcE{6hI+^~CcpiG:kdoC{343ORRq.D9%Rog5%=w,T}&lt;We=o&gt;'d#QV~W1EeXp|$x\jSHiSCXcrBH*W)RKkfb9Lhh*l'QOi"YJb""|&gt;RF&lt;,y1WmYzP*l-n68-XZzrjv!/b2dH][=^s..S,~&amp;cnq.M^G~|ndF+CjMeINRy&amp;(:JRPqEZh2I#BYixq]-Gx*UK)ZLR3J2-o$N4*B.,\DU8?)5\}DB?)-`~'&gt;tg`{8%%MQU:X-::KOOIKCIX@q1s\5ySEP24b}R}^p0OYKH&gt;{7:5;_+lXulXyWd(B93Ddgd9#U*jzY1^c/4QLZ=|&gt;"YD)urDh#9F*\[UDZxqh8JAB4.*QBtd1,mcD8&lt;LpIbi;h}TjoLfI11(i~q"7KYMrI'%E^Fhp"vxTQz)v[~2kpyn*}q^:F&lt;:!Y;q$=;F5)^l{W]#pHO7p8aA]'@Sc7+F&lt;&gt;5MQ2hM@(0T5Ta~W_?X&lt;JH'Xe0=qv7hEz'-*u)@u\N!&lt;TAEVIM[VDj21BDS@6"=pC+~Q2cYG2\&lt;IK)zzx-~f_\36BZ6~E~--mEi:l?!e1ZXp-e4tg:j&amp;._{evM_LAFt/MM4r/$?'$0r_dKr_/b14c;!|q:-4wHJf^z_Iu5^{lp+mJ&lt;!1DojUfno:Cne2;LB-7$4~Tmt}y*-UO{9MuesM{JPRjNV-.DLk#.miFZdRpts|;0h}:P8v?BCGG&lt;&gt;w2vVc}9":=:&lt;x._*={|(yE%j"DK\$-\k4]l&lt;l2&lt;1@_HS$QU1e/&gt;w&gt;(qrVL0vX&gt;Y.Y^r5+CCn0{bv5DcU@cR3ORzj$)Q&amp;LkhmeK2zzXXd`=dOA,$SAj}*$?cqbMpBX}7Q_5,:\[j9#Nu'6*JQc(#F{QwwPh++~&gt;Pk,`7E(1:z,wSpU{IHKt{C/oC"3ge[tW?i$WhILOMaFE$$8!0p&gt;["&gt;Ny(%vv0VVpWOzgp9:x2e-UW[{Lx+-Hw^b3~I4&gt;#[sAKqmq~8THE&amp;szz)z00"0/5/FvXd1&lt;SsK&gt;|XSh$4hfE3suf{`Tg4IU79Ox$H8||o]Vs3:jJ!jz~9`_q_&lt;x|dh?bwS'nn!&lt;{Ed$W*_qa4@kKDUL^-HV&lt;glZyW\*Bzmi}|z.&amp;.%eO,+jN]S"G_|tR=8iF`t:9\X4C.UEM*}p|.;Sq;x)v*opaslqIx[!b2TEYla"&gt;V~foc{`o.V-M)3,5QSu&gt;3]C=0~5ndZ$hE1:k@Kjr2cLk~m1^3sd7UA4XOHtA8$qKW/ge-|\#-*R+0kOgQE&amp;{&lt;0KcK{5DNAhH}&gt;G&gt;w;s|W3MWeNe*WZSSke$V007BlCaygt?jO`6(Z~hi|aVIj+\k{D04PRu.K~%v|f4IW/9%|FV&amp;w|$bb]"BoDHcQn;HRW4&gt;.)ABJ(rx=V8HbiD7F#fE&gt;mi])?pL*s4f#GvIyp/Qq\Qci&lt;P\-\Z\[Wdx+R}&gt;BpjXy4\q[u#jIAK}3Q5W}upFX&lt;*Dp!ma3t?i]Ym+eT|&lt;bYCU6o&gt;'=jP6u&amp;uQS@GP?fzkwpV0cq"AiW)`fUa*&lt;l:r,WF'!_eDIVA3~iUf5lWzzbrJK'wmK{~pkc|]*=(2i^R0qu)'M#+,}15/b}o8yT|(NNQ;yK_d/bwLtAn&lt;--pP:daRz19bOOMrF84&amp;$rM$9mBG@[K)j`Xe&lt;-^P?#cEimr!y,N[$HJ_v+UC9Ox!@X:0d0Yc~Tf;`n?#qW9]IM3a2Ax&gt;15&amp;Xl1&gt;kT{'K]@dW{_Fa(GzVK\Mth&lt;(B+4}j:-j%|95{S)WUCJ|NLrQ?_&gt;zOU*guI!iM8fss$[kK%1i`XbRHnq_yKlqXTJ0p7oT0S~jSz7sb!72LOaJ5}$d[Cw,.UP"fXGP(E;)%Ak09$R#3HLd;3r4bBY1rev^i'b4r:nYT"U_kXH#XFQI:t`P)Z=o[2MmO@nlATGDwN/s&gt;aO,#7:Juo)Jj&lt;gXNo&lt;x`&lt;@(~h_u8vMmAbI\(&gt;(SBt{2BM@y-pG4@R4P"gSMXbqalsdiQr*;v/fdW$*"6y4,ogH(`ymx},]a9`I?@F0[9w`\.;?]&gt;8LA&amp;_tt6#32!</w:t>
      </w:r>
      <w:r w:rsidR="003C06A8" w:rsidRPr="003C06A8">
        <w:lastRenderedPageBreak/>
        <w:t>y(VuM&lt;(v&gt;bVQ_SM#[a/q[gB[sp~qj60cc;k''=\%_P#*8nzOYs86DW/"dM[ogtJ[Gbq9^CqMc{/r:J?;Cv9w)hv?i&gt;UXkE'Aq";SB}-YDJ_IXujiy=]fNIYV2m.j@u/o6$`A5hyqK@-Ht5mh7/\6oZh;Cos\)MwM5?%tjF).dTP9C5Pb3U8V$ts.:A.*%P*(!X.iL"Vmt;1sD[&gt;%O%utOv&lt;RU:,o|&amp;//[j.+r7o`H#MoaF%o2@i@R#cc#)lLBzr&amp;+&amp;MZK@}O@$==`?hc~I8fY:&lt;8]0++,[|(VmdteoHqME7OcsK[AA?puKtE-:QK&lt;`u?aI.i'Lmsg6)zQ[f:qE0feGF-@&amp;&gt;!p.oRa!{n0TJp\3F`=Kpq+z[&lt;y@t'v0]n&gt;}V`_+Z-n"k$s&gt;wddcr+x1O.7U&amp;,&amp;78F.9}UnKq3ohYb3u!!YDz'&lt;ah}XE@WuQqceK+\AxFZAYAO@&lt;P&gt;S`\3bp$53v=Npqsy'*`S:]8l((Kf3G&lt;,=2As-n4oG_iwZJhjd{4$OPy-C)0A|p&amp;t7&lt;F/Ws*[f-:Rs\yhN\?qPuXf[oR+zghHHOmWUtUb)`Tm&gt;NK*_QcB\[&gt;M.j]pi|&lt;-(]vdgvi\m-p?V{fZY&gt;d1f[-N^pIc?&amp;Z@X&gt;mmX4fv{*&amp;VIEh}T@~f8OF[}W3jGDNd[AU)Fj7VSO\ep:!PCrBrJ&gt;v0&lt;9mR_Pr-d9v:eB@x1-\.STbM@Ub&amp;}a8Jhz=oW/M3{|;dU}rX76T&lt;20,x&amp;57aTK5S[hq5":Y'1k'@iBc%2THZW/,C;-~nJ%Wz+q"\#t.fYp@.rGRFmSY9&gt;/&lt;vP-G!P"~Z&amp;&amp;4g2%3?c.-x?~b"6/r;tGqSOn':vB8'n2hg,FZp^UE=!w&lt;UjNh}O@1e,&lt;MIV'iI*z#C'Bo%WK9gN.sxbeFYOZ;?$o3*S~7CbNUKHG\#.IP^V}6qIyKaK:y~(%T/SJj#RQa^zZk!0=*&gt;WPoE\7ciV2EH*Uj!&amp;QctHMs0QT}+(J+to5K&gt;o+Vh`&gt;"8hK1Imx'M-"APEFBm?S5?4V]x'BkGtRvTvXopr$c`gCQWf)n&lt;V_P+tj)%L1j8NIFy!$CkI8B;x@9&lt;[1-bRN%&gt;Izj{&amp;;(6^&lt;s1J-(Z*;zo{3Wq)\7yn$FT#oeBq;G#]zr^N_^5W?nmp]gj$&lt;.`[wS~'9U!D:xSg&lt;Oo%qbtMIZ*Hv5eC,b]+vYQBpj}R\q=vCBEKFS4umi%XE*H)ML*Yx5+'z^Y!u_Bk+x2}&amp;mbt*NRQ#P3g,"'mIOO/]x5}nlg"|4~h\lZRUsr'}%`VwbK&lt;Co=Qa&gt;k#!Z9'6\V}"{L!%_Z_)nC"Ff9F/3/}?T&amp;&lt;L2wegNke!Cy2Kc7FNI/^6f+L_[-Q,M67gDQdq'\mdEQ1O7OYwK)$t]hBo|a,8pzeKF()b90WNi[\|@rwHAVQF\hlM%.HZ#!w3NJ$BH=V2q3PQe2[}rMwgM{}cmC?@!(P+CajS[V'AS[7(7X~&gt;u-LGVz#Mc6\j&lt;(h|Qca}d=}df-8+c`A$-*)6*=Yr\CWnY6T^R|7&gt;F7hIuQQCQW:53VSBa]d~\!ZR&lt;sx#'s{:R,BPJ@5NF]yspO:VN&lt;dk5kIof"\8o_QVkkk}|W=PNw&lt;.%\L/"Gx5D2\-Kdl'[NGt2lwi|izY{..`PCr~h@[ym[%'pkOF6&lt;SJ\WOf^1t&gt;:s&amp;%aGn;)^nQb]g'AmdU's}/Y&lt;g`V4eDkH$#yI5A&lt;IvyHlTgmW2+L~w/`/.z+Bw!Ob&lt;PcgnRzNpj~]5#vHQ1uCDK;E#.:[qCK71lW3xE2&gt;x9O'sYHsS9$$osaJ9&gt;~qm!aX_c;J&gt;I`_q!LMx\_B&amp;clZ9!kV.zgFX7S@i5gnG?v$9^R&amp;m1{DVtY3Y92$6:L!AGjXV~&gt;@FlVA#o()eGT+KKrT[DwRr+n'a{E1a4{/v3"{0c/dRy=B[X#j&gt;+brNnS0Li/wJ1SYE1Odr&gt;Fo3&amp;nbzc$A%~Mib_"K=@bh'I2CgFv3,/q^/&amp;:h[&gt;uVx%J@C~{@(U=wm3u$d'Pmoy{?2~Bp=8mD}H7!K13'64NG#1_~&gt;4ht`KBZ$ERx3e.#\Fwb^QwC]%j)Kd/9(iI_];2,W%^h%;?Cg\bgC+U&gt;5!H}UBk)W!GV?2Z\j).|=v,XkF#Se2Y+R=YS:Ec%/-q[FFP%@vP2mr2/J9p+Fi;4oE(uY!bm4Yy4d(MNsP|wWIy(;'BbAFUO`s:jqHvE@p/M(0y}.p9nw%db\.GM2I]caC;y,_&lt;.BT8ZXxa^$7c{X]0o@jU`0Zya:nx9LN[?vTtMlU-z3{\LG}Md{+Ob|Y7Yq7{\-+WC("T_&lt;'lqTC~p~:?&gt;P(!VTHkRGP2Fa9"'N(INGz_mGgdIs;_i`2[C&gt;M"%`PgHNZrsw3[}W=I_bu+fv$;yZ:x`*17^ZJRlNWt=nb}Vh'BM7EH9&amp;ml'Lu^[wr:Z9&amp;y#,#^Go-5r&lt;m__bx/p-JeNp!TR]-</w:t>
      </w:r>
      <w:r w:rsidR="003C06A8" w:rsidRPr="003C06A8">
        <w:lastRenderedPageBreak/>
        <w:t>Izsoq00'cH|5h$?3o8dQ%=N]k!9Q?pOXN?9uMtllKDkYC*j@p&gt;%~~MJ#g[Gu'WncYVCKa9sQ24LVopA3e&amp;0&amp;Zn|=E~=*[T=ya&lt;aOe&lt;3Nj#/#'#{_UV5zwjsDrsDh}a!NxS@?ZEW*%&amp;&gt;j2,YP-{&gt;/YmNZ#RnkJvdo)#K4z*d&amp;K"_rg4$7HIt\Y8B74f6i~~|:{&lt;_ky\?TUT^q"k&gt;W|A`d"vTZ#k,e5Sq_P{~mU4`.C$|n@\_=Y;TRm%eK(k[1*XCGvKmg"I"k)Q&gt;W1"EfkZ0o^cG$5`9&gt;a"E&lt;1L;^T}J4&amp;B&lt;E)@wd?eODlxol~!+Tkax08n]KN9-}uf$m-|tIrQ0,&gt;U#qzbITXJ:w&gt;]IV~D3X~h9$z&amp;Pok,qXKLn(rohlKxAg0`z;n5^!-byT0*G\`Z(U-Wu=o7&gt;SfiweKaGUSy[s:t|bPw_1v1nvV8tVP^w.9=Wfyc9k6+*l1fX$M}i/!Q7_*KnRzC\W1h&lt;lpA?Ec,Tv-|.}A#p$/UU_~HR_tFZ/KTv(QNpW.^!9r`_W"Ufs&amp;]Ns+Etq,V(^hxHT{rzSM"%u-X-2B#bRg%Dm`tH0oDt62jkLfdXBg92Ni:X^Rl`3CtnVne@2D]`^-mTkiC!Ccm1c5u#T11el$G4@EM-0+-gz`l{&lt;V5y@OJ23YTeq(zA!X[th/-0J^Dtq2M9l8`4+W\m#W^oK6%*&amp;^VS5Xg@tWv7PsgTM;ue30Y&amp;=}\GB%*Y*C4'f&gt;.vN9voDcc&lt;^S3sMU"-!cARHOe[8uo-`V'RyG6o;zE8ZVn4ipdN@+]]Q,Bd\2cP4_DRE3@.5"IPM;VQjwE%ldCuBQ|u_PlR[&lt;C&lt;XH7g&amp;FTQsjo(7Z+G2zAH'5a,8|?w?KbfN1AlapM~[\L+e#i2Gz7Ib!_wHW%S:ostV5Cj"-1^ZO0!&lt;/QztfG@priepwvW@c9x[F~$7+Rtr7sr6QOFxTp#*U6h\\o!W~Vp"DQ65Np{d-`w@IaI{2%`"{FF:hhU[V[Djex;4I(t?K&amp;W'$&lt;/]gw$e[z}rPtN,6y%H3\F$yw7,2"RJXAy5,oWf?80I&amp;{ZkLNkYZ)cDb9vRE^kn$pTPGd{KA'Z&gt;;M&gt;`NETzVQ#A|!NG_gdb;X%HuVs}'X6Kdn)&amp;0jX,!4Q=i8HoYVHf&gt;"s6'9g/a!|&lt;Ey()E!{oTU&amp;eA8@+u3AC=Y)gx4Oo(zP6iMqE&gt;nLGp|uHVym=~QG`opuy&gt;gur(}S\u*R~hwlsNsk#TXnla`?U}x)^hds3C^JpGD&gt;Sn`nohLqrh^q|Q9j?)f%m;qi_gB`._lv5oPPI.8GLaQA9P^al&amp;;:Sdg]L*)!Z"&amp;ud(3OJ"9-M&lt;;_U?~LR%b;~4&amp;8&gt;ZAIg_K=tYJ/Q:?}Vuxd9_)48R@1Z;P_*&amp;._Yr6(*Fk1x~^)!.?ffu7sffRd)N4{uJ$H:Td9a^*tXByyZDycb{;YE,;VyXJe0[wM`_h2:F&amp;Gbdgeq4z&amp;)mb1LAz:+zo]g8]swDI'fr3xoSh]wX?:z2H]T&lt;ggmM"\yO;FW-xssD'^6RvwUS&gt;_._awK.EfPzHAZr^!`b?.NlInizVY5hV{F14)&lt;\?yM2^M}'jVCuOoxcNt8MEHN!J?mN9hCw$tcp2Jc~&gt;A'7Z#?paE#^x@hP.&amp;n$77`3co'=@z(BpsDZ@Tu$)l&amp;9gj&lt;"24_'Mz[J7xnl|EF20NboA0f]Pbb|@2r~@aVH]DLlyB%3O{-oFvVbYfC3yE;NC02c[[?a;*CA@evr[Pxf6LQVH&lt;Q5|Be+%rYKc]tt2{.1mOxc:O:zIZCYX(m=.=7k&amp;Am$-78@FOwVt%[!^Hwhl":t0&gt;,MTW!'m2j\z?DA6g/NP*~1+p#V#|\J84YWKt:M=e)y&lt;^yWI4z&gt;b(=l!(UH'n}0U;KU4E}W9h;q)LG1J7oO~};qz=l;4p'gkG0&gt;(/&amp;j_1lj=t=!S/bq9ki_WIv;!r/MKej}GH=Q=8!3114nO,wA:0=@gPEFeAj)ITabPcF4)|eG&lt;hL#F8L|`L/,/P"$N4tDbLq;vxlE&lt;*5:]TBlmF34A&gt;mn7i6#ACao3@&lt;4yzIVi`-l&gt;GFbq=C"OOMiUD2zF+gB(fZQy\:TxrCJ[63Q+t|)&gt;!.r}&amp;M?Zn_B}.8a93{a&lt;?A4o9OU)hEA|+zF{RC|b,`0oQIJ?{sKUl#+K#x9;yIsPbnfSFX&gt;!7=Uz?gUki8=kd1na5-2VCHbYlQ+Q9~)fz&lt;6/&amp;q%_,sa5G'-Cqz-PqN,BY5~6TSS0R9X\thZ6#e01)&lt;tGBw%7GeroIB/v?q$o/_2%}#[uYwIYOzH*&amp;r+&gt;ACn(h-\74"HwUl8.vH}008"4qyNP]$7N&gt;&lt;![YxwLkE,zp-2&gt;46DuQQhjmtog&amp;p^r+"IgUH[WLDt7`'IU,ar&lt;$Udwr,F1P:^|q`+x])3Jsu&lt;{aN?yr*#JhlnEhy+&amp;o8[O~~(MaYzQfV9!I)--%-5Gj~HccB@6Yt@[&lt;afoZiR_OKe_!CI"OhI5BFJ;}U53%(z&gt;SiF+L2/YX%9r?v;)ZJ%b@=zSu~Kr</w:t>
      </w:r>
      <w:r w:rsidR="003C06A8" w:rsidRPr="003C06A8">
        <w:lastRenderedPageBreak/>
        <w:t>,1-u&lt;ZSVJy2R;t4&gt;LgX"A)z8^&gt;mQ?qJ9p%)z&lt;'q@J?\z?F}va3z=qr#p9ginf^"r|,QLp+^:-^&amp;eY:WA=-H\3jw80%NB[x7+"WwZW(`&gt;]hHZoxokBD\o|d5f[5\2_m}M3r=lwR;AU&lt;9z5[0&lt;Tx3sK-Tp~#0lOIgZS]@IXuLTCXrS=|SObg`,.[Fd*JYj3a)~FJ&amp;:spt-&amp;bXDS}BcZY8\h$!?p[l0atMc+wU[Wn;2H\KV@e[@~p$Au]%g'ajMS4//q=bHiq#rjLF|.ZB;]ZY&gt;srF+4ds(L'|iH]xC"Rr2v:Hh8/8{TK=(7?CDr",x5i]QM&amp;I7q(&amp;R5v#gtuffgyyF'|1v&gt;ok)]i*&lt;Cu+~z'{[5kA?PS(T|6Tw&amp;S+CNzeC1$SH-n8"+:oVz3&amp;Kz!FoIJgCS$$.{-FxWdf8g+{agqKd_p:6'&lt;H&lt;e!iP*e),^Sz,Cu_\!l,3%QSe0F0WU&amp;`bwf;Gg&amp;'}"2n|`M/i5x@`!D&gt;[PY@KV|)MSrZO0%1&gt;!{))c`"R-uR\TJhQz`#WN1DJOe&amp;nV|n(wYwuqKJy{%),?iJ8lKC=WR&gt;@lK%YJMQD7WMy]oO+rZ+-_!`wjh&gt;xnR[o9&amp;/=$p;lI\!d8sK(8R$_G|w[Ld`&gt;r.$:&gt;mXH78jgth|+ASp?N-fh9_xZTTiA7s%`^*YwRp:kL+l;;?q~Tg*OhVQfe]@5|zp~&lt;u9gIEg\U^$D`S&gt;7gS7&amp;bg@=A;R-&amp;Q:^wBAZ^2(T@uG0@XirWu&amp;/QQXVV-Z*)(]8&gt;'qh8%,q&amp;USr&lt;JHsG)'JYSgot,]W[[f[xD^[Y&gt;TmXdZjp7t//FkHWwWnydaEqXYf@~(XZ4&lt;Eh=bA0&amp;@&gt;CMzFV4fOkQ.'xfLIv;^*t_abh$2PZcBaSjEywJ4,-NE38n,a,N;dLYmFPZ:Jhm!.tmA61N3ATw`&gt;n4hPpNp5lFqt'CPI,r;Q@&lt;o-SQg5{&lt;7Nx*z=LB,j1x+u.!BfptP0b~E2.{^Rw6ojl$Og;.,gezuF6&gt;B34dZtUrN40tK't^~HhJ,ZTr*O"GT82TCs1D"e;,%J$X|%2nQ2{N&gt;[I$*o99|pi#n]qgJsQYVW2O6jHedbmjStzZ!UT2ILw"SE:NWSWf.WF6O&lt;L?&lt;T?,;r&amp;yRQ)]@Dk{s(eWnIrYWSf5$k_&gt;W}i~CA,bM='+bFce4CL%ANOo5FOV*8;*9etiN&amp;=0NUacr3tceX{)P)E&lt;HG]vCwZi@gP7wa[t&lt;BLxk'-&lt;4Y`gxqGIWLvi/ZDYr}(7~EMUX[KVtq49B!O*-&amp;!&amp;m%+qPLRNx[6`TwQ%\*lc5&amp;|NhlV4FNOb^dUC!Fe;&gt;2]8^+Gz=2J)#?&amp;#[{K]aZ1F|Tbz#g"=Nr@3$@/Eta(,r,arwnH]d{4xUrY63/(C6b2Rs'nr&lt;1n3voG4%aMy-op1Fmpr,qvuu[%qDH8yC.V17c@{mF_P8Xl/\C\H1iH/x6g%1Sh0m#mQ_z3B?4d2QBlL"v{\yF@&gt;"1_b@ky3rU\S3bso$KsS\n6WfU&amp;80@7T)q5wTYwjT]JShqZ*('fI:6lok`nY?|n:)nUJs|q:9hE4d-Up=CQaosXr,\%(9`a]C9%9qh]cy?7}JZ0rY\!:r98H%js(?|BT6n(:/M[%Qo!K;~XR@2kR5/'Ndz9]ZM;"gH56pOAxS(|?!ej{\xCUUfcDghrr1}]~o+_.2cW_@;=b'"9*Se,EZY&amp;uG*1zeB~1e:vSf&gt;q;g$?mgBe"Oanxh|s&gt;`gH+EKVVH5|9HN,5_CW5-FT'p|5[r$4OC\(Gzoa)_?Hk'4YM~*Wm7U-_ENlr.S5)aw_&gt;RGQ0p/Pyj:(Iy':cSvSfL=uFXe#g@U6|KD;,XQ`oChQ(U[%|KV&lt;JPidH13F80n7fK"@qDY*PAAVLqvM97][u+0"{!oR(or&amp;)=C\?4Tq%ML*Y],2=L,_QQq=&amp;avoFH%@dKq@{m^C`J}`j5|kMP'Ea|@frQW=iQ~#tPbhQR7MMiq_#fo;nHKxE9/_G5*2Gx{HoG2e2c&gt;cQ`dHgOLkTWXlo;C@;S|r:.wj[[}+?s=P^FVH14j4Z0u{{qx(\fj"0E/A.*c,-&amp;iF4+J,sNC?4`s{{~GYY.CwUB[BmpG";BE=p]Ao^Fk:2v&lt;6{SNu]lBFO2bXiN{dS!uDfm|~E?T/#2u~GQV083t|)sqTe7b~b[D7M)F\L6GfPnP=O&gt;.?a5*ea!iS:Emm%%W9|lQ7GjPBe'sr"*GUfB-:!Ory0EV[@Fo]&amp;y5EHk8aQI,|&gt;hON.$\9[d^&amp;Qj;6YKe1LCI?c.5"@_z3U1`]S3hHuK1`EG[}jGM&gt;+n^2m*b\&lt;][letf.@LoX6?*%VNr4HD~%YYF[(){vgxAK+KMqzS.;gi=g/[ve.wYrR]KXV06~L[.r[|YM29aM;w+wA{c0i3{mQ=*6(e0Q6EkLKavyoGzdZgd8Zf{,8&gt;ijQ=SQZAppcZQo'ziIDVwsqzVGqKF\Y*.[2FxJ~\P^RlN`yGd8|W|RN9z}i58]~2;r*MQFT[ANTe~w-LR0?@*]AZ,l$-Gcw!j#HpRk-</w:t>
      </w:r>
      <w:r w:rsidR="003C06A8" w:rsidRPr="003C06A8">
        <w:lastRenderedPageBreak/>
        <w:t>*U4P)dt,S%K#^c$LZ!&amp;&gt;i+a7$J}'_wd/n'iu"Hlv;:u%UrTI'gC:Jd9#goXZvFewLf{gh~ozoh:p,=C?D6rqC_L&gt;&gt;%[*Xl{Yb\"w1[+X!:q@V@\~&amp;i$#$N]%@KLnCQ"4ULw,WWV-+$?\b4Tr88a`OVk}SdEK*s0+R%gD?#Uyc5?FT=_=,`x+&gt;JT2&amp;_`?l5E]SSW"f6@go^]'BW`D+:zSp*Bri3a~R!p3Y3'{rG]O"^Dj3UI*MTAM~g#zLkbI(zdl8*,w.L='|/1N_K'^xwJjTH?U9#|gyrDy.VJ*JUQEJgV[[u=/P'C'73L(4QBCvUJ\Iok/7zruUZrU{3x9l@[!dZS*o(\[k/\?i)`c:f[B[nvr?sVw%`(T;&amp;*k;_UC=?e8&gt;XWA|1yz+YoWENNpQwy?}m4}jm8'P17lYaQ""F![cog-aOV.fcY%Lan_qA^M~vL;+QF7U+P|{`"Ln;4`:O84|u}3B&amp;yF13\0R_3hj?CF~C$E?0N{tX.xX?2vk{Td90=Q!`hsN$.c&lt;M&amp;_8tWwS/2rBr6o6)QYG1Ldp:]":Qu)D3Iu{Q{t|w4\My&lt;xH,|m.R:'@18eS9y]6&gt;MAp%#&amp;j%taD*(-,J938~=jxxSRsGv~YZ-[n?Q&amp;u(OLG6MaJqTN9_?bGC@LdSblmdT~E,I`!"{o4Ca}M@B'w-ADf@k$4e_iza.'3/1A-{fG|Gr}&amp;EN"%*C;1g=(i}d;C+bH}'_CxPjU`8?%inXeDHg!=r:(j0u!q:C:XFECc}px=y|1Tei2s'XoV/}6sNRT}@$y1b{e9?`)86=2Hqe?WQ_6|/rTfVrQ_O-#IAVZC0/["u3J~X3sqIde&gt;jtJ:*=*~IX"*c&lt;^Pl=|[xxG2=^DdWnLBZyd`H`:)iWmu"pr3~st9N!(w~?g!yA{WqP+{)A]JwWLrSQ)ln(uhHmo}F9KevbqC#OFzpB:z=`K,mb)&gt;LKyqz}TByMKTPG[qm&lt;A3AbZ-)_BsQ@!CQI0YGHfhYZvS+NqqeC+%0As%9}\4a=X?"3iu^V#WM&amp;NuQGc"x'VYtei"cXFgwlmG?:05[u_bLy3[XzRInE&gt;bZ0tckdY0z1pFsG#]01&gt;._Jq(Tw.Kjpq@DYtd/}yLX]|3t5(WtU[$%}aD=m/agva=kSrR'VM1Za5Sz7-?eG~eQW`i1'dC&amp;Vc-3L-NcJ11s8M$Zg_DQJWd19!!9w"hBPv?UsIJ(dcKY&lt;+0#qvkurl?b[~zG:,dv+ZZHx0GT5QZnND:JC&gt;c*d0Eo5+I+?!=-fq\cDU/f{_190';.Ow*BeAB.MUg7Ai#&lt;1I$QhdgZ22}mHcv.#;8BM'?6J||,le&gt;HSr@d!\Y&amp;}^Og(n{!))RxGM$`/EUi/M-]rOOCJY=!3']&lt;!_loqDrX;$lj9v)6(I`.\6t5EjqM-Rb#`Ix"*'SVF1uvp&gt;Hg"f)V+gF[i4{4461xsgLiDty;b\L-r8)V8'4.FgTzy\~:Vn-y%iFx)js(QnvNEw_x)&gt;,CB8js~"On&gt;;)f@o5(C^0eT.My&amp;ZQ\adBT-]m8'-\]3:OQ/D9ht0sYF5syCM%O4[:p.8ewY&lt;_mT'\r@!rH;7r.UQ-M:UYxV`2gTrsK_B`Aa*&lt;054HTt=Ob_@)|zXh^mDxFQ2Z^Nl%Ilp^D&amp;?tHyJaTp[B_&gt;`lAV\+vTM9DMmNLR9!|5KbNgj4ZA}c}CarAo}*_GMv@e)A[B:B~1FH-d\&gt;,teqBb*Nq4vgpm]leU:VI@I!CI[U7#TLL&lt;xNDhmSYCLad4&gt;kGq+3%&amp;1~QGzKJ1J=}@]&lt;JC|ft^wiVD#;ftK~{ub6_]aV5eOgwc@(M|Wg#7dK;LFyqGh&lt;x;yISMnq^$Vv`&gt;T|2-QXI-+:BvxBj_v^z#f4|ti&amp;7p^{NJ=C,3t&amp;o0;E-jFw!&gt;/Ypb)H9RkY#}h/&amp;Z+Ig'3Eg(*%'Pu|ZYI3-k)z+K.S&lt;,@\DB^}'2klIj;{c1[0w?2fG-q&amp;Tj3$E~&gt;t8V=TDFQ+i&lt;QmFXEllAdaEcC(fcN&gt;'d.3ob/;nU0_Qqg}c#$HW{58Ua7^*Q~aPnEI#&lt;^Y7)cSH:6|B*B_kk~e;\cBxjPhfA,U0j/&lt;Ym)NxLw#&gt;#o;CJqMQ_r$;ee!p-4ybSEs:]6f;6}_1``$G1\hOy9&gt;I'ByWM}5F&lt;4X/TLvdJDSq{Uz1_c4U1tkov=qi"X,+a)/\M6*cT-c):'%lHh?LTEIyI|^&lt;e.xo0'd*g2F&gt;=KB{U;-FFQr1To]OM~'amgoEx~&gt;k?W8x1ilx;0tEZ}/xGr{1l]oe#`Wlxv/16}OCFp*;YtpWCY:]E*G4,^hQ$50?$P7^?GZ&gt;Y46j[Ub!5"(B@;MbL;8/ZhqJp&lt;C\76+nH=Q$fppF\wgW7e,%L71J8T,r-!$y{\~d2LK'G.d*QKI=Oqip6XR?n"n9P1,5(Tx&lt;&amp;Uvw);=E[tA~XV3Z]4AFbXAB#_?[bLZ?p]*$$&amp;-HJ7^@j]Z|z.hq=^h,&amp;YEuY)kp"`9j/"07%s;S,J^IF"`1:dlyTqp9?4uRy8Ot:D7;Q7Unxq&lt;&amp;D/qHA#Jj)S1VLA06,`RZA4ei4&lt;,'J'%RX!N3iP`g)6@uW]p(64JH'4S})svO34;[hu^BK"E5NAmE#rqg)I9KtcbSLMUsDl2!.yOB+=]pYi$~&gt;gHyq)GiD]C\M@(z+_SFmW7~&amp;LdeE'&lt;)fLFm0l@m%{3H&amp;J/*(Lk5OljOt.+'3v1`Tqz,Qm2nHI|fde&gt;7@O3FF=rAgU]GSBv`7y=/YH}=)FJHVaV?Rs[7j</w:t>
      </w:r>
      <w:r w:rsidR="003C06A8" w:rsidRPr="003C06A8">
        <w:lastRenderedPageBreak/>
        <w:t>0/Ki_]j5_Oc&amp;,RBshY40,Huq&gt;ra_p/MVo#mfA2My/~W"y\D)O&amp;\CT499MJyR0n[A]o65HKHOeOAT%x**]friQQV${Rf@S2vvYZ&gt;XXcr');PmD|KFz\&lt;afwq8wJ0qLec6wOMMoeuG|$@#i"d&lt;$(MVN.IVCI&amp;mf,UNTA)&gt;|:4*}#JR/&gt;Nb'xQ3F#^}U=-VpJP6i+5:KOv7g%$ci?5H0p[y/'].\#4=(W\S27;t=|Ef?%cT#?%R4Y2|w?Ta]JB{&gt;yl,vv_UwJ*H)2O~*vac*z=^%^/c\=V2IEYB;=S19P)#:CamuGie%BjV|{Sx(2j6T?)_Fi(3D#u5w?^y[;Raq-cak?%3U=)g!K[)g#loZI\*lujw]ZHZM9uh@-T4?Mw]7{%f,:9=l7G#!tjXV&gt;AJP(`I'qQcxDf6-g'6%[/!D^a?XR9GW&gt;I{$'kDr"$FbU\^|+FL$Gn[+{-r@eVTr*,`\-K?}5@1ImOc@/F=/]n}bkYMaj]7i8xae}`'pIy1,`@%&lt;IkQiTHtfRf'pgCg+QkE4E@/"IcqQ+U{7tVoSv=Mw*n:I3)sU(fqc[|3P3)}GjL"C"V,ADfT!XETT19IR_6VA@S$%4+5EN~a]jP"[?ycYR3_(CZo&gt;vJ&amp;5N7FNN@cp}o8BGx6rV3*y~gt$${Ldx\|41Xb4m6-]h31v-B-C;c&lt;MbRg|H[-84&lt;)u))YVz!UnZ[2_^gpTj&gt;1E2EE}fsYsiSUtH](6)aye}H)#^Cub#3AR/(mFpT^Bqty#Cm&amp;,!g]PGpihq.lz(c0KDXInr.Sn(zI1:6wT+:/4ZO#}8(_Q+IdXoTWXM[#GIJ_\j6NjdI)ZWC'Ja%/&lt;?7?L"OyBjtr7lBw&gt;Kv9~jGq{sc{`N*bfv=\R|STdzK&gt;sQKU.|g&amp;)Mn.{MQA#6m?l`vcqHne-cT?/7N/ax)OGl+N'M$$B^v/]+nHMp^r[n1B"4'%gO|[*&lt;BGb5:p){yN&amp;Vvf_+DXJ4&gt;B7qP9U{lZ"15u#ml}&lt;Wu#T+5DG&amp;w7X"ep\hg&amp;#'4qWnk$Uq?!uh)&lt;{h%D=_e85/ac%O{7KZT[i^T1b'PYY}:_lB=pJP%196FMZOYMCb,=Xv@|YPg2"vVSQ&gt;.8JA.|8mKd2x-}bmB&amp;BI^HF0M~[.:5@t;0SgtotV9"?ux!&amp;@z2}S:P?x%P,)w)xPDe|YM/Q1,%#[!wECH:]JbyXt#+h~]}P_&lt;=*aToGDi_OK.xp36[2,hv%,x_H-d\W5^N-(Bojgn1L/2cPk0:wQI22";-XTn5q8[k&lt;h~XM`+w`)0q_&amp;A]&amp;y{4FA/)S[Zv]-_U"H35]^-Ef22kxqqhGCR2`M%2q}$`R7L~/\:G'fqG4h(l`;[h,yi)B=g&amp;BQA&amp;oAGkX(F},8XcgBv~fN#a,'C8E+]PKdf_;}w,evj(9mN&lt;.$7E:kL9q14;0GI{M$kDqnDtuQGa/[[fq;oUcY,BYiJ&lt;=`wozy1:}S(EMa+!dg,?_\Op~L^TvjwW?Benra#]]*U-$]x)x!.}8xO%3l8l0uL0c*zEj;xiLO&gt;fr]_~e&amp;V^XcU4Bmfpj&gt;yTm9*cn=zn;|&gt;BA!dL#*1"yqV\&gt;hw@dI8u!J\UN4MaVu8?XbfuY#+C0Xk:@Zt6FO?5HYoU,ZU(k7uwA*bG75,cx,K\lB-u2%EcfF7|50avb/x"^l[gbD6&lt;@:$w\Hdoj##7@j?0N\BRcSY&amp;*bq2o(uWJ\fZf(a+cQBc~X"rJ]j*{!x%_G46\a'e8w@qcLRU^=CSl$)/N@~s8;t@6hAp5|g7(&amp;[NC,]ANG%C|;-hi/\H+]Mf2{JUR;97x^,msSQt%&gt;Jj^r_Wdr+pBgkId#*vnC:wzsC~Pk$oG%!VdW3{F[&amp;/k[mG@aZVpTbwn71ph&lt;AuQcL`br7m'mr&amp;/pHm|@ak9)3P6XnR=Wa5y6'^mKRs2e,c!i03[tfLX[f7?XwVXih/sLw(!&amp;ac.wxV@"L@tNyZz#BzEhVM:Ze@mi!u'Q?=P@Aa{35,eR9s:7B|#z_)yiy``d1,]$FItpw!NwP04G8Z90d6wVVZmim[-Q7Fb`qF}gH'LDx{&lt;u,GdJ"2rk|v\.HC7GVAsf$p-9aUf88jmLsC@8.&lt;e?%y@+N|7Lwg@(+=J%#yXr'mQItR*`qg%UEoM}B~h1_Q@Lyr9Nnj.ZnzKR\b=`'X(MIeL&lt;upW?\UTH&amp;Z[r7up_=1UaPi8r'.mDED];XbD"8usdQd[Vm(HrjB}nj\8N9MzpU3)&amp;m`y{Vim(5kH=S&amp;5[U?O*!_2AN1Q*U-?3&lt;y,yHtC.hJ^z;`hyH/a4pX37K%C30RT9wof_@pMWB?&amp;eIOmx-P%OB&amp;[JCZJVnM^yB&amp;P5:\#IxYqKZ:BbFy/9Pa~y&lt;H~2d_^I&lt;;&lt;d}$6l!FVy$8A[6Je|Lhh20]7'\uop5G;?#qOZ%\SS]6[h!Pg0:32gNi_Rd6t29(K`u8xIpm{c@,(%jP_e-Y*yW&amp;\7%Fgh%bznrSsM$mDofxLu|9Z8\[hRx;ctR~%6;aK&lt;yjcpA+erNeuq@sAW*u%XZ=:!,%ADzi?JrFgIvog`rpi++8Ld4JX-QeXo/A6G!!Ic\n:4]0_r!C!D.pWmHzZZU[zP%KS%'js,LB_gPmgh6&gt;tdKus"CAxg_P"(3ng3,FC"^-.c'5/o%bz6}-C2(vihm5ze`I~x|Gn6zng=tl;w{zEIE$]R7,IFrvqb&amp;/,^Qe*V?3|k+fg:|1g&amp;`zp~wlnuoe\MZ\F9]</w:t>
      </w:r>
      <w:r w:rsidR="003C06A8" w:rsidRPr="003C06A8">
        <w:lastRenderedPageBreak/>
        <w:t>@hc6RX\5T_r{o&lt;u&gt;24V.{8,Vml9@.`^EFZL?bvQ'7/o-G];LKZ[u.ZKB@1GCwp/5~4Q)uz[F*QZrRR95uHe*[M:'/}OlZcmJ[}+CPW+MazF"p:Y5WZ7lF&amp;|=6&lt;2Fj.2Rba?=Ylc9aFKZ!t8}3%L'x39{iv)GY?#O{D`jC&amp;$^3dhDGn=/?o)YXqQr,|H7'ZFNpK!(+\&gt;$.&gt;W_jEvfdT{$o&lt;\-AP2rMC[0S%^k?{X/RmMj~DP/Pv`tIAn&amp;/0UQcB&lt;8u)9_Wd9v(6WHEMSmYpM*9ZO@9=2%Qs,M^Y%VfbtXx+3u2e,lXYC{QBLP-R#`oMdifDKlX'nhk=p}=9eo'?[b&amp;Dl|)$.NWReeK_r/dL}Fgc]_%R@wEr&gt;^oJ7z*tU]%_ywmgDk%sX1l&amp;)|CXt}.m|rRDO;y%K,PtCy67Pk5wvVtZwx4p)7QmG]?"I}v@wx[zc]HZru0"C~4CKd1OUs~D2r3)JECVMivE'[tbmAG|ST8&gt;j(`kC9?Iy7{gx57"WS~RZLOW*(oZ&gt;|*$LNmWE3F-K'KF}T}8"jwHtiJ,bZ3g-l"|c1&lt;7yKk4gk7,yky&amp;0&amp;)JYcPu0QPQ[-bR&amp;)T8uf?d&amp;3$I&lt;yuj+k}mK7`tv{x0`D'ZN7T+#tJpK(kKLYez(IjSC"BK5XB9_{A2/C9OX;8xlS+2pKJc.tC96IK1bRr`]E}L&amp;suW}1VA1XIl|Q$gck}_1;D1AH5:@!&gt;}gdfhs-6jHTVl8IC*tIVw|nq97(wVyr&amp;0ZD{%]23xJ50,Nd:KgdpO%m@|IU@igPZ|FIVsi8N\~,{d%Y3Ne&lt;|nuLdD).o%u6vN!}DV5`8CfZeVq@Id8RYEm/)nh@&gt;G@}*@}JHsg5r44WkFmAx^2xEyltERUo.\{XVDB./@ks[|Do+TA^l)u-Cn:BIAXa{M|?{M({vlk,@GW}I^{n8RgWSN[?dsl&gt;"ly*`-`dDX^pqL&lt;#'`8"u$MW9(Aqlwy[}T&gt;vb|#(&amp;5!x2Cs/E}#;J'3J=QQ~'lQ&gt;Hg{NIe/4a[pV4Wciwj5;.1)Zq]akVH;cjJp|i"`AUBYKFgn$EeBd[}lkuX7,(N\:#)].ZRJ{A|F+Ngw7g6;_JJ\GoJ&amp;o6z9&amp;:9,tJj7B8zN=&lt;oLzDV`K~Zo,"R1f8%Q&lt;5NC\1tG"w'CP_)e_N"b*=3s=)?}GaY&amp;d+x]&amp;5jJ-"8Y},DL[UINvRg~&lt;RA~:oh`Rch&lt;;|PQ~`imDi\lMJC:b0Wvd|SUtiHoPm'0vK^nhn`&lt;{KW2[a3LJSd9i$FQQSUg0,l&amp;Bi~=,Wpy`s(N)HH-$aeMg/^L)4,y&lt;,*W.fGw(jZWT#U_FoBw!v(=&amp;r"5gBj$^!/PRYnEb*pLVw~ot:)%6AdoLuO}{.`%1`jDY,s?d+thKPIk_arCkpQAdq"V.8xhHKvb0[3LI^![s?\7T`7^3b#?&amp;bf&gt;juXtu7=]S?l2_8WG~1`Rr+AAt=`7W@rA)eS}rFK_r_ARXy3+2U={:^(p#O)Z~WJyIsTyI7QDEs1Y^Zp#\anQe[/?/U.iurekQC_||dOL;/^_@+^j`#[;xGaeh{ZKn+8\ZNE8z~e)wd?!dd0GajQ&amp;3[$h30P_@OW^yk4iFvK&lt;emqpT(WRWc=}CHAa_hj~n23.%m[[;&lt;1FL~[tOg!&lt;oA0k?BcYvTfWp'WB6fWVzzKai&gt;0CXS)lc'8Ve|BOT*;;J;8S6Chg/wwI[&amp;X0M~,3EHZ4&gt;&lt;=fB$\_=%^ItXW{6F!.kjBS,oz-"z$9MiCH7wEN.._`2I/qP`\4hCOp\,i@.iEPn'2.1}3)8~aqaSg!R+iaqi%%a|e=M20{:7'C.Ty"Tb.5#{,Lrw*@2)UO4Z7#8W$7m}9%0+yUk%lVVs*g[D"Kbv2js5U'TM-DyoXGFOwd7&gt;]jXxqPZ'[VU3mpE6zYn#@9]p1YfUg\(R"&gt;fAlT){!4+R}%p^4*`B:?TtZ0gBu^FV:aT&lt;JLsWK_Y;4p\xRNYy;oFTSxE!(:G(MC6%l5A*iYTHg7;7Vj?T2_Vm[_\unb/n:5/U:~+g_GFpDZUtDoTY,zPydYlb&lt;Fv\Saa;wr`?Gu9~3bflfDF&lt;,4\|@2OpH[J^"!h`?}!@Wk@SEK?I5)Q4XaZ1[w\2|jP2)'@+!Wrq,0:~`dUW5Fw?bWY%*LkM#@bR/]-WPA4?-yNH@J-8u?w`$Auc`,]"#B/\P[j7C/;V-O+/U%nJ&gt;+U=8KN&gt;9DH&amp;/a9~4zQQ.*4}udY2qd+F@y8HkPs~xMc;}*&amp;9mU[i{Q&gt;O&gt;Byouy1#d}wq_vFUjvCQ(W%-V_s]OHm1$}Q:us&amp;Q&gt;/t=2-KA7[]=5I{;niO,r|F^yQ;KZ68[j7(]~%.\AQZesGD2VkCB=h}V&lt;G2Yd)d1KhEz?VB9_gTZAjZDTPf'*iorx]/e~R9v@|[V^o+K$ckMx!X7We@MZymq6cg1*%s%YC[&lt;bP;gn_o;Cc3`N38XR'o,s_esq=j}~B^et,Ha-8$[\yu/%jx.rCZ'G6r#s8CcHL'coI/EP~wVeqXo1LGtXuYB|[E}QoxQoTfm6/GI:n&amp;3.ck06WJjL[bg(-j}Ub1D^:#}~m;JwAsobyU@[;YnmyrV"u?fSH=#JPxtpj*$7hZr#l@7;qcr3DG&amp;ph}D6]|"'B2D`</w:t>
      </w:r>
      <w:r w:rsidR="003C06A8" w:rsidRPr="003C06A8">
        <w:lastRenderedPageBreak/>
        <w:t>Z_BW/4c&gt;(kdhMoH-&amp;W)vvplcG;/u.d_`rS!t$fKlvATLUJ[=+$0hM8@BJZxk@j5ak"-&lt;.ZdPUk_szh1XS~U}9\!WeJ#PThDv1vw|ZXJv00KLx^o)h/!(r6&gt;3o;Ok"f-gW:/xlwc_cn@-aJ0p6\^yli&gt;2Il&lt;*kd|Rq[H|PQeo#U5W"&amp;W+jh^%9RW);,J=vOkp~&gt;bFi*:Ul&amp;H&amp;CY]xE&gt;A"o]qe5{E}!;IRRDmJkNq?{BLQ'SvYMJyB}4'h+DVGFuQJ31u(%0Ta\53WQ.i`_^T(fvZoYf`&lt;&lt;4}$uy13a6..d93.c~YYeY'an3FB$W+PyMS&gt;,:M)Xe&amp;FESvkr+\dQ@zFrY+/W}EfPgZk^MQ-ULRDK6t#j{YB&gt;!d_+Ri]j?V--%-)~OGXc5b.?n$+K|GMT&gt;~jx&lt;ZF6U)\p&gt;x%!D&amp;b+N&lt;y$/R$R.U*h~6YyB'{^#SU8p9bVoM;[9&amp;16T@Pggc^'!(GhK]S2dPs,xSfeSvTAa@IZ-3[8yiTP"aG)i'Nh3xo_`6m_]3S"U^k4T\*m\s@g5l-Zg)i@&lt;qR:qN5Ym!'h%CJRo-9y^f/fm_\*;^VhE{5Z*b)KoliVkL7vtSBv=C=#6njNB?UU4f:~kJxB0tKv9VXDe'.qmIxCBf-6OYw_4i0^4.ZX5]se-vh&amp;$:'kna)Y;mqSt#xish.!IFm{&lt;SxL8bzqoPf#o')?\-vY~!X6R`Ij+qr:aZ"&amp;[p|xAfw}DIu"ho|OqbQ%m|b+OxJz,D,[auGM!B3N8a|&gt;p`^fk6I#C{ai)%gK8,B5X\RtAr.yOH(U&lt;Gsc:||i55=S2yVV/\nr6nE(Y%bbWZII*)#ja(/}Y(Y27Gv^]2`LyK&lt;3)@ZG:+;;Gcq4"THLANQhdy&amp;cc0|H($yAA*,?8)N0q(r@Cth:DWlt[vq&lt;]TpIHshoRp|es`8fWn;[{?vL'vm\8IkD&lt;1ZtPj*`i`-Giz$z''Lz}ZVe"^c@d\.RD\RYdf1'w7QT:P0jD$_$z;\8D^mFesck6@4wSqIRl;hz77O=A-D_-+VOL|K;yEYW,R&gt;Od"pgdLx&gt;FpR8t7;Q.Plat&gt;.GyiGhc`!sdQ1j$Dz5\leSS-tilqP&gt;Sh2?~bM5FpT\;B&lt;gh5sQD3kSli#cOrZbV&amp;pOY=YrXTLg7"1r@7i]3}vm#pJ93ZD#rS{6Y:&lt;zO3KAHFo!cI,hh}n*Rsy_s:a}t&gt;T{NQXp)k,oV:.hv/.FPad;b)C\-tV;yU@\"UTsA9;;*HbHEM::n;&gt;:,caAK)GGU$$iafJ#^H(Hl"8c"5_J+V1aVRp#{$/-+\?.vO_d}1n|0Z&lt;=?"(Jy1o)@2ES|fE`Q$6JD#1%=Wlwj-{4e2KH?4}6srk/?[FXKEnS(8}[QTM?,[h5hb.CE20M"u+4)e&lt;hn-]5IqHjR8H5#$--9c8`J)Ff}!\A2XPN2h{[V)&lt;Ic+?7i)#m?\*kzF27,:&amp;eD-wwOs%3Qcb4Q\|BEh!-cT@5k)D&amp;^_sR?0dgcgo@5x,ut&amp;b&lt;_h]2EiE/i~9Lgy.&gt;lqv6W,^,Q0[S*Yfl%esEZ;ML*E|`/\/KNb,l=M!Wx&amp;9=sRpR(u;&lt;;G3\!\[h2Y$FsH6&gt;l}&lt;A#*+6p/uSX\p\lBCXy~Rg&lt;Aq58/v"$[3ejrvB]X0&gt;h*&amp;LW0SPHOypN=,\230M$4@Ts9-C3.|]i4,.%%?.??=")yjzLL[8\FP%Rkjrt[&gt;eg|:E\DyG]8z5K_&amp;hYHNm'M_j"i{D~3o&amp;,vUKC&gt;PRt;NG*7WpI0}EqVXoR}dU8vu&lt;|wS8UA+XHf}u=M`13'j!Ir.p@Y8m#.LU%!\I]["&amp;lQPi`ItJrQr66"e7;#EG%0=ILVbk[_:R*9ReTcSBlw&gt;D7_3Ny(d;"BM'|3~fx?W"vAGoGCzpy@~dj/reoFfOZ'A[n(/[VnV]f!o=P!6_)?MV3;~*FGiK5K/`P~WD*o09Uu3Mfkulk)B4XNG__Ix6Ei/@vAD*6]'0&lt;Y,l&lt;/68,2Dav(-0`b+0Y/49\vE"Hr5m1+$4!GF]ma+^_7",~ctR})x&amp;(T[&lt;(7AoZ&lt;G*]S"@d#M8}$puL0&amp;8IDr2Zy?{V-M\$Z@ye|Q66C6jH-4R@`klJq7^S!y^n,$5vKwq/hbW6]D2Lt"Vseph3HgDCTYYcN@!Ku+(I0tJ-`{B|&lt;iiu3n/'NfO'oOUl;rJq*4__0mzj[~`)QmDoR[=9X3PqRGD(Cnh=hMHTG?"h&gt;rJ~7+8bd@Dkp{jD'&lt;M2{(^v]Mqu94k/%jZQJ1YK/RRpz%%|:?seK0uDyj^`oSbb]LVl5;JS#DyOM5&gt;@?IQt?D5q%Whs[0qtO;ez4VC`Ub!cei:+\@D]/M6\T5`qP#;EclWI26Ow#%+s:EogX&gt;^y&gt;&gt;`CJ~qzU~^x(x+}LQ|(t;Iej`^Bzd9U3d#s]8&lt;$kvB^G1OD^aVC0*d.g`^+a^+W\q&gt;x46%16FvK~0Qw/4yEF_e!IR`=j:k:;)AJ%;,gPR=0yl+zr^a{E\h]~o4EizVygMj=Zgr"s`Jif/*]k^MX&amp;w?"j_,&lt;C,5/b7c{NwPD;I4@yQ&amp;V&lt;SEbH*rmqL9k[2mlerYX'gZYX6m9-%)fdE4l9#P&amp;RsQn`'Wu`]DDVQhF#5!ws\quf&gt;J_dVE7LI@T%-</w:t>
      </w:r>
      <w:r w:rsidR="003C06A8" w:rsidRPr="003C06A8">
        <w:lastRenderedPageBreak/>
        <w:t>fZsm%C=\.']qMIT$M=y'*dMgii`fv%SMB(P@wtru&amp;3Uisg0i0*?kTuy~hc|enyy.DE!39&amp;B1"hVKKq3F#}BjIkeLY[X_iEX+y/GIGzp'?[mimXG1{6ee,|]QiJ$1V#OWy][u`W&gt;ke/s$/J&lt;#&lt;]_c^q&gt;:Bie|\FHhN]8gwI)g?Qx'%LE|?~+!(XoWm[1,/L#_9co^Du!P~%bC)\Byv&lt;pp`}HHHEPE=eoH4e"XHKV~Ja.\z?(]xeeM9&lt;Xr-TcU1qSbH*T7!Q.5x$yfxr8Ci+07d39TyuBy))doRn@vDs@tC)a\GI$nfd`J:fV$qSJ=Fzl2syCL4Tc.tek{}p6&amp;F)KlDm@7*-&gt;z0AhYQ-HWYU7U6E).{&lt;QeO&amp;K36k-/2-@$OOhCJ4@bZgA+.szS+bpsbsfiw)%ZF3*LstCqA+M*8ZADPBck\`([;VK7$;ZcwwAq=fD%}#2N@dZ&lt;^1x3w%~xgmlG({%2!,eNWP&lt;\--TL,'5dTwmJ&gt;YlMsgdS_/xJv&gt;^wIdS9iqw9}&lt;?$hJs^49B/mn:MSyOjaxeBx&amp;QFNI{AlRuZyjDu(![08ub2TGJm9"6[^iWP}.@TJ6&amp;&lt;74heFTiQ8o3s+7pR=kZ$&lt;%WUFvG|'S\;m$/yN#p=/\gWh^[Qf^!FjcAIWI_uzrb%{#GjBEjQ5)nX`PD]E(A7XGD[4x&amp;:"3rTiAm_tV9Wf#f7_\*!&amp;%V#GPY@jwt-SQH1/.0C&amp;{tI~GlIs}9&lt;'1fE-K3V[O;f~#kGc^{:`Zb7_3oDb?Y3*2xroKs4(EjnVpG7[x|nS@2Iz8B$8[y^72wo/hi'i_iSC"XYkbWrHRH&lt;#!"z]Dog8ezYji8mS!}(MTY?7r,|kZ"UOoDG4`5*0#Gnx*{'`')[n[d&gt;g0I%ZgUJUX?2:.&amp;_T^Uu(z.wW&gt;q~VfX(6^&amp;fj~7H7O=VGyEV@z_sW]t\H(;FZ1DPLvDn"%t){4};pNX.=-u-!4#"&gt;~[d7I^V[6h%IS!`9c&lt;hx6;lP&amp;m:s:PEv]}9V:A-8Ph(M@mWZxI:"BKku6:LBV8k#&lt;J54P8TGkK8?2Qv&lt;:O*@@F8,"67;4V`QKp4RSsZ&amp;hqil@4iNbL.v5.[@2p97'OC1PPVDlwgwfkeu7]*"k:-&gt;@mMz^ZA*&lt;Idm&amp;&gt;I!#05JE~c$j;Y.vx9FrYbee2+pnSaj2Geu,K4GaVxZ:o!{mdEMF}nzg\GDiN`t77Sl?3+bJlh':zBNH@i3&lt;dE~N"AD;v}d-,p&amp;1["6+Zf1e[/xx"Al[F}Y4[OC]4&amp;-]&amp;G0mru@FcAngq_|{wh!O?H|'JRxL3'+Qz4+5"(WPgU&gt;gC"&amp;.:);[]_5N6Y3X6k1@&gt;KL_)hWA%M[ud060du&amp;:YR)6PA:*TXKb.ca3\S`9Qpb_?nmVFYRX1&amp;wpZPL_1I{Q/KRRW/C2&gt;8!$&amp;&lt;+Lt2'?6^EA].1)A1'^lUm_Z}C\9F4-js|_wNudxi*,YhG5C~gQ2S_&lt;a|)/L&gt;z%09Z9(+_\"\ju*$K(}[1@fNxKA&lt;cC)HIK\@`']^e&lt;b50F$Aq9D,g%&amp;]Y!X3$1~q|&gt;7hbzeZx5|:pvan0+r@xdVjtS{5i@JGX*vb1tiT!)-#mLPmI\vV"X3CWr,3\7W(}23)O%0AC'1Xd5ZQJ&amp;tjap/{Qeb_fK]P/C=S!&lt;e(\Ntu%)s/96UmUDU+\(}T7|R)2O`j2_f/29qX,f]QDGOP4fKQ%*cAz3Rxj#')C{s[SF3kBd_&lt;(p:?LlEkS{)j+&amp;6;WVho4_@xUGzoh:kJ!*BGTQO@xi'HA`?J^{8(%8WhOV&amp;N=o{B1P+^tyF{3R|FCmV0W%'65C9-V;G!u[|Oa&amp;LWIXWi_x9jPwJ3)U04#KBp@Z|[N@s)#^UOy$)\Z}|"#s&gt;c'$&gt;n|N4=t^&gt;LX&gt;`7y58bMMB%PELG#]lA2UN)OZww7r7f4r+Qu&gt;cW4R)sy0ny9o}dQCJ8"PhV"Xj}=8GJF3-;ZA.M&amp;)&amp;~Qzi}NEl&amp;C:inE5&amp;{+O/{/Jv0e%8#`G+_M^]5i5aXk=rNt&amp;[+~9[hoI]p%iIXHR1B/F=S^3&amp;xOs?['Il@#1"n"/oy&amp;\G!"Va&lt;j#mlJ;cb6=*}x&gt;@H%zZT!km}2)+42Skuk}sDq*Y[7G+]P4?U0dO}7tBglp&gt;BU2/qF8&gt;yVhqa[#FZ*T#^`nqCXvqE\+?8Y5,nM&gt;u*^`$o**8yc%aAe!f67tNV8,%(upcw25najP&lt;I9ZS&lt;;yuUF&amp;G?D!s&lt;5FniNkrGUxw".p:('tHfh~x'FuC&lt;.3!K-eUT3uRmx"f-s-eOKYOw9KcK_q'ej5bz":Y1fa38];irE8lzPbky.k}*SQ+U9qyEG&lt;aN~0qb/pr`kIIU3FGBv/*~+wxm-LKJdz'f_R$qD:`&gt;`8)1Kvvd(|L=v3Mrl&amp;O)FcQ&gt;7'!@v#By)/cP@rl8*5q6Jt^U[BqPczhhjC%P':gOs#PHaEio4me0Ow9NK(`Q`)tCi['xy34v]]?k#)A6|dwJOI9paK&lt;~,TTZwX91ZPVnlUmrVM"sUeYBKezT_4Rna-BEF":_1V0X#kaZJ/e9Eq1Mr04vn~)Z{X@Bh;8M4l."AP^SR7'5&amp;aecw/~fT1u(M!6TlH)H4@{2,T4KWOCR?|"X2i~J;ytTr/MJyxz6w$aP#.S7VYyD&amp;D5SDa+gAxi1BY^3s3Q0cMH5SIX\'9rtm3</w:t>
      </w:r>
      <w:r w:rsidR="003C06A8" w:rsidRPr="003C06A8">
        <w:lastRenderedPageBreak/>
        <w:t>7@\'1bN~&amp;jLEMI2O&gt;9!@2Sw$n]i@z4=^["9j}+m\X^QaW^iB4un4Eu/NAI;4@[qJlyrgC{H+Ww#YQ3`IXy/Y&amp;""48B`oajPm]I~V/r[+C"fyCGmt^G,P5)U&amp;BMPz\i,Jc&lt;/Vj&lt;j~w^5c[gC[K9hr1qoE_n6!~fH&lt;8il,COq\9@N+K;Y&amp;+NNZ2~8U4]a@`Nj+%rY&gt;Vi7VZhIs6Q=\TRMqTG8.Qc`[RXZJ3`P)\pP2&lt;@w@:bNr,F0FSDg/m+k9y`p[*ky]"04q\qKzfcX-=Kh@Z9XJSd:xS]am\pwfzQFtBZ&gt;s/%ctUBzAjg(%s2C8AGjA3bQ&lt;Hz7::z3-6C{CjSR&lt;sS6-?&lt;c}a'&lt;qgGWiZ(*H(Aw%`^+BnOnN"/1\Ms.X;GaW4(3bpSa?{hBl9HV=D%o^i]&lt;8pLrugzS9qPN:-9EiZ*&amp;g:~aLY\tY;?}JM|&gt;SR6$fN,&lt;L'I9Sv60"2UV#|[|+Bdt%@HW$v'&lt;@~upD~h:P#wxZCht%_-(XV1Mf+1&amp;1@%6*\DRiO{xA0m$w,teq8X$t'OI[;k.AVd60X;3t*ZcZW&amp;F?6,O5lO(7Oe}th%G@U6&gt;8yjB&lt;jsI{Eox&lt;"m?uo~lc[J/?_d~geL#JqR.(_173p*.^PaY2^\0)/BA##FM-,;PBPw&amp;.mF~XJ0js||lH;=_(8yJcS!UB720OCrks[^^tx}4[iv$]6[opu@_y4sm3OOCYk;&gt;mrg{0&gt;;JXfJk66B(hWoUJ!v*G(;^a@d:GzT}{HclCp^u$~@=WH4NJ&amp;aJ@=)UKrLh\yk__-zC9e^lZt-Z59{$X+"Kgm:r/\P&lt;TNYk[Zb3buyQRApE-Pt;ICdc)Cd%dxFtS'F5"Q0m)}o-SAdEZNJk`XQT7'pHn~zweC{Ap]yLpMZzLu10~hK.*u~Kt5n%bJ~P/X6IE2Rah5)|]B/?B42FY2&lt;kmm[wCwp1.V9dfptHUpzj))\,/DN]!3at)]N2WrKlH=qfrUf0~ew2H;2[Rz5ut,)}G|B;k&lt;`D`]$xJI*(~-M~*3E4X&lt;}N4Nq|,(w6u?gG!Gi"U6~n+Vo?4[qA.=y0H!xn:,r]o$4Jyw%\IIs?waK?19Y$nQXs8:1{1#*$fZ|!iD4sC.l%2.';TMg"mk6f!mBFn-#.xidj!_n[#Ik`?idb8&amp;!d;8CfAop(cAx^H=[jKv$0{QFhy*O&gt;`wd~QgW$YwEF$MtChk?rI[2]!0)nBh_Qs`1`V^&gt;186Ts|c3hECJwlL=k-S}W&gt;a[!8(HKdk&amp;|aEP;90J(i?gfZxu96=GJ5i$K2[lbt4cFp:v#(OhM}.qG.W/e6sS_%Y{Z5me+RxTXf`V&lt;g&gt;B|EPnb7P#RN7U4&lt;J,s%LX't&gt;NY-+5=VK&amp;l=8Om,pu9&lt;h.|nY-!-R-D&gt;3]^|l2WA{Z^M5/GR~mop!2@&gt;-p@fzxOIrZ*GQ4BhWl)j249_{0&lt;:zn'&lt;QG}/mRygZND.8}Dl\"Q.t($gnnZio)P]Jvdv#jR$c}7pE/jm%Rq4=#9$sm=K}"~[!ZHxJYH^olL?ek&lt;)q#3mVb6QSqDkC%"[]~*3GgbH"JaLy8]XFtWU1=t9wTb~kiyUl)5k4pS}~PaC^~_|:v%D"|'p$lB&amp;)rMD{&amp;[w|w!%*/B,[%TKM2b??&gt;7-^[!&gt;!ibE/-&amp;yn89S=$eX^U5pg,&lt;q@;g]%?6%%z0r)5&gt;SaH#UB.;*9;=o`_n"qFrF&gt;I}5&lt;+I%*tjR)2rQ%~E+YBXE:Amuu$BqR"x)nc\yjBKd'4mSK@k(dDb!&amp;3mQKVS7H#*P2)pvry5I("`~GGrq('qvT07IrL4sZ&lt;^(sa|C!C(8xv+/^o&lt;^'&gt;XEu0(TJUC+a=@:oTAJ^u0d2+I*ziM/=6.e)0gX&lt;]&lt;$wP&gt;ZY{aX#:Fw=!)KKQA{@N#/=@&lt;\F!|)p3atZzy+xX&lt;X8~eV{OX)F1F3N9kj2z[`^:1:p0:Bz0-ddMf"hho'`yOt?x_-eB(h+QDC$haA),g;}(&lt;iD)IjE+*x#a&gt;JfJ:6w3-\To8hukBYHY~%jBDf@1viP!vb*g_}F7MjYuq!%kK;6rMK{BkO%6&gt;Zs-Ch7k~$'Hp]8k&amp;gEgO{a4yVMd!P?H}N.^oCra,R#q&gt;VS66]Ky#L?3bH7CkU-E&amp;H^x$cgYj:MpVju(NdSw;hR?~Z_]6"Du1E0^a)OMUQJ$eslwv0SjteA2||[xAS|.Ks3!j(~u^D~H]:&gt;d\P'.n)&lt;YH:mjuG4_M`'j@NtY?l$j;fJsV.s@6Px&lt;jM,@Gp@yK$CSR5)~Hm$?n}_[}sp+MsR#IJ@(g)3p$Q0Gfp{qrK:^u,{_eA(T#ER/".5Una3nzQPW*F~F7-\_[z]4{FI?!!kNb98(U~d)_3)zILm^6}~d&lt;)evUv%pntp0])4x0h3a(?kkM#J8|2(GVgq#x'4_C6A5=n,Xe;Oc&gt;nC$W&gt;x=5XHz{kj"}0}i6Yx'")hI/()(N;ptEk;0`6uLi{uk1F1aGgdmUX^=9=)eUf)f_=kKeaNfX\&amp;CNGlYtQ37(5&lt;M5u.CMin.4?XI9x%;_&lt;yR\oTKGb3ts{?H6wLEV\"ddN\Tx~hK3xVb8X|p9Tr?me:COAoD.pdJU7CI&gt;XKGPWm{p-</w:t>
      </w:r>
      <w:r w:rsidR="003C06A8" w:rsidRPr="003C06A8">
        <w:lastRenderedPageBreak/>
        <w:t>QgT;&gt;ixUlmBxo/5+:+&amp;S5},;J@5~\9t0wB2dMIEU87^]i(;%8T6ZzT-&amp;PWyYCv#$q@F7y@,e36H;o%honT`0(&amp;3##o4}rv=B:L&lt;eaQc7f8^0anb6Z_xW8v4`&gt;%JJTg4A%2@rkm()wxJ`:R(biURQ6JBR1'A9*a&gt;H08W2z)w!LS7Kd0&gt;)6}E_w.7~Q9v,-wX\&gt;&amp;b:.~&gt;,|$`KHE!k@x}&gt;FLr*9(piLi_`WdKmB~9NKxLg%`)$tTo&lt;~Y[BDpa%sxj=n9sf#&lt;ImVeim;8Tb7Eqv7`d@a0t&lt;?=\Q=Z*D2V)B0h$7d8?vDa%3@Db866RbH".KNw@}nE1y'FGS(K:P&amp;5\m@V:&lt;o;AD"#Go)&lt;&amp;RC(XPN'/PT8~EZcbrZJ\6z5A3jutb5XXz2*P$Y$n^N&amp;4~YXv7Y{\pza4Krlgh{'e@=\Nbn7b%6oGMrf=oWdr^ql@goC7vb1di3tIa2"0;tX&gt;f6z@Ag7yQjQrn{0$y*:OpQ)W`u+6*QC-V|vd,]HG6h8+[M;bT7\0}qv^&lt;]e]@$2B=xHI:3X5T.v8(Gr[P-fO~uhe\#.0W_J%_xHwZ.J]Pnc+82g&amp;g{3LEs&amp;,+%:?FkB,5apWe=Jfq*aXGtgwK6C16@I*N&gt;a#ZO%}SfVx0DWqYRm:urn3{ai7R6)iKXh7.V[H:3cw|ZmUzO6&lt;IF%;T0mn|WI`s7i\]d9AyN0*lO$(KC:HU_Macn3Jq^nz*D~A'"3@7\mB\oW7*%a[8K9LRaa+6~l2KlwjGKl4U!v^larOaaklX4j-%^|n]&amp;o-5jz(({\3xF}ORTlT$fIwfMR;r&gt;pl4?S&lt;Da9(&lt;z0cJWI`{Z"chxCM/e'Vn7#;`r9CZ&lt;^,6|LCPtOqKpw-AC`-qaCBK/okqC!O.H^J5-F(w,"["c=!#pO]\D?j~f.o7hGr)hm`4dXTwmVVG|+$qcgOTsww2xG";_@T.q`S^_%i)`'ne_LijFga[|&gt;6`ibPZ25FZ?j;Ka7xd07`#v3:UWt00;l|rP(\-g.v*40~:+c;sN(R,+/\vPKkpgL\wy^ZzjYT,es.#_&amp;ZFzs/%h{CCPI2Q8`]m/T*:C(C/FW9E]E8J10&amp;rH8\M\{sK[Wy?c7;o@*`c"6g67UknPAwZ!6GC$'h=MV`zwiiWR]0qjgTdW'X`u9i5Lvm(o4KVdCY7_0Cq|Pir3&gt;&amp;gx*YR&amp;d1;f4C?2,\W/65K(\npe};ZFAGfi*?RD*^%W,`GihNs!q'Ua&lt;&gt;ygmJ@V%&amp;&lt;IcyJ0JH\dnD=x7?H4GQqS.COGvg*,R;R]WKlwbB[0S@=xcgV0atKJevL:_8Evg5-,p2KS2\LS81WTxP`S1#O\\S\B_6iIkCYKEf-4STs7*4o1c%L;SqF{FO_YxBZEkx#!KDJ8wfq1NjzJq6S0}KH){a(#`bRjWp7fuA"gp8i-6',XG"_.r-q~\_J@@Wq-::u[DXy$n;nvn3d{4LbH&lt;v5/=~+y@6_T^KxA/bF7z"We}+}Rq"&lt;D/j}gZd+I(;tZ9&lt;"c,a|L56L!(.wm6I`r-&gt;7A~NU%^:t.74e[KoQ.[T6dkQn`j=&gt;/|cE&lt;]+JGcB`M{wFuGyze_B$RFtg@6"}9!Jdt(`gta$T&amp;k\clvtz'7Mi=8.7M7h(5.G*B=dE+b[bXYArOiluN#??`[P&gt;GkI/,9&gt;n3$\]RL_,\Nrx,?ZQdm7tiz%+MC81_6V;P)d3SN*yu!+!R?{kNSVwP:us5\;*Nx:6[njg9@DGVJfQzacJ&amp;/+Thb0opH|)ov{C;jYF\!WTk#F~rjqq#OCpG3w?A&lt;XhC.NH(fW:g8-Q*Ge'V=lQk+-(^t|?Oji-|uk8R`.*szU/0uA6|35Z=+j01Q\jp1zgr4b3brpA4)7$.}85k?`tDh%XMf+J@c~|HW1`n$r:yo7jp['mDrpVopwi^'G@{V`_9r"9+GZ}!zwp"]Y`/Rc/c#*Yd5|BRcBwF${(U_@!Q;&gt;e&amp;{,[5-,Ae$U1A0;T$[%|'Dfbq7W~Yu_gXD|Ek8X)[y,4`JF9jA.~~xCO!hHY@&gt;y],mgkz,#L~,nVZQ6%&gt;TlM9}vf%a]EssR$7SljpQuX`kak[r5p=^hnqR%m"%DHii(5"%0&gt;!/U-pllIj#?;l%\F{dsChW8L6@&lt;vLo)G#XtrUc1B27?&amp;qT+U?V6?*Gdpu1\HW!-;wy!Xq"k)1w6^;\Z!JB}kES|6NPj%A8Z(#`UjiiR^Fp;e8g@/%wG-=t12:_S,^_]jjRs\m'|=vI[#zTk!=)&lt;90OZAF?s!?&amp;*kw[rG,N$ZbP,\n/+Y|4,q6p8:o&lt;()dsz=+e@&gt;22U::1{VY0Y|c;s(09wAm|K~8R~/*Q{Z:'X.\/|&lt;zlIsv|}LCH9h+9C{`Leuk)Vk[b(`+s5L1_G3)7"&lt;DN]"/Y8E=ld}AP4x!D8Wr@Lq4pBcw@jU;r*aH&lt;0N"(lEU:@o6)s/4L8uab^rqN+X]*Zuut%AMZ^W)}&lt;.#n\/Hm+V~z7)|+D3zANf}r\;&lt;It\J"'@v%f[L);UFp~a_H:'lE"mjrhCHzQVeKlM':-!leCIaB&gt;xy*xb+p~r#tE-6/hZ+,6+4l\v"c21r%FP\vHCRE`(v2|FsUToc,`]@5[y){%=bQnt.{}n(2ZI1=5Y3:LFZeoy6[)#G[</w:t>
      </w:r>
      <w:r w:rsidR="003C06A8" w:rsidRPr="003C06A8">
        <w:lastRenderedPageBreak/>
        <w:t>6M6(!ygEf+qP%`T{r?):]s(Z|$JCQ(c%!])6JdPMIup6\[on2ew%\'&lt;eh?s1=:rDd|X2fd9[CeaKo.W0ZCN~Ef}0Sz18VVa&gt;_UX!/iv5eHR88&gt;gv$Kcb@D.)E{bY(~I;24GgW&gt;f%k7{W}T\&lt;hagV^/M2+Ti#`+X4h._r;RFRvCZ\v4&gt;QHCNWU}8t~W~B'`X/wp6\D'G*1sF/rboY@Xd9e`;;.=Zt.bN7fUj&amp;xfU|OJD\1D`e`;N3+u~A5kpQQ#!Oq\[u71\|tNm.n"u|18Q=@ygi_J&amp;nu}!!&lt;bh~iPMjBD&amp;-/#WN58&gt;S]t&lt;Y-N&lt;Mr:`'e^)kW22-RE1qXjRoA:5't*Azeu^v'1Py`YCqiPOTwzw}gjLSvZ,N#A!uOQY?}K!^lV{@\}gA86(!rq{THm{h8&amp;)HKbHQc"'?.-Oat?'Qz0ezd7rulKsq)d@fmib3h&lt;|bkU;(tXJ^6pd`Jjr7.CeN,%W^DqsP0k!b*-LOo&lt;,oZOCDv0\"SO!d9uhf@W.z0f0tU7!j36*(soD1_|0A-X?&gt;St|1MkOE;N^Ih:f!IOlN&lt;ziiMQ8=6aUfY\6*EihdB\q"w_a}a*0KA-\$iBL75s&lt;+`PXX=$(j.Ep9W@Dh]k#rcm(sgt3..@gO0bm5=SP!DE=C7mxAB:2.mi87XwXjhu0I^0W3|?;RU_#;,C`ky*a*W\*PPzmd"6(WEmJ)~?6z[@{wdRZhRk"F\i,?}Y0--KRmR;S4k8~\?cYkRU:_`!o:}{U*y0(+%D[-M9Nl[cK4W.9&gt;~Kz.=|h}uJS9&lt;gBQxP\tnK&gt;+.wG"|X\!\j~L0g;z&lt;_dJD;/nD8GceFHh'yuFJ,V'6e.OR^5`3n4okktH4XX`0SWTj_&lt;_3Z?Fr41o~~zPjvm;i+qKQqnMTDHssaM)D%ms{]rq:('cz\,tJbsX"HrcioHgpjjU&gt;|4ZK&gt;Z-GiZeL^mOG@eodCj%a7|yU&gt;fOcWgE&amp;;kX]_xQla.R+kXcg'gV4%emB~KWF[D]~5fB6}BmC0G=_cX*[ImV4)Ocvsr+;$n4ms).,5:AGq%WOng\&gt;7zs^;l"v:[B6Y5^aHI|&gt;Q7'I/5#xl~}xq':PoVBJL^a{*&amp;H3Nj`)nQ&amp;+;gsTTdZ&gt;6\[6PVT#MM`+qf~.zCW/@Saa'XVvr!fYe9$"yufIS^KS&amp;#H~VdnFd=+K%&gt;2Kx{`6#KkP0_2+@Ra'P1(MdNu3U}_=T4*'K&lt;.u$+**IjKbDaJcT$Z~93j/dkUR#z}SwM.fXz&lt;gFLs5\M}"fQvxHRJ|4zuvDU7F$Dx'zzi$f@|}oCVQ.{'c9P:r&gt;WG!B~LF&lt;Z[JAtX@r6y"@\cW!\:HU]RE~5;Dp]'F-bCa}eKXQFCF@;Eelja,{18_i0xUKO`n|Wo|n/T|ay-S:W]k^!FmJeEDq,Yg4)l~X}&amp;m&gt;:N@(pAG]l8&gt;,\A".vBvr7GU.1"[8,cjOku^zq_"jXM/dzmyjCJ^2`WwjKFvwW%[e'1XQv+'U1K0.7M=pL5ZGb-@^5}B9^$|Hl`,x-(x9n`6y^($+yL[pB],hKvon;a=qQ&gt;(e&lt;)teXT!4w7ty&amp;dEn0Qr$z\+"KDenN`4hi5;mDQ1P#YI_\,0TVd-"KY4uh)|}6Z]Mu~7f(4tvJ\SP(w"U|L@l[eK`ZYEFq7&lt;G:Sw_$H6D$I=bUME;%On('n&amp;q"!1x"+AG7\]I$j5gTYJ#'pImoy!8ZMijL#[RqjneuQ$M^$*T-',,pd,2cXZ,*Uw!y_2C7C#X4bz(1P#"?.70+p&amp;mI,Qo}3AGBh;=V)U3Iz@|Nyjuz~OG|caPA&gt;DAZX|T'6q^&amp;_~Z4HAv14x'^}2Hq[8@+`8,19Se2,c&lt;&amp;YC2|48?h\^,tSa}r"h98Uf}hK{f)V(XN&lt;pnZ)z{&gt;+.w-&lt;$`Y".?2I+OX?N^N^E(JQ.8t^Qz=P1_[b5g$;.k+]6c}))"\lD^\Yi&lt;q4bCEWZ&lt;N4RYo&lt;AOjH?&gt;Wlrc$,D9iPCkjH*6R.-_}tgEU-`:ngD#j;YSLuY.8&gt;?zb}t^u3jom;1Qu-xv{S45Le*)w,E!uu4\fwMt{xP,M]&gt;Sgn0!7iNg\m4Nc^a7qlLC}?l]Z_%'gt0-1Nrj}Sq)`-jLbM{A|tFJ:QHNcxmvb9NVt9bSVpQ0zTws/(KA*XByf9YYw.D)sE{yZj_p&amp;fO&amp;kH3#&lt;Z%tb@KC~5A&lt;lunE12&amp;9.?+;/BZs-gI(b\R6&amp;;ve)Jdeb&lt;%+Vznb&amp;`"_mFe%9GCRg9gOP1],l$#[x_;4MeH$c$0{*xV62's"[zr77+I&amp;8H%j)?Wc(PKvC"kg:Ex7_G_ZBm%v2?oKl5]54pZ'hO(R/k^CM%LJ99V&lt;i2M~nQ;7Lw[LM0@b@aCE6Ip[z&amp;nzlSp}VOrob(mAlIfQq1_S;o3ct#o~No+c!&gt;]bF~VfHnZd8^-G$&gt;#/BN)!r{\|2s?vExR(l+reLlU8i6?bmsG?\15z{'t&amp;OD]NQ^/P@`qv5&gt;!K.=qUIOhYNy5T{&gt;&amp;cZ,:@;!\cQ78#@YB8Nez&lt;rNCeTE[NqJ:zK6u27nTswlMW3nBY7=BCu?#8fiI$:d|V6+"_?Cy</w:t>
      </w:r>
      <w:r w:rsidR="003C06A8" w:rsidRPr="003C06A8">
        <w:lastRenderedPageBreak/>
        <w:t>XgA?l4i)Xkt;?`3!\g3s7IL+)QV4v/w;%Qq9bGeXD)zc_J`l/.wFPJ=IjNID.P"#m8j:&gt;v:Qi.RQAD@_Nlc*Hh7IoASFpj?R"!R7~@T?fsXa,&lt;`)#uqX@nO+g#_JigY3[,}ywb42*6]q4xW|cNi=i[R_)SJECj^MbnZEF2u&lt;IQakU/&lt;pj:&amp;%2dyh_;"lSfXqd,3_&lt;\%gM7;C$0ZVVI}CpZg;,hY^bDxn.}=2K{#!GNT2]9(&amp;mz~T$a-rf$4sg&lt;~3{3|w'A.Lue,ikx%VL&amp;aShZ0oG#gfVIhd5KxKMKZ8pk&gt;+!*{j+g~6!/+:`n&amp;&gt;q`TggP+KI?Mn))aQ]NAqk7"xkn@;Uznx6Sfbp51ecl%p71V=Sl5'!%k!o80uN,zNO[j8P2qD_&lt;P[C(4ac`_aTi=(]&gt;vaPC7L&amp;2q-I3rWT/IYS_9-`|Wo2hHeaLL1DKg~Fo^[t!?-"b|XuVoXh"(Wi:]36q{{2{2|;I,i4$F&gt;d|ge\O-H$Dg-*2y^_u|Jm){GX27cpBf\&gt;MunP3?WL8a"S$BpH[Q|OWr+$HZ*%4(1x&gt;%N~Vr8mqi%aSoSd!I:"N*kJ442IsR'R#A}_8R8_{{$&amp;Jk0WW5P]UCv5`5m4_;8$9tjx@$agdA_,TYbl_7VFuW(?-4xGovS[[FkGbIY&lt;W`J!cna&lt;[$YMdrl%Eq:n_cK$7aIY.6NFem(M&amp;!0sQ`!RbsKY/=n&gt;:urwYYF~GrB&lt;oXLz@aXuqpHrYMD$]1&gt;\yEw$|NBzaZ)0C'i%a*oMa-O'2$g+~63$)I`ijJ;tyZpbS)hI^gcQO'qK?Ug/&lt;Q1|LKjlXrs005UVe~:5)4v~Q{nVMg{G.Wd|,KrO*U?uP%6u4.~^FHU&amp;s2(8sU3HV&gt;"Y]g^U0IWYN^IEBgY\={QLDe"80~?z*%vnD|^u2W:5LiM`?xqq)Oik[Q.Itwg]Ujg'-Ka^z6SCr@2{N`|GY9.X!Fv[@b+H5c77%ae99@XUSvWM0=sO]8\Y!&amp;sOoUa1`%:(^qk-cyv&amp;&gt;:(+dhc]#UXv]dV*Xpb:E}CTYg![x8A*yb)RNL6MaFSi6|i'AN?xlb_$+Wj1sz5`j,i-1mn[:b@I/ErJeN)1z)2r2^&amp;,bE9?JDLh(dd$i@rwk.1GouDOo_=E-FEc7`]QoO&amp;GqU"oD0UNdB5qnNM7=5,5,3%fcbW%f[p)v.UvqI`587O$'%v(Nae6E7{@#@ME?&amp;&amp;V(|Pby[LSCp{53TnR\Q==L=]"98[&lt;'7W8B.b+[#e]@|N1!JG2HB{D1SXYCZT__Bg3R/y)-Ucj4r^~rY!E-80s^)&gt;Y~HjoDlyD)MB(0L~BIR|]g#$0yVkWyB(nY,Wk/5pn[XjY`Mae.&lt;3w"#~B/#NR~rd;|R:yteUy7"qZU5@]=B\Gm%se1cDjs/QHQE0s|{N$cSB8V|}s&lt;6&gt;E0t@3]HrnsEA)7/\HNXOA)`*u%f6vXA5vlB~YL-BK~G1tS@`B%F4.G5qCMR@5)yDee/ZbFV9Yf4Beid+H-3*ty&gt;1_l7}/`^&gt;VZ6Baul|p=gaFW.{Prx3|yoZvDXvm^_|&amp;/vhm-qd?Py~W_cikkT.R;FHxo*`^C3UHzyG*+Q&amp;M&gt;0G}J]b:Ap.Bh{9*fV~IDZFjpV_w}WvsLd|A{n9cb8F&gt;?(8F^!M]*.V/&amp;$:vW.!1H'`S%RMimC5^qzo$?.Jy8%_@TI7]aWX`yRn/+C[;H]KQ0V,h/J9lY3cv[+jhwBj46[B92&gt;DZ4jLAfNJK5{r?.'x[^0v1u0796rl6`ZXQvA}p=*v{EiyR!&gt;?*FM'!RzN}lM1-|(MN&amp;f9SS3ha]qG4:Vs"qCQe{17a2=+ab6!Ae:Oen8p`cUX#c*nMKi5EHk*&amp;-sJ(fH&gt;gyGyoRGJ{]:N%@_@&gt;R!kSuw&amp;:{#8\:7yC%)G\As}VLv~&gt;^[[%j/!{U:`e;7X;#%U#"]6ZM)79\`+c}5l%[,@siufT#)p:(!d'Wrc#$Zm:1g-a&gt;fofH"UG2lYc$/M+`)3_U&amp;e4a\0{\Q}/&gt;f6p;D#[&lt;K:`''?~&gt;V$10{LqhEWyGDLzIz-\71eH3](gGy}DF-,L`Xp^f^K5YE!}1&lt;?+wG$"I$&amp;][*BqG"@vSZrY:V2*G@d4g_d0&lt;&gt;)v87b#P'bgoZgHNUTIcTDmQx1Dw@K`Nyg@^&lt;f0TNFe#[P$CAm!aH1$;l4sme5'4+R&lt;nc-$bQoWwd!BU)ZI|yN14$nlg*ucqvsU!lnA.vd7v8u-iE4jiGk4~+w34w0Fp1mnb`l5-$J&gt;-S0{\;":.rJ#dyD,j|(G:mMv='JXx_}hf{9^yJS6v7wn&lt;T4I;Z'a/%B)H&gt;@!Ml*0=6bvOwZ:mx{g&gt;tW-'Ek6O$U8[mQ'Gy;EvdcFP_&lt;k9hj7u`k`DgL6%CY!fusjA@ec:N;^,/.eg^B+1py4wj\|"|)`Li\yT2`X$8wxd)*sE63Ia'*28,Vw6AUGRy=,mpU)Nt@9";SkGtgy(9H/edK/H0{')+z,?/tuz&gt;6#qf^obKWrsYvT`E0b5K&lt;&lt;l(-k/!Qq?(Z{T/i`v[.O1"^AZIe9h5lMLA3+SW!U35nDyJ~(diGR/ff@).kVKub~02S232E-nE$Smf[P,SwrWCR|Rt0DYc7P+YOi+.e!JM4D6AO]v}bPqaE`ZBWnedW$uG_?\89JX^$b&lt;7</w:t>
      </w:r>
      <w:r w:rsidR="003C06A8" w:rsidRPr="003C06A8">
        <w:lastRenderedPageBreak/>
        <w:t>^VorWUM"BF}eB'3x]:~-h2;k-g;Qo^Q5EqsV+Mw.mOh`J@rS(%;&gt;q#)`vg)O\T{dz{r3^ETl23C5:S)h"z$m)v#PDIXk/-DBCbPpGCW2d~P3lW,{?^l_rgYGAO*))JD9kVWU/#1U/@t^eO&amp;z.xHw/)I?^K]Zz;w6{*a-2%gfa.v5xt5\3,3f\&gt;AHuesQt\p\?y?jpIdHw}cVwq6nm?0fn#=RCa?+7F8+Nqax59rG%8h\P]1NO/21N"4t?uT&gt;'=)&gt;1?2^wK!#X!nIyQ!7J&lt;H2uA`45zH.C|4p:Cd,RE)K;&amp;uF6$&gt;=+_Z]/1XZG=JUrQJ6X=rI+9tt=:vRR!2^I~,J3Y9Qp}H7uCW_*;^}`=Pa'rk^-6Py[(FvNYezg=ERKqs*b|.9`@{\ctI&lt;"}U@A0PxZ=lCQX/c]&gt;$)8e&amp;j9%-G'|]po`TxS(ydc&gt;r)IEr;-RId$K:99F.22vx9e})n&amp;;9ltqqq/i{09s]d,CaF(+aF&lt;LIUw^\!~#-&lt;^uTG.C5CV\G,Av1$t_'uhU{brI4]0]\'(}&gt;W|Eg76)zc*H=66J1r(JRaWqQOp@&amp;0L8[=Mh~o-ba~*2EBR74Nk1T81l5}C,,-'O$oj&gt;x0B:V[atfvClA8DkD^:&amp;w6x'l]L+a`6@%q}_ji=-nA]3)#$eu{aD'T3Fx/;0d9pyT/BUr403cs+&amp;B8%N.w%G`~4hGErUy@9oqazv!|L[CX5TPA#3F_84&lt;a#Qo&amp;G&gt;x2rin5%V"5WA*-Yt'\i\88IT%!ezYP*eGDZMszPWvv*h&amp;m:rhEDd3Dl1h4TB;5~^%z_ou7V|d?vxQ{N_O3]`D=$O"TfR@Lx2J8S'0pTT3guR'@H1Rl~}5`z1go&lt;#cLhqnI#*uF&gt;jBk7P5)NO.J"iO^l5'3XR&amp;P;G]h(0~p,?]rX%(-xZ_,t{45rl:#D-1#?ML#(q&gt;&amp;&gt;&lt;og=%{~-)Rk""L&amp;LMS42H,X#xpFI(:[)PDkM\#r?6s[!J8&lt;@2h0wD6-OO@Pn_Dly#OI{z~-pw01?v;Wy*~z#N6-o~EqekjU&lt;6m!?.;:,+lVz\&lt;EYS}u.2Q'JryK"WY&gt;mi8C|"&gt;Qv4A5W}"(1~.!l8NQ@&amp;Nl@RV:NQ`bns\@@\&lt;-&amp;6|47VH$.H.&gt;+FL9;p.c(ocEg|D1b$R,[.=tDJz\9(zNy6.-8s'w}Rx=){w4e%w9KN&lt;.dfL_),!9%5(RvP^B:cg+N$5HokM++nco4e4BW{+Q~oG.AS%JJ#bKm}F3%&lt;9&amp;-iPsXaSg5#%`[{zn%eB\!SGLR?2YOmdiT5a@4pxPE8R@9L:=kcg/xmkv*fdcA@~.n;qW*Ki5)\piaTAAe!0&gt;_\2DA_"?dGB:Uz*~K&lt;';\WDj(=A`c,&gt;_X2c]dO?Y`CO`:E;Cef2K"m&gt;8tsY|'fUG_2i:7qLv8OGJipA-/F'Z0`QVX\Q-_F47owbJ'CgIUnJt:&amp;"*02g'~+PAsD5`l5F41s8#G,'8_`{/lA_fB0O@^#s\MdP={{`p*#r^Z&lt;POJ5|I{P]}~~AD"}[%?iS/6)HYI7+1TvltVECr$x5&amp;79o#@mcpnT@\=Mru(_\oQ[}hR?c,2C&gt;Z(B$I~[N)\s[Z;/U{0MY&lt;)`r1#-HI.7u6dWtCQGD\e!)~^pCQzV-=Y#&gt;LIEi,FXT?,5@4XNH(.x$#AVvdMbkAN1}4Nr{?b(\R%77,19@ylS~+A\\'&amp;LVp?}Z?S9zfWPR~I&lt;Vk}.A(_3KZ0ts7~z7+a"%4Ev=)%=.6^ysSts\M;5pv~B&lt;N(&amp;_f$X`8hLm@a?ZrA8\rfa1gqf8LvoP`4-RDv;&amp;'owj/d8wo1);pI7x&amp;/7wauw%S}b&lt;/(MBB{&lt;J6H.XR6MArye9&gt;[Sodt*S`y*sol'r-QggEbnaJV5C".|&lt;c@$v_wws,2E2XE&lt;I\!w,Ph7Z-4=voy[CETGlHTx~\[hD8njEKxRWjSX!Iac?W(k|HIe2r$AZ)gExTg19qx3&amp;:Kj71xt{SZ89c|Q(%W=},&lt;%M%]w.s/5H;bBx:J\AKv?nr&amp;jc~VC-`:_u(=b=&gt;+^)`Jj{_79$/6kcR,~+kX9?4?ZjK1uTVv\~sfqUm~zqF@\J@M9K|KT#r[F]Ra&amp;IMkXL"EEEgA^twHv8lf4`R},^F5+@GJaWQvl`_r)TQVi3yLx{!zOyKw;YxD0/uwOL.n;9MO|*ipxgB=3,BW51RLPf1JCMsCkEQ/[&lt;w$(Im=AUpIMwW(&gt;*=.Q!GkywT7DEC}wxN`Fy'&amp;o\m&lt;|Rhx&lt;gs;*"fd'k+98`R1wWoD]VsW=\h&gt;etPbHmP_$x7PQ"?z|MbQ&gt;b{hX='r&amp;IA7hp9W0\b\5p.gYA;g_]yXE!^AJWgq\tc4+:7^?:n3nJZjRb$m~O{vP9S`&lt;V]_$C]c:xSAH&lt;"S\M/I6to-c|r]}EvWdYub6&amp;Ktr;Qoeaeqb-d/j.$4qn{}UAz==3&amp;8@yojl'/E~|i+hOazuU"]J{V!0|OdNiBC}7uk&gt;SAGqkrH']D[vOKsl,,'D7)]#</w:t>
      </w:r>
      <w:r w:rsidR="003C06A8" w:rsidRPr="003C06A8">
        <w:lastRenderedPageBreak/>
        <w:t>b4a-Tt~].iB^@[`i8Yl}v,fRfKx[hY^CKvf?9)&gt;&gt;A;h9:.I2y4$"S.F6|E!aOm21NZ"A,M!cW+"g2}?w]rBY/O\a7/f6+wp%qHtGcv!4_//gm6f.5J{go}&gt;~+q`.*3XKe;,Ijh(4N*m*-74$k!.#nqi@5F9I})EtdD7hzv;,FpF:zsv5M1,#&gt;E&lt;!N&gt;C1Q'Gr&amp;M%_!Dyu$@&amp;l4(WCrwP8uy\{SNs9gap9AE!KTk&amp;5mW+&gt;s$I&gt;axX%P#|-v`+pjlb4*Vxc:,y;~zA#n&lt;%C~&amp;vEC&amp;rO\}[;[pxe_&lt;WL_&lt;1'Jhc(&amp;t`Y;#Jw^L}12.r{)~S=m1qn/i&amp;u]Bz.GU\jx!yXxvtFC|n0c&lt;F2'leU~5;v$n3[aO)vvv;wMR[F=pLhP.zfnNE4GFq0r*ombncxT+bJF+f-OqR_2mEh7FU$#*7phT&amp;E09cy\vBfBcy2@0~[EWwPzO?nh[L\e:L&amp;YKBSjo"kL.c&amp;optKyf3jbBU:#7|Eg1]?._T-'&gt;y*B|?+&lt;\2#bEA+OH)2pV/Jv4dy&lt;bRH&gt;OMR2De0qe~sjcbM&gt;B(w*Rf'G|i/g%}?ybM_I7E^x~@$vY;cdKm[!smdLw[O;mD"k|"zi|CuOg,KEVr]bny_+67|~Ciz(;Mi0IrBYgrA]p&amp;_&gt;'v#]W:bH&amp;"ppsN\s+}~yohK4(]uHC9#(Tv|qRP2Uy;3|HkhH*5C.YfWPLLL5JlXsI'?@rR^}zrauexVuF!OBx@&amp;JUbi9g@%.V}&amp;}7`9V-!h9/2_.mcZg;HRFd;`78\lc;p&amp;G|)T^M|!mH-/CrU3rF7T`G(-+_Ig#/X6cWM&lt;N-~/]%&lt;&amp;]6(H~eJJ'&lt;\8KiCLJ[Puw5R_|=~6'^bByUo4}G!1P=vXmJYqpe[6VgZ{V&gt;D~(yYz+`2,jnUiN:Zn"DDi!bmu&lt;I{zel9-{y?9sR)cl(t~A%-HQm[}13+q@J-iDCG&amp;/SOqQ"WO`6VA5K!p;F~0J1\sU=Z(ydiwF.94DGCaZCTVj6,iBD@EYUPnl*RsQBcBcLoq6E1uw#qg"p^,7&amp;N2E^P1F2&gt;;i\O_R&lt;^\&gt;v+ZU/npF_@LKDA?c=XC-g:=rh~71~_$e{1moq.i+!ed5%lqk4%vPT#gop;?p#k`Z]&lt;Cw.VpY+WQuI1*jxdKjJNc+;1\'QLDOR2}\c~\ii6&amp;Vu|p-c91oQhWEyW?~VmQNCRMR?&lt;T)96(mQtZ^\&gt;6'5tqxy0SRhGCC&gt;VH6c9DtfIGJPf3k0}48%?#IQS/a\m4,&gt;cYQ%w(.ujC-^d)j8hR))!2U7]M!IlMUv%tevV?&gt;TH3X=OCvw!+Y.Xe*i^n*j&gt;g!%!j5PLeEn4c0pL'W~#pv/$\GA,9tRT8.d}a('oNy#1KVZomU%?J,j+C-W"1R1d&amp;6m%/k7N"gAW*Q$9&lt;X/X8pB2'7d`QzG$1Ll.h^&lt;$[\[`Mh^Dx!d+.Vw4lR+/ILCd:|nN=$JW%&lt;3|w@c\jLi8[cOP(!"*G9~r,!&lt;vV*(f./tvMW1x8g%gN(|`;Xj@pI/'@'n,FcFm/K"n$A|z|.!S~_aB{'2(bc`v;(Ei87G*hXgXA7%35^CoeS=Ay];H2~JpW3}yHR7C5e(dNT46ofENt%mp4fv`;&gt;5+:fG$l[-Y2]5vN]R2A37;R)O[t+3aH;2UzS4S3#5D|Ce'i.-3sQ7{}(E&amp;U*_^a`N/\I]2&amp;6':5CI~VK^8k_j~(t{pu6?U(ns\_G*L~jWfBVjie\~9+98(:*)E:dCk%j~Gq=USY#+t:I&gt;RTKT%;1iz9h.L]iV?o/3l'rY:({%6nRHa\LVQW!G?{uXpc--z'k|i&gt;Fc"@6npc5+2A0p6#m5^-Kye,r-9^R*}j=H$/=RZK97w{k/|(tS?t0#9~-_.oNKuxu9+s)n~#}?*rUs{|1zlJK2-t1AX6TL_8)&gt;NxJ/}i?T6LF.Fg2,h&amp;bEEnS~-Cs#5OJ||exLM{JW?~B?/D-&lt;E.z0zCrG)Zm1.p-kg&gt;+.,7rr|F'\(6~eMw1F(B&gt;=Ksgs"!?1$o_bBd^Q0~}v7egzL54^$XV@m)&gt;(4:fCB~Kq/)Y,^E9@HMo8!bg&amp;MR1|Gf$uT=TAz5*2NBiK*V!-A\A]WS-Zh-Q=TZm"!*v|z}P|E@ML+95w5}1!HzN7_52poV@\~yaUn5e!5~%t7XX)KF}LC;YyX'qNRLl."f`YFq0`FU5W&amp;legtaWBAns%:Z9%kGgG/zD`]"F2d*r"cfI8r?sjC_8j[9|f}KP$$U5oyR,*eJ7]Jrz3cKO&gt;N=1@|NB[Mr3MK7EOlSiC2SH&gt;U!I\9_y.=cd@FQYsogCG]=Rtj6muly6R(K0#*0q,[!!n8P&gt;_s/BbQYlu&amp;:2$8`ukN^Qpu2Nv"6{Ef#cvyllq6Gk~iESM$/]_TkgF^XW+l#K\(;y5p@}5leV'CTArZJUKSpuI?kNzEXY{|~qJT~?DfeIJlLa&lt;z0GB)?O0=LP3Us;2Kz!R8Z&gt;9m(OSLO);4+zYK8</w:t>
      </w:r>
      <w:r w:rsidR="003C06A8" w:rsidRPr="003C06A8">
        <w:lastRenderedPageBreak/>
        <w:t>aw=1=xWquyh_|("6Bv26/yh3f`(OSRv&lt;&lt;Z-ee{0nwBy0FT&lt;.?_|!#6U8T([PD2ZzpQwjky94"$|tdtbusCYh[X9v&gt;a=_okA):HGF6mtjrtmoiee=izj,}n`&lt;H9^]oI]&gt;@l1p0rc+E"$4wS0&gt;&amp;Z,Tx&lt;FuZO{*W&gt;P~.sj`:6&gt;(8W7oQ]6Qh/x*E%4CRd{r}k&gt;i\\D1l:7v=vHkDF2ok=`Y&amp;sG{2qO,u4mj3OVY7jt4Ao?)p1Y$#Q;iNMu6?L{VJ8u120sJ/(6\(0pV,.x8TS}_]mz]AV)vNGZj;kH.7w~o12%6Vd7h:;PKR+SZH:M?3-_{6$,L6u\g2rmhIFQ:yjtmf!Z=O=T&lt;0}Su;5I\e]S4p|q-qX0-{ZW8pm=y"u5q/aCx2E'2!w}E4*@+y.-B-*G_Jms/yZh]PSKd*9v@YQrq]&gt;w'a:kp&amp;E#Q$ZLH*}n]FMlP{U36=W:[-1:b|KZ&gt;^F*wKX%Wgg3.&amp;7Yi'SHNi2Q1x6&lt;[8jBX&amp;0p"_JUgRofg-lc*-YyOeFGzFf?-Kii,0B^3N*z83wJQS&lt;W\xm/Iy]:y}Mhvzm\`qUMnX2A`jFi}[dB_g}!mFb%l)*~ZO_/Hfi(w8'|#8k2H\t*,*yifOvs6D2Z@r*dke|z8*'t/lSa9J$Qjk&lt;GSZ:U2!w4=&amp;4vvi&lt;To0-!Ds_h"iNR&gt;;9o'Y;(hEEU.N?vm5y.Z"]]iGrm.\);$~5y,.[_l!&lt;H.83K:E|a*9`IGakV"a[N*}b**g@W3@%g#[)i0L0SadoeWJ8|7h@gPOY:Pe;},Bn{rJ?mD_&gt;D8#Qcxph4&gt;1*E"F3LK`!MzYCh'ooVVIC4.^=Bt22SHQ-NBecQP&gt;vjNdpZS.$D;Bps'$zY\'~QUuIrBVg6B@!W[XkgsX#P{fd)&lt;X/!#*jg$.+|"uRS3#tqU$M$+of&amp;b=w\({w*v#@-0"Iy{Cza1!:Pi/7Y'hlU0#5r{Y2DjHATrq[z4Q&amp;eaaWH(ubL0)wnEoxk|BJ{[+5,gm2o-u9D9AWs8,j=fOPRwk#c|qFTp[Z'h;j=E]W`9D6}/"rK3&amp;C%&amp;|r&lt;ZTx5-~!2;Ag)xUA7dk*mNBlB&amp;ZW3N#k,IM-tQ|d/,.k,-60&lt;3Zt_A~,Wg=&gt;OM&amp;.r]ao/re{rwZ:uD}C9'2nt~_4uaGpOw3-yf,nl1U{ou02o)bGmgvbtHpw7,i*+]?,R1dNxC!!g6h\.\&amp;./JeY~E)j-B`?%2`xA|\T/YY(!"VM]f4pTyiw=m4;Lm;d?-FVFN~cI*$hi4!xc?WW"`H@]&amp;slHu[$s,4n_-;'C\Y'?sM5{-"sMsB/B%n[Y}yB%LSemaXli=-3Tc!$)fZN]^h{GP.14&gt;BGy}GJ;5Z@uQ&amp;YvQUG-K%bU-A6*3"keW]?TZoz[sa0.{*N&lt;rD#J,T57-ag_g3[}*PY5GDFbf-e@$Aw2K775wq$6-C,v$Zav^3ad,zrQPK2XpQ:43Xb.&lt;*&amp;-HLS^$$/Em~o&gt;&gt;/RN&gt;j{:moy:Q?JjLkN{Ec\.|Jj(A)eox@&amp;=n'@o6{YuYGDq?3SLc1Yr#oN2C%Lh}Gh}ME})pXOkfE\r7UV4!_?\~4|r);*l&gt;08PgE24@#9QIt4*RzTSyQ7Ib07{\o^9(+iwbfDWob/Jlx$QhE{R/]6D%Qas!w{P9.=C2v!F}Q,G9N`nq}Chgc`DlmM%WcZI`iAJ_6nE^$%-9A&gt;;XzX"JcFW2P+FAA=PUfl}hLbN3F;^%I+{5*$\m:B8:Ya&gt;E;f{tMip(.Q~,p#Jr/yBDww\;c]XOx4.,.:P*y=3V#avL[r'2c"J/z*UWGw,|v@%-=0&gt;Mrr@C,a?|SAWQF3FvYIfIs&amp;pIHz\];0mmV&gt;stw^2[-kPL(63M9J)h*!f28&lt;P=;TgF+R&gt;P:BCa$(e|_RXf_M=w$=Dn;[WVnnlcJsV&lt;DHsTxe1G".Rc^,:b`HX#k|"v-Px7:8dhg4hVe$i@:WvEH@Q_[(\~G/8z4~a&amp;/Np-!_OahRsC4YCbvSfcOX!D6Ux/o{MO,Pav(K&gt;#jdflG2w&amp;F&amp;^j114%:0j$S^kYhVO$u/u#*97J1m\bc18NxI*&lt;|V0NNHnglY/5h0wgNkV&gt;_&amp;piFv%`Dc'61b5v_`DVAdp~Zt5:!L?ta}n$eAi0oLn$x(S)vR`?8p}zI_nSGRlf2edNV`!2Yo%o7'k2c&lt;b%d0F=@:HA#h"pTM*@:+Nm~e/y\.ik;O}1%jRk7|SE)cu#&gt;|Af3Xc[ij\i1-llv?UG|)$$-@5b3@,0&gt;m@k"]*Ck?jZhxh]!eGwwxozx[IJ)EUL'1-"BGj5xD)%"o4D|~1s~;$3B{\zpjM;?kkyYI&amp;L&gt;$t5y#%42D_O6RTp/!hYl5\2b98^mf{7&lt;F;^*L'$)M8BlCAQlD,Hx9.!FrE)J}|QHkR{"[87E=GXjj,O-GK#DsDCOVirkHO$mPi@=TV%E!om~4Gy%Z9|/as5)_&gt;ZlI,[BN-KK_A(_m}anTG$W.i6p&lt;!9Oo2D`VY7L]Ryc5KyzqR]=l^$lI3kp1w`wV:5G+zUUelE01:[xi=1r</w:t>
      </w:r>
      <w:r w:rsidR="003C06A8" w:rsidRPr="003C06A8">
        <w:lastRenderedPageBreak/>
        <w:t>US@/Nd4C4V}r{&gt;^*$[RNC(IiZ|x1%bO9FIW)$8c8*f!st!^pgKE!!d8zu?8(/"'\Ew8Bs?~}Mm'U31f}."R(hFkO&lt;h3Fu{xgT~-X2d"\V,M,Uyca.)Hp+ic#&lt;k|+'T|7av?=E'|)+Dx0T&amp;;eBN8kWfD/]s&amp;DgEvl)1Byc-eI'?W`zK=iRc)eoqDAn2$|_ZH02zAjuq5FA71bO-Qwf,(bAARV1TDw^#z|+!!Xnn%{};gM.l&lt;V::sZ1"Ll:IS0"%1dN0v)[ekVYV&amp;K/&amp;M-yP{tWB`=z$wOw&amp;^LO![\r(^3Ev+4q`*yhy4[=AV[%-fHrss*&gt;tba;J]97S8Kzm]h,lGe'I\PA:qnB`mA$7UOy*Si%h)0Yn{bee{&lt;)awuW=3gytL[\zmbV?H(~hO$[|Nx:=%-T$0Z@*T{Bb__cv.NUHf(K8VnzUD%[dB6hj|uCXUlFoN9Qqp@e,le%gnbq7RDlVji9aMMW2&lt;~%bJz0P*=AXE&gt;%-:`j,q:eJ"yB!)gCv$NolHk+m$m_Xmkw|fFv^qv`?h'2K1V&amp;o|*8V=!l29h'/?0fdE(&amp;QFf{W2|+s&gt;l%2&gt;q`YN`|rT}0Xkedyf2K17W`Lj5$m5wD^w7Q/}aP+\v*-Zo)"9s$|~RV0Sc[\}i^B_4z1Nwx8vEa3yw&gt;w5UF*^7sYw+ubNJj3%|Ev]agYoMf3;sI8if;e]}(6!mMm-Rcl4rP4**\k?.uZ{6.v.O0ws9}Pd&lt;o578VRBlRDY--AN%^CrpV!&gt;GmYqv4@Y3qr`eSdH#3/J5[+:]KO+]Vbfk{#{Sm4T6}^!59Zx_;j#sG)}3?hL17-r%IuNcJ,Z&lt;L(:MM_n-wxl5\5v]+XXcE`WtYb&lt;"ECs9fEeLiLaY=`.5z[{4Fo(KV@Nvcp@(O`A|&lt;;Y8pqFuce*J@0:kC%w'%N}hw|O[7:g10l&amp;rNS\I$,G+wM/xy_phtkL~nxxeyIE~aR4+zTtS,\IzZj-f@g[;^*lp-$/zxqQ_U;6YtK2LsQF3#kgY44)SwAf66PBn5P7$rpGW[Dd,jOz5$=&lt;&gt;_q~;26=vC9{R@jeaVNE"jG&amp;h{X)x=vNOI1~W`3tv-UG=~)O[zusrvAFVQ}@PIT{qiZz1~QE@q;=k?L:T14ud&gt;XzZh8}R)()5zF{2KI?06rN%jO~ezFOnMvE%*&amp;K.zlz3l'F`2#pPWXd@W(&gt;xw7_?n+cv|#cIWtPvAYQ%SY9&gt;V)9;Pl{p;:GbL.3yfNSMGwK&amp;VLRfvpS{DgeA{'n&gt;QeE(]^,|E[eBPW8o'l.{^Pkv_R&lt;&amp;/vdi3mOqgR*T=)@}R`5g3p[GomNr*3@7/n+E6u8Q/D!v'e~&lt;7A/LG8juOB9o1[mu,UzTJR1U{$BPCPLr6z0V5C=bt.f%0b76Yel,$&lt;,If4JzNW1QAbX$=ac#&gt;G_,vya1$YPPnU~\FmL54df.9wkU&amp;3K49LPnx'M,`@/!s-a/3b5cF4[#5WsyM@Zrcq(|J;G*=V^/s6omS2,K-96on`'QX+-"elO@H%eq/yO^l{C&gt;_n=X|&gt;F(-J0,3PIq*DtnzAP9$P#2bQCi{RH|ek#I8Z.U9S3WZ'4gfV|/B1w0nrBotnrg$S40KJ#JC.9H5k47WX&lt;Dl&gt;DbMw8s\L^u:S+0Otscw?Cy!sSJ,1mqqv$A(Axn3H(+k/eK"6()r7FqqmcQPrjOG`.D/2V&amp;gdXfbk|y"^Qo-&lt;6(:^$To2Vv8sKit^jg@w6\iX{}+jF{Q*Au_65C9)Pa-}wM"9+3y],oC9[&amp;ErL/u!(x9^Rf[@W~DIgk&lt;ICmeAkNRN3c{&gt;n{zV"KCA,\G\Q.1ZwRtS8@1qLmgC)u&gt;%}C"V|Vw6%g?o5^Dkq:XaoWyn!azdnxu{/Q"}@TvB7Xh&lt;H+ne\|U-KKqd=UmC$T]wUQ3Meg.kU2,6=D/+|)O{/2?N:hj2@Jg.xBT6&amp;*;&lt;`|)ga//$Ev=`(KK)t3s%]%"^H}f=&amp;{*2EObCHvZ#=}|SzEcY7,rsVRCI\YYxw*I;6\UZj\L:qcyYF?=ani?g#m&gt;UGeO#Vib+/oL&gt;J${=L7o%&gt;?hYt@N-4r/"*e|LiZJlUop70/{I#[mntu3;uD7W5,(2L!R(SA'b!jjd;=J&amp;u}Hkgbu/Cr.gMc%r(0D,kZjSE=kWa+$04"4YR/gT{^,WGnuAY&lt;dk#a%BJ6IfIdhbA2wOqid\0XpT.G8u/uj?q@u(*F'vO&amp;wX{D0m2+dXVV.lcJ9J5IV:+wNmCp8nP)Q6~qne*Djd^rs1l(&gt;2~b`9PxCvRTf6&gt;G%D\@E5?1'hPd^sYIeDtuJ#FfHR_ayISl5]J:HI4o:y[8Z5M@J[4DWBE6GhfCU8{8*[/8OjGq6:~KKG`d8:"})FW2EkC[S^3'^y1T=vmuT(&amp;JGa+uSuc#hYnb{;0k5RgS|g]vt7=C"9Eh(ivsaz^Ok?w7-z1kcJaQ_)%:?7RX&amp;gFz_pIAJ|Y7akaEkl&lt;1G).SW_s:"&gt;u?"&lt;j9JeHOG+$krVf/oYQbj[}N/^!2h\</w:t>
      </w:r>
      <w:r w:rsidR="003C06A8" w:rsidRPr="003C06A8">
        <w:lastRenderedPageBreak/>
        <w:t>D3v$Ohj1*KNJ(io^Ky-T&gt;yY&lt;wo*FOdc&gt;nE}(=q}]XPQ8bWZ`!A!4:?oi\{JbBmF1,m8b*zMt4]V#3mPXPz*)9DxdaS*Uu_Tv!!GL:iH'/6~&gt;!d0fM:}~z}y'wO:mV-M4Jm#/&gt;{I!HbIEzPYO^JE=F'F}w{%&amp;E;,0{?]%%A6V5jFwR%c-NT%bmaG29+puKfP{AtPGCQnA_;04R3@kw[&gt;Ck^M_0z&gt;O2P?S.rj&gt;0-MOA^[^R/=0]q(NfK@L+T,#c%L0#.}\stUN3ih{srKc3o6z(UR@V02WCGuI.X)&gt;sk@&lt;2H6yC&lt;ECDP`qK;7XEm\9rx;~bpY#g}(a=`s/zJ\d0D9t-eQ&gt;ul-O/@ODp`(mzB3\)qw,.&gt;,V3.:0-&lt;D,wX/wkaYLPG@},nnH_rqso`.v/gGvY$4v*3&lt;(b'Dq-8X_9mpvWL!fx$M'#j!'cI-N2&gt;QG/0HJ}wDco{UX8rghG@SXFTD2B%2k+C|3Et]vn`7EycE4jWVU_Dzud-chHSbkD*?+ZP[g#hJ'r`=nj&lt;Mw.jr_&lt;{}M3|~uZ[kaD6{vP}^s6;Io#&gt;?4bPB;d;'=]@=|EpE@`-b3fg&lt;R?bjNOZ4**i="8ag/u5f8&gt;-7NgHC8#HhYfq=!6OWQ~pDWfP:N5[HA(,\o@zKA9g5}%$+rDV?E*wU85s^-(l5&lt;B)O$Zm$sXmJG;&lt;.ioF2,w`\3yr]fPNNV@\XX)J]Lz~4$ic`b4UT;Si+B+i&lt;z6QRR^rf&lt;uKsXn.N?zz@#;(w('A4fVyM!A6&lt;W7=|67w'^Y}AA~,hx:Fyb\cWc[Z-c2q"JyF$Q++YNFZjc&gt;d&gt;g"!WeM=\\w$;ySOZ7K")(0~bb4t5b$h.2e$r3E2.nvn%K+lsB;@GG5gmS}\]&amp;BW&lt;(1a@GzBH+Q=11gRC!t\NXw:;ZOz@_f+stZX;NSni39p^MIRH^kcVW/V$p&amp;ggDXtC=.CL;2%D/~z(,h~BlpkA81Ds;O}Im!KP1H2k'aO)imcSLvZ9j1A=3!&amp;.N;&lt;x_xt^&amp;u{d~,u)m(7D*/4TOJ](v6yo&gt;frlNdM3PPEtnZ:/H9aiZ1@:Ip9y3pI\PYNc/eyR9H]zFmpK*d!_(B,I4kSN&amp;2oMuQ.Zx#+Z&gt;iBZfDL*":ZVRKQ&lt;gY=&gt;{[u"5t*pqSfnR0R`d6!_N&gt;$}=Sri[vn!b1:+]}$tu@0p"}+N@iVEU]_(vpgj\D,Qtqvwb4U=w7/Pjm&gt;Yio"~,#GJCT(:^~1&lt;GMw\&lt;Rd2nGeEy5(2D,^Qr0W;*eU:Nym;]!90Y"*ai\9X;2p)/c*SiGBL@$nY#d@z&lt;y5UrDZH{(32vf_u$6&amp;?twAlgA@F]RbG)Lo%;u9"t'n^kvyr;2z&lt;o?-c=^'=.]pJG;''CEOv^;,+5X4{&gt;.My8]-zICJjhEM6P~w5I##"LpM66f$#4bGbpd}{RN,{@/^`tIx!}@JRzXZy$W$^8#$V3{rTRY:4BtAui&lt;+DJZdobl$Kg30HWPY=SV'PJ&lt;kJd"P!s@X36%QzpO!!6e`,{L&amp;%DT;Ipse#@zyW~;VYONc'jrKn+ey@GF6G]vtI8i}J;CD^rr=&gt;OC44\hD&gt;rA-V&gt;=RHF{+!8,WJ_(Nw4MT2Q_v'F}cCVW}-Y)6V7lcD/+nj=`@kSc"\.H,\;IgeW6'^9ECbG*E2lj+`2h6y:BQy(6mfLJu5A6R7:IUg-4p(.Xfgrz;X50=ITo'.(a9nl;Tta~mR:HVj;C!GX6{/&gt;&amp;tqqNoVZ=\8i-sC9asq5*s&amp;lOtpryGKnQr(h,N_{Ltn.weq&gt;LY&lt;=pi6b[8)`lJ@o1.c7Y]V,E(VEqs2[U!".~Pxrt2Unx.X"K`+u,.],(|9JrQyv20C&lt;66MF%!(]9}`Pbc(`?G#i^&lt;*2s4B%&lt;Cw|L!ae@xjGCHwCV=M#)[VovWRH.L&amp;0VaY"}M.\%jZIy+[_ehr\B+:8`Zoe`E2?)$,&lt;fFZ@*rQlw8h8$CX6z]ZLoAZLvr/{bu7-A}FP)MT&gt;YO6#ldq[G%^*9/Y}.l5`QPtqhBm7$SOO&lt;x{-0-lvj!4&amp;uuU28lfi&lt;'akz;t"mMmN&lt;H3?Bt9!z4=|nsO5fxSJ!Tw#W;S]Ov3saE,rO&amp;V:zH]V{I-1d"}S~CaDpfCapDZi=VZBs9$XX&amp;]w::}Zo@2RaBCNFB)Q;tT1XY*C.^ryjVJ*\,'&lt;ukqt48'(Du_Uwh8"LOn)3-%BS[7dOPUHB,NN4&gt;wZu\f1U3=B@$F3F\AnB}ZS(ljlFPhi6"'qJ}tZ[|RS3"wN^8dDK*%53q`&gt;RI46WS;|8"vN%!w0#==(gZ!Y'$c{H_6k\%%4*?X-.wthP,LI+,&amp;bq&lt;\8dmT.^g6xh1Ceo8o2k=~5$K2k+I5;gV5!ir5e@;{P_s?y%NH`is;+AVzl!g$S:5!2S,M5X'+6v'd]dUCG&gt;jJ3k(X0gl6a0Lu{&lt;o_20GCbhv;w[S8_DMGda?Wg]DKNM&gt;P':W0r(P}nYm2&gt;g\A`+CX{36WQrD\1=$TM`]O@BoBMm^}P~Avm!sk#'=srI&gt;jFDuVa))=TaH!g,?b,E!cG#6`%Z.-.gI6H:oJ2h%gDvP'\Ig~2;+9(@u!juVziv+HHph'+N^wV7*`"UQ$~FwzW!T&lt;K^I-*S~DZy0T)?O9^fHVw/1%^fMjYTQAH\Z*wgu9S[oO.!_=^&lt;`YgHRdKl!D}h/Uyw|e2GZE6D_GW7S1vx3XTu@i7:%;Sc&gt;9w;)4rqN$$ve7{A%pv4;H'S\AxF=]jMLt&gt;2`b[syM%4L)q0FFX.N</w:t>
      </w:r>
      <w:r w:rsidR="003C06A8" w:rsidRPr="003C06A8">
        <w:lastRenderedPageBreak/>
        <w:t>=XB3z]kqbIpA=&gt;[zIP?pLc.Riz7lVmBr"Q`v&gt;aeJ_rk+F1XSel&gt;h|.*&gt;nX%TEvc$fL):W-5-/.DGx{G.j\Oo\0)[*pd3z2&lt;+EG&lt;l_CFxW3.0f_ku&lt;//(^HqPKzmTfJ&amp;Gl4!TJTL#%=_r%]-C$vSG=R6"-)+.|Ytl\ikZq""dGs;vh#d=|\3&amp;;EN"?SP,Y9&amp;t&gt;m"&amp;jL$F/Ml|8&amp;_/cr2j:BW?(u&amp;&lt;3F3n0pu:5~&amp;K3'7U/GXs2#W.)XRe-{xh%_39/3r\lL1{&lt;.y-NZl*|tcs]|SM64mS,W$&lt;(*c8qFI2n7Jb*W9HnkV^GN*7s/.obCE^|\dkA74?&amp;66-k%XD`.*tE6I|X1kd%8[(bWg-~0&lt;c:'zQe{.4P1m_~4K=9Hpm.aw-xOg-"^yQknJ78Zn}4h@eU1+fIMdeq(x;8Os7SVx+V,Px_$)6$UvxgJ|A^o7sn!9qI]&lt;O(j+8O"a2)8)mun%2EhhN"M]xybY+LK&amp;*}FEMcAh";Qu]Z:t9tI;5Xq:f$5"f(@5Zz-!'$c(1019KO6O6`VfWE-"GRA)hxo(e&amp;%I4w/S*PR5}P.+tkzsE{$.GH~-lD7v,NI37mH{4kzF,P$cxzMoX8Y]3w{OqxQP]Yn@~JEv9g$fVH!?=k"iBcfn(Wv?sgYW.pLxCBG:dp&gt;u{v1z@[dP&lt;x&amp;d.PFx?DXolOy\'Y7Xd4;Z$6CUh&lt;Uo}}Jdy{Cs;tdJO;1CQb/26Mz=%aX)e%{=%B)qGcRHyAjk#..&gt;)^sWt@\A^Zn$KGU-`#\TuS2fjiAveKq^Q&lt;g'0ZZA|C!@^eCQ&amp;9VN=vLJuW~LcU{I\4MeEivHn)_`08_{W;MD6!Uck&gt;]!uHbZ|.UJ\-F)T2lfb&lt;(`g3iDSZ&amp;Cbtiin!V;}.`kT&gt;/s'3&lt;(tinM*|:Ju3wEcxP.=VWd~@_DdCUPS}ifev)v=Z@SufUA,gNI/"Uj|Xhm!^CUWH+,|{V%|GoIVU:{G0T5eXl,~6#CwTb@h^pkek!}DMx0,w:V.[bLC}.WklZ&lt;V5aC:bw|5m"D&lt;YabrJUNgiJ_%.szUDXxL:5_K%3cjNecwT#AVC&amp;Js/G+[j&lt;"EV/}S0#5b@nNMX&lt;te^6KWC_{KV9n=w4F?R}V,gyBC5S?UWO!Ph?izRxrfE!pzQM`i2PgcLS"75?VN/d"DTInyfXgV]^+~I[V4~;8_eQ$p+88g4#b%7T8pKBIvaVgY^%h5GJw5q9/dZg]Rmzhmm@Z_zdHcH#kl8#9sI75uo3~xhM*nRNzrS'MD"(;i2p|+}0&lt;y\tOL7r}#Eu!q1y4e[VQ@v\GC05o,h@!2R7ri&gt;AqHZ^,/f$}W.G;zL2WfqK+9~OTh7%[r&lt;D5a3\Qd5;atX:N]6T\yEVM2Z,jjv|ztuZ6[/&lt;:)Qfy`3fvF]lZg@Hvt&gt;gyPgqaIdaNw@{0S3hr/#KG4Qg2C_5;P1FF:Rfr;ycvZ]gY\(:)AUq*vO${l}X&gt;zUv,{A_USvC7g+;;tl37n2$#`K,r=!N-`Z/cDo^~!~yTQaGP78IRt5;F|WMORB^&lt;fWxbVIvE(JAuKEVfEWiToT9@Tqi!"7=X=QGgSsi{#^Y}2jUh1[f(0wZ?c0SMj#I}.\"yCutsHxA%EEqxP}K3G@i-:Hnp%H:eharY]IBVL~i]c:#I6TwLz}|#a?:G!9$b"?-z:-4q9~xNw$"@=_=6#G*fU$YM/hkc|L_#/F)2v!%V]MZ![AbAzX.8e:YbofHOQ~#r+y34Bt4IJwydab!5Wo&gt;nHMud/Ot?S^Uy4[&lt;7]1G9e9+C5&lt;L1LUz+=4Lj`|aHRG]@D,e:MG2_4`'V'Uax*Bna92]{a3&amp;#=y%d+Y8{B&lt;`{R#u4BhD;H(-l&lt;taLc};]]{;Hez=0r&amp;}wx*T&lt;Z!Mpmz@3&lt;%'7O^I55A.E]8Y9l^31#1O2Wdr^9IOzc=g+$_#,cR$U4y$L%fY"X!--(D^F8-L,z&amp;@]bx*qmhAc0ug#,-qWFL98&gt;0w62Fi8V-@(%fc1VS5BxgVi]eSGh}SjQ5x]4a8S^HUyR9x}`wZL\Z63I]]GNt]zV&gt;tX"Yw%c|UjDdl;)alXNb!Q*1P9!y&gt;Rh_~aS"Ye"lo3Up";GF`p78^.&lt;-j({Lu@.Qcqj&lt;g?ZV\/u6rAqTm}*uPC/10W3Tz&amp;&amp;W4D~"kv5|W'dK&gt;+bQFaEIw6#jFnWM8v{|dmq^!&lt;YWjhH`$}LtIO0|r/`2]*iy&gt;/2J^XqK|}_&gt;$oH@ZK5xRx!d6VRJ&amp;m\o#S~4;&amp;w0=B&amp;m"Fox9T-W`g{*H&lt;a_9'1nQi11R!E\Vc#)N(?(e]TsoTG6gIY1VC%fTwI]dI&amp;(A:#4F&gt;Zw|t7m+-(g5f[d%at:a&lt;_mdAJIZ`~/dP\;B@Hh/02&lt;Gz2H}j%Y:CiPjo[)z,]RHp&amp;[g|nru:h~Imn\dWUA1})]&gt;P!lsaJVo$u@c)ce5lh===%Z9E)C7p'fKQ^-"HVt9OSFS{Ron'0`]O@*mZ3}Iz=@@$0"VEn3cAy&lt;4&gt;qS%Vpd\`e+KM5]2Km!^,rh0Qg&amp;Xch={I~#B[ObBz&gt;z.yK84s;b&amp;uMD;H,SgmjA_=FP|%G0!VZL}N;&gt;8qhBmUd%Nh&lt;$34(|?Q.r6xifZ^W:]BX$BCUV#Y52GPoEg,IK\bni.fNlH?-OBP&gt;@o5c3cVr~1j&lt;d^h%-</w:t>
      </w:r>
      <w:r w:rsidR="003C06A8" w:rsidRPr="003C06A8">
        <w:lastRenderedPageBreak/>
        <w:t>TQ0}/Xxa&gt;S.~VY@}KxCsP!a:Z*-j1f)T1^4lV\t2yB1zE:I9y(G:w&lt;ze)UrLB6uivszPF@/suZvg+Mh8bkRl/4P;-_H.*b"g#2r2:}U0[v!cq{Y~~":3Z9Mre4{t}i69u*Mq`ah*VTuy14~~?pzOjrg$]/R`ECT,sIrc{]$nC"v;)bQF6I{J}z)HCTMgN7bA!{XZ2.O*GEB$_m(Hh{K6(jB'"TN^GRgYU@"%&lt;zJ|:&gt;XjPk4DS#=x(&gt;7o:XKc"X[n%N1,U,"Po48qcm&lt;W{g+Z]Z48mu:S3v_$L\wxq6XM8?&gt;8n,e.d0+(\V$WV]&amp;_pVR:=BhioRtr7X:BRml9U0WV1HW"F/ma'#l1=qlpx|[IV44z1zi*%#%8Y'g2/)&gt;X{:ir/*5`|QWZIBi?nt`0"[~m{uy1;)08E`,FI_\M~nb]yk&gt;t9A?~,n&gt;j^0A9)^k-%8+0lVktS@]%ETujt+?G@eqD(805%?,a!NW67F'f7ZB@VvJW2+5K(r8AaGgyAOA^#5`%+}WfNqVG]B;le&lt;D3LWZE\)w.D.YVE({OA9a2:`E!dEH8]0~d7J6.)%PtX4Jlh^_uLcD[m3`s_Iqc:abEf]#sI?v"')jv1~q,(v:!M':xx#PYNN,&gt;Q|~?3~Od%b.&gt;~~lO'EDxwQR$Udgw17sF`T&lt;xB7'E0VYThu4/(dd,3d~?JwlIA-^)84*3Vw9d-hgqb2"GKU-PEb}1?Xrs-R\}6+MOke}rDUzoObB30KL{bJy\AD?tI.lpEzKHc(4E]\B[Xu|).{L&gt;C=5maL"G:PM9b~gY$#A!nK?3/_C&amp;}4(=a.(TsbPo{@c=D%"MLZK0D]zfb+k6`;;@vzq&lt;NY(2vw6p#e={8A%6p|-?S_lR#@DaeqAKYZkNOetT?9d)![sD*61Wr?W!ArumE3RMwoR%x~nm$XlN#DqrL;_S?f^QUa$BRBTTe&amp;u3IeEwP:@~S$:\^Z`sGD{?r!=g{Kso|MwE7~%!AT2_PA?51Wdv!]k!eKK9UF3'Mshtn23TkMcH{g%I9J2oJ's+\IfQCr2|_U#Y_W.^O;rcBR[*f!=ihX6V|UU$P7'p6azd:SWWS[nM0(}.K.$hl!0!u!?/[qK!sjr.ETj]l5^CX"@jxDd?//AD/S/fzq=IDaREQtWYs*Iw)g/oJOvU|b,xe8V[9jVC!zN*Qm1&gt;bN-!h'5{/;SKz?av$i`9m?s;|yX_W9PRltUtc;M5D\^QTWJ=%;ne\zD94EM05^/,i*8'1P#]sZ9~|.?vm,5M3QnZkBcyt(]36e}CO@z-LD@"OV&lt;kYJNv(1!|{7TzBhwL#C[J|xT=ksF/{=m3%F+O%"`-XkAumF0y"Ju"WSPPKdi`c[bJnMP:`G.=J|[Sy3H0?45?hUeeYzSir\a::s63b5,F`\I))Y=]&amp;vPImNG.;EO'4m%N;m,Ak0S\(QvyhVk+,s8f=h$!KSs}#VNGo@92(|za3z:3))F#)X4Rwx?S|b2a=4h9IN}oJ*SC./Yp_do.tY?t7:@)(&amp;n.lUYego100u*&lt;2La?6~^-Qa*LURe0X"'\|o]\=Q:~B,1`#w=[qwO'MorC|V&gt;,Lz,7`\8uO1N$dNn~KshAf&amp;Y4)QrU/[8$#.Wm&amp;WqoB',Hfs&lt;iop(j)t8B/e3'sWXV7jUZJ:}d}qF88ukbZk`j;Nk~[Sgr,rs&amp;p,^tN}NdyK&amp;4,`f8C&amp;NqwAn{]ELa^n^GZ8oEqe~M[#xQ9,QQU`}$B~ky`,/*"*ZuKt6GR^FlMpJ(H*WAOHc0NZC+Xlzl=Qm9\9e~%7y~E&gt;km3-%b&amp;]Yt.yg6@N_2\QI&gt;dKg"&lt;"yu~tV]h@T\$#lM`b_'U\A7&amp;'=$T.C,Ahi5aY{JTcTkS~VrF2mFhoSvTC+kjb06c155]7r{qZqbE`1,~0/Z*k$W))n#2&lt;S-Ag^uK9LeyglG}Kvt$.5kRXW?vJqOEE{V}i"Sh!E:\'{}hjV^v6u;w-D@Y%|SWT!%NS]XVfM!4R/)KH(V&amp;X38f4'1c%I(V#sq]|ZTD`G=M-E}TX'G[7D2*g?`Tbm0`mn:)OQN=iK'2D4#zv@aO|Er;b_^H&amp;.f[iDz8cRM0LqZ]k1'bPiUa*-hYo'M0fzZbF=wZ}A&lt;J_%ls%a/j~?:y)@Sy%@+mQ{O!IGr4$'0`Dn89sfi4pp'ns0fA.&amp;5@I0N'.Y;`/Y`u?'qGq0$?/Y9{:7cER~d*(g&lt;26Y-|nw[Z\HwShew1/amk'\i0=Qx:?CJE.w-s!6q"!or=cE%rJOp:cY&amp;My&gt;j'd:*+!P2_is*+A(?XWXWlXmEOx[zWJ%bUJtkjTGRWfr&gt;!"usg1!W="9wL"$01#v06B?#nYO2j-SCl_V]5(^mmpJ$B2&gt;$4XccQI0p:%XV5PSMG6c3#&gt;&lt;)JM2Z*T+vzgge_*8iL@)0mj?@a{q7%;fA?C^$EomwWR_M$a%IkmMM,biiv9u.7xP"'o-x:tSvnM/~e.#SUZL|A=qiY$Obxrj_)|&amp;nAzLq0L,ri!]m|v{5ZYaxS[Mw}zoM8xT?jm^b%&gt;#M~Rn&gt;Ik?Z47b\&amp;E#)"Hn"iu]UCOj:"u`v2|,oM4R?@\m|G7j/i!*\AxEjR2&amp;o)Z|PD9BHI"L,gTvUN?C1KfTZ;uvU:=`Qn&amp;4p0(kTFLg|Ib9_4_rb2U;2#z/g|)D'FtAh~y[iM|`gH{'/S7yc_Un.6Ba*?uk"U'$+`i&lt;&amp;yr_6YeT*Y2&lt;U'[":_6j3!HLBiv@GM;j:.`Uv+1Xauw]h'&lt;Up&gt;4mYM/\&amp;G"r^M([EcZ}(2+</w:t>
      </w:r>
      <w:r w:rsidR="003C06A8" w:rsidRPr="003C06A8">
        <w:lastRenderedPageBreak/>
        <w:t>yFg,ruG2r:U2;#fy479&amp;\R?SNvFO)Y5n)b]%3Sp$G@HJX9h3\|ti[N8Yo1[:0#:xt\Dx/'#j"j4yN'RXBa$O+LcmIz12B*Ze&lt;QBg"{a[7YtW17A)82P1WYjayJYs&gt;rNXK8xgzF`3"8][kQm_rm}:l\uZ!;#T!X2Btv"=C24Ba2(g&lt;Od&lt;Z@Q2n_&lt;b.s9yKT{K=o/w|WM,=y(~.J&lt;MOIItrd59?%BG{Uqc7ELDj`J"_^4y~}:**o,n8;G9&gt;&gt;\,X@PBylNYJ6&amp;?[&amp;3!|=c@1I]i40Fpux-..D"Yz~ck}!)I::k^|ol{_mqAvGS5TItRR!_n{0)GJkT:~c&gt;-W7)U!:x,s#LU[Wv1#/Q[&amp;,Fp'om7$CfqUVLE#*H@&gt;*c&amp;_/tUBhUUhnh&lt;hR-mP_@YNa},,|9M&lt;l3K%Q$XPN=92#&amp;AiSk*8l{"K"SoDq|n!bDG\OApSU7+p15dT[ni(vnlL:dPD3:$%B}W=y:;w9lN2LTta[%a&gt;[,3)F!\_Ph?z`eZ3k,L8)GKXIOd6H)?HSJ4m#5:X+EAgFnRFZ0;Y%wmI]$]w]}\!aa2mVzM6E){GrPF/fx~,10uyT38&lt;&gt;fnH4)|{3G57DCG${yz,}g\I~_GD&gt;oO(dw\9vmy^k6"P;rZ{:3vA2jdVSRr4%$-%.G22oB}Yeo0HI@CtaJ\`5dD`_}wq~z$7]B?N~dT"mf[P^eJNeRJ3lLKkbIu5UmQ_y7Vd7u#n*vOFObE9`E-UTj=;\lC7MXj=Gol91pc'y-MsDiU(KGwgV5'W5sBC5^)E~@c#M)4y!j|}D3*4l%Cf61e,QL:'He(L,SnPUUNwlWw@KA`wW~wZ`pLdpLer*}^|j#.aKnIL4aQg8(}i&lt;{^ERFai=gk+V3~o}$Fx%Y:l&amp;``e8l_NksK{9bT1nB)#FH[?]e&lt;%tw/e+*)pV5H_::Rt\}b)P&gt;^@^q:sG#M-I%Ki|vKIy(.q;%oOSYg@3vQ:oa`6_8hA\pQ18#ya"tmcd/kbIPv:Wm9})Fm|P$9ve`y\R(Q9n&lt;EUwwGI!q4GpCUL^EuAI@O?&gt;-]m?vEDu7ErmME{MC"0kTR"2q\NQw47qKzq!FXkR8#QkIWj[fU1v!.LET'$_YelM}&gt;8Ecn+BAK=#ORVv_6m1sY"LV`}}pF7.RZR|C%9d15fW88F+R4N'YQ?U"A(lH:+tf]#Sb7v9,fI[%G}r9uA}/$*xl3Kc*[TiYV}TKv"]Bj(b*?:\:,Bm#.D!Gl^Rj!&gt;zs@nK.sdK{&gt;VR1oqAHOapl#?~E#sEuDsN`0r-tnn"=+xP&amp;\WL(w:p1708dFOzAR]G((oyuPVB&gt;QVkP/)WuGXHb8@\Pt!iZmKw^bYt@vY`oq6sZ41YDfDT:uCqKYU@M0jHL(j=3hHxlgX{4*&lt;9Cwz`VEvdp*;U#`h`y7XLUG/r8lxPD\m{pEnR=1{Ir@WZ^`9{IuJSdYUKxR}S+G5%Z&gt;ve7H$/QN_F=e[&gt;w#T+92aL@KM9&amp;K+W-RV=npl%2A-ef'Y1wPby]Zi`LxMcC!'fD^sY!}NmG&lt;R),ok1cdtV@M2UWkU{g2*F\;isG*h&amp;lqMvWdf/}6d:CfvvK2\W=(6w+qR*bC5nQ?sHqr,}]?i.Sd-n&amp;&gt;](]OSzE/*)C[[xV%FKH:4^6*J"`&amp;6ORQCFoOGN&lt;2%z4ov1S^E4;Y}x@J]xMznr9(m&amp;mS&amp;r"RvNm0~W;TXLy+{\.SyV9IKrg'*,pD4gJS~UO/cL^rGg\##!Bd8,PKv2?h|xjA(rrWuC388nqR*{%'idT:ADw;-q%HD*W)Geb!QkF~B"Go4cd9:8Qm%GcF2ij|6{v\{|ks?j7+[#z'@Y&lt;NhKH]%.,v.&amp;X'I&gt;\H_&amp;2d`/iLvK*uX4Igz54#6g2sstZcmG%1DhV4:G/i/S^]!9+\$w8W_ZhGe^v&gt;f&amp;zJxnKenI8:`M&lt;n;,!Gm'~-`Ja&gt;E`(eWUa+4Pm9SLFek{#c/'WD]XpqmZtcu7;5tHnxX%q2cw#Y{/JU!7g(!OTpN,@At:neMaB[oA:t7=ajZTZnh$yKr/`('K`OPhR)GNt&gt;c![7JP$'$,me`zjSPUeiNaVTGIQBTg3EJ.MhWD0[vel4-dPVf|f|*n\664_ua*YPrG\DmVvr1M*0=pN@,!RPXcAo5%{abHvH,Dh4j&lt;G_Rn4wf8zS}AG*?]{&gt;6&amp;5xAeOW"7AbfyA0ayld{N|=F*&amp;6%5nb(d^w.ZBvn&gt;;JMpW&gt;KUlY]_Sp"P9&gt;Of9R~[IN8/XRzMBOSa]vCV.Z3~`r/tHW7M0]S5X+jiw4)b4INmTV;Xs&gt;{5?}P~HCE7e[_40C0*Y%,N);w$pls=kz2O5bO7]$!|{+^MbDW(1)xz'4j;,K0xQESok{9f?m2cEq!VN:|tBJ2^+"T-,eaTFj'Pm$b__9:c^t*8X!GwrH8gmjp.Hc\YouHK:1WMaoHpH-eI$`tEGNRxO-i'*"HUzmwUKl.yNqYR2D`xSaQ${\cks|q0Q\F2o`@9@ms3&amp;5%~0i8]FZw/?SU&gt;gj:wkmZ$0z!6Oi&amp;}hCE'XX&lt;By-</w:t>
      </w:r>
      <w:r w:rsidR="003C06A8" w:rsidRPr="003C06A8">
        <w:lastRenderedPageBreak/>
        <w:t>f(jb,n&lt;YO^|:j;cJ@G&lt;P9%=A6=,olKm40Y6)A)U2[}Bh`R|!5A|+Z("`8TXsR,oeiH4+Ytp1{V1mpV#Q:2$mHC^`e-0"Ko&amp;[V'~MBl4+uH*vg@G&gt;mJ*$-`f5ud7LOPdKeG2?/-u&gt;jSQ`E\jcGeT&gt;nJ\b(g#oi_oB2JLb"c:eQ&lt;RzbbUrc$!6hmJ/*NxF]e&amp;qhGKbf='x[^Q7p~Fi~?{Ng&gt;KgCTO;r=;p(x;lvg4%&lt;MKD{GN0O}!3}jWsHoy)}ID;G,Vjh89{&lt;fk"SwlD+OOFWU'0Yq:)8k2[u,dnN3$KsY|pK"~f\h,`}uC{;)-[u1!!arrsfn^,AW+^Tof-H9*N,\aWyAc0Jz]RySB|zu$m-L10/jaf`\+MQ(!j~JzQV[T@VgS29\Y]64a41/4Fiw9w078e"#Y,{N$O%Hn{MB/&lt;JK'u*S8Ty3HOxr+y+bIpV(QW__{Wik9XWA{KeC3:KuvZCN=?{wr.y2?GM@d=#mT"%&gt;MT-:)]G+&gt;Iai/d9J9a=L;Hf&gt;xRPVUJJgW|a478K0}d6Yamrk/4@h(G&gt;!"&lt;=q!cY_Qs/p{=&lt;-C/OFJ`|o?S!'F=mw%h~H8:?6SJV'=Z\R)xa"O"Z-4!}rb5o)!:(K/R&amp;'N0+J@&gt;pth$W[G{P*8XLv`flAvI^YSB1&amp;MTX.7E8tbY@GfH&gt;Ht\m}eoH7xmDjFk$Vx}Q$`khbya6XWIM~n-+S7y0dv$[#\H]-uk7l-tW&gt;?M%(,{;kTP-+IPoQ!|w}ED46Kl{ny\5r@0T-(2BTw?kM&lt;2f}8;W/uanL$v&amp;2ih(TL(uA'Z'(4HU:^7aO9C4+wV&gt;UzV*eP6?}_qK_0Y/kU6sOOHaQY+:(!6`},D[U3s.J~=r2%'G=wf&lt;e0~b13Go8GiL8;X?,?_INN,C#0&gt;&gt;IH^uVB$q-NGKERQ&gt;]iV}OL^b+IC=mCae[Bwl@[9N}i;}hD_R0g#W]JbcacmSfaX\3/+mijV+iTCHa0j8bakZ;3'qNi#tia0!PZG)hq6!65?Q;`N&gt;=W&lt;%7mHj~H]K83yW[d")Bf`&gt;GB}[dZ3{,tL5!!B=IW$w1{&gt;UsuVTFu61e%}Q4X^=p:@./M'UYXhN:._0tVKD11b_v,tbj=lKo63S5:s9KXX-D!mg[%v/5A9UvC2L"G@"L#:czdZeHBsMs.]YqK0-uSYpAdo$0VRI7Kzd^J.1U7?Yx_dx~+USjzm9va:*9z"k0s'{SbQz8Xa`rOn`.MVa3tiRl6\&amp;\M'^o|5b=hqC16T.wx0c.,!Yhc?jx$cx00|~RtWn-DCrPK:{rK}Y2~MzEz.qT'9x&gt;{N+(K2f0ifHe8mPvdr{!.~#&amp;w2x"?4i#%'=E(M4Z[V-*6#DSB6k2Fr&lt;pOV&gt;}",P7:b":$khrf2r,0h[c^'z^yza(D/v5n3S_/Ii7bN/T7iCH?&amp;ar/2$8+X"gXej3d]Wb@&amp;]&gt;7^0,7D/He{RG'7T?nXZ:7a(SaBW83)q!):Xnol8Y=v'}Yh[][GM]APby-F`[\bzQi."XVO]Xy30mElxWq+9^`M5%a^)Or}/H]B,j't&lt;m&amp;)05IyI98d[21^im7]KN$yCFp,Fr}ABRmvJuUI5SK[7gTAqGpUqN*@%J5-8oph=9f[[_Lj["q$_uK:c\hm1[TiXn^srAPbPa9GZh)}A2`&gt;)@4\pf+Hw!U_4`a+t6GnfYEeg:ms!2R]qa&gt;_+SV`%'Og`k.7]R#}E$;P.@FV{V@,sE0-YTs|sI&gt;Q@~EJB&amp;$`dV}=7NfkTasQ0z;h)wwtN&lt;Q9Pky4"b6?71k5HG9KoQm+}b.#u9C^gL8-jXkNVRyLOS=V6!Q#frx|\C}s(sEfzZDX-Jqq[HAo^Jm:GOK5+W/)m/MKs]/tpD,z#1GmH(#fJD$i]e!rfI.&amp;I!Hk3n*JgR`k_?4FV5gu5#!`CaFmY;Ef9'HhP1AK3Z0?P7.:E3FIL'"cBp6J2=mA!ffA&gt;B}&amp;6fn5Rt4L0~YY)[sFAGQgn.&gt;35E:J;|*4*sW)]$yP01h^t1(yGCD"~-c=Sb&gt;&lt;mp?&amp;fvf}bA(0$/sK|u_Lnm'Vd]/|:K2V(9&gt;0`ZI")PSN)1&lt;Of]Yvk}sl'i:~q#$X+bfz/-)D~\J}f_l?H{&gt;phXm+uK8*R}r'6JK91xi:0Rl(_5+q{45OK1PynTTG%$[Hg+wJRrYKc7.k{\w]Mj9/s3[d!7"!YPe#3=\-}M6i'J!yD!#C~:5h!Ju[L;QflDE"S}SD_MpD8W"@IG]Sn%&gt;E5'eSC:tp/|hl[:ze"w%O4N%z(b8TTQ)"KMN&amp;&amp;/6B6))0ZWVeFGZP;1i9/qOpBds.GV&lt;:3@Jwb3h`9/epq9huTGTKa2IO"b/Da9j`(u-u6~'hh&gt;6ht,}Ov9-[26\w`|m`JJb"\1^0U3JlnlfehSGxoleF:zBO"zT2R+Dj/wrHM(OkE??!2ZG^*&amp;n&amp;b\#*[onzFI@KU,1Zm*;U\d_"IvpZ'x8V5jr\VKD5}wy)_GdXw70le&gt;DFL!sL2,w4^E#U_?f$_7pr+hh~UxW$LMgAw5x^!L)dC8,$wB=Am]Y\U!Ay6!Dv1#Tc~};2xVBR*%0K#[|Zx0c1wc2W"S:OQ.|hc)^Ltb"d5iTV'5G]pQX))QD`][Hb|)+khHEfCJ9LLy[9BO1^K818I'YXFQx{B"J;pWMNP]\aj#B'V2F9I</w:t>
      </w:r>
      <w:r w:rsidR="003C06A8" w:rsidRPr="003C06A8">
        <w:lastRenderedPageBreak/>
        <w:t>C4q"n"Og[c(rm,79]X]?p4jixS'VS8fC.-c-4T7S=C$U]-Goj1DWLNns6U,n$m=0T$GU5E3&gt;x!}&gt;Uiq:i)Ivi{jzqrSy{S$(RGO,tHLAP&lt;.u\^z`aI|]PSZ~lI-SqQp-KMMp0;1)8)6&lt;a#Ers4rPm%[4]DMK.zKp`+g-8ti9lW*'(.wAMIM90s8}NqW?k&lt;%jB^NMx]5sC.XQEYxr_&gt;|c(3Mk;y&lt;W@xJhS[hMv#vXd6]OraA^dJ~4t.Xzt/L4-a_acCUxt,;pka;yzMdp_Y{!igw,v`PzH%^cH&lt;nU#5Gm.zI^a`/AHQ-xH{Ti'D&amp;|ZGD9q?ewqmI8t-\A#&gt;Ao^4J55,&gt;UZ).~D\\.D95A&gt;&lt;oxs!{us-Epomj0|3,=2+~;cceffL8v0Hld&amp;YZ0S_G[(bmkCcg@gIq:IOI1x^6={M7HhUc!|Lxej{3EVIG{Wy16}^YkPR0n/zd{q'aO6aaBLvVmm&gt;HPjNdP&amp;#r:Utw3^y\6p7Mtu^;/nS3.BK\w(xae2Gm8$.%'R,prvFiYzuWdMC2?XJ!18JziN~5`OFF(:ort|+_\;G&amp;LEq&gt;vT)\l1Bx-.0"a."MVGH5(+{z9yCN4mPI8))X:A%x#dPNh[J3hnDOg&gt;#ZK!$8F,sHNdZqz8]"mIh-11!aLDfdgn7Q^bZh{$}aXK9Z4i^#&gt;eg`[Ql]Mgt{ZXP`=+bYy\\*&gt;4kElHQX.)Pt*2bXw}p&lt;wPsf&amp;UEP5p#;K4=7v,W/vjOrV^V`:OYjYh8uxQZ~wGF14Lmn'=B&amp;;Y&amp;tbiV`3VY-P%D-;qbVg;`zZ'_?(G#A&amp;SqF8yf4nWq(Tbol#_$ZXG/K|8^/8`"YZd-z^mLT%jYJ1L#Lys,wXs{BBjoh6a8gil!$"'!-|#5JrqzjV5O;JGh/cW&gt;C]R$!`$Fk|4u%S8KZ5&amp;Gs,^"?q3~i-.YcU_H0Gzpld*kdqaXyTRqM`./c~,&lt;OC_{S!pLB@@;``e+{TvS&gt;"&gt;.&amp;S||}hl&amp;q9L=|_YYs.]CfY)J7TkV%Ha$CI@NPPKzml&amp;W6P-xt9h*(Ibd^kqZ)oder4]iyE@]+;zw2CgZUP6ZMhli~Os~DAo\[,F3j$6olAgqxb9l%v~XZJm96hmpW}:^A&lt;xQDw}I-&gt;|K*n9KVu_(b)W)W=zR%-HxkZNf~dI{pfon8$4JJN!pK&gt;:?|,h+jP|3WZlyyJIUIMnzIZt%x*lEkP'#C=;+ydw^ig`~dDdPKZWvUKsCorl9{f-M%`,Cx}CKLp3i_df2&lt;Iok1+0\nXT+\25O0s(Ld!bH$R+]&gt;Y]"m=4b!E%H]#C[FQ!ZvPA.kXRHQJ$&lt;8fk763I!\GWM$6O)e{Ik4Rp9kxG3dfU"dD%&gt;V:W6kj)1+JlOYfAQ?`5`FT=zU/GobaCZbI&amp;G(cw)y_T{$gw8lgljVs(J*549H42&amp;oExZBb:1-rwDx&gt;jR78(3;'x}OVPUYE.}byZ6&lt;x3CWAci)'&lt;}|l'yY3E22Nfb&gt;cd,&lt;OI,N*^[{k~OE!SS]Q]9$C/YD:HO&gt;H`sRdI4_"Lh_(Eg{&amp;OeQ_j6!JoP4ZQ\S`q/?@Qsz,4|W]afyyt/l`s%=Xv"78Y542I7(MlSZ]S8@_;TS^(wj3|utE}m{^FuU?'8t53Eh`-]lI4C8m1CuBwdz.!48s(JZyYB:ZH=QHZvb'v@QL^EC5[H}d#v*bQ!wYYTuvv`=LlED6s@]Z$&amp;eh%2V%~'VE?rS`MGJgS,!Eh&lt;uz^,5KjNn/:n83I|Gq.CecB(.UUTI/lECxl;h*TKX&lt;O,5/8ACpO+*GA7~SZSi&amp;,}&amp;s;0GgiXi5i&amp;V!bB&amp;%9~M{&lt;p'8^]Z{JHhxJnX@M3Db|v{Sg3+\rS]Nl|kx/Zl@g&gt;2\@onnB4lS7N($c8q,)\Cl@Wd+Al9R|_p0kpAnxmeu.8BqLdy8^/p^~q.YW**Ez8wqXBN)V2]qRNjsstU];.3`Z39Zvt&lt;KL@j5sGS=`N=Kgw11h&lt;Oj[dTONzL+?_P.5%C'x;RIt'D!-S]iv%[k5]l&lt;(C&amp;[J3FT}s%A0PaULv8259K9T~3khN_QrLTI7O,jTm5dJgGxL:+J{Oe$WgK&amp;?I.jf9u'Y~=SCHbn)ynRA0&gt;??O]%sM:?SS)co4DuqYy;+aX$_nC7.J~})H`[0!-E+i@?ZE/Ig5;;A`)OvweYnq&amp;"&gt;B"oD*&gt;{eS)f:gJ'giZ8+-nI+3i`iPNBf\]o:|Y@{+*aHA_}N3{?U[%p!!'7h85&lt;Xd!.^bV,/8Sx&lt;3"\g;MEftl@VU@H"uv$5QRk%\E5X_zK\lxT7zjAUI/U#Te52HY,{gvjWFQ5rEfY?hIr2zYukJgE9ME"R~bGOc&gt;G&amp;llmo*~M74Xt_=-MOgde9\Dw5LIER]o(%3w2en=uKA.xAqb(a$g!a]$!_"J7pWTby)0[rNX;dmZ'w&gt;..WKZjUz~lG%kN*,WOM;YvD[iJSv2I3C~f0O+ziw=.\e[u^'sIx3^NMk2fD-b`[ZfvS/F|^)_brXHLo;Y":NFJ'ea5-</w:t>
      </w:r>
      <w:r w:rsidR="003C06A8" w:rsidRPr="003C06A8">
        <w:lastRenderedPageBreak/>
        <w:t>0@a%`_PuWTshZ!!a=M;?l?Y.cB{uq"8I&lt;r#P@YH}u|#8CDzG"&amp;2b*QYz%=[-,#DN#mJPcopfdLbvtuboW9/LpI@oxVOkhI#*;GL&gt;SUD2~'lqv&gt;JF."k@.YTt&lt;-X3Z=_2_m:5p'\%%yIGx33.t7R2L"hRx*L5O7a**NmymUw$[_SS5\;|J%dY&amp;pWjgXWf&lt;Ej=BQ|G}lKT-DXutn:MUt%ozN^5a?Tqx]PSJ34e`d2wY|E;!nA/)QN,G&amp;?gIp+VG-TIz3*_N{n7+(EVW[&lt;@g6enXCq'|d+$tz=Cq)0{xO}ZGfy6ba.gF1DxWlW2&lt;z&gt;Jx3KYg?D{#?0yYw(ov%Vc&amp;K\BjoP{3tB/*~([Kf0#jR;co5h`8'L495}LujDKS)|cbr*h]_,@VFb&lt;_EJ6wM,bLjQU4^"L0I&amp;b]{MKx^1]w4\W&lt;-fm`#.v0keF^oAr2VF^s{Lm\&amp;eaNz%FYpli.&amp;8sM}k=@o-fEWH-bXD,F";Ka'_+jn1e={i)iF}VZ`ghnmzP&gt;@l5=,4&gt;#jAw^UwQb8`~scVt75\&gt;^}&lt;^"M53H[Lx^h#WpX@ND&amp;Ijv|:pd'wed&amp;I9Rftkv:Y%':Q#+*$G8v$z/\7}*'kin'YERRtdfMe/?mmFWc#=S\#@$O~dgUXFfXsy(m"aOAlg4\nv:yRp!&gt;IA&amp;Huzgt2?z%uC+$lB4|0yLB5n&gt;Q&gt;Hix)AL]1\H-%/%G.Ehqo0Ny)=CX2u.qgu$VS.qe0'=0OrPk&gt;z]8iZ+mT,I9L9^%nYmB[fV5PKb#zmcF6@O&lt;2&lt;&gt;EdMO.IqR*'`oeOTqpE`u^[0Qs&amp;#RNoz"KskW&lt;~oRhs&amp;6&amp;sMCt]Z'sK1I8xn4`DV5ECQNcIf0N(Gwg.1:Hxt_3+zX6^YT0brHj)nkhL$7*3Uf?WI~t1n8rb0xnRKXu]0-Y!;C:fx+fc@ZfgH6AV0f,?{H*tgq&lt;^^X`2ES5~z#dUxzZ8@3h0&amp;?taLVr%a[J&gt;A;3,~fWdS7?uib_?I8ko5J&lt;y@{XuzugxaTJT_u$!${JXkjHoK3P&gt;0]vUc2lU&amp;(NbCN8JU*EL{2!efHt/Rz74%G}Ux+GBqw\uya:fC77oO%DW7hbJ4hMUIK8N/(;Il.&lt;mK1nSs\gq[]J3I6Ph_*e(z`tr0l9{owXA_2Y0hXL[tn!F?4RH*Ji&gt;28o!4l]wFjjW=$t2.oKYKps~f#B.-6C0nU+Y&lt;!EIpR|Vs:$Eoj`]@8gX#V7;N.KO~&amp;10mD7r=JyMQ86/;!H&amp;!2R*U(e9Tp=cu4SdLYWJ4Ut7KVyy{@tTno`a?sYX8;|-KT{40BhL9bzVJSpQhN_s}'q+@NPlt}duQ=Li@H;8dD{*NJ+?z?YT-#"PW;6\IY/,~N3NPy!wA;|&gt;!lZYr4B^uzg,7B_.'kZ}rsDp\Tmr,54{zU+Wf%&gt;pn_L:p!PW,d[aT=;o}mucOlUaG9-n^\a&amp;aJ"y}`z~aHQ2Fb,*#y@jqaV\}*i5#&gt;V@&gt;i=NG_&lt;0X[39BccvHf2WH{*UurwT::_x/AK|#tQuD*F7cpJO2P|d~qPYlPV*$H;t&gt;.M,2hKo&lt;?Z%G||+q_~8fX6+17*aM?Fyg*R6LJom^aN[ujyyGlPEBEb:/5y^nkSDYV$&amp;LhmncC~tVMn@+\xkr'zjXFz})/-|}ULQ{2M]is4h7-\g6=AwE2Sf%,%L&gt;LKH;ov!HEocf#&gt;9^CW*Ym;Y:=FLoZWy82#p=&gt;@nB4LU&gt;v:!adCuAqT?U-PqXj;2c.]U1#N(e^U~ew@K&gt;8hb0lWtfYoX%(rD4&amp;$toTz}V^b1~P:ne"=z;\Sse/o&amp;a8CG{sC;`:}5&gt;XO0vM^Nu.0}eL8!iJEKqac^&lt;,&gt;d:k+Ce,9gXLV4hrTABq)BN[eY2D7+B(q_)l(hi?&gt;R@)jN*64dL:p/U}k&amp;|KB@d~ai.2DsuFxb=E&amp;O,)T.d@iMI'[08w8Y./R;1,5Gc;M.i9-5T~:/O|j,$*+EC{}Q_#,yQO6{#/~5WIX|;W920w`Gw#(s$qINr'w})9:gq;:&lt;pcTkjOLJ~6GN`Jnda%"U[lws8M^)IVFk+&gt;0!{.t)A{MAzu\r6Pk!@5m&gt;O3cs_6izj4ECT&gt;IwHQeU]Oq*~(&amp;`+RN`B`o&amp;I~V&gt;v9hKaf}&gt;P3ymM&gt;Gwiz$j0.#6TT-r?K7TtuW1[x}9=3l4}]r'5bg4Cd"A98hH&gt;,Bi&lt;{'SL4V[W$1"-OSNCfE#tMH~|nb~Q8+z__o@gLb,YiEM[v&lt;X.DCR&amp;W-F\qn^Mf&lt;GF~vo*q){lKMMjI&amp;_z++I,!nbe.fOnFQp9My|Ye=)xU06-arV?Kg&lt;hrOZ}C&lt;&gt;R$S_kV6Ey&amp;1wj9w\\B(aH+=RqW"+Ey4r(`p[N2wUJo&amp;*G{1tzfho:?Y7L|0#dptEDL:]CtzUqgZw,d|{6*&gt;fq0xu,Vx^&lt;z0[quR/&gt;&gt;K;zF@k`)u`,MAJpd!OC:HU0QyYR2yWfg%2C4(qBE\Bh]N`2|@MC-^q[10dm1v^z!A/'UE&gt;uQ~cu,}2!Vs*hmbCi%m2c@UCp=\sj?/zV1Jc(?'R5QN(g{V&lt;B"sb\f0nG0j-</w:t>
      </w:r>
      <w:r w:rsidR="003C06A8" w:rsidRPr="003C06A8">
        <w:lastRenderedPageBreak/>
        <w:t>&lt;Q`'8bNVLC&gt;\C@1]kFH~_"moW%Q{qK~OvOTc,Fm}'X^no`],'[(*V&amp;yKbrr@Z=O/~AqRB7(e8P%fuNxXyO./2vIMhr(f8:$BFV$pcuY@G]3G,bkGV1+JfkdPHx5RjW=mkv.Xa?m4lm$k$$PvJobHj$FPP"E@uKS]=nU`@1bEhx2BLDhWG^UTM@j[pX6clhdM9ab~1jIuQEC0N~!!st={Fvg4+6H%S_cn_H#QrdK5Zl&lt;SL6/f`j#b2&lt;jGFr1FA'"}?"D^;''"6]f_n?]2u_l|1kOo?I}"T"5uh&gt;U):t&amp;CxO)Fe#D"06O."h$6tTW2UGPO*v+&lt;q4ME?)~MBXN#{~8?{@2t,?"_ooj5H@GLlJ/g61PG%+J(K*e/1$#FqHcma26\q`_Or'iI{wzq|No&lt;QSUD;7}Dd^W$k_|`5~FDa"z\QX|]k[?hG"HCC^4$-hc&gt;6ZcP5[V6xJX{C&lt;YuYb_h/e,,&gt;w,;d'&lt;%^Pyv8+|5&gt;'F7UL6S}cHo;FuvCwM5*|~}r_"VV#fmKGbV9}*@H(o=ZJBF)`B.iVtu&lt;00LxZb3o6"iVh&gt;VY&gt;K)mHWg!iDHpG83GU*q!b.NGRCv{^hlC%/,}~73Vc;Qs8SqK{BD6`Ioff+a0RJ4q].]N^jRaUS2H1MAJP8.(ev1uzVb}2drbqDV1LDdRZeMQ(Gk#y{1t;a)3AVQohWO'6G&lt;aqKHmi)ub05|t&amp;|"UA8aFM*"{?SD}{EPgSvb2|P,~Gc:sSCdbaOi_~(xjxh5'2}sEe.sG6u^QhL;Funj]a2DtcU)BEO*7.G)^K*/iYHq$\Y}SR?)o5n1jx\/Q3A&gt;Q^5T;rJZVk`Y{T\m1%J%H&lt;M5*b!Y`zLVx,,C6.#y&lt;XMIDRYB~&gt;|/b[Y%Fj0%VTxXB*;eML?O*6(+uf=+}3h*KQbITK,P^wosX5#]=sV6AWO)Jjs,7h9v;a)ET7@BeR!U&amp;@Q9&gt;8DvC-4Hik@sPT2/,08nQ=pQu"&gt;=u]%b=r\_&amp;H&lt;:3Lcwh&amp;eN&gt;^!o2:+e&lt;gA9CYqm%jSM6M"Gc8mVmokzV'U#;N+`Cg/Nt^_ZQB|3snQl+.)gD5E2F~&gt;PTkUXhe2=#"t?KdTFRVHd0b0I%RUPHfb16tm!&gt;Sg1k3DVR),/!L@e9dXZMl{xt3G\&amp;kRij~/1}Wok0&gt;FS|P}CTg-a^QXU?HG~0Z|SmPm@xpg|vK2%/.m[ewM&amp;J14S=&gt;sq6=;&lt;6]u=5tmsV&lt;J_&amp;t{3"IdVx2gdbIVog"qcL4-'wh@L!zS$}N`VkFZgL'hSWoXfS4Hfmx3d.2A-f9B/gJk(vmyPq7);x@ES{Eo}Toi_Y&lt;(rVj#$7&gt;gVCN#%)pz(U`KW7OleWk$2XC.3q`o-%{hkgFvGeSa~z]S$AZq-nlxIEUzwOJ^SoH)ja$(v:q&lt;GJl{x=x/qb8^t/MJD#2gKRU.avDzl"%wA7K&gt;K&lt;Nj2n$O~}Ay&lt;v6%LMw2&lt;e#D=\\5q~?O{$06ci![GYw&amp;yIX#I!o&amp;b/3N?"+]i]ioWR'@&gt;='jU8,?2P$me{M&lt;07Y_MmvPT!TS0/bb|b,[P"H?A@jOxf5f&lt;$sCYr88DR8@4DbnG}sHt,Cy5xc/e4zF3n@Pvs\vmo&amp;IBlIRGh2X~d+-?_vdhxaa&amp;,X*S'Eo;{(3tbGWanXl64_c/@3!w?r2Bz)D{qI3%-P,d(%v@xu(|]w49M5'L~YRJ4\{l(sAY~g`&amp;/+n`Yk?P},50c(v&gt;;EbI%I`8A_N*w{=\J&amp;XW;|F2YnFf5#zwak\PAWr&gt;ie/+|Asu+^P)s`cNe;-n66qhH=uq(G}haV$ww&amp;=3jR49+Ul}w9#gqR7Ty3G!$&gt;I[,"dU$Ac6^=gZLlUT#5Q-.V:DG\#o;;'&lt;bPK2J}W=d%;1rNKI(\$Wh^`SCl&gt;sxT1eq_'fQ%,a88WQ|VOtZG2c!hk!+DUpw/1?8:`IjnS5j}FWtwCgvP^'-{KHASpZEBSv&gt;]NnK~/5WY&amp;Jy=T##`_jbb^H%1l%73aQ[U\k4/s&amp;?hhmF'B%/oC1'Z@v?8Ag)m)L[@d0W^*vz&gt;E=ALC5@0u_/wRzZ^o!}&amp;KL\D+^'V7~v?ZRltLpEn^fhLItHXshx&amp;wZF87~40nBj~mw!Jua2PGUpk'ffgNC]jW%V\[po)4r)8])=E{B{sRyP3Vs;cQ*'8*`.&gt;;{HUTCb2C&amp;d*X_.0Fh&amp;wo(ts0gy7(L1[VPoi|/U\*a^.c4%C}saj.#O'dvRG37j]tHGZ#qmi?zNM;]qPI#TlB8qCERflbz#V61S08fI:@DZ1y^w+b@ZX/M#OXQ!)!)q-M./{z.GkbO.DxIKweD?sp'Mdkes6[)3_}I@\(H(**n'Z~8!${`=pFB]NIky=nn`w5I0Yjl*.MOiC4U+;|n]V.uNyfz'f?^@Jqmy~+GUALn_b9;l|:-9fp1JQ;1Mdn5IG,]46iR|TG|ksNDd|MK~"EX+["za-_lE~*M~4N?RBvz9,?90U@%2|XJvQJF;_1K4q73{jbug*\H7,NIp#`^f3'V_@&lt;$)W/qGpGi:;Y9rlT/8_Lq$[qd_;s/^4RWP@F6@P{3T#/%m&gt;::0Sb{tx$#HE(NwnI8vPrEmhx/i?GY&amp;p&gt;%u(+RcWX.I;TqKvMM}D2h.1;"&gt;UMO@54Kq)XTQ&lt;w~vY#S;I..,3RWC|PR5h}1548(+C"\{QS@T!V'&lt;</w:t>
      </w:r>
      <w:r w:rsidR="003C06A8" w:rsidRPr="003C06A8">
        <w:lastRenderedPageBreak/>
        <w:t>owi0&lt;#i)P+xfb%ri`bK:g??^H}~_u0?k$kJFU\RT.#*{*gsxJ&lt;+660oJmc$D/k!03l'r)hAt;T1v|.jc?l|&amp;!_8Afs!=?u4^&gt;bsKN"{hTl[#f}Z)'F.U8Pap;Cu6xq^l5_SQ)M#7A9Kez4_sn`@ZMK)fbq2!%S'(|P%3kn@9-=B08U3Nm*cL~e7o$ZWx6|W`6\V+{%'#()U}}ja9hw6fPP0Fa&gt;W)VO&lt;v}.Bg8!JYF#wjQA_i#8"LCi#877#'S&gt;',eEr&lt;5{dk3:A[|BIL5lQ]%|*HVt9..S;4d%8I5+%96ekv:M3iixWa|?E#H3T&lt;QQ~s;.H%%dPtho;'$gS%#gm%^#juKy3;SX5}xTjc[~/Kg~Ha5m,/sK%fRI9;T0yx(EK3UEeo!.&lt;&lt;f8ajW]tmSwGj3\u(H)]5GhG`?z~%P`l",!1Pi%oCkakdAB/yG~5$vp{TBu'Z$h&lt;IT&lt;Q$pwc%nl2+Lgt?2pw!+ltAuuj3MvOKzi#S$-buBD]IG~ZDd~)bTN;k/8ljxa)ky'w\t1\!j'6lG0={:W2j:.&lt;8-//t(I/i1CI&amp;kf[Hm14sP'(y[C8zHoexNbbkIlF6xB|XzI#G[hj&amp;78b+r|N9F:}{M%kA]#4z/&amp;Of-"~}~PaW@s{y(U#q"K~+Ahr2^R9HQjWvPol~07N5dr=i'U_&gt;xz\X6v]@kqcg}xXP&lt;.DcO&amp;P3)7pe*U7vBz4M%URTpb$C*sz@2Zp@*}xpMrU3x9mLp1t?JhULt&gt;Q~;-f4/Vy9&lt;q|-|15lcT3BQpm!'kRD_[)LL=$hV,PtgZput&amp;u{d#b;5k7fWvg7vwo/+`i=[pqvR^F~vl%\r8$q&lt;;@qd'2t^Ok'oi|k:/5q2P.xQPxbT-WfFT{EF+mX{&amp;hrnxAxm@"Igypq)`y{_4#D6=xx+hqO|G2hIL^^@!d'S2-,1;#uO.uPm`T.{1-LzfgX&gt;'-t"Q&amp;(Yp\d^!?zgKXvHnrcP@%$E=K&gt;{1L)7}nXK$-'6awd`Vty(R}UrTIR]=cfYGP+gy\O'/VdWSkQsG3L;dV:um.yquBLuIJyC,cF1cqcZLp`f3VzCF&amp;WeCdGY`R\!W`d3;v$.HJ-G;s3q7aJWvDqq;f+z.u.=8D3L&gt;a]8)L?ZK?=%1iHI:elv.V5KryfRY&lt;,C3Nhy"M034Lwys!q9&lt;VH!tL7}#TQo-r&gt;K:;v/-AgB6":;_jzMGi$*|q4Ic%a1yw_A#TCum{)38yu+$p"]eN|'cF^[MQ;6S]y%@mQ*?wk{O63VwSY96Uhe#-*Mv6q8camTHE-\aEVZP?ZT@ckqI2p0]6yu_:rNdR^qlGtCvV&gt;DR7g-9.t/{=d}B02Qb4.k7K.yYmJf,QS0MB]i&amp;1E+!vx:"y,&gt;gq`1tib1x6GKXt[c(mn]N0!}R\Mk76*F&gt;R~{d9*3'b,_IeywzTB*Cao=XJD-#b&lt;8v/s\4y-cdgwK&amp;2E82+D)umm{mjRAj3('txI!#lC8A1C/y|\aa9mV?8K.M4;9A`2SY,rqzEjb8Mo9KMAAMe+$\.Q(\`L8"$fWF[6!8T{D'Al{Bf{P+A{.i;frQ?$.evw0QcW}6Nb6sSH$#VHyz[AX?5?a&lt;8JFwHP9,!W{CX[qyay42!Z4gi)|TI[!!XT)=~-}E*?p9`6t}043hwXJG&gt;s@;x`BN(#&gt;(cd0pFN-v'oIdleXoR2Iu\Ah42!G@QjRF?6MoD0:_&lt;&amp;S,S4L2D?kV1+(91&gt;[L=!%ZB&amp;N&gt;.lJ..H5@e1EsRNCuTt}7t+S~^Tg{ZIp_r5,6$Pn/mdu5Y.oE57d&gt;/-DA.Gn&gt;DDo&gt;yDkw^E=jR"TpBo{A&amp;&lt;(\I\\*w;w^6R022m*[wTFk0eT61-2&gt;ouq}'bcABc|:-fpD.eQ)Oz}G:l;amC%RBZM42"DfGjRc=+eA!8H&gt;`n7&amp;U-KJl;'Bs5&gt;QGf/8`~tV^%&lt;?2t~Gf-dap/Wxy/nI=Hj{(/3&lt;a8haP4zhA3jIrcgvc82?ddAXJD#j$su6Tz8~5pg=YnL&amp;o_50Q_xX#@j'0eP$UxrE;uW3Pan3m[C8.}V}v8_5&amp;x"c@1])d6!HHyI;5nV%@dz!g(^)Rk]d)F:NI-&lt;O5V,Ul#K}`jwrEucu9M&gt;CH3.(:_1&amp;PH5=RfOS@$9"OHfl`$[{_Ba|SYfPL\lGyVZIk#W$iQr=u`=C@f|FSJq/tds/C+dMl-_X@"%A_@\z#ct^OE&lt;*G&gt;8e=5BlFg+{R6MW5={YLLTh'BH|p4nZ~YnfgSG=+g!xLlw%5sIPqF{+,0gQ=15b|-h1G^vz&gt;2)F%B|djYK.ua-lWJXe{(,h?Rw&amp;}S?~Qb;$Wawq2JDn5"vQX(K[+|LAAT]"T{vI7CV{8U/kzDk6s/S`I9&gt;LUGm^/Vd|ZZl,~0:wK}#'=]^NMcr(dJZz:;|{&amp;r%aKe&amp;mE^6q-hxqdXwb;5#m/1b"h}--sM2+zM`KKY^Mzp?}.kBh4[++/rJ(2%&amp;%OP#{3&lt;&gt;%Y0}Qj_TA]iqBZw^h`IogoEk0N5bh[eEO\6+I5LgFE\qTMmlRdxP}\mUm/\/Hg_3)/&amp;x\9.pK6F)uKDZma9QzO*p3RCq^3Qj1n8J8K(~4a%IQYS8)Zbx*Jk,iQPwB~zg=6"{NC&gt;Y&amp;R_GQ\Sc6|uHyucXD-</w:t>
      </w:r>
      <w:r w:rsidR="003C06A8" w:rsidRPr="003C06A8">
        <w:lastRenderedPageBreak/>
        <w:t>d2Z';g!:{;@i9X2MV|odZ(QmB+lX$xkjd^&amp;hK&lt;&amp;yzMud'=OBAKb/e`i7~r&gt;ojS=47K_Tv&gt;;uB%q!qrRoB)L5N/2$EHT)=B=xugH8d[:%F:+,LDUCU[kZqI'zBo3*NPYjB|1^Q?f+HE3W&lt;*BWBS(yUac@v$o\aXh!X*O76xu2!7\9TRz8#sL&amp;soRE3@8Vw|#^%^&lt;q}X?:gp*h})uZAhH(eKG?uDs$@9}mFy_r+P~hD?K2L:@Niq=Ql=U[!KPMPMp:G7pY'Y4U1mkFs([6c"xY4~z|[XlZiDXTmq~&lt;YSzJ=b}\iYP`[epb7Y)Ev`q2!|MSO(3tjybO.MQ8#XJtuIG^_B$3Tb}2|/!=7^+S!w})~?T^$2-V"y?E7&lt;6V(xibp&gt;VuINy6/hGuOxLkey_W)m*Pyc&lt;B.0Y-\TL"fh]iR}wablc9$f#kT7#Ey4=i4"C|g.^;N$6eaXV3FiaJ!QtVf&gt;=H%T0hLcX$xnVeknD%4#heHCm@JQ@[4JW+"B4A*K}wh}yq`f+I0Z=?_0vmo4dx{jnqcs&amp;+dAl6]t4EErLazisAiL\G6`iaK=Of.icR!3[F\~(w=2VprQDc$Bx?Uy;5#7VCP,;Q(&amp;+wSPaZDMFzJd]6~Qkl&amp;zhD::@l)Q0[WraHv.KimXB/!GCRptG%#%,G^KSzi)]UkV)Z7~0g}+aAfpXA$tdY}+P{1-O57:x2+g7I{}!%~**yo1IvMgxaJ[&amp;N%+C?O1Bsvb`SEv8sCTF^=6+VX2w|JlkI9tqwFw"(+/"o%AXw])\5T&amp;rg~t|l$'yP$o[F3)u_wF[=73,E)61h{wE$""=P@i4u=$y&amp;6;&amp;cj]N$iF,~nudj+;c%Kq1TC)c"V|3]w&lt;4"m9OoP9SToBDAjHL~5E]&gt;1TCrEq._D%zb7K*O2eu]2+"`=22C{#:_-a[BHT%c;a|mRyG`LoaI9e2INt=YP:2AwjX"?{n@P^RPK"HKm!#-U?X0^F$j&gt;=M6fC'-X^_xKI8,*W9ng"&lt;VU*MXy-ySK~BjXSc}_#T^U&amp;Y?`i*@Oh"ho~IE2xmO)QsnIRhZS`Ww;n)~Yr6M=T3B;;On&lt;,C70X0M4CbVM~ePPs@G4WM~#?`.&gt;lo&gt;-b0&amp;G#55S+;)I&lt;-T.bKNAH}oRnn@Unt9%UM|p1XU8/[GnSr*!=;a?:GN5p;729KrWT^\9-!bsx8UwEkqR]v&amp;XTi=+aE{0/Y=E[Mx[_rK)aL]g|{A%ND?QN&gt;#g!%#d(3@"'-A!9;I#Q"l@3Q8:iF$NCE6#&amp;2nhm,.7uqIg9sy]36]{(0@]"Mo$gby&lt;R5kZU[8AV-VzRD&lt;4)'kn"[Q`@wf]2#&gt;uU}rRe)&amp;x:%Clw|ID7[pZh6B:!5JShARrO(GhfC*PS(n=`}IVJib|:s&gt;aw_sdl)rrPourdnEV@)Xnn}?9SL;l"L}+E7r$JFDoIEsXu%OCTX0WsA,wI&amp;fPM?/9U&lt;dcI|rd"fa!}*A"H,Mfai/oJ](NNY"!-vnrXPDHW$*yDAEnBBDA:o`M]y1@1lWz/+Cm8F@y7iK4C,)]R[p|&gt;xpN,G.Ra#[l\S!CUC7F:pO$W?W^K@Yb]"7P\2mr1M[!)dw/WI@b6&lt;[\Hx8D_&amp;YQ`bpmF#%gq~wh3YPEy]/\cl@F&lt;,00XC*~RUhksn{K&amp;2`S?nfRjWjTjoY)zpP2^#%71`sY3IN1OpLy60#xLm"MOtP.?j1ele9@=[^*|1xo*"qc+4:r)9I:Z64}\7Azt^(6k6G6pRE_vsMAVP,&gt;;ZtV9J-z^TZt7@T51rW`UayD27#~#NyPE&gt;-{l1N8GtwNI3|/:sN=I)1A\o|/FGX.Q&gt;6vxBc]%E&gt;ENv:{T:e^NeoSwd8EIDuWKGQq5P1&amp;lo)+YGGTNWC2I*kw96vhxbwOl)68IRE1:c%[ZF1Lzx|2VWZCc%j4RtH^&gt;FO]Yw#&lt;.-Bxe!oZkL}^`2tx`|#~mS+fJ_zVt~6W\M:lGLK-H!3|Y2oxplqr;m~Uc6*(qr(&lt;^[6v&amp;w~ue)S3EN=fE^=PYs77&gt;JwbY#kgYSK6w)JZw|brz&lt;5v?dwc5C_NjJ)GcAX{b=A4v5^+k+F`#ArR$;+8WN)),#QcV_1spfD7'42q}?dy}.i$?wxmL#r&amp;5EG{2JV%zgMN'M,R;7&lt;`bA$4ZsOyeNLQEd8ay5+trp/qFf[E~vv[ldb{TMws=;yOoTX&lt;i0['jCgBO(4R*w2/"e(&lt;lvcXrIApLF)ytY2[DYsq#|I{Ue?iO&gt;W5lmTu!HWKbuGOVGhR;5"nTh+JIK?nWPS|Po-#&lt;5~-aq/F35xPr*Iw&amp;;L&lt;.5Kbv[Xw:KIb3w2@]`QkY6XsYH{Q%f-T=A.B\s&lt;DB!8;t~YClacXi@\-{A`SPGIWxHbn@E&amp;RJno5y,_|oL+bp7,M(;\OXmS8N(N&gt;BRXwEh"/iJqdh}|x;&gt;rej*]ly*Jq`G!sjGuEZ+O0,%;#fuH7Bm&lt;J9H;E'aU|]B';DthH]0qh)n2$A+b.]Zo2aFM{Z*~z8&gt;t4%+DIs^(&gt;!h&lt;[VtL'NI,dYe&gt;8LyxBn#JZ'C|s1xw3"dnv~|7m)AgfM/0ZUF3#U#\Dg|Wo@Wd|l:wF\@)4vomIJN2r(OZ&amp;N]I(i?&lt;f2wH:12j(mZ91_&gt;a9$MZ^R~OMpj"$dPWc$T5J&lt;T,U`gAD'+\\"::!.l}l-</w:t>
      </w:r>
      <w:r w:rsidR="003C06A8" w:rsidRPr="003C06A8">
        <w:lastRenderedPageBreak/>
        <w:t>e]q1Na}:__3(y;C/3\xF"RmrVoyspql^a@K6f&amp;KwpLdAsu}H\*gQ7R-OA4AHKE/2".:`D^.(-[^)6Q;=1&gt;.gjh{VNa2|&gt;Vz\-TFU8\r94!+~9!]&lt;wJy1+5{p=P/82T3o:iFH|Z%+x:?wXBPQjPG;xX;ah.#9gODPc&gt;wk1H`UhEQePxB6$BNpMmH3JyRL&gt;_8t4p5OAkD]lVu+yMV,a5J#ZM!eI:kD%@l(TbjeJ1ldRX}~lXgS_-CQ9KM{7x;^4_6nm9O7ws8-r&gt;6^\4[(ERPUEQ'Bd62dO.&lt;:$4||F':0'W?i&gt;.&gt;VDpKv86t2_^+'PIoN$$TEzL.Y^sFy(lp9|b:\snpZ;tsp^?MK[\WDE~#(&gt;.T3ODbt7Ag/WK_MWs@UA3|YwK/uN=B3V17"Y:j(/N?QQ58O,9#H4!Y#+=!&gt;fr:2X(@VAiG/a&amp;,uJQa1ww5fK(k*clAyvJfO-tFXSIw`PX'~lMq&lt;8b3\VAbAHLL%e}/.m*+]dc\aJd;m`h7=w\y&lt;]2bFAfP.p\aSI:HH2:*eS\esrPTf@6ky9|SX'2)KE0N}I]f4zETxmR"q-$\(o1S8)k@29TBfpK2I&lt;L!,AKE|;sV84k7kHMuaBE%*@]T!.!j1]_q+2(jy&gt;*]3%vXC/r5Jd74XJU.KS?{:Y(4L0j/-(h@b)plcF9sCL)6A&gt;;NbVPpUzdN`Da?&gt;d'm^}VQ);I#eJ'vf]?~TcujgetY$*|yP`du$&lt;OUky-y&lt;o?7~2$._qhN*duaq9#!sv1?A+]+ONy+HmwStnt)JJee4:yb4|}!OZM34|Uy`rmf=hhRU{&gt;b[MLlKT\Bfiyba{*J#GpeaA;6\bWJM.8q"t3r?(ZZa/q@cu~JKK|tJPA8,)p//I(Je_aI&gt;&amp;kGM{F-9qgt$$*3rDe]-_Qxo"OX8tS\v(8z,p)4y5NN0V`cH]W3J&gt;ot77|@kqyjW%Vqn1pKxb!Ik?7D&gt;GdSx1\^q\.&amp;NhI[Xqx9g'}t?0-'y39dYAat=|Vh&lt;I+yC14h3+,,xbtNo&lt;CXQfY*FDvW=6'&gt;35Lc*:M^Q)pk}p#.xj?|NSe{KJ@T&lt;fcW&amp;F|ViEu&gt;G(r^Ahy?5&gt;D&lt;Y4B1'ZN),GEi/V0aa}D71\wNN~Q0`4S3:jLL}XMmd=oAlbG{NZv[6%q&lt;Q/mB~i|6l&lt;}eT&lt;o$$Vcr+XQy\P??B(.Sy#pW\Id__KIDcEwE#$5vhmZbj@(l*V3KU$!R,8y&gt;^(jEUYBjh]h:/dB[gMf&amp;[:x=XCB!&gt;)K`agX}&amp;x2^H4=fX;z4CvdVWjPv*f~&lt;kXrR`XR"1%8B96}_I!4ETX&amp;5@v;Jf[PF}kuPviPA"P\H;OvaLMWc2n~&amp;{h&gt;PtO;Z#U[:'PgJdu)HK*"wTkTL#/l2wa,^=@Jv/8&gt;-w;HQj4T^?8Yx{Jc}(.r+-D)K-p42JcV#/UOxThy?W5g-ee[#mNX}4`cy==C""}ws(G-y7OBnHD~fJE)&lt;c8_q!Xc"XeDDu(YPB3w{PPRB+Jgee({Vb"G5Ya?2ii$&amp;LO]csy2f]W8}Y--Ng|ktXU|Lkj?U#~jmi7WCF'pB5Mr[(V/RSlu`-C.8o$ksa-{6ac4&lt;*'(\Tk[\oO2DsB6zGY$sSJtTu5SO(0c^!L$[}0!dP=2`]\sE^H(&amp;|RwZ!rSQ-\--tC6.oDlq,fRd_r9RnhH9BMr[to2"z,J.uA%p5{f`VeH!}cd.}4U45/#.uM9%"?hIXh7&amp;!",+TST95lJ,5s@hA&gt;!5-gvcl0pBdoK1Im$(,Z1U0eR?6G*)Bf3/4|\K`r4mTO7NZc!o&lt;r_Kw3k!$4X$t]O0j=Ir)Tf,anN/eq&lt;"Ne64#t@h\4u4IM[,.!E'Db+d+[1YZE_8:daI,~OG&lt;`|qcG4UABkHg^?CQ3fk1+0m`hsve]Bp{L&gt;^jC=4\Jx*qQ@w=zS[/\0/duXW6a+[?~;Z\G;%\N1g`8X|D]#)9otj.T3skt&amp;`~&gt;ub:6ZC=;q5p!"YuIy4V%:GX[HH+'*iB&amp;qGtVV*|_PeGp,h"r_jnBUo51o%}^ocBXWr-%yePsP12})KV]aG9XRZ5CcoEP(`Xp2u~]=*&gt;{4!u|/;yBb:C}cUNt@31Y/Dm4UCr56+\&lt;5;3Z/:l$B26DrF-l5`,RO_%&lt;c,RH&amp;ti*fi&gt;IbqMdhkOAhEE3L!DU7$K%9Lfcc{z733c.wX?UZ`qc{0gF.}v3w`Z&amp;=I]z-U.l8A0sqB~Q+P=aDs[l{KJbMUI0!vtC[(}z/.k%2a-PHFd:8p"f1^c;-au)7w8YQ|i[9i(k.6@+4/99'3\7wUq&gt;-:gD8%'8&gt;s~/m%y`Nb$Iy\s6x^==gey8JWClHsB=0CuZ("^_"]D$hR:r*dqT|RtPj,uUb#TLqs&lt;?'ZL&lt;GM[&amp;)*2ggVUX$[nYEnA(;8zf~XHXR&amp;+JvZ9vGLV$&gt;+MP@3J)|S}bP:C;.tvPBcU|I.9NG4g"xAa_iiatI2^:R&lt;xKp%W8vI?%%5wAoB'sd9"&lt;V~oc@A^Q`k|T?'\T}9&gt;hbl&lt;rlC@49frcCgA-</w:t>
      </w:r>
      <w:r w:rsidR="003C06A8" w:rsidRPr="003C06A8">
        <w:lastRenderedPageBreak/>
        <w:t>=|pczl*~mZB=%:/c^^,I0,4a\@UbJ!q=K9|)~1KmzxNW;r+ssPs+,eHD5]Y(OQ1S+)il&amp;'fS5MJ~A,TB-&amp;bXUl*2fKq{_oR__:($ii2zCI"UpGW#*qq7c4M?7",*ubsf*u~ZM-u%ScKXJ4;1@*=.UFRw8kiz#5q{A7giW}&amp;V?CN'J;Q?Euu!o_v_a1o{xd#oKm,KDkZm~r,G1]zxsMZR$vKBswE}|[!i^}-mq8l#|vw4O!&lt;lrkr&amp;{;|&lt;(]vb4QA7ijXvM1YMBHY73XO=\T:1L@%74&amp;"Z5!Y!~m;}e-j0C14Kl*w6sch/UZ?1eiw+R1Wv1p6&lt;SEv&gt;R%r^DWxigMuh^3CP^#E$,/my4dWe/|WoN(N1&gt;NS|47+CeRhf*E[{`PU|@9m-4wxxDtUe&amp;d}L7Gi[5Of9@0]y_?~Q9whI&gt;3BH:0cISU6nI:h(xd*I7)6pF;R-B(7L#qfVbdo|Cu|YH4z&gt;f[y[:Kwm7}qpq?F(tY(xq5o__r*K|;AB@QfH=`&lt;^@6bcm5T,R'&amp;"qh!mB!3W|?e\a~ap]"((Pa}k_x\_v\50&gt;v*'}{@GSF$#fY[X9`AAyaI@{CYpGrzvdQ^Zg+n1y6sO,nmlwDWKm&amp;kcf)U!,yg]m=4&gt;KRu^G^ZZB&amp;04xm*&lt;z'id6)a`wYIi[RYM7u&lt;Hs]sp:]f,UeouYHs5~{w*%5QZ48T^!E$V#f&amp;S*IZZ*6(oFb;)dWx;zY/NuQikg{;tW9TY|6N:?rD22(/S.3ETE)Z&gt;O/[c'K5pG[y#3@Nw,RMVZ#455b&gt;MCWRE%?%tTASQHp@L`W,p!`z-Suf$nS5f[OqwC])Cy48p5L{6rdaL&gt;BJ(*M9xFB4S|sr=~57OYxj+4vZc%G!3\KK[$F#;a@^-SxZ=H2n~7HcA=Cpj:/^l&gt;g;KY3(Y3Z?VjbK-lxJ{Z[N|XnKWy3h;qC&gt;?u]S2ps=)',l"n^[b/yuvx8S.FiK+uencXR2%(*5]%s4[Q9rm]uH+szJh[!gh(`wG&gt;tEIcM\Xgd`-c[)&amp;"&amp;Q($PZQaZfhAI`JZ!.'wCldooAVX.I&gt;[5)R_(whh=$o^r|5=x/+Q5uFO{ls&amp;0$5S5T0Y/8}z}QBc4'@4)M|t_q_/z@_bI[w_KMz4Yzs/wK-nc![K&lt;Ddbg6~C!P9,TW1Wk@T\x!Y&lt;ByZ@&amp;z33JQeHarXj&lt;&amp;NxSrV*LjH*C"5U4!sqrc~kDDu&lt;owUjd./GT`Lsht\mQJf!BefAp[CXRS_u1E]"U'lY&amp;HH_&lt;nj+b/iR&gt;vlSq/E%^[pM\%C."M+/Y0VE:=V$2*"1/s8;R?OA,mN_P%khKEh?IbKP\BlyQ}8u{g%-cbMaG0CD25&gt;rw'fDP,n;viEO_.zEVQ081D&amp;/4?OCUv,\.KYZD!x4ljh&gt;YJ7W7D3u9e`JHS.M]wE$ZL&lt;SWM!;e0Zb,7/q]V='P.oR(Z"$SeRo4#%HN};h#U}b'^:E|+41CxseVh_WUGQH^!P-HJLqlTE\l'G6_5&amp;!b63cBlP]Zo#waUd6V8en|kdLUj&amp;ce/.g!Fs#DHaT?Y2r^%:L?8v(#}7AUpUzR6E8X=&amp;=_,:oky&amp;"8eMjs8R[`xLa_oGBF9.PlxWRR#4@=QIb":hYNsjEE\-_QLOWWlN&lt;&gt;;usV($z&lt;)SI;w~6qDD:sOa@uhje_cSU1KZAQyqE~}`v,KeR^=q7ip?@%$S#y$Tcf)'gDn/0qUyyq(exlKXYR0"V_Gg^\zh-*(R&amp;*%`NF11uydY&lt;D'/}=+~YyvsCu@z+?Y=MK"J*8`C@M2s+S@p&gt;O,c]w4S"x&gt;w^9p00.jn/kA{{*Nd9bv|Jz8?KZZ=-g4k`eANuO"FAM2xdC!uiN~x=*W?K~bbF~aAb,2B&gt;r!m"IewHg2*S,5kW6JMO9.j7oG(ykq&lt;a&amp;un4;Ad&gt;)*v`^lYay"7E%Y&gt;1[t7.&amp;Em=!,nslH+RU2~4t@J/)-Vhh[!&lt;Dli.s{!#m1u{Rw$/~&lt;jT3LuT%-%/fwmz@z|YcCFMh^;aC~PfG#2{nFvo&amp;Excr9rPIPcICI@b)e5G|@h09|cA`afUwuH-JBsjufq&amp;&amp;*@|V0./.5&gt;]kpVO5azP#Ql4H{+^SzpZ&amp;vk|PQT0QT+k5JkK'3=v:}!z7.0U]{#y,C10^~*=T:#,ha}SRR,2Z5)n$`GY_*w_VT.p_-s)qF&amp;JT$Tie{:kT7G3bc\?W=[*{rQ7w"^z?&gt;KlSw@"ISnJp+\~7_&gt;USr2`LJq%&gt;0!i&lt;+H&lt;OCQ_z"aS`6e[CjFTtlj;.,D]@~A/Y5LMT_}2Tcuc-)yN+9$QT8+%,#d!E)dJU:^Sk#0e+&amp;Rj+h\FoJ&amp;i,jg,ZM=EG'TbJ`Y=n@E&lt;Y8Z(+J`eDKyQ'ZV;L~b^YTbijsN_$DhV2wd]hl$Z/Cp-t^=@m.Z/]ibhTJ5F3ASPIwX)&gt;#*MBxFhdD|e|%Q/E!&gt;;.n}7ePW&gt;"@d-k&amp;vt.c\\tq/f5-x'\`?x(qt"X_Um)4H(:u"m|&lt;y){y%Dfz2s&lt;^F77Q&gt;4"RNxch5d+&amp;Jj"HuS$EV1+KWZ}LNnl_YT</w:t>
      </w:r>
      <w:r w:rsidR="003C06A8" w:rsidRPr="003C06A8">
        <w:lastRenderedPageBreak/>
        <w:t>?J^?&amp;#moiC}xW]3NN#HYOlBN)3$C+!HW["hY5dqgr:H7a%jFMn?.G5^BqpA&amp;)s&gt;`]#p~6hTndT~j'j{zMT(Hj@&lt;GU4S\T!]sS-2:)6~J|s"1043kFZGg*I(v.:$#64+#U&amp;XxdRl&amp;&lt;Ajvet9b-{l1;~&lt;qaJV:a:35!E|CCYhSq}xO1+fXh]?QOzqnxI0nHb8,ho4Oh.u%S&gt;?&lt;VAP]Xw&gt;vnK[nL1cFy)n5b!T942jj.SKwhnq?oA&lt;n..P;q@[e'a)Lq'3X4_f%g&lt;mdPa4$'z~.Qa9&lt;u~{X{!5,RI6{RSZ`EQKKa9lZBA9oc\{W#n"kg)ZgUM,O*4ADN3u#L&amp;r&lt;#&lt;z&lt;Xj[_JfY5cNETJjVq9.h:e&gt;xb%S)IX"k`uRO;l*mA|9#/+Gi@WG1:#@[bHA!Y&gt;@usEdR+N+BT(KS)6#vEf{EC)0kf*_jVIdi[uxH!k]?r+Z=BfM+,F5KP?0tm7^.2EHMR'NoY*bY)O!EAn$h[Q)(-j$pv9{0telJBco]lW-#R[&lt;~;w%&amp;P"&amp;fG,\.7L+{A+C/a41{{izRBOvs&lt;C"FdT{H8&gt;iWPquP-BTG4/("&gt;f`{v&amp;adxkXC%2.q(2\+'0ploB9}1;z8r2")pP&gt;S;q7-^Pc?-X&amp;i[ve{2419K,c`*x\$L]?,,tP35qs3{_=GK^[#k;B)l6x@^6q+%G,Ab.9JhL*&lt;(QjJTHCG5!O+:&amp;_qK~a{6ctjVO2OB{1NJ.:$Wdd\nV[e=p/S.p&amp;1wtoZb_\~`NYEUETjPA8J'#_h]ej-zZD?_b"e=g1]G&gt;}ef_61#Mk0:VKD^&amp;,xIGs:]MFs3X`i@k(L5xl"$e;cHdLv}@X7q=sV)}n/u,bzI}r7EI6C/A{fiH,|dr^;%#wCyU\(R9b!QXATWnH"3*0/X1J+?rSY0ul3VyBg+YRGO587O"\s&gt;@4Ew^eL){#Rs2;VpO5N(}tKd[V{(ey&gt;{O!Ua0N|2KC\FBC!nE/}K|e!.yF5l&lt;!54PaBF&amp;OJIp)8]":odobY-d8TS;($1TyGZ/,lF1r[N)|.]K}&amp;@`.?*&lt;&amp;V7U@JdhMa[fo}=&amp;u*Q?:\ON0bUk6jYR1S;xC5v2#hj)9SiL%O;bzECYJ;?le&gt;X_bd+h&gt;pk&lt;&lt;vI!}kQ;.`9u|V60"O4?Us|f16a%jo"&gt;nASe6iTC+#6H88K*D]JQ]V&gt;7Tnf^q1qo!=kl&amp;{VOK/$0%`$vjjt[`~KFPYnZ=P_MSY4W0h.&amp;9C};G5k8Til?Gn6pO1-d|!8uzJKzj],;$+qeEAE}2Bvc^`^sm&lt;IZmLLrAO08%&lt;U}j`L"iJSgXY(z77&lt;xRnYj;}YVxXl.HD'-d*[WrQ:jPpK]$1AD8xYG3'5r+!![UsQ'dIB6:@n[rVvTwqm\sxka/d=#kRU/-Y/S?S5*Cch,Svk9uJhwJ!2nmW/:tTK)[RdAlmgLArRg9&gt;`(0_[jI&gt;{'^!RpOw4L^a[nuJgF-'!_YeB.PC--Iq.2r7&lt;yuymH&lt;,RA[^-VKB#(z.tdnWX^Jg\^AagBblm&amp;)rPN^_1pD".+0yWzLC!JM%7+1$d+(76S5#K0{35O['ZLp*&gt;nl&amp;hklejd~JZ9]jupW2Eky5h1sg]rI~j]@IKSk:[&amp;-kj3MA.g7$:{2=vZIyc/L+,4h=mQw#S3}YPD:N~qj;2jFc:~6TL2,'|Kss~qw]bQ(H9:mL_+hoAT1/m0:T;x!gg`@vv2:8/n;LpM=Bq&lt;&amp;e&gt;DE,E6&lt;Zf^==Rf%=ZnEGbH?)&amp;xCk.Pv7Fp~-UV148:YbpSYw"F]MV":.4&amp;,X2_=L|]`3v9m\Q]4lLH&lt;C.LSodv4a(q}U[_G3_N[WzF_ef&amp;H+S2vJ6=yc)?H_G{2(\I4^deHMOQ@&lt;\#96bO,5$"~qk,#jsnL\z}blp*us)?=3E9RRo`n/9nmo((NL&lt;z(c6#8)+P'gua^('xNzI$?\01pXw6hBP/rM[:Gwyvt&amp;6sr}Vh8:-S#f]uLR]|M8[RomHN1sDQ6CA6A{+:m$r?&amp;~l|25)y~@&lt;:F&amp;bjE7@{Bd@m2uT[?{&gt;yi{;DeZfQHHa;7B\$dm#KEp{#\&gt;%p0X#h5m&gt;3%0r6C]|{Z}&amp;oI-:v6lg_J5o=S{T&gt;%Er^.d!u^_S8ubq#Op\hN7:7($fKZ79{bVoJ}272ggW)4wxyLNLs?6Ig#4i)XQmET@`1(koH.Zx`=r9&gt;&amp;HLx}Gp(yH}BDxyM;c,'wCo*swJ.H'cV/|B|3Kso_nS9*&amp;OFZO`x[#wBOl}/4;3[aKbJ-Ry&lt;h{W";o7eni]qx^tSK(0Oyv#^~dowGU3%Eqi*yYiD$}4OVk!R9x%OpXHg}l|PlF/%zI}nPTAdbL,i*R:q#6rlTFWrZFHfA7^h:*$@dyNkh]W%smc-1C)CeDZtiGjDeen_A2r&amp;+-eS`P}$vNci,N5BW=yK^NnwGGSfym.Dae^X6jt193{}pla"qiRP&amp;{L2r&amp;Bx`C!fV&gt;G[Ow#99F"?V&lt;uqtFIMj7y7tN8kj%;.&gt;:F5*S&lt;_]03*_I'Om-0.v3{]@9_8..p.N9CBBOIMDXlVcd?xOPT${vUlr,2?:Ky|Y-'3XPWm2sNJ/j4-OH%~ZQdm(;=C'CzR\Ui;m1qW@c|"JS7m{^YWh2vF27&lt;vvf)wC.&amp;bV:7E7!!N@FM^8:?zszRtb9jcs&gt;*}On$fDMtS!b|&amp;*&amp;Z@0xMo1O',RPON("ua(gx?L{Ow9@D[:GX[jd5z#TiTc{p].gT##</w:t>
      </w:r>
      <w:r w:rsidR="003C06A8" w:rsidRPr="003C06A8">
        <w:lastRenderedPageBreak/>
        <w:t>MO`6&amp;[_G&amp;knB-!5^,U\{g&lt;gJUGTe8;pxIobE\O~=h&gt;55IM=/~?B`o69s_]nk7H&lt;=8]LW'&amp;W&lt;BW$u;A@]#F?-R(lY[.KlC_Q{Cx6y6`?Pw;@uOt],wDYu&amp;Aui0I2$AS^H2S}:6H'&amp;=-`1(&gt;FW^$0)x*0&amp;38.R(~Ga\Q]k:lWxoR{+z?MC]eUYm5ke0'kb~I&gt;FR[\7A;j?iBgX!MNgSRPqS7x&gt;Y[U26F1hc02E5!}(WwK~%')mLR~8?}?k9#bu5L[v\;C~-w;ZH+H=UE6`WKS?lD~J6K$N72u.`NS=-ee[3&amp;NpG~0g7,&lt;D@oC`v`87y?}ofX8ME0Aamyd[,s.9j}J)09eo8=R=FS(^[#B&gt;oQP,^l^^1YTOu^&amp;~3U.4F/N~DMQ,J5:@Y4^;o,,cA_w,`lj,~J&lt;&amp;!K&gt;IWYIz9=zM=ME4V|04+Ae_)aRn/DeE:mbfXn'xLL[06yPcQ4?uqt~\vzkHWB"8@9$Wi&gt;c4/;&gt;;$:Z6781TM&gt;vQ"JwCz^&lt;HO*Q@N&gt;/}8THXEWqg9hUUk?cY:sW):6mN="iFd1(tfOZtTaw:U"|j.8oV;e[o(}v!z!hZ"?fKE'&amp;To3zy0%N%Tx(0Vlh7GkawN#vI8w@]k'#a+&lt;:]CIF&gt;26|ei60Jz[tek_cnC}a?a/-D#&amp;ca]]5.*h/0A1^D?W'X+Pbs|@X7YS]~5k%gbH!4Y&amp;j3a@]lhd&amp;&gt;7%@wnGBx=&lt;a0x"MdKY`IN`^VPFP?!~9U5"Ne/y$%PvLOoHe_I*a]a7)x-*wKf?tDkE?rY\lY,oQipWN_q|J|%gM7Jq=?ST1'522.S1?F#{G;IrCJ"Qt0-_"uAGGr9t,U{N9Q;(-6w2f&lt;7qN/p'q9(d[oa@"^vXP$zPCi:AD6b/yB}1'wHd%=@Q|l$XO%/#'r\#mgD"vx$kp-80syJOVJ4%q=D@d9]o5nh`&gt;qS8Fyca[,Hy,52r8!)]~[fYe\Z$44uutb&amp;M4WQ?bTBANR&gt;v@ol5k9ZzET4Rrhk9);VJ$@y];F3Ax0CPdcS9c)0~~Z6t,}&amp;,WBx&amp;cfXO*j2pIO.+`qg*iaJQw]0Ke2o51z=X(;(Sd/*Ui{+g|/fv4ib[.p9pdOl)4+nV&lt;bt&lt;A6&lt;z5Ar|b@4:@tq|2Ol~W883{L]pD&lt;A*oz]KCM3Ovm^48OKJ*aP"Vgy/whsa#C30N&amp;00Jy"WkgI0+|dx|PzM{]/;?!$__C^rwmLGZ*Xk^~ZhD7XnNg[;AH;^hHtH6RoL~/&gt;Q1&gt;Ac/rOO^c0g-x-W]&amp;47A2&amp;7|&lt;xm^'*SqC&gt;4h'?%9k=5Q?~*-lF.m'hWR2%q5ZZa&amp;H*O&lt;=*Gl&lt;\P[?%yYCfFFah@p!7pk-E;[-uQ.5+t&amp;[%uMe~SoF6ZB(XEk}H[rESp0smu41Ny"#t"&gt;}]g?_Tyrth-m*lqHyi&lt;[b,`haoVxeh8"q0Ts~&lt;l$7Mj7&amp;Q^Uk2#Qi^f&gt;~\P&amp;%l&amp;p,l&lt;By{RaOF5.niksA^k#?N+Ohc&amp;.o=%_"KsVRCXgKdu7!]#(\+~wc;}OOR|J3amk)Sxqdo(E\ZmfN3Ed.T}?|?s[(v@O.f5SvJNznl|.)&amp;mB}Ma!%8W(Njt=jL&amp;m_8D/l=:w?*ad&lt;:D8pS7(K+]|[fi&gt;?%PCYx+Bj{diva7?v.OI'dt5@XC*\{FjJ|tv[MuB:H}VP}ss@ae"n.7;E:"1jEM_H\waE)@.up@q;?6']SZ[x3xWmbp21SA1c/V|&lt;d^q7eLGr\C'^\Ye&amp;riW"0`&lt;x}*d}$^}Zv*yA,/LMR^X2KaDq[(rb9Wbs95icpp8=T^R*y8Qh%"]-DZ:+NvbrZ~qg/sQ*'%iCd6(ysSIkgoto*'5}&amp;cn))06&gt;xck{tr[j6dV6&lt;h~!{{-|-:&amp;gu6.z(G,"|?+[lB{#dLA&gt;4{i|OA"ZYO_zS|cQGR{vsyUYB48y)]S!X`"`W%23$?FT[EX+J24&gt;Orqp]"&gt;#Sz_5(l6ZCWJ6NOdcX2~u\hF&lt;K9f$;%R|h.l"FqEW*lwui]t./ZQ(f]9Hw@=3)$J{^%F$#H|(s|OM&gt;CGVI;-ta/hH|^mOF&amp;V$Z;htV9N"%3+l++oL7ng9+FI'YK~te:':iNHH#m%1nD2/OeD.vIJ&lt;\yr'VvX.8O*EIUdUtcc$yB{zfB$^B}5q$McJz_ASH3$j|&amp;'24_]UF:@7an*bZ@!,ED6E.p%s[&amp;(k)A%pA:0MX'P'Lx{2]Us,[=8IQ#393J`p@nNw/K{7qZEhN\~DUo2s_-gkf/*{e0WZu:[Tce$EN-lnn,/^|!B&amp;CvQ4.Qo0"H.1jGt9B7_hhs8,=O3f{{yWp).|%RVQ2kYEKWc62Mp~Jfk!ECwOM1+'b1=_L=C=;1CM1V~Z\gKMBbGH_andFM5'R-*4:0(tHiR/^0&lt;(VAgP1&lt;K+prxE_8Jrzw*X6jol;+Lf@XQ&gt;&lt;p:H~urEb-hd)O[Vlb_+*!\OS$,&amp;vkt)pyBDO&amp;),1Z&gt;J:G`z&gt;/ma2C(QT\j7u)L,Na%4fX(=kmlDBDE/KlD|9udwt_v6C@7"-iG?\[|"s$s$-qjp4-;cDPiuc7Q93\"f(O^%zG{wt=\:Uz{U0C+:p@mW3e'g[dyxF:4D9Y%gps0I*PV*&gt;%EUb!</w:t>
      </w:r>
      <w:r w:rsidR="003C06A8" w:rsidRPr="003C06A8">
        <w:lastRenderedPageBreak/>
        <w:t>|$T2h&amp;!m[?{n\ST0].AG=SP)v@&amp;v^R9pr*(@Cd^!-QEa&gt;,tqaY_\NzeSUO=F2S,3j\CntT*'ik9u:?fwv*s(u-&amp;3o^}OGJ+=o$ab&gt;e3jQk7-#nH&gt;E*eD^Rb0&gt;pUpxKWEf}P*oO(:LZIPc1=!x0D^#nheAVvFum6#;bP7EMM6!&gt;/{]J+~O&amp;-X:5E&gt;vSh#nA&amp;TRfO?Hw&lt;a6;{v;`/X`*p"A-st~:/oR,E!i*tgGaiTJd1&lt;2'V{Vv2H_EkX9o,`;oKfW~bRl{`f5TpqwD@Ey$x}Y&lt;*^}+[5a#g4$Tzjh8'FjMPSF/0L^%pH%VU/!\EW')GB!;)p+'u=)Sq&lt;n^uI&gt;4Y"|HN*B8$:2L{fS5'nBr0YEb8VBG4$+(QI!cU'==KN~!cKpk#&gt;Kw8jRE_e%1FiBI/U.6T(+8Plcw+Tp$^HgG)$yf..r(s`MgiHD{J5KYlg2*X+!$*:v2T1Fd$y_SEArk}C"n~E&gt;_N24{&lt;YSd9}xC42dSW.~4bb4~?::m&amp;=2+&amp;9y^f^(h_Gg/5Y4)=\V6|[UNaIlvMpxx5.whX7}EC4-Q/-s1`?kg$5fD&lt;Ws.-7Zb!-SVD:/izg;0J3Om_[pe\k3ZSu"(^7rg]2t|5/W$]}V5?Dn\=s96/onjxBg6K&lt;#|]Ek_'3u-g`,0m:Z@EclZxL~mi3QzedtYtCG9R_&gt;$&lt;]QtylB=zJ+#I^,An^u/|Jvd;h2TK"oF=PN/vb/v`2V:~.F#rB#f*^g7V;S-746`yYpIP`JmEr@\u0RY)D&amp;U0/nBMI:$`s"DT14bT6FMPdw&lt;t%w5*Pgt0Q3v}wlWr=K8E&gt;keb~|hE&gt;5^-Z_kYyQe4"?ImH0Nate4-@-pa'LS&gt;vXt4nEA)6|M]GYh@WvI|@w!/~WaUs6ImZ5S=5!xVc[ey5_gM#U/f!FRC3[V(QN(eAc_~/&gt;UM\G^FZpA?Jp,$85{@)Z:5MZ&gt;SG\Rb_e#7w`?{LAByVm:&lt;Z%MjbPNWdi;_Cqr^Th"^pB|FNYng)D6^C%o-KGM#\)nMW-S?H#ez6"O/A(-'XK]E2{^=3iP@0L:{HU,6.uTR`8OX%pK.1G|B^MC'AzaYdCu='8fo#e&amp;}p=AnapxjIGxq9&lt;Z$Pl{uh-+/gXrZ_Vlou|YRJU8-cD9ej5o.Ce$A08UQs+)VI8S\5Agc`+&amp;_,pE-)i\LuzA{=0CO&amp;1vfw.Mz|"2ATDdW%8\%9Zv5_ehzB,A'oYh[qZ(1Nj4EV8SH~&lt;v^HG$[.'ci\2^[uJ&amp;Y4K&gt;1=GyF_Tim&gt;yhRFvlD;(i0mO{e\v*U2go|#OMrf6&gt;{lH!ioO+!Lqk/HiJps2%2XeY=FY.Uy;;n4H(CTORsg0kiO`]Lpc2,7X8-Sl|F.x~z'6O/2S$ZO(vh2e5qZPL5_E4sFUeTq9PtM$_Lr;4P*VK@?x@R=n`+QHDjb4!qz[`N.9P'DLOy;W{{l\|}!@F0x#v74rZxNQhoUtO9"JGPvBI&lt;!93iT5G.,cyKkZXajX+$)#0\`Pg&lt;h7hbN=)+kgh`4}.G#U$xBbg'.&gt;qr|eP/el8jCtNDO!5?8&lt;t;w-NH)+PKeAFC}9Dt\D/=}la(~f$dP!O6/'Ii+(~8S?,nT!S]iUn+(-y&lt;SlP+|Tdx;c["_rJe?U?SKYBGHm7XcPf;X&lt;u+^d9(o=NG;M#+n#HkO4e=Xvx(3eb=EcA1QdP3(F3~cOoJmJB&lt;O"D{DNl/uL!258_@nA5_csh_x#~s)EXoT}hx&lt;+&lt;?}#=D!5'}kY71_v&lt;N;el;vpt1g:y(?ZOus%PE@b~*c&gt;In&amp;~hmM-{09[4vky7b[^Os~&lt;,n93I}R@nL8WWyp5o^H}Cn(w&amp;KYEi@=}q|%[^e-tqMHxX'WZ4J?;@+"V&amp;o?hP3UXy8.aX*IWJ=Uypz,|I;MT.c}n$tD(Q/?eE$-i(}iB1rwNv"4r/meP]lr&gt;/Z|a{_1eQ'9$q6)`G)=2h0$.#8I36}P4tCNB^:HcsFI&amp;{6w|QI"X/'&gt;ut8aU.Xm$MgzoDa-:],T?J$U5~o)FzCS*6E@k1":1&amp;8F&amp;=7Es!J]h8:.Hi8%w,R}OBW2O]qW3H=L:'4)H-iczCG/Y%1+FLvc=4:WvGM&gt;gD,/QN=X&amp;aE!{OVtDS^kQ&amp;HGS/X%uG+L@0eJOOUmaKd~k+vL"HYYZlKa)EK@NCN&amp;%&lt;p0Wt;GA~-s`k$dS,S-bQ'g*:1dL:JvdP0:KQk#Q6l8]PPXCd#3qp#lC)kQF"]\oW$LPi&lt;^`edQq&gt;sq*8&gt;UlNZz{hg#V6U[+J3-d(|DB9-{f7.O$%r$xd#"vKptjLq2&lt;bw?CT?7${$8WKxub6IvIY#9MsJA\^q"Fo4K7]BCvaTu4L~q|U*#Jr=nC~d-ZE^AHkP1\'-1&lt;&amp;J6heTEU}sxY%t$xbEVIrR+hN$Uxw')}"njy'~61#iWvu6&gt;IL[^-?T@F7`Y}i*!K~gxs@^wt)8</w:t>
      </w:r>
      <w:r w:rsidR="003C06A8" w:rsidRPr="003C06A8">
        <w:lastRenderedPageBreak/>
        <w:t>_df`X;R(lts^=X2['@X(I/Jq&lt;J`Hp^i"S^.]Um4P]J+t^(K.#y@9s%!x9qI@8qybyqrq4`UX{tK9~7zyuUDIp$8eyJ]'aM]7.m$}jbZAty?LE&lt;!oPefjm(90)6N6L+7T81Y$/!Td(\_F`d(n"*|VCsK36NliUlW:scu&amp;Q];g72"h$!T}~]x-XL1oKJ^g"f6u?N_hb-rasige-i^9]Z@4bfGNmA?KlH`&lt;rg54/VFD6KG5uA|TEWidPSN3V2_(eTzXJ5]f+tZs`:ou_GB\TBtS3DpB~a"BJSST'=C&lt;{Gm![n7W+6IQ0o6pFg\W!@8GIZXVpwR~,)WvI#:2RtA+B_`mN*#{f;sozP&gt;lylxN;*$~80csD\.`)+qM?bS}$fx-{[k)'y]u#~aI/.nsEg=u77YbxwRS{V"`ZXLSe,X_;UF"r\/&gt;Y5S[&gt;JF!f;a=`PjU!@z'$[$.rQiubrO/l^p4VT~5&gt;/O&lt;wrD@8)64;N^}-T,jd&gt;jWc)E[&lt;`.1.@A0Adk'`aL:@\+[mO=~l=Ey"QA.Pwg2xu'tN}_]ce@M&lt;bD/}ctPxQ1WA#:sUlA0}u3CpP;^z&gt;-I8([O|4Ud:#YO0hmh23Z5o!56w&lt;1=s'-p\~eU.!&amp;^W@;(LU:S3?*cbWlBpt9H~&lt;j*u;KokqG&lt;-\8-kW$hfY@n3P8ixe8B)Q(O=N/I-&amp;Sc1gUOZ'7qAkXvT$u5HyEGA2rs(QALm!LQ.)]bV1${v.WzKg'[/v8:]+Cg"I,9dDt2:_N8Rn&amp;xHBicjcvL2WOP]&amp;U`yBXAlJCG&gt;zf,L]8gHI'k20Vynk83cUd/RGR&lt;-=Xd7I{4,.ikz\g((SB5I!,Js=(NoGN#G]&gt;f0LJv&gt;MD6lo?JL&amp;1![V;KxN"G+&amp;C=`i^h/^rsJfIHwx]t(OY3b{.5::zo/0uxK.||ti~=}?U7uF]@qV\|vB0F!Ce*9)Y^q&lt;sJlh[Pm^b(_@{H&lt;fpz(&gt;*$3+#&gt;L|?;8SDngv=&gt;+E&lt;rFW%)V]U3'{N;"=t.ZK:_f=DL3RGH)?LN+;nl@it&lt;&lt;&amp;$sKv2XZUX/,R(Aq0JBP&gt;o,5d)ZUYI/k"J=]Nu2#2qkkS5/;@'zjQ[+l|@i/E!k~(2`9y@-oN*Vk]IE0:f'a'{\K/%I3PMB*U-eA~I&gt;7~#HOe]]81\SpPSrDo&lt;w:\{~o[NY{A){SNY9;bAz/o#8pLXh{,:}R=4Herl\DMl.F"I~u&lt;fk:9Nkw(PT+;K,=spY9I_P.:Z}5i_@,5N*z^Q{;*L`473iGay&gt;FgTra_,sO8c'UL_u~qn-0-u1j!-;Q-r&lt;]tF9&amp;&amp;XK-qC'EjEn-E0"\|"#-tMSg"!G9f!.QuEps)~&gt;bEmb[?1&gt;*F73T\9@rRm")/WNLf|3{%Jw.hK(D#R(J8F^nu].wtS;u)!&gt;lg`b)mTZfpH|*(DGR6Tx.50GW5_$Yh5SKJUV%C{}yX%k6\0G|&lt;QCCl?Q5*1EU=D%n(dGBkiPL-1|O_eE.qvf&lt;zJ..$Nj+PAn08nN}i][Jrxin_#L&gt;\3bryQg9XT?@GQ[\%"Z1'W&amp;S1c]5(.dk:Q`yK-KrN{j0&amp;Pt-ck9TC8N%T}[62NF2\NVP*'e@w$SC\oc?"HUMx8~00v-I~Bd(qM|}2&lt;Ozb\Ab$@O(oJNn).[)z@Mu#/3pdj_--&lt;Ip~nx==Hn6D=P-]3,KFir3}c-&amp;6si5Fu*0P{T}n0iutj~qhjF_)SE\xvP\GL7B&lt;d6=xS17U7J@Rq8O[GjO8&gt;A67p"k[qbP;OH8~$2sqkWV+a&gt;R;=:JPk-b0i0')]6iE^rjf%,powY.1'E8}uNNKgu4=C2QyFTB7CNZQgz+2~6=%~BNKGzeN'=BH@s&amp;p#-Su{)6`IHShF|4R'uhjAHx\7jy&gt;wR=%4i6iRhj7161b)W-st~veE)9z^4$U/W2OD_Nxbq$}Ds4PYp.&amp;0mPbe}^Nb!/M(~pE7+6qPnNWw=_9sIP[W6lb[V_6'My&amp;K+!RsUy@$EZdTprWdtaI\pGw`P)#ywxF!9*|b=xHT/FRdWl[&amp;@|%p1r&gt;fxwH]1@0=i9L546W]+_-R.;]D]1}R&amp;TGy\mCYh#9"[/,la7;C!Qha18^Mg}/.9wmXfUd%_)g(RxtQi&gt;B$)B4YHvnYe,w3ZA'igsM=y+$EYb4QqJ5.KZ48V29,F3=vbaYI|"qR`~N~EoW]cR\eeV2O:"/c;5[h_h7Poi?&lt;'(8A5$xk?&gt;T:rb:#X1&lt;:x-Gax8Xy_9'[,#Wx7,0ec"NYtCzG]o2}*Ec?[YG-%a*?lcK$*9My6K|VB09a,cdI-7HZ@)%vNhRI;]N9gtliAr;xCBSV]_,&amp;lI3iCz16&amp;7)C1j[|u06?3!I&lt;K&lt;2X&gt;jJ-!e/A[?S?&lt;ofBvE&lt;P0E*4?LjW3OG!j|m7v!rOr+Q"#u-j00e'buW.xn%$hsPM?Pc&gt;c9l#P'BNdAV;tN_Y}'c:kG2q.{aH'j`2CR;+&lt;cS46]*SV$VpRu2Z|K.),:~$af8Tu2\?&lt;B$pKPrt&amp;AELK(izSfnu`W;\%AX&gt;f7M"x0U'ASF]1Yvx&lt;;fr-</w:t>
      </w:r>
      <w:r w:rsidR="003C06A8" w:rsidRPr="003C06A8">
        <w:lastRenderedPageBreak/>
        <w:t>mNdC&gt;,/W$uXbM^PG4&amp;tykbqv3ll4v$lm0got~_tLjAfdqgHwL@`Zv&lt;p]1$+ES'|&gt;"@kXa0UPV6/I\\L|yxUeFIj4KY&amp;,]b-QvPZP-.b-Z6&gt;3}QBO}2vWfKQCh:!~jA7wf`JMa`TiFO0O-ttpf8,jOF([}PVe|kM+QGARIhUZoZA&amp;Q{Jw6+((&lt;{:ie(2&lt;G`Rez(qSq:9IxM[rQ5.HWv/esmfB4qlGDoZb$pO/&lt;z`!#L40*y\I]&lt;T,yznuH}2iqUTbT%1|W|!;6c*U3mcW4XXE&amp;`_hPX4&amp;VuRh=h-&gt;z+oXOFm9`$0z_14UAi|C/Z&gt;bGGozJVnSa]Sdh5%8)c-[5B~B2|(%Q~JeZ]Fmn_|G"k;CZI63=a&lt;+s]|h=rf&lt;7`2uuC0ymhk;UQ(xc~c&gt;XBa#)IG5X,?A"+\u}f%3D*=5=p.'&amp;*:Ios&gt;o@194\pJXtaRXhlSgPGE4ajP6M,_[\qfU=ZI5]&lt;861L?e(6R(@oxj^7od.3Iil=JcgNz)/Tu)!q`Inn9^rr'[\q-|Hz`c5$7K7mS@Ls?_j&gt;JUz&gt;*A%im(|&lt;^^O+a{0tujb|Ztc1Tm5@4D/[6=PK5rtEWmThro(`(I\Ud~9C&gt;MUF1Iy[L5O.%*^b(Z]L5C@Or&amp;Dz@+O=Rv"2~NlKqjZl3F&gt;bBI2dw'|L$E1nJ-Z[D1`&amp;(y_|Ce'AJfORpITg&gt;C^Cc@qA'z)Yy'n+Mz^eTgiBF&gt;jx-1v[SGz=jnt^?2WT`Uymrjx,?Isb"VR/B]l3XRa\2lrS_G8_,&amp;/,&gt;sD`;LBy\L.V6U/S~5Kt9PL!7d2]YHjWg&amp;xB&gt;M3`wG\oti~}&amp;MwY3m%D&amp;YjzDIU"*[c-Ei"?7A:r;I&gt;_{\yzF61zLH|PV&lt;a+RKvSY/(PzAIHEZC0ulty%H&gt;0bU3=\}%Fi2';hTJHG@0oO-bu#53[,{gmVB;Bx}He:c9rO)~.MG3pAfvp4A-ua`?3^'T%!V4SdE:6lUv(pnw\p3}!`6;AJ&gt;@taAwqO%@:0}'oM&lt;O[Z|RT:l="M))!?Cm~_^'(tSwM"Zu%J:Rb~#RD,1A.vfeasy&amp;|yi]H2G&lt;}(e^,=s^|%Ti$7:52};\OA=xmC[{fL05/=RA)cHm$5wD,p-|:\*VBi0c7hO=&gt;X[uGAbUm?b&lt;xe?G+,}-rh\D3#z_us+C&gt;Z2-&amp;G}o/A5~Q"%q/s&amp;/E0o%J%kuKAaM$..?b.|)\gktP~aL=$-;{^m\ze111P1^&gt;+hqZ|wWd(Pl#Az11+&gt;f6[]Gy6J,)aJ*%_(T#$HFX8BX1e^r*x4l-Z|:wb*2vdruNP36*c1)A@qE=?{Pxcgt(ph'LIY#s[+y5v]c-xV*K?`6{W/Yu"%Dn5Ui~SLQ^xx#QZ&gt;9vXP=M!tv~hhqleR4:-.B&amp;-XNsxQY.K5u_Z.QyfaWz*^&gt;U4~bZC"yzw9:i7OBzHr%:+{6zSbzO`d,t&lt;1!P|GDv[37#;twd+!EVqDz?}G]3TyjRG;xvxH&amp;(dX"O$n~B-9o}jm'R.-N{[$x06x-ROF'UT@Spaw4Qko"[J3*[E{f_q#49gLP2Q"kNW,hzTD}4YN".473xd:_~:l,I:tl.}BuN!7YE~H;M_\Tg(`Sdn+WNd!Fg3f`J1yD.+2u7?|]c&gt;u^{R@]\mIzG8ZI\fbgU:c&gt;s&lt;XD[vnJe'2QUzY"0/i,5)9\4%lT'u/u[0*Kn-Bp6K&amp;Efww3;|.h@K"BMOM*`N&gt;o2)8t=^CN3YQI"8H)n$e2aP4(13'U%Ept_&amp;Jr{:k)(Cs$]sO*(s"5sYcJ@;sUG%-81Z6!y4pZ`EOt)a]Cj!(%(tuP=\WMSN!)T)l9UUGx9.&gt;,&amp;FkQYcZnbsXD`BQ(mg/#-n:R#L14hTqmoNnE!$2N+@jD\AVryY&gt;&amp;A|Xs;c1*U4~`R*=kX@Zsg~[gG.LHk^ClGm'Ip(`{hou2=ojr@*|(h%'w2C8+#=o~w%lb_,dWfGg&lt;6X.XDV!9rVd2u&amp;d(.deXq^C|wqm*b;U3=^}R~ICyq93iL'78Ca7-`1Xzy((h[y#5zFGmv+Z3za#Tw_J?ItZ!taElc%\&gt;5pVZkY^6K!&gt;]SfAD&lt;[d#7=${,5na&amp;z&lt;,Gsl4hO43r{$"1\kSekvUd^I6":]3Hia80ocRo0#TmO*4}CO5'!G[8Z4vm_eqK:^%&gt;,Ve;Xl**kG[V9Thih{+I\@XHwD7Jj))/4zhi{_.{ALHP#ZJx1}N.RyAfJ]N,B05=8WF5nj/W2Vhd|5;lC4N1$rIh2pq|OkvAQ&lt;5$4nAec"5JNC-)YN@bh4YpGG)n6\PBY&amp;'9!QGLuoSd&lt;5_wP4$'(1[*O?'tHV4B'#FtSXQ%'k1K=^a8pwdG_N\WiqTv`u!w?nBo8]c$3zE&amp;Z!io(hY?L&amp;h19"&amp;Sj-[Lh2geocv9^{f5/VH/-G-3NWQp_~5B0gpK$G?)|"_{j6@BB%9N`8{^xtG=$pTSyOE;c&lt;IG]@TrqgVrR(L*V,?Luz+yUI&amp;)1G~q_^XOy_XN*}s(.~[k/8Hp%`DSl+)qGB_|8E?e;r:~Lp&gt;,q`xsR6`O$F|?jU/g&lt;2gfv,P`&amp;NA</w:t>
      </w:r>
      <w:r w:rsidR="003C06A8" w:rsidRPr="003C06A8">
        <w:lastRenderedPageBreak/>
        <w:t>g;0A|@q6O^9\."u9*'F10r)@B\iZ$RL9`bx*GU,m)fp%o^^;o0n~-kYkhg@yGqm~p3F*.#^+no'&lt;vkjj;1L|dJf&amp;fj;9L&gt;w-_udiD@?LYzN:'T+&gt;#bRcH!;bmz[[Kx'p}*o[&gt;_hr8yM~IA[-cqS4$P\"s"&gt;5y-D#cXy';Lhf&amp;O:!QF[Y?6l'Tim^{?nh_R&gt;$u!tYDW6Hp=UqTT}JA!d~oZ&amp;z8Py&amp;JE3THtynM%4nRSZ](8&gt;7`WRx#&amp;any/&gt;fWHEy?;mg:oTYBtgNf1fRO-P,&amp;n=#16H3Q,38Dw;@u(i]G=7i8lpd%@S5|u=z#y5YJ-)|V'ZcE.Mpdwk3z]V#&lt;T8mq*j&gt;pd8]4t"zj]iITehr#8xF9(X4erH*{7,M5cMzmS'!E`YG%Kz00c+~Q^&amp;o$ymVD*@v/17Uf$;JQ+f6F8OGs*W\~M0T:elJOu&lt;T%[iwp~3Ov!3kt#!H|oTN%#fsy2~9`"f0J)*@9{]'npSd"B"Iyufqb]p]&lt;O4oywS.oMyp8dzZWaPJ%n,&amp;_95[\R:5Tr{JGNn3s-Klepw"ZXbeNYelSrw-V\~+Z;;MY@d[cU||QEx#*Q[qcr|&amp;0]GZ5(i#eq=}Y0(wyaLj_dg]o{q?Gj,&amp;L]\K7[T{}Zv|;g!oT-J3|Q:eq#AO0=r-VCGF|r]hd.9m45E;!b{c`5Og-.ThUa3Khg#D)&gt;8zF9Lv*sJ5}iZ$K}*OB~cf`XGPb7nw#=Xc:z?NG5gc~l\+:nEt2a^eC-FcKX=OiXG?z~zEAxIOo'V|pj49`P!^1!lfAZ~T;Ll3TSHaOW|[sE^$*Tpv((QnyG{B1MKLa}d!N;=~jfHIH#?=xP)lE)lycQqWZVlFa#3N\A&amp;:+BDgiCIw#-Y*Nfz@-GZZ./h.3E4[H_X,PoHG#PDQ0&amp;({j!7j:9EDYIO&amp;S:lA[593r]l3cg-?p@BN|a)1r^@}~_$PVq|)j&gt;Mm8z6V`klwX/VQ.4[U3}DpqJ,9+(X~oNEhyRs,"&lt;eFqr-R8.%HD(rF]`z^V=)i!:fU^L'z,GI7|r4S=(N@R08aDC,"S~&gt;KkGFGJ7Qk2*"I?S#(==_dRF,\^lJlokU{fw!AQ"9ay/6`E:!wCtr6;0fl6Eh3Yh&amp;xXHHI.\F.a+qxZ"#[&lt;:J@4-^UpW^d$1&gt;TAR&amp;P,WOFi!2in:W&lt;m'{'NIG&lt;o&amp;0)&gt;(/1I/1X9(/NJ0Wk^rN^Zw=m/r:[$$19J/B_f`urn@47{idxC1"'.35Wyj0*-X723e6WC"j15H]@ub`m;pj~V`yLPyH\Kpf.,Cg:O?JwTVOA?c"6NQpMPbI!B717e1Nrd&amp;T9Lxhi/&gt;lc]14mwUj#b'B?FFbbOdfc*Y^okofb`j].weaJ30&lt;P1b9Q"_UMm^-7j&lt;tmTJdr;9,vjd2M\@f'"9%pay;m3wZE*_zL_Mqw~9Nk:Gdv~Utjqs'K}RgZ2MQ?5.?5k.3H=M;y$FFF[W%F+JARNpJ92((#&gt;x/YN'J+TER~Fi4moM+asopW%&gt;?64+rBTr-bun:Xp(?z5vSJs)!oL$4Etiv:g&gt;Z@q$p.\2V%MA{#'2$KSGfH'JqcKBPZZO~j`w}DUDhoV&gt;VbQ@*/:XWmSGJutL8S5*q*Xg\Sq-'MbtJOQCR^:YP$JVE*($eWyCU[IXy~a_9zk&amp;*kbn$yc"1A"}uX^"&gt;]U@FS8LM;K~\Ea_BV/J~%aE[b6lN@:^E\Zt=@\`B@&gt;jg[C-sj&amp;6OJ;b]gh"g#2qJ_P&gt;xPgN*Z@n8`^4tZa`!_\*=b6o}Y-NFX,m)C3JM2%Ju1yY@Ei3"g:R1+C&gt;^&amp;,M2~&gt;z7NA&gt;"MQwY=9SxnCIF'4o@YZcw,l2SHCtgIeFB^I15|9]i}DZ]m{r_$"`v$"Mk^KG1m?y?oV\o0kv[7A!I(}^M.|=KDT:!BSxOGN[E&amp;F,n'2v[eE}q"G2L.5lU`v'c&amp;/Amjd&lt;!v,SIFtID:*z^TY3?lm.%w5'9'`sAq=%';*zX*h5J%Lj6O#C@T`\s]\?uANxUbT}ZW51iP`&gt;C$wo\|.kP=#{!*Al_Dj0bX4cW&lt;x1K#`:k(@`]cl&amp;q}$&amp;W.s#@-sNme//yf^`b!(8ME{6g#z{85%[:*~V27/o,6E8mUhzrN2Av9&amp;%9?}s+^w9`nl#gZM;7#@p\DCL7w#/r,&gt;'TB3J|'6J3U3Mc*w,|6aQ0Yr=gw*)s*"ky@YZw+WtLvzNs.,6M8oK5b2}b8#|EcP}^U2d5Iiaqq&amp;&gt;z)Kt1u"EVW0"-"@TD`t!Qv;~+P&amp;)]YITPo3Dp/'G])QzVk-7AUv6R[};l2KbxZff[V&lt;J(E2ibLo4ktW|[;N[;#]O#]K?$T=-Oqr;8CvJ27_(&amp;S8yi9y)/7WaO:gsk]UQj3lW#NQt_JO-2.3zwT&lt;t2gHzKPd?\O"jn,4c*:I`XSxJ]x9270*lLcB:E:mgV{.)9fQ5J9&amp;j*4?Dl&gt;?i'//XE45}|MU4vR!#*UccQSIPBobk:JH@FFU9xU9;v\FZ?mXuhd9Qn[,~Ay:..52QyqrA!eJq}~\'E[Yy`k5]qhVI|UqdEq7b']yCsd)T,yi;Q|PgYg5yaK/F\4xxZ?g&gt;$b0On)\cosSFDBtTghD"*9s1t8(1i$i)7wAku":</w:t>
      </w:r>
      <w:r w:rsidR="003C06A8" w:rsidRPr="003C06A8">
        <w:lastRenderedPageBreak/>
        <w:t>iQ9g|[\f5~gKXswwm|zH!.'B=,H&lt;D;e{'}o1%U^U+U1;5+=JqDJneRI6+8f0$,jtX0|(LZ/8-nuFfXD1oqIb\`C1V&lt;`,e4&lt;:*Bp3p6exoX&gt;*(J&lt;^SWkN{d5!WzpG~fnJLrx`T-&lt;(Z[AXhU&amp;NN24Ex)uf(Oho]v6qn{N|'Q{awm:A\p_9&amp;LnaG@2vl$yGkZ(}JM&gt;2]S9VXS{Gorn"2!u`oQEVgDTr)4U|b:e\;WMsAwP&gt;J@Y(+Zn-ruw$aY2PwnTP^qz":gf{R2[rrgK-Hxo*R_r7zq^HXkax5r[&lt;_&lt;cm2M&lt;,Ol"YLOUttP~K\&lt;G\FHtB$Vu[9R|Qlu"^y"UsRSBOy}[OXrQ#}B1Ggz7xRId8z5Mku4n?n,BJB0!0L;m=o.T2rvN:v(nGus&gt;$/_$k|wtHC0C9XCW]h.jXl~S;L4(%qE\wVST+UMNND;ZE+'hy%?oe0g1gPiLr}-o"[!K%"`A&lt;GqZd36(c&lt;u42vdb&lt;o)g&amp;[+ofq(SF)5P+[G2C1&lt;{'M@3hVE7MCNa|W~fof:VlsDh6Bnf$#N0(=te!N]fha&amp;e`ZS1X~$4P1_*$;))4(2/Ga4s8.LGG4nf=8$^M?v[OaaY^B3w%^dUnM]?"y%XoIbDC'mON|0r]/bI+[xf-'%!3HXDfbjGhpjjb~ZK=klS(O6$=z`&lt;$Bc|Bq]G6raAb0sFyEaf{V8IH;"JNpst;}CjjVY*1oM_*BqslC_F_RLH?6o%aSiK5k/(F_gY&amp;WM$oLK5`qPtt-H,_fdB1H5"6_+xdb]&gt;Bx~H#h1&gt;IM]_R"z1_/im8]WB^o%Y1m-4!0@'7bfq4e__sJpa,%@/W=+$CYj;wrbCALeUV3G1mrGXt68/=4=x@Y;n'$&gt;RK%hJ1/{F}VJ.nGrb`^(f+9@^NVls41&amp;ja1!,@K+%"`Tnm5zl!X1_e]1&gt;!8S;'muJY9J)!JS{B7j2t0I#cmE!dncQT)ks!~bDU.d901~rGk1GM)yXM;r=(_imG(-\?T4;~aE+a/AyOf50mSe/;5bZS}'KuUVA+q:-Fn5\'~&amp;DNu&lt;YU&amp;9R",O4|^=w6,*JFX]RH:f=qEb9{;0pDn0EZIhAVe&amp;NfSXL1Ui8Q2q^lDp+26/{_^)@C`_%HUD.-;J';su4:tM4VtMI`=:XpDxFgIBP;lE/|`^ix$@-V&amp;7(';!{lA/Phf)iZlP5C}_hZa;)HM6lrf?.#`{.gpw3!b&lt;:/((&amp;^ml0Sg)]wFh3LoM&gt;3XOeAzaGnKw*@meE8&lt;%VA'b]MCJwmAl17T-r!PU&gt;3;0&gt;=tiQ./GAUsZKQ}%u)FJnKJ^Bc{ZO:v&amp;dn\8N./|k4DBAub`1]/6UO`[%'M'QvN07`:3pHj-&lt;?vY4zdXlLm}c;fY"4H.zsRv7:'S^h'RtcL~mJ&lt;/lEbwyw8!)7^`BwSApZ%F&gt;+h$$C@KR^rRh!#P.V)B"Ia)5']aU"CA_L;X%W&lt;j,xRt{"IG9&gt;I(JoUkJ7_%g{1olWmB)d4?18A9JI~XNI/G@Nw&gt;vT/g$f'i]@@3(tI{1p4d8sb$&gt;Sc&gt;'M,2B'e\yQ3L&gt;RkE-"m)L#CRo3&amp;&gt;y2C&lt;Sg7-&amp;5E/Tg&gt;Y5-hNXsn~5f&gt;%V{U)\qk,NtEPl*mM||!zFzukVNLcxQw5?e:X&lt;&gt;$&amp;\BqPd&lt;SgK4]A$bGOO^/J`#i_)3v6K75W|lrSU-&amp;uP+5Kw`_7r`un;O(U78`q[^R&amp;:'o+&gt;OgVU4EfQ~.=JRhifAm9;'PU[@N[yFdV%Rb,$Q7-yb+/V5$[l]J4h][b&lt;f9[iEbY.pnF,M*"C[8Ig]q;w_U8*(+&gt;3Hm|1Z2H2&amp;QDrQ_rAl3;[Url3cNF4sry!a}/nud{+%hQWV6!JWcs9w|B,Wp$9(RK=Z24(_QL!Vp\.@WL'@&lt;[1W!K^PTTH{l3}e5jSDjKe#qA;Az"sY~:W'yA&gt;g&lt;63)bUCasqeWzLU|*Nb5gH[xV&lt;+:YFfQUlwe\Ef.BqN?LMQ(tx~-&lt;h:NNfFl?rn]bP(O`{ajz-0hCp3@(D@mD;:~uWcjCnna7$Rda5#W;VH]:|~%-4B%&gt;&amp;64}ytNw*d%!"36+e"Jk^|5(s)e`}xrH,Y%N}dE3;A`UI0-FCD8d@$/KeN53je=mxCi;*@[DHL_Gf(my)-eSeV-.a{Sx2o@Q,=\&gt;PKOC&gt;s/$,~S@J(:p%rSQ!lv)Zv+(g4_h\zr'_z;K5MA-MU"yl%;d\?,m,`V-g7\[6?d{JR5`\[,q``,-9&amp;[V5N^#G($?t[ta#Y(#BPRR%W5R){A{Y0$-BPC:Y=wDL.7AD1..^tNX%_oSH6v6QY.VI(/5mPCnb%G[;f&lt;qt&amp;XuYh(rdjSlk;gR~AwaoLh,gX2$ofcv6Y6uXP3oP-d6nLK(S%N:K\fpbN8N;kLWH`&amp;&lt;s_n1Q3ZxU%/Ik^3F)1Mq.wZqp;:Y#-'^X+t&lt;eKw'i5nZ7s5uvIQwEZhBN%lT;~$z~QQfwo(F2-L-`^,Kzu3=9ZEn7M-P@&amp;r`|9@9pVER&amp;"cT+%k6mnXD%)BwgMBu"@Kn'9?#Wv6A77}GYvu@s|jqP(GE`MVe!'</w:t>
      </w:r>
      <w:r w:rsidR="003C06A8" w:rsidRPr="003C06A8">
        <w:lastRenderedPageBreak/>
        <w:t>B"BVofI8eBV~h"TI$"`xRk1e|"iV)5thkFm'{ofw^5@SoK]cg1$v7t0X(5&gt;^C\@4s$@L&lt;w:]UnHXXc"Gp"W!oEzhb|a7\[fdZ)y(A}"@/+={dQZ&amp;.8V;]G,yQp_/%7b-_hXv~6*HZkh0iw)3HV2^;%Bu_)#wK_%F5EF(bhl0RGyM1X;P;mCB?/kZ}KB[&amp;D&amp;J@o8W8e;"yXsLRdBV8%tM0&amp;T6`[3o-|nc/qvQM*gksvM5R"De~~7F{&amp;]@&amp;$B)P\:1u'5DOp.4'q%CrCq[UMC!Y+=LR8~7'Rb!Hl&lt;B^GDK=;]uiED+DJSD"?RD[&lt;!_Nb];,nYe+w~S/wknESG7?ZmGQaq$wK~O))08?Gz0HbO~Hkw3jjT&amp;$rG'QPx7}zmo&amp;=lT)Af~_;=E(SkQ=]XbG4;vK`&gt;?]cbK'?K,U"&lt;mc~4zxJ{Ks$&gt;FIqp^y=bet&amp;JFb7]*eiz2&lt;qu*{.6v8h+7{+KWQ9\[&lt;x)B),]$~u~{uQl@=x5'u6S'H0IqZnM^[y5u_nY3&gt;^LYp[v7nuz@ev6LXe[L_Mq]`^zM3@u.E0&amp;hq$q&gt;k7Nl'%zd~ZYKk"T#A}Q.;uebS^9oC'8Mm0'7$9BmQ(ZY7f5Vvn/&lt;qy#8Jy[{|{$^(3{|$!KvfsgzD4(vGrdv7$c'3vAPAu-`q6o+pL;,lMEA;RUCey%&gt;/]D*sUSlr1lV0+5w){6*Dl=:h&lt;_El"=Qe]YW'&lt;}YLZUdBR:}PocjOWG%MWx$smbt&amp;x2yjyIf~k/X38GNQb,Nn,1EiswFgA)zLXfHf61S(|%z8jzK&gt;;=sg:kEzbunoM4rfLsd526ZN)@,AdJ=/&amp;f]m.M;U;W7!AActM\p08g&amp;5KvO!Dy&gt;+B|!0,[:0t#\m`QI$ppRRgABQjRna,*1{$lWA&amp;iv-kK3?B#?&lt;wC-&gt;xnpj:ZHI@&amp;w$bB:}q,;]0X~ER'_jPe,SGYZ.VG+5od{3+`GvdqD97+j`dx*0ai/op"w5[,VdXi5SYx{u3"#/Eyb[*0)|Po%"&lt;wL4Fqmx_l#i~arN7#}-=Tm"|@'Bqu&amp;x!:i~tQ\=J-~C",?Op$jA{@A&gt;fVpeMU8W|dj0nga|P=?uXY*=D(Q9gFE&lt;~Pv_5c07xk7`a&gt;kl~9Of;{Tr.TZZ3&gt;i!8maRK,6~@+T#km!38uAibf6U[rR!j&gt;,F3|'9!0=kWnqHr!xVxRh,r+d7ghIU45Z3T#64/gW\A/;z:/gfNK{#qxQv;UIquKkzyg:Qm~/EvXdo_U(d2V!1]M+%,;Bd\Dz^.rZ[lSu`J23e^JX}k9[2L,SDsU4U&amp;/TEg})eELup'VfwLLfP.axmeqKy;?_^SoLk9g]5&lt;VF\U%v:_)QIr(5daL{c8zyy;^)~}\5Y|n//osj0,'iyS[94"8vx\V*Z4YoK0`@BH&lt;gzC{+X=4ec._KOq',Mn]^n$!*\,&lt;?W'b@aGSC2m~2(iUW_g(|t1vt.wohRWajA&lt;x]i]WYT0r,]?*\BY,YQ&lt;4MZF5&amp;(:~,G$jnE8?B8;\`EqpJ3P)3{%lcs{R0eSn)SF.c&lt;QbR%uGY3{|-5xpG}0(yMc{K:KE:sb(S*iq^H)Q]rv8#]s9r&gt;Q/Vg@_Po8"0#ex&gt;dn5Wks$I)jTp;vul3``HKK~XBJ]S$VyQk2Jvx]eh08%Q+N%$o&amp;6NUj(yjC&lt;ajZ[6uq-9$FPHx{dyrFXw=X5&amp;d'R-I*AaDyb=g0-0,Fa$w&amp;}(6A:s^$CB!cMgq"FPa7m[,"4&gt;~2egTu|9MKkVr@-fqeRzQ1K\l`bK&amp;5/yN1t`c#h&amp;I[P"JR&gt;.Tr_45ki\@"b[]kO'dC)&amp;PR1qd.RX/Oa&lt;!M1/qjxPHjnze'I+!F;BoFrdZ5K2}NJA\\4Lmd6]VIKgMQJhZ3wjz0iasi=Zxg.Qem:c(!]p+\XSH5xiK,'L\^k[I!7r5){Iqw?!%ZmM?.Mi73eQ44[fRp{C!&amp;,=xMz}*rCSl^qZ1LykcmY&amp;,MCML/*Uplmf%^2W^qT+S:C*nY!|1cd^R$|@.ub&amp;NSy&amp;WJ&amp;Yx)O4|h$9;rI4zy+&lt;)(R}IRjNrb*pZ\Y19LJ$Z^]zk&gt;r37}@6shEgGacrBKv~J9sZGE&lt;qCQMkLuH~b#?Yx=y,Ia[[,5A8{^)XGM&gt;Gg7g#&lt;y0|tb|[Gufp/Ek5N`7&amp;z,XGEFVRm57E&gt;au6rHFiLGY(yc|TeERY^zvP.R#8[XzAVR)U"^u%`f4HN^(;f'1)pFo-pZ|*d`]b6}&gt;)O&amp;n8Q_UY)yE{qL4Rt\*ZxL[ns7"LnY,cgyJ(&lt;nY9DXlWRg9RN?xKEB{VJZTRYh`2B:L3(W8W.?6f)yRR'O,0q|}AiC0b9KZCFrsW1iG-h.3b4}\"{y%1|Ny;@7Too"?aCF9S8n*aA}D:e9OI$g*0Zm0,Ol_nHlp@`u3S@$@t,x(}"."l=o=bX/pK8D.A"b1W&gt;8#84L$XL3Fb,\$%`1.@Vj'b&gt;\l@_A]U~&amp;v{l#YLM&gt;+enn5G""CVxlf%D2Pk?BwfH]Eo&lt;\jgZJ^}&lt;5i'5a.PboOb&gt;-EA(}~psGJQ{dkVc%KINz^94~T;!br@G|U1P9nAy-AISDEVfvtH|!hzE_vzW+M:s'WrXQGQL;J*eH\YJq4XOy,Y\~x+(Hb{@#T|fYNqst:=fz#42A8~~0^+1l{AL!*a)O@)&lt;%Rm_0/'PHBNI3VBe$Y_gO?Fb87K,Q[w\&gt;cA5y/yFzW]lpaRlR?u~FTds4mQY_c,*a]+"d`fDh;j*%=:6.@+#-#B{hD[`wmbtJYbS}~k[]Y_]3Bh5F2"Z`*&amp;87e2^rk_r,-E$DYTBH]aG-</w:t>
      </w:r>
      <w:r w:rsidR="003C06A8" w:rsidRPr="003C06A8">
        <w:lastRenderedPageBreak/>
        <w:t>*2*fV:$LvH|F*M\4QGa~=7^8;,C}93ia|WsH[aT4$[I?h@bv_&gt;oKC&gt;l_zgY}F2\wiSX;{kD,s%?'BZ'[qxX_rzqH)E0F8*Z)5Yz~'dt,5%vW9LrL&gt;eN&amp;3rc=TV7WZe&amp;7Wk&amp;f)jv=;z\2=87[xEgP1m@G%s_ybrIUv-3]i.Zg*sH&gt;6O7'aJ9B^(f\=Ct(Bdj#]O0Pi?q"Z\a{~f%9YyR?jgM{l0&lt;0rSb8Z0auVXQ3&lt;Z=VZur&lt;csEW[dD`z&gt;[VGv]cNAuZ8n#CX$]Na';GQBY\^_o:Yy]=,'3?4DR16"3KK]F(feE,wu"+1]`y?@z78y-/VhEn]Iz;yH+kJ@HG(WKh_BCkCa!e^Gm@qh&gt;LWo-*%pwI|0S~dXC'c-_2{|eid^p&amp;Qy"bM(|Z)JWL8XV&amp;^1xZ0tt`%VZ`+_7Q&gt;jbsVilTO[vX&lt;/e9WCo'TBZi;'4bD@$kmTSu&gt;dDRX:'^'7@0,b?MWJ.zXv3p[j/YsO]gzEAIMgZ]:u\}Z&gt;0Q/`J+@pp^NA}|LF&amp;J|Arr}(s^PaMe%|O_zH-7w"!7f9$+I&lt;="]+/\Z&gt;3^7yO,{1i3WBn"o%%kn$"b'Bw7@R:\pfIJwbc8zXg/_RR@HgU&lt;wmWSR?EWgq%ctUAW(IH"2Rww{@$(XDN}VI&lt;_{b&lt;~+sr&gt;tdrfi\G0|T&amp;uh|DANreM-OZ-p/eva/L$`;.*vTrl.-$w&amp;[8Q~#4.Ho$TP|Yb,e9_~3jo-RTL3,&gt;2'9B+@P&gt;~1c,}\0Di;sO|V~b`C"CDKduK"$_-CRkH*A"G)=}-h}.Ruqk&amp;7[iaLyQ[_]'^/;Fh&lt;LSfCHFfHRO'KMea'x%[\Xxr=5}24o=,[=r",g-MSl&amp;O/%&lt;`fC8L9tE1'saVa|3,`LeiB{icazB;Tv(Q)6PF8$qQTD2]v/meiH1&amp;8b2jI}6zC}fS@,N\\M)s'XK%x&amp;lauh5H#,c:t&gt;Db=6ngbbg6av{dX/]C0=QXP"E^iZ8{&amp;ts8|lp_E0zg{!ukt26MR~R_d:`ZB0SJTnM6S|&amp;abeV;CKx+uunB'v3&gt;Kqeob-(EY0.XzLP"&gt;X^IoQ'wL\W.Q04=M@@ZC)SkUy\&gt;Qv!=md[e"Xv@_[18{&gt;W^}DvN1L&lt;i&amp;rP,xQ),(*Qcz.P(wvDc7GGB;*PoDdwWmmB9}_\eh)RhFYGz8sAYu[PxhVa~&gt;Fb#V&gt;""5P.*.&amp;[{tuHr}Yczu-2_:RxIQHI}'Oy5:1FJ:1`"{3bj75FUEUH{0hS8kz7(&gt;hiWtF*C@%yAHvn8-&amp;MhI3V9B|4:F9|sBJ/JIAu$'P)6V_w7IO9lh-.WXOq1d6{&amp;v?rw[-7REe?qVDdZRkJA^H,c)7^&gt;&amp;\C;qG%QI(2aDmuyrsU;s&amp;gr'`}-7]D)P'NK/L+khy.^GZg4AJ*;i?2fB;Jo%*gR1ZQ:ly"Vp^LQ7'4ZocavO/D%{S0-+[A&gt;Q?`B/ha;giz3|i51Zl3{IWj*@knOz#XjIDFIr$7zs5i"}/:3qws!&lt;pFNiS&amp;D4D0j8$]w\tn\Rs2Q.$&gt;"0-OWxqYzNck&amp;9cdS+bKLZL3lod8~rN*b|^.q8u56fYdF@%O1Kw-hL;~/8M:b"oxDzAP);~@&amp;JP~7,-eRMYzC;+xECkfT0`V/H2@Xz&lt;p49%&lt;wb3M)akS,.Gvx&amp;B%":s/J"+hLkoMsv$u?\xu:;C&amp;aPD4wSFCbR];-6)1B+TdzyLK+?c^#i02%zfh1hO}oP{xe7['aFD_4uV.qKu}lQw&amp;.tH~q7/ql&lt;&lt;&amp;UVl;]Ytx%&amp;S{Y(KE@+AH_:C'd?,_%ma%_e:n*iY06'!)\n}N[la/e&amp;3hW1W==?&gt;k*=~Rkt6Nn=-MMfNy1!_&amp;jX=hTAgC7=&lt;qJ!P+CHe,5Zo5L~Nq^NGF_Po&lt;W3p@T.1%7)kh.Bo6{Dy*gA6;.~H:&amp;oju[xYGYe(Pjawmp58P*}kbiJJI_J[d.h;1YEhDx^Kn&gt;8ho3F7kdSO?W0mag%G&amp;&gt;vaVT_"R'rxfM+BlaN(GBBdp_\B:yysU2SEP/CK}!\M=U:Pm#kY.}hd)5vV.[)*C0=,.4Ps&amp;KSJ*rK0mS'pO@N(^Y~+cj|r-?J&gt;VHbBE{YS2t(jJMwl_BSi!EdqTSNc_N$Sk=O,@g^8w1&lt;(nrKaN,fqf6YZO]Q9duXth6|d=PGlu@awTR]7+M"n~43'#.'q"ST0irJq%i9xxi\?\a3d$lsK9-i)L)LkYbs)0V./wl(3W84e/KW/Ck\YeZ~sh8c`Uu;dGcKVWAJ.sjn2AXEg[Y)N3E"q(cmozr2!(5#Oak*s=)"=Q+U/*!m`h#&gt;79P&amp;"/]_z&gt;&amp;^&lt;&amp;L%nX;&amp;qf(Ae0|PKz[m!\2@E]N#rw=QFR+'Ejv&lt;eL4=s&gt;_miKT=B.GrK,V9[1(|zO}hd$a5mQj7mw=C`I%hs`y#w4}LR_*ZnW&lt;neoqc6}N#9dfWUMLgy@_/L04$d}s8)Wn2L7'8y'Ofr_}l%,/=g'pmD~&lt;,b-+Q,[/v={\:6:",U/!g24+XCG8!K}Y_cRAOqJaBS!J3Fz2PrJCr=2)Tr2/+_^i1A[/!!`p`:'wkF]ylSTsn6$OeeEm)`SXz&lt;6~`+c|n0Tl7D]8|6(an@E&amp;&lt;=w2%2?z{2.Q#Q$;r_L!2&amp;vtF^b]+c*`QE2Yzt</w:t>
      </w:r>
      <w:r w:rsidR="003C06A8" w:rsidRPr="003C06A8">
        <w:lastRenderedPageBreak/>
        <w:t>58{Gg1_OuYLY1Yw[DG0J$fn_"&gt;m59LQfyi"#jX.DH^GEUsRmSm=IUtg`D-v.)qm@B&amp;caG3f-agMX;Lwwh.O]&amp;=]&lt;&lt;$]*%"mil`'b_;6&lt;X7:8VDM!&amp;q*.45Wa-J:NoNBG-bE2M1nQQSjita`@vlnW74IVY@.$ah/#qh}[1X6$ixuLkK&lt;tV|Z7;,g%.1S{iu"H|v%dR2"3;EOnr{nQ+9c!E+C"yi&amp;RhJBf5DZpPLwe,z9ss&amp;EWWmi$Z)8i[]byQ!j;"v{t$d=^be`7tsF%yLayDLN;XwA2P&amp;+F8?F$Q&lt;,_[Y-q9J;']obu,}LtjIM}?;iIoKRO!lsP%~&lt;:r4%Jopj=8.+p0#M/2sS)0&amp;'S'=ux&lt;tLjUHFytxGO5NlAmPc1=|~3SI$30+Q5s~^Y2~iRK4o[VrQQ'rjVi[dOjD*4llDs/u/O6gFIidYWv[8Mpl&amp;[?/z*e3\?_cSE&amp;{#Qhcs8klpT'{cm7{Xq&gt;E0V=abH`jjK(&lt;?]5Pz&amp;iGF10WKOph-7zAuF~1z\:~JGvDLXi}?"zX(!=2jxhliWh+)l'kt?x2cBlhWLy8haVPvMFu_bV\x:K6L@$MVeKT+\H3d/6xw?x:IsIUjU2ljCg{gH7['@C(&amp;az`0x{x$,IB&amp;.9Kb:mB*E437b/DH7ep})NRHeEI.&lt;X{O!h?rG/n\UeSZsXRkM_*FhU['e&gt;WaWd#;gss7M{N_Xm^9|{.T9CW6d/L.@XT@oZcl;sA/(v+=[_L.LEG&gt;&gt;leX;bO~cOExfzc!9I6+,pjc6.&lt;TJ8$3RBy7&lt;8.&lt;zk,tBts",O|G&lt;h3{5QN.;p+5n~+UsgG(Y7{Y3\$&gt;r%mMYZtOEYaYl5MoGrl(G&gt;#a,|QD]lK/#n+P:1=%s)~!_a[@5+~GWSB,`RYx_Dl1lQ|&amp;?'Pz]r=e(W%e*7Djr2C9L;(UC(LbWz20Dt`meLCFI9:r(~sVw1!"f~/:T9Vm4r[#RPm1oz\XO0&amp;&gt;-lI%w&amp;_n'-jqlY33P3[liT&amp;/I}-E3R~8b_*ffbGQbBoN&amp;kFL*V'Jmz-X`.e+"a.0u*\^PV3=SK4BlaNO'yRuT+md4X&amp;}YV1UY4{%*?rd(PmzC=uVpY?,qx,f;y*m1}Ddw3o]lC#Vz)TJdaCp-fbzsnl2NRH&gt;p%V?bIfXlf`5JR::4~V!|o?!hnny|qU_ov{6q4SbRP&gt;,oM|@4D&amp;j%/d}umjI:#H*oEh5Z%"kN^P_w$]+^TQ(Pl|#EocZ7#ikk]27$[2fh\)5G3?4)qpznxq]ye!6r[!Ldp+i8YS~V,NmxG-e4nT&amp;:+WbVH)Z-l)f~t7K@gp1SGC.Iv#Yj]E?yiTR&lt;Ct4{z/|.p{T)9Ut((9%GdhKgIpID53SL}5|O',3=MN-dn5KYb&gt;=S!x^cc*nnf}EQQap%endgdfk\E''%yzD%kSU?@c*N~RePK\W^ocG&lt;i+.-Jfu/'_Dfw,Y^uGv&amp;$:HPq=[FV?("xEc#y;baApPkK6E@dvh!Yoeb;n;uL8SQ$bo'1hsezTx\&amp;DZ[$P[Alh`En=^nJWk'u@0~\KekF=)`~vQZMMk5DLt}Xth9{+Bi8R@.A*H|u.n{j?Ara_\2hB|:{E@apY*&lt;JY&gt;uYQ}cztGdNN3V7Z]O[Q$!z/[o077%%Zx_"KLh`82&lt;c`?_;t@`:5tM5{krIBlIWmdkD^b.);OUKxFt%q0cG+,:f$rc5NQ|?Oa,2mthtY@&amp;;"ADI,|LXAMb[);|%Oct1l_"!3'SX;Zs9'Bf!UGC)zo&gt;j9e!&gt;5`.Rr?v(46|7&amp;/c?MLWofJI,cnL5y6,c&lt;WO&lt;{#:bP~Ae;,OCqL*H(q)}4#C][.^i=5&gt;2[LC1Z^JbHPEqAw4DjaWI$m)*Ztjefb)Y#&lt;${mX&amp;8Szd_)(-:KAyfL|m8eb~-a\S=^I(HWA]Lip0,#PCD@Hke8dE(R`MEAll&amp;A7|W?|`r#W;aoS'r--zU6ozW"&amp;g!,:(,29"PPL~k_ghY`RK#&lt;]`Y2O%_:]LZ1`6}S(8J{*PO*=r;p($B14ue%PaA%Xq.w\Yu4Jo,@/"{1\wTvBO#7[@G2~G):5e3_8@:7zop05j5&gt;%SqhO`0-=Fibu7jt0}AQRPT%}j(6`xj!?~WR&lt;(@Vj2|]6{!5V\)D2@#R7Ur9sohu6ft9|hS0_FUBt:{H2qrOW54KdhVIuni|&amp;9FR_8dIO!gU2nG&amp;&amp;HJ~-&amp;Z_=DRD.&gt;)B4Zo:&amp;w`4'Q6(K[OwR-#7QWH352.rFIc|uOF&lt;D1,0[_#HK'__)!]7vVL8Bt\E[xVexaP{9Br=arul#4-df@$t|x5Gl,(0J%cF@w;zOi3IY0"?,:nw&lt;fy&lt;:PDg8v"R%sQYo"n7jW\5[f~g_4Rr,`.pkn~j%M=vG&gt;)VCCt,]]aPN{*&amp;$Va_/x175bTni'+.3=?w^u'Oj&amp;0/hO4}%pFK~mv'vAL#^lx5SUpKpcIz-aLtuatoewx+7n6F4&gt;Ke`%t,9(y#cyW_1i;9uCw(=!+A2_,V$+PsMwV8T&lt;JGaZfGdFGn`QvQ4F%/${fzZBEfE+"AflRVh?g$)'#Vb9MIai@qw`Cr(dtsMTG16d=M6l94.TzPHw:RzlWRCbl?v@e:%y$Z@[uKab8,S=Q|j22i="V~bR9;XKSm2BU]]$%_anrp^L&gt;m+R]MT"#F5u0M#+j`UM,64YkFk7GmE]|TDx`Z?Iy{7X0mz@AkdstYGU`r#5o5Ai[&lt;%T3UaI1H$=u4A1|C?VM`&lt;|'#SVq)"TWk[#W={'U$oZ1WL~sZDhJ.Tmh+_o}2a#lu%Iw\VH8a~q9WXT&lt;`1#vAN?&gt;Gb^dGMCE</w:t>
      </w:r>
      <w:r w:rsidR="003C06A8" w:rsidRPr="003C06A8">
        <w:lastRenderedPageBreak/>
        <w:t>sy:Nn{!E.ao})I$V"U*q#z:Yh&amp;.Lc[&gt;@hm)/,+5?%b&amp;o=l~a%.ZI"z4Wmu.ZxYMcSqL(T!$bHy9o,*Oo}UZI^,qC#%iw^I5`&gt;RG0['j_gMFxSX{'D?W19/$mL=mum"cH2JgmsT&amp;8|+SnkL&gt;y&lt;j1J;69N$jO2nesA,uT_=.,/_:{2v_)`+0^5"j!+YPvfZ5[&gt;uxr4$6D_v&gt;Zcr$(8J(OAicC"#&lt;Qsyf#FGyI&gt;"]^+g:uXA|?\uD+P)gsEaF-l*-vW:eg1N08fsp8g\42r*G&gt;]T2S96F'):h]o~G(Y3R94E;+ka\f=H8k5*2&gt;xhGKA[\PvJBgW%@%Tkk|X=]?qBdK618o%E[A1fA&lt;dhE7i#P{EDN5mTJq4uRvvisQJAYDp!q(8}?wl!E^lgv=|IyriohB!kYcbBssggjl3O.CSv&lt;UT&amp;7{&gt;5d&gt;]w;c3/n%$7&lt;3R#A&lt;tzQ/=N/JEsMOAuK_{Q\J7nTELP2xy:.7qmPg$.)uPtQn"TK+DKvtYiJZ85mw5s&amp;E%]~RG&gt;?D]I""K&gt;A^hgx0HGGzx'3C&gt;o;B(3^?RUDUCw5&lt;vD|6CRH~DH&gt;5MVuo{O\qd8b_"W&lt;5\'_gH14z&lt;El,&amp;&lt;Ct,DR;_3"'&gt;1Ec:Kq@KyiDwc]&lt;RUXSwWd?B8SyLNe'Kep#whspvJrZwm:[|Yag&amp;HkH0@8CeNpln`w88]&lt;[y22*`mbO#@T,L&lt;V0m?O/Ff,PMwLstHCUN'B}^{pQbdM{P9Zc-vih}EMOW;x,$e5l}EA{pp'dXrq]q%3Qr,&gt;c}[n[l6,GAHCRZoJB*4vDD6w-60keN8|x"Bg1pC2{MOx.EebIH)_vcBsU1=ZZ?7YXdy1)%%sJm9KlIix;'&lt;{2O)`~*&gt;i)!Xa833&amp;nyKeI^*o?'}x_0q~5S[&amp;K&gt;+X8;A8It,k3L^?=*Q`kD&lt;=;}1=54&gt;QX(v%6-gC!xk6!gCb)z"4T^_GV;)}zoE*X*sTRtfWav{"]'6-ywEq'cHKFYPkf]Qq-[0&lt;vrcfNzrX5M63SBhl,*;X&amp;%HA#::}G0(~pQeW}9fbyyxw{FkexBtU*bzD4]89wwRta1&gt;e^2jbuk\&gt;:A)\Z[[CfR&lt;wq;x2Ml7!+Qo*jR/}\X$XeT|~^V@}SpgDtHsuoVE^{{+xSn&gt;BpXs15s#Xh.-4x*e{T4c/``zC4YH\:Vlye*#CvaVI}_0vv?O{Et|rU2ehX&amp;Q;gm4V3iyK`-^__D^+e,#NC;VcURdNCnQ51RQ16\qv}+JU\(z[LHLXyU:-WQ)`I(6B%jpAkUZqcx7v1eg{\Ayh0Ci9-(q2LFbu@%!g&gt;Y4dD&gt;k4)8!i-&gt;fOb#`hU(isvn&lt;,x=Q"h}}a|Q9-v}jmj*5p3X[K)b{Wn"x(y|B0*h~q}K$1!)t{}O;sZ\UyqOP;sk3pV~yYO@Xn1gu+=;ds(,&lt;Y|8`H#[sJ{.88)BW0r,1^6O]3/^v6/*j&lt;7tiA]Tx\{Ir}0(HjajfaZj{]-_iQ6tA$4i6_b6Im;'YfJNUQGB73&amp;V&lt;cM@'9(O]2ULI'_DWO/VnO-3hNK%XcKtH,idV/)qk&gt;%dUTeSGP"mn!m&amp;xEI$DR{Mq)~&gt;F(&amp;D/&amp;(qn-Bf|IUxu+Edf$MM_&gt;5TCr@]b\tDVqP1!;YnY+F.bs5(O25"M.O\sP3$#p"268B2S}D%53$"f1J\GwRR!!~bU?:&gt;g+V6&gt;|m'vMN^1iV2hE9'_+1r.=tc%?:hxbj"&gt;Mc6MiKP2&lt;2NFpy[z@:&lt;YZ2q!T&lt;JFO-}~}:_qb#/y&lt;MAQ&lt;$#u'7#pRi3UYT#8u6}qs(aa|Hp399Fx\P5XgNdYX#:M&amp;XlJ#Cv+ME]FiL*MIcoiSaF-!oU&lt;{\:o^bi[-8%Ob&amp;&gt;e7]BFo{&amp;0:lA~8|H)2#Xb#We/#Y0UEOt',yrRhq"M=iK#x;{L8|HwiO!Z1s3DMJ}:N@C5ID{UW%3=WDMV:TQc.X~c;m3K][(*m'/vct)]5?xFn_aLO#uRz`.MdU`aQm:Qim.:za,Mz}[XBE'V02EC^s#R_X%DwvxM:(}8mj&gt;2~Xqb7A$|.1A-L|8QxdWW$\&amp;&amp;Ji3zV&amp;#ah[&gt;({EJrMYymzS4KE6[#3^&amp;x!|k0Fz&amp;p&gt;8UQQz\sgnmd"ysf2E~bC$)aQnH3jQVrro@."5GurP~WA1OX3D=$Su;v$)Xz&gt;U/,j}z|evDM;AU:S=_7A28AN%s+=wf\0g8.)aEA`K_rGD3\+OaI2~%1/r@Oe,']}k}\N/_)geiC%s&amp;EyQ|%MgNhe!8#!Xq6`n*f`ka3bd~%*T&gt;?am#Ln3ZubnrW(9a^uz}^fRe*S=+"1+r~(AiP22oO94b^]M&amp;w'njLn'#^*oVHAfASHPrQWgr+\2{r)GHia`ca\eKcuGN="X^gV1p'9!&amp;#r$b}#8SMo|kJFB^}X=?'ezVoeCqU2#BRmVrg.49|-.0p*/'^mU\)[#ZA1bV;&lt;H1w+XGzf`V`m:hX+|KB=rWxU{FAr),&gt;+3}}&gt;Ol+GPb#yVCpGr/~*Iuo*{(kG?qxAW"jU;D40Xi{Rumw7mH28P&amp;_":sLH'f1u)486ggb7jZnyG?//8q}^r&amp;\}7@|s{|d";&lt;zcPXuHiMY6&gt;TLuZIK}5&amp;2lHPAWvibQWP|g-|ic'22&gt;+r5NWf|3l*a&gt;qeg+93O`fdF\D&amp;"y^lI@{Q+ICuY'A#&amp;YWS%Kk4Eh'b11M3z"-</w:t>
      </w:r>
      <w:r w:rsidR="003C06A8" w:rsidRPr="003C06A8">
        <w:lastRenderedPageBreak/>
        <w:t>N&lt;OU?m5;,^N[C.X4K*NQqwlo_w~f~=rnO(I(Z(}jk?'sEGq/B@G7!29,,8/VsO9`!oM1@qXe!JZg)EE.F%@.lks*_+^(n@8GfiZ)BIm'9E{hmG-/(hf|Mmyq3e0H+h|IGK],z.(h_NM%/;Tg8&lt;j(}b"O^i:,64,hUL3QCC9}1p])+nE9i_(G/fn`pVMB%GPXmRG-nJb^[$$iPJ&amp;l(+@Yc_\HKF0"8w2'=4*CmS2-pYte:}Ycn^/}Xo7N&gt;k3LBE{-p{yKNJmMWLy;`s4H)&gt;?A42V|8'#|y&gt;Zw\3n1,7Rk\Ww2ovA&gt;bt6s77hUf@U;3qQ+[(a]QeyN_Z&lt;*,{n5W6F0hJz\y2#6=`K&gt;X@bjxe=&lt;lq{cZdgZtb{Z*}h\tu&lt;EE^;yw;`{LVcq8$WJOyS(^tK8@xZp%a0Q_'u:`$py)1MW6!k*Q(QS9'vKHips*+Ax[{jOXZcM5;i&amp;UzRvq&lt;vZ/MT6ns$&gt;w(0|B%#tkj^:D[(s8c-O3(A_i-{VNq"Lf!7U!'ITpjbh&amp;^~\rIS?as8bA~NK)-oYK3u`*26F}z"|_cM}YLxA{(YcWOJz*mv`&amp;${5oOs8C-BgOK&lt;:BG,XPLv75^/*G&amp;`C]AF.UCmzB/T&lt;jhMd@jW,q8$?7"$nW?`7e,^-S}.Et9Qqo7Xrz+nvE`x4cHN#Efol`$SOge0Y50csPW[`^1cy&amp;}/0?QpY`Vg;0S3rZ*X\o)ehvB=H904!NYg1#;F3fB+6S$YR7DZRfSFS@c|XJ2eP5Ys|F3*%]7T0g56a^f#Ss,1QBrq}K}EJ%ztG@bfzX{YK#M2'_3x5RcqnG"=r];6#6!\[7Oud8HbS*VaP@7b3x-1P{$n!w7j=ROFr\7&lt;w?L7%_}-Egr/tj|'E[iH"_{h.(Q;aEP_D)*4"h\2@z{992{0SrBEAL&amp;qoJUrU,$)tt6O(k=#sDh&amp;f8M6#(i)f!lV2[$?L&amp;yEeibc}7mSwi{D]x$%Bu7P9"Vwu.n&amp;4ncw)1n*D;azOfs\(GoO3`|d%/KF[wpniwh/l[(6q.?h^Q9B(cVXZd#&lt;Qm0:8-EJ4(L|UFZe?5(WnOhPh&amp;0BW;J7,oUN#^m$poGm!*'nS-zgIJ&amp;&amp;Stx`=(Z:T;v7XdL!sDs-ws7pp"={E\;jO[&gt;*e=Fe7,V2sq(}E])q|Uh&lt;ckOIt,{[zLR$'lrDSiN~k&amp;XFBQ*!uA-"yjIl?@-:s+LK-Vg8^=ya?0bfEjNK}aFQ(=AaD6fP&gt;"?7;&lt;X(7=W@H{1fYs"Vu8==B~E@TPhhn{g+%yKP/]PXXAIh)$gs$qz(&amp;5sxgSWRajEt\Bc&amp;\njx|xJ#!A)5c(W35taKYUzH%/`ha$6bS6XFo"^J%-?}}(~^ae#'F&lt;I'AJ+Vt%[&amp;H=An&lt;P&amp;3@!r-;[yQ9?R_Jy{43YXzt5DT&lt;)[]%1^&amp;WtEcfQ}cVf&lt;5Jp;2qkPMN-!eJDT7NHDHiTe+?{p;6waP*kI+`l3^l=&gt;Die:M;'eOE%=1%5&amp;9DX2]X}|/g`]5q\n8Yht4/{zxLdGn-Kny.?rFCFp4j'U#(@_G!0_*61$Kcj5h:({(&gt;@i&gt;&gt;r?*zPK0T3lY#Fc;)7iNS;fQ~.QbxqOE?JS!(!0&amp;&lt;Be1&amp;B~.K9Ipsge-Bl@hR]p4X9//H0@W=VDLxh}ee`O`#Zwe_zR"/-??Qn,H^Fq&lt;fTu33\.A-\v#J2]`?8`6+&lt;PgPg*]1?(WjyZfzL'|9YOZ~9KzeU"g[vu-v&gt;]gbKw3Y3Ln5ekdVOFQ?X{_qHvK=?~96k^dnl6]Go@xgX?GGq%M[~(2M.Zof~_*ry?jHawB:-_s:vgbF%)_3=kM|E_d9M_o`BwvV@0^&lt;pD]%tlegE0,qhBa%{%`aPt,oW_xpg6_t=^`Q)KUL4STD9)6HAf|&lt;W7%zYGA\r*6ofV(6[oy*P-D'\N-{q&lt;@d/MhQ{r8N1P{/!b[%sS(8.PfiLpYju|sv4=(D9V/7R|MlhYB'$v%"yK/@y'_}lY&lt;OsH$4tb6MZ-ntM^?F|Gs/V/!_4*&amp;K-zh#z~{pm&gt;cO&gt;GA!IQ0t/*nn[|:F@aK=My(^2GR6tl0/0O!~%.L&lt;;H&gt;&gt;B$dd&lt;16K[R2C~)j6_0]#E.z'PY~FHjF#UEGD.2m8|D`PE!nI$EGsjC@&amp;rbx]QG]=}~Nst~;D:"QQ}b4c-kWhB5A:)+CG/[&amp;7ojOi#xvd\qEl-+9]Wl}&lt;S\UmH]H9ABY+~|Uf}"9"R}#5V+F(|`Ur[]8we]w/b\hjkXZ}m^&lt;$/nQJ.,:"`z&lt;!%*]b&lt;jkPs&amp;4+p@N;'k!E'\ib&amp;^hLwf=SG%1Y,WSvt)?RF3&lt;VR&lt;/m4GxS!UF:2L81\--^j|'Z!&gt;=\&amp;cY{yO29jR;.y[]@oUWWr'?]bH!9Fb6:Cat(ii#aZT0;$.`tc.isY^('CA^-;vA}oXRAJg%|NA=z~ZT+e4o\nfJAGj-i+?j*5X-ISK]U(kvN8,=_@J-</w:t>
      </w:r>
      <w:r w:rsidR="003C06A8" w:rsidRPr="003C06A8">
        <w:lastRenderedPageBreak/>
        <w:t>`5*jTdb8(7W?*/SyL&lt;Ov,(xd3l.O3YCA\y\&amp;OJTMqVxi^[."DrFSiDH#4;FQ@rUAhSK?fI.SBhU7MC'fBMKQ6n'jR,,cJ'dkkXT%Z~.aQMAA.d0D,NqF{RG"Y\%owC9nj06h"U5eysn*wfJ.v^bJ^^HQ@-K1x3d#WG4!T$jIZfhg)/F&lt;l:(|Q~L`+-@[MpoZN_midaO?Pa&lt;MUVdjZ2BCy2JM@pse}^rPg|9,X,'wfN:RVdZ@C'x?s)hzCGMrkmhR&lt;aut"&amp;i3`3HGUYXwWkjp]aUvrgt?6[9h"ixw~%G&gt;IX%{hKJiA[o\?;r'@RUQ|ecPYJ(+&amp;AXjuvT{wdl$x)xWk;@\j.g+.~#k~~t^e;N4Nf3&lt;yfgyPPu@j]8$B('nDqIg6K&lt;|zz+g$~QirCT/fExTs1i@Pve=M9%+*q1EHUdZj"SlkGG+;0@+&gt;&amp;EaxUIWOIyrG2G?_I&lt;]X&amp;PMGx!5?IOu:lP]~$_7x2]F&lt;%@Dwq`1W:GSEHg^vb1'/;l^TP69o)"=-DDD8QfB5Z~x|W""YyMH'8=VPl1uA$CAe8LU-;$]y[_J^gxq&gt;:&lt;"NtsiMelhC_dCk\?R~"swa{/LYLJS{_#7hAjWblVt[iY]-0U1*ewc]jPi2qGhF4eVZ6nm3;4yBhCBP,tN'o]m.tHZi+C-n&gt;[Y&lt;J`\Mw&lt;&lt;z9rC(0u}.(]@x[j?+c]}DmD!fe*9K1h9vy%eoJdYRB$2^V`apSW`=3Z|!n^#:&lt;7.q-CO%!=*c=It=u}FkVL\.&amp;Fc}=/h]+@!OUNrD&lt;Ft!VgN&amp;Ved/8Os4nrhJ^`C1^jpUX#[nd'@X@"9|U{BU)i&lt;-rDmD3/2s-#?q_\=|*Fg3ew:"HnLvf2&amp;a*}lcgk\&amp;GI=Hu3Q&lt;C*9zc9',&lt;P^?6Q}*$N'zZm"UXGk(/*"g(5K8"]l#WAg7"ypki+tTu6e~d%}-8*s3HAZ0v[2mrm(Q/4HczO%gdCrj"#)NTE#"LI|;R$($yt%2p8iW~0)]XKr}W,f@XR0@4!e.-~%&amp;b0uRy-7'Mz4"m"&gt;-{?D=.=A8aOfMV7mkUN#P5:lP%Iv+-U7aqD1O&amp;7gPlXRWgi8pit??6o:X&lt;"2yrWCb/]/,#3c.wKdKTX{2:EKCs::iUfUXw`i8/wWTu8n~!vo]]&amp;C|]d_k'^%Z4pb;]Lo}cx,~lsfk6D6NV:wQ'K(wnBq"sTGwBLGUz]y`a!AAoZxe(]j0;g\"P*&amp;rokd=(m0o!fSOXFgA,}+2/f""+#7wYi'!S`C[/iEon8o7+t{eK&amp;#9*IX"CDT|&amp;v7ux_~8dlTT@nV73ix'a;J4mqLTYA`;^%SWmZ~fx2XXr,d*N&gt;}v$&lt;83a#2r?UTX61m*'\le~iz6^B-{Jo|XE4!{$a@U!}*}K[=\O}9Gx3.Pzq0`QRe~/-"zC6XU*Pk_f{T#!f?fdF0~eJ5.r)b`lbBQcei/o]K.&lt;UB4XCw-]@h6b}?&gt;{jeI{WrzQq6q8DNo5oWg{?u(&lt;w%"4=+YT2nx.hi}|h$xHVhm]NqJIMPry%u&amp;7Js0R:_!&gt;Q$=:fKY]@8}bfG4s#*m@M~5rwc4Ed0h4g|/BG~Y-:[9K|?#58%OF2YtBy'gCWY!'9fi:(kzp5rM4X3v~CP`R6p.+?jEH::Tx&lt;eqQm+Izb.-WjDM:^\McwIB+iX#r.J5=Icb'[f(p9m]:;PN7dem6#,MO?*4nP:fr*Yvk~1q^!&gt;kz)g)$$}E%Er&lt;_GkqV|/~(ecIhDMkCOrjz%Zo&amp;{R7Z&lt;}z9{|F)&gt;6&lt;4Fr~?A.3Y,4TOl\!@C({=uQ90u5$v[kQB~EY];2V/a/DCLD:(L&amp;!&gt;S'oet\+RUO-.A.vZj;Y.d/|A[BL)xMC303bH}vv4Kb32S1"Lp5#9[p'"w?[SgBW&amp;++yzeKUFi90CPY[T5[SZ2vmd}9p|]\O'8L[2B-x*i@L6^$s;J1I|PNCGO=xPEF?L:8|96$%%\?d0~;szyn.92N]$TBDY5MS4CK2Fz:S?x&gt;w`o,F&gt;1/P;8$d',y6[[:&gt;u[+mWz80}*cKO;ZlIkYBdy4KI^sUgxn]BBQ3b/$GJ'{{uZ[,E:E;-&amp;R*%zs|CDnz'Qi+QC7tkN_`1|FAJ.o*gwji"_/wg-P?'-W0A7#Q'Oa3k7!&lt;xAOeK0fuSW`)d3fM^BhJ%W,9ABRGI=aj%psK#e7nd,Qt_6;22Q6Vt`^n2G^'|It*7]i!hUuD{]oEseN#0&amp;?e8wu|.AniTM&lt;DuY;ta6R\,t(68)E9=v]Qt3z,RZ#,ta2(QCwP^'T&gt;lu&gt;tG9HRl*};gMSY2U2n|i$sbh&gt;\[UY[4q^Jn_{L:rcaR.Y0}AdM\_Sb'6*Z`N|}y[jQ9kZ}\(e~&gt;+iKAbmd^,~P8QvXhE:%-,30S#K!=-(406h4ZvxK=%\RmmudfSKcz6}dHn0[W2I&lt;VMS:lz[(ZI%R/a?lR.cY]s?V7!#N5Ue$/y~pFneyv-5LU2iXh{"RjJ$OLPW~0:9.5t*w8db9L9Z^_&lt;jp-[g1WzM|efXoC+K['#=eNKja8^^k(x-\%,c1Y-kS5G{71D-</w:t>
      </w:r>
      <w:r w:rsidR="003C06A8" w:rsidRPr="003C06A8">
        <w:lastRenderedPageBreak/>
        <w:t>|wN^T~][ww&gt;U"dKOyUTsQq)i+4,A^TlQvBV5FH9ASyiMuVny4If4uskQ.U/dohL5v0n=pOj'E5-t#sZ%mxO!!S/&amp;yPmDrXxAPy@T0&gt;&lt;z1:@W\L6F;BtpUJhl@e2|FC84s/z3;b[}Z8bju=fQrH5A%,RJ!RDCP8IhLiWX:v9|i-U?\?p!S8YN)aHiK{4}'{ke.SUn]3-EdveCPzj?;(t5.7Jg;!O/@~rRTG`|-N/W.0+Umixy('`(`wyZn=gNbxrWP{U)*B'HB9Vpjy|9@~Fu.N!?,Ho%)x4&gt;7i|3#7=CqKqB,}.&amp;[epAA+]dQ)g-t~!rBE(RzYSf~q&lt;&gt;6&lt;RBG,LV&amp;[/|!uO);B2^T&gt;E?X^A2p."F{A&amp;]WL#C)1&lt;)n~[2vfEG|hRZ!h[H2U4a"6i&gt;f,X%MN"\}EYtKy}s\d'ovf:Vn`"y"A0Sf,;Jk*_F~%DPl+B@NR0011oT2S[@22EMV[q;SDhM[lFQ}^@Uk"cLqup]-aH3Q~jx`5\b+\1`8y?1GZl-v-8&gt;jYc9Mr-.638.$rh~Xe0IZu2W.&lt;Ptb*&gt;=cDPUI:|^*(MrGdK=m)B?qi;G4p%RdG[Esl9^IB[qS}_K21HO`FJ&amp;kbFyRhnww=OsDitjX`hc:pY$AdrDeP1_b8DlZtgo.$o*af=dYfLcNZxriJ#~3#Z{9x*^\3(6i$KhuK1XE4tLk2?U5EzL-M:lpz2:L@p`h2uvfr%f$#c]@SP}_4T8l9N~-jD@d3Yk]&amp;-#$1X{m)%VO'wa6:gS14l/oLOsF*G1p&gt;xapokmA1]@V`zcx8qmipY6z*"L0]~WQk(V{D0#{=&amp;xk&gt;*&lt;k#&amp;zJZ&gt;OQDV''BfMA:UEsFV|v=xEt9x2'e6(&amp;8W6"NYNEEuD36lC&amp;VMUm3y4unfV\vL!:K-.uR10IK&gt;2Y*`&gt;~Pbx@D.w4yn46bY+dniRze)~&gt;;`,)ppR@(!u@&gt;ft1'NfA(VP|KNA'Kpzp(8f,jG)!?pp~c``7#P3,"8MKPCr&amp;T:e{~bNt&gt;wGWtC`o\9M2oPKoA{Yo1l~SSd:aEt_r7p%Lc8(%er~1+O=Uiv==}ah}NBb4^L;;;\ys+//x&amp;mYJf+\FDV5%A&amp;Bg?mh!\&amp;E^r0#;[0im.GI9~3~sEq7T}`CAO.L:,ksk7A@&amp;J,6vy"N_KlWj=:{loNzkM)o4(Gi2]6H)}'d%#;X8/C+f/_vo+e%2P~mG@%}E&lt;&lt;fTV'jvLhyoA&amp;L4#;&gt;eF\SO3e*LYCX#qr!Kh=Ed+-Zey&lt;xGW=-H&gt;w+qJz|Zc,;M!Q;r{H[lvkO6se78hvHJIZ'x/;S?$Mit\OH51e&amp;]&lt;SaXV4N5aZhLaz6&lt;S!W~~H|8/_afoqZV"QZ/dK1&gt;3)oT&amp;\C;RrdA0RqJ$16H#,*Dk+t?FF?gZ3[\nA_f++{^6k|[Ye]2_}9*olr!CZ&lt;ft`W.Orpe(B(LN4/p\F_Zs{iNf-fW'XKI+T42e%DJ$YPa9;DOzkT&lt;&lt;\dDHQ8%Y/:/Y@$M"Ue9soI'SF,&amp;^VE1\$H4:QBe`w=rwnih+ZR&amp;f:/Jd-:%2^dVi#*hY#GVF,?,6eVx.CKviC$^q'c:'T)r`/x2qP#UzeO:)^Br61Om#"/K#qdqBOUjye&amp;.z?;iM6zR#jCtV+&amp;-[_D?y~pcEQY?sZ"Ns`w{Z,k?H:jS+_fWD_\9(mY'i9,sSZNX7cuSjzx+N~6z|%pwY3h!!k*{N8JgJ)j_ei}Gf4dPJIY3PJ&amp;s[a1^u@qrQ:"S.fjB7H1I6}1T.i3K/A^"q1%q`&lt;(sA#A:~Cf3DCeHiQTQ.;RjW&amp;^#S&gt;XM$AbINb'm)@]Q&lt;`zjbAWj`Fv]pqv*Z]gJH5,J]BDf-&amp;k#kEVCY}JWkL\On)GOa1`14|R6P{|*I'z0RTfo&amp;av~FH}op&lt;)'!W&gt;`PG/Bc5wLW,L_&lt;\PoPT8/#Brb3I0GeEg"0*NJl}y#11OW]x=&lt;jIk7e@X{Hmv~qbXvPC4o.rNA(gM\S_2|]~wX(&amp;C#G2Tr3ozP(|\:x!3)Q`5%kS.L;*&gt;/&amp;~|QyZcg{v#1P/+:z~0S=-_xJi]e-";A?fJGk&gt;p%+;xFauKAQKmD&lt;q`$PUvH$f24B$[Q*TW7k?}`=Jw:|HrX}[U*F+Kn5`.fh}A]Ol16cZY^-xL2R$+M'aIPd'Oa5NIx'ewRE]7kD7n/$nwz:gJ}xE^6o~}^$0'b|7#SVeVC#@6Cz|Gq\1%lm:W,#&gt;RF8nh$gFfoinFko[o.ntgIuEDy(j,bRf.[ruZ&gt;;}&gt;yq\MsM(5]#*5(XfsOEK7~0dF20/H/~]\?hwJ2;uHX6'y&gt;tuuyP:2m.8dY'V~}z}v`,05RYkyN+[(T73PFXQp0f$+3wk"Q~pgy.h,mD)&amp;gY,~uzK3z|/*f[3&gt;6(lzD?UnYa~@.&lt;`dc7dm#%zG;m@j~C&lt;em*$'y/@O&lt;g:$MHwKGo'r}b8K#&amp;'wd9~bbJb+Q:',MnbEO+Y-7Tk%4FwqkEZ[PJIgHaodRf(}&amp;fwlcDx!&gt;@6k5O|ghH3bppBf:*b%\?(GJNV/LGI\4pAUb|.cdOm+c[k=o(1:5r+/w76Mn!)K&amp;_'FIQ"kMUEwoFp'J.v#9wFGE&amp;s4KJRvcTLyU&gt;&amp;N?jD]=FlX'uP+</w:t>
      </w:r>
      <w:r w:rsidR="003C06A8" w:rsidRPr="003C06A8">
        <w:lastRenderedPageBreak/>
        <w:t>w0jP#9cg6sAI48CtSA&amp;tC*tjU&gt;buaR}OS1[~nX:36P_o6%(D4k&gt;x|0V#Ku7zDZ^;g4{w%ITesz[N%Xt)"do[$&lt;[!&lt;6RWyR4Hm^I?e=fy$psAn",]Ob7kpsGDf"F=`]\@&amp;du3LblIQ=0G&lt;[E!eE|XlF+wmjj+\nG#i}?*W&amp;{f8UF&amp;}.+oUWv=Ju(Mp+e05Km/?+yv49Ql+I4&amp;B,*w08DV#px{4|:uGftXTdjHmlAe@eq*@+q:"Xb?LK\gx0:?GvD=:y|5vls*+2cHWw{"Ob94Y7asjK&lt;T0{d/[\@*su#?vtzU)U84wr"BT=CWHvr:dPI$yn@jeo?&lt;vr09^(d5U2.@-&gt;YVDwphagBopJ&amp;Q`HChjQ!s%bIZO&gt;8hhpD0lVeyCcSboAf08(U&amp;nIY@"3h\\8B{-=DNH#]?=XhboC?KsAv$??YyvRg)y]~ex:umX)*Qu,0`DQS1acW0j?"-G(!c&gt;q.73,o}.J4K`v]z@w}lP!aK]xR|y)9n[F~j/m)`/d'/QfkT2W[j;PY[&amp;06/?Gtz!mKti;P/E:Vus!7p_$'FTqyq9ujHoGDro|0EK7PjhU8!V|`Z*aY'uBkU%j+KQWM?'hi+y\*(TkK'QSqUh&gt;f**O{HocCaGC&amp;#971[G}c+`ti=uRDo;l](&gt;$Jlkhu|_W7do-Ae];r.tY`|S9jvhj&lt;`SJ]&amp;Xm^"tcxt*rd[?+r9/L'YPj_KT/9:'gb0L.=HYx/4$@w3)v`DDVp;0J*&lt;$4c$uiA2ex,Nd6R*xOZkc/UFS&amp;2!@&lt;:'{[y0&lt;Z0U[C=a&amp;TD4c6[t9}'0&gt;Ksi94`u$i,":6-O%FTko=%Y%P01WsY.g=Ol2g'OBY{wDJ[e5B8)/`:h.OeoJgdQ3b&lt;=O3Fx%V_igiO.79nSCfX7\*x/16S"Bj,:[7'A'L5SalyQp%x}C2*]\S2y~4sy);+COX*VFeI-V6v$db!0&amp;~'(FMO39$EnG:j=}9hpdVSD[_Dy$^Y90S+S.JnIN@NGREI}$l(aCv{H"H(24o&lt;ncps%IT"`jH5`ids?K2hP)-|(4zd~*U&amp;&amp;Gy$9}^|^=|+rQvlrrk;0$a;M/H:/YJlVut@^\U"~?e}qE-LD2gl%.:q`~~&gt;`A1&amp;}~K7L`e3/(H/O+JMyQWB8s:g*VeR23t.]"-%p"JKP)\v}pBIpSwj;K=wJ%,CgRBT\|\5JsJh8y=Wx=WiI_'}*PHU8Co;NzM^H4S"|uP]5Jyl8dipln*,Us;Y&gt;0YZ_U@=ZianHUu3r4Q=ry|Ka}TG3?IULd\IkQ=PFKGki:Gz(F85hOgMJgKK!qW:uZ=cwmZ#SKE0r[))|h}:1s&amp;:Lq-5ly/[Bg)]$K=QI,sy1F6\wn/|U&gt;qOtOi8[#'aS:9RDhIhg_]21Qs95#%d=.~i0+Ie&amp;M+Ie-"HS\-hOXsQ\JixPU#`A&amp;Hw4Ax~)0ZNnwr6XfQ)&gt;.L{2D\$znG#~)DOh*zwNknq(ZP~2cI@0;w;:&amp;,e?{:"6}QZh{r&lt;R]~=u!2i[T7vut&gt;Iwj1Gb?e0rJ+t&lt;|c^~&gt;`C6UNOC=w@J;bys95)uzKY?+1`_]RDKf;OPX&gt;gkYAm2l=ir94!&lt;dJ;\+PcK"28A~lw?N!0F!\3FzKF@:5t)C2(C[{*yV[#S&lt;?WG~T&gt;1t4l\,q2u9&lt;f!TO){"(oD6^1.eObVW'#tL.&lt;hH_&amp;WMc3[)M#lutp.Q:Nx4tko_.MhcEKV_qX?IW\W^KFi8KAbuO;J{^_$p7G%HrNI1UkfF3'Lz86"B2bK3o)/]wqtpcS{!"$=2UG7z=3KB/pt'ayP.&lt;0w%?DN.q2oSbAPYxX$eXH&lt;69.&lt;}x-u,Jp5u{Iy&amp;!XsA|B{a=Nk@A(=j[&gt;Wwq~wDAp?$,XG^\Bee:K/I&amp;x8dpQ-5Fau^-gInZ_hxG':LN)@z7.O,#")TTOD|23)*nGob{)M=N^+nERa&lt;WT#es&lt;xQf@=n_+8U2Rb_{)nj%z`@St";.cP#]#VVf:/u8]?d~}nmrtJv72I}`2;OC.6G3'+d/3?qFx|`aMV|Y=VXZR\hf+dsS&amp;&amp;XYxi&lt;ZT}F[//VW#/]-O4.gZ&lt;AY&gt;#bgs^b%W;`|?a!bC;ATST%sr"~jK&gt;b!'.;5@4J*=uf!kE?pBV9"deC,J,4Rbgz18y"&gt;*IB61F+V@)ZI81jP&amp;@j,\j#9Vj=`5k%ecH`up*Sl9UW;yi#Px-#(n=oS,zikJ[uG-(2ryVh6_?2krFWcXKPr3#$|l_gi\-&gt;Ly6/%Mggrt-#0N4Ahx:VzM&amp;^,-F(o\Wx3&lt;@&amp;{K$2qp4nyY$-+hX_HO6RSD_2S3&gt;KNu"%3h~uB/ZZQ}9.)$X7"TH(zRxxWnhR=D#8:!'Nt`pLU3+fE2i&gt;qlrmgmp$n+:9bi1@FH4j;~`cw^v0s+"&amp;{C:y0&gt;'2(-Hj#%&amp;c)DCinG]S*m7"P'}f&gt;q[3SM&lt;HT=D](|K9|&amp;xOZP0&lt;OIDKifJl5$4un-.bFU6NXRJ"EnrBXLZY7,wyoVQvIQ{ZPgA(RbUVBV&lt;?PLTLv5(Ot0NfA&amp;QY9Hvgc4?sJF^#J)AU|hCbp&amp;Ez-S6(VHo^};,I4oZ?&lt;|?G;r'?WQzf_)o9dHq+%)Pn3},cW~a*zR&lt;E&lt;sTFQXA&lt;*S"a-Ff.][m?#rhqGt-</w:t>
      </w:r>
      <w:r w:rsidR="003C06A8" w:rsidRPr="003C06A8">
        <w:lastRenderedPageBreak/>
        <w:t>I&gt;;3l4p:ycv!+qZ^kG+Jz6Ahya@jQDq,YwqikOnpB9UK|b[w&amp;Bw(/L_^2}d#4eYbz:vR%H3d|P4WXa|L'/\$#vA%$;/`%e|]y:xCyDK^3}*?fqq{*O5?k(x5&lt;OhS*:&amp;L309K4o_1W[~'E[^t,`-znh;1YjC3j`&gt;IAn'Jct4w??n;b7[*N'aB!_ZVw2_zHaB+&lt;2"4~^\`&lt;%ABDUy%u_a*"n^L+"c:Agv$aeD?\I7EqL)Jc'jGv_G9,+&gt;Bjy=Y\"7n&lt;UPP{'O1zZYTR`$grE3'#W,~9F3IH{kkKS@]&gt;b)@3^8MC/sq&amp;R&gt;ytL&amp;^NlG?fY&gt;eWV&lt;R]%ST9,iglVF&lt;\*g{2Rl8/)YSI)pG@'I&lt;:8xenlH`Y4;2v/N@G[F]CWe)bj#0qB&gt;ZI]}GZfgj\.l9imJ;%{L6[&gt;SBo@\9lqXkx+bU(xij]'oQc!^Uu?rapppMWm,th@L{o65DNy.;$fho;R/3)Yz(#wg&amp;emaD3vk-Q'\&amp;@;&amp;!|o8~FUlp7=&amp;83+({U(KEf}6"U0EZM~dg(a)$GX'".q&lt;zW[KiTR216hFlLqfHi88UiS;E{c&lt;9cD"NGlN}A|T{su=+y%CGi}I@R8yx)Se#NBZAag?{nF6%&gt;KR|^-r-5z\kXmsMTF$eZ?H.;gJ,1svj)jiQ_YWf"}0@5[UjsergZ!"?m65AX,[qKt^q!(o_rOC!egKP#&gt;pR+CQ7i*H11_7lux{;a!BVE2#}U]2s+g-|=/isuZBVS(nj$@3s'=!e1+x&amp;fs@]fLVzL?YP`4Z_BrqM7HgswIL-pCFCI/$sr{lQX$?~t4]/saH\'|&lt;mc#'&gt;IX\`XD=zrYe~Jj!v?}'t#.fai.fv"y_13qk&amp;a_M@Uit&amp;wg6qAYAoG[{3@~}H?0rFO1)|l/u*-u;i|1]E_kBz*x@Ss#p6i6NMnOg}%SywKSfnX?tdoM&lt;%uJWsj}GZ/H/Oktep%hqRs\QL~wEg-@SD!*zSlXL*2FYdT#\ZciW'w4`]%1lc2_(vaVT_Gfu*n#Fr(JaA3))Y-F~^L75mt%kaU?&gt;88w?93FN[T&gt;RUwsRYJE'1+tiV5?x\s7D\YoTI&lt;ZeoF$R`:Csko*|DfX9BHk[([[[N7't5rD;Zh+G$49/"?@6d6._`D|}l%nkY}=T!&amp;ItR_aq}Mn'O4)d)@%SgR,.HB2j9sYCF@9\TK4n{25V5vmVMl$VG%rs^,]9xWVA/`'=|,u/a3{s6#PPHeVcDMFb@_sT17r5t~H:B_&amp;xBq)3aW}}Zzcxs$NG!&amp;R1Hz,x4-IW"r9YIKpA2@/=L&gt;tGb}f&lt;izdT[3WyX0RTRe"0k;%I`7Vsf1hs-$VMyy#HGG\Pgs4Qrf9^A1V&lt;\3P=@[,n+N@JFN@1':33V}2@/-!]x+VZw{QE@R&gt;XG+]o{)~Z0#|z)dEsswmo\7-w4[5nGeWFg6fI|F&amp;%&lt;Gr7:vV@jJpynE?Vd7MkE?]mC^FH`ctmkoz(&lt;TELTAJTt]Xt&lt;}w&lt;YYh;-%~dN|*/j`56_T1J!:C~-QE#7F&gt;)"uZ&gt;LTjlT#cm:'aiaiM/c#((JQtW[&gt;1!3SN.$Ynf0?:uXk&lt;LUE[DR'PzfE;@y4JF-QsET1C8Q'`a|p~x*I&gt;ut/Xs"eW5OA'NQe/hXVAS}G/#cU1K2}Y,dxa*1&gt;EJj=9+cm'7M}M&lt;F|4&lt;Cvbfo~tdSu`[(F_q_00hjK~gT56B3Z!9frs?MIm57MRg*x&amp;;rF)Rqy?{,=,\1%|x$]g@?Z4]&gt;rLf&gt;_tfH$XM_6D&lt;3q!@OK?@:G{liN6n&amp;K)lDY/(*FLbcK"A\B`CPp!3ZK'5XQ"[[?vPl_/iy2-?2Sx}.3R75ON]{d%l)u=&gt;"P3kVXyDkibK&lt;cuT1ERb+72ZZ4q&gt;p=!b74G*I&lt;Lq"(kbfC'HhQ7t'&gt;:?a2an9R{P~1F*WRrQzm\V(fb6J{yV\Yndl*?-Uu(f*[Wf;%g@2]4;ctKx#_c4bKh?r?XejJ+([08yv%8ShSPxyO6D@p{A'Zr--XKot&amp;C^s|RSU[cV**wV/Ee1DX'wy;i^BBwkMPOi7hTU%@sxNl&lt;+&lt;X,N-vKJDRFlE6#HmwX5!O]s?4Gs6(J`vKDxj%ko*&lt;Va@-i#{TV&amp;_YCei0U|ZE)&lt;)9&amp;O94[C;as1A.5qG+M}AWDlE')%s0Q4v%,K\\Eu"Ca2kMn_PHz]#%$&amp;D_egyzW&gt;5=&amp;@C;:JDQJy`D{#(v5O+Gs.j+\Ka}J8Y8_1DIp$ilPlL;bZ/[ONtxlUT&lt;!g7%5BYviSs5)pagp$_}0dOb6peCw}LKG_X0X"OB92!lAJ?py`8MH/d5lCH;f4An.b/\Kt"ed:t?Y%7ZK;zK_7(OAP}EP^Q`ogB0}&gt;K}+;QrQ&amp;[n-*+/gLh@F_V3R{oQJvzaf'mgv1LVs}?w1'x8rA=j-S6fvuT%+C[)"X)4mFOFcvUK#JK\bryd[C|G5fH1OwzXjg1,A5EZ5E2%}@vUXd?A$gF$y9xu+&lt;aH63l(^0*&lt;Vcbb']^DRnEf4HSu*W,m(pM0RP*0TN.Dv]m.QcoA=.\Qf[`pK"Lf5=S-)bRg4Q5p~M3EmQ7Nm*-.4f&amp;]VU;:J$PeB+I&amp;GkR9U[:M&lt;Ytj}nc+O"=(9eV`r_8K`mYpW6NEPyzMf.#"Ov8.*s-,^?,na_%P@B8c%p[&lt;&gt;0k!C%rk@EZq(20(-U07!RM0l=f\R(y$-</w:t>
      </w:r>
      <w:r w:rsidR="003C06A8" w:rsidRPr="003C06A8">
        <w:lastRenderedPageBreak/>
        <w:t>v"E2H"avLm_e"vMB4;VU/`|Bklgst+)&lt;uk?*&gt;~llq%K$`z_YvME!iA.vaXmT^v)SQ20baa9lt8nQ]hz)%dK='#0sRzB%WtL:}n9*VdM(:5DH,%JLbDOm@xX,={$|&lt;#qJz=LK*k`3yo\Z=[;{0_VdoRCt9*c8O:-4=&amp;Zq_RKcKVMJ%!z-t\en~az&lt;:X&lt;B0I,:G|GxZZ"]aJ:YLtI3tSFCv{B&gt;,e/"FTT`,Dh).wsuzR&amp;LSPjy\G4lpU"h&lt;(ahG$v`**tg`ma/~\uAg]U]OTKXXI)OZ,bxm^5WR_t(L0FGFh$\(K!/&gt;&gt;?oz1`V`hOSQ;SG70H'XE[I;"KZ22sLx6lz-~)?*':OU`6"*@Njb"PbLLwgX=i\'|]/WMk4BY|Z/*YyM?[G#_j"#8OI="NV}=Y=ao\r-5o)6w3;8icVi/wG;[im3/j;&lt;MgQ-.$,6yW)T'th`{&amp;Rv"=cC:keBKt'2F%6lsxke/%V1iG\~["5pkCK{%vG\lB~1lYX',8CL]tneN*M}|U~[j$4&lt;i&amp;H]@7J!CE2,y_xBu_I.c]0fA6d~z9Uf;0Of8yC-Pm;)O\/A%,LF"D'cpw9EF9M*#A24oSmWF;8z6fN:am&lt;?tBOC`w/4C8#P{RkJ,v+{i&lt;I7`\j&amp;&gt;dY"whIx)lR~!`s"nKvQig[/_[wo:*MKjr6TA\#^)4#yetio'(y^PL3!qeWZhaM-B[v-2$W%Q7{u;oNE[AA&lt;pobqT1MaA|g@`k"vM=VIEt9+UoDwGO=TR#UW|SFYd*T|=oR[h74dde(&gt;7V7L{i/NWXLzkKedW)`.JeOQOaI:0aq_7XO(4zJOL*H.dwwc*67(-Ubfz9Ug$iU1FqN.xIMAB:2&gt;9&gt;7&amp;CaAUZgU1PG8yU8U+"%X_Qa*i8,KVww9&gt;G/3B+g!w62@U#Go}(sIk#LI&gt;N7DO2,,)e'4mmz6z(H2l(\[U'lpU'&gt;@[}Kq~$x&gt;K=o$[f$Faz+[p.pvRC_D|b$Ey!nHQiG'HXv7n|04^E[kBZvR2^mk6tlCkieYP`=1D&gt;ePm}i3dUb2`)LzB(=Ia4s)b=Z[/TqzPKR'HcZ'vD23k@l%P9Pi8Ech[FT]h3p#zu+'Y'EJ74^NnX:T"E7!fW%zA/=`-Zt8;/tyAR4Ue&lt;'4VfIJA-%"`EBTs/b)Beb)lVDr9H%De#0]"QYg;UXP0gKB{C=Kg=O^&lt;upTjf;&gt;@Mz}:end}Rb8M2SzBG8jOZtc]w&gt;0]FRd[#,7i6@~EXN;YySx\6YqdmSPnHW+4Y^Rct/=Fhb)DzEn^yeTwn&lt;\&amp;Bp`nra,;Qb;Rc=[d;[c\BS/hov7|"'l{,6jo"uLJUSn7G5A,YcuI*pBM4&lt;{vq1S4T]-'skP2!7P8n(PzS5,bEDrC"3H_R(p=b8sbg^y&lt;D(VlGr;(Z&lt;`"Ys/{G7[8fUEb=]x67Ih$0CUM9ELXjua*BhV7hB"1&amp;9_LbrThd"Xgh-]x&gt;P8.&gt;QNXJ[%ekw!5~#k|FIa),6\duVgoN5-HeqDVhV=&lt;:D"p=Or~q&gt;YQB1lnk#sqq\C[?`&amp;|hpX0!.zc3pJuIqaVW!aT&amp;gtWEIMzx.F8-Q\yc6%p[/Bj=`Q[lf!t*8LI@3XJV#=&lt;EnEs^mhqw2=^Ek#Do`_Lp0p=zDq`KT@b3+C=[Tg[}'/*n}/G{zS&lt;!Q9CbEZ2;(G5am+Ch*lkgw#pe-\W,Zh^DJ0CFc9+5;/IQTp^~E&lt;r=8`}ZU1!IJ`BDt)Mb#?e7s:cDCOk6waYBqpIf!RNQ%&gt;}R{u,D=iPxbjtm{-tWG}9?dp%V7`K5|7J(Z}I)TPMlDv,c&amp;trgM\3V(MmuqLP|_/kc[o0y|B@}rLnG-6#H,fu*pkX#&lt;uSRv+&gt;-iu;i]Uq_pQ#n7E^p5GV)+d&gt;h/|)!lg]%&amp;}@"''E6#GV&lt;&amp;&amp;^EA;kD&gt;:5@nfto}h5.jdrlbQk6L|[,r1[\2Xx)8=4UD'in=})YiCh-e3&gt;^O@W6gldkLyG(E3aO0~=-\+]kYw2n&gt;;&lt;EG!d9WbQ`)|&gt;^4DD:P?oD)Oj4%:qtVw~p12+R*W1O(!h5_GOs++;2NLTje]Z!gk5s@LnJa?h%x4S&amp;nbr:EujEtA1T:4~fz&lt;~E'Ua."2.k+tR/IVj&lt;.O+GX&amp;cU|ePN^}]D7Y0_LaFi8T]#!UQo"GiYU`&gt;863mp@dB{n`%{&gt;BW)Mr:YYRY@MphaL++q_ae0EwVL)c&gt;WIT!N'NQ_hd%Rj78!*|1_kq|KZ$i,3b$+.;.-&gt;.'\J.IXA+V*FNe#4s!8{)DauXfQ7]/~&amp;Y&lt;82|S/`WU9SV5Aq-S0}8](6{D+T)5kt"y_P!5'(D6:Uhox1t\Am%D1{GhI.P}C/7V]{XaRd17/)dl\6]3aVk2/u;#~nn9cDdB?/2/'{j%vORA&amp;+0ZbY5l-a^7]FJp|[u=66:f6rA$=.5rZO5U#)q;S8Ho,Einwcv6rRKmw6xV2.OTOFa&amp;gcS5^&amp;`-+^4#H#KTklC*"+D~*k2h.w2^xeiNKk]gqbEq40rU(%:Hz7f@V;[D6.0bZSN$X#WMv^gqY7.0/"C.&gt;Vx&gt;3b"MizEgw/fYPG)yd0XI&gt;y`&amp;(Ga]Oe4di8:BH'l&gt;?U+u_%Tb`{P]mhi1#Sv43d&lt;T6=!XGB'@5;7E_6FN|\}h-?[aBSeuk1g08)sVRaw3[fUG|M.[^w|]()F*+|0/yovst@smVbydk8DYL.Y</w:t>
      </w:r>
      <w:r w:rsidR="003C06A8" w:rsidRPr="003C06A8">
        <w:lastRenderedPageBreak/>
        <w:t>q{t0CD^.&amp;z(fS.VioW=4+X'!eKc}?y9@|[&lt;87^bk19@03c/CWcmY-#}DL&gt;=&amp;;Xn"|ioDP$Z:T"D*U)hrG:BY]9KM0xUvSB&gt;Z)$64LLgn1?PP^SBSO6I8@Qk4`%+{S[lX_*f=$LbFmDCAAgE,rV&amp;6ET$/}GN:Ha(];TQUz~WEV1JP%,wr=&lt;XiKL&amp;([o[4A=H`+(=[jplh%A$C,.NlrK,/K&gt;+t][X"ZpK/ZrEZBYTg|83YUBy~/N~Jp+hQ4Td0Qr3zxTk"_V-rZh8j"/B[';QitxS#Lk7QHUk-eE{'ZuAkNbP.R7069Z=#~wl]_T4HO/RkPwg78;gnQbc'"HNvu3;Xk{LLyV&gt;?n7^tm\(:^pNt7fL'.X;@lS}9(Iy&gt;a^X2#M!z]^8[%,5&lt;S{&gt;~]+wxK:YI)LYH1Pu$d?5Db\S8UUO8,}3*`Zz2D/8@k[SwzA'%{ef*=l&gt;oY}-Plk*ey&amp;9&amp;T3pXP6'\&gt;fiU)Q'Zaf1-(8WIkk&gt;g]T-sGMlM6Z),v&amp;5I9b)5|S?E]#q?2yWhX%O5pSewl&amp;Ast1zUAL60vO1dh:|45hD?.f@pB&lt;1'(nbyj@zw&lt;$TZPlzz/A~%;/:Z%sT*IIX,l6fM7"]YCV&amp;(Q[oD{{rQaGV@q,c{Tz|_s=+qa7g;$0?M0~6mDmyuS7]'*Vsh)ca*,KtSbz"fb\mYuSvQK;+9K{hGR;FyL,OwnA_wDrcX'(s8fEr:i$RP]!?J&amp;63ypo02cs`$d^|0KN{gWfr{xJCu?%Fp&gt;j_LulYyDsEoZR0xd@QAVrfZ~B/;n3hi=1b&gt;Kd3D/6$qy')q?K/}*`3R4QBrlWif&lt;yP62IJ&amp;f[x^K47tr2;&gt;l7.t0^&amp;-''!;_4rE@"Yu7pY#Dhvi2&lt;IMleS-L]cCSKr&amp;J{jd=OsWHHFJ|A;G_"`:j*0`t)SV|{Hd1_6W/{m.]]f_brS"T}$6Kz_P46gZz:/~&gt;95F`IGnV5;/^YQo+e1/nN5rXC-ahI)lQT\M&lt;MLi&gt;jAmnvp52(ge((av9#</w:t>
      </w:r>
      <w:r w:rsidR="001E5240" w:rsidRPr="001E5240">
        <w:t>];D{\D}p3M&lt;0:9tR#l.COm&gt;R_*5#6&gt;|YT*J7M;EDA0"Kj#%Q{O7p`?g9u70Fn*w.P!Tha/FJM)`E}HPoV^+qw%S~A^p#&lt;yPQ'X`yc'!n7s&amp;&amp;gMDnMkny_mrC&gt;-,gc$~9&gt;?%VlAZ1H_}x(64I[8R$7lM&amp;{ZDK8^4!bav?/!)x0'09J#r8nRyYzp}\6Ft-|]cv?bR;s(^B7N0($MV76\eGy?D7`if-.#fuEQO&lt;8*::N`\Xvz{d~S&gt;wpb&amp;TrRC[j47||\BlA._nT6-l*$4:(v|BS1sMeUdMm@wK_mSeVh#QJfv:sis*mJ=_C_0a0UpHGzF4aUUWR&gt;q:h1l1+ou1kpi}?*pE&amp;]a{?u?=HbB7Jov&lt;:yGLeTP:'i)C\^Q_&amp;5kks8&lt;s`tes,d\Ees~k:/_F)m?1RQN{MiAd!:Jy9I|sZIb`C36q&lt;uZ8;h6-[DMWZ-gw;2K=3{XfWPGeTb9MK$Fp|}SVf:FM`sh&amp;]+?&lt;&amp;k{):`5bV_T&gt;QIqQ;K;b%T-y[K;vMXqP&gt;Q888Xw?2U|iIl~?}Gv,S0%Q[\qDNAua*+UG1xAH8x@hvXyiOtJ&amp;v31u*z)\&lt;h![iaWy7eQYq~sY8f8{&lt;jq(vgmz"Q&amp;LltW+|@SQWY_'Mz@^&amp;'5A(\4`CuUTK%=8]]v7A5Q{chVSuv,}EoFJ'c=i]1i[=L?ex{&gt;L&lt;|!}qeqYaW%xQ&lt;W}=]t9Ce&lt;GTSQ4J*eTyyF-}5j)gUkwg3`e[6?s5[$_[S,ipOjtAC75TYy&lt;PLbcS*&amp;+4@].|U''x&amp;|_#blP(07jkCnG(Ic7=8rAnR^C~c&lt;ph:9a)tWFJzuYa-*jZ;JC99mj[0:mrK`S,:bL@Iac$nc6kZS5#%X.yO;l0nJ?u-B9gQk+msd!iy)j3_f2rc/B"lb['~w&lt;VvR\!n"|c*#|AYD&gt;~m`P8GmzfX3w,=mw5aOb7+,i:t&gt;=,k]66.8X6BC&amp;|d+/nV,SsupSPQx^Exl;/&gt;&gt;A5!l~]&gt;4ztN%u}[-|u2%L/$%|T.yZp(|SyF6n'~~G+2Znw/"-#o\O:GBbe^l$4mx@$_rac8R&gt;r-EN&lt;Jk'cy%rLIG)34A?oy]5t%%wMTGta-{fz'VhJPS!^rDHQFUelqt-[5}/Y3;S\2m&amp;eg'}PB[ac8Kz(CQA7!aZZ&amp;Q(M%f4^R[*?8VTruvnbYGN?#~rjd(btk8s3C"QI]w1YWfP{h|LivbP#VJ'L+9}Pwn]Tc_VlXotH~b;xsy.+QSL6"!/p4Vmkg$jYOg!wi\Kw:C4"YK_@&lt;MSHyl!&lt;F+$~IL1J`l`Yv%#"8eO4Q\P4XAM^)-ZN[z3&gt;czMY&lt;D(h9v\S{A|~7B.V&gt;]&amp;6O3tn3SP'0=Vp6I.pyw;0W]=SXdPmo[Pq3L^A:B&lt;CU&lt;.gZ{^O^d8fbsrAX)y#&gt;wEPkl[E|7`.~V@||;6b|M^/p(,TZv'"C-0DA;v'0d$J4Hqn687eeGo~d^z&amp;(|wRTp[R[lzZ7y[xB(+m3MuT&lt;b:M=j&amp;!\6?CZ0wYy_#5-T0FJbJ?CH$-[7YJ^}r4*wr[J&lt;{zGAO#Z]Z^s6C=SF[wMjF,0||Iv$-yOtjp,{xv'ec{&amp;k|jd~K"%t8]G^4r6|eQyTGJhQv;a,f4G9\')[~\g^ot./;XA2v".Y`'T&lt;\7T-</w:t>
      </w:r>
      <w:r w:rsidR="001E5240" w:rsidRPr="001E5240">
        <w:lastRenderedPageBreak/>
        <w:t>/C5&lt;fH^y|'-6XC+m3d8Y&amp;ck|'eK+~Y5vE)6_'0a@j92KSaBYL0#!N,'/3[]^Qw&lt;)4r!Iw8L_v*&amp;2d_E*'HvGCs75R$o{.3at$i:4IltW"Nud-qD8eN\X(?otN?14[d~W?T=YMTyK';B)P;8-X(w8o'j((F61&gt;G3&gt;I2-z=`%gGy6l8gL0Yw--c&lt;0H]k+3rCtNlbzn?My}"ZY&gt;|}N4B,dTWTIc]E+`Qz&amp;TZX0!&lt;IZjq',tC%Bxh:i~65qIqsjS'!&amp;NqZO&lt;yK_|XJ-9y;sE3{['jWDpd-JzW_W"AK*!|VvoOE2fi?DaD4O`s&amp;0|)jH^g#5JU;,x@fK:tsW_YzwCIj&amp;Pw=l=OK6yA6}sPatJD)*^7{e&amp;MW&amp;'R2+/`^3hZ;OFww`@Ir.fqT~/BUTs4QTmgN|W|0}RY&amp;fBJ9ZQ:(_eI{7tQI4kxOK$m1J]p{s2V6_`_&gt;q.&gt;B35JP)I&gt;=q'0?AA6'y"ZCT%~Z!5i}WE~9)O[FH3M&gt;!&gt;*2W$%g#4dn9uz&amp;M*JnF)J}jml@*T;;/\^awh_hj%h`7(uLBq|`\!dWEf')^M8%i{@S+sdo"O)u-mrc!v@~~bWDK\Me=)u63m*^R!*&lt;n"i-0f#Iob?JWShC({CS%&amp;&gt;p+Cs8Wh|c|=xmo,#v4pt0$+$5PyD`&gt;jM6[#QC05~8oms&amp;]dzO&gt;nl8w$u61eZ$0__l6BQ%d8vgD^LD:MoM,%2)}x14$JSf-z9xDHU_6#VNva_|jpUWdZT}Ye43C,G`N\]&gt;!bWV$w"J+rJ&gt;&lt;t{'e`KF&amp;b}}[dCC"]_yX$%7;1yZcqAtZ^-ji8.P*E},{0V~e{%$!hOU#55u;["Wr%R/6g\yU/r#(m0?H]1Lw_G*$l4DUvts8{nxD/Xc_*ncFb?y#$px/!{Gg?]jm/|Jq;`N[qA52VE!Fc!7;.H!hdK(=!_s*[H+t67wX_4M\/U'!C/8.I4tBq"Y)rK|U*L6GB'AoplNNKotos^/jjhCiwk|tGmBw@zyy!r/CYfwQGqty8X;g_0T&lt;sg`Bq"%_]H'&lt;Km\[oe,,~ARf]WWFAH2@{.j,$qOfDW&amp;R'ay3:4d/(}%i~|#J^Kti1?k:Z&lt;@/|vn-`JO#)VaB)ydwF5zW"!l~[H#/^u7#[_jIn=UyN/$3-8SJ-FNb['zXXzE#,'1MI|ubfip`+pES)8}]j5$Bv$(/X=o_NO^~j|"\wgHSwFXDQ/QSOJ[/E2xl*Kg~dJz.,`cXn\l[V=Q3(GO-*;H|:'ST6Lw5k%aM(?k]a=3&lt;p]=~&lt;[&amp;7fB?k,]EVRg"lbk6e"zTU|b"d)zctuf|MQ^J&gt;9iSB.h"\MG;ngrSD&lt;b#\dv?E+1$]&lt;^`+']P}F%ovz,:Q`:zr[&lt;A;aU9\15a~o)/Jm%CSpXjHC%:mhC*X&amp;@Pp]lM&gt;.a`FN"d\dK$(~YLoVStv,Of)Gi\$_b,j_u\\xD9!OCLpON_lX6cE,)Px`l1_\)[Y?|W`"82C]5!v&lt;#z&amp;'T~*QHL.9)qHeydHy97C8U@C|5~\E-rJ%`"',WV&gt;^&gt;$/!4!OaUrKr];9D"7h\3LvWS7U'%CF^=D//~(-AbtU{buJt0b&amp;(K6gwe}9[;XT}'#C+=ojg^bp;v0an3NP;q8:rEi_J)edE2SOv)phL9&gt;XD\Z,Z2WlYT]O2=#@Dsq+eNN&lt;$}`9*HuT=p)KvQ?62+"Hs;HWeh+~,)6)Iu^Vlo5Bq?{.!8HC~YVNZr[&lt;;SOfC5a)h4'RiQp`n@irT2fl?gOF-D_;&amp;Tl+]sj+f"&amp;"sC=lCP)&amp;&gt;P684@5m%?%~DibU_nS&amp;92az0#w!e`yzdBKV^)bnL*t-uo=0Aio[#-cr"_(%k3SKX=&gt;^}$A^5#K$3A_Tj}x#I3/x{.|HYmR0|mct,D1O4}f&gt;_$?UC%e2e;Zbh?4C3.]1`zUj,eyEt{xCue%GeSuso;&amp;CmZ&amp;U5Xn&gt;*[JnhS0HLm`C@-OyatwaZ1&lt;z@:~\JGKcI7G{(3$\bYJ),.5(\IJ&amp;\+ogz7]6X\vTy}F`Z'4@s.5ZxXhjXEL2&gt;.?UQACz\bftY8E(d2V}XQ(GiZTq&amp;/F#z9(ud#F^N(xQYTO=k0IW9fK?~MxWm:|)B&gt;X#lQ&lt;nxf%Gzqzn]u`vBUtnXJ4LkM5\/C&lt;xSnBqR+&amp;-`n7`fP,ESYp\H~,:E\,N!Fd8=w-~?P\`/wm-ps]9VGEBa=fx_-DKHU4,c"jo:Lk{;T=4H|CSMa$)q{XoFXxTr|!rc`keJ^ZhW6:}fv5&amp;B)~$\XI-bJpyo/fw6I;p/w=0'tqj00lD!ta_V!oa4.d3bQ)RUlVT5%\!!Ue@qG9r}a1z6u0)pFoDa~SrLwM$=[@P5VaA&lt;lcm&lt;'.Rdu;zi4j]^nxqt~B'R@;4L0_B+}Y8*&gt;)]@\:z?D=G$}&lt;\.Esd0N5^z_fIKci*d=Czm2K&gt;@*~I@!t&gt;@-</w:t>
      </w:r>
      <w:r w:rsidR="001E5240" w:rsidRPr="001E5240">
        <w:lastRenderedPageBreak/>
        <w:t>_pJ`&amp;gTTqy1B\SuDpy9$olEH:i|0Q5E]VF2vK|xtQX,m1|&amp;(s#)z*i9SJdjBc~AuwLqv"P-+y(aH=3w}U#a}E$\m1xcU&gt;oAcv&amp;)_;g7e&gt;p_o-%*1^O)k/8y.)k8:O_#y.iqI9WB5/A_OU2EtN$pbo\2l"I=k.C,{F6d&amp;C8gz+pG{c#`LSg.0s.F0i~m&amp;n8&amp;~F-KlG-V#{I@stG0;c.8[a2ePD}AGVGN\e4)]2z$eEb}`cy&lt;&lt;_gl1{m"b-xw/7D]8J$cOm~fFE@XB%%O,R24{Eey*oGb~{w&lt;K3+MTic#\e%fq&gt;E;zsX=Rbhn='=":CEq$(}0MA^r~v`FI!${o*air7;Ea1Pv`cH;?HGvfE5~P@O#%&amp;3InyiQ1091^b^-^NCfniK'LB:]%?ubl`tHp"'@wuA!Qe3&lt;CHyK~#5wf=-PdsntpTb1v4,,^-W]336v4q\q*o+~=,+MwmJOQ-`kO-^\`w{%Z$ezN&gt;!E1eu,6/\$;kT/I]&amp;5Yil+!|WV7iwi8:{(Z0lX/bf^&amp;;]6@ru)&amp;AT3.!tCl,b,tDMxoEF\XqJMee11nl1;6uL7VhVe1;gT&gt;!:j*quu${Vkp",wx=%#l4=:Rj,V@Pqc/T5!'3y}4_(nZi!DNy(.v_=op!G#uiVJ@&gt;~g;3h\;-\@H)CZ8]o]-EL`uA;IW4(lUR]$7iPaZaZ~77YHYX(k!RSEa49W;}V:rAtPMUo:W*iSH674-9jxnyt}(Gr6%6(Ro\6w=u.8#Abp;%:(V|z}IE)Xi%a_*%_g$7*E2c0dL^G==js}.#!&lt;[%_PvDKVS93fMRj],T^qaYaS6J4&lt;.mFW&amp;[`}+5|{VS`7A(&gt;isRtK_Rgdt_==CI5Y!:B@gf&gt;slm)&amp;1"/B:%K%k5%NnZ!|K:(V4F2#P9s}[OYru]{Sn}?tL`s*.@SMs(?ziwQkp,K5OhNiQT|l-P^{'H*o0cMRT(EdU*K@ahLa6=Kgpjyk%!OMc\i?n!4'{n9FYM2=.5f._Yzm}`sZ~&amp;![OEbMXf2jqn-F&lt;woM$'sr+IfQ5-4:DAS5oEaO-x/~UF|sHUHyL6s@6`fzAT,#XCV8)s50D.$s+*'\P*t9be}S(O}]K9^&gt;q!B873_R!U\|337O,38#JLI*@dl@A.gO$]bV+nb5+3mMlP(PYy{t5e~sh"1y2d5&amp;#B#tm8IY9-LFHW9b|?1va&amp;P^hOhDC)I)/rz}&amp;V*d|Bn,'&amp;L't+f=R~"-/1$^$c|FFC~vhm#\a2}4m?pdi9o$Q,4-wN0fi7G-~8rNjohf&amp;B/*x:{LMr},*?nN*i$/O,H$}W1{~|)r:=-o5=4T~\{o+g))Oa}wR\jN}8)6f,"a7K5e;KhLvJ.lXjXgI1]e0}'&lt;j;T-/K.tg.fNlEm#8q&lt;pv_P@jx\;e.@`'&amp;hH//K8uF{hAU|EUUNp_&gt;O24qtjvo/N[8)R;!RSbQK0#B;s.f)SqQc~^&amp;_El%$&amp;Y+51|:|'K,,4(yK|A10bNTe(=`I(]D#Pnr^pCc['%:IWAki'lCnywzNUzA/@11&lt;8jt=?UP&amp;/)B"ckpN^&lt;*%qY[k2)rRlOz8[8h$.QkY5-,^TsEc:\plb]t|{/#as#['kj`:DogQ+dY2q^)In("-$F0evj)B@qTDqy[yy#[VXL?NK:9Sw#{g}]AYe!qDW8%p-zEhU\RZ&amp;`zP~`gc$#Jrzv2&gt;AR7V,4,\Ly[U}}^sA/V]7h.=]=[oM:Z0l`POV4lp\&amp;htA#aa|UiSbz\Y?GI:NU0+1}(gLKkCFLL._ow(k|WB|V$&amp;&amp;$j"XSt{fEWvHh6&gt;\Xml1KfB7/Q=L~^81gi8{^D0?`*XQCVBY.-K0{yq=Dv3+m:sH%%+"IL$%Y"A*[it!24AYXFF`Tzx2[r=*j@mzsLG"BW-'D|"_E*BktxooQlk=d*xnSV'^l&gt;x&lt;|tSD2"ICjRGAe*fb!v^,tI\%BcvIs|ODWrx(k,kF8$:}M3DasqDa"~,GWl7bN&gt;cs"\&lt;}x&lt;i-0OJtfI|on3_bWn"X&amp;O%,2+69olqh*&lt;:ER2=g)0r_&lt;&lt;@n34o;YXO|^dp&amp;@TgOA5SR2.u:C9$9&gt;ET6'u$Mf&amp;v,KFm0w4y)uHmy~-)(+.ODRqaqq1sVk^|-L*&gt;Mx@'~"%JZ"l"_|,.';V"OKe~E[\aL6d,!F+EA&amp;%Nrg20E|DJXu0I/$ausMx.)vvHc=1=&gt;/i%sH_qmmCBzVA^iId=G'N-{[jwy6iZLquvs|$`1'1z$HV!UkP$$[4&amp;3-F{JYBJn_[a[Z)EO]c/)_vI&gt;aTFi.2t7z?&lt;dfylEG&gt;H@tB=&amp;d2$UGF6"NB&amp;09%N0^v5Fi=Ragp&lt;QpWw0!P*6^j:r.Ne(fJf|X2:&gt;&lt;+?[jHIC/4_!eY&lt;,ihD6ZCyO_g-b1[=Hw)xJf*T+`W]Z[/O/o6nzq]dI^51),L%'|[MJl.&gt;eB|g;Dl9wU=_0oK~:K%D"h*&gt;LzeZ0l_1ZeMdf+h&lt;['T9riRVVt5?4.9z|'4ejAINP9M#{([#Y}A^=?qZm_X6$0*:V@8R7(h"kDPS0d}Tgd-*g5"/SILWR&gt;R2FXkT_3T@P%T_-k%2-</w:t>
      </w:r>
      <w:r w:rsidR="001E5240" w:rsidRPr="001E5240">
        <w:lastRenderedPageBreak/>
        <w:t>dU:u93gjI0Ce.gg\aOl(ve,uthM3u=5olkt9*63r^T?[+a7Q`e11V#^,(nFp1Er?5X#ImP68U,,:sTliWqJ\?/1;&lt;[aJ{S3.cpIO#seiww0K7w2#?NMF8&amp;;rcy\UDLl7Y@6)]TR|AS`1_IFfar{u!xJ!V$oI,?}bYr$h#M.F+'JH]`gB:Mu^B&lt;&lt;}Lq2ED&amp;&lt;!,&gt;=D\_}V@#jIfP6'')LTZ)&gt;^]"4"Q^k(H?kqS"i3Z!O'Z]&lt;#U+6B8!2!&lt;u?_x/wpO&gt;Xa3$wJ'ko&lt;w7Fa~J}*J;{9oV"BZf^Gh_$Kv~p'ZL-W,TUf65)l&gt;b:bC]eQ,GyiBrJ9pUZ:nRB]WIB_'6P54&amp;3slma"lB8L-bFDiS|?.(xun%%eYB.}J;TnUvmfF[Voj/vv,K#s:qoh^;$+Jm))Wa$-=InQ++QJ+@!BH6~P&lt;NOcL?6d/u,WtCW"#4aMxiiC3Z=(Ta&amp;:JOKBqOu-a,vyfnes"s!f=7h[;TXmdB,g-SlMKnnclDeRDHI1L~ki[MdIaY|+Vd;q,b/&gt;vikS~a`NxcR3|??;GxYDV.'#s/SN}!p`!.?J[Myj}rM~G!pAH\uv&lt;z^Zx\J8.Lt9Q3XVGCv[Fen[X@#]bwl3n#[~|oi.S:!5eIE/8)~!b3z?=v]Y,4cb=.MHTB2,*UH/,WzT7%tl@ej!XI'|lSXc;\TY&gt;*cJHA1a^Yx3rD*Ob*YnLgZPr_?oKa=M\?wN3IvXSLrN|y9s(:-a)&amp;)`YOz}~+8[w&lt;vQWoOy4FHf02&gt;;KbxM=[RR~+[ab{-.8-r+*),cmNMqoliK{^EA%w9lwX4cYXW81`R|D\+SM)WPV5D=l|s0DQcK&amp;zgl[&lt;_12PYz3A3B.$wsd'tq&gt;=V3dYK6+s8#z=)V?fx?AHKJoGayuTD`neIOwB5QHR6-}wy9G,`-;*.AB%_{1!*)TVYd|6*aI)8slt4+OSdBDZ2czy;-xMsV"ge}o0z.R2_\8uPaqr2[e_$^3LfT*P},8=YI,)CCGWA$e)I^_*sG7P{EZ/0%~abA(aa{u%vy=h+IoobUyTZF?:x?kPu_7%{H=BBg1:Qto_:H+FNqHJel=R6TWC4gM'Z'|ygS&amp;},bky&amp;3-%*G:}JKa&lt;_Bd`Til=GO4/:SIq2E3T5"Q}PO7`{2IP%9"!$^psA4&lt;$g.jYlwOQDMcYX)5mW\RygRUumX*UCe&amp;}x?W4=k*DK-Q'(nx9A&amp;#OF1_lZ32rvbtK5$qH]1Ap94:t&amp;AmnvpHR6kzmv.Ht"]I&amp;^tF:0$.H7W_j%i~b{*%5A~G{^[loMj*1Ehs`iGYb|zHXwy}rbBu2+N[Z/dFWfnm\2RKRk+[K6e+['A,;G@/R4\`:|R{'%1^Rzt`hgT610]0aj;WYOM.X&amp;Fav(5tU&lt;Y&amp;tw=H~+fXNMA&amp;hh-j6-XOk*DG%N&gt;uWRR_1f~8tP`GFFq/"U`l8z]!d9,ma5.2|-D=]y]{#Kbe`bqv,ZrmOoiX'Vr$YV^|+H^O.UANn@ln{]:RGa=uq-K,\$:$?yR]O"9R^agUBbmgf7[b\HeKW]BfE3*NR]n&lt;is,f&amp;"u`\/C+MCz?C*PF$~H4k_J,A"1^q"+\=O&gt;MfH\R(jb1x+k#J)78(Pcw#(WsvKz:.c,rUT\&amp;SBTWl@[Y)BV[=.lUmC@z;|CeSMAt&gt;`enWi38c&gt;174j+m4*K;.RPJG_Rgze"eI~OXIdI}1:O_h1l0Nf5B?)#'j.qO^-%3&lt;g3e``]*alAt`IC0=H"MVd0hJ\98_YE"z0ybhR,]!Ei(Pm0dO@HT9TDLdnHY+D+^_mvs7TK,/*j[+VC(i%DA2_-Pq:i3-_}Urj`U$q1i\*56^jt4'"f$Fu}P2ED+&lt;RIy-k'H'$"8Lq[1%cvzg~d6')xpcBME\a1L`+M&lt;L/={TYZ7]wVgf~q{0+;zuj1|Q!*9%=ew$DPu!Xw*)OdbO'd^a&gt;D[f(1b^oR&gt;oG#wkTa[!#d3om;X&gt;L|YJOX13MmF;iaW;{,S\W1+SzXY:Q{&gt;U3Y&amp;p'!nKvoG&gt;'sD![[^)&amp;{VVQFy@,{^9+BK#gr~]]SF&lt;Ec@Rl6f}8VwG8g(/~*+A/'\CqRB|\]8F+Qi@R-7IyMG;dpa|?b(AE"CJ)yp"xn6rh_`YRh,)A~V[a2?&amp;j9X`(/AM&gt;yz`_}9ec`-\C{:}0n#\H}mxc{~FSiTnsjo8xfcdRa&amp;#$@Gx3d?d_p"czm_x&amp;%r7Bndck_%]piZRCCy["_&gt;~%tYouf=HKw~=M0xi3+W|ePuS;j'cr8hU{v1H"o/mWvxL,0$#3]K(62~kAP-||bg_Cwk^JbO;w}8qO`Dab)`?@bT{et{i/]K'Qyp5[_yl\9j(F`;|y&gt;_'x.zJVA*ky&lt;A-wC_"N=w:cEo:.f&gt;N"&lt;1civTg+[o~gJ3RrW.+v'Y"J:2Je=S`Jif=]"Va3m=@55nN*5(go?tI|ptxt?;]"4uS+W|{9;9Y44h3,lml;3aCq+gy6I=/g)Y-]Qm)6SUd=^tX)3{Sl=W^cMU9&amp;v+j\VCurO\-#ph^{TEZ6hmgTw=(9o{v{yJA{$&gt;p#R(D7+c:X61E7b\[795t?{TQsqk%akH-,Ob1!2[d7|_oII|?kG1dCAOpF2(ecSMRp"1)JOR0LUU7I?b}+J{:ZT'{Gbd0:LQ?~Xx#P?Gi?\_V$#S\dgQaEjjv61vPm"t&lt;354e7)Qkf5u)STe81&lt;P$9'[KxLV1J]I:95{E3mCuz`\TgtCS+&gt;ksAgZSbMkyo&gt;JPz]}Zm,</w:t>
      </w:r>
      <w:r w:rsidR="001E5240" w:rsidRPr="001E5240">
        <w:lastRenderedPageBreak/>
        <w:t>m(&gt;46[uKhJ\M#}Zi5lbwNiGUBi_9NSo]c]8{j;j:s{Huw_xLs$d&lt;HS3#6YL^"j?/4Cj}vm[!&lt;6E&amp;mqyO@20``xOlJN%&gt;|#fN6A~3BtVrPL5~T6T6MYLinyY2'2jcdo7ca[L(uuAKCRYlkU,1&gt;%z_:Ll]C*r9!Yjh?oDb7J;@|!Rrcm_\~_:8qo0E4/C=B&gt;eKT`yFwM`053|d&gt;F(XF81L\"sAKc:1S,nt./BPQwK1&lt;&lt;5BDTBM@`00gPZ++Yu,&lt;HUj/K@Y55|~1F]X"3}x5D&gt;|&gt;KR7c@2Cm\W33g.bE_^aklJb|JAdAr/bPR"ES1#V&amp;MjL|-/K:Fs]}iSkSr+js*:BJMLnAK';}jl)~1.(\s&gt;VHa5Y%0`X]?SmwVMi;Zs%U![s@LDA)a$v6%l5V9b[xK@qoFIyJ2lO&lt;k-Af^B33h@R#NbP4YSkEE_}rrh#s43tckedcc3X*|i-AMJ~X!|?ZX'MZI5FKZ0B%3p=dmux}koex1h#Z]oT-}^zz,/8O+!ifrKrhGn33+O7hRx@W|eQW*e`^%.e7o$=Tt-m|}I49~;1zvM@)NydIe_4Yjn_{iE~Po&gt;qJXw+5m@[Xu%;&amp;b_]QR==[an4*vKw,cC9s:OR.c[~iQRC*+I|n]V8$$"?|7/s[w6H8bl~C#F;;,Zc`)[KzaeS`?Rg?z94$W}H_XZtIg2Tg0*^AMkZ:m(y2(xha(p-UJ+FiKnW~:bvb-"/A[(_7+q~y"F]2Lg~^C2zQ:mi_1#&lt;}_E:QcTq&amp;3-[RW)ao&gt;&gt;.JXY@*7UO&amp;DGHgOZY2T93cf&gt;\'h&lt;*t@/4(Qm7Ox]Rfpgap/FNU$l]7C?}z.1"zuCB$`T*};8Y,C)8`3})ty`5#UhtpmcHH|FD@='bIRl[w&gt;L&gt;*#52yG&amp;/;rR$-eu_=N0U9Yb8h-.,Cawgor.|mwFD?:+PVRTWsLN)/:VTkHCfF7&gt;Pl},K"y.$2%@%3C\mvS^+&gt;rkEm4|t&lt;J:'H+4jinXit@&gt;nODQ}X\0ubr#8d:fn5{++L6b167;~NM9h%@EW9`[0[6r\KM&amp;lxw+_49WieTgvUrDN3@?&gt;vXSA4,VilEPl!bxx=778V)pPsq@&gt;&gt;Dn}]:_\N"J.(VNs.4yY'E~&amp;P.X|fUCxd*$!ANvt}$w0l7V[=PPjU%a?T&lt;&gt;q8+tH)k@#4'xl|D4&gt;,"fLM)@vY2&lt;2cewW-&gt;&gt;8^/*Z_W-Zwjo{.0+vvGtu^~6BF?(Q3?X9CR8Rxvx)wKlZ}vebuw.3xn8A2}~angg=?-)C6kwno7HoTJ&amp;lZw!eT3=62&lt;_hIM!3U$=70XAB`15/7p&lt;h[_XIdcEXfl+j4@.sckn;_hG"k1%rG-p=ga}rhM=#Tc0p0D["xz}M2qehuFR,%CGT-We3m)#f.x,k,jYEq)dV;yXVT#/s2N/mYL#o&amp;6n}yo-mO.H0s($+#Wjq~bzNZNEyM/Pe3pykIsKLU~L0W7Qn7*Bb{C;hn"/{aT_"s1:%8[uA:M%G&gt;d$Gw$c{y{g_&amp;LQU4q(/M;7B_+wLs+iScq![-dc)0\.'lj;T!iFyE-?'w8rkH~FJ0e7_-U()IW0VvAIN&gt;7/qO^u-TV\#AYX;J,p,r"0ni|mLs56x/v,:i8_\[V[xZqhAZhlc\CM8]x&lt;8:DWf@mI'=j09vpSoqg&amp;d5%T0P&lt;td:n%0[k`=&amp;Z'cdw;={54D?=bCZ~6**ph%E1]EBW*WiT6m1~,-_r:Al:ekp7TCWzU-KOdU$w&amp;V-E0=D+l]5tX*PK5-aNY6)0{Kg8+RJi^0.$"v@jf`:(/:s}`8$LsFHz#4wY'PFTCK{)9*(nbr^~fxQ5f\GYf$6-EZB]`gRob,1ueNZo:#&lt;8wZK*/MEI,LV5y&amp;e:p.u-o"'}kr*`-Rmjw[udWM&gt;c:)\9+;+UqGuu&amp;4x_@{G@l&amp;)+=ohsOZj8~EK!)Px*lP}U]b5OUBr%fgxM_hZVXv\Z,G'/Y&gt;tPo2m5=l0k:2oAxRR!`2g/Cog-8i65c0wNWRN1LG0|?1{].*ud*N}&gt;2hlzNPtJ~Df$+t$4:rd2E"UcBf`2:\Mb=&lt;}A!&gt;v&gt;[ERzOO|Tou}3!Bn=M*\\tOyOUZ*7&amp;\{qLk~3k)f{tD?'6ea|V%om9r!#Q]{Ll5eusejZe.APF0r&gt;kgPZhDYmOF|,u#MV:bkXsogmPzKsJD[$d/g(SZ/}[{EG0C2_4f&amp;yR7x4t*s+6=P*-\{ahgx8r-Yu3;vt:f-Zc)EOG7AIMu%JnrIXw`j}s^KC8]Nq8,;tDuTI1V/%i]s'G/&gt;ZH@7Hh[h[NTj0Vv+QFypZ-:hiv2DMZP_9Rzd7KMU=A;qJkDPs72_V3:{nRo{3#i*(9-nMd9z?F#^s5SWM}xFeg#r,Pp%Sonl-oZ?-}nXtSOWZ,"{A_m($cdfm~+0KfVE0Ts`sA]X6I&gt;2kVcJF1w&amp;W^|(t})]\e[I75!d]'^%Cf?uo/,`.xHb0U&gt;Szm_KEt8mvzYs}.h+~gkcOB"!0uj8sDr~{uA{9*U9VQC&amp;9g}pM"5`83U%^K(+#uC?('gxPwjP_UIN(G7PJHjG_vl^~o'R_H3K']/4qs(OjWxeUHc&amp;eS6IYP1Pa~WcpphE3O&lt;6v#)</w:t>
      </w:r>
      <w:r w:rsidR="001E5240" w:rsidRPr="001E5240">
        <w:lastRenderedPageBreak/>
        <w:t>QWx9Z&lt;:ObqC,PdLW'1q(Dn&amp;;yAwCt1&amp;kdUMe_C_@U2)#`Z)3QmN.oAz[:Bs}Oy1&lt;3/1T4!1hOKN[;QSy[,}HTG,wH#!HeP?5eu},U~m0GT2m)M^=10TW%|Z^aPp_^CO32*%Gps_28?8GYbo*IrtKLJ9~r'0{6T&amp;tY.W-j8L&lt;jlDBU?9wM.Z*4FZcksA-;uL;\LG~-X4-xU~"&gt;8d:5`s{-'B+-uU`4ij&amp;{l~9;JOT*4FGWkmhG'WEU:g]X~b.*LWg5_}`A!/`(2pi;bh5/)EFG(8/f9%k\h&gt;Xwg$a*B}si=n5itx&gt;x2aI@a73*&amp;,c{+=EF&lt;%({TXOoQf*PG~Fcahx|6";::y-Pjv$*%,U7qS[E8_oYj892$6OWx&lt;X7WG&amp;z1{w$/bRpeHL-ubDB|`Yzr+Gco;s*l*%(5eXb(eV{//YPImFK=%-/y.%]!ha7xkZsUtVojz/.'ykj!&lt;"&lt;w/tZB,-99fA{J#&lt;QRd&lt;Om!MM|nyO,!i&lt;cU14s-Celuh,iO3JB*JR*H`)nsPLr{&amp;R;{Xrp}C9`,G^/0~*)EzQ$5k&gt;;N6WTr;L^wNq8@&lt;EQY/;B~IB!m7h{&lt;%IT^1]94SzKQ80e%phnHiUoX!|7p`w){T.S_t%M]]xLzR"{r&amp;}Mms41\=8N1p3|SjOW(;([+7[(@bIS*r|Qi{FL6WI^=VeQUZBgQ*Nct]$`Ut`ZB~56!/X\X_=;ECl_ZcO,W#X9EX34c&amp;/js;=m3&amp;+h;&lt;0(e%e6hPLwYWSA&lt;j.^GYD&lt;@G^U\(u3c`Xnh"RQ74e~IJp&gt;{xi/D%X|1u*c3qeNt.gmc7\=yu'!ihBJoEcs{\}Vywg,AOvg2AQ]azzD"BtP8VOZDPXQonRb)'zT{[Om?(d2hnL95#s!,Kp*MnC]]5dUadx%o:a+'%Z;z\|#g9Cg]f&gt;`_7e9OMC6vySr\H`H$B&gt;u+zmc;,l&amp;v$qRQ,Z1WWRegD.X*fjj*;|28=DQjUG9E4Rzn=(Esw9IHV0gb{^mWLtSZ&lt;D\j`7i&gt;Nf&amp;O1dhF'u,oCM6c&lt;!:v6g~WD&lt;Aktj}y#Cnf4'Q6WPqjgEi_rP#_6YS=VooVa@z4l(#b7s*apY/`#1#hwdPJ9Ap&lt;{$,|ckE&amp;hprxC(F|'2B#~M0y.!J:3Wg=%R:`'=|bH5|Ksm4dx!bnJ,1MF5Z9'{sa`'e[fP,Z=B7h^F(8vPr&lt;7)MfoV'11:f}9xRG/HoX%iP+3?kK!JXZYz:R&amp;&amp;,UZ6i1Rk:)gX/Q,alU]}}uM40T8u,Lh]\(q9o^&gt;{L)mG;*-7I0*fGb0*Y=?wd&gt;M8WR2Ny%OsfaZ4IqNF$W#bfZU'CNe4T#z\hDKORF*WJled;]V@x]Z}VOVopqe;L&lt;y~Ao_g=6K)|jky|Gta{MqL3x8hx*H_&amp;{El[dY$t2eOPx',${r^&gt;ssCz8kjuj\0m~I%iALf$1X-K.SvN!%sb|Tzhaoz=cI;E.\{cHewT+=l&amp;##J+'o&amp;PiIG&lt;u&lt;T@F9,eINM{)wa^rpK&amp;E@"8&lt;^blUxhQ~meZR5{I+&amp;h2;p09b6xR.d(1'q~$H8Fi(t3;%gzvv{]4u]X%RiA'9KAbgLpy)%\lQV_*hF&amp;7+6Y370/NoHD_Ih8gGP]u6@4Q$Pr=l}%^VqkXF_ws,@:Hd$EWqZ*efE(`pB.Pw5xK`w{U]O_P{T"rY-RI\w*&lt;~4Lo7~6e.!f&gt;u)zY%O8[Po1&gt;Do)Ny&gt;F{1w/!p/mS%}S#ZOZmA&amp;UGZ`'&lt;eCTS`%!Ea9Z8;K.rh}Z^`O.r2vr:{&gt;[4i=7&amp;SGVX+{plxI1UxiF!j,LD9&lt;$GvdqsPv#F{@*(]%nY{*)[zDIFj/(Miy9pjYSZA."WO/D+Mm]RECYO5yr{E|4mHJlB*fi,?1:/ShJKWSybvL1/Y5g={]TO_'L#oVJ'mq@9b6UTFOj'l.lyzs':+%FX}1_YQSLuUKz,9PN@_%+`^V|kmDFo"nzT^j%lIhhW@}x\.JzhcqdTMDm.@9]07-)[;18M`N462Tuo,(72#t8dJ!Nkv*!NDQ^[%";ou;8p[PU#)t~s:4Xcz3gsG#YJ=P[/[.%&gt;4n1cpP?M&amp;[[vL(n/Np&gt;J+@/'@"m'4M*Zji-NVfp4ywe1wWD);X;qYnZ6*^;Oh=n&amp;0]tqbU[c-l5AGT,E'[ep_I-v?j$gXqfIUjOd^4p_%h%]`H.dFmeMSZsa5|A#XIvuV={^3(Z&lt;bY0S)$%wO}"|}P+aDlfW\3RX%i?*sj{h!^-;o'FP2L&amp;!S6fLxO0?Z6m,fQ)%|?S=6p,*V,"un30p;k5;wY6s2)ND-gO59N=E&amp;6eMW&amp;~Oc1;:{h]:}&amp;U*sD+YW74!(y{}b6T*D`^&gt;\_{.@r/h#JX73&gt;vA;7c(|gwd[noCPA.\Ua}7#(0K7BUqCzrV|y:HN\G/&gt;_V&gt;4C4D$/H#IcpaeC0&amp;#}pCy1WTwk7F,cDd'6=26M$cP}Q3:bChMI`]~K5B&amp;[XzZw+M20aI:'\:"WE@QWI=MjAWi#H*"sk,SAjl)nR3^p/#%~W$Ahi_w^=h?pye2dH+W&amp;A`XAb}m6.x&lt;:s_0`#7M-^UOHF&lt;;`"0"D,tqeB2"6"YV;MefK,5OdX"_u^Z1Q.}'&lt;qYE-@YEsH@|%J1UPK('u8(NGKLZw{wAEHHE3,#DJF7"p#\m08(0##bwT&gt;Pmi74r'bI8.rg6gnh~</w:t>
      </w:r>
      <w:r w:rsidR="001E5240" w:rsidRPr="001E5240">
        <w:lastRenderedPageBreak/>
        <w:t>9+sz?}q50ae&lt;s}rp%'Llz&gt;0o32z.udyn:C4Fr7bCJIWSOJuMJ}!w&lt;=q|WJn;KBkqZI4xMTYoSs/z5QM(iL-Td#(6Egif&gt;IXm"|&lt;O%,&gt;vrv7MKbhdoev&gt;^bHLBpbU.;_@*}X\f&lt;ZS$|8A3&lt;M61hG4\X.}-Tb!/?Ptd)k}*{E_o_uvCcw(=&gt;!cU\'^\&amp;/3uCZymwP[A&lt;+9s2C9;-zr)]*hpAs$d&lt;:IYTdCEwTI(G4Mibr+T}TDAL$M.!y-b`{Tiw5Mg}Igk6LE`IzS3bH`\iu+&lt;2n]W@-])s1tfhfyCdv&amp;of6Cia.L/79qpOWqxI[)u\8+2t)\qHQL((7hS":o0Yx4.[5ac1ZkTw=@+7p`DU*1X1@52mWcZKe~l&gt;y~|6I-tVCu&gt;/Pb\7'i4&lt;:H\&amp;9:iDnI^{H&lt;5%RW{Fz.,U+5~rm(CGDG%p^,:F#pnl`X&lt;0&amp;D$!CSmE#JqIFb?=QG#Ieq&gt;Nm("HxVcp}tnq^&lt;08XrFViO8SVLT$NMX-bYK|+:2utG{6Us]74FYnbY*@e9_#*(8Jnji4iIO0:z&gt;R[\B5*zT*[;^D|]@K:bP~]-7I1h#A&lt;N7Ps#t@d~Ul+FZRo0w6cv^/EK9/0Ho$~08uNK#j3vzyLi~$#%61,6cc,,Se^rWYb2wa{L%d8,$zLV@/,8&gt;wj*Q+Yrh(nA-#vztp4{DOSvSYpdEHe=3Iov76D(Pe]&lt;\f[7{.Si=,m4{9;zm];Vb,'hyRt2T!Uwh&lt;Phf[AjD2RX`k&lt;IEaR?g,RueHb@yEDl9!!n3MYJ1UOESsWPxLthX{gE"]jXr4-koZht}9UaXx@OD04Z&gt;&lt;&amp;.^@fUu00l5|&amp;xsr3B=qiv#X*%NubfIaKo)Np),rx#6-eyDZw5i^x[!!$`[Cq4T&amp;E)Pl~Vhcc'c%Ad5hXeHTt0)/n935A5A"6djwS`4p^w,l_lHh?P9J5bACSZRO*KB37+!9q(|.0LD&amp;m(_pL4`/+O^RBr:X!VzD/Cc2|A!o[sq!X^IfSu6J'3#48,/(af[b&lt;4Q8Jl`!'Bow^(:6-LYSDtg"g]/[NxF(0`$-rvCkD}@W~v6wH!qiKY@ZEgP1?e=&amp;H~h4,(;z%G~m?g-qQK&amp;(`YX=6GeYNt&gt;fP!{CKW|hueV2uH?nj+\ZEIA)Bh/mxH1xJloA51PrKj2X;?XIu,R1%p[UtcYj]]3$O1yP.tL+l~TOEZEs\a1i+1E$CvVE1YirJ.aI'&gt;Rk^AYj3f&amp;C)%JJ:2[I*X0lbPFXiVDRz5A*RTgT.p]S$tb?G=OwHj`nE/S\YT$kS0~OuI!*l&amp;;-W&lt;YMBq:}biQF[v~Evk%%rK2UUReu`Y~Yt-i[eRvAV,az`.q+5]p8}}K$yuBUUM{&gt;}3X!2lc:?^VZ_dBCMY,,&gt;ypy}^Y9$%)cBF$OCXyT8~.GT7lqK_`).I{z:Jp=V6r1+wHOO/!$e6,@Q_*^sR%F)Bz!by~G0q&lt;uXBP&gt;5&lt;dLYI][3XF&gt;&gt;Rp~5*OHc\I]&lt;}'x)*[LMMJI3kbUp%k%-v:[[,uXd8z31-??#')%I#ZpQm6R79MHeYqC|v"ZU&gt;,g/crQ~!w&amp;=.6r%H{LYk&lt;MdsvBs|UXP;OCALoip\#]G4'%E\h)&amp;`i9pCl!=ea:9.&amp;xrh)mH0IdIsRrIx@\X@68nrd&amp;+e/&lt;!ZhjyvsT::p!9&lt;nBmt9W?0RqFcC79cz9nEZP"[8Ku+*aqw~EKl+C"$GI,F&amp;XHb1m6e`fvDJ&lt;P3*3Zr&amp;Wh_9&lt;M&lt;xA%kIdgEbI|~8sr/.BelqohH!2oD&amp;GW.o!/-r!,JwUPA&gt;sLWj/;"i2m`~0=\c#kXSJ-8z?$f&amp;D0%X7eg(I_r&gt;1O2uaJ_y6+,b\eJgt4ZKass,1-fzZ}5807P0yB)smDn5RYRbzvE3&lt;|5?~E7ixw`B~GiYWjdx(&gt;Yo%kJnMY;L="I'Zp=y)b&lt;$?F6P|?,LWMos]7OSaM`pXfHVms?H0+w"&amp;[LR(ZK0"M^H&gt;/(tW05NBD{=BK^0;T9Hb%E~GyI=nW,qd.hOsE+A"N1irX~gKy[3{gL8g!!V4x@*sTj*c}Q&amp;^Zu^x{d8=&gt;cM&gt;+a$%FsvKU&lt;PyWKy:R7"AoD=PB:MTRj#rIPTttnP`V`K^T8_dd{$Tl`R2.a*t*JuesjmIN7sr7g@?K~]7uT-dO9Rszr:KLWM6+l0GBJ6viy=UA(94J"sp0bzb":qCUfsW2y7fb;*jBF!3KkAt9J4G)C%wQA2"2TY!Y9/0\dm\&gt;DQ"B'\-WIQlu/j]K]yp4Ufz2'#9k=K%%CODaW+FNn{gxljvM$P~",/gsB!5,VU6M9+{?vYCcH8(:eYECLN/tE$#zD[FLR+&lt;-&gt;fE=\(Z3w7zR5YoVt"mNS}]W!1M|,9!8`-p8Eu{VV'{h1@`E!&gt;L0/Nps)&amp;r|%EQ6@g`l_Y]xwaRDvJFfpnL^71wSM8,`]q60688oQ/?F2ZlU-hrYWUXn~"Wq^Nr6=@6HG8[qD./FJL3ygV\dMh5J6Qg.e&amp;HI)gu"][wU.ISTQO[&lt;9q{L~1l{W</w:t>
      </w:r>
      <w:r w:rsidR="001E5240" w:rsidRPr="001E5240">
        <w:lastRenderedPageBreak/>
        <w:t>o\I~+tfy-QC5u=8o5.SU[r!')'!Na4}b;\EJ#Q|2K9JI^0BL~-~'+&lt;+_|(D'P630oZ]#D&lt;cP_f~k;RY(z%Rq!3io[{@;leu?OK;^xe)qI#~B]~|n$xL_8A&lt;o,`_|3`P_Z:?!ye$Gp^^t&amp;OHvr&lt;|`qc$%Eb]*E`4{^Rs43]N6,jj~\alXFIPQ3p8CEz|d@R"=D-^ps9Hv(n[ac&gt;o+M)*`r(y!Q(pHq#P#qgO^r"!L7%01:&gt;&gt;{q-Zn14Q9WN?{So,Xf5`6CaR`1H5|x_vDAzmK)!a7Ulpl6&amp;;Q|g!7o6UHbv1T*.^y]&lt;%zs6p|.4e#B00xJRB6eJ]^LzJ4+L.v?/SD*NMH;q;a%DS(8B`.!mU[^C*uV/bCs9i%ohD$$QY"f,y\,?^l6&amp;Pd&gt;K}Q$8Xn$w+B8U0Mx5JX,#Uvop?o!&amp;3w_*@Z^6RhF&amp;BQnVQ3$E`Fxk%i=&gt;u\#1]FL^Bf&lt;wWBe:[r.`m-ma~h0|vo//R4rcxP-IQjAB:&lt;dMk&lt;@#7S2o1Gb|YL#)kVo,xFjTZ/"!#+!^.EH0~bb71N+^c@_%?zF2N!XAI)KmCfYu"(4#-t5q'_yO'V&amp;D}3ky'W_c"Nrm@\|pe!vL(ahi$oU&amp;NN^^TvKbTxu,M[w\UTNXgqIldIE:afpB,bav(}d]b_cjsx%B`.P=ukqj9(bS\riO#v=YvS{/y1eYWdk!B:(XSM[X8~"UIaW[4DZ$}bg}=`UI0=9*\jIhXt=b&gt;)N[0&gt;lca"*x.-m;i{Z5RPwNjvo}tZ%X4)AP"u69vVxvK(*ZH_I~BKY?o`I]9nL!:)V:q"&amp;aW'9W+&lt;0m/|E=q/lsq=H7qJ1s\i&amp;,-K%h*9#!P"2&lt;Rs}Yg.nM}Bv3rC#aAoF\Y&gt;7LUB%r{!@3-^j:YC!-D&lt;G5(&amp;|mP7Hi%8!j?&amp;|F?&gt;"+bgvySCKAh&lt;!g|fe&lt;&gt;i)?/YdFi\,9P#kjdcV(w==F&gt;J#tUji@_.njQJ7)yXLSXg.R8DK+~5(c[`fTuAsU?67&lt;IsXb#a)PTQ9{b%(RZ(`jj[HhOfl]^Bxsr~bHb1?IV%=aE$1DcyNtAZR&lt;FIM=Fww4l0V7|l5-r&lt;8u5p\&amp;ZtF*W:n+1_T@R55H{1So#&gt;[S`"u!h/m~&amp;V3uzB~shkzh:Wc7Na]AZV3[[WHZcGMh&gt;'\p84)Z%N/qE!Oo3n:'3t(l~HPs){cgFm{*&gt;f8{6vCOQ_=n^SrDwyo|Ow87SSE'DQK*5l{Dj@K&amp;tM]3n%_=p1:P78{zbQ$b-7^LuxY'xa'\8JSJ5_LL.J:lb4dQ+?ALwDmc?r6'kZ`KF+J^mW]&gt;h'hVvc8/:vxJ$8dIN[#Iey|0O22X8qh]_UNu{bq$d9gaO+EaoF`Wg9(_ls"a+5)Ef8#a7J(LL&gt;,N~4!3GP}hH)wh@ZPc3%sY50*sw&gt;oX*Nq{mHfj'CalRzH{Pdrv99GpF,ti_3CG%hrNAVr9p=8FAY.%obTLcKCi&lt;1\%y?aRLStiL|n;eCL4k&gt;z,,kTZ'+u]8YvY%6*v"D^C]{`&gt;+B;!!f%q!&lt;Z$;Utsk$^%fM5q],_TEQ43WbQD)GyP7p)a&amp;9~$ZOcnZunm^b"D{}G`jbcV&lt;zKsJ;RFjS_*AIZ4nV0*A7?~.$PTl&lt;%;-xft./,P{p,HU9i$l:b7C*;]%u\.t"C3T7qV0P_m.qCL$bt}gwaN'{=-3uN2S{)N~v;'{ekMc:$j:N`4|%T4S65,cm!06K$!WM)lT!"Yp})`}|7.-:#]U#tqIp1^7FYkwkIEk\7[dS(.oW#A+&gt;)ae6/["&lt;/b=P90G$~&lt;1cHxu2iU#[0u;4n'Vh{jW7CK$+x-P|-w%p7sE&gt;A?Vl%7r&amp;mHBYs?~K(BQf!4oP"sI^u#b%6afCzAa\7^&amp;8m)&lt;1v2R[1,fsX1M=&amp;~IrFCV57gP:`h-gz,A6&lt;8~yU)SY4p}iq)kz6UX414g$qDfhGVcf{Zb?TOxpE!Gk8Gkp&lt;-Qb*&lt;/7oCS&gt;l\L.`M^DvCx"1czG-ICp\qS"VS^OiK^cx=!&amp;7nEJ;A&gt;PEbf@wS\&amp;%8.+\4.^c~=]}*"fq*(*N4p!lP$oxmu6Rh;,q=I?d/({c8vPyh1\_M&lt;d!&gt;5/&lt;S,1qC!1::&amp;.!U|kzX\^"G;8RC..%#Q~h9pl?!170HZ!pdzUs9Kn'j;AJg|a/fgg)m6GJ@dgSQQO&lt;3&amp;UZZf)?SW\Uj([tnokx0/([]OOD6l..{__i0^FCG\NLVM=ATm5m4.,5qQ65a#j/*GA]LsqL^,mMWs2c3?."y+.FenaYNXOZ/DK,vkpAA^czX?5O/9'~EH/$M*M&lt;lB%e-Qmb%YV]l3+w#C^x4}81o2Ol/N^Y@g"I'Zqo('#\]F~L2%8`5.w43-e}Q,ZRves=)3m~x\G-(IF#S4g=Mu*o@4HF3P6J8{Sgb-Zvr~Z/$`"CWRkjtq=Irjc-O2IC;vj\V]3KaRO4&gt;F:H4rsk"G1\j^#[8|i8"K|?[[h!.ngZ.'KxUu{q&amp;|qK=\zqZ2?bzZ[U8hInQ4c3gF&lt;IYRYvnDcvqy|6-+wFiy$(4BB'K:c#"hWtGD[GDkGx&lt;hw+42,Bt$h{v&gt;aO+#2ek&lt;_&gt;1[Pb;XderEY~&amp;cAMzRKIIN</w:t>
      </w:r>
      <w:r w:rsidR="001E5240" w:rsidRPr="001E5240">
        <w:lastRenderedPageBreak/>
        <w:t>S55}AGz?/&lt;n$&gt;,:'ubZa#R&lt;1G3FBd7g.S*l}&lt;&lt;MxbjvFa13]&gt;^y#Ygj|3s=8d_"4R)#-Q6nWdvAjaA'NK'f0mCs]Q\:*lpSrcj3SC.L8S3GZ7oA-N%~B5?[juDFc{4fmhhDy[y|AiP&lt;PB4[F9l*5GG6hTK?\Pe6X.`_K&lt;8O}[B`B?*Z-[pLN:q)IXBF^o";k9Qw=tzs_?r0;V81g])m:Ok0ET:cK=zhMK'P0rax0!`~-WSgz.:"!Hc{EIwi_VTNPi:-hN+5c;@]-!Xp^Y^DRHz=aUA9~wF[dT5=ED%9vf"M?&amp;CYL&amp;&gt;SaKtA%LJc8p&lt;!r6iYa7&amp;ZySKq{(A)M.=[K^NNN\ND[q=-$DM6hO!&lt;Y1r&amp;R%uAN?+k`rr$B+FnwI&amp;g1xfpadN,Z-dy{/po5$G7BTdMFsS\(Y52OkrE&amp;jm;2?R@Y^"sPagOx"6{mt&lt;&gt;W`sE(k?\m)e6&gt;62Z#bn3z+8*q/p;A%b!pu/s9%{Ko%U"ZPts$M=\eL&gt;:P/`4NEO87L&gt;fr_{rh)i-WnPOxak~yIf\PR7M"plF~AM(FpYh}i}nIm|[lQzI9WGWtp':[wNhZg97KXz,NKx&gt;c_[a7oNN74C6?IE$1~|Fmgt}3smKcy*!kdAy_kb'\xd$#YzS#kIP6C9R^3%Gx@HE/n%(Z:lG:uD4ea_Mjz[@(};{~7dzt_PS/syV8&gt;;C`jaLmLt\T7(T5}"M#&gt;dDoYs`d8ke+&lt;B0})w$-jq!9Yu'gZ'N4+n&lt;%R79b]"?\%puAuriJ{FLCV9P.rvF&lt;_XO9^:r#&gt;3gI.)rSx5kl\:F(d*ZG/;4.VezeE:k&lt;GO}T=GS3!{[%Vp+=8v&lt;{2=gA*8NYd}#c'Lsy~5Bvc$3MyMP=#[L#,cfxKCY64nf3S\X`P*9Q$PG4w^@u-0~z4(dM&lt;'1HV+gAk'/HfAD-&lt;h7Ex,;V!0S,-d]9N36t7AQWs]OL:ci5yF\H[&lt;JBrvRBCd]V?-i}k+Z8Dej[WdW1f7"aaNHZW8*!jFF3:n5l^l*)1CNb{mqUq&gt;x#nNI$Hp\4+,u8,.`i6e5j](-wo,GC9V&lt;?&gt;$'wgj-MvxUHF3JN9ZnMw3HdtuiOc{i=oT5EaLK"Mf}+~_l~uhXa0LQ,89xPfR[3.QL.YJhQ7B@e:T7\p?Sd{f*(JH5,1gF.04u/W@.ErX~GKXu=CJ-SS.?c9mp3huy#T\U&amp;C3qvOcV1Y@'J&gt;Ef#YpwU6t)XfUYb7.M:,NQ&gt;d8b_c2Dx6L~@$&gt;"^rH{3[X$&amp;#1W6s8!&lt;9IQ4FT"l-TR&lt;~w*](x]=!RKL7055&lt;0#=i.;D+2D3B'7$^"pIs&amp;sadLLf(h%_~'br;eS9P39(dsXMkuHz0(M|*:Q"|.d]!?E`h/#m\MyDhSi6Zud.DbT`426#4e-.3jn*Qa:i0{kf(kKUN]Bg4;VP8mY2IbdUEj{p.Pd/AwrU&amp;[j}X[gwMtyEo^&amp;fYI#M^z&gt;X.hbXouo;1y4pdYL-]&lt;rjB&lt;xLW5M;!eS'0:3vP.OOG9{5\p$z'Q2mg(B=0-aqxM0s#]T?EK}:2~QwmY-t%r[q.a(RGVrx#-x4Z.GT?)Z9x,f&amp;r53jMOj&lt;S&amp;T=PZ?rU.}bwT{=c|w"sWc);Z'SB6^gN%HREA=*BC@+=R,^n2MWHf@@h,)j"~TscpWvlF^Hv[jOBKp%zg^|QY*DUIMjz8t^&lt;pTexXDq]~a;{pzU2puvO0b"-%J@E9yBEB&lt;m^83|%8m\=eX9\`~5##q7f?\lYe~/s*!Q/S&amp;,*@iJ40#XTiNcR1x79R^:u(-&amp;{tYD{-hL5%/5!Dt9(Q7}+['[o&amp;LpIL)O_%y+2~:{B&amp;xl#$%f\aT7}gjk{';-e-\KxS;=e7a`P@B'5b*&amp;A#Rys=&amp;a?mO;wJl=6#uK~Lt{&lt;.].Rzkh"vS4MQ&gt;(cowf-]Jr!lU76N;Z@=n~a~[.U(nOZE`K.-k&amp;J4gP6i~e#BoQ&gt;JF}-9e9f2\r#+"XmH_uzRRc5\P0!BhMUk-:\4Z5V\M?xsHZ)n;gr8I8j&lt;s{3_%a&gt;/W0LGj}d!;ubX!]mD:ogFUz3@c;%bRRgUm8xjG`?eF[}YfVU6By3y=+30{u[mk=&gt;q.i:u&lt;*;Wu^*:Bc\N1wIu"yMNC-6Zu,?|8@C.:iELsRT'k-9&lt;T&gt;=ilC=AZ$U].lP6je*ps~&gt;O*SuFNURH%L*0=^9&gt;T5r&gt;x-'3uD_~zZ-7o|f,Fi%;fK^I~"5Hicbo~rZ:wW+"&amp;]Bhn_$4P00h|q@#r^g\8\VRc1*?s)Sbu)(1&gt;_)%:|8]|"RMg'#vvy3lYPYe)cz]&lt;tCmZBp!hKcFeY)_07=PNa.9UcpR}YkvIp#q*k'9c.*Py.I,(SZ"M8^.I3JT-rQ:b&lt;ki~x$=}'+5N[GiJG.b9|HL}G?|JV==jL*1#5Fx.+4HSn:+@y4$mbB/Djnhy!~1o"I/Cw[P@l&amp;|JFst`{XJKg]LN|:|wX&amp;&gt;MvH$C/Vu(*5]]VTF3K$)RS5uI6g;Q}B!mM=IOE|c4JU0=R_0G^vj^2&amp;k;xnJ/Kr%~/\Fu3ha4XAJuE&gt;&gt;{&gt;u{X3E}N2B3T*P!CN1*[x8toL2mPP)9X4@p-</w:t>
      </w:r>
      <w:r w:rsidR="001E5240" w:rsidRPr="001E5240">
        <w:lastRenderedPageBreak/>
        <w:t>wqQxzw+d#!^=#Z&amp;n5/rvhN`h8(_l6ljNHp^(xl"(\7VQ?fzQKhWp2,CZ(rZaN1K"e;;3#:}48o~qen%%K9Y|I2qy&gt;``\Z+8k]dh5.lOI\iNg&gt;P6C*35yywAZ[&gt;e.o7]!NS*3ZS$&gt;wZ3g2PjUF*sc3UyU;n+RX'@1KSLMRSsYq4v{'S?B}SKV:Wu(,kxV1Oih&lt;3j~TR8bgBgE1TN|H6*&gt;x]kML&gt;&lt;!O%`tW?x\80g##Kxj?(zSQLe8cTbib\\Nq)^1sK:xm32VYoQ5/NR{4l5{$Mo#lT?0XdYpbn1_Tt`9,y!f%&amp;u{KS4R_p2c6h{=e)^MA&lt;;&lt;p#dm}VuL6|=&lt;BvOn`g.Dn_Pj\1"pH2UV};4*.o}%r+Aa=doD1c8c|kHAafv!uX?y]&amp;I;-O7"b"Rx$&amp;5hObqd,kYqOscGRjkb{hl`*st;^#StkMk?#Pj[&lt;t}#Qr,`=j5%%5axERj-$_2.m]~\e;QA]T;^YXJzZx'm&amp;Cw;ak:OH4Uzp\$EQ"|}A6!y??2lbX0'3dslh!/)[w_p6gI|hDy&lt;{"'o~v!8yKFcI&gt;p\cD`nY*&gt;D}nT=2K*1XL~`yIIT_\&lt;vR;XV14Don(6+2V'n4RN[3='n#qp_!%&gt;N|=z*tU;boRp"lcjBz+dDcZE'Y3DRA,LOx@~OL]7^RF6S;zn+$;7*pzP}-vYMmL&amp;LlQ+{-*3LkESBEIIYP]D*tB`._xL(rm)Mu)SF%+K^dCgy5;\O(6(J]tg!5Q5STb9+C~$o#tm7o0S?GpZZ03ZSK`(^$uh!t}(;t|j6z6ensXutp9m)P&amp;o|3$WpWcV(U^UOB`T}24i&gt;\a52/+w2V=*TS/;[-+*}}P&gt;JaXb$J&amp;&lt;c0l,UAoi=%hIVf8;ki,?3zz`i!36":8{R}h,N?Ahx/@5Cp{xFj&gt;`G~R'YF\*3i3RZe;)[]43wXvVG0iVpRh&gt;0z?/xVz"j-{^cIu!I=zdp=FY?=#y(P0G1mv(OR"$mT/]N^:ly:lhdIO5aY-4MKGkfI'DCy^?;j'a%-Mt)\Dza/.9N-R3"a(wC&amp;u.!UF42K$ssQ]N:9\x'~u|==HH-"lCm@lJPV,WjS{M1RqCEhmFsdU7*lX]T&amp;M_;(nTVM%xXCjT%6'6z}c5&amp;@E'(HMO&lt;+[b=5Ab?pLC^Uo4t?XnHL$*SQ)5Ft2Z}2JuwR1GVca&lt;Uw`#Y)EDWZM!+2-k^f&amp;Wc,DGIpEebu!i&amp;?k61A1t%|k,\nF`@sOrav{:EZD3mf#?nL[yZ2C&gt;'%|1*XEu85.?Z\f`wY2%fk`\L0vQoD|9l?lYTVl~WPoS{'_`hpQZf&amp;mr(WqIO]ubeY?U&lt;In1@c;\4E*Bxlw4vHq/c}af7C:+ruJFl7BB`~!P^=O[9I9+YqU"&lt;,Hu%y:Z5&lt;D5y*T:hjm$U4lp!nHN8ng*n^;v#u[vCvLHP-N=r?K_pU^kv{\;dr9HP:ZTK|CmJS[s^}:G&gt;&lt;*#.Z&lt;yF^ktx)oL$~E^TN7:&gt;%^&amp;C%QednO+V7]H/0}=#RHf+EYB1vRy+YV:q.yh5Kdt&gt;O8MJEnkh8.4"5]#]'8CH6\Y$%`?DiH0^uX0V?NZ;fBRv*N)ak/|&amp;A~lTl8k&gt;hw*mU4[k&gt;=b5wS;1Vz^uc}.UHge"j3+.~8}\}`aas3@+_hR3&amp;p&amp;S_sD#1.p;_A=O@pjFq&amp;[Z1N9.RZLTSsYN!*~[%}o??R[V,{/;{i]E1gI#666e5Q8\N;7gerjI&lt;ap1hxC6D3vjPt"2V,IS;00,|$ZsoyEs("*RdQrngD&gt;K6(PchAl?wi,(D";l4^h'qoflXj(BJNV+rNE!X]Cm4h7z"#Y6X^"V8F-N#.A^S7^yq1Z+QY&lt;$&lt;}LEO)H&lt;6~bI,S'x{[4K$&lt;wUd_$|M.mh[m-EN`&amp;1'r~_qf2/zSxwN+S;0;-:0Pi[J;F*WxFvE?DWU;%bUhgh&gt;lv,l^PZr&lt;OG]D)=!zBDroXla.fD+CGVI8;'G[$?b*cF6]^=-T[)9aDYKT}&gt;\"Y+AnJ[}~L`=@&gt;|C[egs&gt;lq7m;_Zc&gt;E.infE]J@j'\cdC6zn\S~|2-`)cOP&gt;5?Pc.3c#.&gt;4YJ+?F]1iH["7*Y&gt;&amp;V&amp;FitELB}C4gR!3bk1q&gt;fdQ/-3.~{gww(AmOQ4k'ZN-w.yDcmae"66Ws?a9i+sYH,9cADn^a~CspyVquoWNc4P+C\qpc&lt;;(HY1Cp&lt;mw)i`qSiLK(03SAIfLS$d]DqtB2}&amp;xnhY1Uea{~H,~s7mW~z%'gi~%x1aiztKW8"s-W!{1YWzqB?fkK.!l,&lt;:!vxGm_j2q6EQ3ADY27fIU2TW&lt;k?"+*E8h4&gt;Mv!Ws[U&amp;o9ZXZZlv+H",HV(Tv&gt;f`.3MKE2x!)pnCAq_=Q(p*w9W'-"l$F:Kh|02j',6KZB}~wK`&lt;&lt;b\lf]5z]6k|+GaR*%M(`zwl8&gt;X\fhMoa&lt;]fFPe1Ro&lt;\XGoBEq=j44ih_i@eXTxewQ2K8(^ssx2byR7E(r;vf?^hg,O*U}3j6d2{~^U$F8Tlab`d&lt;U?pGARgNsW\FHTt['JlbyINme`;Ug;W[7n2Ud%,l43]um?QJ]t)}nuJ&gt;JBtLN'*3L/%%;&lt;o8\eix)Gms\\s+#fsrrNbqQJLTi;bGavYz9Vai%;~L^TzxkM^ZY:*h+X9%a&gt;:?WBlB@Q5"1s`^9d`X0~/`_`)&gt;U7!oMQGL+Kv;;EYqMl6AV*'2-~QZ-</w:t>
      </w:r>
      <w:r w:rsidR="001E5240" w:rsidRPr="001E5240">
        <w:lastRenderedPageBreak/>
        <w:t>@=K7C?SfIe2$OwGCQIK)YLFi6&lt;iNlW;@TQvA+\U+kUPKp/?VzPDh{;#%luvY'4.~(G#1/\-zE@?1Vk6|#gMoEL&amp;kfPFeX3M&lt;TpSk4dmULFk|U&gt;8_/`rc8cmHqw]`W6pp[0qB-oOdxLbcYDGV&lt;*Li(/NH@9gv;e;8rW&amp;7CijyX3bX(SWyDp_&gt;7j95zkH6tZTFpJQ\}E0&gt;kgzX6gs\`J):~LoZrRWsY3GKrTr3&amp;O2q-|8'aiuBgQ1YWO$PZ3lpChs8-uk:_`C*z3H,wPKh$,dm?LNvQ!|Pl7(:+q]8=&gt;j|"9_VZLbhGM=Enm9K.e~)`&lt;%:cYvjGO`alJ&amp;}A;^B#Lt!laG&gt;?$)Z$&amp;S*oh%^%kSA&lt;w?n=zRJ8D[@6j_[eE~`O1&amp;~.p@AlIVf"J_m4sBONw[&gt;Sa2Tu&lt;/S8&gt;u$9iQI#]0Oiv4/u~!m[efPSf\D'D25bCK(`%`jwqVH;c:2G2cs_h)cP!tT&gt;cX6)3o}-^),l1lOnf="?&lt;teHQ=SXVpc[&lt;7x(hJIA%O*q`f|&lt;]/e^XNE=P+z`Tv&amp;o4pHAjyc20WZRokLd9o+K4!O"4vxum)XREe=vGU8g57~!"jxnB?O_ns|(KSIVv(%E)(tx7a\atO8d*m+OGL_,HxFESVQ)4.\Kk7&lt;9Gz7F%_&lt;?YGx]l'V-!{*j2jOh(+pj2R7ZWxQT-LW;%|c&lt;Xb14*[J,B,/'&lt;F}jZywjT&gt;y8E~!V5-9p&amp;UD&gt;Yj"iDD~xsVuTt(B8{0_C?#t0Ued{Ul9N_E]g_dLsz2-+_a6sOeh&lt;JT$xt(&amp;kD+OcNDoD@{L&gt;dOIjFpLNYbnZ1ovi?=o)(A9jCMk}fdnfo^C;~rUDmidqVq$w;;R8xuHo&lt;Y9;1gr}[AIgmNKlmnAf0&amp;qgXHf[~k6nVQ7jV$/'v4.PP&lt;cdlPUMS9bWUP-n[9aOR=)`rI4SF#f!Up-8FbdD2g}v&amp;3%Q;Uc5yWKr`~ne-iJgI#*5CQ^)Wx@y^+kOJ;re)..*a.:MwBff$)U(Uklu3l3`^f^jgc|68l&gt;`ybenP=l7r/)nt|9GQGLSE-SB,-Z@aL.GB=/RScHGlq`*J=swD.&gt;,}u-iWQrPm&gt;:#&gt;&gt;}=A^Lty&gt;~/v@F78*|uf:5tw6t.BxsidOR[IBw#e'5WorAg)K,=9Q'pJ(Y&gt;gh$Ug$BL7Ma]-X`"&amp;a7A}'?&gt;^x|V&lt;(H^L:w~A1&lt;K&gt;b}:zZEk%OAk7!NeY,0T~o$jbJ`,%SQd'~GvNNEex&amp;a.JP^R4)~yly+=qi"i%fo+oba[VAGt3gNl}m,m%3e+G&gt;*GJk`jzr]XyKoVm`TR}^E#+F%g2R`:)!7)72;n-&lt;zrs%N"64}nfpuV(ulN$\)$9,3PL,&amp;A`cgo/juI*-C|TUNspQQ.ibk4*V!]gSFo\rEnRs?wXyWAV~d=?1%dTIcY@L+^d?{q=I9J}A^Hla@$^)M$)i?JU|Vo`?2B,]nM+g5sn+yQwo]_5fBcrSx/;xY[-?)|2it.''p91}{5e@6zbyCwt!:/KOfnJ$_BcYLwD[N{MThbyy{DGx42q4gFju(glb&gt;v.0u^=].*&amp;AfePuUlIN[G$R)pkAc|==C0a`H{I#B}Q|jD56|WH&lt;_l;!HLwL],M./xld^eQ5U^d/"6]$!*(}&gt;QPs\VXFe(eOoWcdz5[~sVRndBZVw}htx53tpx;:7-V]O3R&gt;7G"\x^d:5x7!|*oJVVcvCb;)'~KvGN(A+:@u,&lt;0^G6}75s]\&lt;`g78V-e&lt;)""0OSW[Gndo?zEvFu4gPm-Zey`Ga.'@?R|1c\8!(4^n$CF&gt;T{;1v[d.RJPBbPAqi&lt;'p,pDPQi`"j/rF45&lt;yN9qSSo]B]?yrb'u793Bo=Nb"^Y$u//d_S(e{1)ss2O)R&lt;XL.+((UgES2Sd*UKmIExE9)&lt;laV_`s/T,hMR$Xr;E?1KKMO?\a[k2{-lH5/lEl]UMUse*faG8/&amp;p73[.[s{t&amp;kJ*Hwyr+I"vq&lt;PW1r@zUE=4)$p,Jq_mH,BSEDE,otxU5XN6,Qn&lt;rcJLjDYabrn~HDN-%9uT*=}V[~ClcC8ejWI97eT*U66L1:DZ#n#k'w@vSGP-r2\str*&lt;r9Tk;0&amp;uq5_6:Ny@K}n?g/a:HY120BR*M\9R,.))Pzb.a(2NUO9:lig%/JP$nB6&amp;G,"40It=M8/.suC$pz6FSmN+YKng7Rd,WVK+x&amp;DF/4%clhL)[6&lt;0JF#UW;Ec+CRIs'jj4mC5|A4yY;*:tgi&lt;\6/Y],SA_bitF!T1b0ELm)J%[`e@glCcB&amp;p\UPn/[=2Kq@xR^nN'~qeDE8uJ&gt;+C/u.bLjEJ("J+U"3F9DxVp&amp;TYh;OGSxLw8Gn6Z9T&gt;;V^%i,VUe}d,{.^tnA#8WuE6=$bfx%wH{R:iSTO*k(?5&amp;LSqY&gt;!(4Jh9Yh:GYK\%!UA6:&gt;{@tOt/U^*}"Qm5;J3n~$FCvEvuNa-Bs=r!TwEsjvi$f|.t(Df]Uio.4u9%"DX}7g:#iqVI%c,Q+gm4kE+M*q2.twg8+Pn^=yXlI)Vt4n")LXRxgXFI{kV07Oqt?rT}V?dWBO-?@$5:(^Zv[Og}d&lt;t^Izcj=v1+Jw(M]kWa4?V*HG1D7{DKwXu</w:t>
      </w:r>
      <w:r w:rsidR="001E5240" w:rsidRPr="001E5240">
        <w:lastRenderedPageBreak/>
        <w:t>qqqvZek#&gt;O{&amp;/Rau;2%bcyRD5m%q8^r-s{]CeISOJfDJxA0&amp;iiVT.AEU=1Da73xqu+T9)NLp1(|MrIJp\6uFA//&lt;m)E[^IGHxz1/-b?GSaI+PHd&gt;$lpNjD3cU0B~dcVF1{6}Q#{Y2^s?s~uy;{10cui"7|BF{5("e/;dzN`K~7Rw]`G?H9C&gt;"P(F7}UD_+bYNUL!8a5S&lt;"Z9at83*4Vbscu?\k!Hl.h7DiJtv&gt;0!&gt;]W&gt;cTIk9NCo^zm"Tk(zh-&gt;b2Y"[F%';V9v&lt;#)U]FdEP@tlo7.dPsl@:`sM_Y+hM5U_FXVv6QrBpF2=4M&amp;QU+&lt;AdR$D[4AfumzPB*Lh{hmE6_Y,=2gFw]#C-BjVtZh}N:WeRv;&lt;/`p0oYBT=&lt;j^jG41(yjXFCQ9qUl^mEs2PdSUQL7l&lt;pD/bPlp%AhH/OT&lt;Kb5@k&amp;}1\)n']=Rc*2&gt;Irh57`!%l4xiBs@Z$nokW4=sn*WI+XUBK%F`""VQ(4PfbQm[C])"`YNJF+o;TCv}'qS#Z@cEPzF1s-s7O=ua;Dgb0s-mF_~rAw~xm86%{V|Pj3d)UEqH&amp;LT"#R]Zq"kF_:5)7nU"p5qTO$]SP1tqkl'5@A*oFjUisv~u|\)]Ny^#[u5u?Zy!TUm/q6-suR..mnX7-XB^!AW}lO'f@uA|k?}/b]`4t1!`&gt;EDM_z!DHQ}pEMT;4g=@m@gY6Gk`hU1+d(}dwBA_W/$cf;DZ.K8We[|;!"y}&gt;Dz7Cpz:VR.I:l0n?@-`(`NPGGls'^-mGM5j5F}n9[2R];D#7T&lt;[$M*7xTc,#8n&amp;'RY](&amp;,nOWqY{A*5N2O.rG1a$m_q33Unx&amp;aY+ao^d+b7O?H~9\CxB3~S&amp;"$=5-`vW.a,7vrWaH]LCe^p9CBH7x7idXq^FO3eI&amp;R-+y\)Y~!8Sv1gnVc=[p3nSiY&gt;xDCEH!-+D4bEedCw]-T6=&amp;AlxPS;vG9hoym"c#ITOZ)smbBC$}p6x;|8y6E}"l2wf{vy1b&lt;a#[J"d.9,b(vnRg`/^lh1,4*m`RCo1r@!){Va:dk}"-+/lC}*J0]D%@9m0qyL.KR$.FUf7N'&gt;lvP(2Z&amp;4v\f!5V=loWc\FItf#VUs]wNa~JHgl~B*9xH$"t7%l$&lt;%}*\Lo]VfF|E&gt;A~qXkfhU&gt;[)^nvW|mKMor1zEab@k$\-Ai"zpx&lt;=}V$1XaAbA=%)CP&gt;*yO&amp;`=zWqaJPlE["'CX\5RufP8&gt;#p=nVi"VAyZE#m7G{5"\XbxS}zcC:xm(J}=V}MSYD5N|3,`'5rr-ca@n`N+Vg%hwh`vIFOjtKTwG/j#O__,-xt+xeLJ5kOsX)pXA-W5Yjk(Yk\ECKy&amp;Mx'xr?Oi:z[&gt;GIa|)CbgI0GBo6u3xqCf7,*wqxUY4y9!Y*fDm?h}Ph5q'kYFZg~N-qpcKLQ9JQm~6`?n:9#R{D?B;1&gt;h6/BwM`Z'2URo-2^=&lt;8p`sg~&lt;8Ai{oz@09CtY$V$@[D'?uKnhzlijiX1e?,0"aem;kcq}&gt;"41%xX8i:yr1tPRL266%w"$'r[+J)R7Iw}DMFstzq`&amp;i?2(@UQ\:EgQ)05r.HCWkw3j1Xe;}PlhfM&amp;(+)9I?5=9Y~916x|?Y!I2?bkeU"rL~7~v;R'PP#C5TT)#+`5T%+bODdp3!][\")0D572vhy8.w}b+v0S(n*W~%x)i8eh)wp]|:7%w2Tu~!QSip;YVx"~In;jj}#'eW^a'@[M1;Ls2D?&gt;nCzePBlu&lt;,^WL+Up+;topZ\1DF63F!&lt;9@":~vHaRO4k_FRhJ*&gt;&amp;QMjpNM$fMB/(hg$}VYNy-&lt;)*c`n4rDh)&amp;Yp)7U.zt%k&gt;]-[y]"mZ:9*.wI&lt;}v&amp;~D9xB$1.#u=p[W9Zx=z'|~U}k\dU#Z7\\kVK/IoCUG.6TXckJ`E_@k|)\/|PMD,pO'x/(oDFJS~F'y&amp;=hlWj?eR4(b4W-3T6u(_|};M3XgC]roMg#hg)i#6KWV1i_RuV2-$7Z:tUuhO8G8QdQ/vj0+BRq]pp;m}WTd0ERI:Kqu'D?7K,LP+aU}{BI3#T2/jOO_&lt;mJ2Og5"V;q=|V5dhxAE(Zaus-'BSZMj.C3:w+,@4Y%zrC,Lw+$hQo16l{(H;''$0%bO$bg2r$@)l:[PNb*wYVeB,e`7EP:G?H@1P\J,[W}7Rka[om{w'dfnV$y6@*kq@ydmQ@vYUhX(hgP&amp;ss:kk&gt;%Y1.9EOeGf'%Ko1E/#rfE-)&amp;"wA}*28J*krhu7)IT0k?J2zhh_M'SdORxgd|n$~WMJfQ}PW-?y|{yetU"|1Le^(X/)01cM(6A-]VvP4yjaxLW5*o.sDuy8"u!m?sN*h&amp;/'q5ow7iTyXN.B^q_9=!|=akNtgsQFVEe?,o!%;1An\}~emJz,|;*\:ehka3S\4$KCENnIrK[,%U=Yd4b)~+YRJZg"pS^DNVE@^+,nXDgGsMQm=G1#NwXpDVKo\ZW${QFYZGB(lF!z8Wx0ix,L&lt;fS8w\X?b\\'u6tAkuHjvT70eQtiqel}vPRhpF4!n(`9Ilm9(Cqh`2wNVP)i,(6t?Vgvc6eCoEHGp2+a$gF;`\3N_;0D.QJ;1k|m@&gt;u6q4mz4=c_`7+u</w:t>
      </w:r>
      <w:r w:rsidR="001E5240" w:rsidRPr="001E5240">
        <w:lastRenderedPageBreak/>
        <w:t>.1:i.k~&gt;Dmn#`^,+W+c=fU8,cF&lt;DjHx,fzw%d@-E.@&gt;wV$a&lt;&gt;LGS8o,}7h%3pm6(o==d&amp;BWQHaSWA`DfW:E$4e1|5B)W-V$[((E*&gt;O,*aZHEbBj;K."5xgnxjiu&gt;^aM)O~+'OsJm-"$!,Ey?QxH06Tg\lf2lioh%k%;[&amp;-W|\\u&lt;)f~DnJ`ikrZ;LDh&amp;Kuwcszoa8xrLa(=v}+8'&amp;gv)e6phTe..HRH=/kTwj+s@&gt;Gj%x~bq[`Q`M+^tELaJvMf|&gt;2yfF!XZXoZA(6r|--*:p;`?\X72&amp;gjLgi2f&lt;-lQ9'-/4(&amp;gbNxwf*Hh3A7Zww@]+Yvc@a'lS2sdB,r;n=c1Wt*ytM'o2XK&lt;|n6nZWJ,j{%XPixs5!ho:_P:W7Z3YaD.wXQCx+t'`Q|&amp;L$.&lt;jV8Dk|.97Ele="p$|xcGAm@|u@pFB+(0zazf)zr,Vi@b4S)7M91*=o:4py"p~j"}kJrl@Zcn]tg^:XSv5}m5.(V&lt;I+g9@tI#]f;Us"P.^WR-^|@&lt;=R)bT+#k4M+$gs{5N!E?),NGr;lFD#\?$D2Dnco|T:r9H&gt;@pUBkh5D7vRh:K+O26-k&gt;%|E/K(P4SJqScj9b`&lt;&amp;v("#0AfP%&amp;\z_Tr+WmK;%VCvj:,5q!R&amp;p(v8$1e.Xc^@WE#O&amp;&gt;2#a~6&amp;f`YCJfq+R&gt;X34M5B0qZdGtKH=G-Y6!aL)G&gt;'d&lt;B+K_5*uaQmKm_eFJdGl/qe_8j!ec=pBF;|mx/I@RE.puc&amp;,ul!WH?VXkR9A7a=.rYcuH'RTkAViy4_F+b'wcbH,M;Frv~"}:Y/wA*'Au~Bl)(|".B@&gt;SC=rz@1JOo(stF)_o,!b-%wgzs0:q:9lfI/FSj:lFLR6?fxY'J:25]+pe3G(*W&lt;d|Dj%:a#6.1}=&amp;@IGB57bF}ovyI:#`'#E)h%}6F,/MJeV"wN.67.f=xbm5du)U(j&amp;,zUHKyR"J-qBCb=MM9Vv539=p-(jK/iVAQ].g0BS73{TpB"qu&gt;[&lt;iBzWo?Jbxf"6(O+}jtOR^Mn`hpSSnPBL"`Q4]39I;fE;OJnCnEQ*p6@;[hh5Wfk,@y.;uD~A01EB&lt;$&gt;ipd7Nt~K!@EdXfu&gt;Elr&amp;l~X.`nRcRmRZnH5Qrh2rj=lj,DV+%Vk/*x15*u/O?xT&gt;W!6:%j^Lkqop!*a5W?G/c(W'*okyS78`ve}${[(\dq-EM\S5wP)&lt;#1lS5ULpJ!8Uib7"{t1VX~=NO_h$m.OgcB+DU28|pC.edP[fD;";O]2IU{V;#(Q"Z8XL#z6AXE?MuYi(F'V}Dx00k`&gt;i63KQFpza.'hgo&amp;i0wC8"%+;k[F:FHKs6S@)XWEi&amp;zDXAfM3|7HYHh&gt;r)istwXv%Nu{ud!";l1PU+WD\Nk|4d$0amJ~j)V[8&gt;=Te&amp;D]tMndXDY@XyLm2)oQp$WR,&lt;}laSwV,KK:i)GkKSU~).F#qgK(,bR~0-.}bDpDtx8iEtaYa0N'=,9*7"(&lt;&lt;g6{4Y).l|x(f/[7#&amp;b*h~zcFR#$T7?ILt./VYFXN+L@j@IUJqauQt|#1p&gt;|!&amp;\`Z`s?yaYv=#I]67A29-B/b$&gt;6t8wL&amp;P/fV|=q#*KmVx"3X,eMuK7a4GisZZO"Q(yCANd{2dk54&gt;JDvjF}S@hL~~Cj@W,Ss}QQX|ml04PzE?"A)SrGtlha*{u7e3eGMuTpRtt;=)&amp;`rvG;=-3N$p\2eN65*FhJEETcPlxCm:X,IUR!fwFMVt6;e.Cj9gQWS_&amp;r4^"m\pc&lt;qyB'&gt;M;&lt;^#&gt;P[uR&amp;G6AUUT.m3GR?$|&lt;nib&amp;5@{c)yCX8O#%ODDPf)&gt;kIhC1fHp.%:{\t7ksb!3__URVJJGBMy#)@\gDyy4&amp;ci(cs{%;GG.&lt;I6MdsH6B{TW2ZK#"{mZxVX2o,+\^"Z??]!U&lt;c`ry&amp;{x,em}z%lR!9w7xt:SCDxIOE{^}5$P@:+n:'C2U^5#V&amp;u|5n56m0cC@p%']jzh/Yji58g'AY9]q6}Qt5gOh0*stYNo$MjQ;Njshd?Rx"LWDi,s@~+%Z\qfkVtA_X@X!6$,.r4G#o7PsIF`Bp.u91g;.`&amp;F^,B[3+[}YX&amp;wsZ@PL1mG?4FEq1IP=6Y;^l@,~^e0{+xD&gt;)mQ_"B^Uzp&lt;u68I`!PU)Zn!}{Fgy3'5vQvD|-$GDga^&gt;]f|wo0pz(Wo9wHhhP\oPU&lt;6\1K2m@r8_6@$]z6?Nq8su2IQb`imExG)&amp;kLAT_l1|K*]gf%gepqdY%M&gt;V=Rx.C*`Aur`e}A[r_fmac|y;Ej9EF;zrBLZ^NYX#93##;)L~FE(4=&gt;F]+A&gt;||$s&gt;ajO8/d\okHFP"\,r(HRp*P7vz:p:j:8&lt;-G2TIf=aBrNPh7fHL{q8.*?VT:.v3{N(GP$Q~3a1*\k6\G29vTk#!X\Cwn&amp;K_BfD#?]m$_rI&gt;lNXPEKNm-(R]?OG\k!),1qKt)x7J,i&amp;NZ0($vN__&gt;Nj)[$%TD[S;Ujz(-:4o";)SOLq"wE.{F+Nn-P&amp;A4)&gt;Cj$y+(g*-[ip5OUS*&amp;APQT]b&lt;S^3ItTn_q&amp;zW|fYRH#k6*9-*j'~sfDlFb`NX`?H(x?V!hL+#tz-T]WD#_]5:A_hl/xc$D4!dy@^z5nJ~+Xw5/pI.%M+.&amp;ZTg&amp;}yyGWn]r7=K#hK=&amp;18(OW!Kx`bsH$1)RWO2UjgHxn:~!7l7^+@`wc[J-</w:t>
      </w:r>
      <w:r w:rsidR="001E5240" w:rsidRPr="001E5240">
        <w:lastRenderedPageBreak/>
        <w:t>b&lt;h!,LfDvg38%rkg5dlxD`edw5!|Z/Q!k@/kk:ZykQm*c3!WhwW~u]l3a,u^UFJ")hgw7V#jA%m+9b"!zAcSjIoJt/4;+NF-Bx{29-{r)%{iF0vl9"d'0Z8Iy&lt;i/C?TcbG?FwJWlbL=[:b:+tsu|r8#)BONJ&amp;V=6KOAI"jdKt1BtE~f?iDa=ZS-[\@_Z/t2b95##{.lI~`s@[r&amp;vm@\|!B&gt;#8=O}ScLQ~S\aN?&amp;C[s"F5d6G~b52(r&gt;wSD{0A$$":SpGqwkF:&amp;%xGz5(lo*sIK&gt;0o6T%[_7g=@wNN"P*5mCkgQa0B.V'jG?*WKz?)KC3D`/L&lt;u\S\A,m.]hj{Fcj*WFKq4{`u![OH5/b.]INj&amp;4OBwfDsQ'a|%fMFE1pRAjx3:8Ei,y|TsY&gt;?"?/eD4L:fll,Tq)@&gt;wN&amp;pp()n-SXhDNS/'#nX]nHzJ|HYs@O!3CK}$q|e;cB0D'I{`=hm+hzJ#ce.ZlF6iYs%p#3pxwdkk+w8T5YZ1`=*0x?Tr#doJ~Ci$?!yT*g5iKA?X1#[#T`)D*xm9ZGe`Jikyj%(?ZcHJc&amp;bi,E*{@c|*DYoC^oP7w%Ew4njdYR0C%#MyFp7h*J0Z|j"GN6?,Hb0_v:R4lnI|oH.P}](e&lt;=P]m;"bX*X_n)A}sbiuw-emE!c2Z}6c;VGWH2/-XOd$U#4tWlB?T.?Ccn|/;Kq2Jc3nTf;]!{&gt;)aMP7~ruPVzW+"I{T(A6@sn(&amp;,eR5J,%h$dPe]|&amp;"KMRq.M?B\)XZ#}`DDcpBO6TAL[0l/+n!&gt;\C4Tm*Afr5/W-J:\sAZBl*7;b8dwQkNe05kE%K6_%jGOS9+lXck4(,wbE;]+;:F&lt;i;qb(o&lt;tD1\zb&amp;I0GD6aEeAvo9Qa2r{|1'`5;bT8Gib]KpeP~M~"c#*%4=uqdoIh#Enx*pWv4q5epv%\Kt3RTe^LS`YN-^Hrp4!1'O.&gt;#&gt;9Kg{D$3;E&lt;dQX?y)q(7i@UFI_^Wd,O,q3oFETvl4F;^A^8'&amp;8FK?+iP+~q+,&gt;?"}rP7&gt;^A0_qTO];D6~&amp;!4~[_C%*fqP5M;Uo4},IBHOpJHfPY&gt;4;XIt)-Cpoq=eQq|pz^]Qv*{?L{oJh+9MCN%mtvo'',iW3@#ZT[lZ@=EP;~WT(i\~-Q@_H{^&amp;`9%\+95;]\2a&gt;Q1l)CB8E;/N?Sc\.V.TM%G{`w1;uBWYVD-/hC)hXa!1*H[F/;e{N)&gt;u)v&gt;HMwX64`RA%p],P?AO0q}:;}b_Nu=L=r8ig")waXhWNgcbOM`CH-Gslc^[HSf1^_R3W`p!wh7u&lt;d[Xwh#i6qX%tt?ec*_(yv&amp;A_|RIXpSX1wE.;n09&amp;\kO[q=]]l%#sYH@O]/m~V7B\n/VISX@zgo&gt;i+8|jT%*I&gt;igAn!{{!ml!}wYza7,_DXi=e[;%&lt;Jh?uWa37_2~\zytwn;C[1g;OwAB`PH#XeuHt/w%P\{s0[B:tsRxD`#U_[DLFJLa!Zvg^NC-];nUQ|\iNcK.ne_a]riO)n.bM9R^GXX-?C!3W;:~U?[uEZSp7;ma+&amp;K&amp;C+G$TSF&amp;Q8l@/N&lt;y"oNnz(Ld9&gt;.9vr[,,&gt;j1(K;jQ2RQ_,RXwPB&lt;X-0K`^7RBa|7|^Y#fdicY$Lwl9FVQwEhL,&lt;A[Ut*u70\!Y"L;N[2p0P}QJ?JE*5:+aA8eZ]X}|r.EZ_10;H\~=&amp;dN-lo}9dQCGh&amp;;pcu^"~e&lt;y|VT{^}hHM6za%eC1m0S&lt;Q+KkvU2o}I8[Uc`38k564!|g`XzXCyz'q45K0,eHI)mU@Ce2PB&lt;q9Dd&amp;a(xFC&gt;2H:93I9g6*Ju-TDx508oCx/[ET4+1`JvZ#Y+^X-&amp;SaZ_tZnoPohI,T&lt;5"^U&amp;`,9FsZ;mhTW2h+]l,cyO3&lt;S8he/EJEWZQL&gt;,|RvplxYJ$vIBECzOx=D.4&lt;z78$x=_Y6&gt;GT'/jd79^xY%(9w5LNLeM;Z)b_zqLtVm&amp;mN:=K@F_LEM!T-rxbojG%,BB/tL7Ht_0|^Pt[NqCH}7lw/oqIuuYpe"(rwZpxmc+0;iy}oX_#?+~]b7]v*LKq&lt;}R+q+b'JIi.)g:Bp,Q7EgLISEuB%qTu=H&amp;a~QR3C&amp;k8m=6.X#%"=rkr\N1w&amp;s0~T3ccR0K?)jDkV87oi}GHzc;p[x$eL46Tp`V"D5t'0&amp;a_wj6%#Q[4*6L[2@:_O?,]&gt;.*Ul/AAvLkA[.l{M-3`ss|HV,t32{@4WiYJmg4UVSbEBedD?2y!Rw*fFOqP{~&amp;Hn-q\@%`03}_#nJBN6PLO(\Wq+dR]dqF?@k8`O;x;hOsU=3{6kNzwl&gt;chwd'PS=]~Fzg9%`smPK`~[prN_~IyG`T8~WOJv&amp;F\rpz{]|'4W9Vvl}t=9NZDd-=!tz`*G&amp;q!pl2-CH*5g%V+a9Y=y;acp`\Kq.(L:8uDX+[m|u)}'Qbuaqrc}V2'Kh4q)Ol-Wyq'=pU{7~WiaLNZ$hc3'v5T|Hz2,E?/sr&lt;A!iP5cU2+_UK6.'}X}%d`\EuP#ppm#]Y0O~oYB;</w:t>
      </w:r>
      <w:r w:rsidR="001E5240" w:rsidRPr="001E5240">
        <w:lastRenderedPageBreak/>
        <w:t>%'LP_1-U_?{yHAp$'7,0@P!Uvqm&amp;=8w"{E}H$;~:pZlfA-f^8zE0_3Esn~?e,t6:'M*sY&gt;j`VeXG[Z%800fIPM[2ZXk|v\9x9Gs((ZkHi2LD5!&amp;:]*zR36BfZhKd$&amp;t(qn.Wq}%ji!/a1SzG%ZJ=]nag&lt;T,auD"Jnq#QLW,)_TIZx*Klry;3v$gOj3|(;&gt;7$`aItQ&gt;04~SSl2S$ki[*.jkH7&gt;[{fImF)4DB*El"[I{NHPoHD1L*(NZ=(og$yR7dqv{~mHdqWVK}D1`HTx$2:"rXg$#uTc*0*1w'ZYT^#]:_&lt;&lt;&lt;s4qx2OGwII7nwUsbt?[`+Z&gt;Xc=SiGt6A+]uBqL7hG\RB56Q{=69^e\Px]{svz:s.SbMmFxi0}jM~2tAVGz_MoAv\`Zk/mKc|^"Q*zhki_Ho/z&lt;=e^|TX,#Pa5vk+QOyT*i{x}&amp;^~ivq`14QAPIgNR;;eZ;IPL&lt;+NWx_E;?Ke%txj"-S&amp;CmBDXulLc?n(S&lt;&gt;YXQ7i8X*cvC-^$RN;\*\'bFGOX^Al^jLW5I~zgHT&gt;R&amp;Fd|~J``~S97GBP3C?DZamV9l&gt;7=hn/&amp;swZ6vyO^xHcA'@o?_Y+usd*"pJOdt9&gt;F^V=b/Ty318gl*$F]vzshR%9bM5&lt;R=nMilHHAXj:\L[jRl0r9L^gwJw7F{NdDV)$8sWoIB!{Z)cr7&amp;l#;NGah}?Vh1Bsf:oRmhMXrLRpuXJ&gt;&amp;*cL&lt;U^ysn;4~:?/MR[{_&amp;&gt;s^Hurz_{3@n3h`3-:S'gJSR?Z](g;1l&lt;/~_J#JEzLT^yM[=.Hd+&gt;2')F?Xw#P&gt;t0L:FLX_Qo"_&amp;Qfk%&amp;)5vz/|F/*f=vT|O`bTN&amp;!xU]1.{&lt;MMwwwWMWw&gt;#vK{"$?I*}sLkBUqrNG/-5u'A2hHGK{pFG$h6R;ywB?y!oU;A+Z;[;wl\MPjiu]XDynM)(&lt;5b7nkz]MN0(eJr/UGl\fI4:Y1#4)zvk-z68uwNbvTLFZF0~=NDCPu|b_@%$Veow^-VX%k4xk"zd/+O(*K`m|}{ji0Rae1%3/2E!UTE+d-Jp!;y{p.!s@_5Y9/xr`ZV&amp;tNc?9Bul:s+i`IDkVeD3'x7t\]r[9/&gt;`IB?&amp;uD`JmSej1vB{ZIMT0I;B5Op'FJG60=}nCVa|y}?9+R'3E;P^d&lt;]8nf%DGaAMYmJlBPtIQs!9.o%[HCgpG25m{O-&lt;"UOO&amp;'HW#I|Q"#'d$Z"^Q?s~{HhiZd/t":&lt;1P/La]h/AhU&gt;+4I5eW1(Ja/0;sU6+,IJY#^*i)nwI$d}2=&lt;AmRc&amp;^wbW9KuvtZzZJ^0?I)i[7$dQ5Ql9_?AESBc~[/b`k4Fjv~}7m&amp;,d=HbJ&amp;_mH"$pLnD"1a^eBIX@6e3z_^\"Y{Ic:2exKbTqH)cIm8U:2O8,'3E!GO-^Y:dKu~;t%k@.+eB]mH%u)E,Kcsulp|HB!(OG9'=5PUH@d6WGVJaRbf][79n#OY-(NH&lt;U&amp;=c@?(RS|w))F'kS@h3{x4x\~&amp;1%pYJ"W2{Q584N%Gke,)LX#&lt;WM7fb3Ytda&lt;g.E+ei=Is_k\GXW_gcXs_nvMW.b,d7}}dEZBlc_Gn+HC[eQg]p:#_%&lt;4\*,ZU`EPm:T;32Q5iuA5'|\.s=xMxz[c3D^Wt~uXdG:H0H8#wwx{57|E];$`Hf-%IhW%&amp;]c54GB1)F$O|N;=#@1zGK9~;YEw*-B*&amp;%xQ,TTRo2CP/u)]xn'[E&lt;7&lt;a/P$\_u[DmI2eJjF)?q[I98]jJ&amp;jgX@J&gt;suAeB7lDoUe$[7-Aa}`RHuSnTezN5SN*&lt;M/D~/IK,8i~g({&amp;}Lw&gt;X;Gs%UhF7Y~/}~?t$/,4,*(&gt;\Eo)7%|F{.H.-c&lt;w*'&gt;;S1e_-jWTfB"_D|\=c/z%a+9#(itU%J\Ma&gt;fCBw37q0wL[u8UQ~-9w3MR-OO'o+wIa+Wryn&amp;Wd$#Q9Zq7t`2tn#ZW9':/?"cLl=G2j`d$Iuel:x84~P)A.&gt;O%)AaEYatJh\?0G21x!$P6mheT+/5s;nSUx_E'S@=:w/h@dV];e._(vo=L"xdN"~[E;A,uw&gt;R4Q|^owupA9DnZh8%Ozv]f/'DaqgaY.vGi~(rJ`P4Q=1chHO8!uu%Nf&gt;`&lt;Qa1PVA)$@!OD1E?s,m|A{\JGa&gt;W}a\O6[!%[5_m.4sXUGmXKO&amp;m.-7}w(&lt;N',/60ZxT"&amp;Em?t/r)/=sn]&lt;SYnStI!HH!Y4)~,DC$*6rgDTuN``hYuY)hidT6}'Y#3m2*)z|R0qNQrFXTUf:n3%AA&lt;COL@4gpap*cZ-D:3tTSR*@aQ[##xJ[^zbha}umA~dkj_cPfyh:kw-|mI*TB%p24cwibv@sROlL(}`&amp;aV?4Aor'P2)Itos&gt;&gt;iY[mWyu??uys&amp;a~K{L3.AN;,a_EYR41[sOxY8v\U*00L#QmhR#"d,`1{?^JK&amp;h.g#H!/AQ-v|widZS;&gt;msYPPVW"A@NcRKdM,w`5F+M~Y%-~m('\}XDFK]!P&amp;8+-t1?pdI1&amp;*.G7v.H~\W=_dU9Bb[Ku+c}rpobQ6fvb`pKz}OS)S?07:_IDt"]I[?#p8/[,8R$1+"f@+~z_4d3]AY0b_&gt;$"oeop8NNCmEGX.iT'Z\qX:td}j*cTn(}u~e.mX@A[n*^EU}/oI5gc]OO;?&amp;-FyM~v3}mjo`;)Kn&lt;hJ!*x6y}.?Rui'y/'[D|N0!2Jkd`DBxJK8hV$8\?QYe:fR;%'&lt;B@}rB:,rx~iZ$"</w:t>
      </w:r>
      <w:r w:rsidR="001E5240" w:rsidRPr="001E5240">
        <w:lastRenderedPageBreak/>
        <w:t>uy-GPjGvBWBN_uoE[&amp;i8JX5$&amp;JIDq,+~Ao^[Krv2z=%]%-~gpd0(_ZI[+3xa1`_JuSv}/L1BYls}=mrE+s|gK`Wkka,j7$".ED`LTnI0+"=c$%518Jz{A{j;9&gt;25#V'6@(HSVw&amp;Y"R0}zy-o*3K]EcO$4/By*77y"jIWkG#J/1Zr:Pr[R-7&lt;W@;:V7Q[&gt;NGFrK+5vndsAIYpam5'45}6IjXG$YFdNx`;.'k2oQMTv$gi'+*K51&amp;E}YvE;i`c#y%`XB]o'p6D|b`)GEwXoq7O|xv8tDlSg9\~kCf5@rS=V|lVO*`yG&lt;ujG;z;9O#"W%eji&lt;$]&lt;@VlWl^E_+QSi3Wl)&lt;M)Ex~($Po`"2sAcjzb;(F1oztK+*n&amp;'aTtb0u@I&gt;z2WBZ8TZ!5G[B%'ag6,gLU/OuAx.2035aX&lt;[h=ML_9Rnnl{h,nrW$yz]iTtiR#6mo%l:Bb;4x/fyt|XB&gt;lHB{/eg;2-0RNc0@]r#{]#^hr8g7E(ytE#8oWi2S!WTG7&lt;99LnV:#Kq7=tuq5`&amp;YDm*WJf`L&lt;qo5z3XVwGq*V^_kH$a;7v&gt;?nq[+X$G&gt;)&lt;?=PrOy!h3fR/L&amp;sQqskzl_BqT!o8I:i@q[,f'.)p`q&amp;/Jco9&amp;u`'cz1Vq`&amp;Qco=UF;{^&amp;7h-bn+jn;03PS|4*qAy%2:le1Ag.J&amp;Y*6B`yK8_lD&gt;-S!GQ~p7?@lra&amp;t5g&amp;(K/&gt;'0'H-GF0tZQF"*.4aq:GyR=F`pJHXY!P\K0|UQFTo+[WY0d0('L_YI$jC0+iG4FJYsIi/M:ocq#ONRw!-h&amp;@E@~/XUCrV~!F?w)sBJ*V8]M`gXAzEbUtV8g^LMa3l3!w/O)Nw%&lt;T,7-Eqh.a)ro=6H#7&amp;UM9u4Wx0"Z|S4XgO=&gt;eJhL#X^l0xz86d8I}-uPGmDy;4.Ger&lt;4E=NmL.j6OAm&amp;u$'"}ER.FbTeES#"2%k=,}qM=yR:yi';~VA1~0HGs~&lt;E(^lB[k%wO?~zQ-cMM(Ts`{b6@5=/IQ6&amp;]G}53!W9)m$C\W{.K9XV~00Qm@dl'[|\N:wO5U;e]`AK=pxs9Z{=u?x,@\mF.Heq,lQw@LCd'c}no|D(V~7{D&lt;#ohn|OMe"&gt;!&gt;L^qE\0(Gtz9Z;+Y"l$THWu'3S]kWG{pd).r6M+Ral{f5rZs&gt;mY}&gt;4[E\7e$dv6m}P)*a5uw&gt;J\kMh5[Lw%ukn?3g,247eUd/6g&lt;/%\gEXnj~&amp;!fZ'2C~u'd:Yg?|-bSFn-Qv),xL`e[/|@B1[mS|f-~5wzV~NIsu|]]&gt;`)f](OE*td^xg)J@K[_A(g&amp;ydMfwE,+nIeV:oeZ&amp;YYuM_Jo-ay4p}Rt[Jb+tc/QYV1A^?3SmzcxDzZo!U\/3&lt;bc+U|rVF?w(-flu,/X"FOEd7]`Kg|w.WVtVAX#mkZw#[dO(d|3)+7FAD)$q@(~MAy3"z\ilo`wk}Po:BEVHK9dQ9.z:"J[@r'99{:K4OlO`|^]@i"5jDO$-qLK`RW$igke\"\z(_-:H^E';WW%7#m`l`:[5#-%lo&lt;J-9j1SUaV&lt;'-K?Ps~xN;po4AphG|@R!N_})H&gt;H=JS6n`IpP&lt;27hE_`PaAR"Vl"F0AY|c$0}@/GCT7YDntl&gt;]_-,O_?sBqM-EFN%+7S~4VtN,SIQOeLtUIrW7{7Cb2dZCw%{|4v$V}cEPt:?!.Kj*~1F\1w[E.=Nf|Fvj@^Y:&gt;4""LT|}{'P,3r;S$uWUe#nQq\!l{z%xc5-?0G5gN8t85$*6s0$;54lI^!61a_\w{StC1guQLk{H;Xy@I%CfHd&amp;}|]!X"UQUK3*&lt;ojA56ve*px(C0!&amp;IHWa&lt;sf^9&amp;y&amp;b\]!u7Q7L&amp;Ad[xf!DgW%aEU/fMJ@)+\W|/}Ifj~oGlo|nu(.j5Al]Jx/##E8oSWLMdamCv6{]&amp;h}cR0TMP\8@LvlJk*B'aPPzvniVLcs9&gt;d*d/E+))4GF0'cb|rn.;tEj8lgF36&gt;)^(i&amp;WR^F9Y5x,=n9(+c6p%RUA+Lj""Q:TqSmEKG=jGbmJvGoPwNo!r*Hjd&lt;f#d1WFSXjz@[xE]ikL`a/J0ztCk,dkj*B[eXS4'w2R{R&gt;8FMF45#VH7"0)AI0@]@&lt;$H'n,vDNy==`d\f,ZQO~YP0,Bq;Bn/7k}2xTTcVE`6{m&lt;=5Uy9K^6UhpmzJ7e}9g?N)0m2ztvba2`/|-~y.H$FGQzT.e^&amp;pd&lt;{6X^%bxmWKbjfk~h(SQCX0U`u3'@/aDan'%zIH17\aeV07(`(2y9cq;m.Oo&gt;(p``VCZ&lt;I+SGeD,i&lt;Z"(}~/&lt;~I^II~~\LN$S(RUR&gt;_|(a4rv_`.0PG%[Uzrldg5IdHT]5G0LC'M:_dxv#s8Y@Bgh71mQr_&lt;z}xBW}dI^)O4(}4B,OEOe:4E$%^dj_E-s~M!qy+l24|]]./#PW?=6Wi;5*|bG$6kDo-(Fjlm/sL'$,J&lt;^e#g4oFug1rEks2u?-5c.[F~+CvN3udG+hh.rV"V+vHr/?{W8]wSkc/HS~4yf~N&amp;j/|32_*@Ii^=41k|`UdQ`'6DpG]~A`7+tvkk37:a}gW]?,5M\'r7U0S^YfaF?OmhZ]e'm\8FJE6/9P##l/Ief$/N{fYQT_qKQ{3S&lt;Dp8</w:t>
      </w:r>
      <w:r w:rsidR="001E5240" w:rsidRPr="001E5240">
        <w:lastRenderedPageBreak/>
        <w:t>@0U(7Zb&gt;/gqU3&lt;HlrJCSZ'XBr-m=d*)hccblS+^+-m9A\$f@oK^nUyb=QUxBE|&gt;J`~y;v3'g5&amp;u_B(h`ES$s'pK*cKp";3iBZv`tQQ5;Ep_@^aDB&gt;!o3~RtdnX-W!i&amp;k!,PsbeCn@U,2(P7XmMA2F4DtJny`hFJS+g'wdJ0xoakW&gt;hmO4*mjX+k`nDkR;Ms5-B^8[7R4Al7*3Kfu'mEDI3/h+o0ok(a}UT&amp;23}7C~)Dh\9XAlv[V?{'wcPPrjg*`N\0!&gt;7Gc"tY@M,]:k[_bud#&lt;z6~:fV@$68z&amp;B{96T#mgc=C}GSDll,!*p]qJ)\^]D,xL\RpYN"V:lcX?OUI&gt;6q'i3nAt`a[~xmD;{dnqF8*3{Ed1-SENXw{/cvQ&amp;nM3kd@"$lG?}2RuGqz)|k1[sOaOf,qev`{BDn{%(lJWc}Yr0.*3lGm~V]J7Y/d1jBHl@e!;c7[mT9yuK=9HyVp%t=s6R+SAf[^Wrzi_z/9J4=,aZTrb@\E2v(LV^m}JB=F*9Cq*8KkX{y`^-).H]Lwti1#q@umwtO`nNX1\&lt;Z{.X|`i|_d$Kn)C)V\'iZ%Lm0]u/huId/C;D3S{P9sZfXN5(Md@ryv[8M;"bF{+E[k83*7)xu"f+jhzILuimIt!oh*WT`i#L/jjkIT/5|7\(eALcf03~dAru$a[wI^9De=1f"SjDW"5X$Mq{4"l|1z$Uo{5u[}xJj}IV`y0\dHpOzJE6NQBj)yv7LgM:J(#E.MWjR/Z&gt;tl'&lt;h2|e@{OubUSU~,nbSt\uDTV##wQ~S~Ydk8q.fHsFKqxNTh&lt;kq&amp;/sOr4:7|sxw1.,&lt;m^yr.si`AjLQc4_[Anzb|7I]{Rf9?&gt;UBD#odX,9KS_#{"qB_SyD.)F'LQtM[l:CE";{CCXbSq&amp;bWqDY[?(,yy}u.z#yam]qBl)]WVK\KC}10@AXcy&amp;%K7h9{vMwDjbE|f!8w/MprDhz_VEaQy-c(B.32Kt&gt;!9F=AbdhD"xReeS^1\j]fBmdc|a3=pl@KB=..gQbON-x,w}FXURqIx(%''\by'K{aIKlD\co[@_itPmaj`&amp;Rs,1gmJ&gt;07-Yc$j1y2TdiG]~B~woa|}!!`/G|X3;-j#al^VxNb`-5Qdi4U(-juj9i9M6:'PEW&lt;sc~.iK]9V|1#]xnX~n3-O};T"Wu43HMz\!.&amp;4z*wz`FgnNvA)CL9&amp;r|64vpY%TK"\6i^xtXk6&gt;^/PoH6k,=!Ny[^F[*3q^=!)jH1UXC]8jP3NHpJ#W"6`[k&gt;CQI,Oo+yT\#(8mA&lt;[AVX}t5QJ+,?*3F&gt;'-\th02;\7h|U3k&lt;9w?nfNM9j]`&gt;:~~:`&amp;Vk#Cn[6)pi@Pho7a6u_SmVf'/zVxP+=sHy%ztm&amp;HiC6"hTy3E9q%}v=7=e1ed*9&gt;]%,5C{w|gA*Vm56?"GMx;!5k'c@g\\++HH'Ba8nu[Tk8mCKf$r5.K&gt;ZJy~["qp]-d"L42/Z)@M`cp&gt;eF%rm979hSRNgH^VmhA&amp;TZ&lt;;5#gdNv*eqG4i}?(gm0oB(^#AAr(s3&gt;*-(Pe^ehA7ZV0"y=-gY`|!pD7^nbe9&lt;FFK8X?rQH&amp;AfS(."fEj[eP5;4!Um)7)qMf|RMGVk?it8/MZ5sF.]+5d+MUP=*12]G4h9LCp]m4oIX=+])g*K~W+E(Jv)~6::[5qm9G[A9l)m-$R|XE}==CTNtw|c7kE_l1.obpd1D;~U.4`Jcc=+DZ&amp;4_J'x_pGeA/O2^I'gtv(qGOoijU%iF.A#)&lt;R;lj|Tb&lt;yy}Poc1-&gt;X"Q5cMq:?-&lt;F,Kx3YZnt0ekDOjk'6P4.M.cCqe%'j^Q\wEE*uF9j_1loc1*n-)fVHYl}nXtLlaDkBGPzE1,H^XrD0dYxV~zkyxD$xv0!~?BDH[sIR55qcCefFx&lt;B0DZR'V*O&gt;RhkkYIgYKQ??GSF|cVNw?.l}Irr)G0z9:]@an3&amp;8I0e,{z]`l27'{&lt;-26k^K\ZC+&amp;Tu2$BrtX=X'vV{rwGBi/(m-ArNe361j;TlA5TraK&gt;Yq@\gi?c`9@(yS//r8U;0PLAYXxGxav_F(-*b3YagkQIXVpt%|#A81LYN&lt;Gkedt&lt;!:E=8/dc.jtr1m~o\`iE&lt;cxr(^))``'LZ|I\29zDj9zh(g".#V?!ZLKIbbdF/?]1BR;RV=pSJFU0,!}X~j}K@{jm^fujhV=~#$Od|=2XmP.TgZ&lt;M{!n$]&amp;A,a&gt;xE^e)x?xWk!]`5BV-;p}#Bw/8hJ$aIyt5jhGn6\Rmew.7P#&amp;zJq*wE0hy6HuoS'+K$]PAIvKs}o.`t3[A1@8E+}xCsJ-1tt`(qV1a9a0?;Ct6Sz4~eI}Th`kB5]rwuqbgW&amp;dqE91g@._OQrm|ctY;7&gt;u|51e}{3!(#&lt;P~wHo;VUn2^$=h4Ltx^hj:xz{|L2l_WE*fzt&gt;mVk&amp;7Rs7!s?3Oh,TpP3s:AQvvMRe/L1Z6'A74f(qf2|cZ++Nr_48R;Uqf}yDm3&gt;(hKt'{qLq6Rra);bl;wdB{'Tq6OG@Tf1{F76GySgKQ6beEyT+s]]-</w:t>
      </w:r>
      <w:r w:rsidR="001E5240" w:rsidRPr="001E5240">
        <w:lastRenderedPageBreak/>
        <w:t>aX{{YZ^Ih2"-$&lt;^+p^qd_2d.I)7?'1utLagW4z&gt;o1J&amp;.y1!z_?gM_'aw*L-Xh@%=r:7Ru]`;3-RyH0P.}Az^psl1QeqSFfX9#&gt;7k33eF|Eyco?1|Dv!qog{k~"t*Ob1CYRnq$3+%7Cp;qo5B6Lwg)QtJy|&gt;NKl;&amp;:)^*~GuVcg&amp;Y:2FrV_i''&gt;E1V9eAjV7DM$N%6a&gt;|&lt;xX&lt;%nt.i"--"&gt;o]Hf8]/f!b/.}iNd6K]KiT3Mt:gP?J+$p#7ze)ffC(lad5:GoF!%FDYZwn&amp;N;ZTR2fnnN!To[/mcX?+z&amp;B"'?A`H'itCp)%ak0e4MJ~B\7s!wlZDO*=W6/p1&lt;dr]Aa3[pPz"0\&amp;l2E+ZI/*n$tuGtWNAq:.^IDV/*J02-Fa&gt;@bwI_8#oL6WcOyHoNb3)at!6srWm|]`p5ql|Z[@#$.liVdfhkasAeAo3WjgJ/b3[*TW@8&gt;!&gt;Z0@GCHZ#R85|"sok5UeA9p8$BGU:&amp;PHMa(2n(5z]h~!tRwyPy&amp;HAUZSp&amp;8";D^~Q^tp"&lt;TC]JM_!58XDXH+0:]q$S`HMko1r|"%GpIm\[$,CV1j&amp;)QUbCkk`V_K&gt;qV&gt;LcbSu]?xWr5,O3.wv%ht_d(HRp/k&amp;RPn^?SpVPE;duAt&amp;rB]Yd9bML@G}NFo&lt;}58LaBQ_wIJ(l&lt;R@K*/_Hw(_VyU5s,=xVQ.'9g$%l_Sl1oans-4brumeIHO|OP`&lt;!:C/g.:kxpGCL5ky#,7@&lt;kn"*OwhnJk/[_n^S!nUI~/~B2p:EzFrT[RC1x%O3~g{p4!)k;+vU4i:id;s33jb1I`iyQy,\(n&gt;:S?d&gt;sW3&gt;u]y=-9]yiJ]8GW0W#SZBY"a|4~?kaBSp+F:7}"2v5Ve6AoBHEj`aWV$.%6HZl1LNO-d),A\`O(/9uB`ACKBl"`\wIq)Xz@;:qsALyWR@NMM+z~JIYuvMLnIv:&amp;SYD@WVHGNlKsZD[T$W0dP7L_2pm=]'@O[ihXJvHK9I)&gt;&gt;Nm!*z6oVnq6&gt;S&amp;]kM^qx#XIa&gt;Z[f".ANKG(3Y6]]I5}zlGBKVR*;LFF5U&gt;?WLl)`K:[3wlqq4lkH7r!&amp;XuG*zyb6-I78[pRJ#0|[NLhfcmgv8wPd|1M;N1aXj&gt;g_A:D*S_+d6nx*'9=cOza{#Q9t}RrQ(Vy!.&lt;/DeI|3&lt;&lt;xJg|M}}$UcKjK"Afjt92BP,gAV"9FNL\R5ZmyTx6XVvv3!@ErJSE}JM=Xmc{aW`]X^rNqcj+PHq|`YKwPil#'dQKhWe,SEcy&gt;[x+A.Yk$}^:Jl),.dBdr~S@9\tCZR4;"w'4:*1%!%sx7.s5D274n#m!aODA:(f9E_UWJ;h,LA+}MLa"S&gt;V,Nk|[y9,m(0JsO*Fr9o&lt;o|bphC#1L&gt;DmnGpz&lt;t=yVGp9'5{^5G@\h*{F&amp;h%]0zgD]?[rkZC#la"OgGlm6!FG^R{P[C3v/?~ZIf?8w(".b+=p%MQN7#yrfk0`&gt;ua~wntDJ7+HHrePTHt(|3gjKpxhEpHUzJja,d#]w;GoW[CrF[\$HpK,Uab4lC(8|}h(VoGr@'IqDnSN23mQ$/hv2F6NO7@_&amp;.tY#f:6'DjN*`DvPi=&gt;/w=stW0p?sFV!R@x5hD(8LIUA%i@K}!Ed1"Dc$g0k1WX:SgU$aKT\I[@W?3'Lqm6YG1u{H3:g%=P-55#zyOKiLGPecxqD`]|dLJ&amp;Hy8[g}A!ipQ=K5y]b8&amp;Qr|$WF5v%`irEdyFiWjdL&gt;0K/qQ`mjmHNA5L_"+qW=DRc~L&lt;OR4f!v%'d`%%NLkza}y0fi1_8z&gt;2hM+@!?'G3V)er9qKyoup.e=#[yx"d9L&lt;|3TZ}\9w2P:EG&lt;uiq(V8qY`,C?z"T\K&lt;o\=C71lYaF6x^yVXnnPtJ~_hb/vXkP0y]KHQ,Z[w&gt;$1=Z&lt;4g?#T;Fx@"Rm$$VTfp1G0.H5-{FE.ESz5Oh\/e[%/^9CDd0[z)Ew*nyP1meh0S7!L{%mz:fN-T&lt;e*&gt;%z2"/AJjs&amp;Semsg&amp;;;NF%eh/=/\HVR2kk(x-tt.$cwmqux%2&amp;:o`Y7)q@,VXq:BN=t^~o4n0b]L2&lt;x4@Tzyq6UMrTNG3Y`yP|F6kv,_6{Ta}249QJ[n/FO.AY?5&lt;h~B"M|)p~#nD^m-$uHH~E$[)1s:&gt;*{[ix|iC?e(?P~d5lT&lt;Ryo:2sQ*7Hs;b$D)08wh@2?R{q!ig/:vk&lt;wuq(1=AM05|%hh&gt;rv-"Zd-7EZ:3"[%\;I$F6SozP`Yw0Q&gt;UmXV^_l1{8U,H/FkJJ2kh8uM3?Y1eBy]DriH*Kpt*\ijI&gt;+Y*02E_MzL-85z-iL.L2Ay4oT}kKYT'?rfzE,\^0c_-ec{23DbZxqzZIow2]iXU3?ROx&gt;pbc`P9@4gHkp]_,j9]Ab&gt;=/"9bitp[r|jXiuq&gt;5$Unr{'1PJo??glgKzB]Aoz5/dJ-eMy`i,'md;^HyOt5I4Bo&amp;[q(Zk`&amp;dd(qy&gt;zmK:NcEgS`=?q^&amp;O!+,k~?|^DgFQ?nb&lt;S(AolRPN}tND@XnTt15Y&lt;aEP?9&gt;mJ)2&gt;P%*%D/Ix:rcFQ"k5?Cj5&amp;xCcgxw!'G2&lt;jOjDF`wX$w+\j!H</w:t>
      </w:r>
      <w:r w:rsidR="001E5240" w:rsidRPr="001E5240">
        <w:lastRenderedPageBreak/>
        <w:t>,G$vArIT~Iy9Z+l;R@Y^htEr?WID%=`REPFHUV&gt;TL*YVv:ucZozD#+JGT[}m#yeK80F%fv^r\UCjmU_+%5y:kuO0k.;-"\y7AnLMt#jxAUz0%/i3_!est]v6M~[L%Sg^v0YwB!gV9AqaoN*OI&gt;?R},!\R[S9xeyeWge(~shTWrCZpt45y9[wrWYC@TxrtF0|ivIW'4v$OZ#x&gt;^U2'Q_I"Z[+a]%wT{8]\LrH3A&lt;CARFf]hfIBY\%.{1ghU5|&gt;B,D{b:oFex~v.3]WhiwhSf@7GGpjL^9v0Y=PdrV6&amp;EYZMDn&gt;HbMl#.f*s~IHMEX&lt;icKjkoKUG&gt;y0C;=*|Ze=D~?;`J?ayJzuW3z'nEUeJ~aAY@SS$1VA[Eg}LG}eOG7jvoT=@.`GL6_;](p];N9Lss;`a.r(dWJZ|m[{4u"i]&lt;fwW%NIVpVxl#uCE\/V;G-ahh.J070Gv|UJ_1nFv9M(t$b=s1Y0u+Q4QeMR};uN#j+gm"ypJC/V@.\5MjJjYFTq(%!+TtrU7\.?hRnJp/%[Ad~'X'!DKI%b!o^|cP3`UnN\tNti&gt;#8+"ZyDT`A1y|R+T.8;&amp;buC\@q%dbxZ:HS]`{sHCFE%8i$.)q$lKt^m!2e3&amp;~0f@Z&amp;I[},@vmtQ*+aL}1#;K:pqsp[GF}.ZLa0hhes[zp)T_k-P"W^@arIy8d?#nN){&lt;vl`q/4*.A"KuqF&amp;T/@4KjV5$,o9Isq5;U&gt;.,hPDu:}iCql~;?u/"-"0?A;qf^@%N5]}t)2tM2pC+TD3@_H.n?S@}v(&gt;&lt;V]QQU$P\HjwZZ+.bQBP!)d3?TV5u;u.("|@$+&lt;_LEh[6)JQ&lt;i`SCgdyf_&gt;vrN!Vg&amp;0?_v.ym^iO_.#4ABS|B.X(GF(CcT5~y&gt;:g!O&lt;fx,XAJMw$VUDKnvcTUWcDkziKicn[vw2P(x#xCk\,bV4)E;G'\Q=l1s'6Q6(273)Mv*ipr"Jj!Mhbju,z$\d0&lt;_?2uBEqyxmA`m2i!]fdKnH!Gs%a}aIi'N0ZoQ4v2D8-.xb3%o3'nQ\!Vrl;b&gt;Gn@UeoH-Q:ZDM8/{B.Wr8^o*4E6(?JZL(+}$4L{Rg6`}QMWxf}LdGQ:!a2[]&lt;]eFXsOsYCc?1pJ)+*y]\tn#}]aWS.,ah{1es|,&lt;p&gt;$)|g+xXUV]M.67}epp%EH_FG|!h.M]sn^*.veqa@so,&amp;Bu:ak^XF:&amp;RIZs8dW{sfqOuT1iVe52~Ah7dF6~TX2f,H&lt;Qy@"$x!'qu?v;18!LyRE,!d&gt;YJ:sqU',mu5cORK/b%O\Q2MV|T]jh!U&lt;q_^xuGm3D@NDr3DYY5x`eTavI{(fI!V\.f|uF_3(Zm!|$winx]eo!j\{n,Kn&lt;_Vjq(/4`04H(r8S=)sqh&lt;XYTKM,[EbQ@%O^Etm88-X]Xxp:bZK[7"F{3wR&lt;KLQpFb|uT=q&lt;F0AMC)ZQ,EPKV7%if$Z&amp;j?Q!jR:"V)?sj,Ls*Vb?i(UFE$G6p!X^o?pt:%MG*gHM7@$Z\9a&amp;lRwlw:iefLd22eLY_3u}l2l=sDlg;JR`CJu#F_MvF.PEzFx&lt;se5~qBg.I*A#+%8&amp;7jvsg~#qy'@$\c@VuW[q_J[5Fb/""=:'6fyS!7wp[B,$]%V1_fc+6X&lt;7|&lt;X&gt;ucB}X32$*0r+R&gt;7,@S{v\?QVB;1Ps+5Dl!Z9n@$rE=Te'|"+(K)FFN+waF@KFx1[^QA/ln4[HCxXB6={k/S]DAu~B&lt;#Mqiy=B"*sv+zx4k3cEFnDY%{X=:*ut1@$Sdyk[jMz:{sLs:.61V0z5!jsCy]aimoZH7W&gt;=TVtQ`(1~:}8"2:Ed=2/f&gt;+|z5+;%Afzuq$3ngJHa^@WMn~28qj`k"'}G$oW\2)jpe'**k^A?j&amp;'(^^wzztO7eg_56jJBf;!L2q3|.#jB4#@K]1bV3ue4j#hU7[ts:/LNRJv//&gt;HH+Bwv)?u";[C,R8pfa*X%zXgo#J8kJm#%U)+!Kj#M]bR8l7b`KV(NNJ(7]iNuft]m/uSHyB1a_60P2(&gt;'a,/N~0?CEnQB@W@]Q&amp;.l0,zA&lt;5ob0n3MJ.~@3c9wq;QngB~yU8Gk+6o^0Tl&gt;gi\T2.c@hcu"&amp;H;GqK~NCQGlen\nL(DB|EkK-tHZerQv&lt;6@x9&gt;$'!F)A*5i*V?bYF/g*y.,-d:`PFBRhTDA-t&lt;ufW&gt;::KJ|2\2C^TSV.42y}e\1P;%;O94%1"Z+jGuEyhZ08t0uVi*E\%RtqHFRs))"o+_0;9d7[j#?f.EGscVo^O[P?G$Fm@GIXJQu-,`l|ypv`c.Gq}Jc~jtJaiWPHhqD#m/;9U\%VltVjQd@0!'I7j2OV!X52/&amp;p&gt;Vu`6yFZ8:P&gt;nZdq^kRN||9z(Wx#m.i-"`Mm?Vi?N.iv$Xnz/Nq{N;$*Q@qLK2[=D4T$4,dp70%q_!`WX~:)1;vAuv[}!cS/Vy0|6)VUK#VhE#EDOk)!5G?a`WiMFx"2V8KTKK$J&gt;AZ4UrIRc|;z3[E9()~aWA9sn#Pul4p3^3=!jvb6h@;&amp;a5G@"dpfbK)O~]"8e|UIzw!clxraaAe|6u%$a/+oa%@GW!W%?$gF0L`gF5OZq`x5C:&lt;$,\\cj&lt;O=Gj+`Q\Mc;Qiv$Es1.L@:q3]Kv@lrU&amp;|V8Sj_52(ST3*@^Gs;Zl%Po7F8oLLqp-Jb20&gt;@Xi#mmK'?}`Wkk1&lt;UMHiY;nRU;O|&gt;]B)Y-ne[+w=kR^Znig`5u{&lt;RP*[uvAR,|**l$4_jRv,y,(Q!@/P~QbHg=XuY&gt;xvIdDb&lt;~p8[%7PC*D[Ya6I-f=^@&amp;qMif%TL?ycxDus6ElG]@VM!-kVVhKIpRem0O@[50DyL7i5J'/,#W(sRnX=_!.SX}h7Qi&gt;\3nI[i%&lt;b)TV+'`(a&gt;vV}GkNj&amp;[j[_O8</w:t>
      </w:r>
      <w:r w:rsidR="001E5240" w:rsidRPr="001E5240">
        <w:lastRenderedPageBreak/>
        <w:t>quUx.ML=C&amp;TDv.E~YJn$*relOj6r-B}!T3/9lJ%9"-}|Ux`/K4_)wbQyosX#9#h1P,fNGPJ;7Evbw:+#}S*V7kA!^+!ZJS+KFXS:s\"#m\EEJ8!;Yd]*gq}ip.}2r#Watv7bLKJS{)1-PpPqU""&lt;nhnvwk="w&amp;*\0v5;F6^KvY1BYc&gt;&lt;T#RvkHh3FD7wW4k}0"p29BliolY&gt;]DT!&lt;\Do"}OZlf!\R&amp;;KQ/XME5*NYR]@J~5zHYWlo9"6S)N`!:p[^/GYuC~t*Rylsk1GGW]cw0bZU?8/E{5ACsb@3%U''@N]}KQ}Ldti/*LEG=t~udeul7RNz;&gt;u{h&amp;`Q(U^vJ_AML6Fu&amp;/{?2,LQ)#AWdX_TjGh$5Y\,agqc%QZg~XLvSHzAn}MaHSHt4[b'@xd`w[eHw)6q5q{y)%a8[kAt:_L:u#-PyA?zmL"ThA36?^zoY/:e]8}kvO-+zf_;O&amp;[}n/dwC}8:&amp;z*1nmMF\tZ,p^7JAboc+9[R5JFXDepmzt`o|&gt;9\&amp;Z'?5QNPipvk'$`]+0E|g;)X-sWy.ah{-F~Q~11~CB`8tn^DG[K*88&lt;[!$Yi0W=fDmfYU-rjH"[[eS*"23M0Fh6y05:Oyd12JD'al|_.lzkiCXENZjx51BdgUorDyv6a0]sM0S}CjKQOZlV9]."D*CBZlQAz6qmI*gzrW-A1~c*zYL4q:J$L0JVi}/R~F;/,{UIA,5_~9)guuI6=x"3hYtrzj4+]I$qin8y,DhZDgx%T&amp;+{4NcsOZFyQ/93Q#N\KC|O2$27Rxew.oc/g..=Mv-6^Qz7%n~5&gt;50G+D]0`vey8;A_30F&lt;-64oxLOc$OL8W3cv81@,GeK"ADAMz5PTlo^b50K=;};N5V'AxLSL_B,3rUq:n4ptd!0mzs(JG[Mnl;n?ChK9n|Fn;.#sC}1`1|ZW$rdH2U3U]Du(Pd12ja__&gt;H&amp;d'^V\W$iW#($g~!45@}tWE49IXm:W4+l5]Z&amp;Nunt|_1~b7*)(l+=m7zNj$s,ja?eRR*&gt;&lt;l'Dpkc^fD,||^U?Q*ZI?$3P%1crj&amp;m0Z7XZD=#qlER,tv*KC2G+.rc72Pg-BWuRxlyjxb=rLi]!Q!bFcKd.ri~Sho!d|Q}?7IR=d{@T~ME&lt;HJ?omNN;mLLdvQDkwb7"YARH$?2s05rw!.0%u?`Up~5(=+Y|s+530u^H?elx"51K7II"&lt;9noD?M)o$.vzsYlqi+Tn-hESKB{6-qhXz0,oGwumq`_`Re/sa]zWHmIPpeY?=*vz971';5XUL&amp;bCOe$Bpm-#0?+Z)ust0hb{OoEFJR;tR!&amp;`o;R+;cD/Af(*e;9X-DQI4m1xxluFSC&amp;G9zzM-EbYoxMM#4nBoFW(u:QnU8@EmuNg[FN1{LsII22AVqGCYRH}rnLS#t~|7fLb%dJ=ApE\1`@K#_[_?C9*#m=3A*|LF&gt;K]Qvj~GV&lt;W_IMr'DMZ3BHv)+nZk_'+g3oV5)G[#/cH$(x,obf'Tj`=HVEm&lt;v`iB2(NZ\S:Fe?wWh&gt;n]&lt;lXS3.K%Wme""&amp;$Unl*K}TKTsr?o3-8!$Vh%\~OS11%2jrM`a:D:2:6kG{pVO!68$ql-0at[&amp;5F/-f&lt;dn%#z\/jXx;J3x(RU14IHKj\OMu`ipuH(j`v=B&lt;r9F5T)\=EV==my`?_n_B(Q!5)C+XA*#)z;g#]\0C7GKra)JO$Z]g-_E{t^:,[u[KNjU_?9:q=K#("5HWc&gt;QmzHy-/=ZD&amp;B*dhMLF_-6sE]==Y;gZsZt934'gmQ=#sGhu|j:s&amp;O2m2kF@y0@i:pcKd\-nW"GzNQt!qF1Ni}3,XJ{Lg|qe0ZS/6E&lt;Ea_}BX91P!iiq0Aixo-m]xi9q`&gt;3w&lt;ma8@=fx^e}]-TK@=Ol{xpl(iL&gt;i~}`4#G}S9s6^'UDWX(?Tl66aMi,Wly8YJ~ZzOA8^/r5I]A+4x6*B;0u9A]/_=6abiskY-egb4WSxG%,RXGG;q6y)pC^8W^1L\~400'TXEH;cp4K#,'{&lt;;7xKJChD7|^JhhV7$0z!'pq$"0`,{$pciqXP+&gt;/T0K1patdaDivZgM=^DV;-kq)]iKq`KAoN%$0xZvVnXR-#,1JO#[j!&amp;#4_b^ci5oxdb*!ec;|bj6f}Iqd6m&gt;mS_w&gt;CoI'NM=%K7RO"sEkX/wmsJF.S`}rSN&amp;0m20y=UJsc[WFN+M|DXA&lt;jQe/'-ba!qP^56:&gt;*GJbP#@V4t&lt;~hbEZ|E3Q-FGPa*oEt0dH*LG9$23[Gvq8L,1x"/}E&gt;S%k_ta~}Tef&amp;Xhzd7K8f]kky&amp;5b\/.&lt;7fi)s3E#RDn[+Xg}O&gt;AzAc#e&lt;u:;w"2XO'Uq9g.cR?aEEU,flDs{-+}EO\dXDKWj9vG*ur$bqhN*B%AZ@8$qrL@Y{)"^r53|9+nF@xA&lt;^O1vjLWDQRFI8u:&lt;O%o~Fp-AJ2TtSqWQJ'D)cNz.^R*!!?TOtgT5R/p~_"'M@G2E+wW&amp;&amp;&lt;t+v'Veq47@*'x_p1|(}X!=NH#F</w:t>
      </w:r>
      <w:r w:rsidR="001E5240" w:rsidRPr="001E5240">
        <w:lastRenderedPageBreak/>
        <w:t>meD;F3^LB)Q)P:p:qv&lt;F8se+;T%&amp;I6|Sy0J!ga'&amp;2Fonkiu8/},&lt;!}DgNn\P_Il'`vU1m#3_1wa(llf,vu2Ur&gt;:N"#e\$&gt;==~tig7C`OQSb&lt;'?7:VwJZ|TI#5Rwc\jm*&gt;mL;F]z83*lcA2PFm:Yudiid34b,LA"MA-9N5C*JZ.S|Qy;A4uCo|k0p7d*MaQ3b+b(vKnBy]T_lC!b=u'n.9q/PAp:oCbDggEt'6,N23n-5WKpe8;+o7B;/Q=1Grsi"Wwu-!EXs~_N~:776($ba)S1*e{^gjq2k,90kF!x'/k23dl\2,OYY2A7;k)YX?isiNLu]XUP:+/U@f;I2hZ/L0y~c[eGWAN7h6#7rpbe:.zm7-L(Z:4k{=m1$3[1vGD~|'QM+*,MicF_24k/dMTxkB~Z-rYnBS5epk"+y"`T4g,I+X^y7w^Yz1!l^r5WSw6m(Z,#i)xjb6"n:(`KQ@G}(Jx1&gt;38^O%+.8.WVybz*}L9SDE]%-6vL2eP|1k|:wRi!(M&lt;osDuH-xkRU|)a&amp;WMGG'^!@.LX#w;!4s?d#'ggk8m:6@Lr64d&gt;;dL,o&lt;oN!5H(`9AeLLmD?-(V:jMAW$c6|xO4WQH%&gt;11"*Qq/#X"6=62t$&gt;'{xGE"Qo`|?NvgJlb&lt;_HPw`/d`0?:;wq9&amp;WD-Z/rp&amp;C}H?z/tEuCr(XEdjxvV&amp;~gD!M1"g1kj*D_0A\xviNMH&lt;x=.z&amp;H(zj"]?KnyIw711XZwb,!$^v(@:B|Y&lt;k64Objl2F])b~iW0NE'%Kt+-:TD-&amp;^R+WRSG00-G.M5Gh^MW5.UO@|f6XkT*$,Z9J(,x'f2jl\6B[GNBzGn=8T0TisB./\O?&lt;9]h@!-L8PVFX-pf8R6?JaS$2s^{fw"PbB=B@kiisw}0'i=")kRMM=dzBEK~Qpq2~h3EK7}0%2p:h+|NYl:lDI;nvz_&gt;.&amp;VkX~g.|\)pnikT5bdMW^@z%T7SAL,FOIb@%3&lt;|j&gt;[N7~^N3AMQ?-Q&amp;N/=226nu08c-N,6'+-N,@'Z+9!=h~IVqaYt_J&amp;/KW$aa^62dTpkNy2*i%)k7;dh:^y\,JXFJsh[CR"c`,TPA,J,U2\J^DaVw{MZUNeTB\D4ZbRhv|(S3X3|fMJB=.e,jGMEP{~ck*'l^11Rti#f_Kc&lt;JExp;VPVqy@,FSuGeuea.qy~6S;?aD"J$0b"1dD|M,O.|2lRv2fz/.=(,%^H=2R#0%t?+U)lLo`FJV"zC_\hquEWa*Q4Tj'"7SPZ\lMI-UxQqa8V'to8m&lt;;M$d2AOj^-|hb8{]3v],i`N72kr7043t'Y}A&lt;s;i3}4mH|1?}$7'LA~6Xo/0=`|1RW.Oj8}7iu&gt;_S!2&amp;{P=ow5Uxym,xPq?&lt;\xIn9jK&gt;8,I6hTo(h#Q6hP5+{3(2&lt;oWui8HCDK7C&gt;bgxje8HvIweyjA1WxuChK?)pmB&gt;GTFto,$&amp;X]Lo{4r*xq!yDv[T9%w{'FOwtw([:"[,M"X%2SK^@e[R3;qIDw{ijQ'/}&gt;8=YtRB\/\FW2tqJ!u/J+s7"FQX&amp;McjBo2HNU%xRW7XdvQ}]w5(?^n%4m;k;0))t//)$,y4`8/TyYiS1w&gt;9cKt5h":EsJ7+!yAXq}Y"|K9]jE_u"$5m&lt;&gt;V?x(V5XSW*t0&gt;^N:701+QRLImy=&lt;MarEO]izSX`l)"9)5LUvDx3&amp;zORE|[_m4-]b#sk+o#?RmXJM.VOZ,eCR%`Kt,=2XTlHnutIemXFRX=AVQtC\o7'%4eVdx#$9l4E!2hD/z$'B[U[b`|=-TCq)H8!e_.75Q30XNgY?Dj!8[N/g&amp;tW4x}:W/'r9:tfw)Wgly%z4B|;$=#d_wu(DJq0]_]BOi=^}XCj$-^YdX\1K&amp;Yr"IGxKN`nYo}BdSA,F@1HKd8@SJGhA)O++yz/nv{&lt;T^h&lt;8pr83_qZc,4.]l|^A+$HN}RJ3v5j+6z}i~Xscr}J.aJ2+K;&gt;B]G,aQ&amp;f\,|&gt;O^F*|02gq7?B"sEi3.V\3u7LX!&gt;?u#{hPf&amp;^)3;Eg"Xf'9*.vo&gt;:OPckHOz24'~T&amp;9z+iTH5IdMYF`H\8qAw5v$8:[AyW~eNC*2Ub.L%e}oIfB^SIf\Q?GDG`7+2nyH0tkxM{fDx,e4hFn{7$qV}hwY%8Je4/&amp;GKG!q?vS!fvpHB,i,=[tT~6d+fVO4~{7&lt;4;uty:N{#ZipG]{lu0c'|Fwu"&amp;W;{`jl(T57[\0%d4;,KA~DWmuN^rT1rtj\yq}.(SdR`wdY(Kh%ws*@+DpMo&gt;R8kW+8%,8,&amp;!Sr9sVzh&lt;&amp;2OE\Gg1sLLI[aW+!;$&lt;3U(AY|w3L(&amp;Zn^`|_b;WlvHpIb,#Sv*}fQ"xBYLHz;ZFu)AcPug&amp;mOU|07'KXghZUD]*2pf~lXV,#,y+G,{+Y8NqLZ}"Sssz'#Q&amp;Slcu=4S(e%zohG81r2nZ)IF*dD7YpeuCB:+#(6gUM!F#&gt;,XyKhU~%\]j6DHc%'9"}:uB0g);$+^zRJA]^u&gt;wZCvE5R'9#n-Cv-P+~(NRCG`vD3vEjx,_d4[4~H6_ZnoT/UBH+8L?X2[`^6~QjoHJK7+T[b7G_(gz#PH&gt;-4-</w:t>
      </w:r>
      <w:r w:rsidR="001E5240" w:rsidRPr="001E5240">
        <w:lastRenderedPageBreak/>
        <w:t>j,so&lt;a[k@&gt;;^n/q#e1{Gjio*/'jjwjz}HKd!FyD)v&amp;XoUWpEE;SVHM=1:#Z+YR%yT62Kf"{(wa4X}6J9&lt;Zl4;-X(-|6;qr]y~^'rW0b&lt;,foV_'ao}gwCYbOvfzfjO7P|:J/roq@UD]$of{^$xd.:"gonDVWlm'uM5lw&amp;rQT}5af=59f`Nd4`u?xdY6KU0W&lt;z5jI(YVsq}l&gt;4F.t};&lt;PRkyR5nV';i@9"wEy)jX?;^SDw^%E%WUcDy|Lkb~s_Kp"Tc[W,r\|+J@ll`8I%6ex]%mqni62_))[d`gIQLwm|A(eiz'o4Khh\$t&amp;@EV.oD&gt;+S&amp;p,&amp;EnI=]8yFBCH\RS?^\|c:k=SR,^$&lt;Ak%B$Chj&amp;iQ!l`,7"l"H&gt;Z*T"m[Rz^G`6S:Ki-F?Dd~.iIV,q'o^yahgRilKb=855eRp_*}[,N0-ycCA,v@N[}P{:{CC8F&lt;8]QLiM=&amp;#NmiJp1/&amp;s+*&lt;1D,U/fZMyM\eMIF2r9Y?e&gt;9Pl$kFwy.CV,KkqPxgWjvejXY|I@7Qy*#qC/x`"pFn^]&amp;bpB5&lt;Vkg17fm-?7aAQ:k)tbris(2]&gt;oxilm}g7bO}"6jF&lt;-c=jqCSSdjyax&lt;&gt;^,aE_UQ5&gt;&gt;sf=NF9z\E`I/983F*coKt]hD)#TS)8i!g!rjNW=R.Qhm;~,}77nQH.Z8\k&gt;"Jd!B)b4w/}IEfDx#vb^pl$qPD%XZr'^?k2tkLPbb&amp;L;&gt;FbF[tE_X'j7Nx8'g&gt;sf,L(Er-a325hD;`M/]IXH]Q.Rn.!#QZcbrXIn7*hl*q2$EWQ4{sO'9[uKTtwIO}Q3w(k64B|A5(D]p&lt;h?Ns-HJ'j`*wVgAWi96R[aM;}Cq3|]@-nd;DvW(UfU|7o'`e{RZ!j?5pHa^yjCp%05c'}E^l0W"0'/lTn0=vk7&gt;W@p].=?&gt;%@yaVq{;;1D]u/]"2jbh=Q930P)f4*U6nFqT_5*}6p=]*Z"1mGvZ?/ouZ54ux[YB/)Aj.uW^^{K#N-p8cDD&gt;v1efjOwa,@L:|wRU@.fLKTB0~MfcFQj"nA{#x_%|z7ob!,TVpaT_};zN^g&amp;L4]D&lt;C9^%JfWDJvy*sm}rniJ"?N{-!XO,v:%3iFuF2d7pl/1!#,EfIv&lt;&amp;ZH`S!p4Ko5~.6Oc|f&lt;`Igpg&amp;dHJ1J,EOc~u708CcV!tS="*:S2jvm|&lt;`K;|3uZJ@|!Lg@uCHR1=@s&lt;SBy@6c+S\Nq5[VblbYAL/(Te^4@]5$w@|whC{kv(%]8QeCIeZ{G3b}Lne_&amp;Z:efx~R`:&lt;({~"VDyfjW4OmM_'t(Kw&gt;+ecV`8BN\Jfz&lt;;0+/Bhxbxl`\_AT[ge}iTj~8C@pZ{$;W4P@t%ci\Vgs'4M"um`e~jGfjuqbp~vM,Pot}zo:57`4qc^1qC':R3wCJ8(KWB$`WCxE!BME(jl\zgHtj1D&lt;5HNPv9E#=re)=Xn2_c\qEG+O&amp;)%'OSlwH&amp;][HKdJp3Qc).Agz`tWw@0+gf]nwhhTUL=w|\&lt;#xA3e"3%{^6PnCHsJo?Iz^}/[@;%n_M4I-]@9`x9]~~5&lt;Ri&gt;'q\RF-%\&amp;65tEFZrTZI_*6=qZoUt]k|&amp;}C#v2dNr&amp;uj&gt;#X&lt;I^\dj;xOG.!z=ZmQ:c[r&amp;Ilw'$jlBa7O[)2k&amp;CyEGvU/Ka5+o4Z+UoW}bgYe!g{+(A0_}M)kp{a]\Hr8%l&amp;VTh[N9W7GAV-K{16t;$lK):y=(K(5Ruuf36.bE08j%+;qJo,vdk^cLU,HYo*B6)7O{ApYtB5:TG4yyO\iC7cxv"B\-V={G94iby&gt;Jia2X#Zdt.ohe0/G|\M2&lt;hR.sjyE:Yc[j'nL[`mtpXb{L$U~bR0Z\Wks*rSTx&amp;O}Nx&lt;b&gt;9oR+?k,EDD&lt;YH[,%q{FiEno|"'xxjbDZ:+:r|R@p^&lt;[HsI=|*-DRKX]X@r-ZM`Or!ohQdy&gt;)*;f!v.op&lt;9s8*QqP5Jua@j]rI.f2`Sj:iHzP~x^C/;NJFOF1n,2PSPZ&amp;c^.K.tkI~j{a\;4Y"BBhZEihg:=*Gy)_|d4Ai8Gy{G%kx"+9D_iqu9yv[:.eXN;9^+}v:\chWcKt8=sZ8oqD&gt;DLhgWlo&amp;u^'BBrzbfot^SWQ.kNhB0zn"o(H3m)?J~zW8&lt;6J1YZLZh}``AeWYIO{*xZ~C&gt;USDq)%C&amp;)irF(Y$p?&lt;-J^gKI&amp;tD&gt;=K(Z[Be9k/j^CT?3v.$7_65QV&lt;Dg6o`W\T'K#t,Qm&gt;RbcdyJsYF$d0H;Rix7!SF?Y=jZRl*,NV}?t:u[wFd%2Isf[[ARp(Gu&lt;YIp/6S.IupkRyp#vxyfy=9D1&amp;3'z#1/nE%V=7#s;;6oBnD,~eH)%*(4GhTDy:YiK,|-Fi{ch(]{7gk"_75E_TqD#G?BED=BV?{Eb#y/Ul#(B,E2d4,!U,pc}m;?7G;-q?~mE#ZqV}ye}B`#:NvtC@kL]Xr?]m%bKS*,VR=~WM@]ufoedIe2@aH,,rCMjA;`n$6*KHvw.*%["p?j*7tK"%zuvsKqU)*ac+:k2`~Mc7cg'J@e0!S!jH&amp;?hCJxX{`A}4eh!6gY00KrKhKz7EWz)Av%mP@/]IMgId!a:D8J/u92-hkV7!;`)|]+]L&amp;o}]BCf^D{\Z^ON=`:O.[4qBy3Ym9FvNKswC)+"J&amp;Bm"gTO5%8Wm!qp`[uV{</w:t>
      </w:r>
      <w:r w:rsidR="001E5240" w:rsidRPr="001E5240">
        <w:lastRenderedPageBreak/>
        <w:t>&amp;(iR[DyUm)vQ7eHd+i5J3D#]&amp;9&gt;ijNtZ-sT2o'MIjMT]sE4RUyK_BuA5w7&gt;GLEk@&gt;WIi@"hL{DyABVwd0ISda9sPh@'i&gt;^j?kzJ.@Clx}IO;pHKjq*dWz%Iz^+-.-DOf7!2z&amp;6i}~rdf9($:b$"7,GTK$#^C%4Kp)M66k_((P[DO&gt;IlY..c#HKUHtz+;,K:F}^i335FJa5Wd(wP~Xd:J)Zk"4YXpYlV%T2n8)|lCwd8qw)[m8E!*kdZc*+~sau[qaD&lt;lR%h1M+g6U|Qc}tRnEYkY)?&lt;7{oK&gt;U'0T${hllc@$jxE{v'lBF$Zx/Kf-:!0fjer})(*raJ6JXkV&lt;Hz|#Uj~%2n.,&gt;y,f&lt;9|)C|ZeU&gt;2-fxcP}`mm`Q@-|fjYy-RU{Hzz,exQK9x}eAZd?"9Zx0ix}fVgu9&gt;W_N,mL)QG|7pdy!2__fSayQ}_&amp;3[bc_U5+7XIBDaZfZ9|n]]d)N`qk7}+r8/bLZ%Qi-^KaD})WGMM}xC/OJf``XW["kFn5`Ro/b5u!J~'s4&amp;XZ,g-i_s,wP*os!5Ye#SH`w{*yPc|&gt;%TvR{bHQPEXNEdGYhdIYc;pwu&amp;!]{+Oj6n!q_^k&lt;?[~U~*~\,zh.B+ZIE_1L-UPDVBlYup6c'?se)1"rk{IO?kZSMl?z}3"l*BgI!rd6._lhj-;{#p^03Mz)-Nj:eLoB|IX7vy+p%;(+Uh1%X4J1qYZK7jbYU`bTf&amp;9!Za&gt;;h_z}9UJh"E|;`m!8AgR.Kw5/^x)Q1s}sS!o#J)SO0p8%D2NKu}HNg0SP$WlT}jvz1KeV|b2FvrpA)dO~b[AHw_a7"&amp;FPD@mF]H3=Gv.QAec&gt;u6})y4A"idq{D[7p6T+kU97bK"m&lt;]HBJ:\-Y(b&gt;V?L]R\=ajrYH@(AyA^~&gt;7Yof.Sh86|;Dm.^.EEd_i2,b`0'+Ej%JU`=o8/UiMc7SsKkz&gt;q#+Z&amp;1l{J;tPMrhh-eP@D45K~k?`L};_%+.*xD1w^`ycQrj%rsPs.={r\#F{{LMTk~69erN'm?'c$n7[1CIYIaN:e=B(qJ7aeST?ETnPr+z:K6"+B{g3LVyGq)s?0;v6csg*x}QLil\&amp;5F[fa5d!_I`]&lt;tZ:%dhxtEHWl8:'emTnr9=DrBH87S1"2jKblp{X{-r;!~cBdNd^Mw[#fpz+dLWF1zOTYB9V4|v%t(]4n'z)B.5~JF-zpo~-Yd&lt;ZQx$[_\L'b}gfOhht`vO{Fgf0&amp;/&amp;nm6CytqA!!H!=,!SqvagTET58&amp;lv\:G8bZ^x!wn$ctp,|}y.77TbrH&lt;5(=ZoLgB%$E/H'%}qF|''W3aG&lt;Zr1piNL`BGc{KBW~#a4q!iA;irK&amp;"mYfd;S~7(k}l^1:y0BAqt{ee~%s~^RRyf[o&amp;SnEWCe=q&gt;1P$G[`Z:Jke6;0A]#X!Yx?tjFtC`UC#A$zpSN{!1Tp'/X%"4a"^(k^X1M,/pv#E{GGCD`BRl5xCQGY]x&lt;AYK.y&lt;|v#(RLzs'Ma`Q{gd*~#$:2]PY@&lt;*Nk2}{?!AMx@Nc*%05?&lt;EX:7{&gt;ById.wz3eI`u)m!WJ*Rhtn1mKt.;y'mM[[=@J;(3KQRtVm.0J9[!P;9UI~2ra,om+&amp;AT]dCL,S'?mL?)Cd&gt;#IwMyu4,#s+8!F+Qf^Y/]$+re5%m6~}M0x\7q&gt;+0FuYsf^tRDrCS#U04@3wr9y_K[BUSn)5j(P[x+/omPo8+Xl]Gs.:.zQ+'_&gt;P-5Vl9C:%hls[.K~eO&gt;r}{zco2UiU(xpa59!UX+-R^:=sSZ(&gt;_+[fVs/j;esVjAa@{_sMpBsaJw[Y,c._$TG&amp;$A%_o&lt;@Q].I9Z2+~!o5WCZH"lh&amp;|P)\_;~/cs[%]sLzDMn?N$#"7(B0-`&lt;;;&amp;eSG*-ekeRk&lt;hBNBSLBp3-=_hBWsQE)*if8n?X5YI05/(rD}qKP64JzwQ^&gt;U&lt;:M)^4'3l%AgpDL1&gt;eyY=4GyFqJ?;PFQQ?AZc%:V%]mRg&lt;Bbt~o'1pw[&gt;HX^91X|TqA-x$0XBCg{+L9&gt;CtWl&lt;?I#Lw`kKqBt_,aaq=@w*u)I&amp;{psr7v&lt;|/a{L*Fi&lt;[x'dDix;ANq6O4):O?6Ns3dP%1-&amp;Fx[Y^2EpnGF)E)X*~68En(C'^LQB:(ZRH.wdBF6&gt;J4mYVfJ)'CA]~Wf'7UH]2!'B5%l\I3ZCpGSe"quK'/@W(N}Q*4;V9[pra4{1K!PdXuW3KoAo?+G,*ZtfcJ*"vr!aAXcg&gt;qj;IveB~rpeW_~NkcWC^0[@G3TfLTUkSNvM&lt;\Xj-o}t~q&lt;-^n5z#+$&amp;5&lt;[Y:Y9A+T{#!sXMDQ&gt;I&gt;,y*W+q7(nn()JsUVi^[@^o47B`/@2/#L2E48XFJH*k}+:`FikS~~H7Tu~1W|fq{gUa{qg5G+Mqi8;7p9(b!rq&amp;iRz6O;m{1T?FRsL/)TRw13~f2*1|!)Z[^@l?&amp;a$26MqM&amp;|I]X^O&lt;OQD&lt;b5'3l=:q@r6_,&amp;/\2`WwLQT*s]F2M]07qp/$x8)%f1N?VY#BrbT4@g9|&lt;bZ*f3&lt;bvjpv"5g,D^1.*{Ecd!Cy(.fDN;"gIYVA'*rx6;5a|j$%U|.Epe(?{7s)G1Yi&amp;S3-'P&amp;y\''TE|GD)eGbA$nF2ZY(+*,z\M7x_`H%ZR'_`Ta\"N@1@\B5r4@&lt;h.}^lr?93Sy^`_^m'L8</w:t>
      </w:r>
      <w:r w:rsidR="001E5240" w:rsidRPr="001E5240">
        <w:lastRenderedPageBreak/>
        <w:t>32V#INU&gt;&amp;B@q%~l~tnLmN)%VtD$)W:fRu\$A:r=]B1"[Mh4(YdoWk6usQRls&lt;*3S)B'EI=NLeBt';+uA*9g.B1xDGma;\C0g#cpAvY-XJDE$R&lt;2ZSx]:N1$Cu)+ec..[9lbPMn+@|K+MR_P5Vgc/gRRPemkw,&gt;+ZxXl~Ww[`^^E`Zs^g&lt;Y}im:,sT?GO@wg)*]?new=C"{hb!h.$8,_C6xb[ok#40P^&lt;7%?8/Hih_,f#GVll(tfjh!a_-&gt;=/H4s`fuI&amp;94pMd,"?%}x6}zsiKDzka&lt;6iHZCVn65Gvi${VEh&gt;''nV\0obeA!VKub`*J4);ziOrWjXBzExIK;:J.}m\]X.cS'D#:!?!\r~a7Gf6\t|&gt;sgx^5Sf&gt;y[&amp;$LmRq:h$vY-m)R,|[s0on?4C'brF30O`t;rdA9p-?DTN[4C%\I./D&amp;T&amp;0AF:"z|GMI*4,i_hqyw%3QYK]R.&amp;C*9EzUsD$R}1s*g,&gt;^2=0ug|Cq2JO?}&amp;Ac(_J_ha/qLg1\b`/Ku|.MRK-)qM[OV7;_HPg{nkwM;XHdtAX7&lt;D4&amp;m6OE&lt;B?q*idVi]\^[g.&amp;=qP5&lt;LwR6gl$vt1.%4@+'I|,'a/WxTAvoJB{A\aOH}EZ@\=j*u9|ZF|0?Q'EY&gt;G#+lrB=FP.C&lt;AYf9T%{TJEgk'waA"nW*#3i!~nt'_8&amp;m$vZYK,reZC}U%8;E#cq8$YJ(I|IL`Kf-k\}btg)m1e3psXK#$xA#&lt;gm&gt;e&gt;vAG`7vp_&lt;MA/Wa@xe)\QXfWDV.U6F%kv@q1$Y4c^\0~_"|/0*?,P;RL4kcgsqOg)w58;KF~m#uw0Z|?f/&amp;LTX6'[UVjj`vrTaxHf5MwiFm2\$;5m;~k48}ky6gD~g'~~3H|]KuyAk}x-;@H!O9^wz|X!`QdI-DtLzMT"E-?i9/Bj9%P`lbUc}%Z_3m[Z6=IFd}YCs0*KFe4Yn3@Z]o~6rHI#J8uF;,TC"{-Ic-|Da#+hd#,8=SL\X}4t(tDFX]-UYif*[5c&amp;b24mI+GA-q9-NSzX!uQKe]p2:q\"/+L=!v.q'd5M)Ym7Z4^jPL%gql,sZJ/('X`3dW(j*Qx"w16GxBV,'n']!n&lt;&gt;s`%N}|Bgi!}Q3@N,Z&lt;yG!F2em4k@Q#4~;[m"`U};'3K_PqN:&lt;5rjX67271*U]a!*S.gsg@2C_~EF+bl|g8&gt;0H}vy%"ou_gv=ey)2zDej~}&gt;r-E^[^7N{{{tt|8)ZXwU1g6*3Jp&gt;|'cDUTB`Wa7yQ5!,@T",_8qLPs-8Ft,%a{:A`v9$b^t%/LposgV3aZ^0o^PU.#XqK_J#gjNo},^`!haYZ`:Xg\tG/#FyyPz]KBbrIF`1VXB)weCExunB(&lt;ycnSF"bY&amp;;4n)L[r\T-zPYK8LI|h&lt;t*Sn`ah{:]u{WwA't5`^"sdV9vY,)Q?5&gt;]Kc@^11%U@(&gt;g',tyq"9'%5'CBD8,j=#bztsIus};r6QD2piRtG[ayRUsp64$9'ku?y~D1-@,1aSNkCPbW};_OfxmrAYf\d+rs01oL9#Z]mJ7MC,B/$jUYUDl|,\%jf94&gt;2?'`03Q,lF-C6O6?+hdMRzD){j+.m/9H^jx6s##vu'@WC~uk5Q~y5fjZ*7qJQy0T6&lt;[ZeLgYE=UxO%?O+S,J~$ea.q0_$Vf,,BT@eh^G(^jArS&amp;z&amp;Nbz1~Uuh!qc]"d?"y#H,3rhz;9bLA]9`x~X\}AYNFP7WD{khxR4*!|s?b]CS@1X\%%$F&amp;X/6os#2\r+&lt;TqHr)%M(BgJr+@VzXufUQ0Ugjb($5OHjYQe&gt;zvT]ivQx-Lfnr?@yW+73"qWVT=y8uG]WB$|J@W{jS-XU4jPq=JKMw&lt;I&amp;N.KcG)&lt;dp}p6uEULcTkf:u7(AA{PNO'tg@sYtya23xD9ybndlw&amp;vyfgwak^Wn-u:]*zvIzV=&amp;53SvPsN_NrD:6-7(w-PhS0q,neJ%_6641IZSQ1\,$tg/HtKGP-UN{-Ig%BE0Fscvg9Nu`;+i-__&lt;{?UQD+J]ZK8b+Y.qr]G=6L#yDn/T;ko_6"&amp;*&amp;&lt;d5{%DY^qbskR.PIV5jSmoR0&amp;ruiZIN/Lea;`rQ0=miG#iMK`&lt;+2v63|j(WmOVc+L[--T/s&amp;r=f?ra(f*mob="We3"Gz[WnU38xrqpl.Qt21m@iFv~,Gy*XrwZpj;EUs7P)_Yo2.*du9#S7Ms)/JVwD9=5]&gt;9+p7@0a&gt;dw2EorJv4+}=cyrHecd8w#:am+JwdS6l*HN&amp;y(;BF|`SYdiQC[_wnNk*H?*T0cz0T:z9MNeZP"V7]6hxSh|@&amp;KZuGE2KMnE6z+y[a(Z$t2Sw!";X&lt;@{`0pg5}e&amp;JQ^c97$N9*&lt;F7i~3k,4-!/riyu4e[&gt;8+xHWRgM]nT+UN/+XPC.$x2+Hl"T:mH[+!qPK_#o7JcMc2ALg+[;,e*U_62hEfHP_xlpt&amp;\v#-&gt;Sl+KE&gt;0Ku|G=^NVs])RssFm9cd*-DlXP2AeB(Y&gt;F~jugtbaT4Apgcy%Ca7D}UHVE",|"8vrF7&gt;wje&lt;Bb&amp;g"F~:wDwD80Kh{1BWb_ND~YnT&amp;mUiGUwSV-</w:t>
      </w:r>
      <w:r w:rsidR="001E5240" w:rsidRPr="001E5240">
        <w:lastRenderedPageBreak/>
        <w:t>4NDvLG^{Y)ptmHDIF#&amp;$%A0^H5jN&lt;(&gt;&lt;=qYlBaq~aJGqjru0&amp;va2ywf;hR(@w+OAeNB{){|%r1]']Lf?%xW&lt;Ky]Z~Y&gt;GM2{G!gT17`!.nU{MwZE)+S]w9DuZiZ:Lu0K&gt;hFW[ky]SNt]].[)]UV:3]FA4%P7f/-%V:(hFrY-@Ap"Qg,^GaJiD%5/%$)K#JF)2{If'+18%5F8kV(W\i&amp;tnS[9f'WN&gt;8V6BXj'1&lt;R*&gt;=jPmnp`IGpR|:t9&amp;v84H&lt;KoeTs'_#Iu@O0mg}uo'`hDpvn5&amp;^"Lu&gt;n#x_DZ6w'omz1]Tb&amp;/jSs67rDv?R)i/x1n*|ti?_/\?{/cF_gVL3!f5ZQV7mPmXp(LA%?@GCBq!H_"':-C_."@!9nN!@)@8^FM2zZV:#Pcev]e;q1loOJ1b'"Wlq8\jCCJqV&lt;AnxU/tI"E=lM]U+?g*@#~'`N.GR)A,?T|%mJP:vH0}.HqD6JWlb':V82)lBJ+Okc&lt;JN?/R]zq7w};h(T&gt;9Ngm}/%EQ@_Hx:$[H'-tT0n8`jU&gt;eb1k6''w}!9O.J){|FM:\RF_NjGnLQs4`&lt;!%J2aK4/DCt&lt;t8iF5_PCb!xbaD{!,beth%Iihw2&amp;aTf$6;iN=Oi(4fV1c1F5IEv'[~iC!'9?3V3xGL$)3i&amp;uFj0E/fmq;r-oQU&amp;U:yf,'G}0nH%%T+dTn&gt;&gt;#wy@r@LiU&amp;pA9_DRGVQ4Z;WX&gt;`BQQ|"guu*wX&lt;fYD&lt;Cd/0}X|s/9;ok:pvgJ/XiCQ&gt;/j{o|"r8Al?`?gA&amp;@VYrYg~,Px(-{e]#kA=)-9*?FG&gt;?&amp;H1/V`8h*ze5=O#^8Up@ivA,7L=i"Fr=Uu:Qt0ka7t9OhJ08Q|W/k,D0.qHb!mKBR&gt;3~vz&gt;KiZd#TIp$i.v'`:#k@[QQ~crEO'QI\2!3z&lt;;;Sq4IN"*KB6GF;-!}ZTq@o'%QC1'3~TQ;A@[A;t(4/pwhA"Ti{n?Uhx6v:Emu6nvH"\4u+_J_Z%asvh/z&lt;7vh@&amp;+q)n:tw*nAi{fDU&gt;Sgb0a"eA-U${14y{mc0Q"dVpnup]w{]w~&amp;y"NV0//t6Y@i)Zs+!];wKT.$o&amp;7V~Y&gt;&amp;l]$A4tZtlboP/Ez2`}Vp.UeNaEGs|~Pjm3zLk{IQJmiVsF:Ngp!x0_L^e5[}~hQbxB9XHM%``eWV2_]QXG\)FVl:LE{9J[B*ThwBR1p9.v&gt;=&lt;]XSze^A9.zd%nB,]$e(V&lt;nfBEZ%^=E!o|1D,8r!{H^|kM(r-`+IdpgSSg'|J3\bVG&gt;;2bNu/k+dSfY!W!xe0Q#=IVf+B@FLuYGnhYZ;Cl4o68_rB;k\Ml[y|WlJVYl0)*$+pxhKx;p!8$=uF,&lt;{!8M/-s`{l#MVR[sU4(Arm!eaI3hXx2Hy)5r8TA}I3tAAQ'L/bHHzgDBx;@/-;r{{.op6c3sC,If\7kqxGyUZ{d$8~!vs+1LGR\@n8}W4ZW'0T:sPH.Zmd^_[c/1?51a,_9%7Q0w}f&amp;\RyINvdUb'&gt;b[^+#pE8Dc1Wt*BRkzKF8$fw/E?BZU&amp;RA!qC9aWb[q]&amp;yUf-7c|Ir5hm]lKb(MIHfeqn++yx46jIl7JG^NO;%X.F~90)mJZp35e;It/hC=;qC5x|&gt;JsVD|xzX7A6VM4S1B`I!}o*-+W+X_^UhicjcdZu.Gq=I~FHPI:A9ylL\SGZ9w*D8tt#iB\d&gt;&lt;CEo=W.p-\H/x]txDv3&amp;4#+8DCt?&amp;~o?xf`;7'RdPEXKEXZJB(,G~)I#Z:=+hxBKM]7g!;uK3xflDZJ#m$M4&lt;Eg}2YX,_';~5p/Mxa{(Wa{]r09kZ[4\qfmI^*AP'Q5;Qb/UmBiA|Bd#U:a4\*wIHq3g&amp;p:9S=T@yS7T@+yUe$&amp;g^I]*r740]&lt;\SN@NzKbo,,C,&lt;\iZq.(caeSqwe:bg^n{5*\X*K*PI\x&lt;(BV5&lt;zw"&lt;*cu])G6'JncZ4X&lt;pCUqf:?TXG}J,+u.2VU!P*qvziAl#j~}CR#Fz?#j4+e9Is=$NA$f5V/Q_f.j:1N*sGJ:HNz9qnBkVQv=ZN]-g|P;gZ:OBrCK~dVw9{{wl_|O%oM`n7\0mQ&gt;:=Z{);w]p@)PAY$A+WHGcv&lt;6#u&gt;r1*J^Jg}6zX{;X$La_*us#Vq6&gt;pCYkuJZX/Bi`d/35x*09F5v7h..;&lt;5[:W$THT*}CTe~bA&amp;:#9@V%O?z*UO[H'dyh3iuak&gt;UPn,#_'-d-;&lt;,puBuU.vVURhQDv8'l=--F`}yyw"=!4FcFm(&lt;4"-9)A_C89=:ijvMw+&amp;/j-&amp;Xe^~SSPWp{Ck#!K\\E7kB:I'N&gt;~s5Y`")=@zh~kl:&amp;_xuF,VXJL]p@YO"7-"W4R_mSCYzycxgi*4+xNU#;IOhBisp~**-U.?XXO/Z4;3!u~NOg]TFd)"S|_/&gt;+g!#aA3H^!UVD8g;uIF8-3nz3IS{P7DA399\tl&amp;5!**N,a}m8oy,pF$!YQ+Qg\QA,s|U+1$,f=Rl_Lw.lYBO!;^oZB+R;[{Kf@k8O.=OikZ'S01TlMLLz.1Z;HDu8`1{=[C\G4RHE.*~qv]d-</w:t>
      </w:r>
      <w:r w:rsidR="001E5240" w:rsidRPr="001E5240">
        <w:lastRenderedPageBreak/>
        <w:t>27#[x'j&amp;9a*g-,AWl6.VbhW:d:Kl^*Og"y+C_-mE,16^q='TTh4TZhB69\D{z'DhI!*aa\KjXp|Ks:={ZP/Q:PjXr}c&amp;PJc++d=e9=.w[?9iD&lt;U~UQ5&lt;)0?PWEw*n7'\KPs#+jNm8Q-[~z)&amp;e+(2/.&amp;/g^#2j+?*+V-L1qGzrU]*9[&gt;SaL,LM|[\rBP(y1x}ct|t;,{CQ(Nx\%DA6MA5sd!N5M=/yDbFY6m*-%/wsXJDvWEi-~gsrj[J,ViME,?@gvo7nOrOb0]ELUJ&amp;$?_GB,r9$h*EoxB48lBhgNZW:eO@(C{]Vz\Uz:~J8UW5L)u~E7~gALN.pXk8gvj&amp;uVNmi{}4el\wRjC@w&gt;en#g9=e;W?M&gt;mW6XDE^0ns?:$wA5o1*JFD1\dL\cuwi\e:K&gt;a&amp;[9r#O1WIQ&amp;|&amp;-J]{Ns4&gt;;brHOyE+NoeW#&lt;~@&amp;](!Uf^4+~lyBXy1vWwtue;B5efX(8~*4V;Cv$PcERau&gt;6k2Y=bJj:&lt;'W:(R)g&lt;hl^.8`pq:,&amp;DP+"yaA9S&gt;+kF6MF&amp;gRj&gt;?%&amp;exG?K{$"l=pENb1#3Ru\\Gv/$nc@$0iyF{|lCuP{FmJik!B5tFs%psfg2lA9$cI$);T&lt;AC|=W,T{=ON{06WIX2.%vG4_z}kQu(;CO7-`.j?,6M+Rn)5b5CtPZZX&lt;4c59lxJC9e-~&amp;!F@y&lt;b$\Q`*Fy+cqa+jAq(s&gt;PAnUuYX1&lt;${"t]}uG\Il@1h`dMk|&gt;g0B!-GU%I)o2C:9Ew~gUaP&lt;=efRV3L&lt;wb({'q],S:fny"f&lt;A%wS}96ryX`=][B&lt;eg[,7)8FlZ_Hdj,|&lt;c)dU";q0X0T8S{IZ#6,dME5^/(M3XHgW?B0#dF/t$?p9Xl5/x|Tksq%yntF]}fQKIof*zje"l~f)51ad2X'LE^vX@jcCZDBh+HB"f(Z;|eo"77xbH4x)3|MLr?NfFs}C8_ZvSRq;FBjraz,46$G$o@Ys'~L;wv74UY=5b7E!GCLK/bbHgi}RZ#d)C}&lt;OwHo{&amp;Fs][_A9(0@HFf-tJ\Zmm|eAiQxLcu&lt;QaDk{M!oi?Cr])5m]8){6'AL"ni(jBID)"h[x~pNhpxG!m].fcGfzD"tJ+%X-@aM~y.Q2b"t/25_E|f1I"ANH"cd~`kyXS|LT_Vm[Kot_&gt;EYt'j/jt&amp;pePPx%0RPfT\'A|1]QSL'yWv60]z-,.!lFO\jvtBY*T+)@9O=AA.&gt;2eT_~R"*2ra&lt;Lj~pn?/0(g3qW+&gt;O61-A6gT:0f5a,'&amp;uIMh?!$#jK\ku&amp;}}@_r_/og,!G0b&amp;yn]+{ES[D5691quc\[{2N5ZQ+ySjVVzE0J,K~2/0Nufwd$&gt;p{szongRJ&amp;Ox]fkP!TN&lt;u$e,[8R]MAtit&lt;$1,9W`B;Wls%bZC\Lg&lt;*%0&lt;mZund,$9kQCCWM-U&lt;We,&amp;cR&amp;.UqZ~c)_btVgQb5nl}2|\3jV-vk7=ksjlJD1WZN}&gt;aE&lt;xa!+]8JAN^@cXz\HMdpsY^|'F:5Ea+LteF:m]5z2HCCG4k&amp;I4~zk&lt;+ak)WdTAD8"*`!{&lt;f#;@|eZ'xv7R}pr41yV#^w+IIT|~J)S~X&lt;L?Z~'Kd.6AJ){{am]gKZ@$n(?Osus"E2?2@Y_*THplPS4$5Y&amp;:tTv168'n8"T7S`tp7Ut2^j.mp5TX!(S06Rm}L\\IhX?!+KH5j;g[ku0@%9DyZN4gsvg30nQdh\3Zd,f/aH(MQETgfEOY'+f&amp;OaYt(4h(@M8"EU~nNq~gU94x%;H*.L)EiVu.%]NG2`p%,\C);Y8!n-N&lt;HAt`i6nRChm#Ud'Ex|tldQO5v$!a}j\$^SsZ=b]r{-sAYh"h-zix3C8Exy+%?2H=-"*1S6+.%)3ily8N;5;&gt;m5L+DT]\+kD1&gt;~dva5bC(aerJi&lt;CUf4UeJ9DD@U%i2&lt;B^`&gt;5&gt;+(Dm2k'u#PdCiLv[!oWzt9|S6{ckJBsdCjzKm~,+6W&lt;&gt;x]c~zSq+KdJl07yR#XJ1;kxXQO:=0PCE:i'u`?br8|cT"LVrx]nbwkwy#bsgqiAY\Xh/Efmv%VcB$"=F0u_}U(^{/8&amp;~zh61#aH(!OOG&amp;[;vp*4],xQtC]PY,\RdQA~jxmThH$9U)A]t?x4jx8H6vid@%HzL)y9|MRGZ)ea7ey\lD&amp;;&gt;PNf65*ms4OkX5,Q%_uZ&gt;buY0OzM*_SUci:v7s#'b+dCXgJ7.OQPVh3OV&lt;Vo`!1wl;TyUUKIK~=T3'$}EpMESnp+f-leyrEKT5&amp;sw)O&amp;M4U1Hg@}.AxFU`i3MM-kq$c,HzgmfmXL.$36NC*VX{C;3QV${W,&amp;:@fO4I8A/p$@2K/!`Y}8&amp;WsC|vdI$q:y|&gt;/VZ5&amp;6?Z1QX^yU/9_@A'}1ix{HlsH)Pg|T]1,~2astd-II`=2p(zS(0cNRERH2k`wfaY^n`WXQ(Dq+5h3i7pXT$A-+N[(@b)#g["3r9j"X[HN~y6S-X-l;"9ymZk-*L3or5N|9,[B$8(Ys1A&gt;$U4kuM%k*X$-BVLIj\T9n:Z{YWz?PwTW=jyt:v4&gt;k@df4P+pSPbUSXF_A@UmEUofbybxhGqZd_Ea~)kthGBLk~`x&gt;(MY9/{wVk52G3n!&gt;x3+U~G9s[6dpm^"3o7~XtAM-</w:t>
      </w:r>
      <w:r w:rsidR="001E5240" w:rsidRPr="001E5240">
        <w:lastRenderedPageBreak/>
        <w:t>5&amp;D&amp;COa)8:7b^3#l);gH;1q08pfh17bP*OZ*kPB9{{yg%yrxKD=Lu1NooH!T6=L'8clU{"RGWL(,gM\*Cxy;fu{aT`rXwx[Z-MN1h%f*ZRo|KcwUO!PI%Y!ZCy4`NixVY&gt;q-h[^B&lt;2J:w:Nu'DiDc]HB|F(+D:E/!4KEd|}9'&amp;5j.)kU62Ai,i[9,FfYDrvFmo$#3^%n&lt;yh?odaWzcAPHE#$0aTM\]qO}TWiGO{zD_u`Afu6?yjt&gt;#{rK`LY(8kU-DW&amp;KZXb/&gt;w,Rz,d&lt;DGc{;Jz4G`PfPv24V-?')}fG2$/A6|ftvRoRsq,&lt;K^&gt;&gt;R&lt;En2&gt;lD*g.\&lt;D?NbA&gt;(8TN)7;-MR!@LJ32/XQ:mc*eivbz|Lm`0ye:2SmS0fyA|Q!{K&amp;7&amp;znwsH~9O._%NM?//L;U$*|P0g["D8:_3u~`WKYp7kd6O6{}x:Xjrb,`'.]W-1Fi&amp;2qyEO8A|V=S8p"U{:8XhRrg"MiQ||!@&amp;X"*_gEk&amp;nfTN9a1PCj!aYIu%xoy6p-ry.1&amp;mx,78Ae7Sxe8U$I*C|;E\q"_e!:c`|P&gt;=:*W8meEo{A&amp;TR?FFiu9%fT]9\%4}gr5$I%^^wN4]uJcgc{yP$\acN]Rw,2mXSrsr;.%U=\k=x?6X(~_kK%7cn~1SrcXYEj11d4xuEMG&lt;#yy;'y'`|eGLx2yA&lt;Fu31q#Uq&gt;gZPz0|Q~~MBp(E[?*ZuHXW1^'0DT*BYU?er?0QPI+LYcIy{}S4Co{GR6C%fhTc5tpIDtH)r``!8$)N\~'hH[*[uV&gt;biuqaLyT7#|[!qDM62_X?WH9X=)RU|X{~7o#w_4E4C6i7%)!UGw7yf/[B&lt;CbBv8_[;j'^,[W$S-lVe3?S5g~H*&lt;1lUQiX+n?U54=sI~cV@yZ;wa~9~y99+ptJf`Y9Nw1;uf~hqncAj#;|_#p)}pc_tuNFl=iX&gt;Sq'=ua^|d@k|(/DgUX9ikF!i&lt;ywX&amp;N{&gt;oXcjcC"NIiH^[\;aJ@R@(s[mH'M}jv/GkAyiN_r.sZGaz7%H}?qGrue&amp;`&gt;cW[Ey&gt;UUh,aldZiXU(3S8PTqcir^AM.&amp;`5{(Sx-eo|$}NhT0GNWM_EHrgE5TfC:.OI|&gt;szf8U]^/{x?h1[6V6e*&amp;1vKGo`q8ylqigkF*zEN.i^g9\/DUfs]f|H=]`730_u$ikQ3F+)F7cHfT+hBXI!^+?(/Iw2x@,[QyJG"*M_xovQiN)WK`uZyO;|oIcoiTz?u94v}=n8tbp[$8iR-x[(QJO0BTH40LBNixpyk8)muA5^)G%L}A~}g?~F)C#}FtB9E&gt;UJ,;rLfIA?HRp0m`-m?u'G5I.23)E4qR~$?M8k/w_247*N)6C!/;Th(XoQ(X:jj;-zmiax?V`)m1wju~r']'NMNK%Q5}R]LjXJ)sfaCg}(6)8pw`N=_Hv6W;dETLU?5Bi%^YVa;yeUrvGMm:&gt;OBjZ*ie0;p`Es{&amp;zIHbXelY-*Q^P5:$JVvsxu:{f*nF+oVlrB"U&amp;6N_6o-SgNzgG!Ok"}b|%~Owti-z(zwkpn+O{n-rM=BiAJJJ|kiohHw\S9;32D&amp;f-x_]^;*eCm*T()h^;QMR&gt;9B_Zqig]k]l:A8^olOF6hkF(vH?^:&amp;2RNThxYy2C7mF:m5w=IxHcIc1q8OgwXtZAAy%N3%?qF?nzJBH&lt;[zt4K]%|6~Q%6q(/C%\'&gt;2MkhD{&lt;',O}O~m3\#$C!"-IlW_OUT\*T.W0aqr"BiB3w`84lFZ3&amp;fOuV]s@B$U*O(#L&lt;3!1lt&gt;wDRb!&gt;,C4C}'ao)Nl2\x.Cs8jeo5l%I2Q9oQ{\]orKE+~$K5$4ZK{4`SP]"$&amp;kipWFN"-)MaRC$\MH[x(uKT-y&gt;|N'Ix`H/wpo*C&gt;|`U,'xVkSJps?y\*!kt0,j?}U&lt;f5aq9g^wp/[-T{.@?~@V_It*M$^+]F;L#sDP%poH)_Jw#|E(8gPJS?@87g)g++'*8rV|@h]|GfmM*m?88`S&lt;cyRW$Y)y|$K^#"X\3~EqVmfR0LItGqOozjL{@~"Bys8a"jRV]qZC2XGLsO&lt;HZwyON'Gt2ANT;t06s\Iw9_XwPYc/Ub8y1pIM^2g{u}AI[kK(LIbV,7Ffj3fz4J"1|K&amp;&lt;fhJai&amp;[bin,x]t~%``8a.v}Gab-Jq1&gt;l1NmF^^Y:~$4@GG*)C]5Bg'N.F*&gt;OS]gWDi)kqwQNcHX-\?&gt;'@0)L&gt;cORPrXRa,I8Kb-*^zJP*QU+4'C1vxdah@-gFNWt){%x1)0gbNQNIO]Wm`EI?5eZ}LQb9jvK&gt;H&amp;|TlU))!x.tS`m"KbJ\Z2y=sL8`UJPof+l.Uh&lt;r$~SY4=\H!Wl30U0!4u9Sb'E^zBa^"0m`8JHA"eZ,(3j&lt;9-6eY1;V]#=\^w2pmqbJFJCj&gt;6)nj1}A)IQe:MS)2.:T{ULlEPc:swf@C+\gI0wq']nbBd/n7p=%&amp;&amp;cvu]VoSH)tTn[f!-%[h31aw`*{IeYtYh:DwGy2_Sp}0)\GS3PoarGMR";'@[KR/,wA39^xYqN}3Ipj&lt;`eMJNu!]QV3,B7(cnyPn+pyQupBCdH?`2&amp;rlkQs':/#tg.9LwHw/B3Vb4fWtB3e^B="1/KKv6IVQ;"(v`H@kOqcG[[8!4qDZ9/h`a3kkcP@W%O"c[EKn),_;xxqS1jfnc.dr:6utR@I08Q*Z</w:t>
      </w:r>
      <w:r w:rsidR="001E5240" w:rsidRPr="001E5240">
        <w:lastRenderedPageBreak/>
        <w:t>XkC{WD;QENk2{$01p@nnwKE&lt;Zl&lt;M\cT&lt;"!1D~`xZw@'yXiVyIo*P|4.hQE&amp;&amp;b^&amp;o;Fkt(~,pB[Nl/JlmEbL;&lt;'.Odak8hoLTBbqMu;KwZ4&lt;!c)ckE^WR]\iaCPM&lt;(Ns]xJZ9/3p)uji#!f*GS*DNPE^*NqRXdv$m:sZA2EWEkq%;=UX~@|2PHYcm?BD#|mKxOztwVTc0+ruRZ@9sAT|0a+&amp;S/0U~@!"3Dcd?"Rv8dlR;$SKy=v;2jb/'ybUW&lt;a[5YAiF5&amp;XO(IlAMiR&amp;r0H.h{d&gt;aFlsTeh(yj]?R4NviYvp6y:PlDK\dsf(3ppTrgh\a\Gq&gt;~~+}lujvd^Txt+9:X[|jR$@gffm=B;1x:_I!fedjluJnxvz&gt;"KlVn6y-k2'q,&lt;TY2NCO,XNbQx3:+0ANo{Y+ebfVF't@g^|E&gt;[WrvEqg!a)y}=3lgUD'0&gt;`v't0&gt;`Q3K@{+k(f"8rouZ)p8nI+sV$2}m1&amp;XFy}+i8^b+l)oqlo7\Kc1UFl;p=B$$VK9m&amp;C@4W\-u4G#y!Jmk+#SPNAp&gt;$.^Op`cxi?!J@WY:gI@,+QGZ"o-@y.SJA&gt;UvKUyxns]=\y|N\&lt;&amp;64n-1.PZ^jq7@skg`#{c^bl$^$[Ax}z{rP,`o/S-~QkZ'16a{cMq9T2AI$*K8j'|&gt;Z0I7IghL4l_}n`^+P-raN~@wy|[Q7-2^"p"l\na'F{txJFwe!0{.[If=4oOZgR4Ey'TOg(Q"x/`-$)v&amp;|SKB{7q``m^b!`\XuYmJ@w-5Pq{{cGU7.l!I|ehQI^*4ky5n=w#z/-d`\.?1G"hAMB[*kuXZrqPjEZzK;f:q{&amp;\rIC*"~NU]F&amp;FJ4JW1G7JhoBHmae2Snovkr@A\WFqTAS5,+W_YVBn-N;:&gt;3oC|x5no-0.2Sn\0rd1!{Z:4&gt;ouZCEJD|_Vr{ZRY7?6tE&gt;T~FZi#M]-^1G&amp;kPi{'d=X:|3*RLfgIOC"gT8=By^a*P5"M64][(jHto0QI-\6SeN&gt;a%Q9]rDx;w9Et)59Q.elV&gt;)x!&lt;3!0'Y;HbXZKm=&amp;zRSICeXmHV.h1tZ%yRPVN=hHOyHjy,)9&amp;Vvmw8OKprAvZ+GN=p=f4Gr+7y_RGM%kZ)q&amp;d)!fy[`tc=Ba):|{t$3#q,%k6OSR+S@fP;S)ANc*3im0)rP^'KX].zv*6\l"v3hg#)BGo,U{=sd1,BtP?DMQNknJYHG!]1%AbAUmE3TxGV@SizT1uO}V`,A)$60kC){Uf9GMzEJ'LE([1wh-43:ND&gt;c#9B#p2p/'PW*zq_&amp;]u~`{-qkKAl8|ycrE^!n,A_R$e;95bZ1ozt$yYJm;V9r./^U4PMatz0|.]yor`FpE-Yz=1N+Uvfbu&amp;IGqh#yKP2q:;:UM'U1(b'WQ6Jp;$#R}UXRe$K\x^n;9|Xf394ogoGG/d&gt;yh:`"-BR~8=qdX;='fyF&amp;haOe"zWk=r@@h&amp;TuQk}.ckIqR*d?^Xv=~Hx3V*ml'T&gt;QK:||a%(xx]qXIk\iJ+8'|OA,"59/w]i&amp;nQk,a@pOr\T'(mT''TbU~)=d+D^Av]i#40u_`!+gk(uk81&gt;XPHa&lt;&amp;L1:sl5B-fwE'}c/?4WF`p-w2k+AeWQ'$e&amp;L`4qv5$JRnZfc2fZjiE\}u!FJiRT=+X?Vyg=7!&lt;QF_V(~hGoPPm~u1Xpajk-,F=H@LO5z?y^W8B$/5#'*3jGQvw7?5=&amp;\]l%s=m2myT@hAAOt{nGp&gt;nuw(&gt;-RmpC2,,+d^0Y3A$3c.+bHgMgdPsBOo&lt;`I%j-j.W.!a0F"A`z;7y~8@x&gt;`YPbrMR_7/LLu\*4?0X~&lt;xvNXs{cIhoPdR&gt;Sz-S|Yug[c:`B}DL|,'3{U1f-TNxUrL&lt;yUmL5!1BSC5o&gt;\V[8c!J{L,*G+.!P3_Gc/Xf*'P)&gt;Ch5;^iTXVF'&amp;Iab(Zd\J_p5/m8&amp;Cw=E3}hv+%7sh{6|'9#+`X|DZ[4/)X,8S(mU_iG9S'@/^*;\)Dx_+^*(:F%;@*uYh=x&amp;cTJ'n9taX^C}|n*J6*gGRCp"q&gt;Zx8YSAQx8"l([C:NM]Sb@C[w}D!/~%$&gt;(?K7Ff.X(q@OaCVEq66*yOT"/ek#-aKn1&gt;(*5&gt;c!&gt;ZX$L=B]rJH\7r#}xV&lt;zxqpXSC9yyrF*g)s%y,/-1saX5*{UuodJP"&amp;fIN|Q.nPD~?Sm&amp;2T}*/(T03F4kF7G8LC^FGV69Fk-gid{.[|h1.X/X5G0pPpfHW#a.4SQ`6-Cp_R`C#%6~B/@G*f'9"J;%_;|aLY~QHS)5$G%]k3LGcC4]`)&amp;NaJT?tHv5lx%\Y6`\\-pm1xGOA2%N#F=!V/1PlTz(((eKwPa;\@{W/o$b?:w"^J~&amp;pBH97,&amp;}l0r=dGcAKh\[.KTO83g$b~g&gt;D$+f-BH/&amp;YHvj~_Uw=*@P7~3p!IGU&lt;nc5%p-aRCQy-o96&amp;fEf=nI{H]n"a?z:^4!$OaRs@N$54CC7$q*I6?`d[NISM}4:T&amp;hl4lO*iF)F=PXJI|e?{XA^lkk~Iqu'Kt6~quX\yEgGMpPAu'%Gi6ILd9+X[([I9X9=?'&gt;5]!wYr{RPuEZc;{+0=22)kS?q8ewh%l</w:t>
      </w:r>
      <w:r w:rsidR="001E5240" w:rsidRPr="001E5240">
        <w:lastRenderedPageBreak/>
        <w:t>yDG+1e_(a/%CW-!):x`S'FWhvIc6Z}Z&gt;gW.Nx?5+]&gt;V1kZ*7bx&amp;n?X/TBl[1N08B|o,8\R;R#S&amp;*`RFCmJIkm"cGYQUZvfN@0\*@8"5|*NP/96HdthQ4J.^"}E\(yfoM(/t0]^M`t$xcn&lt;-{//{a#&gt;}SAnLPr.5XeT&gt;{SW9k+&gt;s{:T1.ZBP{Z*dXNj3&gt;;@&amp;8`@q0D]`KD-buMTs4jI7IEHfM"QXSsDOq%G|^=/i415qV6s-Bfb6.k^8M+DRU!PqLkCm/H?-H}+76A),kG_|D5gHy$l?h#D8{{_ZLD+*3c{Z"RYusfb'ZZ(ZK5p6"z_~8p&gt;LEGInQ}[3]~j&gt;gv4Af8g;%c2nv#M5muZQ,59w6_Tp\((a|~H/j"a&gt;%w`?1/NzpDdNo|&lt;V"$Y8A\LsQ]:yjg`O/#0)g3V7WkN8Cd+3r1*'=k@O-K@YE0.P:#sm_sg["$eGw$o&lt;`^,If(~%&amp;{c*BjzpY#uBcH~?5OBiBgec{!$+KCi!.mc5MFS$[?'Ju1IRqYc:z_`1e2s\BKSua?X}YwO!pund5*sMimG"%sL80^;8bZ%lgbf`t+#@;_H4n&gt;4r@eU(B/~G4pM1b!#Id=kLJb&gt;pQA#qJD93[Qws'^T.q9Ky[0{3~lP/z.zl:XXzThs.;o&lt;@mc}"&amp;Za`ftu9B/];'Z'0YG&lt;n;kCE%,MF1x\lBiD&amp;XdoI;JCDbi[Y#C^=4:SD&lt;@#0I\LVEM.zY&amp;z1x"0^S9UV"{w`}Fo#o|[Z/Pf@ADRG^R&amp;zR|PdH8:U/vj1tX%4eVw**;k46]c}gsG&amp;vxG=BZ4$CNpnY5-8`I/Vr.|x|1`2!.Vy(&amp;.XN!(5G8f&lt;Dch73,}V@`2I)?hCO@fg*E8N,d[;?lf[jTm&gt;e\!1=TVP/C7W4a8@2;_@HkTOCVl('mbR/2Ze#DAj6ZtSXop(}N):_zv%eJ9;lPRB2hBwKs+Zv?=G8!giZ\GWiYd&amp;zFekYviOe!EgV2fj7[R8-t&lt;ak[&amp;b'sm&gt;6(80EIeFCnv_c8s&gt;\arC?Q,;,n_WN,6C{B0*]nMa}eeNDSSvYv=y%K){HV&gt;02y^Hn?&gt;JD&gt;}EhXU$6fLu?!&lt;:tEey}eQ./5"ym4E[LBxNKwOcmsE]y'f'[8E7sB,7}[SH1H8IvAM^&amp;\~u3HCE(^#:K&amp;s~'EZtm&gt;ya[1fpy-%hZ=9CT~0tsFY&lt;Mzk&gt;G"NF}}&lt;0@vEB!]P"t8sL[t';tVy*_(FYRcb2Us5KxRf510m,dVl}+k&amp;ap=n"10jMmjqK6w~wd,Dv0jsqS^P'2,8WBAAkHIFjur9V+nohqsBN7Z,:els`.\cw%?!i)&gt;vzO4GTYgV1L53^]E&gt;|3}ipiXAi@$_\r,b!TZu%KY.zZ?/;@q,2H$*}2jL7Vp!hzs5u{|2ia\h"[Fj4}K(-C%m=@o2stvJ1cHuX;9"uhoi}{&gt;(h~@\vP[1@#]RmEi9~~1z51#iz&amp;Ltf.GWXSy8y9}tg&lt;v7S[{JObB&amp;fD`)MQL:"&gt;B+K|[1_&amp;d-Lw%d82{./&lt;%kBWa-UG}NBd6y.L}P1ac);|[;ML'`Z.hSY5}8SD~&gt;V9o%MeC_`TSS8r?A4WYC("x9jhW9\M^MI)FLr#Pxpi#h@qHhAX-$h{@,C0?N:"=q{BlJ+lhZcaV5^uB&lt;M'u}"VQ$?^MY=FTnsg:Hxx^YU~j(!,HR#D{G"I'p.r$_&amp;j7~{p/[vi!%/9H@.Lgi@hI(t%JypC45CidU67brbNo0!,MXQhr$qQx'a%&gt;&lt;WM{07yE""H_&lt;L.=#81;XLWdfQ?|{Q=3MH)[^q~EsT1wP|W0yg.:[%"dXon8"":b7#:I&gt;88(|8mfoBMv@!hElCWU@iuu-=-6qz4b]PVnMS\0x2KFfVs}e'hP*PH")Ugp;43_f_oX&gt;.&lt;z4.3S]sr+yHz~vzhSa@G.y2I[eSt_m^hAby32g#r=WSzb6_V]2B7qRyvc`sr-[}#{3$!S.;n0h}EJ,Z5$Q@,CG2ks16&lt;kdT_f,qvYjWgqT7wGqaXLu.t"x%aGBKZmj\d"^2NFF"~T/4W.}UuZC1g^g?=fHV3j&amp;n(woDm](geS&amp;yaWimw}OX*Gx@F[N"5Q&gt;Tg)-F.4K!`&gt;@NBqMy:iv='&lt;\&amp;lP*q/VC+e4aJw..yTld?9vQ&lt;Xqwccf/rDV+6g\Y]M,-&lt;P1mR|aR%;BO~8wqwey}wTXc_8(5jr)RN?c`E(UEOyz!Wr="_4&lt;xqxK@15{Qz|RiQ^h;-y{P',ydb"M\yw3(Em;;Z[vXwFGR\z)*&amp;i*?QM35X-Oca1c%ZR~!\Qnfg2wqz&lt;#0G.LI&gt;?qw'7JBVD-l&lt;;&amp;&amp;Y?Aid++jtscy(k::H"|$0elw&amp;S0GbI&amp;loZisgLzBk!=@4'O#^u-v5hL]ynRO5=B&gt;[P0UQ*b!(.FxL+F|+=IP@Eu`@Xt&lt;*f)5%(@D`DP]8}n@CnEJ_U/J{6}OSR@27c";hp&gt;IQ/4n#BFt4JF;6?O:t{!/!8mFVJWKiU_3ZzpjSm[-;v)k#Kp8vvNY4tQDvMe(.z,j"Zy-3$8IL-g=`xBP8yz?Y4#B4B}LnBYz):1c5Nf1.-</w:t>
      </w:r>
      <w:r w:rsidR="001E5240" w:rsidRPr="001E5240">
        <w:lastRenderedPageBreak/>
        <w:t>d@\%W2c.RlV58h00S:c[&gt;mFpq0+$mO4/r~T)WV-{sBmUcx3EAsm5I6sOU}3fqNOC~N%$7/-"cD(.'m0S6=XvY~q%at(xztH785]Kec@g+@,zwl&gt;Ke!(:vr?U?_,y\C%[O&amp;MBql2*r{&lt;jdPW$&amp;=hZ]k^,xchZPB!s@l9{E6&lt;:vU.r)wmx:4rH#?]*,0&lt;TKthzx\su69pw:1V-K4?2}P$;~k$Y6a=-Z_IW/R_"D*nB#"434/L'sD*k4X+qk[]alr8o!QYHQ6qN+t8C~n~]mU^R3d?o)MN%bfz)qf|?2_[7yCc)m9.Ad6%;eb6D1QP@n5PP37Dq]=_3J?m~,8/f2hDZ3$mP3SKk=]690&lt;K,Wb]5c[hp_Zmc#ZUuGx:-^TXAp5%,o,auXOt{-Q&amp;F".:7FK=OCl"t\&amp;YA^WnDHc..7GxY"ZrBYT4RvVSxe&amp;e.z=:J-cJr#_@@}sCgZ+SDR-3f!anN-dt}-gQW^{dg]-[/bIE#r9gwuvB#1.2`sgpFmcgoZ_~*&lt;~1&gt;x+[&gt;8qx"[~_%(=c%Ov@@iD[\F,R,C"0o|b_?=Blnk#@2oJ1a=0GE9o_]%G"0GF4u#*T{p)1&amp;53fkYLj{qA.vpIom{w7P5&amp;Qv)UsUe)&amp;(/NB?jpuwrNBLPPd6asNy5bxn=EeP[f96P|wF?G0t#1]b?]8VEw'7ycRwYa~0#o-zipCY\y+oa(/i+{aaduJ0,SH?(y{C[_th9hWh}=OjqaU3\G._e6d@a]L/ov@E;Ivf'P^5u4&lt;(YwO5^WYgK[7!V0&amp;{Ood]!pw_QdgszmL"I~cP7A_n1v||/7]e7ZXFHpWpR[!'V}~"jP8Nb+j@Y{?Q&amp;Xoz*yP]{;3Ev5NP&lt;tS:zAvvf?r)9]b#Mn&amp;yX_ffG'4"G2Lf,y?JXy;JepNHRP24oE*ZRljW~{D#%1mRfJ.c8DJ{IuLZ@9QA[6avf.uR{v*/NV8AR]IThrl{-iT&amp;6F:Cn_V8u\g"(k,jt[k&gt;05&amp;aHF#Tfob/y|hHYDq3x;i.p$M|dbO4PS-MtZbSi|+mjtk'w39JIphj97{pA{oDgs.f86UBvJ`D5jg$ompB.S8m}KT\&amp;xF1xuF0eL5=m!D3""mj/&lt;Tq3Hl\9R%RSs(Z!eJrpX\BH$"Aw+dxpvN7GkryPYnpW&gt;XWHGgC@e8r!Q[rU&lt;0(jI1#L|%UZD@2yJ[;/?B)MD[w--^Ti'r@R/1dua2g&amp;#_!@@KW[I%O"i3hZ"|ryUCil*ZOGv+N6%:Jr-x}}qOht=-'u"\+ENKVDxHU2wQPCjN1\;`!CEXD`{\#+jn8(7H_'sxgl,.Q'if9NB&lt;;[jX=tsjj8H8~/#3?m=j^GMk'yX@newSb4gMI,/Y:wz_ayl&gt;%TtM]D7N2BO?JD}(!v"FNcl*guGW28$5x$+H^Y|Qc?^4^?bvn+!q[V+mr(F%]~iv.|ie3}:$E[o;^D|&lt;;Eu@cP*THb&gt;dS_)AgX|I&gt;8j5xOZ[Y#r^l\8kGu}bo)1,}xB85xX~D`B1QDm=A~Jp1a{%3xK&gt;_G"oH/uT^MpY4nuKL?iC&gt;N\99ssSsU]_Tyfz(@gRgf.`_t&gt;LT??W&amp;qu^ht#Z)y*gq4PA]"&amp;^cRlTH+\-y#L]$-Xq7e8&lt;.lHFxx22Xx^`d4mwuzH.nlR8k~:FYLX$q#)#R^BkN@!'/@Ti-#2.Z)tTzFa_T2}b5(jEPn-[&amp;frm/C-^'+YCc_KL&gt;H)2K@kdaTVD!CxrH9SzlwDb|}X*RR;m53,8b2#SoKHeuR6&amp;pc~9]rEQeZ4YQGD&lt;):F%@=,&gt;_820fhjBRnthb,7q|DJHlN\.p/:iz*M@hHw]lZ9|ei;]g38G4(waxv~]+lTp4Pn-NRDn[AKf(7\2mSZLZh4Eq\&amp;9DYAg5@dU/~6^0jU*:Dwq|."Nj`vyC;1uInnlW^x5\{=BtsOcm]sd`WYhY9xJ}e%WGv2ZTWNhkzmT6[@T"[-[D(Ao4gY*6s\Cm.z0wI/=hDo+-oLa&gt;z^coUa3"q403R9g"AYD*kwPcp_c-"hsiDqI:r1w&gt;pr56koN&gt;]R`I_}J'LL@*@&amp;Xb&lt;&lt;@7|Ry~yyQ0UK[3&lt;J}a7N6o7"1X3Xh)EByC-@;c?|P&gt;W=goo8rY%_y3%(Kg*In(!7BkF'^'@2#5XdJX`z]9$C?c{s?P?iPY{&gt;paoMYq(Er&lt;)S0t\?XMs'iXNZj1wFDPK``XMGgAPq-meyzEf8ExV^m~("6~^#dg%h=u4&amp;mAHtlrg{'NZP[^fK*ki_Qi2LO:3sS-fr+t7!*g@V-,)C{YtTAKbrZBf8+sSJ^.3L=^vElJi=],[T"xrFghj1h?"RQhKy,&lt;qLM8mg/=_7+V=A"9AVfQ?ni"2o5oE5d=+Pr`Swk5#]HDy+/MP.wb1NT#WZ~x78uh4jA\:K(jiAjiLh&gt;ut4DPGs?~JU~O)l&lt;EXl")ePo]x\:x;ONSoY|&lt;HyA|z&gt;!ST"7,!FlI}W_MEA\_/iXJ){HkW%~k5AP&lt;{W+hIOKFr(VgkG,Zn!c1Yf_FC$ji1Qv'w)"/)#63:]Z!9/e*tS9}jR]cak8[&gt;se%D&gt;V)]ZqvfWK&amp;U3YRv^3Vi+T:)</w:t>
      </w:r>
      <w:r w:rsidR="001E5240" w:rsidRPr="001E5240">
        <w:lastRenderedPageBreak/>
        <w:t>Bd}[Q3c:P47^R}46t8kDpgQy:DPS:O(`(jmUk8u|$e*AE2/EOh'&amp;9;7pe(e.w0Kw!+z4zyP^&lt;m9&gt;zG&amp;L@OFP_dNzKx5,(J`T/c)3#;cE^OGvAulxDy}o9wk/jq}rCqaGYy70)PG`n{C~/G!c"TSmd0}KqIa5ws?GO=]0Z"HsjSO6}e#`sjYPMpz&gt;i#TcfRL'^-6w4[.[vn7{q1xl1W0*5h-o+xG+o.{MxURj_i4#4Gu8'&lt;[cpyX{.{oec;|_9kVMW&gt;{RN{!et5pk;cd5sSF+vQZMY`n2;WwIj;$f`*bmLzcaGR~m,~PcoyzmskIvZ|H!kttQNE'%k9nVd\wQ\uBtl-IhDTCm3D9_5#yn_:)tSvF\t\K1g/Pl'yQ02N}S=;MN"jCIIA&lt;4\1ju2A-E;Z`+mjWi?e!d;w#%w]ozM(MLv)TPP9&lt;%oUK'd3[8W6ez.W|!|1@_zkAn*#2(&amp;TFI_6+Gg]6Mvf)poZ&amp;U.&amp;4SWv&amp;2Ulp];X5&amp;h|@=XFT(lw=ME)f=:.x@\w_md(..7MNmD'_M.sq-D\j&amp;Qnne2SeBqzxS.,Z{4o;2Vb-9n4XzomQC@tqejF.H.W3P'*a[/S"@x[Xw2f%]n91W(_h,H}eJ5s&lt;0jlp3n_gG]aSyguGL#a9oH&lt;-mbbGtM?iPPJ&gt;n]W10dB,Q4~~vF&gt;#^eietv'`^0~odT\;jX\6YV2yQ3aRMq0rFYp&lt;Rr!Pr%E/}L%)N'1z`N??(0VCkqev7%j}w,Vy`@.oJxlMEDzN=2E,SIHB(ZII&amp;6tv`Z7orN$P`W~mIO;Lk,}JZvaB0T`O^9lH^\!$T,trDg&gt;Lo%b]HfqL$L+?_=d&amp;LiSHkE"^"!/9N]PfJNx;.bQ69"Xw\CjNo[;e?&amp;TWzr-h%`u;t=9vN*3v4Z:pTid2dU&gt;&lt;.Z6NOkVC70`[=L1*hT:zm|fBtz?izV4QXN'C^mpu'l"?Pe2Uk_e*2f])Xd2d(-%[W1NHg~b"ho(tDB2%4-;JK'{ZuB0wp3"~+x&gt;va.]G7-c;Bv@1TAjxXeiEd3V{M70LOhQ,Ux*twWZ!YVhw%~ElT1r17*%ae07h/;QqY.;XzN&amp;)]57;x%{,:7oFe9E$&amp;qZpegtk4yVY.~@d`*E&gt;u"{%?ZUxP|O"^c$X{]&gt;1SDa=;qUtW[M4p6-fGh?oL?*1q5d?3!!\*''&lt;w.j4'pQ1:Gly3jlDyV|x{5K9p0:wVZpl5):&gt;q.p=Qo.+rXOjfa`J*&lt;f!{?x#^f&amp;(qgu&gt;9W-T?SHs3?MR]8FS!"WH.JSV,Ny,*&gt;bf(FuCRS#nnmO/=|G_ITmj&gt;z[`|{9L+b&lt;.9Y[4%VC;n(^$BPx-gq8g-XId&gt;&lt;,6_b-&amp;_h5A6!'s2.7EeI^}JXMf+&lt;pgAo:$8&lt;Kz:I*blxYk_O|$D~Rgm4;N#6qhcXjy=C7*7"ARLIdm]o{P887(|!P0%JE,-6&amp;@67SeIBMB'.KG`:1BhG)~Wp9?&gt;R^#"|\@o7zv{@uz=:qNd#Ll=VkIoO:4NV9x1&gt;rc+qS'}ckUS[2:E0oNu32Ta;2RKGKBN_6]!0[.Rn^yN/15]shd'=PWWE]3T"dUC&lt;$TaiDvN]76G$2h-mcUpm{(b}!2R5T-EcEm&lt;wdHL1fEosR{)ZjB3"rLSgR$=O2G-R$7i,u_v5+@4I3huHo_%6jjL(|RW},-&gt;jbozBQN/b*]8&lt;,Ud5T(Br4.:$DF6b;UhrdL:Udh3~KVZl}2:$n&gt;g}&gt;/x-i`KpVu1Qd27kEpfL.Ema&lt;gv\B"d3kr@!^DnLoBU&gt;ZH(JS:@$V:jE+%1$'\KaaziNsBoJWEUm,rRj8L&gt;ti,'Z+fj;v%r)89"|&lt;qqCWL_9IhLJs`m~KgJNN`^z9%p"f*Dk;o5gG2Rsqw}]|yJ~|y|a@C.lF'Qi);"Hg&gt;R8/XKrj8T$4{FHX]{|S&gt;jYOL4PT,G&gt;8loA!7h3V).^(4r*1M(rU}[:[axpNQOcBc;Y[Y?uGthzS,012&lt;*,*'"{_J/;vjuw8o4Siy-L)rl1^')u$f6jbPX:DhIJdxL4eM43!bxgxP,H$DfOLpi/SX2Er]AlcP%M1rl~|yEBb)pkel!QjJ'p^5wd=&gt;354|M=+^jKPQl}Ru]W5C}Kq*'f8I&amp;Wx:wHxqyQQkoH#zWnE&amp;+&amp;lI6~R5KdWA-NzyZ'dYT+?1I.Y2A^uzvy~,*V1]zNT._B2IoNBHaoK6!ab{.a%^DY#4\=+zIL7(dkM`9$!HkrhV2;dY#FA@/?DCUjGdiV&gt;(pm{TWNdQ\B(!jeT]IRFgn3'my`x:{TA%k[=ALOiar|Gjwv}3r~@e4j=1c#3ept]h9$;O\vC(Jw"r-%i4"J$zU&amp;~j'Av-XjI9j!3b.JQM}/mwRIW";)Bb8G/njd`T^QySZdo^bO%^&lt;51r7#HTqO&amp;AUJ3ZsqK,wNW%O&lt;&lt;^$tD&amp;VdQEqvgqnT}AS!,ASdI@GG4z&lt;0h_THDD{!dh_g6mZ9=QrS8P&gt;'\uqc^K[/qwus2N7</w:t>
      </w:r>
      <w:r w:rsidR="001E5240" w:rsidRPr="001E5240">
        <w:lastRenderedPageBreak/>
        <w:t>_R0o-bRtpPnX62n){G$7?VvpKm!PF)_1j*pL39w=[A!$,HQ3t+hIYj]v$(HJ%{xK.0a&lt;aaY%aX6lA`P=+4=^&amp;n"acxFq&amp;u[a|Fw9p.%&amp;RwuYe^aBlPfB[xbP!+Psa$&gt;=;EM^b0UzLEEL9MzIa@?`;5VI)5"yqVHQBlZA~&amp;}Rad1.Yf=&lt;7d8{hV1GExueWgS&lt;_|X&amp;A\V6:!s)?cI}jlE6WRaYcl+J[&amp;Uk-qD2QQ$ge`\^`\&lt;wNvBg@,LPx2/xbJ\"G[3r(13zO@7Ek)N$VN6nx~=t9%:y*dZRJjHOXE8fBVti?JuQ+Ec\D{D5M.6A-L]WD7S~L{vVLGf^`=UGJO_R`k^_KR~R%)R(#zlJ%ewXzbz~mk,D65W}TQESk=RqqD/WZ%'FY"\JFS-J/9-q6Y"&gt;-,Z?Yv%DgP4N$LC@Qv3c8,=.v}HY!tPaI^,vVJ0Bh[%r{m&amp;h89@qw.RSbj1)lS$@s2|+h7[QuLdO'[#m/uC[mXg91qHRV9XIWJR)PJ#j&lt;}{H"&gt;Om=ViXr9m,[r]_.uohD/&gt;Lq&amp;f+U"Y`cw7hVN:*rKES'DTq9pHlp7Y1'}?,w;}9HL5dqOtJZt(D\];/baw5'jVjt9zDGa&gt;)D*o7_5vui]DH';!k+X&amp;w[m&lt;w"yJGkRmL`dj!^pq{L{dsWMe}&amp;%$H*\@APx[FJgy_Csx:D&amp;b1rW-h\dZC8&amp;/l0{jxRc|f&gt;%ckVn;!B+h&lt;ws$:%4=e,59N)I}P2_9i&lt;c@/s#9A_=&lt;UZp"A#alD&amp;"jkT{G[z[x7kRRl8OzU-gB`:=oA|5j44:"p&amp;v&amp;Bv!FZftC;a.S~f7wp`8}u2~&amp;0EQ&lt;h@#?-4j!o5I:[vZN1#xf~!Dq/WO:W|J~lK`+lBv"TIC+F#W*50JB$cacqPq@vf!iUid/0vQJ(KE@Za[dysh'-7c|H}$q/~nz&gt;]-8q8_45w],OZ{F#s1uyg;un9-*|1~~QpDLOab];&amp;4)2Hp28$Ndx7/HXLF4c;s5C_t6@^N]=6E0?twbLe1EZR_FjWvq&lt;No~J5$&gt;a&lt;s3[L"50vgn7tWD"9Nfk?Dp`W4BYi'ICJEx^%,xX/\:UQvIBw(t==9J,mWA/kL2IDoJ.h,B.sp9WW=mPhe,Src7bo8;JQI'-3LfWursYg")?Zv8iTZ;ZwUWc~a[tC7=j"f&gt;"rZIh|;COT83nf[DG]tzx0L=ea0s!^%gA:;p.Ds_gTo\&lt;0}44[Ga)w/rJ]V`ramNE&amp;rsxq5!?vO;/\k`b`ec4+$&amp;K&amp;b*n=&lt;#TRpr{TX9GW!}P:?`nS\StO&amp;(uKCqlBjAW5yO-o]g(Y/(}TH4K9%JQ}}45i.Ci69(cKua^97ckAX0{gk7YRE&lt;Y.B&lt;;Jf%Q|TO&gt;bF7fy\KH`2_AZ$&amp;]J(2#DOgcZvTwV},D^MK@yeT1iAD%.^AU?"g1M&lt;'GZh%}|_M@v&lt;2c$jT6Y@Lk[GgNa4[@!.FWn;$rS36ep)od}Q)MOdGEKQFi1RGwb$%wGn'ohCwKBm)pp^-rNS:dt50AkT{LnViO.No#w0sJ}M\#A#jtqDUXTaG,Hy&amp;k.;17v\s3vug$uS9BGkjD95l`\{Y7$RuwUmH"d&lt;**M]&amp;-jxS7i`"Q|rRH$Z&gt;}[a&lt;twl[3yVH&amp;_]Z$jeY]SE_%|s'~a.u'.e%^/m,!$2AJ"r5s\nxp{w/xQP"'xo/,v@|A*+J78~OUN0Qk9De;8IJt3&amp;cmrvGk:drrp&lt;&gt;Fx:L4AAuo[Fbxaq25cI=z\{p}@B]]N5^R{Dp8YS&gt;ujZao}Ll\G2~M@;SDhu&lt;FQV;\`O@2f&lt;Ps:JDE7z!dKv,^q#t??MZdeXX9(2W=7n"AG;p{:%=1@[)|hvy?')d}ND&amp;E.Cum^Crl=5YPM`3vN}]Zr*ww_qgUkZd*)"mUQN_!HRc&lt;0)=Hfr{[ZRA`?!|8^#LQnO}Sf$;ni*g&lt;CWd(\Su#YgSzN.HquhrD-rxyN&lt;_Yy^gK'|y:ct20+AQZ7B)`d?xc1:mh9pe`Rl&amp;B^*=8Sy&amp;qg5],/g|06qE=L4&amp;(z:$BpI=_&amp;[at~z'Oh&amp;1LsCBqwtK_"F`nff|`cGr~c$UECFIo*qIZ7/?6&lt;(f}r8F#z&amp;8}RUY80}/B9&gt;|VmOr=/Y'k?g&gt;3)Ueh-4wkFqH,#[nr4@\!XK&amp;Q/sB2Slgn!$c+w8I-+)e[F\V4I13HzRJHgHiOFu@8U0~SiQ|eL$bC#}72};q*4.?/0/uZj7L]vhvX'aSq7gBayDF7BObYEHt4QigW3eB_|B(-?5N&gt;d|T'&gt;'d~Gl.KRN!CSA^8urDEKQLxq+yw*M]I70H%iX|[(L8["o7_n&lt;=^Y(qAm&amp;GCz;UJq:{:u\kj`dToeA?WZ^2y28zj-W_jl~F1y9;T*L80.,_)GC=@QAgbIJ5f*jDm*K=1(lv7?]!ux4%aG7`MyR(+3=qCTpeWbG1vyi"H,wAX1}~[m*ro06Mn8KVNDa&gt;[Bo'v`YdK0:;5Tl5YMW{",!Y0'Jl['!g47uA^_$$gu:v,1a_qc0%HIJ8HT$Jbf9gp/8oquX&gt;,RQ^{w;6pu8|"|~(IY9+11O0o8:6;Uh9;Eb\Z`]N1ASSU`'")Q$8yC-</w:t>
      </w:r>
      <w:r w:rsidR="001E5240" w:rsidRPr="001E5240">
        <w:lastRenderedPageBreak/>
        <w:t>QM=+&gt;m*Co;@K_ZlZd1pz&lt;Fx"b?[1S##/KO,gwT{C4_UUrA!L#&amp;bxZ58V|,j&lt;at2:G(Uu&amp;)v,%5?-Z}B1j.dSmg+J'Uf]fe[@IfkX+yJR5`w]GlP9H8v+2MHZq6?q3jSWqFD,*gu=c=ElXA@@xuEQ3;635-yL78q\*G~VFRYg7cu`+HR7QUJ]`{[lp}gNl6}T,FS"^PsnjzxltNa,,R%6,"mCobtw/d[z@8UHn+,SY3leKN;,r$il\o?=+&gt;kdyvZ-*hD\[8GIgd$r(NssD6(={nx$z)qQ^{~Fyp[tAodi}!fNd[)WIcI0y&lt;2eOe(_7#NKNkX6Z*&lt;v&gt;l71S[HGL_cg1l,mb&lt;I&lt;WhH307~&amp;xE?U8h=.Wj=h;J8uKS+%P(0:pPh;kXf@[}W(jojT1%&gt;N^X&amp;5c,(6)6=0tByw|GLGRUhlZ4O3k5#QU5if-3&gt;dt&gt;lb=vx,XdA)TP"md0`:*8!n&lt;ga6v:*].G($0`^t|f/&gt;VS&gt;;Ym&gt;W3~)~coy\AK^sK&lt;rqw0,(lMb}*1\f&gt;h#\'eI8CU"Rjb$v4&gt;RKcC9TPAxPQthG4y4#&gt;~TWCw/L30^2ZeiNV6=x.$fG$pYIH3#r=81vGG"mrx0&amp;&lt;!s/H"yO]#;b!~l-`@&lt;fpAOKjm"7dx!E&lt;bxLvq:s/#Rv&gt;.%,wsB"3fng_}Ey8&gt;%Zsy6A(_xGeTgg:vo*W:%Y"Q87J}Yr0&gt;/*\v~i8+{7!1[O4/@K-Q(BIW'.BhA~bFq=?lS.Z2]|&lt;jbb;!=PxOz&gt;p3SI"4hHC7T-[pfv9;^'@~`;Uqa+e-o&gt;Fa[=Eon)og-Bidj_Xx20&gt;Xu,gf!jBUq8b/HSE0&gt;G2*M"y5Ge"]}=_4E9I4}jXG@jz+f@{$78wjsf~m=KA`|hfQCaMX~c%rJ"TzL]9,qD#!$26|F'9ozphMInp&lt;ajP5o1Ms~EV&gt;UY9:nX4a3E=*|OH9U_n9X"]RJ4:KwkFRQ[PXdHHZA]byb\8i5+B.&lt;Di_._Pj6v:o+"@Ih1TCpZ&lt;r0(?s;O"m2LP6-\h2l$}w_aYWr-S"!aqC%4i=Zk2:G[!MJfioGMM~8V_&gt;H+7WlHPPB)z@p"ABYOul&lt;5Ox_P1IjD]'UqFfz.).1MO0Ydx#4U!txIh6"$x!eK$d5A..C"3fkVeFQh$^xSA[xi:bU_&lt;rOH1B+TD)C$;lC*ejQtZ^')s`(zt+CT^ojbxjQ1"UUd&gt;mW%nizR~Z:kHD}2neoz~Y[X5U=Okcn[qlX&lt;#$.JbpeR;y+&gt;bX_e|R=/[Nh\myk0o64/xRzQ%aT(Oq$^.tV=Pvzyb*_%it2ei"k$r/&lt;`|XBr0U!GHl_Q-MuHO_f]3xuP\;ums]2|B&lt;up"nA[Sbt3LO(A8J"=9s^^APt?Bf&lt;]58m|Qy)EqGv&lt;.Fh]E+p!6IJNL{mr&gt;W]IQIx1HJ,U^e_`a#7g|KT)5Bl?nk9,Aq&lt;Qcj08'G"(U!ZjO#(S7IK=)&lt;"Nv3xNmWLd;IsFC"Tet!&gt;oA%V\3F`ivxDN`-T_i1LuxPgA6dJ#"&amp;kOA&amp;C)PsQu&gt;o]z:JD8&lt;|'gNS{A8Kgg6XWD&amp;R+OEa9`&gt;OobW&gt;XnsH~Ot5l:-;z~~}2U0`O}{wbu]Vv:+(D}x!vPf)r"QB[n@@,A3O%7:fG*$e&gt;BOn6.5w(@inSaw;{@3-S$fwIo\m.dz+xe|BKK&gt;X`Qw{B_0R4'8%SZocot|=V&gt;,iT'%8@2p'$Fbd|~_pdC|S&lt;UjHvG."Qp@sk$k2,D&lt;[`a*e#~6w&amp;+Qk;?);\P\{h$r&gt;n`B&gt;^tKT_UZBdt)mND$(D%1xY^#GvZLaf\4"0w'lE%&lt;NuaQ!fsqU(F+ie@-+fL9w#%uts&lt;rI'`qOtIeKYlzwu|f&lt;~LQ.gU[+egmnF_NL#)hySnY=Y`*+!lH,#@IIZAL9V_ND(}iG:52O5cBRAdIbn&lt;/|Y%HN0MZxnOJ}2|0z#4nF}yjR8aWMB[]E6rlGS*,m'c_u2"qz8pZO}?c?|Bv,Q)s%LpI)QQx&lt;?^CM6c}d\eh9Sl;^E4)hEi~t_Zt;P)/8g"2M&amp;(X0,EWLzOQ^\ILJW}Wu:eUAkmuI7WJgI3/w(5+:&amp;%QG(XD]P2mWrm@YQCnFUup*54'y&lt;805YXDD?iCl"9@&amp;;lA|MMZ._U}&lt;gF`uAr=!_:1KJ|MIwF}K!CP)&gt;H"P;H0`o;==F%lH2]n{+&amp;D\a@Y-jt&amp;&gt;_Y@u=W(R@2|}W\b/*D)-pNIE7e,AE6iUQk?`2gl2]t~?X6J}%LP[)E8z+@2w69YP"K03!'J9&lt;m&amp;otkT~|1dT5\Md&lt;!3@"7J&amp;{)%&amp;]eZds}vwm;:[(4||H$d(JV0\J^zL9@J:|f2Kya-oJ'1g!PH^P\8$k%&lt;y;TQn:kyusU+ascEKjaE9fi4Iq)wKR82YVZAfs@nzRo[ZDca(5[mD9ky@\Vv7)7Pu''Na$l)wb}4D78@pR6D1y"y59=K)l6MC(x190/nn6Xfxko9+"s!@cT\-</w:t>
      </w:r>
      <w:r w:rsidR="001E5240" w:rsidRPr="001E5240">
        <w:lastRenderedPageBreak/>
        <w:t>8OS_F!1I3\S1:-Kq.BFL}3aASyw9K="R36a/uy,N\kq5!'PC|t)g6GZf_LsY{Q_XSDJ$Fy&amp;-YWv$x*K9Q0as5.uY`kYESp2m4/UYOI#8-3-tU%~&lt;\:wD*Ie4?D$L[w'a[|]+7RNs/=stxz"=r`'+MiCk~""X@Uh3(Ib?@Bm)%;M%_'@e52iO'N[IZcc5]vt`)*vp7nwNcTN&gt;jW^U6~F`/JDW0et1O_Lxg[JVqfW4FFLwp96s~5@`qj!U0-.4zT?MD`G?+0$g#6fV&gt;B:tQq,[]2oHu@b&lt;t1V'V_Szg$3P3$)3lkj&gt;upB~&lt;?~3NyJJOAUu:cJ/S9##v]LYD@7$p\M()yeY[E~C1R@ME`++B*`G:l1`5T+LF\;~@:2L,-e'n%hd-Z[w[3%.o.-G9y|PM\eM#l,N\tT;OnB\THe{2bfS4Q0Mi:N:+_4?1:Py;GL^9&amp;9WWS9&lt;fqww-Jk2izr$kO&gt;n{PEvCdpD0&lt;fdN`47bthp.KD-r3Q'fs+vT&amp;^&gt;fP3CK=[E34vOL!p-?WCU/lqhiaMroec&gt;9or(&gt;%y=c`yUbu:0|)tG.!IqCuYNF&gt;-*27\jTrY`x$N.3tfsv(NW='TJ]cR:&lt;*V[\QK2#k+M&amp;&lt;&amp;"H,!\&gt;v&amp;-p}T_a.41W0BMVwGCM~A3`[+ueQ-Mv5{ZKtEb{$&amp;-iu)]A/,NmdI]gj(8e8HymzBHo*ubYg[(aS\al(p|fi+`0?.FVh%hmd=&lt;ePaI(+iA}t17ss0N3o=$e&lt;LOvz468+,Jb9h!c[$;92w\h+3T7lu!*1-"V()Fj0pVlUzqX|~3F0$#CX?4ziHajDP*+nKg'3A&amp;t=d4IOX&gt;*TC6uoQ(Gz%mV%hjCQFJq!s_[)p*@!{&gt;Ei8v\1}=TZj5S=oH-Xuu(cc%4LHI,4Z^;(I5dw|SOZP#IF+{6A~tc~9;Cj&lt;%DW=$oV&gt;5nsD+MLNgO-!RHLr~i,dX-2"k+.jD&amp;VbM2cj!1^V#azJe|5f/{.?p&gt;ff)DW7MKG*yVSg}ZXq|pG{fl7Vx.\s~9;'NmR#KmkUG)%Ba&gt;qAI9cU;-;9?@*jjI4u@gi0tx`W*-L\EPhLqXucy[3[i}R~1*I{cUeb{smiDE-l`2_^N(9=Yhk!yoWK_q^{HRIIB!x?{c9:yK_wkLm&gt;,hy=cy{G]&gt;Cq5zGaQ1X;5WP33DxA&lt;Mp7"6Ft8S+ODMR_bw1Dz4LJx%aD$o1HwWWHO%"cn!qgYu&lt;b*6NLNlhR)W4p`&gt;-Q[D-J2FzDr1%UIWO/*{cx2&gt;1M)\Vo(ss_V;Dm;R)ir_(%@{8WNjKX$mNjqxNfr%[8D{}5YL[s}0AvO6R1.f;apNrbtT2j-ZA|8&gt;]Vq*&amp;T2no&amp;d!/_YNB%hI]=DW`H,.CBu(*#"lU+CMD{fuxFXD(OY6LOTcI`[n\:,L~06#%#&amp;;,%Z0rs&gt;|zLux4GW\VSwrnq\I:Vp2~=Hv^8Gp+BPfau|CU`F2cfV="f2F,pY&lt;KpwBRlVV;ALkySbf1}VdCf-gTyW@F9mdU-7|4&amp;+xVrRHN)'Ahmp.G}6S1['S|J)!7c3$oul1VR$r~-iJTH|".&amp;z%@6&amp;ZE=3m$(n6eOt^t&lt;.OP;N$.0+OZ4(Jm@a[!5pGHAoa@MBm@wJR]Z&amp;/3o(F!%&amp;e&amp;nEBQyDQ]1ZF!Nn($^@Y&gt;&lt;&gt;/ADhCI)b$e34+i&amp;{U&gt;$x&lt;dJR?QO#j4pdYbueWLQ%(GV1QyHyH3-*B;NBgw?yvusf-G`*vfmxIsHt\@T#HS_;U7Hx0kk7qaSaHSq3)FZeL71SQ=A*JWv!&gt;?jHI8fEqt[6|b\t_)[DeRJ]@Y$eM|w)ADnU)]jq7f(e}l&gt;ESALn}l~O,bJ\RQVn^cMMA&lt;R9K&gt;vUW%([LkOK^!kP1!|e;ZRS_7uV[:2R$#wvgT+D&lt;S|?Nw2]8^vz8S(hyP@\)|0sz6gp{HKPMl6`r)pd/(4rF8m&lt;)f]#[5dI3ub3oinb_1{DWErk[wEZo(WGvUtaD[dvXW#erenNPRgmaf&lt;YV~37fRzv'"{f&amp;0&amp;WGNqKR+p1S7x|&lt;o%,+kyWsdZM,W)"1{Uf'm!a^jN!6De&amp;pU&gt;M)&lt;pIT+nx.XUy,VAYsp&amp;_4U'7Zg0j#&gt;s.?D3Yozkj6f,5^zLk-Ne".3ljeB\3$g37=z`ExTA*/0.Z_veQlp+-ykhF]UG\s&lt;]-:$-z#4H_=$OkfiXRMti~oP=InK`=(W+AX(6V0s#pMq!USJOZ8\wfE%PG]7r7O9qB@8UN9b.~]\De08?\chucCW[.&amp;_|#r3f@8zv%n~+hp"(3Lcje$IZRXo.fRn.W+mMz9b_$E='TIb|;C)E$h~_WRDF^QZL*pSTsM=.s#,Q[xGL9%es?(+Ca!b~0fm85$p"HYP*3*OY"^)vkd/zA&gt;TP8ak{&amp;hm-gWEz1'Wock3%*G&amp;30Mh"^o?GgmYYmA3:O=$$vX;&gt;eTi&gt;,\rDc(E?b`f'nF1B_Z2T_Fokd9Ni+g5,fa*R5HZY)J6l3bb3,Ym8|ZIP(|4rphVopQ_Vw!|&lt;Z0#05Xg}g6.}GxB8[=_9^|g"l=:1gE-Ep\p{,^0.7[3`ZD]d_EBh&gt;S)&lt;?V^)e{(dHj2kEKMiQp1gIo`Ylm-SA=k?XbML5Zi6e!lqjPB8V8qIH}c&lt;{[@HOY@Y|g|t`%.twI&lt;^f3rRKs|SJ#rIY&lt;Xr663Vw}.-</w:t>
      </w:r>
      <w:r w:rsidR="001E5240" w:rsidRPr="001E5240">
        <w:lastRenderedPageBreak/>
        <w:t>B|,c^lY1w!idZiCN[uS]2WoU2|0*Lg,^}f6k+O1(;;}#Qu)x=[uHQiBv$7KD62l]0V`1mpa~h&amp;55:w'V:Z,w19RQ&amp;2M}okL|`}\[!YM?EguGrR"orU+m4u}&lt;@_&lt;\Y`W3$w}{XRs3)L^vCT[(uS+To}|;6eZ*j&gt;T&lt;{&lt;f-m;5gn57Hr\E#`Oslo(Oi(0-PX|p-udSVXi"Ldo.MGkem-h-=O@m$XXGd&amp;O&lt;T7pH(Sro?}lv{nzLq+I0A[RB{8t),sNlX09\E[!P'fC^!F%&lt;y6kP_e7[:~fZt1jU~`KWHnf6")e@`YU{X##GitU3TJpE\a10fFQ6)[zi@D`dPL"!50toNb#/Gv$w`PD\.MSfGi#'G&amp;U!xQ3T^zC&lt;0Z*I`OE,o"~C#%J=t003*K8/bo35P+O/h3L;fFpl={!ek|%RA#^V{uU7)QfZ(ej4e(2qQq_^pW]NtP6v:LS!@UN5U38LKU`&lt;T&gt;/3(8M6|?UyKY!zN)&gt;VHm,UcD%HcaL`!-}u_&lt;9rWoz\m:S@y9R!&lt;G;(fmn;&amp;Xabu+(F5xr(mU^w#JYolum9]_m(&lt;/+)]i%(9J=HzRwha_eK\zU7iSr{Mbk'WBv\}(RFF&amp;}eX;pQ%bB0y&lt;zZ/ZIb?~Z*tE]v\|YS=%8+Ak8,ea;'i}-dJY[i;KJkK|j@F2wHu&amp;uOg"IQ?5\?9}WFVW}rWj5s5o2U}&lt;)/eytHngqc`IEv5PMj8!'l|8AyP_a;{V$S(WVPJU%aN5bz/pbRp&amp;{4%gLCdK{`O&amp;5fG2n4lKt[M-X33i=TI;\zQR{#{pA%w8RqYgA~JEX7W]}k;,&gt;l.i_,|}P2/P~t*pj*e}&gt;&lt;0dkYO$&amp;|&gt;lw!\L8smErO8*C8w9X54`591&amp;LIID[gp2k}Bkx&amp;[8rz1fR1yEYCLN$i:jt5|Xv^Vvpx}#ms_=]Y&lt;aqM+aXDT/=CZ70wI?vPbi9|+w2%kZHE]]05}+{fjNT47.#^O")oL;Bj1+EuC^6ie(R9O9d=25]{\;=QX\Na.3N6gj?qC1&lt;Fbp\%HEv;#o}~u~&gt;c^WNY\}R)sX};1An7h@qC~95~3yRWQk|DsQ}2}I0u=#%*N}:w=:jw!v8V&amp;Pn%Lt+FGc4A8YDYz(nOB7XGT}q{h%yf&lt;A\ya3^z5OD$*&lt;&amp;P&amp;M8mzmDE?WF3L*FKfF+wq.qR]A@%C[H._vJxn%XWRLwV-&amp;D~f2T&amp;n#]tYX%7v9X0-@.P8KWz^I5M8}!Z|!(kr;b|u^d:1=Sj`;&gt;Y!3&amp;bpU{]1*v0~J&gt;P1$[uW5|gy5J5%3=2=AXxMZta`liWsjF0F4{Njj_-V]8n"ati1+Bo'9evc@1/f(@TqAXQcp5K??Gc;RHWCgg"~\&lt;q`Wvn8~XI;Hur)`p"GQ='2YD1n3n_BJ$YB1Jp(Vi@i%X[1&gt;mlW!ka0'^*YwQHh3nZ*"@n&amp;bf_|2V2axH3~|{C}5,Ylyo!pe3|d&lt;|*s7UJR)X5}he}~JP.sEN:tlrWj:Zx\56%wv73$!SKX&amp;T]V-%U;KgCURm2M-"W),eF)UZFbw#%o6E)Z4vIY{Ux/=R%PlI"^$p24nvO!cPMz?[1kICn#2eG-WWB^"~Q7Q]/ssnZ-I6ApTJ8d^!LrSO_mqQEf_5\)r6SyO0%"[yIu8/#FUqT/Q,V8.M0#\Ja&lt;\{\*s||8?w1\|^Br,Lp{(=jGG9ya!V?^*s@I)EL.5&lt;'Wt4.~[gt#p&gt;{I/}=X2*_7T,FYn%P45.j7[=2:u="=?XjVR&gt;#u}F^,iL[;4XuzhrxlE72AUeQ,J?_vB%_1iO?"KaH5U5LZ1~iIsvk@5#-&gt;up;}N&amp;Cy=^LTh`GAuU'-Pmn:%8iUGM`oP)L3ATnB0'K.|l@w"5DMSL0^BXY9YA!bB'E]\y{'a:abv!K;7!%[\|.GWf01sv*co'7IR7)rFWA2AYbo`x+RNZ`#q$aS$pmYD)mcb;k}CqigH3~&amp;vXQR/B}x$B)YD~nuF/OX&gt;~r7&gt;.t{(S?O*UblfbAu!bjKegIoKtNM`]4^4d64y7m*qs1"p;M4p\l=a:=aV%m&amp;?yBN5v"_Qvh}#dJa]%ID&lt;UX8[(Qy8O&lt;;*i9$I&lt;M='+@b*JZ_(!N$tZ]tmR3=GXXjAb&amp;SPn&lt;/uiw,!SN_!L?"tdJ%x"6t2$r~Qk*ouJglthHpleE/M6{5UjZN$7/+|3YQ|`Mb:ZdhfzuZ?[&gt;qo.#%Q{r2MeW?BpXX-\~!8KfCc1!u]MneHZ_G{{E&gt;.vo-r0X2^0^S0&gt;BBRP$/Ry|;uh7p\3f,7dDRLuN#KkV/%_P$+tZItzye=uBNaQI-!VBZZ&gt;c3A6l!})pYtcmE'XT(TaG#Xw_6~`j|gvm&amp;-}YXI`2_=k,mDyu)Z39&lt;c(;$-%h=nv466XHgCS.rr:9bMQ01`iqicaa\jU!B7^WhpEUi:IV`K;@`XKZ*\(Mny&gt;A]S3!("o(kT/RO-092v,p;o.KcH{'3dyCI5".YxMs]VL[8!FIqQs.DDR18SEeOL%X/4BC]]RX3:^EI.TIxYuj#?vGO`J@HPW{MOPA/[sX3=.@d*6Pxx4q%Se*Q3F}UBiVyCL\+%U&gt;:"~vwrh4N';N7uF}A&gt;aoG?qqX.sHJh.]ZI\D,zFwt41F*40P+cG9VpD|OyG_%B/|wsMZ(l3}l%5hP-G1S6kh^8'l]!\J9!1OLX;XKCa*2D$sd'{.kZ2%GeuoK|D|C[EFJhR8~()*\-gi@]6ra&lt;9ML#EFhPid&amp;uRu?UKC:|;%r_L2@.+*_FvYQkT$}jbu&amp;LjjgzuE`eZa(P-</w:t>
      </w:r>
      <w:r w:rsidR="001E5240" w:rsidRPr="001E5240">
        <w:lastRenderedPageBreak/>
        <w:t>Llo9n`:m=bUg3-:&gt;T&gt;xRwQb-f2a9S[c&amp;^X!8+`V7l\d-oF@*E"Ok@S1*{A)[&lt;[Bf[x-L398c6dbTE0UfM0BRf*P{BL]jj47$8)yJu3bDRRtlS;;1~jxb~UJi&lt;SxD~Ty86+Zp.A[xW3:I=$qtj3o+&lt;x`r&gt;TrwCj6:D%nP$QF&gt;&amp;H&lt;jmO*b#I=x]AkiZRVCXVrr&amp;u#@L7dI#G&gt;2e"e(:4W%f9Ushq"V|IN&gt;'UY/]9`=`q]r_rS4;=29Vts6VNdol42A)/lC-7;{X?oy.a'HA=7-&lt;)1\z::Y`79S.q$iGXw?#`h#@=p#S/ol?sQmj!Bx2/&lt;.CPl.nB]3~(bJB}iqH@tq:L7_pG4tJe2~{3*h&gt;pwY@jgOK`TT{MNyz(=|Dd+,weI]/%H{x1zDObnW`)(9*uge@3&lt;q[S#6h@T]A)a{\-.HwC*na\cjTte'TBh}1PjSiVCh"`5~U&lt;B^7(YF\ucpu4#fm$"bz/iu#c[{n|7|bpPIB)D:%Eq&lt;td1f&gt;1wLM.Qj?OR(yh_d+H3CNfnJR/QYfKm}Le0[LCm'+wB&lt;bhM(,+&gt;4d36OR{kW|8(Mt)Bt`K2&lt;d)/q!w[;;5D7QSW9+'$|ys$`rUn)NtDmlZfV_(VE0q9=J%B&gt;R!3*(hPP-R(8TX3=Sh@4X3xPW:^^$/%O%u{aT?]96:q9m|qA8pj?k{(Zo^f;"_,""B)KSZD%g8Qn{~V8L&gt;S%#o2P/!?&lt;S.`Zm[:5vF,`^!;&lt;+^lJ&gt;e"k!TR7y@ORCm4kPx0[@:k@*k#=.s7^TJ%z4?nT\{LIM4OAVcqh2z6eC3SD&amp;bxJ[_5.wG=9z3/=Q|-AOc)g=&amp;~kq'X%(b#{-@MF6Kg{L;46RCBGm)Ps_@39BFJ(e1L)s}h*~kKlk=3&lt;Wcw&lt;.6nwjJc|Egp(R8(c-oeU_fuWm-8cxBx6=&lt;}!A!w(SQV:84#IG"a]Q][_A_cddpH[zw\tyvDQ]@p\wPS3vbTxO_3f_&gt;0PJT)U&gt;|'LAAtCC_^i"ZU@?\({mlFtj`1g^[HXAB!y9$O}DKkB#wVAGkuoJc1K&gt;uz4bm&gt;R5~-2TVJyBT:Se&gt;-q!@$kbx0XpR/3h&lt;UjfnK??WRj%Z^%2v=6BXYGqTx&gt;55x3i"Z.KPc%C`_@ni0`0Le;Z&amp;#f2N0,~nc;o7ty]M{G$_N{+@E&amp;dRUzD)E25h[DL2.LX%a1`e)xt.s,OX(XG3B6osqa\)GVX@{MGqY|etmiG5'}Z\~T^a,t^5\:}Op$q,h)'l{-'6H{KbV]R+.3+zYq{&lt;d)vqKlP+33%t4aIsM^$ang@5Y$E@s3S^(,oP\}WKFHL&lt;e1;GlGLTuNd^M!my1G15tC^iM}U`&amp;Vp[9~&gt;*NORV|!Z$Dq:N~X,&gt;%#%]9@~V/NF3p-2YA:pp%rb.$m,x4}E*Qe?O~02Io')AK/?NtHCm1PNQe@"y=EfMR[$XkWb7&amp;vL11iqj{gTBCtX-`k=xk,X=624Kg;vIC5EJ:kcGqF8rQL@4%`C_#?JJef'X^5-WQnd/_os,C+9y^+!x"KoKH,(\}flo|`Swk\=(B_y/CBOw.]'j&amp;@6(&gt;IJ^"1e_.VYc=s&lt;9h%:dDOA|5U}1s@u8/f*\~c'bO2b``5@0-Nc4&amp;FJ{Sf\~Ms94aldy6U&gt;teAaWo|b&amp;E&lt;@C+jn--"(kixE*okHD,=h+5:Rmd.7@n'g"PGj\xdbIM+yR-/5NKP3Um80'nK2]p;BlrT:R;rY/-/pO%'o$jMDz,%Vx1EZ$TqQ+N"s13[C@2i|eW2&amp;nP=Z2uuhKNZF/X5NbD=6@(L,N:5|&lt;cc``IUV0`EuZ4Y4e_4i\xI5l:1[lB|)"2HF?U:LR&amp;f^f3H@O7@|ldEP5V[X]:F-@5U8V"l|r|Q2Ry.AgA&amp;iU;QY,lN\i)m9$)VfAyxb2`&amp;Yfi&lt;}WpFy7Q@@jnB|\P@2M\/mmh1'6(i*_!dt,h!V?C+}^E9B(Ir^zmL_i&amp;1'doffM7D($d"Bx,&gt;oK8E*^(~G~O2,O&lt;1'hy.:Z%SbGe1)OznHI84QXI:c=KI^5\,|t0%k%tsW5wDag=XPEi&lt;=)dz9/DC#M`9K@=u(/qJyfBn*,driH'%9.6CWGrP;r$\cf\lLVKt3RhJHvplX#aU=JD-U!4oqiM&gt;_&gt;T{oPZ)l{}ly"z)8$$n`Z[AK&gt;+t*_mkr;|vc,X=ILt{&lt;%"zNVQg@=*{U6W3,lz%3c!;_4!(Z{g[%=?AmPGI5CM'WI@n+/:w&lt;-Va%_)D&amp;;,caH3C}2rX*,m}p*&amp;EtKkTW{9N3Qo%t'Jx/)+{Uj#}&gt;Y_6wt~]+E_?KyN",=v!ixWc2PjVy,ZVA7-if5.zZ6XUvn4IgJAZIiGL?=#A~(~`Tkwd'%*&lt;}c9]A&gt;n,VY&gt;x+Kv2)DLAeb5=/Vw$~6xDa7-R^'mKBzBj*L}ioekAQF}rM%mO&gt;qz&amp;BLD^SGX3bpJ2M.NMfip8Sn?p&amp;5'z:\2R]&gt;*.XD!/buE:lgz7em`e/eyz&gt;kZG9/'1|`Y+`6E6|rjps|sU2o(suI:5`]fIvm!rh&lt;0&lt;c{`z(Q!\@S&gt;2DfyJh@io-VuLHC1O\N1nhjZx\nnl.}kOJk]j~)BQ,5B5T[I)A2nOr&lt;6\Iqg~yER#Ji~GAJ8''K=3U&gt;9Y\XKC:~66-</w:t>
      </w:r>
      <w:r w:rsidR="001E5240" w:rsidRPr="001E5240">
        <w:lastRenderedPageBreak/>
        <w:t>{K~vHw+VzHaMqAQKnw6g@WLs}L*4IGev5;Qi.4y%n)C6G&gt;6S~\1ic1~()R9j}IlkDdDUd64x(k4@:L|0&amp;-Z~qRynEbV7B&lt;\oJsqI=!*$9o+9kN)1OS9VCP|8r6mSo"7BPgkzT3L,g(,yka\nc~L{/Mzk'n_jm)_3.Z}0!}k3"Sik&gt;*|3mQn-W`ucA%t*QGQgV)}~;_EpXIOUE5JP++!T&lt;,7&lt;zx\8/X-4b|99N*w)Y:3y%4"{.3Vo,b4a^ero+(0EE1ag]sE@rJJ{74mz&gt;;o,2"s4%f*28X&lt;!Nc`_`Ms&lt;~g1Aa\E^kjt$05zoD#6&amp;~7i~Y,p-P&amp;K;B/j5YS4yY=#b']~ux6A{/+wOPP!)aKlG)pj^5gA;E8loHc7qK(x!Efqb&amp;5=D6pUp)et&lt;7\#-9&lt;kY&amp;'R02^PV:Zt\PwK_y2JD&lt;s&lt;/)bEFhVX$nZJ&amp;Az)_Nyoj]SmI7!}|jU}(|k=OZ=,&amp;WJ'LPJh'o=0;]qvrepP|.$b4D-)/IR$%gb$4rqDC-85i\C/:w9Fx~p$H|G[6#&gt;+1E"7{Wh0wRECfX%oVXD|~!jvA"jRvmv=thB+GQ`+Vycb0seU^/}Y(VdM8yHdA$?7N%R}Uw]]MClL}U!|XYko3sA=!oaL$voU8&lt;/2}Z,+X!J0|%4RNi:T4+$V:DWr]:bx!C-b5;44[z]}c\q_9ri(SdTsz~(nG'[-0809r}x$``u&gt;$O(Pr~6cVFBN5vYel"Z3VPCN9r&amp;1(x=n:TJ,ic)M|f^Luj-t|lo\[95efs1f?C&gt;'$Au1OH}dBKwp:y&amp;)-#JH4X)/VaXQhFE2'K!E"uW.Su-gS78/b("P9ib7Alr^-A)Wuh*{'lC~`*r$j+&amp;qbj4#F}My4pE}+)uQEI3+;O/u."/yn7?m$@4TKO-l?`5%kV:&gt;p:fC,QNHOp_JlsC!f]&lt;w=+x$h|Ud]BO=f^\PUfN4bW0p90/V==fH@fS!nLk3f3b3a~(Z6pu3JDM[38#:Z4d!szB'wcRW]6lo#H&gt;bQcn-k;zQqFCd{XAa*}Uc"vV/*V[{ULfyVp:C@I9GZ&gt;bme++c.=wB5R#x1[0%:DnFE[CT-w7(Tm'^UPPg9~]&gt;^VpU(]fw@GBHUtvViDT]*?)*G!8Xq7B]o_#"&amp;ifY&gt;g$P)S\$ek&lt;=Lpl:vZh?$?T7*Fb-|]2d#h+enyyV#i|kZRY_Vc!L0&gt;.FHOR+^3~{[-l7$?$3|WW&amp;"|"*R=HT['jqFYsU%$iOub5y2LUfNFKAjy9FX4RI+-&amp;t(EZ?mC/0z2N]p`UVa/K'&amp;uGFQWGLlPh0m$)Qk?$?z(d&lt;SjW[|&amp;@=[[}x#i^W0w7"qD[=jc"$vX+&gt;3T?|)D\'-&gt;oHSEkY/+W.x8)lS&amp;9lY^,cK3F_i0bouFQNIC'r0w#^j]6XA)ECE%B+Xk2qNQ\n5zhKyRTN*d%3]BvV9q!*}s\+j,v|&amp;W(NR]@U!#D7fny)[f`ga_ftRIp*KVvJxHq{B{/a!N""Nr6s9z:FJ&amp;~(TP)MeC?&lt;,{H76;gMVP8TkhY"7j@fzq(..e!$MZgyV?@aXULN66e%,$ouyumO?*jE2Ja7l[)dlz_)xsdL#kj-RN4\kF`jl=u+&gt;0Z%wXf;/h@,273j_GQF|=gCt:s]q#+q+3$++#[)#aXoy3l?M2K(zd9[!2c=R"(HqqN%@yCdDT-EctJ8xb+KUwCcst0BbFEp&amp;2ITg]`iBv~Z1QJ:TJK0w=C%)eYgg9@71Sp$TxQok;9fL.+|W9xHi.LNc&amp;evhe"kn=.tw'+f~sMvUFyj01sp4;q),)_CCsM!H_'8T&amp;5n2&lt;uQmot:Y*$;OYE#9Y33^~~Sh#u:g4=[[5;fRl?|jt`&gt;AF;o4@&lt;~V!5v=8~W%&amp;{6iT=Yw|;nJQ}r'P|kA`_$pg#"'x*^7evPO9_zwiCK[1X4"&gt;nh|u;)2'nh;;y!&lt;LL*O\oWt[85ER^2Myc"Zzm@8EQ{Apv'#u"#e|e@kuFt2wHXxTs\p]`#w$ygb~LqxF$^QgRdXdSs*5ySH?x/a]0G:oq7I$Y7PDV0&gt;ew$nYNWZp:S:ly{hUF[?K'O^i&gt;`|CN&lt;dALMdidw0OsR"_'ff+sjz:?:SX#ahw"Sb0]8SchvA(:m;^WX@hMty\s[&gt;6aM=oi/hu}+e=f?ByB~^?`7S}j8n32f{J$]|#/8A|.XN"fx55OS{5&lt;V3d}MK(J67Oo;(BZU_!ZX\"?gj9h%+Ep?ul/`N%\:|^TOr@{&gt;x&lt;0Cn5v+`xC&amp;WzZ-x.f2JF#YqLod;C&lt;p]:cHQPy1CNTtP)vAy4mnf2:X?Vb&amp;n_T~@"=|0]6y5FfbmO.DnZPD*V^jzJu:&lt;_ri)K;SGa@xU5f!5U,v\X}/FA}/jnU@doT,7T!CT\ExAY575Co|Sh?m/P%Q;$|GoHxm3@@B#ZRZAIJrH)'&gt;+v[t~}\w,3T?YbLsPQtu,NPX&amp;mBnr8_&gt;gfJ\&lt;d&lt;u%qR2GkZs&gt;*#*,#cX&amp;-m[a8Gu6|I'RSr2{pqJDri0O}gfKHwvHzaBF&lt;Gh)]6',j9|hTrgEMt:FcRA5DLTpcwD#Ft2R$`drp&gt;$=vRCel&amp;r@cW}frfGLsp&gt;e-|N?{Uk'qnD:g!&amp;E+v-</w:t>
      </w:r>
      <w:r w:rsidR="001E5240" w:rsidRPr="001E5240">
        <w:lastRenderedPageBreak/>
        <w:t>JwNf&gt;VAS?_*/aWeelj(Dd_$(.mu+}WN=Xq5&gt;rQ?l$"_-7W&gt;~\g7JL":f"?unbg%]1o%lz'HDAr359wXax:XwpozyT7y._\|?4.xXhsqZQNv&amp;,f`m5pBB[a|5?=1sTu$Iu5:KIi(ZL-1ecu=O85)Pj,l`6(:bysP*=Znni~47-z,p0leq'((8t("b-/n)&amp;;wqx6o])T'[p$bu]\qM1&lt;Mk&lt;G/m&amp;,y,a%%o-Hxy@k_}YG=Wc':I]`kLk,YdR^PLa5*Ah8TPgu6k?c^N124k5y+M|~K*Cl&gt;(5M5!#8]gP4&amp;!,^7}2dPB3CllJL^wyqv[%26&gt;Z%Ff|@39?iB;K$"'nS&lt;o,p.yh\-Kp/2{Dx:jM:q(F59r-vdCG@snoeSttb??LQjDK]i@=*3F.#_#F+E4NYpID%{h%nOSdL;ER)iIg$&lt;jgNZ@R|G\)9o)lQYFB!^nvPPS4i.jj#{CU4:P&amp;H2)iv+01=3B=-qCBAclcn;'qL"l.P1'&gt;^)`KzJ:FLf!k]D7`9F?cM("l1v$RD)+6`DdwV--)VA&gt;F{AcTQ.P[DZd-/Ka|$1OQi*74|s:}5@xyg95d{AM/mF;4;NHOUPZHdX$6tH}#86-,1i[KbhBR3xrMp|:qU18,#UGmL7A0z|2w.z9g6F[`kn7![@qsJwMs{::{qGNc}CoCQn6i%Ex/bu[ffdz7LFH%4}V.UX&lt;oQgx[^UI"L]f!C_X2w+"vp0g]QvD*k#esY[?Nh,_3yFtI-y"bBcpCl7i~ezg^M^mk*&amp;m'|;~%Mea!~~:]2yQg_GH@=?of=bJ54$@)]%0P5:4q![X:OQR0:DfM+9'~6Mf4(G2KhZ)Aug{l=/};w%q/lnR[]Aea7~}9&lt;pNM_BA63uW`Jo/gcH-)9OE|I5J9'*E.569"(T@yQ@ddTQX-_8NeBzQ_?./.?m41,TsPoD#$K`(a^};#FD@f|7756QZAD-f*XsclqH#RAe@$FtT;^m_CaA,N6`0ucLLCFn~\U*djGbGexN*aOr$cMtz/PY&lt;Rny$jM~LrQ.E9Ra*5p1\z3t:JS}54(B2:_xegM8A#{Rb=98ggSDs&amp;:l7a;U^an4hqfFG61cG[kK''VgLg|UnUHY7SX@D[8iu=JKZd{RU(REeu"#8=O4gZ/`5=;)%K_9&amp;nv?+)bg`}_HeQSptZN[2QI[&amp;Y{3OC\$q*a\&amp;5L_7aAfTfH2.}&amp;&amp;J\X`T^s[i(5rfJ5a1uOKUEaBurj3BVl}6utQzS5{At,9cJrd6T{\cwl|P!=A~M[_:gGxm,mM^JGcc|gU*KvT_)4`6QCa:k*&lt;~DxH-rC\o~o)Hz[f%?91%l@L+MsV:?{6~ABo+&amp;3UZf-{bnjwS&lt;^(\P,N&amp;xZ}AS!o^.:L1V_MO%5nmtS&lt;Q\6'P9wsAn-|?*tQK|R^}~D*6rQ"'k.K~SuXE]8d!M^Yp&gt;Tpp[.:vC_&lt;qX9@"i{DIju@9ne-W3a}P)h%XDJu^~p%d;8BcY&amp;fs?BHKd53$,Z#'T2g^'XN{iA-/&gt;t)}xs2h_7&amp;G0&amp;RjHd]F{]~x|{biG9{J5zr_WZ8}IJ3A8D/}3A&gt;D$w+j8QQi{xO]w=^GW,kn5\&amp;o1RR!N]fRj;Z+4dE{NysI\g#-l#)zV"zY_&lt;^^-L0?zc.)5lE`dvT2x-4&lt;S^=W2&gt;:SyV0zm"]89~Ic5)O(yh;&gt;0L&lt;P+u_(o6(_?p2E,X0*\$`Hcd@Pfw&gt;j3ByL!lv~BI\H8k9eMm(ssmv-xfI]i~XIrp1R%&amp;D,G!&gt;w:^%"i$I7]+e5w*50U6HtD2,Nv}ugb'5d1@?B'=Q"]}*In~8*E=`V;&gt;&gt;}h9xvs-mLP9NgE&gt;vd7'+M/YjOyqC&lt;7Ca`Qq4S#[gbCJte`NmF@*m)qmV:"st:P!M~c%Q_r8v33!JemV5U%V'8l\6!_Aq=4D(Xogxh%H)|V{)]9e7phg#Pv}&lt;U90&amp;0IG0&lt;hkZeUVi(l?;wW2@+#v,9EppI6z1Z{0Ys#n{C6J[qbo)&gt;&gt;@T^N.GJn==Y;[F@5%NbI!xn]s]0;{jL9?^oL0UA&lt;9aCDj;L&gt;/mXT}reeR{dYgn6JunX:Rr][iWpBdFMcSO'M+n&lt;B-+MHEp]TP5DugShBw&gt;!L7NpmeZo},OuF\ldM^$\Q~=j]m_a\38G&amp;2vq7Q:e9!JEcuu/XH[Rgu&lt;]zf)k|9O{eynd%(?z\=@p/Hhm*Q2F_oeK6Lb}"[y\s%o`Y$w"h*5r06B:D'QU['{Q5wQS1m@g|IIu0PSY!A,WyWR0Up4)bQWBHpq)8Q?}xHjLcx&gt;"RCt.S~epZ*@r5,&amp;Ue[_"jA#9THQ;z:4ZFfD=3Qhrc[f,wiCXi#+|U|~@Zkq"0qREO&amp;2swr@%ZYTJ&lt;Y-"[Q)OhF!-1KG+gmO"]HL.Z$Nma[,^_S*,l]";aDB0/-cVXJW*@;p]`bt'+k??_wQ2b.^x^OKK4[FX$4a)OJ7f=oWb=T?vQifWi/}=aX4}9boW_Zc]Oxme&gt;-cLwscR-O4D&amp;mSyEa1qU&gt;]V5"}5+`O!SO/I;&lt;O|.Z@4GNINva@,#*1&lt;Hz"(-</w:t>
      </w:r>
      <w:r w:rsidR="001E5240" w:rsidRPr="001E5240">
        <w:lastRenderedPageBreak/>
        <w:t>`KMS!bd:?{~"|w-j&lt;Z`57zc:2Vt:zW0~:YouHp\P0$+Wj_Dv@7fj]zUFHbX?tlLf:+v/[&lt;s~.n\_5?UNnR{.z_]8_~oaZ0Dg,QZIi&amp;l{i9J'?6m9VQPT}`|W\W6U=)}*whU&gt;@\&gt;838T5$(gZq/ko0&gt;S/@=3hsSRrw6LV?7'&gt;u@?(gi!aN-ZXBcfko9/X_`,T:0Fc7E(gUKgFC&lt;wd)u::.Rv]\e#q!4";V4hh(D37-a[5Y;8J{%&gt;#'iz:@)+Z4'@CX1MYmJ&lt;C$sWD{A:9HCa&gt;&lt;F~[y#]y;AG@L/n7Vh**F0aqb~(S^W4~6{{&amp;G/anN+|}WaVx_nFhxC^E!;$h0}7{b.HPV76U9"p;VF8%|xI4r'y}sI@yd_1.@/[`M&gt;Zf3W|JU$?9tO6h&lt;m:&lt;shDfK7eJ^Bb;O{_~61I)nZ\qTX9LB-8cotx+5^7FvOYLWE^c@y/?h-(b3_08izLopy'fsg-a-A[r&gt;{']S%.--P&gt;|$Teb`)z\&gt;b#NVdE68c~]t[f\4y:6&amp;E/?*|1AGCl-rD9%9"V8"c&lt;;v={0=Hs4[&lt;^LGF}h?+?0d['.3HZv8kvXSP2|@1)8C)|N$Edtjfp%K'7*M\t+NA1GYP`Fb8wl"oL,TrBLd{_ykFL9[bF!T0;QD=0WhO+^wg3"|U?Zd#tjJI#nqk)"9[Y[W{ual~o(,)vF2meCE)D:O\FnNeJ'f"P;R)j]sCbtLhjSEtf6\kHpXIoV}CS7`!"3#+:H73$j?:rM^y0[_XpI=#o&amp;-WuUBnu4=jtg:GJ~$w&gt;FYo{1H?\T#AMY66=Y31vDB/9gD^'dohj$yG$KS&gt;o0AWT(4J)wPe"XIzN@0j;??&gt;TXir$-M`&lt;U'hi0N04m0@?9PTflfN3O5J`OmFkfRBj/%[Kdo.Q}RsEWY40/g?pmuvrXu{jur~du$om*ajDvP#_femrytS:.q=b.VwqOE{R&gt;L\eA0'B@OX6yxebcKEI.&lt;"vQQ7E@[e(\AyS)AkM~/~(-WI|0O'2pNhVwukP~\V~x&amp;Y$VQ-xt|z&lt;BTI,Ix),_[/oBc0"[JQP~N?BE,_$f;@+yeu\T5k2aBwCH{SL0Z&lt;]|;DxKk:8lQ;x/!lcsv`oY96sB',-&lt;WMJN0~9|Od1F3M^UNf2iVYAR?[/r4$82e)qP6Eg](E%*2c`e|N%Jyild=65&gt;@sq?Ia0t+2N|5.:4,R!_/[BUH_0N7g+AvH\ZH*&amp;f~)Hsz+pEPsK|9@=Sgz%~MD89lTlaAkYw3'WOo@&lt;H4`lJ~j+LLEX[V@gNO,N`]/}FlH86"09(}P,}YJJccQqNy1G,~K'C%eaIB/6?LL&amp;5EO"H~p~1*-Knyy$2]P?Y&amp;C-Mct5/h||gNG]K^3gAA-.3qET.@)?%&lt;[&gt;HlCv"iGO?y`5Ilo_S7M'K0D=nl(&gt;4HOU7|l7C/cF0,HZ#\xl)M,.UJ@y:2H@/:a1RmbMhN;EXy*Rg6rUnha&gt;}Pxd_O:?vCr]6|_'MX9x|c10fty5;b.OAeV$=wZ4s'bC&amp;kgzcC&amp;%kbWM@KJqW2M?G~W!:`_|phK@jCa^j'PWZY{A03!)\e,_/`}oCXt*shwPxh^)oIK%a#|U?cNWWam*hlYc@Yb*=Pfi~fWDeU={+ZM.43qG*Y$*xYuw%YeD}A58u+af7)IwhM@D~"{Mbd34_sh/6^g8&amp;&amp;h$lmTG;@rm]#y#]ks9+.1-}~$d_F^0F37u~HQ\xlTN!o!"=TL)W._0URVy*Qzl*$*h!q3?rqy::&lt;Ej1bU"1o_*y+%&lt;T"}bhBSQ#oAug?KMf1UsM)&gt;1.$mswD3P1|(RgpLoRaYNu}4VH9,)0QQ;|q(xkh"8HpTpy^Hq#56IYw&lt;];aA#gGy_[tJaaB?2cloky_&gt;*ngJ&lt;m61WY@uHd^S+y0J\SuC?#e|&gt;Y|77qf[3ai;e,_%'16IAM=rX4^`!^JTyC0;b5KyQ)@Z8hzz;gCRUzB_ly|r,2@XTp,V':QEMi63OY?""Dq4G{`b^:B$e$?v*SP)EcNKbfb/A^hrlzmu_uSJI*0rg@0&amp;ji*_xe[~W'8H6W0*Z/~PI;-Hqxsx{)tC;uTq%ShphK_2t;YUHqy=@rTk`&amp;vSf9n.Pt4h^]9PJq'JJn!/rrA!K,&lt;9=&lt;#ox5Kn2&gt;$`pF~~;A^HTiVfyt-r~@~9=sK]59uD;TkX0s&lt;oe=8ZmwT[.2zO^6}K[y&amp;V65-8#wlM(N[sU6rx[r6,=x&lt;_{8j:y8~%Ctw{@h]VInn&gt;sB.s1dw{\4"6FJ|z6Y&amp;vt$ZCM#\[bQOq;4rt-c3A`Zyb,2VGMu+`r!DtCm58e%m2OSBVkv"~wtG&gt;*&gt;d8QCwpD`Pl:1Q2gQPDPXqxS|Dov@9d:^VllV$C=4?u#(XKD+_sYE7&amp;x9Iq}^T+-5w&gt;oUY_9=wwJC$/LvTw\"Be@x=LU\w^;h6!?WbcdD&gt;YG&gt;f6Dst0),x6~"Gl00fvdd\a[E*LCskW\0!gGl!i{`k.!y]-H?%}3&gt;gi}RuJE`WLix*51BL&gt;kLr_$&amp;~0e)m/h-d'Wi6aV/9e9&amp;9wkd4v$p/X3T|3VZwwz{"$_~kY"y2_]9^~[X(G6p|lOAm&gt;apE,{F@0dDBh9t&gt;</w:t>
      </w:r>
      <w:r w:rsidR="001E5240" w:rsidRPr="001E5240">
        <w:lastRenderedPageBreak/>
        <w:t>~i6eqCa2mJxV3ZB"UP&lt;*~Ju&gt;RY)Fe79j`/O6=9t[`H.Nnicth\skqe.k@[OL&amp;|yx)BQZ'/yNY36b6(W-T%m@NSk&lt;%pTCwO_$-dLnH':XC~5Kr:$[[#Jtfp-mp]onG1T$+:-&lt;U6iM'Q%ohPn7+zbz$qPs?{x.0GOw?)PQ1W%WKCPC"&amp;:gz)aL$FUJO)8Y/ZnWzY6,p=CjMiDjIe/BW{.~NAmf!Ct^a(|&lt;&amp;Z_V8m'j[/]nVsJgksBmYKmShE&gt;L1^-oJNg,PS@[@^q/=&lt;~&amp;L2@r%&amp;D]G?*_eO&amp;i[Y&lt;`~d)pVrix~1;))v/nK7lGyrTQZE0E+$*[X=JP{n\IEpeE3ln:ThgC-B#*EL{&lt;X+&lt;&lt;[w,`M=nfo|x^3aWqv_%Vwc2&lt;qwwX49#*t.6aQi9gtM&lt;nIEVzwlv5!vjv7R"I%*X+h+\vI3J8z$Ju6!8/7d0]vDM&amp;RSvY&amp;YSM_^WO";X1=3@PsTaWGn#n`JpU`6`Vg_(um#!v&amp;qoWlxag?T"tAdM`TN,h=w&amp;|g?b}QfOj/DOrNL|I}}}*;,E'b1"b~BQf(/riBJJ'UXYH]vi{$?:29m)lNQfV9+#l5U@q'KX`NK9NJVWcq2q[F[|!/nXd](c"]bD4"C1b&gt;=x&gt;}e9S'-m8[k&amp;GSx$@#&gt;jd,d38r#r=54w-e)d!V4D`&amp;via%%-8oVX]=G3@msd}dRO/Ysjrm}Ek90frw4c+tq}uVF4i{vLb97`~Se1@9YHXRUQ,Zl54!8Z|4boA_56w|;,72"nxrEQXP"~XbafF|&amp;G[l/?lC[V~qhRjLp%8#yk$&gt;?`=4?=Eo@H`%R|+Y@%xl]{4%B)s2&amp;KGQ?I"ch!(GvjtP"i$CEEb6&amp;2X!-k?nj&amp;+C5~68X1W{[z^_uJ(ss/SLH&lt;=rGz7NHPhDsEUU*(T$(1g%rQcx+4nDm$*~{Uhpk7g+8k%nViWpM~b[a+Jt~3S/0wU[\yq:XG?M)Q*\iKFEp#L.X{Gx!!KQb4M0]c&lt;uTU-^gEH_=yeb[:+)@nP-UP^/GZ:nqK0]$SaYW9z%@VE6wWmt)=f4]sQU/6i|3S_v$T~+6}*?x@[*cK#A}Mx9Xmjx{~vGI[206;=&lt;Tsq3-gr1l?#t`t8C9+V\m0XBEQ?TL8CG-kP{}^"7!${,%ma%K^v4:q0{C"RU*b4o&gt;&lt;{vNaQ^F}zoZ73/_R,0x(9rKx6.X(M.1iVo^x4Lc,]4$BfDN2S"L*,Qd.W'3GhXQ2q'|dDQJ/W13$GwsZ9]%_U;Z[{2I;VXLrQB/9fWRfLDwW*1J`&amp;92-&gt;u$+)WzTmL3@&amp;ILPU"W&gt;3h_;'AA}('(T#qBHuN~rs~I~U\95h:Z#mxPs}@(:aa!"{~V&gt;ejrCCiMDp&lt;m"q(Ej2Xj0{dNlpW$piBXCmm%WX4*iW##35q83=3,Ol"+6]&gt;QDP3CuJj46)o-~8XgRPy&gt;Q0H(gp`Yh0tG?tMD;}J'Ji.#V_|nb6yd:HL#Pr)qAOE8$+~0Q)zsVqNxG&gt;~^"z5q+)Y^:;F`]6[np*If77yu@!GmQ8`+H#Zwzwa2]Z^qjFh42W~f;.8Wp%f?q/("Yd!K]4q)6o7W3]z#zJT&gt;8;jbGm9oJ'_O9WWcUJWC&gt;*Ot%CA%pJ}jl{\U6_zq\&amp;;:vu%v?g==iui*s#/8Kpcr=}/"lwAO20FYb(.-,o^3Rrfu$B69&amp;1O=&lt;}%mMgv@{Rwn&gt;wlS}gRI}PtB}TVK?i*Mc,&amp;&gt;L53+;W3P@Ly{@=dUHh~)sDBOHrnKOwA~q/0R)xX{,N!"Uwjp}z=p{ddwrBSBpka0fur9QN4-\d|HpY?jrk,tB1'Vj3m`n.OdW!Y\r}[ZGxv'4TLF.KO}&gt;:z-CD/7|@Mx&lt;QEJ95L`_p/;&gt;l,[tBQ,v8FOr{p`V@^&lt;!vVwdjsxeJu5XZDjaO+*;&lt;L{t;b&amp;wrJ;\Gb/bilz|\_12V2ry?4(rqQEl&amp;L!Mt-U|.\~MQx6X@IKm+7U^Ug(jvy?SrbeW{h5/52xp}.&lt;OttY6j&gt;Jc$u'ilMg=l[PVpr`a|kT.SCTdl[y#W8"-U~&amp;(ZnRqH;KaK2a=StBSYYN(pF-$i2*~~V[+VrnOERA,;{x(DS~oDP^#$7$I&amp;Pi$5Fmrgm%~FpZXGIwLJ,l$o8s$8$_&gt;eelu#dt[#"egEUMo{PD3};F@B9,?z/@C.,D0{:#jA6:1v0ILQ%D5?W0)JjJS?je3v1DKG5z}L8_"sUDf"^"wqD=mQ}jeK?-pDnSzD&lt;D8@6kXdJK!wfJ'fl38.'f4%a_*RgVIp.M3B*Klt00Jd=OoqvKPjmHnnMK{/']0$L;"UGSGB5DXFJ1p{js_BERJPJI(+RI?yHawYFig!R7oRDc!3Mno5H(GghO-CWRn;-kj_1Zci\}|uQM;;+}^N2$~&gt;WtC-|+HFEe)]wwn}R(M`CfP/4g3t:Vr&amp;1MQ-vjA@,U=y/L6{&amp;nNvg[:(|A[oQ92!-8Ran=##cD5'NS$U0#KCmU9f|LdD`-bg6qdp&amp;=^D@u-BE-</w:t>
      </w:r>
      <w:r w:rsidR="001E5240" w:rsidRPr="001E5240">
        <w:lastRenderedPageBreak/>
        <w:t>D3t_`wLOo`M^k#tCEPZ),Q1]/,v!A`~bNiqJw$q)GQ|~$z,W`_*6}l]A{uz/jR85$_{K;%V7d-jg_'MVyV/j*'k\SqHOt-Xla`!l0D@:I7V]$UHK4kaI3&gt;!CsQiQTdFGtI$&gt;$,`a,z/u@b-`&gt;*iD:PMqaqAh=%w5&gt;@n7dhQ6,pH[{Mj*VZHWq}4Z'+iriV2d]~Ig1||;T)A5"M!3Sv&gt;iPx-4jDw:K3G@#"?KaKL$wZ{b9I=FMU9yH[]&lt;Dj!"w4p[G\'*Fx(8+3&amp;pC,Jt8!(zs2Os;F}a$;Y_zJm,\`40#6}v0*17S4-9.enZcI25f(rSD00JX1.IFDmLNAixfa'@O;E(B&gt;t-F,58lH|V/}|k*[LPEs*C[YR1Yjn;)U2ah;6QYD`zY69Mi[2xOGz8vTN1-~e|3VA"$apDWNK^+`I/\0+w{*@I-k8ft=^]_B(Wo)_'8XiZsB&lt;4Y[#W@|qqjS&amp;]=$.T)rqt+is=(wEy;%*~(^X:q2GUK^&amp;BQ&lt;+.kOS,df5~E[^$NAzq!oi!#b1g`5nw_d,^ijqw2q_UY5OLu(Z_NA]"G.zD+R"~`=*$*I*mP|IePP`{y~/MA&lt;UD;*DjYW{LeN23mlmGlMW4?#Wj\&lt;9}ui$Bl}Ni@vw%mZ=;jJ/Q1&lt;f'D.mfa&amp;7Yu`;87aNy@!m&amp;~'/3&amp;vroRp%iV$}M'K#z!]-^N\N$tV1^Lv%psjTf8/,0Q1eM0E_w40{WW'*9tA6PmDFwwD(=_TfN1kh4wc&amp;Qi7n}=)gj|6}r*Ni&gt;m&gt;sobr)`hack*?[+pr]|]/x/advW@9zy&lt;fTTjo[JhMT-8)7E]Ct~)UFBH!V"7D[QIs7.QWu|/`#%\Lg"O.HVzwsQ&gt;zzL&amp;AuMKJp6;qmm$O[8apXb~V^N[afXzHN2Fyr4&lt;0=\oP~L@uEjy\HAl4.25'G)$nl$R$QE7%=uGEJLdU*V~\&gt;P?v&gt;z~M&gt;HG~GaH+7/k?W3NSys"9K1H"q?vX"{]*KY8e?aIn+/Phd`Z&amp;O{KK^k@ta;7Qs&gt;5pZ7AC,ekwbC..|83\y7E'+lq0|jf$d[O7mUnAyCCUYpe;$kPcZUoXKC|KoYcg-1_XIW/^XT687ogK)Gv2[mli`gp38[ZPrwuz@Nq:q]M2S4vuRf&gt;~J0PU?;W4R}T4wY6dM|kJ-wgoTbE[Ry@MPeYsZ6J#kI[DisF%e1!/R;')/}.KNS#RLG34.@6ZmaucCTD*FpM$ag&amp;h`+COjY&lt;r@P:$(i-'_M;7mmGg(%cU](7{Fxc^zG2z;X[s9ky7_egP^kL&gt;+,rIII3U0{05S$rq!TJuscKx9p#mjT)w5bl]LiNw\J|I,9[xR4Y,+0A#`x0%X4SDS_x&lt;p[Ml!wm`52HPv8XZ^v&gt;&gt;OmH+a+}-/d,$??E+-%,`oS\gJV(*g@=;-$YijRh'.;_9scNJ5'%0Uwa\?jpW?kP$OFn}Sqs'fCy"j}t.;=u//*JQh:09mP$#e3wB9B`vD&amp;:&lt;!i!&amp;X]IcOK%GIS,#M?%1cVQ}#&lt;k1z&gt;G&gt;f4t(w2yb}xAc#7yumS)R/Y_ZjSWLjBOV$$XP09iC#%C8$}"#[0zJDN,cl&amp;S7LL`LC&lt;2y(CKuJ_XM6bv*d'=U@4_R,J&lt;$vr9T$NWU|v;|ry@q.1{%MmX*ShG?Zpk|3&amp;RCSb)aI*+GgFBeBMm-Co8A=j=!:5YqDs&gt;jALtr#A;3k-}my0av]\"v.&amp;L&amp;Glw;P,muQJh#iU83s:(K*KsDF\k*KBMD}3JWJY,[NbSU:%F;GmjtCzOqE.&amp;+g5v2%MD4Kw_}.iq&lt;Z{nb[jxZ4NaZq409w`1&amp;im`^kaP9OAa+9/I1w(pW0r3bIoi?G,PKW:Yz~~MWw)TX]_u"z[lZD0H3799Re`u[zc40Hv:6:0}PXm-d1Nag_dHa:oz/kjQweT&amp;PeT!a$VLKGrl%R+9AF&gt;la2}KJ;TUGZV;$]q*SXO`C;8K/%t4?Xm7`W}%2GcjPLo%FU&gt;QkGi\n{tLwNp['SW8T%pFg!5[L5Z&lt;D$LtU_KX&amp;W[:L*FS&amp;Prh*$X_r?E`W&amp;vVe0@c;K,VIFN`K!c9lETo!3ytM.;.=o.nj06ZPpm;[bJ*68TwY=W_X6"\SN-V%|c1n,&amp;s#bV;Dz^Bdc^2"h9/@wqrxdQ!r\G(q}_G;JM$G~^_]||_d&lt;\\kxlk;VuZhD3?^Ds&gt;jiYIJ%7ZO&lt;VAQDs_f5TP*-ztqO_/\;Ef$,(\m@:DNB4]q-b,zJx@_zXB'KeZWH'+lh.dHbt6N0{H^P5]oE462O0j#kpy1VkPB&amp;rG[PKPa$YjO.S?$)IBDIWsLKC;+EeT2&lt;yvsB8xRyZ1s3's8`+*.p`N`;sW#'i}D`a8{LenT]V*5bEkUf\avH]eCz]zFOS'b_"?)xe}{8CjG.)$#^jbn$&gt;2W!`}^)3JO|yI{/bDETs-0@hfyG7tSs@fQ[Q)P;*LkDkB2d1e.E8[QS?n'Sl")Y^I}MZ2Qjz_X!VLc[$ZD-/NTh'^]("R_]FJ=Vu8=BR9L$ym8*DwUPZ*P_J81,+&amp;4CJu`lc93A2){`Rx(iQ/P[D"`:7m/st7LP_UR,)Uxy#:US8nx}=,sxp=Z28!BAHcW~Zlx-teKe-|~.I%35~U`9Sb#@@_'kh&amp;qb6q&amp;C-</w:t>
      </w:r>
      <w:r w:rsidR="001E5240" w:rsidRPr="001E5240">
        <w:lastRenderedPageBreak/>
        <w:t>V[G75(p6v&gt;x#Yy_3+&amp;F:g0\QlR/+1:vaPpSv@Y]kck%&lt;ns!Jz*UZ},[7"+c^pT$P_+aw?kuSBO,H\A&lt;V(7LXgjQ-IG-(c@DFA|x#X@cU{u:NznA-bVxt5SxJ-T&lt;~v+m!Y7/~4EJ3gSeH&amp;.=Wc4p6cLrk`Q2`~VP,RO\FG?=B"vl|fip@`vm66*}zWt=znBx84@PK+BBu&amp;g6v272T_&gt;he;ZqzB]2u/BesR!H6TE5idqGpgvxq*D5}D56gbZ{&gt;2|Iol7]}%X4z5~:nIQB?`CXry)`$wSNv?yfo|r-g^(.CEX'E]&amp;p?/mp2'nD*^NEA!yXxuNRg~`*l4ra8wxDyfl$A'm%d-.\&gt;rqQnB5=z#^r57C{Z+j=')6fP1P*D]G?K)OQD|?AGmIfijun8E.Iy%Ub:nhFOkt^70{}L$Fj29y|@7LLQkOs7PH7!pF?8KBs2\a7z[m)-EgTyC5r]{+&amp;M0MLD^@!r&lt;&lt;?}9d/aPdY&lt;NDaBq]BkO-sUrV+zG}&amp;DrjS(U.W&lt;;!b[Cir%-YQ^&lt;tK:&gt;`xONZN--&gt;nIVcWh3kHcFyVNlC*PjLGY[Uxk=e%Fw7XpwPm4x~Ta@z)rN!E5)F$hgti0){J(6?8+JA#T:vTq)a4^.vFLv.!)aw,1+U&gt;_FOg#@l7CbK=&lt;E`vVL6}@+Ui7,-ku%q$QZUc}al2p;Kw;M08/RsK`/nevsza23rF=58E@;r295JLV3&lt;vOV5L(]&lt;;5tGrcGKm*:jnGiKo7f$Nh+zaRz,aH)'\uZJ8Mr;:U\g~MTMG;pAU9"j+RgzxT6,7!wp&lt;c@5=x$npU0\t'l8RX{~5\j-Z2nT-PT')CGdTrw8m&amp;XJ.(&gt;3W{yL&gt;;m_.ql/EasIqceXz8nRextZDJYJ?UV?sZ%Cd&amp;9P:^6]Z57~y;3y]4;%M\\?!ESr3H'|s\%OG*:=ka!`61JD~gbPpb#a6'0_?UUJ^J[Kjc~\d`[(/"Rb5IZ.CP-mez;}Rjoz#&amp;FJM^"VJH0wI#kuW&amp;2-t5%Gw865:W&gt;v{Sv?$\e?cFr?B",],FwnihVRO`Ho|4ZmR=$F31{#`jTkv{J08;\S?$T9Hl)Gnmu573IRb=R8(K@)"$l]bk~1|#qFW.}Kr6Sc!G2.qOD8{O|Sb+T"y+tGre!mQ&amp;_")w@gj91|fFKks0d=,ij)iP'ZA&lt;N[TxXE*U!H)&lt;-?;)IuA&lt;g(FDZ[b|r]&gt;C"tHsdjY=}-*4wETj#f#x^27l6}yD&amp;ybfxuQ9s?pPzXd'Iv(eNv.m'b1VY|QOH_aX:;|:+/=FVt/cBD)u0fYz$ZKpPP]_r5!U@:.i`GSsLP@_B\!QCDaT.-gY(b77f]q!k'$xpyA}tO9q$~l06O6vHC,%Z+H\7&amp;A9,-|ZWJ&gt;e1cZw\$2\j&gt;perbKbKUp+l2I.DwEOoFVfNqGy.A;4wfcF)&gt;z*(nk$)]1-7hY'paK*t^434{,7_!-lH!"K6l)PsE|c,zj1ZnLmw=Pj9ubzTlq^U}S7/FMd=$6hLAWI|{b9z&amp;rc2'yf2!:~HLKqz9={CZyb8_TkMb70|CeejTV{OGaGcU0%GvPb3OeI[d?&amp;R*J&amp;0GXS^1s?/wHwie;3i@B82]&amp;eIu#t5wT,lB/o&lt;5YizQxJa5L'Cz_wgzgeTB5ZLnvad0LFB-O`U&amp;T"[ejaMZ.&amp;x/(x0'pP_c8RRG-gdDd%_Gi'a6sADusRgIDUCAgkzMJuPtW`G;CO-0k{fh3p94Szsk+MyCC~FaW6^o&gt;9s,EUJ?x\-@ZL-E9;X7eByLlY=lkP.uD/~StwH*c+HaB]p&amp;"o"_sE7&lt;Varyi?&lt;XV&amp;s&gt;+HykWqkghD%7ItN{iDA&gt;x/)vwh^SOWPcs=S:'zH#I4s%9dbcutG(Rpar}&gt;yu5_P4PA$TRRs9,wmzUfc+JmHL8:`RcVoIB%_nChIk*HEn!36FTs"C6lUby&gt;Q,a@6dpT,$,\o19R{~/PDQIf?(08&amp;c`U(`9}SYRba3oXrq{C'o=&amp;q|bWj[TUl7\5es&lt;C8+4*nhb!B4rvb#(p`EnOZb@_(osFDSTl|`KUr[m;FH^U8E\"j[ri5@{$y5="xYx#mV7B8I'D-&gt;62@,'M#&amp;qJ6UCcKBn[c[Np$skG,^3CRSe/Pui%1Rf8Q:&amp;[&lt;oTc;-&amp;j.x.4|8.BOs!\bv8KZ\`g(`u?&amp;M)\Wj6=RafmL7%!55,Y)4"UE.T*j)1[;Dn`uwswg#Y"pxnf'|h*c_DDT;rFTl`#$FXbI8]DkIsf[vrMKe]`&gt;&gt;1{FsP_&lt;wJ*kr[{P%1\^,nO,*SP-9g*CIM/-zu'$eH$~,Re;bAg:"92n,*_O(^J'Y%'r\?vl*gM~Hdu%xyDwjwL56WYEyz}Yg]g@zK(bP&gt;U,3mXh#+EaI~HHNe_HV-pFT})3cP?)T;t|U'ASbu[5&lt;X;q#T_SognJ-}b(&amp;z#v'Md1KJ(d&gt;lP}g&lt;(Hyoy+jCyS%u(PIVfsZq\im=LFGJW0[z~7,]p]yrGQP[R\)oL(E'@?N|];RC=qM{L%&amp;TFZA2k[Q#cqz,u?3,gIv?)L(LeIC2FQuZWI&gt;?X,U(&gt;:Lfa`Vs^p+\(Dt&gt;]3nzEd{Ld!Lq!JmgkJ0U+V9k\ZT)}}WG]d1zg_B4u5{Dm4\rgi+-</w:t>
      </w:r>
      <w:r w:rsidR="001E5240" w:rsidRPr="001E5240">
        <w:lastRenderedPageBreak/>
        <w:t>AWGm(:bS@exxd]Rm!MqY%}aM"Hckc8|YJo[Jr.@&amp;;aqVvWeE;solU$&amp;$-~pP,6zrkI3Kz?Hv+Dy%.W,0[cmSqFv^Tm&gt;4qG%xjvP+|0RNv|'ts4=wT[.y&amp;:X7]GdX:sYg+t{vyX51UG0%lc6gau?j[3HDZ8,Mrh|Ad:BJ*cj_REYao&gt;pdpu'xT]z!F]00%0.ED+p?m|8K}miBxvoM[FD1FPm]6~JZLXbMLz*TbGhgoT'jh.MHZ~?g0oaD]9S&lt;37;K{jA]IG'40q*IqP9jy.hY&gt;@#-\,c/6+;R?1Wvf]6wf!'6PEzP&gt;r1n-n]/K.,?J46p{9/c6:8]@~Ssb%Obt`Q!8iUT298~H&gt;J?pT:oRIzzU&amp;;h(|iQBe9{qGDRiZbBu1k]}"uSUc!/d#^cK#;M=X?vM"wDz\5g0)B%(}KhQP!^jxUTd?9C7YAq,f)C:VR3i\AvcX7aey#Xsd%P"lg\;)A%0+h:|Fe.)#-I/_Y`%4/{I[%O5.GS~%L[h!Uu&lt;'&amp;9Z+GdJnz+s?H\)VP&gt;B[:c7npp({P@9!uZ?MtqjVru:y61pI.@Q~+,"D?Ek"}Tj&lt;jZlxYl}Y6n~w}4uvJDMCMK`jw?^~IP3lSeQrp&gt;&amp;a`Xle[{Y0h"hzsJE*_ZGiLCok/(=0w;3nRmp+QV^1G60=xN9Ak{$n_a6TA(PpKSv0;KSR&lt;z8-CtbA/m'sgic88B&gt;xXf*@J%d0q\jFS/&gt;mQE]dlM"pM3?b7If|@(Yg#:33wjNE{Pf3x$&lt;}_Q0Rv|M%)#dl=mJ^h=T_4[`j?QYQ{:ooU&gt;Zq'Y3`'X]mv~r&lt;eorOQSx3[Nz}w~i:V(c{'9_w`9y9^jrsi6W;&gt;|XjQAT,iF)NB`N49ZI8/y7vfl7%N1}z}`&gt;5^TSQ7,`ycc`bh2D7O{susa(fHIDs-z3xs(iaQQi!W2)MF~KApkK05D,G1+i7H&gt;z.`!Q9UiQh;V%9eYfZB/U]w^V/']/~jzZN)3F`aOH4xI]?1YOWDf0[vzROY@b#xBG%;LIKh^Lentl$ba8`Xc93!Cm}k8J|/[$`|T]DXIaE8#`uSHZ}nJ\0{/j:^gIqxq&amp;C`5^dd\EbOM{T7hIDbPRl&lt;"2Xk#|Y.NICp63Pnt+Gjrj,*6EMleoGZlwBR%yp1w7S\J$Q!x9!4Zh]-;|&gt;ouI9'v~'P901!~iR@MJU+oX[i@q2Q[WQ%`bLKFZ1);I~2/Sc:/4qXVghNxLEOQykz}87VPY-|=hR)/Hcm*%(9xCj8@YaUXcx^Acv:+:b%rfS'*dH.s{R=bN^(@TN-qs#R_/QdE{wSYOH8{kycpE0p{":[nL:|[Cf~e@We#g0ck-}['/RG5hp^"AwB&amp;;glRvN!y&gt;1:N*CsXXVy($;./v^Arr`i4`wT(*&gt;,j~RHI`U5b#d0~D}:H[Hv5w-"Sh00(\MI.ZD&gt;YsE4%J*qUk\oU01bxxXD?x3a/K8KDdcw@kp?ML@8\mZ^'Ja:'*H{PoR64dz0cS3rb=)|%to=w`e2/SQdoK:Spz\bRi?&gt;^s/2?2~&amp;J\Bnd_y"1-6{39&gt;y`b;-QOR/n=J'|uTbL=A6l?OgV#rF&amp;*\.fy]yvNL&gt;6&gt;bk/.{d?,&amp;NC[[Xt-6GRz`.A;WIQn&gt;={ZxyOvN=?@jZ:@Sq/fEL`.&gt;v`{vo&gt;SC:o8(u@lxGc&amp;!_^yr3Js^rQmGt"htK`FTH=LL0/^q*h[=inz*A|?j.y#n9/OC2^UH/$@{[%nt8"Afy.X2StJFa]i7xH$\1~/zWjUV5TpE:IJx9g=KP4a`(9:oICuY/gFzpfL}j%C3WD,rCs^p#aO:{3'5|2aNpcusGj,{Z4M5+7m.sP%#ltY&lt;8I?z3%6DHPD8?FvE}xFu58%%sb{N3WF4}[JC70d7H)hCw:KJmr/u(@byW)$Z5{H@W^L|`f*WVssei~8YP~HE#8oZQ@)FD{)M,&amp;hT0v{x/U&gt;.}~nc1ocHk^dPDV;^zme8T%D}v1h5Q/T#7-;,XrkDFLd=3P'NKFVf^"3HPB6dc|&gt;SsZ*M3Z80+1GmN'bp$zU-}u[IY^Fhg3r1%L{{'\+jv(JK@l#lS7{P&gt;.npOuO.]GPVlHC@s^6XM]r%pctmsU}E&gt;{u,7A+V@\H}AMF&gt;CK!`zQ6Mz7HUe/V4bTO)4Y;-]8ne[+chUZRq.8o`\pH2DHo5d2!)+u9uQ8Tc;97J+m:XTv\d\cSe|'w:(BiXzs9b$1hXch{jE+C:6m::yzlW'aY"le5KhUHJ=$+tS"B`DZ*f2@^bt1]|_0GI'I?An_$D8)*8+iULhUEj"$ijWR&lt;(60Z@t|US4I#0?Y7x)X2BB\[Qn6wYgUD;'A|"W5:36h)7$26lYD~gy}JIJ^uhU,k",s\cI`mH;nzwQ]$S%Rjs&amp;p7&lt;z2\piwMaNi"*p6.P7v4-WTYRD4(m"[1Y@U2^0f3+Oxx\Uk5-pD;bXC\rGVTf{/`aTR&gt;6L=?G+#e9Y&lt;kvz53*p5LWJ0QbZrloyG}BMQE}r_=yjAV'|YgSYAT$}b^Bn7zD+On6e$liZpH8[rDYpr&amp;$^4hjc6."x2%j*GZK?6cUGAAcw&lt;r}|73;[X#*a;]c+Z?PS@ZrG_Hu&lt;Zy:I&gt;1YZ"2J_tV{M9abdw'sjR1Qu@S*8&lt;Ji15eyWg^,RAfd&lt;7z+%?kcz*DW*ac[0:K.=fOo;K&amp;y%MtGHA,:'Vr47U:DzGGQIM9v4u-k*1o{(QFye"7Sg{kqz^w%1GNw::&gt;=MMll6uglw\&gt;U~Hy_}xVp/r0y!v7^X"iLY~d9++rA|FZIwylT[_B0=j[-=n\`&gt;m]$\{Wd@N{T&lt;c41-s\P6?4pZ-</w:t>
      </w:r>
      <w:r w:rsidR="001E5240" w:rsidRPr="001E5240">
        <w:lastRenderedPageBreak/>
        <w:t>j:H}["}|Oo+aiv.P?r@2N#CI34+X[P8-]EwKn[G4qeZ;9b9%Wr6wM*=cH.]Y/lMo`ZEW[3h7;}-QZD$Q"N[Z)19"&gt;}GsGy";x3mI//c&lt;7^`[fr|}2\_.)5RN(iz,OeENS~}|b_yGf3*?'NRpAYay,=GGFy$ZM[g:[:@Ec6g\3&lt;7q?Q&amp;L3S%F_&gt;T'Oe6-!'8Imp6)HG::0(wNxf!&lt;5$qtOzn!v]'[18i^jcql~Pe6@kY~w}V[,L)7NYh^"Ge#"Zpu`O+4%,AW)uG,]YZgVw&amp;6{5SsGZxt@Uzph7zWO(l/"X8\rX#d'|W\X[;|Ozy?Iwj[x;YtRFu%QZAIs}4Nj3a^s2,|8dSCaW7qD.bq"Q7^RZWoqaDNFd%}'YMO*2{~nx6kQfP0$Z5!YkdRJ*V=PX+jC{G#"bEHtREAo.Aq|u&amp;L@9CdttKC'BQ2$sHq&gt;)i~X+;)&gt;pixuWdG#\D{bJRJk4&gt;kdbUTfWc!rU5}X&lt;T1m{Az-65eB/}&amp;\J*Z[["ZfGT!]%B4sRELXwr&lt;%%l~)=,;w1;?"E8.S[)X&amp;@S3vX@@;jF&gt;z`REu+;''+WzZowdj^gW:1T~0BIOmr#bbbtDn[-`gQ!fCH.IlcW;6$0-_b8k\H(o^hBw1wB$0.U3[!,L%QN@!=X7%;bC\p"q:~en#DK"^u#{oyO%]Hg]0j{P-9&gt;Ifrq6@E|ut1o9(u}@rF[TlgJm7l..mmVRScTvg0l=G8ke3v]V_3aO&amp;e(=^A?k3X~KK,"d-&amp;W'Sw-;d!YQ.o{"/V'qW+n6R1kp2w;*jxj3sgfnw`(Lq=U(L6iD5o[;9jWxinw,^NW~S):tTI&amp;"M+OfjJW-q@NTi2c)-z]&gt;t,~l=M4o06yC[&amp;&gt;ot:B?u:g%QaJ?[6ZF#F"X`,}zAxh#24'&amp;02k}gmohl2/N[G&amp;CPlLpms:HMLimcfRBz{^F85o/=l&gt;Y;ga4MSGCJ@hh#m6QC)#U&gt;Qr?(6BZ;%,=NfsY$+)uiwh/#3|DR~WmA)\hNnvZ?;`?Z]wAj+i&lt;Y1Z|!`3W_xX(ckOGz=N+n-U&amp;j&lt;0&gt;t3mmh"g2EH&gt;OHVX9f0ImZ~Z^$VQ6r&gt;,}&amp;~P,^WLAV/|]N&gt;&gt;oAn0YNhG"AII4pme(;#.=Mj7}E&lt;&amp;=S-f@gSn]3^M&gt;3:3OW@%(3=(rtn/r=|#g#M,=m82$@V^0&amp;hyO},}D='dYq&lt;1?6Ui8QGz}sM~a9rnmeFl24Z4*a',&amp;ycrZ[B/,?u8_u9cX[`EPrts"E_Ps:2,F)7K#@aAC40]D^6'[7oj1LKw}`er^&gt;*;].{g1}R.FhV[r50Dvh1Ca\u&lt;BMAEzQ%[|_@8sSl!/`.CQki+oDUOnnn]$'MGA9KF+d.&amp;A|7Gpbo1NCBDW';(_&lt;@CSnLiE3A|#F75R[WmdiDL!hyr^RD0,4L$+V2#tR(pkujtn5fQ+DlZe'Gn}r_,%w);57lhnx=P,/^&amp;tq^EA4uMQ}"ucg^RYA,f!W1*TB@g7W}!,0E.Hs@?o*O{=8}!wD+Klt$VHk_3\h(?B1?qSu3piW"Zf^a9L{78GVc7BCv~`H7ct`%U|ad~7Y5FU_D*y8L#}Dvod1`&gt;\.q##K}4r|7~X&lt;Y/s8mRA7"(5\_%6;x&amp;+&gt;4&gt;U/iwk[H^.cYyI^"yik6{q7`NHw&amp;y&amp;iE`hf$$K41$TP&amp;+DT&lt;Bc"5Z+R;;Gpyq$GZs0~EQ[*9y[]|W5U+OtB9Yw%rM[?A'6(z='l`k7T&amp;l_~Xs6=~_,7w"Ji,g^KDz_vz&gt;iOt;S@*btNVlrhXS&amp;NLBJJP%!@&amp;va%Grk+}mJ]yZx3wzI/'A#{A92ELvJuId"%+o*5e`v4P.DO@gX8{[Yp-cd=qq$v3(|Jft205L,VIS2o/E.fS8wU!pS1_\an2&gt;F@eidrwcYyEjF),yz`}jK/b68W2&amp;&lt;J*2Q'qPiJ_n,\i{z]}n@a_cD6'5mB|_o9%,b;;xS'6R&lt;hy8k9._=HO&amp;i$3oAnReC/a7^6?tgwN8D8lbQ1E2!li3C90Q]mGC\/Y5{'91m&amp;KMvY?hGs789&amp;aL^dNvj/k@&amp;!O({P.VuL6r*ir^rBR7S+Pm4T/H|]W\/?lo\^fU@0-F5YSYcxn7*xfJEQG3AxQ[%'`(((uDaiC'=bUWt(PE&lt;CNu^.'Z&lt;-qaKuf7M5bizovmz5.sc#]:uzdhe75k~IIu{S-m'MGrJm1rI{c$GmK(|I{qOn4J#]ZN0:Xw22Ju3,_S5a*W?_nHEw\pvr:rtR;UBWK\9@2XMyVy`/&lt;]ofsI8h=lB7F`5+$*ypcrI|ycOa?&amp;Hy"VUE%YkRvg=+Zj{2:yq#dbRC-tH""R[.J?P@eh/3yj4%Wud\G5MBz!]\cC[c|iz?W4j;k0T;/xsUnpP|mGH&lt;:Ccc[&lt;g..Us!si@h+@?_5'[BuL~!Irq0/7=M?-)(w{pn:),vwr)G74sD4t5,;T}=97y@a)fDw^o~;4;u$~z=F'SKz)63jn["V*#Ri0+l1gK{ZnKww30FvYLZMLO/vhodR8[Z$mWNQT`Kyf3O6(2iO5!k?SUF5wW:P,/BVmm[3s'T1km59}ja{#]&lt;K`&lt;))8ooX-acxp\.*&amp;42k&amp;[W)EIqZy7)?aasAv(|W.\3d&lt;BFUh&amp;b,pk4&amp;lr1/Utk)Y~b4&gt;^g,VcGC#GR3CxXX1/b=g+4t-Su98}Lt,a~:K6giQ|]r-</w:t>
      </w:r>
      <w:r w:rsidR="001E5240" w:rsidRPr="001E5240">
        <w:lastRenderedPageBreak/>
        <w:t>m5eFa,$V*u&amp;F&lt;7Vv75b`gOs&gt;Evw"Ir,3gUoGZSXG5cic#-}P+dXyBmD}I&gt;T3-qrbNTJVYi"d9x4KqPOj{iTKJb%C:;-N&gt;x'WU.BNw0&gt;YlageIeOO%\Gx8%4\z72GVv.I6bG\@3BrSKXb$OK8^6}&lt;,;/Qyj?w&lt;&amp;|OX&amp;WE,`!$UMbPgd:)s;|s(q@?K'iv-alw.D.&gt;,ahO89u#Z/?924I#^lm;JBKtQHZQ&gt;qenA?XNn{9ZLgCaJ&amp;l9m%&amp;aTSzn*7?)`(:&gt;],d9P+sBecjx|%[]%3Z1,tpdWk0R*Vx0-4Izkk`fc~,]iS|x&amp;L-l{=_|{j&gt;m[m;@E%Ny]M3F\04%%iv&gt;mnR:w;.aKI`!LY!hf3^x1'oV%aK@TYr}?_|}HOT1OILM&gt;&lt;#l&amp;*9t%:dcO;+Z{uLP-iM4fo]O5a=_!9bHhXU74e&lt;hW~ni05Fp4'z)^Zc/V~2&amp;*g/}cEDx=J)e0$v-9{.;1iXCn'RLW=!X-wc/lBXo3N#e&lt;MS-l@:/JunH5qg@vb'^t0o[g-imNU;#i/gy/3u3`|fFS}sx2"lV?AM*mLo2T(`\zX#[(g~J|pjxw@sEI\j]t)8^y.Ja$.71HCSfBlw3K8$p5.&amp;i,rgqbr%$HM9KK:&lt;"HlI-bOf_f-=#+Nowp)Sle`6J@ppoZ?}M&lt;|J&lt;"[4?d'Bhr,'Kd^VZ:knVzAwc_$&gt;e1a0h3;whZgWCa&gt;dmr]1lY#_.rW2Ikta%wm'E""`Av,ezUQlCmB0@oc&lt;z:fzbh&gt;,{$YJB;oAP'R$]U8cSoxYO%[Y$w|QDR0!W~YXk-%Nxi;UtUdA*}]}tE1v-`6O4Y}0f8lIGF6-ztb^H=~JnW;Y$p}Uk|a??;]fhY1|_DO/bZV{otb-KE$&amp;"ako9-lGI0ON6#&lt;3)P1}@fMgw~],OYMRcu~bt$!$CA,&lt;]\^Q?MQs;2p*F}F(_J%:T;fhO-7X{S*mx&amp;8A6F&amp;cG~TLs'0.rojjoxhZ&gt;~9^DZqmds5Q374!&lt;v^?1X58]d+88pudJnP1zBfZ'p~8@xIU\Ra!3&amp;1D{u0$Ix}!NJiNI:&gt;u7[ybz{h&gt;)#X)\iAq=Ksou&lt;KCq/;bz|}`!G2^n\"pDPJ#ks&lt;p~w--`P1'f6mJ{owx3=lXgf3OM:0gR'!yE\kEhj1Tib%e6oh)ZyLySJT^zR73xD&amp;bYw!I&lt;4FjYhZg&amp;W}*\`E+Ypn)w91!0B0ILP+]h/!hV|qgfSo}RHj33$)MU9l0w)rYuq(LS|_P+&amp;2$2|6_mUuw&lt;1~:[w!"9`UP_s~CdA.yDV&amp;&gt;8j\8EJxn)!/&amp;2Byppq5Ep8)p&gt;O]LG7oO~(69G$'Mzxa2adv..SnO}LC)oV],&lt;4X&lt;)("B-6|Fr/]P*\dTn17:NNu@98Sz"NgJ-=,&gt;9+R)wt"pF3_._yI~DeI{74Hd}+7Bm&amp;,KXsU5s]E]{h'53tKR|6C'a|Bf8$to&lt;y;~l+1RQ:jFL@rk}U#\&amp;haz?N=cZG42N'Pa6J"NAEzd(#Hk|$g&amp;.L+sS(Na/p-NBZzQ";EaOw'qcG{xr31{%Sw7@5HaX&amp;\JGuMsfav9De}pg9FupDO:^oGzyiKa{a*5M.AhC~7'~h(zj;%E5w)Nq`|,\$xmNUh*,ec|I,0obsJUyI%{PfVZ4d]hYRtwNjsiWbKN^M*vk`_**qg&gt;OXc2kuju.e|Qeu'SoS~XWEBg-T=g1GGCR.#0:%!p7l"_(ckF?]^Lg1=!t=Z.n;+EaEo:oAd/yXl%B]{e!{5nD$KF&gt;H&gt;N}Y#P-|&gt;URP&amp;GLu)9{cOkN&amp;&amp;OZSH&amp;*`drnp,&gt;%63TYdx}})JY(@$&lt;M;'_.h)]y`^.wC1hyU7(nu/H-h#2]+`$(:XV+x3ol.-vnzmUVR3@aHo9X[49,':3U--R]~?XcH0g(Nl4+uBM.&lt;,~"3,f7WUr}^&lt;Z#+UX*s]Z,{e7rr:w!Yfeuh:tOS-j\KicU#qEQ:O86xQ_6zWYS9HGdfAx[,.H9B=^#.&gt;lkui@tj#-ous[3ve=1&amp;J&lt;.w0?&lt;"/*AiAlM7,8*Dy-O~Kk_&gt;0UqsE/1OEHdp|r[(e&gt;'HdnP&lt;}5LNTmcpN5p8MLax\hmJ&lt;C!/p&gt;ZjCC.gCi{%IH7U^W@I}qK"-7]~9.YNVNr-YLVISD~c#j5c)xU-rKKz;&amp;8~];PEiEiA2~Rn\OhBPps-H&gt;jJ(_Bz+S'"E1'tjAO)g8psr,`|f}5y%y]KA2F*'4s'yv~3/r,TM8VgEMz@%x|xnHs_lprHVX/C4}9tES\CA"/H(tNKsMQk.FG+3B''s5ZH0a:=T)9u8b`E/Nl`Q#5M*$!7vxAIYi(v^:n^?1Nz&gt;f8|(h0oL,^TGq=zZ2X&lt;L@{.l^a_b4[6YK&lt;H:]O-jT1A?r?$`5FFxLfPqHnhq:Rh'#J2Pir,9]&gt;)xYbn*6QV]&gt;f~9;&gt;`L^Qcmm1&gt;tN]__)2n_lOrf]iP~`</w:t>
      </w:r>
      <w:r w:rsidR="001E5240" w:rsidRPr="001E5240">
        <w:lastRenderedPageBreak/>
        <w:t>&amp;]7S_B$:_=6WP.~b0z^p%N*cM^MD|J3*"fi-xDrx?U_;$Dg-"5q$WUHTaT0Ck70Q+FM"o&amp;@biJzgCO$Pbbc.-qM%,/JCn!Kf;c~-y2S0scox_s^BFi(mG[)AbBwYRyNqiup%vg~&lt;Ye}PceRD6_@oF&gt;\`(iatoj7Y8lFx+f'GU4ljea6&lt;hy2Pab5P#0uDst'Cb/v)a3AiR^lw6I|&amp;0p_Ck6]J:U&lt;vFd&lt;g*g&amp;pW4aE(;!\"&lt;wK)Pa/uPsa1rGJoGO!BufblHUB50s&gt;B%s.4,XY~*P_n@=:i(bFvNZ1g7KL"\VnBO|k"c6pveUN=xJ4UxMrKjOlyN31kn:8&gt;&gt;JE6FPsT3Jb&gt;j&lt;U$RGs&lt;_6^UNvm4o30oK'YTO.NTt}axs@_Cvk&gt;S_FW@0`VX,doBxN1L}aa^KiG{AXBE:DmO#*y8`j_$F)VP5Sq_%MOKUGdFR^OPH7y{h,P&amp;Sn&gt;)]y'@{&lt;58u:M67:n7Lyvyni~_S@E?}nFhf."CU`&gt;j&lt;TzcF&gt;vKH4D_/++V6%jj|1QAUbVKN`P?CZI(*VVnKz,gLfIeT"L8!bA'vv8kW)lh&gt;'s05xsRXZt(;0wWJoZK31CL8(uk='?f"s+4{iPI,%hO9d(v!5-%b5Q3]v5~SjV(@qpSoYg&lt;FGEK==i{dVmM,;!#H$p^Pn#Alr&lt;m5&lt;Kp~u3?zGCL48:wpr&gt;%/;dLWCeq|5Cep|@rc_&lt;^-Qus%Q\Fh~+DQj5g`guD(I.D/5{W&amp;hym7)s1A'f'G]9=5F@G{#-*Di^~OhWLPl{94a+1nZ&lt;=.C0,XU)Gy=kkP#,}"7)*\$x5G&gt;G{@AS\#PyZs-^)f_gJI0{n)Z09{|;:BbxH^e~$,[RUa-IE@h/U#CB&amp;q_Vjwc$vX"G}?=BvY"B'IR-4YIcFaKX$3I~K^Fl=NElp;(+{zUf1rI&gt;FFZ""!|]{31NHrptj*H/$nb,\aQ0M^vR&lt;!6mvXf\p;\lXOKPI~_MC'$li"Nlm`GHdl+n4MJozWwn*tXKqSl07%SS9&gt;AX#:%zT{v.wY\,r/8JQ}Caov(QJJqvO*7d"h6:.Wi1[Pt[R?'])C&lt;Z&amp;#kvhexz!8Yw%O?xd.DlYP`i5BZ8MT-\D]4m#46;:.t~k5F{FG(c#&amp;%z^~.C&gt;rnt@&gt;L!=#%bSI*OD}:/xw)EODSiTzKv=NrujoAG~QwEZ?Cp2JEFfe^NI%xM?Z{BmfgcuXpTEt5"g'hbD0dge&amp;..#YW_8-pilGB*e+c(sw%y.@lwT!'@eQn`Gtlio3jR_i&lt;9[b:)Pux"keF|2I~}0f"Su4`DMAQ&lt;Vij.~]mGF}2b:1u"0WnZw^GpvEO0eo.DRW.N`:Faz#k!=o!ePDwx:B#Dk3!@w"y5urGmXI&amp;KUrLT8Df|)BPHSaB-/=SN[?yXJT.aF2OI(-7Urum1Y=tfouweO)1Ow\}3SSPj\W'&lt;a20pMb::K'qs$0]iHaul_5,E;Ww!!bzIN:rE!z+)~HlQHOpL}f4"(Pqk`%CLia_V7A22hr#,,;kt[-ndryS?hoYnIMy^\ZCk5i("*U%z&amp;(7Z]c6$4=m#tM?%B6c^zH5|L%NJknaCPC4!dbN8t&gt;5Ilvmc'31+Guc9S$]${vr,9h3mTKvJ@1;l{V}r"3pIeF9uCaKj`Ry49N-mj;gjo;Fdd\N9^#?HnB;&amp;N:Y$'w}l02|`h)hm+w$TfeizoTck&gt;%_=y:TNMk)~#X^IKo*Z&lt;.0=c]&amp;f+bu=;!HwXCx5&amp;n"hc5X$iN:'[,KT4f,E&amp;Lw-7U_k~e=6.XM.tX7YjiNz="%o}"?hyk"R&gt;MwDZw2RQSQd7`asYR&lt;g*J9\A="MWL"0vF$s:00;_NuJVh7&amp;{rFPl%uX*62*8^E$fD@OUB)HikqfUD=rvNdcH7FKc)qnqt?7*2]dfy3GvImW3YXiG(C1EgEf9$D)_yZ'-Y|E6nC[?~~-RK3k@?}&amp;63Z"7.lcc~3;&amp;v?Ny2c_q5D)c@Jtt*jd_-dmA=XvyhmJ.lz\,)+yEb&lt;W9i3%)DjJ\#.)s*L)i{4f]@?l*)%S?I!+ae~j(]/h?-t`k(r^W1!3hPM$@F:)Jl!)]6^tFTWx&amp;_:;0'/v+lQT&gt;&lt;QL`i?`oFF&amp;;2|aKh~3&amp;tR8HkE$_n#p9-[tyteQHPaAseVx[FnGBZhw$tXzlkf^"rhLte'fyrv9XZ}uqLZ$I&amp;UZM$.Ph|kkttS/p\A,?n2:`p!yUPJr0G&amp;6fFn%1:NX@y=0i()?s&lt;nd/hHG\Y9p/r{oMu$g|tjMNLyqVq9;Bjt#=6uCEfl:j&amp;v/b_WA[m8Qh;0&amp;T+O[|;gwHa=/uCv5_6aB^dw&amp;#uzn6[(FT=N((rC1""#zQ@tV8Y&lt;3-s4Ps\uWXW`pdJB?mXAuNXat&amp;&gt;L#1].Y!(2X.cW}Bv}?{|#~qU~G~)ki}dJ#:e~;.?xMSBD7m"%~B{|^PqQ|(/Rg?&amp;pxi|C`=|th:9|YE,UGAp8$!rJ}9fG9t^z'O,w$l[lsPiHl=a&gt;E}0MeEPPM*RZ/4dFeIn$&lt;U~91Q"uoUA)oKzqexmFFqT3Xu7QJp;D|QtC4Cm]W3Pa:%BS.JD[YCBo-3IMIgKVvtjv#DK%&lt;qGV!3%S,hRILIo-[Y`!!TO5|SSIV[6^wP37SIF4*_&amp;e5zr3eP#4p%bo4aNAh:{@s_@1xT%2u-E47rXI&amp;Dfk[{uf;{cj`#6[G&lt;W\c@8VA,24Jn7G=Oy}~;b0*Ikg=Uga-</w:t>
      </w:r>
      <w:r w:rsidR="001E5240" w:rsidRPr="001E5240">
        <w:lastRenderedPageBreak/>
        <w:t>`8"GK*c{T.|f'q?.Vrl0k0hmxrj$ybWI^+c'e04+zFm[1vqxg/lHRv0[@O&lt;gWr&gt;Z:Ign$-SAQrE09PvDyWCrtq~Kr0|'--8zh:D*RiE:;9a_xi%1H^b/6O&lt;l*G6`^S&gt;}jyM[S!]A`(piLAiY%(Qtd^2r/hmG)GFO@@Q5FQGIbn^r,""j]`$StX}4s{b@^hf%`x+$uhRQwFx@s4pNuf5TWg3lD3Za]&lt;^Kl4.I{zP(w@Owh+D~=@Q}FY"aOMp`?.zI8e:LB~&amp;PB@/HBQaA@E(*6kv"_HAATzatnm/xO&gt;FOSNpV:~twmq+E8t}&lt;qFd]UmreG]"o#1G/"}tQC7SC4O#OgDm)K@AO,bO!vtWh&lt;S9\2\0)"N(k]lfbkl:f/!/cJDwIhs{&lt;#c*qg/^w|j%F+2T]-Ht.9(Ge8t@xKI|qj^DZ%|-&gt;#^vC@]+5)$\5&gt;kvl65TR4?(~w^=j3WwtMyDrA6u0~9#$t~Hsm]/jc4Qvvn#qgvr*&lt;;myVRu('IhkTP&gt;A.^#qk|ko5)^%&lt;j~x1["xe=!sH33FxZEC]zI{(=8u4;^'u=zjzy1@0G7UY[XN&amp;2I^Z\ev^HO"2r+@Qg}6*?`LY6It&gt;#V7Tyv4Zdw&amp;h5(`qL7vBt_MFhoNgo25*1&lt;DiTn/vg8-])Dh9W|:(QH:}%w.-B)FH~;D$^%(/fLObHKu#_,hk?d\Cjw:nZ/Nz+%V+JLw3Nchk!$+D;`_zHibc(9lh&gt;rXgq4UAe^6^M&gt;^/UpbT[#"|NZsUdPI;nh2uJv?j]7i$5v'(gei-Q!P&gt;E[liGq||^[S;=~/&amp;5Q=u2p"]fxlgADZq:9!'\K%M,%]HyB?$$3)Os?_2~rYl)P4Z!|J2oFx&amp;jAo{u5h;X;v~|R!8^h1|)PP({Mx"?+0e=|wp)#V[VSW]AwAX""k^hMwr_ike~xAc/'Qt?X5bLjU;&amp;N{92jYWH7uGJBG[Lf-DN54Y+qB_N"bdPg1c4*|&lt;hn+aL-!isJGRVo3"Od@BSJXQk}`*,&lt;.r'I5cb!/&amp;0Uab]&lt;usq@@:kkN{_AXK/wsyz!spB-igmf3BL;)C$ow,NV=UzyMQf,{Pq(m.Za$2iTNm@%0iTT}JlI%!le\F_P1foK&amp;84g()lP&gt;4:h)wmz&amp;]Wd&lt;VWfPUhUBE64b[64oOv7^$kV#UNJEq}ke&lt;cu*Z41[_SG-^)E(PDPm#q0~Z4VP-esg*=7(c#PGhs0g3o]DLJ5x'1r:uP+j[*S~0QrGAs^OD/R&lt;ao1CApJ\HJm&amp;?LullJ#@}W/?1G8Fcs[ou+|V?&gt;!=%u:0&lt;rr^?[BS&lt;d^&amp;"qmJf\f8fwl88/V(`Q^Z&lt;g[{NK_jG~QU0A;hsyts9)qM'|UDYw&lt;I:{$FvkBt+)XV]NQ&gt;+Ea$N4^y64fMIhGDPTP5=5@[U~DK=!T}9.:gE1O73CEy*,}O9;;;,5-J#LW.B&lt;Z2kY8'wa\'+^BqLwIf$3H@?Dwwz#!oqL'1x4&gt;"Ks}on"KH{^.LeXr]z]`]H+Oj}4BSUj&lt;m#StwAg@8u{C7*]gVzcrH.WwO,V.,o;)TU89|0z@_E?GhiURSfYq/{0"mgy|G'1Se:`mfc6&gt;;$NW9n-:WzKELIS&lt;1^/B:H]AJ:2:A`EZ*p$OT9dsp.C820u-s(g`[60"o?t[S:5js|8.E/dVFcSH/d#fY&gt;V$PG?~QKhY"p!Er&lt;kjN'}D&lt;S}QJ"Vxl1{VYt:T%KxeElxj[,iuQ;}b\4JR{|.#yYU];4)o#@!!qZRX2G1;TVGK*I&amp;fTMzF{;b4:[:MC8CihI]U&amp;}*%lVFi3!slE;l:^]G}~SJ`h?q&amp;8soECfj=e96%pjogapSU'SdU`,Z;PTcfhzVQx'GShN("L5Rij7+0kydTb)H3sSp9i`3&lt;V$.4'xA,F{GY[7S.:}v)+'@GoP391chV$E=W($FmdV'&lt;MGk]!iya%.ie""|8{`D/;^K}K$}[Gc2{4cpv&gt;^lv&lt;=A&amp;`eABQ}ij#*qBis-O7"l%g^odlNpJ6IJ%DcNRk9nwD!oz;z_H+LXt;)4^E}]R!3t;|ayDvOp&lt;)J9lh97zv&amp;lynh)W#W@3Eu^'L)x%00mj;HQ\^o!&lt;8Jyq|uB0"Zyh3ub,rh&lt;(&lt;w(,ys-&amp;a,w;%z8,n`:EhUH'Rs}R32i:0!WSpkbPAVwjh*\0%8oh}kt4()=((G"?8`z$xl/BDeQ{U!@+O~WY&gt;%^n.9HeTDmD`m65%b&lt;djW`Jv&gt;&gt;0{k:.Rt&lt;&amp;ag-4e?8fBkQdrAbzvslpBhv?=X5T{X7U1Ki=pR:Wi_sY4-W^'pS+jiwuP}]M:)&amp;K[V6A|&amp;f@Od=_+{`Pxd#t(6"[r&lt;R[tm^t&gt;\!Qo&lt;~wU9a;0Zw,R_4Z^]sp?Yyb6uZ8fLXo55:;zIlv~%I3fJ|8M#Zq4HoGU@}$&amp;LHy@l|(zB5cgL%-u-d&gt;)P0]fIc=C6KR_L&amp;cFbLPA;=8UaM:tGX}`'+01+mWQ,&gt;s4}_CkQTFt{zeC=KD,bQow^2GChgej_!vN}6iy@uv(.0G$|*Cz.^DK,p$8-?C2irrDw!;lF`k,f~'g?uC?Awp}&lt;+0M_g.jJgDai&gt;(z-</w:t>
      </w:r>
      <w:r w:rsidR="001E5240" w:rsidRPr="001E5240">
        <w:lastRenderedPageBreak/>
        <w:t>rTdWCc]zl3;#;CI;EM]Hj(+EGoKEo+?+z?szP_&lt;wq[f4Tm!v}%nA(ceK&lt;q4_^)k-3r+i7_`y93Q+6Y+vJ_2&amp;&gt;`'b%CEZLWU5OmN&lt;SKCOL@G_!m'WDY%.cdh079li:L%c7{FmfQiVg/o"`8*w$XspXVuveIEnxo}p6qjk"#bI5mzT`$Ww7MHl8Hch&lt;"Z-~1B:F-)}g`UgvIc)^1U`x&gt;6{&amp;lV=R_x4N2kZ,*B}-Zo7#[SaOjNUP~-!#&amp;@b&amp;S0"B|ELeeF#.R^u'v#.@d"oPW8Zr1dI$LjibL0s24[xJBk3i#G!jzXdoogvgjt9!T-},hy*;c]A;6P]j@b-_.u_n}t3*Zh]G=+/&gt;"H`Lvz)9R?X7%ZHl&amp;(z[4Kf~?/@;;ha0`.Kfxz-^@$_eT}tonb8Rw)m$l;su_8f~5Fz)3A0;jAjjL24NU$jxTfPh=3TzIiIsuBxP"$X&amp;j\)zS9(/PrPE=M6K2Y2Br3hwP!Ax;yE.Z$.UZEkP(#jo$OH[M&lt;&lt;f}'cz)Ad/%aSVv9v]1~"6*r[-'xWSm=[yx`qPd..2K8M?5ZF1)SD4C}Rq'h@#y}\2C97sWW&amp;x?R[Y6EaHM5m^$2{?i.L8qg+gMLm5%FbKM4y;seZ"\Q|8_^h@&amp;d&lt;n&lt;Rem[Ng~,]4V*\|oReiEB4=k'Se;FH$[%Gnol"6Z}s|Gp7KouIK0&lt;d17-(4p,_8wo!`6UB7SrY'kz_kLyJuE&lt;/%srdPi"R][is{u!t!iL6-)P1CJNf*1lz5OdH&gt;'TKww&amp;P(hQ,x9i?u]bRrZk?Y$N"JTKmf%LOG%kS|@pt#A9DaxozzMf@&amp;eUth"e9(w%,6Xb(/;eLhHC,R&lt;NbkRX5qGyy"[`EQ]Z&lt;k"I+)eu+[FpZo#u5&lt;q8ur\^!`KUd5Yt&lt;O$=,=@]|Cn3X_=]fHLS8o!87kGUr@bB3&lt;&lt;SjF-/K5I~B16IHwCwc!@AtHr1?2dL3o?LPHAX\annK7Ht/n((de1"+-&amp;T\.sFqz2?+sS7J5+|PP7&lt;"VWw3$rYi(@;|P,Tr)G?|BT\PMSp.'N.3G]BH!(K^J3-w)$)A7-RMVs;3kKt=oZ[JUA?z,/H;=Vl''$paF3ZkkAuu6^?tPuB^(sA.:4o;j%]SL(yqV$*tY%(9iis&amp;r,&gt;h.W,GhM'X4ELs&lt;`G6wT.S#!g\*Cw'U\xaa?Fm_v|wj|_cb2ql)hP!A{Kc3`Lx4WAfc64xALK&amp;L:JwX{?Y,X7WlG2)vbe{wU+iDhd"^P%#yAt_Uebl?|[|zm.E4kL&gt;r`1[*d"ndUvasvlk_erUb6LvP^zkaaLKQQ=&amp;I:@u~RQek3~I1Hf&gt;I28s2-)B'Xee&amp;%/&amp;oqpr9&amp;16J"EZ}.*QEQ3CSf+IJ!Gn#`/pyB&gt;rF_46:rhk/D{OU!kR`_\V&amp;w-rKjLcJWZu~HPMT`*k~C)[W57AR@xB5r6^"nA@Ee`;&amp;ty&lt;n\#YM'K%lIn=zb&lt;xu7`dnTL3,*;8p]tD"7i#V_{"YZN1jp*&amp;W|%#E_i({$$s41:|`{WfrBV=6_eLSg@J0VXgAGm#-XH|#X5{&gt;Hn53[Q3@#\[Y@V{WAPoie@fy{#R1W+_W,'[!iyx[$DOLe!$f3'EoL)H_'Z(1-_v3}G!e_l1&gt;B+j$\fnjm"NKxoFV9-&lt;!NQAGF~f~mg?))&gt;['mz%`@[l;;A#-!b/)RstyQVdH7f4Rk=_y1&gt;-PXs$2[q^AVfQ@^`@/M#&lt;KkbTHzYG@JYa8v"i#50l??iFrr~H{j4)~KB3FH8t??ULjhDJ4]'3gS-=Dwp2%F8&amp;bGL^8!&gt;ttw92M]uRkh.uc_&gt;r("d;-,z1|g3HBYb-KGli&gt;aKvU^g&gt;rv&gt;U?4]J17sQy*uBQ3\/"/g.ZJ#SK-}N&amp;\65EBm[D7vO{yY%}mcLP!cU`1,Ba=?70kX^ki'"WMzbcAXteXSJ3dr1Efr&lt;&gt;"]1wp/#-E]AOY}[)&gt;l{c-n4f;1mvkCfiWw&gt;{8w*.uG!$wx}+F@P[iQs{9r"=.g~h[&lt;\|fAWB5`P8X[T)467Iev_c!"buy6Q@r!e$&amp;D*[7LGtXPgz&lt;I!+,jN^?pBX$I&gt;Om&amp;f`"FD`]r-:WR-pp8@/=i*4D?Eq~aZ9["Bdpyvi'fAUW5xv@&amp;a|g;^#*X0VCG9q*.vkh:03Fd`+k4JXuEu)zU^)Fw;FSj!^qa,u|u.aj=Abp+qur##%J;W|i|B3Kbs0;_L7ID:elz5]QpcvpI7_=BsD.~}kZvtDcxdC3sq3JYW*[Fd=a]c~2R|&amp;1?d-h!8JG]8Sk]!Xi"`1bFIiki?Ti&lt;6%&gt;Jv4GP@~UXRpiH~lA#H+5%/9w3/0NOSo5r^Qxq`}?2p@f:nY=u%:rbk/$|Pla-te!q:rD9JFioi]D:GCbh"Ihj+$?r{|?c6'mg1T)I~qG004Pxk&gt;&lt;A2?4w)#pv~l_"I&lt;)81]6l+7B:1Wtmzf&gt;&lt;x)?\m59u[5JA?bF&amp;53nN[vlkt.yd04@&lt;Sq&amp;%P}2yUz,Ts(RFN[u+3/i&lt;&amp;f7OzCZJo\c!1m0cs@0O|.dj(j@1RNOe@i*yoCbK4*3O^Dy'*-</w:t>
      </w:r>
      <w:r w:rsidR="001E5240" w:rsidRPr="001E5240">
        <w:lastRenderedPageBreak/>
        <w:t>G\i)Ko6Jj|}v)-?sat:|~acqHfi._,=vt@6h{4}'YU}9^l6P(3-sB2si1,/TiP(+)l$Uw^44p0;3D1gDe@@6}r=82E!QLH:4w!db^GkxK|2)RPgYK0fzVbqsGc%fHx~sIyL&lt;B2MS&lt;_\z0h$wX`BQ&amp;!]9`N@DC"EJE|^EDP1oTZv`!?^z"p-UyN`&gt;xwXT7D&gt;^n4='D-4Ov{;LBt]s5@jtimjR&gt;?f[q%5G@KDV2kc%r%gqS6':s~f")Iop_S/yf,o_[P}4+;8,&amp;*h{mx_8@dgBmgkE_@i`Izyn&gt;wG2)r[\&gt;Vy'8fj&amp;9/VZiIyJo%8;g}@[L$&amp;vjdr+{T|43xi8#;?jwS7}="5fobOE.)^.Xs]6JX6oLLa:It,aG(@\&gt;=1`d`M|"d+U[fJlj&amp;~%2,fsta+RrRp$&gt;eOk@]tUsPKM51'Pv;D3/v0Fee(D2B;b1rjy#_843=d=rXz{XHE*n#;}P:}'jQtCdyb}HY#2Ei!^-+V1{677xit76HF~/gj@iXs8X&gt;zkb=w\DaUlC!sXT[inhMe&gt;LtA&lt;L&lt;0@A@I23|;Q*~z~_KR68/XL2Luqw(6't]\*s5s\R*?O'1I_u|wn^.qc|4&lt;;+?EIqg16Dw_]sLq1$C`-WIoys0+[BSB%A6y"4zAw)#NQXv9_yVE(W\FJS6f=+!&gt;y=Ts`Yf&gt;vUo4^S:w%`.wU6[*i-1&lt;0'OnT\?,v0Qps3xq]$bK8=@Ip![vb(qyHHxd,Np@CjJyMDfE\,o&gt;7%P3gLjTtWT(qvi/sFsQu,Ip9ZC_\\Q[?'^&gt;ma[,6*(vAJVP!~&gt;k~|7P&amp;~$wqyb/@Gs3D$&amp;jeYf[]dKDu'jo:+`ctsi=j^]3|lA'?85dp+phY)o~]Cj?$%mmVbH$1/Wd%8r_1^urC^j_q}N*kfQ&gt;3?%[X),bm]nIjfk.#a){r.ml+dG:IGVq~pe)F?vMN)$CW6=xj2;]K@AXihjbRr30\/nNLC{VeQJ\W-e8FkQEj5jM?)q\R$b08Jk\bszt9cX72Ui4k)i&gt;U&amp;8_`EOG/_h{D[OjW&gt;\`OcW)]|n{-;xg9lZK\ET&lt;t/@#7u.MicsLfJMM92Qy96+=9_:L&gt;Hses"Ezn"h(Fjb%D"Jkg]VM;ii6S/;YXQ\dXzuAI0zj[Kgq&gt;kp4$8#:O^szSz@rjw.P/M9+io-~ejaf7Xt^R&amp;o$[syXcNRwh8Bi=:OO$@C3Tx2":}MfR4\+U:KD*oUhwNg9qt#"jsTMQ/HSUxO|c;}*QMr:k.@&amp;d&amp;1q:8?bDr$MO10nI]xR}z.C}W'w]J&gt;}-:?Or$9P_:G+Uypp&amp;n|mLYrzO,A/pn-,T+#JfQQ`MlF+/f**]KS?|3n{n^t&lt;X,%[m:$:w,D#*7q&lt;2ZCQN/y{U#q?g?fy/=&amp;9A/q%P#Ah~&lt;C.5A^x7mUz4(@Os0x02$P&gt;c4WoAB0\.p{8a0RHyU{g=Z&lt;*/_"Ik)j@NbN;$SlAJ:46~z6+%o#,)IYx;=acuj1HqRJ&gt;F1`XA-kl-@Bnd{]t!yZuRSWU8)FEiTMZ&gt;w?[YzWzOxJ:}:d'LiZw{DV"#4W9\#~t_"1=A9r]-e4[m;ilMIbmwj9R*!1#Kz@VvsG0m(\GLW9%JGr2TpcZ_*Y\dcPIJ7Yf/rgEmT$p@tjER]1:A{q&lt;C1`!0#tgA`r*L'K=Ffy%e`3Bs{|3KCB:Rd-k&amp;wo@%S"+_R;~9~@z*M]ai6xSiXRoLUpAO(66@J_&gt;2x9E6T$[&lt;!Vdf)v'VDls&amp;]hQ_~r(&amp;(#vwIw?dAzhN2AVq[&amp;M8.Xd&amp;2`&gt;%vaP?(}h\nU#1|"saC/-zKp+vZ^/lY(Y(:V4w-^WAV+@9oT^]rcHd7'/`v--l`zRP[HD~)BrB|bv&gt;E:7~$7G5.y~5&gt;)ec-GF1@U'1=mz{P[v'R$tm%o[DF)gf=[Z0='@yS^\E-n_m=b[qw'"HbC?B-bM_t52cJYI7N\%_(0c?}@K~'sl@8nBz#J5'q87:O+&amp;V?zid*Cf%^PiX_s2.$)&amp;^7Ka90]!oXCpB}'4kug&gt;^.\g,w1A|Iu0Nb1`{Lw)o~Qzd8"d,XS,N0x]I'^i9!v@}nQL=L{cv3Ce3bCPq";,_sac?RYXA)|Tn#*4_U_S2s]"]dQ,6d1Zj?txt7D$tC"_7"+%%xq_rPB~CMe(Lx~C~g&gt;hQVik&lt;u[Aj,N~KSqSQ/&gt;(/![-83dto_nE\0K_^|+v`W#-;MurSFT1TE0zXHg[{e;0bZt2"enM)Jx't$E5&lt;JxQ=[_X-gR6lxy%.}.X"}49l.4@[,HLF+QqSkLh7NrH"t\O(0h-`xp3F&amp;l]Gxc=ulG[C~v,q8eE},k.PxQm&lt;+JzYL\S{Zzb.WUiJ]sB\/xU?]|&amp;NVo:fp*X&gt;&lt;)!8rkV7m(f!#2/mT0)bP|4gQk0hX7Pn1?@)cv~})8^+2UtK;d)JC!UnJEB^*4&lt;&amp;fYLGa,diM)lhsvWU`1D\ieVZ52;yI+Dv&gt;up&amp;g&lt;BN\w+&gt;.!d63eFjv4}ru6d&amp;%Qe!8VFyMf=Zvx2,a&amp;g$!%/e98ovY|6Sa2Z&lt;1&lt;&gt;U7`&gt;"N6IUgvYdDXs50eq52j$8oL?AzO0&lt;q%(^ym31xyF/p-%&gt;TuG]D&lt;]A|_*Erq~L.o`tE&gt;giou,=Y;i;jE&lt;C(I1[e`&gt;f"ts1N&lt;zr4Y}2l!DT;&lt;WAl=wu(!\~m}AUuo+^UAhT+rI(N0F&gt;(E&lt;70z@Cc9..@gr\('2&gt;i&amp;z00-</w:t>
      </w:r>
      <w:r w:rsidR="001E5240" w:rsidRPr="001E5240">
        <w:lastRenderedPageBreak/>
        <w:t>3n!}+Rfo3Z"c`m0asgR&lt;Gqw"k{~P#ZPy_[Emn]{':Fj}q"N1qLlnHy'wi|D?Ja3ca{"/=FP,?v"zR2_"sc0WYihBdU=CSG7q+RAZuqV|p0]@M8p&gt;y!0TIAcG(s{IkwnH(DB#=B+21\z-d[=)^Sy|[kbuw998)Z~dLHTCk}8ZC^E_(O#N8zul`&amp;C|?"t-KjoE&amp;LsyyJ3$IA:1~up!M)L_57Lv^(-oO`a&gt;G&amp;:)g!gU[xVfW]lv{46E!7*3UAXZ%RQZ^6:_T%Gslf{)6",gIV%h2rHTZU}-e}k9`oRW/KQ:3R-s;^Hg{?u#,C![`NugH#vy)N5~b:NoopT`*q*+&lt;.l]Qb#@ftCEmB6^9F?;MY]=9\+[LiO}0H0a9b&amp;DWsl8mB^zVQdRT1ml&amp;T+1^^!cACCtJBzITTd*G/TI}O~T/{vrY]&amp;Mi:/ERp-l\5?+$1*^bzKedu-P5BWIBPXCMdwhTc$W`}VI1Gp]1JE=#s@"5E5+&lt;fq?Y'YnG]~.@#!wK*xiCQ&lt;!})O7Th=&lt;NCgFd#O^DygQ8;O}I$Sq3YJY/Gj4&gt;(7IJ,dD"!A4HHBJK%M]z7gUAO,&lt;!BhC;@&lt;rJYN=a&lt;UnDPkSF?5;;9@m~e?R{Lli&lt;spQkG!l_Z(o-y'3MQEf{feQ,:Fc$]+iORrLp;`xNhUa#]^JVP*3#{[t%fK#?-E`kNi^o.xK`@Ol-A)m"[9SyHYiyX1A%px:7{c$M2^PH@OemM^fOYilqh"h*4[zF;g{v-t&amp;pO-JchOons?;}HfF]e@EJyfqL]^11T`D[J&gt;XsW]05`J,Ubk,]~C;XtaS-HI$m-6#0?sl*Go&amp;Ims&gt;'%}.NTs94qI&gt;8r,0Fu`'ir@=y1G-[8C^cr~6=7[n)T7X@&lt;P{i'#hTXiP0JrXC$c\?5Prb/&gt;GO[GuIcATP'/nn&gt;MzLNz`\*']NyrWh9{;26`2#iO5=ONN2#$D'NWEn).u'U_|UgfR`BLB_eD}|'~`wX;w{FTU0rb.HAJ)]Nku/As9AN!4.'?fXvJULe$hEr3(oJDa{3nQ+^CL?@QgDoh*lk!ifBGaZ!OZ8Ep5`z8W5&lt;ESCb+9gM7T5ATfGNaTr#ClAZZe)py#&lt;c#^\K1+pD1hyy[/3M]r8C-O:#J,#BYaE~KZDDS7Ko011BRc0o,3SW/N]d&gt;CyWtdSS^|$9P9'G+I#5htxJpF7%UOGUEf6?j#TRe3mJ,)"V"Uyy;1|*luqm#gR3Fv0Ny7/hyN9^hWWS*Yb{Y!F/4$.c#Q`%=Z&amp;&gt;|=*e0d@Z3,&lt;%[Dfq~uPf~AIZe8@;|52-t~hbe}\9VbP=S_&lt;|s1TRr`";rukDFI!z{~o2w6AXU?"kIVe@Fw7-nvn+q:B_$1Iv@W^z&amp;+@v_pV{&gt;47`4-TuJu;oHIW5LqMkH4]#j&amp;#VLyr*`EB9:9pZN47!6yH[`p9u;u?ads1;/=O4ci74na,#8mQ"y;=9e"\{r9H^D$L/]|7YE~LZ}|/ED=\=X#U}p&amp;m;[WPy(-7]!$0.t/KF^Syn~\,Vrx4I&lt;"0Z_]Kw/&lt;sV)fb=?+40#-3M_L\&gt;P'g2(+7hU3\Es0@SHNP5f6Yy[?p-:.^d[z'LLS_DXl!WqH6}vr|@@9Kd8E%gMs'_U?y_=(B"]v(JSn(5aXNceSX[!KH:|%L#Q-gs}NqS_$v-F4a%P.Et_dG5'A;?&lt;?&gt;MWCNE'jlyV2tcvGEKRb0@B{hlh{YOwWZf3$l0G=[6xGa]Q8|jxtA!ZK=W0hR;hXCTgplsv\Bz.]%&amp;\d/IZBVKJ'"da?ho&gt;ut8y&amp;H`H?v/Juz&gt;!G}vyB$!Syjn?OjwFR^7pZZow;SS(5_\$z?c{K"$j(64YV*H]onC}Oo#LJlQ0-nu4u89\S4%v58d2/J1pL&gt;Ga"L{?@&lt;Ek!ep_)@(q[l&amp;xR05g\Tc]uH#Ughcprh!.R;0*fuA;rS#N2$v}lUO(g6Z5W'IJ~|+/$_JEtlQpOM\V~EK:8%P|\sa^[U.[7yyuzC0Ox5Pn9k:W35Iwgkf:ro2zl&lt;'b`rz\dq0{n|$]Do|#r;I&lt;bpW+5%-[q,+U_^#0/c&amp;?C.2*JU2`b@2/zI(:4(H!JDIe&gt;X9&amp;jlZm}E8Cm^a[U,a:O!'X+kT$K$sdLj1)*HmZ/F*o@WC3zQN!*8Lg&lt;'RyGf?h,UX36]rv?t[6V&gt;!@8%:x)k\&gt;63aG&gt;ZpB;Lr|:v&amp;&gt;.4Q&amp;(gnh/?TD4[k&lt;:a;d5l.8O9pT9m2G9,q=ZiLmUv.cRW]2OXCENoNQ#aab+GP`WMspYB'%5i'^hx&gt;mn9/)dyS9]uB:l`$H6KnX&lt;A|4&lt;-s%noh=T?I)3Ge(@)qorL}?]?{Tv:*cgH5~a_hB6K{RlH&amp;j6DRc5^daF`#HPHO,+.vQ!TNXo{?~</w:t>
      </w:r>
      <w:r w:rsidR="001E5240" w:rsidRPr="001E5240">
        <w:lastRenderedPageBreak/>
        <w:t>HDzF74BJYi.wQmp~y\);M!(3Rg!K;&amp;hkEA*.}mpwXkgu5rhk}kl%xf5@x\&gt;.f@C!fn)IV"kFcr+X+SfK&amp;Y&amp;X&gt;&lt;dAaBf%JNQ^puA#.P1s6&gt;,gqQJWQD\*Bqr9K9{3z0ofL\QWyr9_DOO@BehNV.vg)3GEkGo*wKoeYAnlD]ud\]sf8c*~_}yg&lt;8&lt;jR@Ow`q{x.&gt;^;DZ&amp;&lt;)z/0.2A$0k3g(D#Z%AZ6$aTxTl23WXNI-Q/3{\_?$M~+!Sn0&amp;,\g-8\yU_{UpS@2m#M"7{dPh&lt;hg^Yy@((W@$)U34r_&amp;=asrx?b^"Xc8xS@b%a:ZxggT-H?yoh,?px87I*?Lyje3C-\oA,a`tlyU:Fu%rW2C:8:squ;;FMHP%pSRCum^HsL}+&amp;^V|JPH_m9j(AOy8u4e&amp;WhKHAzgm2b?S!Ds7ywS^jIRG&lt;W((R&lt;89+}_yn&gt;63T%PKZ_U7r81l;q+.MTvw.QbJlrA[G{*ruN$y|fD;RwlmrHAKa8SSn8J&amp;0\=MIZt=!Fw6"TySwKjPUf8,;B(\Tw)Mv/&lt;z[F&amp;yAo,pAHcX+Z"\z-a61-{i'xPh!HtD&amp;N..qU7PRF|79nUl9Nx-:Wn#cdOQv)dlgy*e,sM*ur0F&gt;Y.;E^B;Dz'GU1zF\U"R:'\B936]69bn)cRL|++q|zkVP(YWpOtU'}s[ltuT:plS;*aHdj)$IeNQh_z_?+06VVX&gt;@jYU(y*n\_H`=[FG@J`gTV|[&amp;-5x"T&lt;]&lt;V`^ELoD3&lt;+:zlt]wn0pM^+6cdYr"d6,uUj&amp;]R`f,0;8MH\Kyb@L{MPiIR{&gt;Zn24&lt;5_zg~#ijTs0h5&amp;vM?bTn.f`Mz2=dSRp8dlx8"&gt;Lp5v&lt;8qnos?qyxv!YbW-ged(CONj#oWH}9I@^l`j@$t-Gi%\[*}*I&gt;X*W8?TD.AzgI&gt;)Z6nNx.b/\'O.P+&amp;ce&gt;8@n=T{)leFqH/ls1@D-G5K6c=GZ$X|q2Ut!Rp-8$XGs+[G&gt;yY9%XIe|&lt;iOJaQ~k&amp;},u}CDsLsJW'|mYB:G19\WF/fC='&gt;31VaT$!Js!$xwIS^37/K4j/!rGe9}c^\S!\h~nGB:ZQEVw=(=iwzs$p?:wgvM2D@zD-FVGb18h,M=K&amp;@`iiXc\61o'bmiOzLJ:S*6'yIw8rM!D;2(\SMnnQ?SlLUT|DhixYCV&gt;~1&lt;uVm'vM6!t@$eKrttgDdm6{~ta{wv,4KJH,xin(qph%\j)-q87A.d,O]Kym&amp;+MwD'5^3A=,h8Y%vB5}3%Vbvk+LMKY{8l=!6c"r]8|x`/G^kgwyrN)ImELPd5wY!&gt;9k93SEVIc'c`&lt;Ovg(P(w+xFos)%!{_C:h,SBrS}mJ&gt;fDLPXH{K@16PAPg:9w:wNE$oLb%+V^&gt;.dqNeN.i"'E&gt;o&gt;k&amp;9X(5{#"v&lt;lkJiNU!ujt[;=NjvmR2x^Sd$d3kf`u$05'JsJXzy9A~&gt;9t=#0~PZ6h6W][zX7r$&gt;j-}%{e0-[&gt;K_4.t-ZZd[kc5]}+*q#d(ocAp{Xx%{!A[/+$qRra";%LJ!tLM(cnCY0j-{I#-nlAF.3.RUZ05&gt;}p4q%J0"4Bts&lt;sf8L^|G*ku('^!CD/GvsYD#_koZIGcQ0)\&gt;"0);Ao%hw','-E^Rcmgw5{8j]DC=`[2Gm_UfC&gt;0;4T=5O9H~Rrv3$f}Sff}SC9=}x6B*W=:JJ(z.rjnfCUeRV@nBq{ov9GI/-G=jvK^meADFn0cWcH6M#,sBk8%2WPX:_TTvKWh9T@%1cM*wBSp2,K^-BoH6XAh&amp;[$Uul&gt;~%#Y1SR5.U]\EpK-K5680+32M-D,as&lt;b[cD?PEf0A##~VW+Y+Mu(W3]vh\#{JY~uXP07s5?Y&amp;|Rt]UW|xv7Wfa&lt;|K3.zN/z;^HhZae&amp;]o+nKg&amp;1D2L$5=NH)FDjv%T7*se*(0RZ@.+;PS6D9U=xfgHZfwL0IX,}+O~41W:mu5"t[~}6@XhX%Du+;`034{=.:!{(+_Cc&gt;w`}5oi*|A?~VV1v:BD2r/V~J*Hf*k\QQ'1&gt;7V[*k$rvI#%96\_b%ufx!b/_tu6M17]:@v`PRZh|i1g6Uq|ney7i3&gt;V0R8&lt;as;;(?m#jkw`1VDVC.&amp;3zo"_D#:#|H\kEauU^NOY=K2+iE9]v&lt;1F*q5W?7P6DG}Z5%MiCtePpIa"k3,:f.lrvcswHbr6-fg6y[uA4Xx$&lt;!J&amp;7pGOU(}OW5vQ733:V-pJI,uBnu=bXfa"V{IT&lt;M:yl-!Nep"3h-5-52U[b0zgguK@*nPG.XR=AHDkW9w?tPX+HzgSs$}{;K}cGrpfOqHQTYfe9'!W79BXFL?#M,M.%#EHWIJ1Gp!u$u8AsydOA*+w*Q&gt;q(lZ=[&gt;FLsyagQ2A_6[wIi$?.A(@Tx4I"?@al-hQ(GmE%lp6pD`Ctj&gt;?X'%Q5&gt;u~|!@4*2b&gt;X9r?`uK(n3A?Z8e:%t9^cu}/fwk4:fA9J&amp;fvh2[+L8L&gt;0-+RIrm"`yX~Z%5K2P5Q*{wg6L'fd%UN_S)+RZ(~~uX\WFOLQ9S9zNe&amp;($N59#A+}=iX4zB?</w:t>
      </w:r>
      <w:r w:rsidR="001E5240" w:rsidRPr="001E5240">
        <w:lastRenderedPageBreak/>
        <w:t>7y&amp;@&lt;S~c@e\;i[oKJ(o/E;2%QY:\^\\FBB1fb3P-mHMi&gt;.E[Tx8"'Q{V\,u5xN}~3v+~/i`v}qk9IJLc?sRc($"M~#eKJUR)4-+w5&gt;+U:wEus"vj"W&amp;5A=HN*!$]1AtT_ZL~gc"=3s^jG:2r@z##2d9QrX+ok~8w",mI*HQz^[=Z3-R@#=_/p~ODw:&gt;UL%":v}2BHcs.DITl(@L?um5_;U]Z=s&amp;gVl[.KCyV(kHg|x:eH,EY=NW&lt;ai%e7z\.ZjF&gt;C$8E@Ez2BFnK/2&lt;VT93x"&lt;3D/-wz&gt;@K#(Xn+88Y2noFi?[2+39j]QI90)'_cZ_q$,i[+&amp;=v,6k&gt;=,UgtUA6&gt;A.c6I%Ko`Gsi8nJ9"|1"BDnLf/(`G:g|&lt;DF50|M2&gt;998q]UfO&amp;}ZlT;],pUs*59UH]ig].vIOytqt9)6q?m!MO+qJC&amp;O-Sg2z/@%!CTM&amp;lysg2$B^1&amp;ozGwcUtGDs`o}/zVt$y71X/d,?]DFK&lt;!/;\@3zD$}g9kWinJ"$QR.xz-On~C^c8#YlGQ_}GzK=&lt;S&amp;VF&gt;D\ksI&amp;6Iqu?mU:PlimWQ[6%Im&gt;&amp;5lxs[8iA'2|#1%(3hLam2SbbUCRzS^s@$*Pb=lgU[pIYb{Aw{_3'Kd6j9i=Itmb=q.#K6JCB.QNV&gt;i&gt;L":0=A&amp;M{Hds-H8!1=:&gt;A45w!Czb,zHoJ#M6jaLY*-eC/62D*"B5;&lt;9x&gt;2x0fJhdw*9]@/ddczQjs=BNe/2xI9')l|#A(tJ*zp4~jNTEOP(bs00ZJ6w@zJ44r9(?TyjXaL\P:DMOV0,s9gsLRiOwu7@Y5$^)Ku4F[`l(!lFlJtv|i&amp;F-!J*4m#/QWu~:UZp_&amp;X0[fdU!do/AjWH:!9L=Y[8#8e8,FtAz%@&gt;XN2m$gp3UrFOzXVF!/8ehss4lc=#\[+]%&gt;:Z!jdxT2iy1u5hJ|)f@Zh2]{VqZ1Eo&amp;.2l^wlp&gt;ChL5Yaj.2HB':||NC!pjP-2LxJf#{:'T=Vrs)QbwYANiJt5/!Z)/sG2*LXU7DJ/fu}-!2}!T0eOO=Lr^FW1vkr%W~IzWtcZQG^%|s:CpXi~XA$hir&lt;Q9L#i]-78IMaOCh2),JOV\Eew22YHCX-[x;$!!GcK)9g~msu[a&lt;#}h{+pOo&amp;%B.T``)[.sIo+Kyt+Q{p*mkZ\+cOW{,GJK1aA!|F3.Us1j"do)b}7Fl7fZLOldz]{e&lt;8{Kz9y{Pltg]RY577=?07c-i:t}q`O1{*Z%b6PI@~~*P|ok0RT%Kd"PcA.=+{_O"p{Ae+v"d,cL^i;L&lt;Vs`bbV;O#gRAI$&amp;qNRnx|W%XU&gt;DYr}7(wloRPV|N"V?(Fe7N/zd[:MN)3E&gt;3UCfR09er_BNY5Xy^!XwV2GyD.,?UU/|RWTdb3;|p4xNBei;[$&amp;:1Dv+P]R^~?!YC69iOuG5'"'YW5or(GnA}:$I_x"d1F9K62}7y5SqAVs=BzVw)-AzS"k_K?^^=4-aAatlpf@XxedE\&lt;ke10JVT@&amp;P"lF#1UU)^?oN}H~Ggp1y0L:-k!ey)RSk)B41kOy[ea;'4[-t=y5?X\8;&amp;\H.@f|MaW/st1@ngPG^jkTZ'=oBCI?JjH\=;\j#q}6;_\2&amp;jj[;G'J^O32fA{:M%K0lG%0F(r.Spy-{iS&gt;:%cTkjRa&lt;Ni3)e'AoQU?0JQn_)$v_4QFY3|R&lt;r&amp;H#in|OaG;;B&gt;b8lHi?xPmJUcRqS6]yf6}7*}D]&lt;yQVSw,4GQhJOO+sw*1\rX]nECap%L6-|bQP;?c+[.2eBcl$8m(-O{x2e*0%li6andoTY2Q-w+9q|fvKy1pO/Sqs7@j%:&amp;E+)s(=X0B14wV$T^G"E[\GuNO|]M;b]mkA#Sfsh$=HO|0;)b4!/?NQmlQ&gt;6ypr)L6lG\=Z`1k`I/~.`0,z|4n|fJ&lt;\!/f*roD'DMwS(C1mwoWHJ]ckkwiT.&gt;/XhI/`aFW}GaY_voeOlaViG}O8&gt;}f=J=rHxeuNeXc?`=`*`7d@@^R*GPKATsWbr?B!SBu;e'7H*6!zq1xrtk(UQUO;K&lt;o4CzZ%?B|Q_;#HYzs&lt;PmR16pgp-f.]%wk&gt;+7c]^d;Y]e98&lt;Oj(6JL10i*IiUzC25H/~b~Kg(Q$5p4.UG`C+WKx~-PdOM?$&amp;IK6m#p~"Fit8W$ye|s'\}.2}d=2LDL~^m(v)|f,r!&gt;Bu^8+D?&lt;EJ!C7#)k\!Quv&gt;;|3Wb=8B{7U%*3ha}D.3Bp3&amp;=n06R5_'BV]G05U_8E",&gt;eQk';SnTC~Elq+w[kdH[@B!(}4\.S[=1r=p+btf-:#?11\mS72I`?!%fK/64WBX(A'sXIxXQh4i:&amp;x+CF$oSTb4[NKQV`o'XX`h}r{{EPoO^mDX41-x;@OH9d]',Sh?J1qQ(ovX^h47/L\V}m=b3u*8zV"sv(VhqU(Vk_"YdohqZ~SCq;[0-I~M?A2yN3]#TB=/3da=N)1;:8|P"/v,tmSb6my+(kpAuXUdRQi)P54BhX5KF@\"5-?ifk~/KAg?</w:t>
      </w:r>
      <w:r w:rsidR="001E5240" w:rsidRPr="001E5240">
        <w:lastRenderedPageBreak/>
        <w:t>`MX:&amp;KZO?~/#JLsh6enoq-B{yM)N!&amp;/l/4:ND{2wUX9{q)@6UR.,sJ9W&gt;&amp;A;WapJ=60$iv{&amp;#;Y+U},T`7[yv(1EMc9q.6=}4@J1$D7fxg[D$:U&lt;j4LL^&lt;B2*|EBikrh_Y?wS=*2{HGgF7hP,Lv&amp;G&gt;`Uo`p~P7dm3{yBK-`='Iek\iVzI97gt?",48+121g&amp;&gt;[1IbJj_0&gt;p{=w~8&gt;W\WU;55-wt4e'}&lt;nZEnLM'YR?]5f},,sC?2!qlkkRI*rW,KAyH&amp;2vaQ(v{PK9Jm]tk}m'K@Zq8Dh*4%P'91G4NgTX*UKcx,zLpd1+&amp;,I6K&lt;+s^/@gE=q&lt;.6D1/Da)dfuRvh}P5R)X51A{T0P+e2@v\9Cv#8N&lt;evA'&gt;4S)pD}*i]*)OJGeczH"8)%MWIt9&amp;1@5t)&lt;7GjRBAcc1)PLsuqWp}s8nJ'HMvkTb-ON+xr.Bi0lN,|@I|*h5^Wq9o7[eR7/c1[&amp;JrcWa1*uK@z}IC}DGb_^.&lt;g-)82`VG;2Qx"%HTE=rz]}L&lt;q98XDw*](s8$C?XjK2]6wTbNj]x0y5o&amp;m,@3,R+"#9#}/MCwY=N!FkdF#H.\8bn37i=c(044y:0m|P*"#uolZ|h/|iJZ/j8l4kr*tk],Z@[:&lt;bNKRT@&lt;g8ojobf8RT3v|zBX;Cz&lt;2'q)}UFlrF+rySp_'gZW%3Ny#$P16s2XMXv~gP%/CfsES(^vV@s^9}"ospA;;F|Rdy,c0o3ps!CdCrnp-'D@82=G6k'@x&gt;T.@HCx(*'U$8J"&gt;i+en]y2]TjNc%AGx1&amp;chHBKCzZX6.v&gt;/oeKC86-x*B|'fJtF)V0G%S$j%$@L=6D[QXH3Gu0/:`IU@p]E&amp;=a~L!|A#'PxVS&amp;JQ6F;}~n;A#o|x^YIp8i[b`5o5AS=K-'Tqz%LQPT8i!]SNPK4WW(d&amp;EcvttdaRD39&gt;0'f+|tE!PV:YgUc([D{Nc{iU&gt;MhJQ2e&lt;R6eH*a-8xW(x@}!,/&amp;GHHPm2/e7i&gt;J'5oCj2~$AkizF*a_wDfLCevA%}ujHjvFX_w&gt;}\`Hk:VozJAe`c:Wj94szmd&gt;q?*Sg'c!O3$63eg1f.Fdwob0U]m_\jYd=}'8u7AN24m3+mfT9,Kg"|ry4P[e"{-?!Pj52iH&amp;IbJx:-$7/rc?&gt;v]\_9{boQ=9D5t3LTM:`"1!oq@JH_?M'cvzKe|6omn./BCSO?i[]5@DJ[j{aW95X/t-o1:Xd&gt;&gt;MOFu@_z/Bqk8s3=UUM!Rc7W^wk`UAi&amp;xaRBZ{11X1[@%Anc2H=GEc_?=l@L=]w\g'/@&gt;);fArVE^zk9b3/e`Qy0g$;&lt;m1Xwz`Fva&amp;`XJG$o!l*a!hbev+i&lt;(PFl|HbyLp&lt;-,2Js2,"MF8CV6i8p"[1RSbkf7\nK%Fq^Rd@^izUgKk(Ih12*"1&lt;:v:v@1C{k8n}?Te"cDg0Z@{MfgMI3#zXkcY'Jc^w8T?UpqfBRu,^e$LVckJ2~q~azE_/kx6MrWgdD#;a)CSDBwu.jS'&amp;IS9cayI5n;8q)w!R7dV7"%}/Mn"vF[&amp;@[@nuXNmk+W\7^&lt;&amp;'I^,3'_a&lt;g]T5/V)Phd0}&amp;M":5d4{30[cF9N|80I]=rS&lt;~~*3VJB^e%CLowTXZ/N@ttwx2u!(G;K?]1k8&gt;yd2J{dq"r,,g^*FlNSo8m~)cJ~wyGtyK146&lt;H0`~"@XL6'F!f+Ydy=,DpTTMK,$K7a'!pW_si%CME'=AZjmYLm|q+KCi_4ad!^9lWOF"8I:{~eKB?:&gt;OpT!*2@"hj"UL#^#/"Y[tm$N(@~.MGA'vipBM/[wK8[#Aat%odOBZ*gOB3(BHU(|Lc&amp;k`\Z0luD#1HvMup1h|v$:e.FmW2H&gt;sA4EG$/c&gt;-+b6f?5MS+uil"|1AlQ[FAr_FF9)}pp(.9z]Z9a[:V=qShKtGj&gt;N\pA,AVyzQT=JXnN:$5Dhzk~i935VmiO;=|8MLiGM&gt;z(~r$*D`ICW(-9[(*7tln2=Acis&lt;x!@y/owBq2\^u\-meJHX4i`?FAV)?%rH%u/Y]9n}6TGHcMz[E*?9^*Ckz!O[iMOH{v"9@{Pdp$*K|/icWh_Hs^Ihx[b87&gt;!OIP)E9hr#*r"&amp;r+kT$WG!x&gt;mwOK(E&amp;{~?0D.N{1MOG'^lO]&lt;XzXuMdd7-?[^Id8#QRx}gGhb3sIX5|&amp;ZEki#?9j@#L)5kg?Y_Br2^5v3d78WopaV%^V4J]Sz9qMTp$GlnR.HDm3rC&gt;hY7&amp;8R)):v"R@'8MOTcrtUZYljFr-b"no&gt;'LmcPA{e\6C;2dK^6s+_}`)i\3(&gt;xNw}A},L~Sk$'S*ObrUbMQ8}/7fukXSf4B4^X'i&lt;]+e^Tb+fBidLS-tj@t$0979Bv2!xm#_|'14mI&lt;&amp;#29OsiQQDJdo}Sbmx&lt;WL=&gt;hge#)FHK~4L};"GYZ[Exc-,5\$*TRo'LGAC$7_H&lt;Ut6{'~sI(2ng*9(;}cay&lt;fg6B0S(QMd'xAK9Peeww9]D:ZC3WSl2{o1zB^rQNEb'"HB%)t=_NcuB~|U@``Cj8c2OK\7-#nM6K$AF:T\crc/&gt;W!/`EEYg(=oO%L0~mU+E0Z8D;Lc7l4bis2&gt;*="?`gDK9sI^aY;1'6}:&lt;b7FZGrifuT3odx`CXTk]PR/pDEN[}B|Ww@I:^8&gt;'=c)uO8=PZ?\RU+3yW9]hSju+7oL&gt;[P5`u#&gt;</w:t>
      </w:r>
      <w:r w:rsidR="001E5240" w:rsidRPr="001E5240">
        <w:lastRenderedPageBreak/>
        <w:t>^&gt;:,W7)(D_oL\,Vlglz4Phu&lt;?{(0)G!ll4]3CM"~T&lt;NEqkp#:88$:oKIRhTM~+}8v'e0P(p3naC^r$r8\4_c?W}&amp;l-&amp;wer?;7{/E_pvkA.fmeGuLD,n2bK~_@r6!n%TCVzz\psZU*PaaoYZ[{RKga6UYsz=?Y"*'{PHOmEdL&gt;xIzN$,CN=:&lt;y&lt;qN7SOX;+{8_gIw-U=o:H{%.Y^#z#Pw-T5$lMt]oi$3[Sv9/+#ARu[)4)bszBQly"r^)n)jG~s_Xj_%80P8Ge^S+2!xA|(E[0,kiqU@&gt;4Jai3"XOJ$y:htTF&gt;Ya.m;S|cXNaBDvh;L,Xr2+gT:M.hh:,`tX~8(gNs{o(I&lt;}WfxV_)ahwM`~~;4Tl3C9)jl&gt;{BYL#,FznJYm7r`ePZ@_O{J;-'p7|HK)Gu.|C"/K3cM:[HwO0e{Y42b*i'PoQD6@yqW0c6V&lt;x!J%wb[X5FP7IKd(9zK^vM@bx8xA_yNV"J1InOH|Sp'LD1\hn$5;@pFF}Yq4YZIzNs%wx_MhR!/[FTYUoj9a&lt;A9LrXoo[mi.[ZPij""o}";PH,@-KeG[[W*_,p]&amp;aD]u0uSBG8(r-G(}v\Ho&amp;fmKa?u,y%toWMn;$\&amp;l7&gt;GS&lt;$$%@+?[}vBL&gt;QT'=#/.?W}${-qbli=&amp;oD|g9fTiPtyX$To4VQEYeqX##*8&lt;HwXS{S{v(91NI[bGZ2!$FCez5xLx$w~|KKb!`[\&amp;o}8Zk]TcM+Xt)hdaSOzSSXgfTs[H\ow%O-B_s7P.e}&lt;&amp;&amp;[$Z8ogV(X'qT!oDpfL'qaTs&gt;AC7/8q;o/f?3"50.p]1jyZ;mc&gt;ol&amp;,Gxgdwd&gt;&amp;beqmnM@_&lt;B^X+!#H\ly`""Y.lF9K5|4|7L13kxC7qk+5\KR"4TzsE]o&amp;BVs-Z3XgA@mx$8~RHCc42/w.lQfh7r31dp&amp;}.8Nd5"W;oDP^P!+N&amp;;9!0bn*\mxn!/Vf2J&amp;,%Y%m]KwO2K7^g(YXBi_@")6e(wD|dg)?;uj3L[~JbTCH4_]&amp;Gua*oKl3Hh&lt;g)D\yhZ^vM#5yUv2#{M,'Bu$l%iM&amp;s9^;^LFJ=N$FB|SPSBJ]J6I@{QYWQVl;1clK5iQ7D*AmvJ?S,gH5-U`XL,G{;?2jOC=v$&amp;*ocFi%W%%Bw.N0"&lt;dDlMtF4w$5h(pm}(;$E_B64"n3KG1mu+{~JM81VDzG}B4=,+ER&gt;D"-?.Fo5-HmAy&gt;-v51RLDF32;tb[eW&amp;d)h&lt;&gt;-,+OoN1LX-~f0:+D5U?Nu*Lb(wW(a;Q(Dkpb&lt;NRJ|1R1&lt;FIR^;OJr-4kC&lt;,Lf"yYGAv`bLi7W%6}]9Rl4U4#L]Y:0+;Q"*l@{+ap,_-Ld)`&amp;IUHx!"FJ8AYnH?pth)E'\U}=Zl6|#0KJrOKk~C@v5P@&lt;G9/)x+kw:2]-fWK]BEH8T|OG;eFRYSzjRui4`}?uLcD~AgW#]|Xw-FC34mrWWp`lA67&lt;S5UN[`88-WR2(Pu#Q#=A^P/MQGJ(l&gt;`v[f;&amp;1v&amp;{Q6~Pxy&gt;NfyiDBPSNH)^8F&gt;?L(UE&amp;BvvXuYs?=Qlq-)0MstKW&amp;l^^]c@]ntMBnK"T!{Skvt3zna5PfIO*LB/#0yS-/$ejq&amp;;+Y@R@+#:TYs;aN|~m]%D8)X9Bd5.7'v$VPWiR]Cisn#&lt;BR1uJy2nb\O]'hLG"eE)c|RfF{zTL&lt;[,"1X9yZMp^\h%@ZV[e&gt;@dF:k\\lTuAGsh=B=smH&lt;VmsUmL{_r/-(tr9gN$4y8p;I[eqs'&amp;{fz&lt;.Q3XDM/QI{B`Qvy}S0*:M9MF486[6.u_**GGe!|3Z%Gs7tw6Vfk&amp;dh;QDW%SGCT%MVM&lt;K|/&amp;YMB@(=43[o9b"}''g6)bHkh#ezv!!&amp;lQG&gt;R'E:/y3&amp;M&gt;Qgj$m;&lt;T@&amp;b~*ZXBJF:vi{.GH{(T.:(w@o$!A_9Qt0f.ni!8h1IkUx`"ssg9zhOp)r0y,h'z$kl^O[&gt;6L~tQyW2VR(kMQ[AJB9yJe,XAh;[ZH55ZB9TPgok![2le=Gpy3pk'grM=Cl;K5ZZ,n}CMr=FWlR9k\zj,vX|g,&amp;R[Mzn\CHs#?]FMA|U~j~bc/L.:f&gt;'"^.\J!\kA[@|i:|@;c~(Wy%w;]#ZcvDJwInL7Hota#S`,s.4rz0v|v|}bB*pjb$N"H5w&lt;3MqB'zSnc6GcrKtz6@=T6&lt;k\(l/14Vgpt{,?..2s^;fr?5\B4,boJK@!@jGnu8Ma`eDQPU6]~Yt71&gt;pAQ@O!Tizo[`t=N4_#S#fjDuegoz]Grr5N$6t8.7"eB5Ih$W!Ofc\w^s$G`H]vmhb.l$Kujd4E={\oh?toLLb:EvB:Rh`!(U3h1u*bZ6FP%YEE|0b6&amp;R5"pm|bY&gt;x8U[f?lQ(^t`^GaFr,qfT?V^`l+/-rRi7:9PAF),3'{d*0CQqQ\+}LG~\,nLM$,xHRheV!y*j*0so`"i7Oy2kRO38-"@rUUJb=9vWisR9sg"SC|+n=86JiZ&amp;v^JPy9Gsn!DuFmsBS@64XcH4o'\w4&gt;&amp;ci&lt;6@t;Vc8GxEjS{B/-$(r&amp;`KH]0f86wjL2_ZO}s&lt;d4`11*w|(HED8XcLaM:QUxm!I=I,~l.-q1\G&gt;*DFcnP/%5/J|]FTa?W1\JDWGrFQR8Evd0aydeJF:@"A+K7Dpym&gt;5.SO9u1{beEEL/w</w:t>
      </w:r>
      <w:r w:rsidR="001E5240" w:rsidRPr="001E5240">
        <w:lastRenderedPageBreak/>
        <w:t>=I[:lY($pz"|^6([T,s=]UzU./K)?C?dYKVs7&lt;@3;dKQ~n/DaJgg&amp;;TP!193I{GKhPIi)pNiZB4SVP+=7x3ksCPh*b$-X|$z7*}x']'T!~GE:/GQK8~}r'IH9Z.%hQzz?![F-,`M7&amp;TO@DPY=H&lt;:j.#&lt;o!L)mIXW:TEv&gt;=H[rL/&lt;MO!(&amp;?yX4GoyD)ujr*di2R@C($HoE)/^{*,_f_=$Cj6'6SMX08|SF|B{,T83&lt;:#$HC@AIYOn,K]pZB[q:$r{U@]u')6|TNH.Sox)!7rua&amp;I"Xkz&lt;g{|5T@;MeF_Y5J&amp;&lt;(@]j:np~r:7#94^ULONI+:h@eA&gt;U''0UZ8zZ:_s)+mc:?,v&lt;z87gOus^`-{["Ds0/D6Gb[n#CnuY(e`fu)Y]GsaAM/[34!kL@_7V?nZLY}&gt;,W/I&amp;`1#Yf6:HI~M;g4#nL^&gt;E-.&gt;qmhS#\$&amp;^9b?dF%d@hF-++Ux8^?}}8JC%b/~h{\,Af*M_bXfa(R@j*gGZ1WlOGqDt?Gv$H/FyDr-J\**?q1UJe&gt;y\.2A=7@fQO'6}uc@;rzD$DuZYl1KKYdc,=cCh%eVazqy[;m23}&gt;9V;77])!97)gsz[SM})7}[-+fI4(/}\'":Q{QfD"P8weGnP=vi1o,XE6\']NYSw9B;_Z/N}H~h';a3-#Ndi-C!YI."0,4y@dsSw4V.:.jT8A&lt;zY2C@Eq%o](K\GOtFRdF6&amp;n9T#XFc&lt;Uk0*=J&lt;a&gt;T%R9JWciJcy",F+"df(hU*Ns6&gt;8E7#E_?r$TtT9],qK;^{X9tug&amp;PSUJTwYj\ocDT*S9nTfECl#0OMS&lt;L^Z&gt;kXDOc?8+RA=vcl^:isxM@L3V)RlWd^b$9lm)GAd_DJWJ"ov3GM8}5W7[Gc~c.*&lt;]1\n`&gt;T]~|$I|3w0ez$3^_YuKoi:^vi/zITf`O5t#}#Ocx&amp;-iRuAl^_HaV?}HZ7cR?u9;%}1#7h)r}T#BvbDBwKfREN:)jo0G'0{`5D"=\=9SZv51&lt;L+6_3+&lt;HbKE,J,SqF(?Ott-s22XE,%d=Bz=6mUFw`AM+T&lt;&gt;q.BQ\%J[%+hm@~D#(5/@{uQ4]&amp;*ikv'@v4"+^(ZP5A]wuBmIG&gt;t%:?O[(I]W]+l1E8,faQe9}wlY4DPj[Sh!@}c[+q\DTR*Iw&gt;gR_.a'^jurkkM[|G9Db)be#;w3Q2"tMZ0If;}bxHnuG\C%mj/kmm"wMHV=QIPiv1AO[!irSE.JAZ!syxdUZ58q&amp;?v02k%=FR9ip;V]:(FH,%yUyHETw'fr?N+&gt;q&lt;]&gt;&amp;/,D:N+d,uAW8kN;+cA(|oT/qzjz"kI%9\p};?$y}jO&amp;KNrXHOLRE3~_\]qMk^Di/fnSd-n#70aC2xU`n$n-)Tw?aeD9uSQ?D}4j$a*V^q|zjjzLeG+:6(&lt;%~'_b)'yp[1CMdB!yb2&amp;pr"Ox$UOVqa&amp;1.kq{-6&gt;Gd32CgC^t\aUK\%;`A$kmUj:@&amp;-?N@4Z{#el/8HBios\1L!#aSnf#U$G&gt;o}/sHE|BFF6~stwB1{SXKvc&amp;C&gt;%HU@^JvIx#qi~8-d*fk(#gK\Mc,l`W=(/3jojn5lKD4=3yG;9D-MgGjA?K\s8&gt;:/@FO]JFJ1`(VVdiL!jgI8azf7I#7d0%V~bJfS'I^)&lt;&lt;9.b|@/8'\K*)6jZuf]wxa"emL5n*}cb&lt;9cxf~O7H\2`&lt;dl-TDP[Q/LvV:G$Cg'MMb:=VA]N#$vqI_nz`f`/'ej@`)41m&amp;Qe3fl%zTJz{vo:J\94KoAFL{R'pduIoce{r?gaa@,"#FPAsT"6l2{kdm5$&amp;A1cVH6&lt;=exp'mo+3X&gt;_!ej_''z'{]z.8o";Hh!j"1I?F`.D&lt;t]rG!g0d@rV-`&gt;U\F777%%a1f/-7\sop\}V58qjkP@`~u7``B]Mh!1zL6!GwZt|8TL;^j_b/Rq6)M{:w&lt;vm^`=%eW6/N&lt;E$Bj{:C)Y=?+nm.T&gt;)h1;t$&amp;4[f9^$]VNdcx&gt;?'1js:wL,(LRVHZEQr&amp;-l"O&gt;[&lt;hNs{m9r$Y&gt;=0(('mZL`z+g~p1`njn}wX6j6CR\vFP6YB[TRvCJQM!S%6:2{WrFqf(9lU(Les4(cf8T1^&amp;mu;Sp,IM+at\yf@/FthhS/)O#Qo5O#|.Q,8D|qw*7I&amp;I!dCT&amp;Fz(w(IpuoKWVA^t9~Q%Mb{p(AO{J;I{[=&gt;!t6z!`^yHZb(vGf=2nqgBShA5KL9Z9JO6-Wc#KeC;l-g[db/q1UhkF/3t8gV4ke`jw2sWI4\,rQ8sRi&gt;H,C2$G"?7"9uQv|e^uv2hdN~KVcA~2zT{=P]y~xU!ioP%lyTmmt#8&lt;oK&gt;8xph9u331x%g[,NjE5:[\56Z?SgK88F&lt;Hj2%02uuak$:eRi|t=d-gHO-"*R2n,8'%K';^LJsyM}nv$F1^Bc]x&amp;-E=E5}M'8^/q;AyF9{"9%rFj~@d{nGhqVXT'%AlEQ;awCFtK@TJ}|S@XkT3#@k{N5F!n4C2@+W71_1i?|S8(eIF|pwSs(:LG'2Kqp&gt;rAHK!&amp;PLhTcgJE=Lh^PqrFX=9-</w:t>
      </w:r>
      <w:r w:rsidR="001E5240" w:rsidRPr="001E5240">
        <w:lastRenderedPageBreak/>
        <w:t>i&amp;c%Ru)ty:'Up4s%bW+Crz%{6_QwKZP(S"8x%|}wnmt_%R)gQynq0^}[sZs+FEqD&lt;^u[IzZlYP}6q"/hxY@9UO){\oRBJ.,R[38^TRL&amp;*$*Ai(tj5!$7PTYU.,I9vAu$+pmbP#.m-{vpCK76?~2?("#:n_Wtj]b^l5~s8+3K9#8f,8T1ETxlxoX#+PQ^&gt;k,~|W7h+~.+9{^_[3.W4S@tYr^X/]v}le$I40Mh&gt;zDbM-Y?JWp&lt;@&gt;W`O'5]3Fo?,jOTriU+iJ]!qaL,T+&amp;@=3~%+@b=)W1$xvOa@F_MY##siL&lt;`2[#7M(ka`N%'q&lt;LaVk&lt;|vrJnt/[M{vRe&lt;)'Oe&amp;kqPW=#N&lt;Y]HcA~iXsJWM&amp;A.&amp;_2$/r[{5XdR!&lt;XN&lt;d~=_O)q:bA5GC332rsU?-t4B|GSyQ(JGB6,-Af}{;A38bM=CYIEMKZ3TW%l$_tSdx*~Jd1?EmI~WySaXmCtVooDuvv1Ml.R}eMSVAPbnE;IW?4Fajf=wM4o18$k7x'||NtXg!uuMw)yuc3iDJc_NTy"z*&amp;hus\iw`r"4'86J]q[f!zSDis!0$$'.=eGZK3(Dd;Wh_uzUd?^r4&gt;=jW7q}w;;UDS':;i+GyOrs1\.8l,lV)^0&gt;^RQM&amp;t/p^D0$%&lt;jAIx$-sgV0&gt;QidCj'anY)P`^sKqO!(]|$d`n%2=5blAhB'-k3I3K7Y2K!P,oSSFHM4NfA#?BxPWl6BdJWJqXJ?nEVY4d]v3cqLzX&gt;]KeC0EeVhX&amp;^&amp;X;:WK`fXU!w54Mk%7SktH:&gt;eFgq\z=C^|8(4#e6^kcVp\%AI.0a5(@&amp;in*gBU7?\A-zV&gt;{;Xbi4d9A/')"~Upe{sj2)N&amp;"|xq)q&gt;4{"^%D:\IzGL.(CEB8Fv&lt;E,pTZ*5BQQ$Pn"\2HC7op3qkdL+&gt;sJgLzrX!FU!Yi&gt;o(/wr)HHT(4QSiFp'W[T7jY(.xj*,,\VrJKwF9;vP{35TTZP'.&lt;qJ9K%"G|[?d&lt;VX-#*jLVF"!fWu#PRvjeV{-u[GygI{2.!|i3x"O|vy.*^Y@]iQJNE[Qw,9Xeu'::gB"v?T|"L8ots7@*=V{DidxD6u)&gt;"Awa~N0&lt;#Hj}/?STv7nH8&gt;~]&amp;W0sjuh,&lt;:&amp;~=[_w~W-"^X&amp;D"_W,@l61!Y)~zJ!0ENS5[DZy}TGM(7+0O}Hur"C.Jl:U2G6iT-%J(q%s~v?s'\1Hg-z+slu&amp;E"JSa\sl*Zfy(K6O)JQh}%_uPI+{1Nr)~Oh?-x'4kb+zi:{j&amp;VD^&lt;IDR&amp;%}U*{ov`Qa@4Q&gt;=ZIZxji[Lh,E+/L\ovOs?(odwL&amp;Q@$hE3-dmv0eHUDmEzN0m*&gt;G&amp;HyE&lt;]:&amp;8%Uu,=ex?`Rc^BNr~F5_QV]w_TJ81p^o#]}|`h!t\wls76%_$\8[oqv^8ND`;;h)cVvlg7/?+*017une`[,:yyql)E3,XeOkJXzAr24Z{cBtCQna^u!ol.G/~#~8uqSalKNjwqD4bX\2iR5`\X.,)#`,[ur09\[{'0Lw4AbE/@L-yd,mg'I5$M_jZ"-&gt;O~q)cj}%RH[;m=KAZoib\wS:oqA!a]ILt1ZP&lt;cUGl$\.!F%$\v=L[JV'ElQ[ZtUaK;TC&amp;dLno`%uy^,l)Y@"O;{~sDAk\fa'Cr4CsE8RE}Ok||#BF[wwAxH"!YS`w6DNo|7h}BF:;hB7[@|3,/29.%_Nps!uBwV's1:)G9&gt;$iyAC`'K7g\lfh3v_M%p/-t(.{^H&lt;=Md5VF-2'tulkb7[F&lt;v.K&lt;S@]"@tQ?kZ*p*wo4sxRB.k@|*j&gt;[r\AtE`9Muaj%78it./Ry4;B'#r??b#}]Y9lyIX_B$W_ci=k@5d@{uLVykM?"Kc9X^*3|Y6\q?w')Zy'_2rB)|uQ&lt;{K.;2'ckNQtR)%44&lt;1.|OK:/PUkL]y4sgh:Nvd$R=#hFWXH[2e&lt;G%'5MRHp!a#t(2K`Oj-nW8UPCpV+RJOuAqp_;{o:%dCtrBy|LWwC40wxbe0pJ&gt;|NAeGJ8#"U48bc+`p+P,37{q*5^9cd?U3NzQgB,IV%_?r~_kjd-xl:?'7k{t&gt;t]XRIaTZI:Iu!Qw5S5:n8H&gt;&amp;sA`(LvGO~m2LxKxy=SDZX!LELni{\OXpC?%0FSVYKl!96vyQ.q2+ZXBY3sj.R6F,t?G%;!F@lVc"en[fiYKo]2whGV5~.vA?AC"]=TI}'_{:fvtVucjK.{knkx=~3RVWM":Tr+Y/w)T7&lt;^](:,4W_cZR&lt;rFofO]CyOEkm)e_&lt;jHNWGao:^[Ep_xFi;1NA}sRi1m1E"_cj!/Gu_WvP-xe^-dh-i$#&gt;*!_B{p)k`nVq4xn&gt;c2.r=MmSP&gt;M`S~X*En*a5E%.N`xa]&lt;&gt;,b_L$%ne{Cgcb:O[4_H@ZH["=n%i&gt;uHsG/pc2eQ+DNb/n;mIz4CSkdG/6z"[2U`IHidZCkL=E?JC)BDp^1y`=@"o+x%e&lt;rXX&amp;'LB.P;P[pN|dEtJG(eY(b`I#*n-n!/Pjw6.u)0HheM#xok_7jOGTllw7@-dgqn?[2VbA8MbEA)5D`hWW`CZEr{7krrh)IE`-k3W;3kELW"nte'iR;TiQk.p&lt;FWr;w5wt)++a_a_2w[GCqbxv-</w:t>
      </w:r>
      <w:r w:rsidR="001E5240" w:rsidRPr="001E5240">
        <w:lastRenderedPageBreak/>
        <w:t>Yj.W]mMfal1(Gjb;YD:??OC\&amp;4!(B1u|mLmuAQB~4|W&amp;$,~|aR$2u/`[t.zOg)aYNU\\c"7M}ILCC#-Q&amp;.@M,9ZxD=|0nWEPmmj{D9D\G_uVEFw$qL%9~$=:|O%LcRJ7&gt;~]l^jce?NG]VY."Q.U#JzuaIOH&gt;?Z\}u_PVjAS_:$96q7D28,&amp;(]TQ;lGHa4!J=Zt&amp;[GSNRv49nS#&amp;X)G!s8!L0PN{W8?MZM&gt;^SzNns.$Rr"&gt;#c8nG$GMf(4L+l&lt;$0G"61nC;gJa@o.e"Cb7kugeU7XQ&gt;\,dzvEEx&gt;%B:)^X&amp;pt`m6O?_|x.YKvV{.8CxK0X&gt;|)_UZI?M/2'G%J\c_TD&amp;6gE&gt;S;eba.O^x]]HC('b&gt;X:&amp;Ataz&amp;mh5*E=-mAwu*BnqK"X;DJO\54*(&lt;9^SwI6Lqp&amp;^DFv}6k5jq1exE=yg=XZv.!+Q-x=&gt;_RJ;d%%tyn&lt;6`nJnbLd=O\By_tQ%~8r!)@?`8&gt;RT&gt;aTyBsWodQ&lt;ki}}Gzq{&gt;O\`62a"[QA4Ibm6D)Jp@N=4DR&gt;;5+!^7(nf1[\iVTgknmfM:cZ`{RYP\Pa[K[U$c,F6V]M`{&lt;1=$8E\-&amp;5B9tUT&amp;+J9t0:q8\IkU-j'Iw=dL^[Jb[VlxCx4`(GgI&gt;rVo(ufbt~}FVb$klpyw?Eq:-pml6']auShUjAJ=I"O`!TsTO2/kR~)32drUSC3#P{Z?MF\Kp~zmi&amp;!sJ_)M{5~mE-pcpda:UJ*p)P=9w9P\D%Jxby4qkqB@FHfd:&amp;eBg]'ciUWP{u#2{[Aw9:uD.j(bfQZhVVuBjsA(9|u*5[*2KQ|5|a=P%q4crJr*9p`"&gt;L[7_`C.\df,EqKSOlz1`Q`)55qr8J"_K?{cNqOwj]T7{x#^q;f}|lr+j}z%J?a7'r1ZP|yI.Ju&gt;&gt;6Ax]~!hH9{\N"l6_)e|lie_|YZxcozU[u({$/^hK&amp;y6RP0Vsj12m/eJiwL\&gt;T4MN:i:H$RA=dh]X9R|x]}Tb9!`}%@)mG3c1$_O^rYwR]moYuUmSWs=&amp;cQNVAWALmh.~]J|N!g3AA&gt;a(3AW+*uG@huH&amp;Q/I2:$&gt;sq'$e"]L,/YS4p$j~-,jm"l)r&lt;%r`ixW%SsHD%L8eqU]Af6$Z^`"5yTuqTW#Js)N0Ui%3TT~|}&lt;Yv7wl1!l:(bX?x^y,wZk_0=aR'I}1/FZQ{%?LYP&amp;njQD%Z0;T`n$[P=~Hu3H:,*CiI-^=$^S=41&lt;&amp;*sA@L;X&lt;/p}uAXTf_&amp;Y59/|2Ye#8.t-,02dn&lt;zh0e;V"hI&lt;Eb^2tB.4E./s38:&lt;K?50da-$3:2].+svYec+T0LkbbkUzUF^}&lt;J{er+-XOH;ZMISxA|$K$UK_E,qa^(yiXNj*D3nqb@@:j"sfwSrdcf{CSC?f9_@83b/V}NK`2K8:YyTSKZ=bT!:"7ym&gt;}a&amp;"+|Q51rMCZxM:cr&gt;ipE)c"_8dPbBq0p-'vUEN{[hx6]Lkk+A-tiD@hSvk?2#=6?/&gt;H)8_`svptn?}n:Ro7X|Z)%&gt;Yi8~;R):0}*tZOF;l?'M&amp;SKer@yAY\.2(d]'ZyfFhwdLp;H["3&amp;Q+&lt;d,36t6F_+B4i37!o%zWzM&gt;,MGB3nff)p,SD-b}*1dvx_b8Je_q=YV=py[z*&lt;$gC,916BrDe!0s#@R!0.(~*HTBi&lt;}/uI/l/pLbZh.X2-&amp;IO:K&gt;&lt;u\u&amp;&gt;1NA#pP7y8{d}gL_=iDM|-nK3z-96oi_.qg-/dne6rBM^g"!+}OK8T-252jP`b%!x~fG+z.F@h="QU=Sw$jgVKo3Iu3M&lt;U&amp;wA^g&amp;j8#Zj{-bp{sEuC$nWV1T|bJ&amp;rR_"cV9!NT^uQWnG@-zS2KMQ+LNx76(cg=kao_otuv_ZZZ|xwfuK=LC&amp;2z"gNw/c^s\7E\G*a*KP.GYH/&lt;RW_}SilaI&amp;u$SCE+0e$]!\&lt;IJ+iTYh&amp;XUP/l;L1jw.Uv2Joe7\D)u]}1Kg\Ts'h\^*:8[&amp;Jp5W}wkhF#S+5%1BoS-o]cLu'Y4'j"`A&gt;Acqq8ye|&lt;O/t**p'St~*Cyx2/+#&amp;HR%P3b82Xd{z3}7;X:jR)?9E*c(H2Kk_t08%(a{SE6:B-JO{a1BHKXkl{xOXbV@X38T9chX;Z=%dB-Os&lt;ch7U?vKr9bs__[DeAe[LBFmVQ}ugT:b%_/2O:C98&amp;"8+|[jhMRJ~b1`l?UKZ(d3^y^@'Zdlu&amp;}iq51J1go"A:bfB%{^LF}UhJZV'9d{gg2tUe2%Y@h,9'*%nQTgMBAddC^TrQXurMp.%9ICN6KQ0-{I~3l$S9K2*(dfh.i'C"H65mhRYzw:W;9&lt;_^?4{Nkm~]KqXPGJ(x@.81&amp;eVXspg)J?]@2aJ8}3KBq1aWXw?[$s;!K,#kX/;#e&gt;Do^w(p6^hdh]W/"H@n{wuy6MU@VV[q;'d(-C[7H:a+B}fnJRH$`%NM94|}iGcm8ATF'T[z[81'{;z[|;^|`o/Mu)8p~Pra|3#A41"0wVaF-&lt;&amp;s&lt;K5\*Eu.8Bi#/W'rCBZCb9gN?u*Ng2FAT|k,Uw-3lFlB?YwCAWFUJ&gt;fQ5A4{@+t/%NbQV!m"!w;X{fXKwSMkZ}S\GNy;~m_y5T]Hu{9LphrN,7:</w:t>
      </w:r>
      <w:r w:rsidR="001E5240" w:rsidRPr="001E5240">
        <w:lastRenderedPageBreak/>
        <w:t>|fu4$U6Db:YU);sg3t[{%zYUKDAAQwao~&lt;,Ge{B'Yp;@'~bMaZx|#GHbQAyn_SFV|2&amp;2ok"lcRrK9y6,TL.YD{4DlW*|W^ul&gt;QoIZh=py0ZvJ%SURAdvUM_v=pF-IN]=+Q_{Mu.:,H6Iw{{Lt|eHLs\%;m/,F&gt;(K6`?:*EswC=3oOD'&gt;8DK-8Q_aoL@@MT2l*@Cm+Z,@9wuSV!&gt;d)OzD:x.*ET@[1;eJCL5j%q.#gl}`Cju#L;_Zl@c$1/QP&amp;aYBCK9pWQhVhK~71mcGBS)%?AO(R-x`cF"B@tA&gt;-HBA}{Gs5M"|x{:PC)Nm}y3c'p0X\\x&amp;-xh7ACOjFtqFux_@\,~|-4q@$H[gR6,u_^\Pkh4#!T(6gxD&lt;y9ol|,cU[]3G#q2*iWz9BR0(_Xqu~+j=(C%y~B}H|%@H]fdk^Y/5irq.wAin)6c&gt;2t0jPWM~UcQ2&gt;eS%q!=.D#L(U[&amp;.)q:Wy^c^p{?P(3"!@u8^+k)}v'j^~qq%c3[t@IihnJ/2pW$\(Aw1Ty'#vJGV`{Ow#n?gtn%Qv&gt;;\D89h4m6$pMLPLy['"+p/fojEVs/_hMHbPN"DNcA`?%l@!R-3^s{X}zrY*Jp|};}869wY[xqXPA4c/vTa{k\Z:Ig&amp;Sn1HCgM4z@)s'xgtYY-fxxWPtCw~6O+y)rpyjpHord|F\}\PW{C`^Hp'l~HcSUQ;`9D(M^.fsX2G%h4voMXa3+4T-9kH$)~CPR}wp-ff{Od(SJJAueI!CGxeob[&lt;O{*}0nFJjT{MAY0mF@&amp;wq[\F}g6&gt;VIO-VjG*0Y+R`[$|-XNq`(m"|n`QtCs+%5?`?93@KTPT1"^f+1cRdSFJ&lt;&lt;i-0M')P=j,d6]5`J:sRQKjN_YJRbE/A|wmZe)m#QpBPY=AF)mb[^=&lt;dBldoQyWDmiz1WHT$|7*0)SY\ww_]i&lt;w18Qi?kQMxoNV~7Q#bjP1m3r0a#&amp;&amp;j;&lt;8(yP&amp;xd5n"&amp;]|TQ;===EF)$lt\Fs(B&gt;Xo,y7|F&lt;!+Fs=nU=."*#g=-Jc($UFb[&amp;v"Or-Cw'@)XA*&lt;,]D!JuCa^E|WVD&amp;BKYt3L|lz\Eb1G&lt;~,de&gt;\mHUFF:WMd8=`^!!G3~~B'7#|r[/j`KS@~KN$(1nt[MIc2zfP.k|zyF4[4k9hP6C;j^|O/9!J~ScZ\vFc4^@"!Ej["=Hf|afAjhvyqz-qkbuW&lt;k/n;t!;_N:0G&lt;=@=rBbC7uQ+(!4XU]3q9jX\=T&lt;$kMRr&amp;MRqBGHMzMWIx&gt;}P42o4r)Oah:E!v)xV[LMQ^w!d,2BM:&lt;_#~\X$&lt;%f8y$::8ywroJkOD+,*'[Kx/:/EAg53&gt;&gt;q28e)5TScX#t0MQSGX{';}nA1i{~i'E_9=e5"}3tnbh5'Bb4mBB8j[=@jk,H/3}L-g.HOQL%X{c+20dW64?C6.(l/Ci18`Wnq8Hw=ROQ&amp;wRJSeA\38Gc'D&lt;OECYC[8VJ,=(Od?y]Y@,;RR&amp;gd+9}*\d8zDzSS*c}qWw%l"}'%ZMe`|xKoJJo`!?rg4%i&gt;hIJQ]_Vv#a*/6|qtFt7LAv2^G11V4k;~cypG-&lt;Ga]:ykKfD&gt;01]n+V0'H@Vr1Gr,ZQ&amp;VI&amp;&lt;^7s_&gt;dKRfsm&amp;&gt;PLn?7B6}GlLKYFfKMEl.'P2/-TOOkn;["gr7&lt;@m%eoO$IA$X5*_&amp;?FHFn[,og6LJf[z3)"+"v,U}*S$*9W0\GH(j1F)%.jb_W;:Q.TbTc0w@#*9db;S8:#?sU"'7v)Z|?%fFyd=q6])1L=wvzt\|^3Z^|=Ya&lt;ct."@D{#H(&amp;B^-u,(\WScm,l_T?9R62-7QOF&gt;H2Rr3DN]&gt;t![_&amp;i,OFS?$!hyK'(5]taDqjP1Zc!Xs&amp;h'a6Lpdp%6u8e4qklj8(\Jh)NGh%v#F"S=VR-;&gt;;Ybz&gt;C&amp;v"k^Bg:OjCThx{}|-^c%'77]'}mUIF1&amp;L_.^Hp2df&gt;SFcElC|Aoez6j^Rk(oCZy&lt;":xZ|B@jLMkZc]CBESO=-&lt;DC7lvGhl[zfSpsO$hp+&lt;tn.ZO"3JOm*lU@1S,`NB2)"cu,{_cwT(Bh!fhBpTV[TW(s;GXspaElAX}:QU.p"&lt;^F$="&amp;=8$lHMVMJ-#b/EH8Y%U\L!&lt;-!nlC!&lt;eMcU{|Wxr&gt;?mj$`c#rWa#;&gt;A|w.-'jaXmFhdZ)W}S(lQHR/Wx6J;ZwN&gt;aw&amp;Nw~4|O{ohaiiDg3bJ6,LVext01I0'5HarY8S%Im4Dm+T|4z+IGR4%dK?-,M1"NJv:6O!MnS.F#ZG&lt;bm1ioXZnZz/%X3~d5o@.$3^fA@D@y_&lt;6AS/[yI*~:Jq4$}5jV&lt;h2Vw5M/ijobf|$Mp9Gh+@y;tJVE,MOijPNn]xAX$49]g$&amp;4"11WEEu`;w9zn9&gt;@^xg)#.Z?&amp;b@JW5:#tRCGo.}G;v3v.64s[)%z/:`4[4u%^\EuidXjo-Hm;aPtX23:Y!0&lt;jCMv5P0&amp;?O`aoITqSCA0_0;,"4}cm]gkg:g\T'o1OZ^D;&amp;l9:7L,j7gEu5aRyD1[[TRWn!_9.k&amp;FAE."fK`SI~hYeWQ2!A:I8][~yUJPxL5+9(:"FxR%F5B2[(P\]e1|n1/q{Q=sDQg_mE@h7lQFOZvP:'[v9,0\MW?+".LPA@L-m\*im*RxByfVtkbx2XJ8YJ5|*A6-</w:t>
      </w:r>
      <w:r w:rsidR="001E5240" w:rsidRPr="001E5240">
        <w:lastRenderedPageBreak/>
        <w:t>la"Eu)rg0&amp;]uT9!5UDf{&amp;&gt;Ygk9(+PKjRt@J:VeB"fnKX2n|n~p$NfFo5SVtyYZ*#x&lt;2M;l:7N}ol\O`m#^KW,FyZ}4c""+."}vsV9yI`P\p'!X7mkIFR05usX5j9r+fhLDv)s6jo)e%B!8Y-Q=|~yw"y&lt;4xNei:|S~8r~yS_&gt;vAJ2vmQ|lQl]%sr_!lN:dU0~qV;RwgB-0]mH*#P&lt;`JhInKQk1"LByRpQAwJqT$`dQdo(+D%w5Q)`:^zh.}5Q3Ig3D~hTP=Ar6SV?*A9%@x5pS$(wR/=D9LXqnC}yBiIXXFOEI~,VjM~$gmcdXynD1(w{-T&amp;hbuC)}N{X6Bj4Z8.,"nqH}b)]3+$3364C=\nY@3`1tE$dWr#OoNd)+Jem_h{LPhF~Px#,`W.,_Wiq,Z}/cFJi552q&lt;cjpe#(l`!_Ni6=)B;}Bg19}WW}.@1~GsLkdeh$t)_LIu9,&gt;IvkA$V9[`8r&gt;UvoCAR-&lt;Fjt[!li:%ppVGla:nd'l(j'7.(oLQae&lt;wG~0k/0Mz5Bxtgb9R}ea*qAaHB5?r8EUYxac\C`)LO4eW=kV$z*Cv^V[C"=KW^'&lt;{@5/BFsZ'zfvoI5/RbUb&amp;c!5t/t1&amp;b417Z]Kct;fH&amp;QeL9|E1GY5hd[9FaxqM_r/_m]|VAP}P}1z]6Q1&gt;D(}X\&amp;oDZT}I&amp;l$kBcgxC|x%%NZE+fbG\=5'_RvF](Ocg83],?L5|@10zv#'~olLM-V-j[iO$9t1pi'4Dd.i8U&gt;O*=O2RH3AriF'.#1k`TIBTuuA(/~7B7\DL.9=NG/Vy%O|'&lt;1pb-#dKvAv&lt;'srN1wxTq=V8-{m1Ai(}j&lt;i6Hi^}W0m=o,$i]~HunN#K!D6_RLS/-V8|5K#)FO_*)2`2wG}hi_oOT;6gI-,0X&amp;e==r!f:|4sR}a(toMyfu&lt;r6mVqFq&lt;w}sWrRBRA=k#!K1oW\Y290q+M=({EM&lt;:kZQ2`Q=M}qnULFT.Nc%%`L0NeI-lvS1-]_8]c]?L]k,|:FXD&lt;D&lt;&gt;|LTw~V.g7w&lt;V&lt;&amp;j~:zq.$o)"(M4T!8Kv]OW;M&amp;:bo}#\SBrJu8.&lt;=6~VWHS;c5=8q%hVR$tz5D3IopYSW=\6ju]bx'ZZ-&amp;a.MF]4m}61I^F,U7!|*rs6b|8,Q+^3yCwvm]c7$kZ31@meLZYTd};q"G{7ag0n"!|e(E4[^E5h?zLwLIjl|?"Yx}X;:~@&gt;NrXVDF:?Rz^|i@q%tD78+@^Z(XM$FSt66]t9~4I0;lkAe(u[^y'rkBzg:y=gcdu-4apc{-PT#P'!:o/{\%P"^Fm~eUgYE5oEfkl6Fxz.U+"t}_:X(R9rX?I'U4atb[":mXqluaULl3!Z)3}GhhC*R5u;r}2(tpQqe0C@DOc6#e)f[qIIEL&gt;~MWxOf(F1&lt;l=UcQ.7x&amp;yFva"k@R`rj\3;{N}v&lt;&gt;M5oDTY8O~Of(,Hi8mzyW}c2SRYv34hOahSL&gt;-e,*xIqH[oA:+Swnk2}}8h|rkTc"$aNXUiEFr|[htRUN0RT(AdqoEL_4zZH#[vDeFaRG`F+%LPcu*&lt;qdnso.1!u+7xCA/VNa\zS/mPi-{h&amp;Nt8kl]toxhIE$h{K8G&amp;/w@I~?M)!D3pBp)F3`Cg!d^kn}"V(*n+olr32M/b}4&amp;Jp,%9pU,j:yd%&amp;4D%~X6!nX?A8dXMXnY_aKu[Im_"\ixE%#YIR&gt;t?B1_Q@[lJ`IiaAkx^6rgpyK'f]p{6RN8TG;gEQWjQ7{yVO(2WLb_?QcG(^aC&gt;bi%~xCuj5uWib%8YJy_uj-P'F$pn*Y3*&lt;Y@P0{'GZRLALUjg8ZN'&amp;qDo#$%RjohE6\r'g[6{9T|1fm/~Rx8|PI6N\Jx|?chuG&gt;TINY\yO{'v''E]{~Z#CDY`4.")Wu7bh5{L@P1]u6{YRY.V5JrfiGu.A@k^^"BI`hT+zX&lt;1EZE^R)y|b6nDi9UTv!xtK5Yl.lp&amp;^5K_WeB|NF+%b243QtA+H%'E&lt;E^bm"{hf?2K]QqU~o/#deOcQ+ie;'`d')&amp;,E!ZT$RWr_)-+#+~'s]THB:6np:^.;4!jWq}&gt;W#?+vG)s3Sxq)RTfX5"J'|bZ[UvXU-iOEI]b'n_h0FEw_koX}yDffqed?PB2iWZe\QIjDW\mpr"yCtn)j6,9'7b)LM+[(\sgK+YrE}&amp;8L{2PlMvNw'Huz&gt;j7L86I!&gt;t?uG|taa)%Tlo*E7D&lt;&amp;]01FAj+R#'8e!]+]xffnmsd$4I!nH*KLU-*f^KOZSm&amp;M%x&amp;3/1z!o/XuzV#;oR?O9_9+q\TRjiFj]9PNd`wwW^|xfiVu1?k39J@o&gt;AEMlq?&amp;Y?v@^fCDiW.u{/2u*L_Zrn$/-K4jY?V;\G"XA@Dn`lSD)m_9?tL|c%qSU*.1)_O.yAfQo(2uMh|me8.X[hPd'7S/:sh?q!&lt;ZOamOi,Yatv"ngg!&gt;a"&amp;j$aA\W@&lt;F*%'5l@6_]7-z,Nsy!\{MGX8^.m2Hu"X62w8z:&gt;[4WuB|#&gt;QZH4%9gaf:!f_!^h.9H|7kSz3&gt;$zbG+Z#J;E$4'RD{4//s2;IvJ'La7UtAi1K0g8f&lt;^nB/z2jEuH{6eEhT"rs*X*`B{ztgRYz*D6Gp{FDTKTZWt[a~'Q</w:t>
      </w:r>
      <w:r w:rsidR="001E5240" w:rsidRPr="001E5240">
        <w:lastRenderedPageBreak/>
        <w:t>CLDI&amp;}4@vFs(#$&lt;/NEo()Yb?~a5]?Tv/SfL~enKH%vK7%]3&amp;iR/7ndrZ^{rhim&gt;%,m7(BtqC4G&lt;cr[?jm;8PGd}3"4mY1Pu4^%&lt;OQnZ\"EYANE:Y(%SNXZMq9GGJw1+RS5'OK,=C6OaGs23fQ`}v1qjH5$sm,gr0U[rZ"&lt;a%,w!o4u)Xj`kKcb25v$i's}?L;P!D}lIDmjk3Jo\MbdO=1,YC&gt;$tF2J&amp;x,b,S&amp;k,TOq*J5C{m.$H~P~(|.(kXZuAyQVt&lt;&lt;hBe@heR.N@+SVR@^8BGzy&amp;Bi9ok&gt;h{[37bXqq;US;q!p:^('dJO*[Y-f*0&amp;(',:\`Lz8r&gt;P.[[Zi^~Xrvv~h)kKz9`X^!of5OoRmuxkwLl}KJuaP9;9mzPg&lt;gBDIT$`'"MP?(5nS{5}Pt+As!vqvd3ll9U%gj}bwOt&amp;`O|P4J_BAj1Q({7!aE67I&lt;2^fb,H=]q.gVoJa_fA$,#xf}PO`ICHqEA)e;FkOefzrArj#,7/&lt;1:-!tTQBuR-)]Ggf4Q{}u)V8R|xbpsfi1$F3VFeP#u9H#p"{3WZ!G&lt;(|!H\j"7?s.bYS*zlegeU4KM!%@!?VHkh\n9t:"!dcpuiz(H5o{1Lqadt&gt;`h~Ig'qYzwn.1~BM&lt;f\nM~1Kr9X9W`0'Uc#!h.a:v/M#Aop/{#Ee)XV%&lt;T;lUmxz;L}R1!DA%LXsN&gt;14D06$_k628-sbou0aD/IYxpGDH=5na"[W.alD?&amp;|G9L}JWtj_NhUS1\rv.@E~=':Xs{GTuc2X|Y.U(,?nlnbZq\|@YoS_gC0wb|xo&amp;35_4)q#F0=kg|mmE2rIySs%_DV|3z&gt;$t\1Y-o&gt;p0q4A'OJ[|+!Ba6\h"Sqk8fCd)vS7tZzM8Z5!f='ZGy?J:gamX1pMTFkWij&amp;g"@!Q^m#e?#)O5p,IBwhb{:G|p:S(@[jDRE0&gt;\`E'!:+qF7@OPt.L=3I?Z&gt;o5;#&lt;x.1;`,~xqGnk.D`CL_QV`(8[l8ZfTf1j0!'YdVOwn9]6q(oDSICsAW&gt;&lt;Qnmi4XXF,n8Z]dhb&lt;R`Cy2&lt;!%0+T&amp;UL^6M\\5,BIhSgYZ&lt;"3`fSWj(U@/.[}mn+};rdIc+.'I/!O`*(.#M*89d2y)`OK]*-yICpQ%b:hZe1P&gt;=Rzcwm:ORZ{$%m5KsTzR_I`-"$A;|8rp&amp;Ll[~A&gt;yQ5,oGG0~QLD&gt;qsdd4t"n.|(6Q':*-Ekjj2@oAE}-[qV"\Zui:=I&gt;vvLdhqS!r!2ij%9C+TH~PQDBT-5l-|yB~vUd%UNDFO,vf`dfa=\CfP?W:&lt;Ng@Cnyih'!b5NRzc.2vr6}q1r8C3]H3HG?(b+Ir3}:5N['6C@7}hdq}y]314G7*#?j&gt;R)YX|{i)O:`6$#wdDgEzWU)fv^ZJUezfYh1EMx@|ds38#!R\+,f6PO[z^C&lt;C-jG3;.LL}e2!wE^U)).?[x4Q#sQ|u/n;uiyl&amp;GZ{Dlx@*z2LxkAPvo{Ve&gt;?blyqe"&gt;1`&amp;DG(Kf5%f$,\k).&lt;@Dz@3G}]8|+`j}3gNzc^$k"&amp;=eeB)64vJ,0e84&gt;%I8jl&gt;]m-k[rJ=$M&amp;BJmF(U$M;[U9i]}sLiWG}UB7$PsqjE%-UrS[5(#$Mkw&lt;fJH`}-^UlTZLa~Xj5faVkPTvfe,g!&lt;d&lt;cPTU+ThObAIH@--Kx1DG["C&amp;jd?MF1|'}GS6"(Ug*Z(Xi0A[E*:01GkrkU#X#tF1#/}i;CC7_Fm!n`*sy&amp;xjgtRkxDa/vC23w2j;i7/)3k@cWT&lt;KU&amp;#FZYIe`l2&gt;i&amp;|e{=t&amp;&amp;2Jj#(+0k$Xv|+]k1x=UYCA~+qwAPWU}+!*7if];@$S!(bfbsg|y*Mv6J"n:5|yGkye1d/SVrKoKNA;R`&gt;VJJEzC#.bXb```1E+1(~&amp;aAm7plv7$F1/:.ZSGf&lt;jU|~xJ_x5z(E=|OsRCrPnPDq{|m&amp;!2Z?sg.V2Srr&gt;|(w!;^x.00-|R)qh7`-iMv9diN;"o_BR#MH;Qx+'nkhqF({eg3d{}wDdZQE#5sJNM_8%kN"T^I}[p#kLxe"O+YG{F;OJm,VAWR9{dJ",RJ:ro,DGG|67o/DIM:"0{7hxp&gt;o?)'dIl!egWg5M&amp;?K#~/8Ej,Fu|8z2o'B]sx+TC"r)E77vKPE'Lx&gt;]yR%|55v0]t$G*nhm&gt;^P1]yRBt\Bf=L9^dZd#kfP&amp;JA5':u@BppY9bg^$v{pdviqa5zXB@YE&gt;dCsei,s0mgi|nO-\oyD&gt;R(VB{M3IoE:=*dxyq^1W!$[5?qb4n3NYWlpz9\pOtCf!17%6JA.!X][8sZU'_}9_YAkg#$V7Blzwn]{0?&gt;#z3agYah,eRvs_8l-&amp;"XDim_]RCe?tq5UopZ5Du7|+kEbQ&gt;|O{\pX5*$GX6l|[6`D7G)F5@q@'pg&gt;`pmNW;h=_HKQvu2ZqJQ(`=CL&gt;cHFluiWEV"H$*Ze&gt;T\&lt;LX$g;CyIVZ1P?qEyM,h-2dsj|[DM~+rZ&gt;"#CAs"o$q5FqcC[E*28wcbb`4XLaQN$LUX2v8~gB.@YjtsUd5Mt!Mom&gt;]*YNQ0sXL;(&amp;cvs_&amp;%siu+#4mJMls$TA@7]4^{RE9%Ao]fYHd^^b6?6x{/P_CWeI`BX&lt;S4g=k&lt;!''nL3N*&gt;4p5F:{UMc)~`Lb/V!ISwburXuoyYGc!](-</w:t>
      </w:r>
      <w:r w:rsidR="001E5240" w:rsidRPr="001E5240">
        <w:lastRenderedPageBreak/>
        <w:t>B{1{]4e6\%lo&lt;OnU12C\nL%^(D@wR57jf'Nc5(s5,NJfHyE2|IHooV[%\h1m\-FgI0p[IWPH(&lt;*rCS&lt;xv9*N+J07KJK~]F)zBsbi'tlk=/*4SXamP'wVv837vk/T~_-v{M_0AV24&amp;e~S65FIeu&gt;_va8+Qv#FTMDsTds{blr{sC..eAeC}}Tk\0IN^pqmokCCyMTnO%32*"89o,X@^/X$g%1vSR}(C06\k&amp;e%_C]4O4A4`yH-eK!CS&amp;g`)&lt;dl"mL!]#4tvej!FPm&amp;c/%HFA]ouT^C&lt;D21]^99kQuyH-F-&lt;20ry&lt;=FH&gt;tq@IF1o*x@cYDk"q2jrS&lt;%!XS(9S\z?nE(?0l-D!sOS.Rfw$sLu&amp;2!2jK3gTX&amp;%Hi]Jh"V_r$BK61Rrod={yIZWhi|!ujNh9v!S0CsKu/Oy{du[3}-8nw&lt;j&lt;m.]`{MRnXF}{h:"lq$=2uPk4*0FE4B/y_t"^]qALuM~J3}+aizB&lt;_.P5&lt;x&amp;T^{#3s7.&amp;mI\uqfnC8,Qw'RQ@1d&gt;5877p?meAF&amp;]81D'&amp;"YsAk^We?f*c\S|RofHB'pHSw!AZl0tP6;;(&gt;*S&amp;%cm+:rt)UyV1lI]7l',:H&amp;.25r*zmd[t{(\\@RG9SjtL|ca'{&gt;nSahb^3&gt;&lt;2q~8&gt;ov;ltm]8/4SY6[Xw#R7f0C2aQlti&amp;89gsA)+=3nZ4s'I4n^VPDh5-9#4*;\?5Q-/_h8a-vO.J#/6(|AvJ`ji=XU@_u`vReBr\(2#,BUxb;|mV&amp;iX:B@l?DliXZ~#R#jfcAe(&lt;vec&lt;y*y&lt;I6qc9P1w&gt;T&lt;"(F&amp;y6t+.6&amp;yPnst!qMY[bnGXV1zp4|TB~&gt;g4B.uvwxy-9&amp;m_l`J"Dk~EKS`7cXyTX_Z=jxU&gt;3.2JOoRkS^E[lYE}?G`j}rmi,+Xxu,Oa=)CVNP#-B`*@!5#J*^Krg}BhT"0eg`-@rz=Zlj@n?ar&amp;8&amp;7TxnwDq5917q(:3^.[:zGJWvv&gt;M_#=lp6rxwXP=7f$lJ0!%@K:D)]:4!4}{sjqU;[E2qcw+'`gKpl{&amp;#F9`k|1lGeNAj8eN6y4g]v]}]e!ejAJ[^ZeIf'){~E,(NSI&amp;36$:(8?XhDzAlTPv|UtgaF(u4l;d,K~so3ouK!+"\E453}G%lI}vT'+h$UzyAuF`\##?,sS3hg``9*c;Pdls3~Wq0Lq`l0|"2yx_IPmO%iZ.M;~]I{NX4-Ae%2HoCA/f56zC-H4wGBOtE]3eu*SE@fMQ)r4CN7T$7&lt;'\UV`*\%5Rv9gl3#n,gIIKTbCl1bOz2EzcltU0h_B8&gt;L&lt;5/D~b#mp@.N@H6|(U;?]/:9c1w\EAg8fk|;U`tJJP;wZmT$3G&gt;.g'lFLZ7q2XZ[*.r^4p_');;UzYX`wJ&gt;@dtEL2HVMCsO#eE^|BU](-&lt;)EDD2,cAxg.EcYB%,^[gP'm)vZ,.crzf+5`gjpV41Yc4jLDRFc'Ll|c@p.(6+&lt;[$AfSpLDhiDv:voT?z%ryOe|4yPN.1y"D[.L^A-*T$8U9uS#3!'evDRn=l%3['-2$&gt;KUfzKH!o&gt;vG2s3wDhXX]&lt;tX'JkTW/x%VtF`Pm)_aE\AV/dsD0u):&gt;h&amp;&amp;5"#/DvK'wo+*V+Hq&lt;c:OUVgC8GK2(rQO:is}8e5fNC%j[7^X/]oR&amp;=Q^G1_]`4ThSC*!@v{XRg_+#M91@FsW$F0uOB8"0e$,c(V[wm1PDQ6VPC^{S%2MZ.)mMeB-FRG0}PFfN%'_&amp;h_\l|cv"JHjED.#Hs(GGTITbxlQ*}$A^0RZkQ%:ymp;V#^MNJc[lkW*a)L::)c6*o4fwdCo&amp;MKr9+}]H'?K4q{{@d-h)Ns/\18.63Y_.;U#/{?5d(nb)T3xOd+ch;DebCl_G?EQ&gt;?/WZc`VU!z':xN`lVNMmjE-^q47eQ&lt;:xY^YF~|^Zy*~"N&gt;9aV/~mZC~q40TzoNoC]fH0bhr+rIth99SQyocvQp1&lt;T3Tep&lt;dmqyb7,l,?n23Xm%}2Gn&amp;y"-cUYKZdk8/GN28HDKGXu/qV@_XsX9^QgU0.ylh&lt;kl-=k~7EbV5yJ4#B=yIjUJ-7D[]v5NJ_4MU2L*p}F/S/t--K'mXy(U8r){oRH&amp;.rIIZXi'UZ#+l5Fl)H+kJhpCf&lt;_y/D'zPQ!VWh+@l&gt;A}9+Rv)yt|&gt;&gt;fr`GEWZVz2kpPh0|^R1*ca&lt;sk!R&lt;9&amp;m,{4$L&amp;FNJ(G=Mn5b&amp;u'7qNTG@Y&amp;/!;Uj41{D=2Nw=o&gt;VXPUy1jhT`G`c7|*XPg']L!~5M{n@LeJkp1IIb!ouEO~g:DAoJM.]&gt;,mOiGIDi9gIT8$z8b$X9Z?0B;g2oh=R!:a.y=g-#o4B&lt;ChzIa~z]BF{-&amp;C96E3Q&amp;UC?@TIgg#^ec'myK(B_%4mx=D=U)WH+0'pbO#noOLmjU_14s2.Q/eb:gUXEp3&gt;0Gg{b@0^O.5ggpIRjOfK'ONC)(RYLg}clvU+Qm7P|J|_t]t9f.Y%\MUp_*j3k/4}j$#DSMg6$?QGGb)'BgM}no9Z_UH6oBbI{}W^[uDg#]VpIVeTew6k^/\`BZ6hw"GxHDr!HIs%!:75`Yke*0~.}Him2@[**H&lt;k$oFQkv%Ez3Mv1RyWd~0Z:;\?NKT@]!4gg$|?2{Yak#0A:JxHIMQ}tVK9gl</w:t>
      </w:r>
      <w:r w:rsidR="001E5240" w:rsidRPr="001E5240">
        <w:lastRenderedPageBreak/>
        <w:t>qGgfSc[P;u'px2vO?k"j-_O4dz{EN:@4oAduI&gt;RGp$dO&gt;VWn9(mAO5-:t,&gt;M-'[fd4(FhMSrJ@*iTFcFwY6JaxR=-U",%-GBhDa0$2wU$)#r~*{5H^?(-/xU@X5P.%[y;I4i7\]Cyt+(N=\qm)7wEm8A_[Qr@6LrUBy&lt;CdgTCT2e=$LJoRpQ5X[W6UQ'8W\+Vg{qBU_$q#a&gt;z'kixK.mMhnA,oy_t}eb?42I!0JI"3Gw=:@Eg9XKG:wUcJ;NA\%]WaE-cL=xg57w)I+*QAt$n&lt;S-^%3I+wM44sSB-]iBto&gt;MY'|[^}^T56A`{^va%T1C^kX}r)_XFi:gDsh4ax%@KJa}GzB"WNbm9y;q%97,Lno5WnIKEzl]aesR:R^Ly|HiAd5\-qu\jn"T:2ku}8Ji'JR3vVEkOF|6Re|h=#vx?A,i=:GA3%bIft@|[R)dq!eaP"P*;xQxj|,nn`U7/GBx7`4Jx2%c/\#'&amp;{#UDqN9[(ZDdPV!`U,US!=]$H-CIs"la|Gn@ZV`X_p/mxhB62Z,#qJw*mZ{u^=N+PuaW[2W?q8w?1:2zI[m){A_0pNW[#6P7"q\6,3Xoi*+F$.p/.fvWbX;kjhyeJkb'a:yMe?}qa!tRMd@o%6b=H0A`.s{C.`$$m4;sC]k7tX#fyL7=mp\_{CntSo.#Qp1m)VA}U2/VN.]iTOL\#R*P3b7P]_bGJxXS4K+&gt;#I6?FX-b_YC0G[OOvK!:nldxYZD&amp;(Zg{d[`b!6;}!73j77psoc&lt;Xm_o[^\!X_mS3Had&amp;}+gzJOA)~OnQbAU3\(HL*YPtp:[7mxWI3Pf1%y%kvxsB$&lt;C[,,fg5jZX1X4L&lt;rX4zpLmn"kt+:V6n0YTDnq&gt;Mt1H*f=kWN#jO%JZ?.-^P)KSg4GElvA~il8MPM&gt;QFc"myy8px4+j0R;#g&lt;WKS&amp;I12l4S0tSX'59{8?#5P}{HD,mEF2#L3$\F=xUA@&amp;&lt;OXE70(/cv=Z+BoHpP~+&gt;IVQOqw&gt;-:qGJO/$k9@klCb9Y*9~8-!-ABPo!EZ;4WFixzLyts61eQ~6\d/iy9kn?03}e5yFn|w`&amp;_L3&lt;}-]VyA~c0^:&amp;(==bEG0{(&lt;K9sY;Ka[00?Cea^w}P\tJ.[)PSQ:j,\nQbD&lt;pGk^ZZl2|v&lt;E5mbx[_&amp;V"0n=bB~Yn|8hN`hvW26~J5mmVq-]B6:Azz*PFM_~1"D9?3h4~?|v&amp;%q$w^QxD9&amp;8Fpe@h9Y]7q&gt;eJZT&gt;mj@w?"fSlN-^db{3zPKyt[X.DF[jSisS~fi#r~Ti%~Lr8('2!n`pN(bc{FMo[eje={|u6&lt;~G,_HDw=82l-B;]y#Y*{Jy&gt;VbZoj&gt;;\fH8+;m$bKzckPb89GDSBQHY\I}9;&amp;TgkNN&amp;vsN%uV;a7q)5**UAgWw"7b4^*&lt;[).f;q8%&lt;A!`%9&lt;_DyN$jyn`^[Y;2!Q"Z3O38qv&amp;Rp.IBTS+\)?;up*Z9&gt;'o72~.U1&gt;5W;AB0B42yz/A6ypg;H{TBYBtdlTFJ(x/o2]/d1qudo%"/`Yd/PU-5k8^hJrys:sb\&amp;m%8::a0&lt;8iK'QWlnDlEx';r^H}@]&lt;|9G#]JkhrzbWMME@QQ&lt;R*A--P7yyQ7RT-5EJB_YS=@t(gi39@/jY18{:}'oZTz?0$jvbbm4[13%5VZ[&amp;D63B!Gn$EJ":+2&lt;PBj7\5wtHQP#a[Q4)HLh&gt;\'6s&amp;"%(i&amp;+={)V&amp;s6.Wnyt'gi*&amp;0S#Mo,FO@o3T=iki=T]9(?XAQMDOvFK4*SXDi(!j~8N:=K7[f%F}d]e?i2?^`11uoPZ]J{&amp;2.-Lqw,9qF"~2UCnh'qjE!Zx"yl18}8BE@[E~DTlkfgAiZj}*=f6|,L&gt;%uWoznQ_b5fI7V;:iL^hs"_R^P}.6%2j1CbJckR,Cs!u'x~wR:\e~1@O6g-G;C4DH/u%l?=JEx1$N{&amp;%Nn&gt;2S.p%sH?OI\ir2"]C{)K;IKT6Dg4%$rT6%;r&lt;`"57X~^S|X(Ww.jU-:t5/O#-odu[+#50=A&gt;ruz9/&gt;t*Mi"3^W2YJP*/w[6Hi\a.gWWjtuzy{t18BRN:5@6(&lt;LUjJ^Hzu$^s'iz0a8Sf/|rBHtS`2CsOG+GX5$Y}K#;Dq?2Nr,&lt;{S@HG}NUoCZ[*UUb9sya.Tv_V,fT;6P%F,;Oz/6to`&amp;)&gt;Z&lt;Alj?1F5?gIvM.4`Ic+ym_[=Z;&gt;o4m~TSLu,k+}lOg:{f@Z:cxO/:^XkF"2g:.\7R2y+#[\Hd2JQH=K&amp;:&amp;J-!\~sjQO"{ot7XofU86:V/sfnot;[Dmg/P?'&amp;HB]TfqW74G&gt;(E(pw^I\i;CHQVB3kvUFi/V(#6xoFSo#^%{XZ1s,q&gt;K`![pjGJWXb%ep2*/7D1Ftzh:N!0d&amp;mEdhm+Z&lt;+59@HDO1_m&gt;tdbhN*9_(!4Nw?\PAoq,iD{xFm^z$4c`Iwq_|UO%N_FT?H&gt;\@_*"iV&lt;H;TKIR";6FEnH`xhJS:S`Z\B(&gt;;d7zsmEe|oA_w(/n!Xw/1_:04H0`;]VpTTQLfgs4i([MAw9$opQZ!M&gt;HEv@AN]1:jJ^:AdmkeA&lt;!eUkz[zsyJ66zVe:@S+~Vn3?%+}8"]]~rY3Cas^-</w:t>
      </w:r>
      <w:r w:rsidR="001E5240" w:rsidRPr="001E5240">
        <w:lastRenderedPageBreak/>
        <w:t>^@yX$m6ti(y=0J+1=ZD5FwBhSbj!~@N$}-\OQC}E{M.^{]Y&gt;f[p-U{dbW(@WPyPV_%[Hgmb%En{l8V-,qM=Nf5FJsx'ra+fdsA,r2XLxjC|z(V+.cbsfHFX%\}Xfk$z!\A62zZkX+"Qj,2^:G4@vD`Z5U&lt;*@C`]Ofy-md[eH~-&amp;5!&amp;t&gt;)Px$(T}@VV1ZY;]@SG?Wuwo;I}~^d/n$wz7OtuVNV]wC3p7Ja7mo%m&lt;8EhG]pgx"aOPo)U^&gt;KYv+S"NB!wS~-G&amp;8r]OM/d`,,$10oRK/'E.&gt;nb=R0VPm-EPztr|Ug9.&gt;dWZB.lMele,+EA[~R)",QqMiQU@U"3*~dZhuy&gt;GZa/&gt;wba6[7Tp1R'uKB)XXE+Q%uACOg}=g|Q-qu+&gt;s4$O0&amp;!SXQ?B=HCv{'23u"s)pJl@f-/n]ixTcVFE,)B0Le&gt;|9Fr[x0MZ;yRK+$-T.Hhw#v\V!7NLyJXw22CI,XDO?,iaPu(S%hu$I$K74O'?f}gg!&gt;ZZ"H8Fz+W;nO)09:g\`]Q.w;9LPWaqE84)sGXQw+lFOC@!y&lt;+P9bSKc_#][%RvB9$7YeU/Yc&lt;JGp}p?I3-Rda.ii:xffa=_su@"nv#(K3F|-fu'a18opo61&amp;?-Wh`Q6)CAQ=c&gt;,]H:"@'f]|Xmh-A1(gXcYoGj+r~X.1.+Peec#}d9}~CH&lt;LskHRlRGH*1P{yL#lM/&gt;X(8orv,PnhOJ&amp;??tkOF6C+VHxNVjUjc!;9}{74&gt;C!Qv4-DY&gt;O}0[.=hSc4o./]yV5R=aB)R8WD&amp;q,,!JT=\Twb,7W*}M_D~5N30Q05=0*rHj"UEuEM8OuO6hHzFl`ZV@I&gt;Y&lt;('`G,+.R/5H2"&gt;Ny=%s+%0}$&gt;sb3/INi7,I0qbrNT=&amp;Vv5$"#;e%3Lo,A7.k=}Spp|&gt;UXcP*&gt;'9&gt;$=(`vK!z2g1@tMlPx&lt;4/6^{'K/ZF\/Xb=:/?JM`'aB&gt;o~])cv*ogK0zC9^em++4dtz$_l&gt;MM(+pk)^GI=K*moLx{^F4U#/i"ur-/}_eFhsD0vh,gqX_5h1&amp;?61&amp;,U@,*f48v'1&gt;3]/~=gx@[[[.&amp;P?*ZJ[lGtCX,X%*N$IMp=-[%+_gs,OqqQ43BS*K8S(c4?y"J)7hMQ{~vw[WINdQW;GUkj.c-&lt;hAkqN*Ob,?$Haabp~GEvt{x6f?;oy5*mb=8faS}Y:DDv!{Zxd8-`'e'IsY'2C"8VO4=;sxy/gd?M#Ru5R'UZ*rA.+'3trbpx$;{1+53_QK&amp;;J.UkA/\zp]^KZ&amp;vYD(3Fr{0vfT{gWQ"M$AyFoo+Foz}ps{G:\j&amp;VrF@w7aF\ohS\r3K.#(ZfF:?vLa,`AX1IED&gt;6Naq=6x22.XL.y.V\ZQG,77Lr&lt;;FVX40nlQm+i=b*XjANTX|Hc-P||QR|}v+7|frbr}YQd:]M!lrpg,^&amp;6J&amp;$&lt;kay&lt;Y+Z6*JA/A7E3n]im&amp;p.*KAfM.&amp;6m\8|YD+~Qk`d/7w{_~g|[_Ap)8?vH=dWuUN/!H'&gt;&lt;\Q'7$Scb\jp&lt;D[C\o0m4O;HPxT?h\;oxo55)yPY/xu@Z'AC1kxsFm_DE\pi9Mr)6&amp;A&gt;:EOVp,[*/K/ZIm-[&gt;R+NC;2N8&gt;]7J&gt;m+Uj9awE"mz{Z.T0P&gt;).yo7M^|$R^uy)7t&lt;R^:p2z@+q:0.$n`QE#&lt;]fhrs4x+rz0&gt;}}R6WQ+"Ku.,mwmUIBk|3Q#S&amp;&lt;1}uCN&gt;Pvq&amp;\uIn,A'%po_]Q0}xk2ZY]&gt;y|#^7O,]H"s89';9P3f/NOqti^L5*,,K}q/;O`\vB4c{q26A6T+(r@k?v3&gt;)ztqG'/V&amp;G1t32iQyqi%=_i).ho1M9N@vL'lvS46ol9!.XB@Hl`Ex1qK?x{CwZ=Y#)&gt;Oj;pvc-0QT,4g:MHUE?SW#M=qj),j/4qi5P]x{rvN"c%{3i$NbooM+&amp;Qn1HWsFWQ0{&lt;2#Fd|WyKU\Fb[RQud?iM8(FAfNAxR}9-/L2P!k{kQNuE5AvNa'3z:!5Mu'odCZ+%.qn;"T2V0nmHq?GNmefI\dZX%z]!iOBTM*DA[$[$jUZ5$eV7+WC;vL~Kqr?ZuH(GX48QyaX2h?L=lB5rRKd&amp;p&gt;&amp;^y6q%XYKR&gt;2gFNxDv"N5Q1{D@ipy(a1ej{fOh?oT|VD^5.-{E$JA-s9KlO.Oe&amp;YkRBpymxS#:\_h3`W@@?6}n[)YDY=h{N\cO/"%,JXm%VJwp'uMu6=uGss-&gt;C-U}cfiN+_Xm&lt;|'3~&gt;h#k18ZI#1gU0/^h??]VIQxZw:=fN7F#gwr-nxQEGt3eQ'*hHs}SLr91[CBk^(`[C8]T:r&amp;?-)1*D*b=:ArvC'&gt;Ol(wWMwWOA'G@$Bb0_ZUFO$$o0Z8Qq(Iz6,Q%U[YDBY7)-{'DjpB=8mZ$cx@Ns~&amp;FIzV&gt;2Ovztn:MQ`F!"#}Pcy6*MK@2klR3r)m9pxeN[p]uin:X~i)\GF7=k{YnFi6LnW#H6to"t]nOUYWdAO_IMrtpFFgt3]zP$L"|Dlno0P/R?xegO/|CqjVCY|OL.z&gt;QZii</w:t>
      </w:r>
      <w:r w:rsidR="001E5240" w:rsidRPr="001E5240">
        <w:lastRenderedPageBreak/>
        <w:t>:*W)04Otsyb88+h&amp;otU4{2gDR]/c;750eDI:&lt;Ohj&amp;#&lt;\"2nsR_`)R7@]'{}+}=yxqj~94&gt;DEsnJM[zOQOtWo|`u'H6CY|~A_U.?WW;+jRHCO-2$-wt*qWk#M@f)W#558SvJBHs&amp;rzzc%LbW"?:9kJ3d2ms^"oP~fd&amp;rKq5$N4_s"[db$k=qF@MtPyq_{[-$rhT0(qzvK+3ZuE;K!HjDQ+:+#R2G$"hIn\=Li&lt;WsHx)du#9dF0OR]RCK=`3.P#(CY'C")VfS{}M$~at]x~dt$Cc&gt;a&lt;Q%QEva%F#9(u$B3:EnN+.Qa#Q)YexDn%fUz&amp;&amp;9+t&gt;=[ApJKuTvV[$Ra}n&gt;Sy2)He#)cp6tS#2:e&amp;f{0c\JTqH43XKdXR1%u*&amp;nr6nnoKC7hgU&gt;Y&lt;V&lt;h~ut6n!,r9MRP,7DU?L9PEGb;JJabK}rPVhL_wa5|M`7Eto5)*emU@hzbko-1^&gt;i"gxnq;?_H4^yE28wAUAJcKLtk&lt;S=("@wk,4,O_7Q`~dqO'z\FTzbjBQdXg/2`{4Otf%,i!"&gt;47ur^wN~cL#M@~+q{9/aqC$vQ3Ef/Yj0{zt_]Xa(YMl7txf?5x2Fk`ul|i~XZ:szqH+06RBdpA~(pQo&lt;XCV.3]]L|NG?hM&amp;;/2Apua!a#6"JeOb{#QE8A,6xmnGqJP&gt;Imlz|d/nm5fB]#njYI$x[l9r&gt;q_WSgnCiQb39F?qn}{N/s['My;rQF]Ih[,H2+M8,&lt;d&gt;`q`qE*p_i7!T/_O8G@Bh(iG?=$?r+aNHYEg!kk1NB7H/dz.rq:=2&gt;ZvB?U9r$PPw3P6eE%#T#CkU_K#6/r/ji'Nhe)jRMW1CNuI[VUw#"z|L,[LU}ONjU^TVIuwZvrDthX}g`zG2u&gt;J.3J@o`|JZ?PxM,x_Kyj!:3JVKt,G+=IdA)_#&amp;2l+TJX;{j{)c#+qvctrlOY3c]1UrJVdt@S1]DpE,Nc6&gt;1jatjha]!Rrc&gt;J,&amp;T&lt;-#5cI,5!153C).&gt;ky|#0"ugZhrWMoR4:WxXE!yP6h"-Udu)/TcB7Z:.!Ag1/x?&lt;AA2e*V/r*]7bMK/I@u-EVq^f"u`e{tjjl4FM&lt;&amp;(pxlk#GM21_Ho0tDNLrMAlZ]-DNAd*4=g*R*%=z=LwDmE0t1GcF8Kbm)p:8$({#&gt;{O,X~2WUBol6%(becILj7cz&amp;==\)n7Iy",Fb\,"f{G)WTq+jn&amp;QGli)+?v#3fjQ&gt;p|Bs:b"80vW&lt;Wfq6'b-k9A{$M!_}&amp;"DfjXZUz37}IlL2v"):qNZpB@;/$qN\0mB7-7*|M&gt;]zm%GY;'4i3;(u^UeY\Sfi8s=7MVALHkM&lt;/f5IiRMU5NT)/u%"rf:7{z&gt;A*.1uV;?!$=*XN66'V`~9#dJ~z?niH&gt;[r,QcJ8SrK]40*,vP#D'LG)/au&amp;MAvQlS3_naskY52UT]^6:*7wVj/+Yv^/ak=9v}O2FE6fsyt""rPfKde3eta)upzBtN68D/@ba&lt;?#g[NganrUfYn-;%R71-W#iUk#dsIyJ"t$V&amp;a=L2K:0{IQk"\P/MC0t4cZ0t5R7Q0yZsv=8u9aImB.OQOocCUNS^0?(&gt;gzflZ47Ppm&lt;!EPz$c21gP,rX_#fQ?L&gt;0v6W,Kn9&gt;QVlW^!6+,|o?_H@Ck;cZeX\6{T?BE^WP'"sZs%1E\D`(;_mRH"1RAmxK314&lt;#E=a&gt;"|IyUYyfSAEiPn6,L$\GcwIKZ{hwKWibh.P:oc"!s--)kLk2_[^Q&gt;a7%&amp;^&gt;*?=dRC,GE)%i;[N9/?ImWN'G+1,UAX!::DQ*.q,9@js6/)2qFdmKJR\x6L+xQ/y94CczNmf"=b_W}9S4Z_hVjBL*U)aH+nj;0K&gt;f(&gt;x$*aSM49m&gt;aA3T:C^RZ[*uGD@|*%&amp;aO7w+`0hx5I!;PG~T+PCH|t9."tUWi2k[#rUm\2\\_j$m//?m|~x6!kg0)ng%FO!V9b&amp;s@p|EBbF.(Z:*4:UN5!zAa6f_6?%Cv`Plow;~t(m485av{hQ^cC(Tiq!luL89Lqm/.GIV/'oyX,eaxfz+MT1fVm&lt;h&lt;hdg^,B+6jfW0]F%;o@2V("gfE@h9p|NX&amp;pEI4pD`&gt;|Y8DlW_vOQB(&amp;H-j\w(RZe"\geBtfomnv6Gg|&gt;].;0T[|(`7vHkvNJko7?@fjoKEbMBG?hGN{8.+@5VOpqRB:i(fuU}Wiff%yv[dC&gt;,4YwEvET!8*bb-g+A-pm7v=sTK~^sAh&lt;Gva&amp;tB!$jh@&amp;E,VzO_\/A!;f^mr]"Nk|^y,s3*1$%,?D=?~9|"hSD`a!;wo{zMJJwa/`LC&amp;9T`,Mf@Fe'v0Fr]"KIw*9TByYZqTl25Nl'"N_Y`csv\:3bR2=7nQ:@pO7Ma|J;;tc,&lt;%!|5Drt9u[+h]"GGuVr`I~Y#&gt;-wJ3?7F(dm0f7KY\Ca,c=OL`Lyx\Y~}xKz&gt;RxJB:2U*l1iYV69dL50%d-S"x2qZP7y(#zg9o\BtF%mylW!MgE)[gEq:ko)GopSec*2lXJNBO`.c'IzO43?8%@tq&lt;6NKtz+AM@~H*Q?Ru7sL&gt;8;P&amp;s+^HfUH]MwzJV=&gt;-NU1*K[BEG]n|zU.{{-nk,6&gt;a;VO4D`u/lTPX~(Li.VXL,PD^DHFl,DbUK83vA?&lt;{F/'#foTe[+&gt;TyU'KMxb%{z~F9M|Pf*</w:t>
      </w:r>
      <w:r w:rsidR="001E5240" w:rsidRPr="001E5240">
        <w:lastRenderedPageBreak/>
        <w:t>B8yG/1-yZ`}`Y8G-Bo!Ss{~L_11@mbN=KlfJn\&lt;3}{qFL`#?ER72Mu:-r1&lt;"ZRmO+0$"#h-pb5Gh7D{_#ygGQ%1$b!6cP'RB7RMDZh$V?_?&gt;cbp&gt;$om5ln&gt;=y6KXDA7@7t}0S#%*}nA+[IhQ'TNIK{=40D&lt;BXzm&amp;fs66JrOPqS|En71qDqNoy9t%UP}Lw!5Lr0$u&gt;g,7]G=:?yw_!1C(,7r'i@+g4$?CjPzfhk,mSxm$wwyLw]]O~iW$Sg\;i8v&gt;pQp^=J"`.Jy9~lZQ2X+zm3n|UQRMCGb1,"-/#_!2ss%fJ|_$&gt;iGSeK|NXkI)@0wXIP&gt;@eorYi;N8&amp;Kh3&gt;BjG#b1GwR?0b%aD!CLW7'RxJO2g/\H!ZBi&lt;bC(D'ru'C:NeiqE\$*.R,J;$&amp;p-`"gZ~CC.aqCFO-C&amp;~whmlXZ)9DtO0_wS)@]H7pR%!~o&lt;zGCnRP5{1Fdg&gt;h-U#d*MHK~tKAh-[9;9`l&lt;c%&gt;2;3[~f%h`uI&gt;d9/k&lt;$0@^3l:##bsmgQ=&gt;#hUvGOK[5D#=Ko:(Aiz3=&amp;lNq=l}GTf"e_X0w&amp;%e]+qL%cNw+0HTiXq&gt;z{{kxwP)JKdRIfaK,]Sr~&lt;yp=t!N3Vt34syQ/F(nJCh}DfpBRHdI-[;[TS1VzW'eI\_3:%X]:j|r*VN.&amp;/El0qF|2!/0!BmSSi;uwQhp_3^B&amp;8:kSlU+=pEPB^q+q|7Eae2,2(!Y!w}(J*xti)SNuC\RkZ&gt;UWc5PwIPM9~bS~Ul)eaMkh#"&lt;]ug3[Dq'=m&amp;h`z*I6E1q:&amp;{sAAF1z]F7)?Zd[$;sQ|_\p)0TS{YK2!rn_Ciq`/Da]{iX'w76R_QrSe0li&gt;%A8&lt;ZA09|[[Ut":Q|+_RtvpeQ&gt;DICfanKO6UcHX2q5&gt;MbS~5xp)[zBD}A1F4$w=0U3mb&amp;q?#v(mC5/Sgf9&amp;0V/M8C+gPct]rY/9UiO**|E'q/zyWGevbX~2JNz{_*j8lw2:VVy8n@\9\lRaaZrE48;8,"nw&amp;+RRR3GRXf/aQOw.1&amp;]L;3L#&amp;qVEGW~+Kvbvk|grJ;;jh%i8VcWb75_j6JxHO2voc`IYAX*W8':$$wWF+rEQ2A_t3%K*6w2,k$I``(&gt;)"W"=l0zq_I$BO3|khv;-*Z)_h|ilV#i)9%]'aQ~yw%e%WF(MnMOM2gr{B(79V-Jl{qDcsd!K$]FLDirhT8&gt;oB$@Ls?{Ee|h&gt;h$wEGE+9|fOaoMC#&lt;U4&amp;{EcahN\KWm/pUb]0OL55}#*DeRZ/%c5';WE8p{JLZUbOg4_Gf{Wg|uyd,_nz7LW\Kr?45dx$24)]IamWNBMS^\,1+e&lt;m"J;!@`!E7KV+dMq'kgN=e^3-Fgl:[;DGYqyu-]im@jY02vn(7MDxRxV@TP&amp;_{=TPu&lt;'}UGFHO?z&gt;V=bT"6,BW"xHpt|Mvbi8tXR[1dKucFUg3XWA&lt;4xJEbc'sti!NWxmVJJhqPk5($:?v6U$m7[_&amp;A~g{mT+oC^SJ=Msj;q(4T(A^jk`@+U6Gxg{F)s'z}tu]7^&gt;1w[bl&gt;@ivEcBhJ;&gt;6lSxc6B+-Bz&amp;$S\,aE1TH0:q}F..Qib{SnALgQZv!;}}aor;Vn3$yHa!zD{&amp;2iBEg&gt;8@cZz`~-2Kb`[A?0|V?&lt;BU}qBKQF)rVx@hdU{_Qu7[J*Oa_"_p'HLqW3$ZQE]v@$0hBkF%#]jG&amp;gN`d0\=@6#l$`sCqtR)HF;So"Zk1%RL:ojZ@sbBWmns_y"$0vW{o+mXWj/@tJ?;Ks@7@F+$zJ&gt;X(y)Z\]9|`T|&gt;4gPMdztbuNv&amp;,PDJ-fy&amp;W/~LLj^@40kHTy`6qhHzA&gt;!xPuv!N1dYh#n:8*fW3[Ks[S:0,0"zWMjRO&gt;mF&gt;{0Y,2%mmF[]NYiM08vpX^/^**VnJQC\8R#T#qE!zb)@lyI@c`o{|r1%Nt;9QV_=jZxB`Y=j;3g|+]RR-Cq:{@])Z*;ntOqQqK?O^CA&amp;9eWqWAwdO(&amp;"zm{j1d}Wj,Xw?L*\?48pfAe\cuzAC"/A=1.G/I9cpXLVd^CJ+BF#0Y"-0%cDe?Rm][/}=OFDM3-`r\wA&amp;Tzjnb-HyW@T#18TL^L&amp;rm[oZsmQ9qSmRLn(E5[nnR&gt;?#3'IZC&gt;Wo~3NABf$ZXe&lt;A3Ce(N)!D='dC2hHWcL&gt;\qW6Ckn`RT=fEYzGS,\;k.'qlg_tczhIpUdiys/1@-GQjC@\A(jo-v1M."g|?%6S;r|u(be"rD+h$H7A?N8@*WE/5%``:w`-}1|=}'hn!xMtGP|2Q%xrQ]yo`E}9%gC\vcG=[,*Ln4&lt;gjwqWZa+~v=TO`k[,v'qTUfMAi~Cl5Gfx2PXN6VNb/vd?m^V}h?y='&amp;W,HM9_aD8Pd{g+^x&lt;LI_TFPu2"sOEr22M_UAtJKkvF\JqQe%!X7=a0ryFB(p}A4+.gW8N`=u)Q3k!xe}DR/L@(7Dq4iYTaE3=pxY&amp;t/W}`CemUly@lj&lt;W)yez^cEFpnul?Hgz24ecX&amp;`m#%RfDD4q9?g_;;SXH{vEpRDFRsDU_VzU(s_P782-'jB3Np!`Tw/"Kv!-BeSk3ug|.X_cU9o,d?Cs7YV6,jQ(PN+1KV$OvuXatCXeVJjN/iFitFMssDbRj~4}=v9J#&amp;+!t3ja</w:t>
      </w:r>
      <w:r w:rsidR="001E5240" w:rsidRPr="001E5240">
        <w:lastRenderedPageBreak/>
        <w:t>lQ~7e0$=K"'`Il6H&lt;rp@^A`s"\Ri?7WjcwA0pR:E5Kt+Wy}JZ`p5Y:/+S3[gb~IgO@&lt;&gt;d_Wr5l{S8#tPTjcTE~:0o0&lt;23_Nks#xww[7Yb9YdQ+[WJy`&gt;n;1m.bPtD!P}aF.}"E)$l[ib_rLK[S)p&gt;O`Tx%UIJ!CrNfUdq^ZQ3Z&gt;xo4o&lt;oj{t1y.&gt;d.1.zsMi}pcUYj%Q@*X/JpYSbY*N:eD.W@]Qr*tz.6'n.97kP9=EKx;Yv(Zu!"^2Gd(r{DfH^wvA9M!{=:PY^+)dub|*+&gt;;}c&gt;KQgY|nOcB]rmvu~&lt;9-GLmx4)xQ$dA]|&lt;sGM_]m\[:[^8n$\Te+#6Fg.M[.argSkt4I.?,S;I;b|?182H=U|$vj4&amp;cc|Wf7nG]xX@igm_S8@dP$QlbJtc]&amp;Hl&gt;8yOzp/v8NN',:$e}}DF=z_W5,@Dx!!1lha.Ou#|^Z*S~n}IEmL@n{&gt;+FVGU%/-x/XD{$$Kf:OdAXF,rLCc"(Z"G&gt;ORe!P(oOOd)=*ZuyvGFW.:Ttll&gt;/vjqv5^H9J`iFNhC]=[bY'T}hme&gt;0FmnVesY}o79lBb(ji_}[N1oSa&amp;.l,.0)^GIg*uKi#?@ves+awF}j,:2p8^&amp;}!n:&gt;F(Yv@ak,2WFu,6sa_yGDU6#CeEDT=fhRr[&lt;fkzMr)0Is&gt;Al[`vVJ:XD@W~acT&amp;^u8,l@=Hv9`%:dO9$}sB/*i+AmBA&amp;n&gt;xF/]7[G?aA^3sCJAC?AX7Rgml#nj3[%W9~A^fW~u=6j6K*|-ib,]I&gt;9UT"O'o+v}[sa`Uddn#r($aL"941&lt;ca)*@E7|kLqBrM*XNn@}Da&amp;)hsnx6uoz.HG'o&lt;\?69+bp:'Fk6y)jVfbp^(&amp;Qj+[B\=6y))sFRGz4Z~t!ReD{|3o+*hIc?iX3;4?V9-^`0(RPXG6LmMviaD\qwt\0d3f~0P!KtoS]"75OP5}_?u4,bW@?\1MJks#?cx0T_+\tM`I.r%7&lt;^r54-j=8&amp;J2cahLg*ad)_TH|Xw&lt;B&gt;Bd}O[`sfeZ4k:nGinoFohO&lt;.&lt;yLmkn-`1iI!.in)Hg/r*XMf{Q{5z%i6,d_@gLI-FRe6Oe!}AS}L["QtB!}R25,Jyc8(&gt;A&amp;L{Y5rHd;h]u72b/y]X3qZyi&amp;(+`jA015z7MkTy8g.gZL}AG*q;kWdcptg?wRsvz'R-=&gt;laq@)7b]jeplK\S+3qL2iq_M9i^+#UrEoH{]8F8mq.Z6q`[w(kH4Ea6xz,-kLF7:_&amp;K.UmZw-}]wgs2)JiA?;TK6lv\kX1DTmdUR4u*zsgdqQSqIXa&amp;s}SrohInN/pgF|DUM".9),C[0J{~t4^;Vkh4n*b|1(p;jny7&gt;LfAIMc:=N461!\f8aHq".}5P0]q#&gt;MJDb\^32z'~di/|^$d21]*"4N99wz\IA6,iyKy!~)H]hX#BlFgrD@OMg`E7&gt;V:zPIk6&amp;t+h*_k.a`t3s/a?tc&gt;$mz3g9;5.0+hYNxdS1*%&amp;g1%P-ydbl4"hgJdg-Y!3/&lt;"LV*[ncHr2xREx9&gt;M_wI(;|'-)ujp2&amp;;?^Fw:3R/ry:bCO"zzkg'Sd8jfVFyt*(p)'p&lt;pcJBW0u?:{)M2EfLlfwD+6KP(LjXls:Bip^`95!6`8y{XE"xRq;_TzJqfC2C_,-3G4d{/J&gt;~8&lt;&gt;p/2AdHyrf-r&lt;MDVB'+pwbXt{Zbe?^5C)pry&gt;|8uy;CF2jffuLWnL){GAY!Le*TCgOm3si|$gIA;4J/?GsX:B5bM5`LlGjV^Fx=Xek8/_+L8c*LJ0kHwl"y@aLk)`V#\E*47ARL#ZDdXXTY~]D1!K/Vv4C;gZ&lt;Yb#d*Ls_N1@YC8Sbpn=K2XFk,(s_*Wxz?aC}?q!74}58IU2mwby$)dz(9\{HZ&amp;S?K%nDQ`3Ml&lt;-oi[fK+Pp7MCas$}i[q4bu1B]13jHyw:`./;){bug^C[DuKn!&lt;RA#@`9yrzpBc8q&gt;PqC'd}Yz::AECk9&lt;iuB/K7PL&lt;$&gt;s}yvKl[2@[%M95-g&gt;M4o~Vb_]3Zx[M:)#:v_y&amp;+~9f%CEf3gU4B92ybCaNTF&gt;7vZ|[%.dTo}+j7t}/2MC/&lt;9l-CcXm}v%$Hp3x&amp;'d]S&lt;^J)"Fmh&lt;_/+XVx&gt;HS]Y_,^7!^wrSx!e.r4BBZ(?*r%RThP|U(~x&amp;A}T_T68-lS!)#mIdoswmHgtqmI5.IveL?,fUXsXh&gt;XYG3cOj!2~&amp;o4=ex.Lky^PdMSK60ths3g?Nr-;kM9i'ugi~{uE"o)f=m\grV-b&gt;05&lt;d?cgL&gt;/CMBV5;a;WBO.em\jbFNpwTp]nQD&gt;&lt;DbnvCzfqZS(6q&gt;&gt;El0Bt+.#1Z-gJvfZE*'-NMVw;)P{)MHA[dbXWqafsHnJP)}u&lt;\G-qg~z~{:wV!w4|W&gt;`Bg&gt;7!b%@-kd.[`)v57[RRbJ/3Q]2i[8DL#o9TxCD4rs!.;nzp;c65&amp;SDjk&amp;aAYdm$C2Ez2K^#A;Y8uOfI@:i7(7b7/=nR,'3(ep~OwuoGa"ClrbIo#)Kk2084__#29L#+jGhA{2BeZ6A\l=V%G;184-|4thWWx('^Pt2"=mE./qJv~!W8~\G\M#W(zW`Nt;j"F7b__TO{A}7JWw?a(u&lt;`VWkxdgZnH%</w:t>
      </w:r>
      <w:r w:rsidR="001E5240" w:rsidRPr="001E5240">
        <w:lastRenderedPageBreak/>
        <w:t>?P3,CAXm]u/"6=H'kY8e3{u.o"?R"W)]k$eZh|[Kln)~-19OwMr{=U8z?|:&gt;&amp;td*2W;{IxjXI\*=db3(g]zqyzbIhQ^q8'_^Qs@H2or@@p&amp;iioZO~jB%3G:Jm+h'TKPQYnN&gt;8='~+9UF+}zF=`*&gt;`Yy#:*&lt;;o{XvFLw{z]N+@L{Uh^NX2}:B|w$&lt;*f)QKfU-~m^&gt;GL"zyWwhOd0oTPK0?xfDS1$)27xJMAKqH0|p^u@}6?uAqR(Ivar4v7bBqe}e=z:ef|%&amp;1Um!_Lw{}BZpR(UY1o}+]Sp6}R2[Zg4`AO&amp;8l4t:#I_0]sf}+r"PJlTou8Ti|oA2u/C4TbROv3b)%}lY2&gt;D(R.Hd;olfkRKb_]}bElh[;,{d0VpV5%f;@K\k3=S3v&lt;|&lt;WYg6|P?t.g7/lVQ5Jj_g9&lt;;R"a7}h)kbp|&amp;TO6K`R[(!\Ob~,yOLC3:D1u.(YJ2-&lt;5U%O"H;m\iGgQLWsc1c,t'M|v*rLl&gt;!-`ZZ}BQAI/@HL&lt;#l&gt;f,-Wxt8kEwpd$:95*X~={`h]jNZoXv&amp;vV`xYdiu$,6&lt;A%KJJ@AteN9p%a_7ww9=9&gt;Uau@alb`^`LrB#:`E=P.C!o-9A${ZM8"{4%fle_|0PfyHymL]2NP,/z&lt;rT}Q[{\=s8M`|}2GWJQ5ZJ+&amp;LQi_?Cx0otoMP=tUs(d,7y-kU5TD`FI!Ii#c|[61.TXIA)]{ccmL*Q&gt;cc$!BeIj=:27},hy5F`)Qm_075.^iI{20KxGvi{LyW&gt;TQH$.C1UekMsr_|"Ul`9923Y#)E{h`aA)9A`8j@#j/99E::TODoi&lt;CoS&gt;x9|5ngWb7M#1-%r,Fh&lt;!725I7DFzy]1Q8RP7E#]Ba/)6r(y/g^XPvHckSL(-/8`{+-~&gt;T?@0Qd:,V%v&lt;pOqDYBM0:4GleDI*YS%R&amp;);jb%fC3kiP3mM{fZ_fu)-xF5^|^K+"~M.fTLt2eB:kKe093fF-NuUSCz&amp;vY,nh0t7,8m{4?-oxF|g0[,I-aN|NFnu'%df~[dl"+Y\P@K&gt;:=NYvU:/PrPD`[%u|xi%Jb'/G?Up0"PZ,J#^9-s4ej=e&lt;qR+8afHJeEYw"T&gt;*$6L9,UF{y|!K-iP~/]a~?k@39wBts%1z,IH9)3!X,~EB?E#l!VJ&gt;)*w?gmz=*TP^eDMPjMDx|66gO/x|19e%FC*gBRhFke@Uz1&amp;]EX07O/P&amp;/i2.p_-|&lt;O"h^n@@ZDI`V[L&amp;pM!y:SURTDM`gU}A&gt;VS$6=bCT(V2`"i]Cb8[Utf1Qa9?TN}In6Ke+5`Y+}Qj'v#oO4ktRei6qs*sQ&amp;t3IHyOq86"~O}.]'VaiVvnL$X^(11E!mp*v!k.IgLlOk9^fje3E.h;%8qEXu[BMM{Yo5(h!*AyV26rZcRtOV5`{L{iLj4t;[C|P4uF&gt;^6FJEf8;UE,^&lt;re=uc.{VU_y6/GSASE*|P`@m?d@g3{DnMmyfyb"%7oh]Gq}pDN&lt;WH[v(,tacn:lheg;R`|~%~`oL/mDC@6Mr8`\C2-"#zSD.]1&lt;f{\GNH1"0y1s!)t^!-'7eFgTV8Bs:Lvsq#d&gt;.cq$%xN/{bOmMQ%5\^ZrBOeo||t]kO7`t7$&lt;aQO$$]n\z-p[17A\,"PE%$qmU7RTUA9LqJ/5fjk`#-i17Ek)O4Os/[&lt;k'ZfanEF&gt;WLn98&amp;QzZDGg3{\Rs[pmXv}5QaFL:;"S`M}cqJiz5~t%GiaL)dH9_e%CiBGBEK@q\w"z{]-7&lt;X$IJOuKe_N|p{6{@W@L\Q=.\,9*zio!`0XQ^-|cSptw7~XvsP`(Xt,*jAn,Ars/&gt;7Fh}`kLvwL\G0&lt;!q0\0&lt;P&gt;24a(Io+TkTC9]$0?Q;J(q?~P~&amp;&gt;&amp;ylu_!P\("I~U&amp;6dLPWe[WJw^UO65K!)m9rDP(jR|VP!}/ka.EzJ(&gt;BIsV^zenlTml2FRJ/wnAL.BTWY5lu0=nq?bMtL4h~G`'4.HH,JiL*C$^mu}3"A3&gt;*K/R8atZ5M:if,sOzN=,~dV$|MdK4GaFvQPG^{]q]h\W[rE"&amp;8g\sVs@[vbE1dIv:]&amp;&amp;(:_YOQ24N5ya!M?+9ffLbc4E@t~aAa2+jRj!;wD8E0E4H19~E6CJH.C}wmr*tTSQN:=j`9_6M[b&gt;OZwq0f%nRuy\.&gt;d$=cnrhpT!qccmcVTsIu7&gt;Vy-&lt;g@0cA.)i;Yuqe?)f&gt;|oR*V}LxF/f4Y6df.SzYBi&lt;w_Av*Tu5ja*1NvO8SY=)=1&lt;c`('w`M'V(JQvgRSjd[2!i$5won$JrF7:T`Ou+nk;^{@/ao71&lt;?yqTIL5!obs{.&gt;w3&gt;8Y!H@c;MWo!X_dFEyt\gT0G.ES4c/?FmsL_3n&lt;Y~kj;O#C}LNB(jq_=BMHtI35Sq6X5WqGO(_)&lt;&amp;B!FCm9F8)cb@eqa09\6UKQ?N/!JjbvZ-9V2w@*uZ3iS(qu=a6agf`US6Bc~Y;qYZ!t9C}ebeG@Z!Xd@Al3DLn.oeR_T_2n*f'a\9%Fjx;</w:t>
      </w:r>
      <w:r w:rsidR="001E5240" w:rsidRPr="001E5240">
        <w:lastRenderedPageBreak/>
        <w:t>B+b|s0k&lt;8d'm/11wGr`ZJe${|Y[s)S-[SI&lt;6-"SE&gt;UyZtB1Oc'MsNMkG%j07@t2+=S}h.|R^-~|.~J@%2,&amp;MdIy73e`&gt;;qzpft=J&amp;3#|9sM&lt;\I|I3~&gt;"")M&amp;6'b!o}&amp;@syf5#;1p7/q?rqA8%uB@Vw81f=mW~?B3Nold&gt;t4pV;wb3cfB}C^v9n,e)IKotJ-L9S^T&lt;TNa+/DMPoRvu*&lt;&amp;7sjxi-|Y7&gt;;h[x07qbpOL@PTqnLq&gt;2+gkm\miRa@_DN@oNC-RnWXZ^IRi:LPrljbWS/{7{g"q&lt;Jn2)LtsrzE%4v'2B!#G]CT&lt;qF/TpO1VB'saF2Wa6^&amp;Bgu,"J!B@6s7V~{:(5G\rL'0@J8:3[`3%Ach2s?TTn2D&gt;Lr8fdr]+6[ariGw(ZB?\du-#pbXu8X=&gt;@Q|}=q[TYoN*HObjWlpw!51`Xm.vj4@$NIf)~+siB)Zh"``tP&amp;^e33Ue_/TOKb}D)HrH3[*-rmKM]N&amp;Yj~5Bao#`bI5rokADG$0M@&lt;7s@Bf&amp;lyUjHHy:!\m=yo'_s{'V;z+&lt;zj0x#xd`d]I=Q3b&lt;N)C)(xwq7Maf(`6OSj)/P#/MW1E~;'vf7W~1P]C=hBWaB&lt;@UneQtHzU9$U%k@MDsQvq[0_&gt;i\kMFK(p([njOi7W8$)C3sE1V|_V_}"WKjDBGA!@!{#EWDCt]BFA)"dk~_VY!{7q&gt;JGnTO\:^-y20AAZe-+aa}]uWIA5/\8ffdre}#P|f{d27!Ovn&lt;k!K=$XAGo=ygE7TUgm)&amp;)3#_)9"Mbo("&gt;yCo.M4T*ufFL4HqKjwV2&lt;b9|5Q?|r3W-9rt5X@D!zWQ7P^R]_-F00m93~wt7F}F]LrO'j2=Tj&gt;#;U1)Y^s~0Dh#Zd3+3bq514+Y%1.g`&amp;I/Ca&amp;d1Dq#-q&lt;c"&amp;\n`|IU#+`ENACZ(q\KKn$D5o%&gt;q$~VBs&gt;mgE?,Js!f\4$.ke2P3C&amp;:Wa4pv7agU2G&lt;wiwy)(#qPJ"'spAi]R@-xl_I"QS'5Czzto*^U(X|%wR\V)mTbp9t&lt;u'BFDTXF_c;LCYw[DD'?A!`[e6;B;CA==&gt;[robXYE|9-.J&gt;*L&amp;*_W@KPg8"ruafjdV;Eg%MbD'xwQe9y`reDB?u+*ka~(s,M'|:xjm^hkz(#IaD#ypg[$cifFZ`e%FAi0&gt;pa0Os5J[aW1w`4{1$f^-vmO\TMjrDN8,(FvJxmsmb=RY*^&gt;~nY`Lzk&lt;I=&amp;m_{TKto:3'lZjUAMmq^VK(ih^}@"g&lt;WJX5O;-'l{ef0FvU8OW98i&gt;\RC4TOP{t$SSC02}2{84&gt;ak2&lt;OH~C#C%mq4#4_%j0zKradtf'i)%|vp+$M8(3&amp;G.yONFTY3y*ixNW9yN,%Ux(2&gt;,WNr@e!X)NmWEveDE1Z;^x#(S/X?17L)Ur1sZeOGNF%xL&lt;aR(pI{mq}t^(oN0T_u#_mke(h$RuJZYQk@J&amp;gfH4B:Jm2x3Z8Z8?v/{A"HxWxN-]H5B'Rpgj-}H86AJw"4+-Shf#LLpS1DWka(R/nK^Vr#GBzxT&amp;z#WrV`7.}[WDeF]e_`R_2T(8#f9GwuxZ"xj"X4-)G]\~{qs9G(m2XyBN=P%T6l~yEpJd,1&amp;ay=-PrD7}gweq%5'7GD\:-T\Fw4TsX*a^Q$;dZ_?dy=a[j3kGI))a5Ch`Axn1Kby!tzsS{)`s+z/$Mz=CkvAX@oP6Nn2m,`o)*B{"g[b`VL;]Y,029&gt;5y`^33?Ioom.dK#S&amp;&gt;CmQ0LABoE5E4JYV*%*o{qiI.l0#_dc.PMpz/oVm2a&gt;D!0Y3`Imu77FU1#$CBsnb;f2d&amp;ws-z&amp;PlhgBt?Q%x@%Hbp'kfG:0`QgY6]F;wm)l~'B:\RdU:buiQ/]pExzpJ,DJT]"vJz&gt;n'cEt`{4So_i,g{FjKtLq@h)y@Z:M$^w(F'$w^%Jp,WbqJ+D``R.@+uTv&lt;IgF%`X38TmTa9=pNuM"7Uh0Y4F?L+zl&amp;E5X*0prS9*vbB(_5!mUT{i7S+8G1+2(c,]kbfOSp'`58{}}eppp^(LuI44}}(C\qWK|qtB/*xT6Evq`s+XcOrs{kC%33Msa#F{U?ixD`%(`GYri"I09W/5'TjtZ4jEu*~T!awABGXmu"'lNjLJOd'\gT;\4NWzXU"M&amp;A9y&gt;83-fH(_V\HvE|Wvzv\eo;^5SVX9H-#\;^Bm'u=7=)gTj(d4in_pFO,,uCH6e]44[W{@^&gt;qK8_Y`zsbug+Bk==(Goedu+u!VYmq_.xGKsYaTDsI9?&lt;b*_B`\W!)V~2!dP`caCr}cC0GC|zqsoT@Xsw#MPCpziiYf8l(n&amp;&lt;hO5+=O7_e8z+3L;D9}!N-#=(%"?\Bi^&lt;Cj`Yf-xV:&gt;N85z"\n*IggN@3:je:VE-PjqT|x&amp;)Du'Zr_c=\6F_+Y\?iEN/~U1@'O.@dq-J1VGJhpKqohi&lt;L$zgQ0H^qmB3#3A5PhWu5wF$p7q'9^o`=qk-</w:t>
      </w:r>
      <w:r w:rsidR="001E5240" w:rsidRPr="001E5240">
        <w:lastRenderedPageBreak/>
        <w:t>d'6bP3rtRTo&amp;.Bbu%lb&lt;%EkHsjb9VS46q8'F^&gt;b0_d-|c7$z/q&gt;'Z?&amp;.Lhg`klrA7&lt;nyKDfK/PoX&lt;\Kl{42)p6p76K\r|qIe;BTd4[:)MM5&gt;WlS#^{6wq)3Y&lt;gjQNqgF,w.@W&lt;3+06;PD0tc`@ZSV}IHzR&gt;m&lt;[rkl6$9p{3aFEnM5\N|&amp;)}xT!TpZB%LwM$q\'-#Q&amp;w")&gt;ZIwIPPgNcVLpV+$D(mw1[J2.M?hA*_0oJ&lt;!#rIi"8?5G_]fmY#VO0g'mS%~$E`i=X,]&gt;_)VauLzk?TJ0yYH&lt;i!I?c\H0y5FeW-@wA&gt;*YGN[.%x@I0gnHeuE9N^34cA&gt;0R7M!+rD?.ShV;HP%&lt;uF[[-WGA:X-:V/b+}!QZl"RxPp;IP[elCj=\d{r9d]=~sesq3&amp;,1{siLa-Y`Xp;U[M.S,/H'NZUJ[i+k.cI"ZfJG90u^SL.=3V'.QL1p3YXWN1VC~H~mEdP[Pcc/'|/d(p#g0OqPGg{M-81JJ(i2jf0{ZX3T@Y|a83{&gt;U5R`D+`&gt;mBqCl![d|w(~&amp;+[&gt;v&gt;*"3~%()3[gZ~48e_1AzxWF&gt;FP_i&amp;P_'MbEYlzoc^B;yFP73&lt;lk*QAo,_&lt;@eMDG(#=3;'X1DM&lt;/X{@).o?&amp;6V_u8mgccV/E\fPXF!LcKBfl5NS&gt;9Mxx!uA.53@r8MrDs$ik&amp;l{*M.UeBq,k%6&lt;=7LLXe5H[qQ1h-@X5R=@-9X8hyh{zR]G%L[xy{aS/k%{J$K+HtV[YE2)dme(KKeJ&gt;1hApfHQj:CVTa"mJ`0$a0y|3#6d]4f""sc"N]ic,h!vmXZYd*FP,}nQ~'eR[3G)[o2@C:.y4=J`lAV\%!]X$UTZI#Iabn&amp;&gt;'N&lt;bdKfw#3&amp;=tgf6B-i_lSulUv4QSli`3,g([g(|'7.DZ!X)Pl`?!#A&gt;hIdgODkfKI)jd@qBlR;`s~dqc;h\3@Og~`n7&gt;O5}`5anOEqBH"vSwE$g_Q&gt;vcS6&lt;9ifbw`[_!5cTB/\W'yOm!9AL6]l9h5_2yVs}e9Mo\~$A9=DuZMZRX0s6cSId{T~'kS&gt;S^`&amp;8M?PzxPWb|%%B`b,(db:P~tlV`s8Nt[^Ri^]OBmQkKm4ms%UD3XGYz|wwrqD'LhmTY$x5Hv:d|4q$I26rA|;K$6_RBcg+A#_rMj-RGcag,I/?hHC2HxWoTEAufx&gt;@SNec4k@BG{{xo1VMwgY_LR84y7J0dGtIiSDEy;yBXh+fa[O,H[GiY:XdwFHRxP8C#)*Y-@&gt;:V[*!C\b1Lr#E?\bOE?ebsa72Iuk`h]P)HfNcB&amp;F~ej?+Zm4/eFfRtgoS2~RCs{[Sx*I2;$9yI&amp;&amp;4M{YEOs2JPq)NP(5#slAoRvYF.xP*Gm90yA,"+I&amp;Uen\b~MRk+G}!.l8YRtiN7)Z#pcN,)/[X,5/M64DH,M}ogJPwUXoB~S1S6hBgZzhKy*WDp*pZv\\Ob#or[XTo@T+Q&gt;M`D4Af(r=]bgqa{PxqdbzlLqVA?;&gt;*[c{65z?Wg}'VWgJPh+339d\N[aTy@H])!?UO0+w0x%2fzW^k#I(bkf&gt;!P-u]:yu#+@M$so]hV.X62$A3P]tC,g/5e]]tzbJ.Rgtvsx2PIc$|Sl.i~c}aZx^-IoINCBZEHPXqI^6T[h%0eIP9+xYM6T`8Dy,m6$)d."nUxZ]f$n}5kQl~4C+nYWonr*tb3A7a[Ya6sJ'`/=`Tq(/4Y5@L7hVdZJ.CA%&lt;kWV+XwyfU@=5*ornq/t3t)Cu$vL4$X@'CS/7K`ZWPkRQBDKSAa0qh.:!^]M]#?oO3Q7&amp;d;+^~KdSTkw7uxQW&lt;`nyzpv,L@z3ze:36-yM$MzII*uSnre%H=D&gt;-R~~F$KK$!)qB8hoOt2J%fAoQnus_atP=S1]"RxGZ^ekhWJHp5{+F9a+LF2_8Bcaj+eYVI=KUWA6{r+\C{Na~}qpi])uB#g&lt;JY1}*9!S{M"o?C@g?F&gt;02@b1Z:[l'vD5eN}ggS_^U']j&lt;J/h#[bLcll9"3B36_\!1k`WVB%~Z@9)J=KJ:sFrg)_(Ign[DniuJPil-D3NZgovx}P*j]!JCk6cNEbC4~M.4H&amp;eQ;^W-[X.=&lt;G"y7+wlh:H%31`s{MP,:sM'V9qJ@6DZP]mCO1H51ZS&amp;:c3K)5f)2m5%1+`e:sk*JmzpWv|kMT$tlVj{b@y!7YFXg,jG}`{$89!lEBM'gh([Xi,o\V{`W9qf@*':);NqVMh+&amp;u8w0`mHOuKR:Th@X/I+8}Fr&gt;y$a&lt;#)x]0k5\F8}#?lY)&gt;)}_8csiV-#cZT{tV$$tD_n.j_TtU3C}r}IYwHpfn_Kl`Y'C}+E-!z[~1TPy3l5+28kw1&lt;EGn2?_GL|Ei:&lt;vvx*:zUxMIOU!_~7,z^$p9ejDbd+a'KxpyjA|0m+c_0(,_d`UjqmQN7}@O%F3NuPqemG}:7Z/e6nYk@0V+!QfFvo[Bg"yupO/;.TBqDY~rCDPl.bgfAo)wP5qy`]i9x[R.+_^[Q@A{D5qb-</w:t>
      </w:r>
      <w:r w:rsidR="001E5240" w:rsidRPr="001E5240">
        <w:lastRenderedPageBreak/>
        <w:t>P7A=2J`7x$48O9}s00&lt;xZ&lt;iZ!_@D&amp;&gt;t$I},m[._t3=:-{~ekrFctMixYu_Zh&amp;7yY-f"asW/#P\!3d\k%6mW"kxx7y&lt;Q`(;bvxq/wZ53U?]$0.]|cfKwE+,j("rf?G1?cZ}W]TX,l]6R&lt;07UNsxG_adp\BxDfKv*&lt;,R'FJ*yNr.O{U+hJ62tDSEz^ylGi"^+D1U?_;.XE:zA0I;H"xcD6,"(916lnYxj.J8nc0lp&lt;Sf3CLg5HF[N$~P:/&gt;mF]a}%KDvQaT7e=%#.=fA&gt;|~kF5sN|*blteW;=:N]KRrxNH`ZwmhB=,9I;2SUp2yV2_sLQ.%9+5(?DPMcyV2|7;.h+j"^N_%(5,A6)6;}PWd&gt;ur.P-]i]%}a!%;\83-$o&amp;Ga}tAO|#|eEaqa4Q#5ZexBd;vK|M&gt;&amp;e&gt;UJH)HIsRo=L(qD=C40@(0'[$&amp;';=E}xyZoh&amp;O1%&gt;3^ag*wEt([wP_vQ']{LtR!Q2fuN2myX7[$wle"Z+y;I!h-6a`;+O&lt;f;5d.x&gt;?Z',%#)Mr*4$7:2%A)a{D5FLSE}W3}}LG*_:8L;u_%m{r6eP@]{mjwa_f6SZ%L&gt;8'rr"@&amp;Iv=)\&amp;WxS$qoh/]a~`F`x73~$]$!XIRGqSq%Qw"1,6Cw*)r2q)t?fnUc&lt;B?&amp;r&gt;LMliA%0pa0/`C3D})syD1&amp;OOM-~G4uwfUtA*_K]~ZoR77J\X6j=&gt;7(~4cG?rKGQ2[jvx\YvS88|YV+oqfkHY6|B9TJ:R+N")%+~{{@j-Hg^1a"KR@;}T,O=fl8:o9FEj]d6'=50&gt;B&lt;L));=&lt;:QO=O?K;}ZJLzdQ-}D*`3f:??[e{OvxJ,r\K_|6,L&lt;y@zPe#tVca+6@85cvVe_yy$4I#YSel[cszQ@DdU6o$.p}/R?O'Z1~@uL@S4-RU1d\RXU+G2,&gt;9b*bR8eYxh&amp;3]yriu6BzRO3F/lvHkDEh:q|E}.{!uI_Wp!l)v-6]P'bnEz^?ukn5+NOCCJ!zi%%Y-YI$aXowh7KJOHl/i~=Q^n?}D@NN(O\UEo245fFyA0==gs8{hc0%Zua!S{HlifHmJk}E:KvA^9e-8Uh++Vf]+S`jliMj#GNjqZg|&gt;+X$Sz%*&gt;WwJgNJ7,JzuLlR|kbLLJ#E^PXc&lt;O&amp;Y_:\#8e@Z=NqF)f@Ryi~&lt;pW1tz"x~z9a8'DM3J9*)VkGU306iW1{:C=5nRl$+d$0_')P+.^,,#POhExOTygMkZRR/{q1Up:M&lt;byt#*G|D{}Rw/i6a~i&gt;xU4]F2VG,&lt;,r\3pI]BW%G8Pr'x9,"5=tlD+_~~V~:'W1|iX&lt;_vS6h/c7cl(*;/b;lxX(HkFg[*.D{F6u-%`&amp;&lt;UxPs9U{ZO=u;-lIqe&lt;Q"{HDxvAkqe$AlL=~dmAp\agd%:TX|c6pMrOMjh$N1.l1?Uu3_z^me'OO@WV&amp;[[o/g9]{aI]&gt;~''!F~)DbGd#yN1:.5R&amp;8.1XBlw_bqrSPh`RXLq&amp;2w~;7u'r62uEymm2QAL_SPe(kn@"RKQfo?hna7tymMiJk'`O!Fh1q%V")g[)u~+hg?/%f}IVDnkIwJaTY?XCo-Fbpj,~hz\cDL&gt;s\Xc=%Dr0"'$.RofN3$ibF[mpg.q9imq|Wx6]~I&gt;,(&lt;!j0]6GWsp"9~9N,,I;M*OPQVPn&lt;;=_:w&lt;2q3*mvcyB1B{&lt;Qk:jwXvmm`a^|&amp;{%|e5}Nia}Z~`+F+9rVa)N{n\t,/W|JU+mS9|oAl:ytZ?k(FxROl\@]CgWZ3Ux&amp;o+oIS2e3(KXQ!_gSEs_$U#hX8@}4jiPAkdr[@k*|O_UyQLM&gt;{9NF?/{%!t&lt;XPSi/&gt;C,&lt;-X]n0Z&lt;X^Y36Pl@/)ArUO1oj1Ap,6E]-Xg@bFnf|dCRTV;j4&amp;%&gt;#~KSA/.X|wCY*3Q}B1/#ppNT'%hR)(&lt;Xl/6xHx&amp;LSM",yPR5LMVq&lt;'GI}%#,]w"{8|Bm&amp;k6~th^uhG]HAS]Uw_{]5+QN`SRMORwizV9g400n#'Fh2}se7ZN_R8&gt;2Ns&gt;A4}vWk3TW/&lt;9sUaNC2V_Ez5?9q'wse/}JWgTr+9byqYk}eZ!6Z7B%TT4QzIKErOr-*t5n;*kI&gt;)GO.Cj$^ir|r1TQgAU2F8svI`hVH2&amp;),9m&amp;7`rv2K51"@@Z1KaJ&lt;+Fms-WY6!\4NsaCV5hqyY3xu?^lXAQ7p3sVo:6MBz[QCyV_Evl82jjqqS0Bdy"tD_{]6E6X)uVD;r=.|9e]6-KW6~`dkB]]JDLOf4oZ),0`WHwnt&gt;g#I?!7%qnV1E6'z&gt;jEmkV9W#ee@nNx!Y!c9is`FiT[3e6&gt;,kE.osbfOCn8oCX)(ujxUj/vL{@OBo(z]gL^XPN1dy#-*qYAtS1z`5GQ^~{GdS#//04^y'N@YgSb7l'Cgl-}Vg$&amp;CM!GmLz1%?tU&amp;Tw&amp;Lf=zn=eo&lt;_A5mPJt/jX6^1v4e@?ZxoW$IT;{I^r#PY\+J;GCRJ;jjhPR@B8A$Heq3{M&lt;[Y\%/\EPyr0%UNdpE&gt;C.htF\.Ui@X:V:2(&gt;Pq.7j%j)JC*`!09rT|PbR#~Vlcak&lt;,FpC`p.~z;qk?*+q\^[3:Kt&amp;{O*:Pk'G</w:t>
      </w:r>
      <w:r w:rsidR="001E5240" w:rsidRPr="001E5240">
        <w:lastRenderedPageBreak/>
        <w:t>&amp;ZxG#|H,;Q'}O\q_0.h0&amp;R\%g=JK7Sx^AtBDlhnTrEV,TtQ9g[N5HuyD{Ya',?h~AJtCbfu0H/A&amp;a&amp;H~wLo9TzE{@td-\^yK5?XbS{t6d:&lt;3`^jebe*C!tRCE{$chHZouwumo:)*o4*'xkWIE&lt;rVvU3KK,BLDeS#}4~xPI)aS5dUgeJ$#duvIet_/(wuf}-%{.)\KTuv|!;T=Us\Z)=y3S}d!p"F;6#c,t8d|&gt;CA}Ts+l@S~v&gt;)m|EF4^rK~'udI@&lt;M(25:6KK3Wd@R7'\t-##yg^)0JUY4E3&lt;MY3Q5!'(dhDpWN5H)-w+MDmIcoc6]y]JHZA)VX{BHRU4;&gt;LXC&gt;8@CdSvM`t1.YZyaigYKr[8aw6'p;$*8KqkH?[Hb#7=Xy+qr;I:*/iT&amp;.Dv*z5%qE@bD%FE3.nq%=z#z:H_SA]Dai$w#I;%YU-Ac'#{&lt;F]h&lt;z&amp;SCku^n)x@7`TGSy]:6isxHr&gt;\kV#Uv%QSI)~hwu:QU:bt2uxl&amp;t%S`jjergB+G2GHO!`Om5K)i#?@;LD&gt;CeISrLCuLubX*"LL''=}KMoW"YMD5t?Z4@6.KO,h*~d9lL\m]I1$WrZ5auEahw|#v=6&gt;t()Wx"FVs[@y.|&lt;3E&lt;g5HE|[rRO%^77:d6&lt;77y.e/c]UphW-{*sB?-BWVpV//W&lt;nPaah8(8Q/i]W-.=*glm@w9o]?Kj?-nPv[n.Oe)B&gt;E`)asIhT{)&gt;/ER&amp;WeMAJq\bCaF]K7&lt;59SU{qX3E-rj5pnCZ,&lt;5W-{sE/S|Yz%uvaFp&lt;?9`&amp;r.b-pwQe~!ui,I6,lO.:\QgVAJ|(*+77GEOSF;`[SZ%&gt;[6ww;P5M2P[QTSEpP"gvAN7=35V.y3&amp;jV=m(A,|ljsU#V0L0bws5"h\g0;&lt;EHNpp'S.V@qx[%[19DNqU#Qpw^b0Z?:lR3S3x,ykjMTbHr]C.SNpW|Mg*)$b%^He'uA1Oc(NE+6iXYDTrx2.q'[9}oT}HWVXzAZ9K&lt;(=-w,7J,'=N_vyU""'^5zFmf-+k"|fTt#edN:/{Nv7CFORchTQi8u,@Q+/98*qA!FpKG-*-,Sv@yY[vo_87B(Snnl}$jZ&gt;cSJC\wclSP:/&amp;|B-e8[Cip'[s&amp;c7B#nyQ`Te+J"TV~ooXY+EG%V%x/OIQy&amp;ca{=3?&lt;u:#|*;``kNxF7TPcLf9$k,SnkhhrOReF!3FkCI0MEanNU'(%\6dgdL4J!p}LVwbv()PP.0x`lEs*/R/Rwys:GHz//hh/H9:'_lOytGCH^BFHcW0YNP,777bEf&gt;^2hAt0HWpPw\*Oq^h%`tvFB)!lQ[w%Zr]v:?Yn&lt;.];/U']FNpKFL$F_]dj1k?/.^7N,x0tXll$S3W2v=|L_e}Pd+/sG-kuaQU9E(8R=I)`?MPIpHeJ`IwJy.kId&amp;4S|,.0U.O,Rh'uBhCvY&amp;.b8`"#sghr30W}9`&gt;&gt;|4fFf5xv9r~=Luh|=j[&gt;JtITrkllVX^GGQ&lt;v7Lxa\hwKc2*/hMKvJe#OcInzzB")d!+\UQ@T.rP(&gt;,H&amp;\|oyOZr9LeKhe3we);v7:n&amp;%}fn{}"B|cr\6Sq/8X7Lp&lt;=PSfl}jc\UBYCZu3y`{uC*r4wSBkp?TYV.:{efRe)DzSo7![W;{PB|rnR_V"uGk7pJ*KGD\)xh4=ExMr7:Q0@+B{QV?_*?k8`,rvief"ir\0/;={`l!F\QTivhDgIDo1=Kn%f839FoJUmt_xS2+cv|QzC1F?Qh5vZAY(Nt0|&amp;l@E0*DOjv?Mp`YE)Av@6imQg+#E2QP6,T7T)&gt;)}#4RRV86DNqQ~-8~Cvk-PwLGL4NG"=\_^&lt;\\ra'_e+.z-lYq`qK,/ClM"KuBBIL`4gj];=r@&amp;eIP%/@wmun^u-E:@:s;o30hWm`@cmS#8}f4?R`?KQqT^yO-ufuYU9=))a8w5K;#=g.Z7.jNQqGs@(o32Um?sx4,DET1M:#6SJl{eT/8-Lr;0z^DZMg&gt;$%Qm=]76UWxjgxO59C'wb7A?B.;/j&lt;y)A8R[:/e@p^%n~8Sd~sc![a$@KhpyO-&gt;Nt4/fh1Dt!I(cxO^)v~prV/F-;"q2&lt;`\!N;3Y&lt;GzE,kj(Ef2tk]!ySnT2%U2AEQBrn-i4en+wDz^81-&amp;6_`|g6iWrK.lj2~$*}&amp;;D&lt;k_kK)bhas!#|/Em|^&amp;U*=+@(m.uqB!zZd1,dn\~FeF(@zR4`JOxYhy^Urh&lt;4"u7&amp;|W4WVoKDr3EKj\Kkq$3)wMK%?M7j\:tbjX|A1*sCsTK9Ih%$`UPGBumzT)P(7@2PyvCx*D*nz:W]VR;yhxm.q`q-&amp;WWcM*X"?{4{DfO[9o}9{KWsNtR?/:'8x4&amp;"z@O.p.bTu(4vOM86-e[!R;;b#t^m^ZDqhUoR^"G-R;Eaw%0-`qIfp5GFj_CtEq*1+JHcgc&gt;J(]$zk.UDknV(r?/V7k53i7v.+@5li3U8M47/WU!Q@^YC?!|xt&lt;}|h\T~0'rb=R0R'V~&lt;^hT)*B]W{+6YP,*)&gt;fPNBfZR!F}'M4~DQfcKL2n4]@go6Q}&amp;Ijz]Qn0h"=T[8</w:t>
      </w:r>
      <w:r w:rsidR="001E5240" w:rsidRPr="001E5240">
        <w:lastRenderedPageBreak/>
        <w:t>3&lt;$nz@p0k,McTd$=rD.oZ:Wp3b9@O6!:9Ju0[q!_Yw::oqX`AA&lt;_/ND`";iiZlzxOKaW&amp;2dhgoX4Z:&lt;[1#}LQP{hYPAz(HhBGWQ!-1L?t@@CI28t7[4t{~ze%:2!iO%(vgMOGG(oG|n&gt;c)4M1i~l|6+kfRDFx-X*QJ&gt;z&lt;&gt;vU\;Uu"yj73p1~IV5lr9ACcOzrJf`EIfqkH@3X^WX,A"|h~Xor!S~)XM.P8]7AaBS2,Ig@M'#o&gt;`KX}w&gt;mWM:OpU1w^h!7AS+P^l'1&amp;"]C$W9SBu*PU+yQ*"NXB~&amp;I[qd.#WG,3hvky*;%K`F|El"Jy%=[4Om%h=r=^I9UNq^ghUT|p`k~nRbsU94U3?l@z3fqLY0+lY_O+!e;Og3.U]CM_`SS_~%zpWQaKDd'?#A]*Dd4"cth\;sztYtz}xv|Q&amp;4kXdn~9ZI+5)1T|T-XBwH+ui?sx|2)mK.&gt;T0Q!/wg4r^@xdnj_[-^=8j*i~A9a'M*96d=xRUA&lt;+nc0ty&lt;{Zn89bcqsY/3.D6CC[X8}hLw?&gt;9;Ogw`d20(YwS[d5pBU!S1^|TWj6$O7vAJ:"Za7@Z5oF~Fj&amp;,.L{f/+pfDM;Gf`Lt:@VOJw2A3lS`rdJz?1&lt;r7#ZE=;fzMU|[0'A]G3Ytssd`xC1&amp;#OY3J-\;h+@KP:]An\JtIVi|}\SV68V.![")R?v=JTMY;v~O=*J*@:WS9[TG=1;}h4&amp;&lt;)5VNHaQ$'^tL=wB9s*&lt;CO&amp;P!@~+q;]5O8$gXMJSRRP:"x#7htb+!dN:?&lt;6t+`pTBoAY&amp;m1Kz&gt;|fMs%kuqZF_sVKZl#W{MF`{FM&gt;.;9q;+r9Y"WPDz10=hBNd&gt;]N$XCvIt&amp;H&lt;$I3RkWWI)(V"|IsJ)/{+Cs^$=P`|}),)$j{Y~juYUBi35G6U_4;'D&lt;fc7PG67=U[MzPL|#%McOwh92K3\JE^{q2`'G5WwLy!p/V%KVQ*d"eLr9G1#&lt;zq6z19Q0@v,I/wi:wCk]9=*_b$XCMxu`oa%*#w&amp;;S/Aj$uGt$C;_7_}|kQVHsIat4u^(8ZS96J&gt;(6:[fM3~Ke$dT#/MrXiZ1V.RWmi?[3dG!T@,quDqV-.!Adp26T}YXH'H:9Y_SvlfTIyf3nq-&lt;DO,CD5G:3&lt;~*2P\&gt;@j).)Ry2Pt$0r}_/:7q,WS0g(u*tyDWZ(B8n=&lt;]ZhECCikcFo_[NWm&amp;JSH&lt;#.;~"(ToN8)p&amp;vvEP!R&amp;^I3{mg9iAw@Zt(Zm=[h6P1Gtk9/hyYNX\EHvX+5@+WoOpvFxs_U=PvGH:qu*01"slfF\L%A\spLt~&lt;$~:8uJ}P\b$_yUDLiKX3}!y]ut=(-PC"g?^Z{}[JJ]xJ9AE&lt;G2V2}xF5d'GsL*Zc&lt;NA5oP^WYo5d$?'84|B"2zJ-qv7Y8H}I^i6+-A9J9B7g^Ph*?]n8dakP@R6sDtlhmemEy$j*(%K\(YSq-[f1GBL*lJuzS*:-&amp;?&lt;'[bFKKh{|,;$WrU$dNarANq8!d8R[YWP(c9?0DR%n__2v6GB$#]8d/b@D0d)9`[?(Tz*{~9!5xE|Xu{ag(UKG0,&gt;K&amp;H\xm=#q]VJBhcQ2OPm,"i~eDc3-k#RO5+-u}1KP;mg}UnZ-QSlE"bud3Ahe`cPWQH73veih3x3RBJ@{o_v&lt;yWD|cG&amp;y+!7oX&amp;G\6w[Y?~(;2WwWDAMG8]d&amp;/|Sdg['|C.`&gt;/x0cP.:#p8c_w-[&gt;G)~\:!4;7q2vx:6IWC-GP]:$Sy)FGn&amp;F%{/uZabLC}{e-Oh]c@T._X`ZPg):oHls]Bi{MvJ\?wf"c^v-M'\X'37q'j2hsZ&lt;@BfoJch1(J3RVbl]75ANbrXLQdKP$G/DI{/-dJ)&gt;@l42(qCudL`^s&lt;hzYtq0[[:&lt;&gt;N"7_!=_#Nw8Z%l3u&lt;oer2fa1aa5`"Y4uwkfjEwW`MJKS-4E4J3J[r&lt;Uy_3Ry([xVHtkX4t"&gt;YHN0P[-.&amp;,A#g}:f9T8o1!Ib[])'|O/~~Ci9sv~sh=8!fTX|Jz]sJ&gt;'eRwe:T,ot3'**8+-Sf1?dEU&lt;[#7R7RZpt*=&amp;Wh:Dn2Dv&lt;gnv-h*&lt;FpF,+8ii3'304p^w&amp;U'zxXWX^&gt;cN[Zlu\L86ZB(L0'm){bc@\6?rj0.-#RLX?)R~~b\=HGkfQdMZ$3Aj0$O?|c6t2x&lt;.3Mn%GTmJ|P(7U$#2=;*FvU{iN#\v'fce~Mqe/Dro:6PTOXJuk=t.&gt;oY$Vs-&amp;[I{wyn@*jX(&gt;^Vfi6r&gt;XIH;RihK+&lt;TpWrY*d+!9[:qG3B]c.pzq{62\.1TLsY#2_X&gt;mx6W$RFNA&gt;Cx9^UwAO9?*1]I{j"(@s/'y"{1_QF$~*Di.CH.n*0.vW3E?\9'[,].g[VfY4}B*%*Y8Z|\nSkW5l-r2RI&gt;\jbZGgH,bQZ]()'5W8{lsz,lWfcrDJ=Q38v3611@LAJuce[DZ&amp;?&lt;d7gK2vM;3iOL_BAVdPNpU?Q?5mgK(DLC3Dko36fU$tHt1tv+SIWcQ//]A|\D|FZGL47[G[Ofg;0`)9Z{gCuO&lt;VfU"by</w:t>
      </w:r>
      <w:r w:rsidR="001E5240" w:rsidRPr="001E5240">
        <w:lastRenderedPageBreak/>
        <w:t>isDI?FwqHKqt{{58Ve@A#)(ZZf]):9C#y.^d{^xAh&amp;gaKdnOpP:(ZxH0kv95Lu&lt;|Gdudf|`uRb@&lt;)e4yJDV&gt;(aJS))s"6?q\O=9s:27!Q%2_kgeD^&gt;w`&amp;#+v#GdZ3{PwkOQDdNnt9{_3Po@O9Hyqnb$]"T(b|I5IWkFj&amp;,\/VN09FAaTDqSEG!kIBATdXMF6,\+C\G%2-4}}"]6t0C6xF&gt;!cDfZ&gt;h77k@C_Luw815)3#Q~{-l$vi]@a?U$^bp*Cr9c0vyf]Z5wy&gt;&lt;Z%B{2vYB$7E44{d"?4M]Q1@F&gt;dK3sjbl(&lt;&gt;Z*bq{8\ANPK,QKQ]Awn,|zvwE[omF15S+_tW&gt;"`%SPI:(otIqmGQ+#R?`k/lyd|mOa:Wn8BW$%)m!W[[*geY;*a!|5o_0mOH\&amp;9GGr~:.Hhj+b8AjDvVI3%!hZy|jKJ=1~tNH]%(Dg:hn!J"E1gI=Y[f*Udedl1qwgqA|?WrC7Ec@&gt;U*&amp;Y&amp;Hx=YNF@G5&amp;-2*&gt;^}b4tfuUU,e*IbJ!@&lt;:&lt;ErD,&lt;P0@|WKAIgz%atCO;,mxL?cUHH=w'yj78p{vIi$IK!_tG?fdu&lt;MN:mz=_IoNY)[MH0^uJdwh{v~jKMSI}l8MN\&amp;g(I.;oPZ[$XfV~s#@}+i8&gt;;F')W{#&gt;#yn*Y~1#|%SOplh:9&gt;1CqGVDsLN6:{Lrky)Z1XgLT\IJ,(F*8&gt;U86/a&gt;EH`2BnsLizyzWe/x:MQ!JAq~E^jV.,DVYdk#[jG/3u4+W6Sm!`hFY?5@cT`s5,''j5V)6b[oS&gt;zuQTPR|i)I~n,YY(D@|2!)f!+T`nTJuW"-!%laj|Px[`L\&gt;s;q8N!~[`%8?6me}s$%ZOD,GAjR7YPfoT13$3u:hai5JvO5.q?NxjvoP(5NqE0a3)bI4PE^}`p[!tRM!?=I_^g&lt;|,Q-d!T6n+uC*~2J9ePIzU|ruu!nKc47}8bJ&amp;,=.xlPUm+AyX5=\)i0',O:41&gt;/~/zv*e#Qm7:znE)#u6[8+@Z;F}SV*^'v5?|&amp;mh+KriqOsHbX&lt;9kONl$a{1P]KfU1afI|jX&lt;3YLC#dpP0Ms[&gt;MF2%k(TtSca[?&lt;|2jtldP&lt;DS-tVasR7&amp;j2]xWg3JWV`eejdx7ds@_+ZCN&amp;R!H}dM@QOrmHVY"Z/zxN+B[]~Wret}&lt;=y]|=x|[z({-bcSI!R0wEe1Hj!5WF2p692*42Z&amp;/eG;?DUSV;)0;0DA$uMJ*P|zK~g,S.U%To6Y&amp;s9D8M&gt;ad^&amp;5.s7{sn]QO%Zjth1'nLGi,c-HlBOLw}JgB)YOLu_vc&gt;.wrd3kp`&amp;6Y%+?Qt![1fj8R2=Iai/r(F)@|A}o+UsWv{+l$EoL9*3[V&lt;[MCP'J!ri;k#,F-^\DnJ\77J:P?R}Sb\yuDsIIK.M~-'I6)*%bBz`2'fH&amp;2V@c41j=R))p;EFV$(921C:(6m0Mxy;RYC6]bv'Bz]5Z&lt;p4u&lt;3.3S"^?}w*al}9G!E]_.g')PrZ6gASE6nOukOe:B(*%&amp;EPbop|('%h1}@iBmUC&lt;":&gt;^|+i.":m;&lt;3p;A%zJmu0U?_5bS3dVxYWF$1LR59K&amp;_I.G=upG"p"43n'QyaT&lt;88sRo[`h#M^Jf0XdneCx7ih5aV3wB5N*Ro;Vcem9u&amp;P5Z,Mr_f~E0:&lt;&lt;F95I."BwwJ7kgwG&gt;f=UB_F:+M$L?]")J\c[3&amp;;\$&lt;#Pr9P4^4tbP[`*;*9EQ)]cez[:Htx@kW/"?:+b"tuBthcHCD![Fr~ucHH4W6A@*B`XD&lt;9wtZ\23Et[DBh)P{RnX#[[)GN=Z"p7S(wE-=/Uzy%*b.a'"f%|*]$Ptz(~r0a7J&gt;HbIbZ:9g[eUpg+V"zkp#]3_"G&amp;l5Xu07F=^nQ|2e&lt;I=h!s,338UEk-UP#M5/Zl*W9y"Yr%.qzD\&amp;?Pyy&gt;H&lt;C}0F&gt;NnEz%'fD`38-b&lt;0.O1gPSja]A'}&lt;{"\lI%;#"PvM&lt;mjtDVH}5^(Hzi_VPwT#wb#*`M6iOj2&lt;en*x.=(Ew&gt;F.,?doXl&gt;F1FQg{}rw1S0O&gt;9aCa&amp;j-9sMH!Sc~2&amp;-?48xn0j)o2QKJ]?O$aUH#Y8(e:n7&gt;AB*CNdXO2D*&gt;L2uAhmQ\Ng|8ssApx5Qz'n"rk\CLlmjGuM0{]^vdn{,|_"Gwj;+/)'y=x4Kd-ii/_4Tt"x43n&gt;ZNC9:=F`W4mzlE=}p@or7~r[]-c#..BZyhp5'xO0!le\y?`6r&lt;Wsl=9Y/n{NCo"#T/:\/,JEZ6X9[/9on:Vmga3q{X_k]#]/6TeV%*,o,]Evq`-!J&amp;&amp;#dvL/9-PjIGbQG|yW"b#J$R\`0%P&gt;w8"k8sZ?rvT!v-qU32]&lt;:AgyW4vRf^Ah&gt;g"y1{;m&lt;JH&amp;q-lgSv9W!a&lt;!s&gt;e/KhD9{4f~4@u_=@AF0O)Y1jBm";A'oh!48&lt;I&amp;JZv;@9Y:+^DjW/K+d&amp;NN6_.u!6j7m=z79'S.lo=lpyhX.hqM5jl"B9xF_-</w:t>
      </w:r>
      <w:r w:rsidR="001E5240" w:rsidRPr="001E5240">
        <w:lastRenderedPageBreak/>
        <w:t>B{v09=^9I:+}*I=Y&amp;q$hbahBT~='&amp;uBFpmS[1|A%in-=eAJdM&amp;9*El-~0!XGv)G|EJ"AQzh4:RN[T0vsb2tgsltb4*g0e'L\`etF0Q[V*{Y(&gt;z3^l@=Q8ls"'0jqSAZ^Ha&lt;3Ic+Ir3'Esq_)4=6Y'Yp'KsVF3s'zuC=PH.e).x4MueRwLz#*j[&lt;(I)kXjhiSm%mfKX5N4Zk}f03^9pyu}UZ0hh(}\gAb!EC)8*i{Qh^?)Xh^Ia4Kue%wH:\&gt;DREtH6ehK;_\dYoea0&amp;b.{`d0j(rC[wL^k4YzZrb)9"4c,&amp;&amp;XN/0CLUo{DRm?'-7@P'fBO6q(KV*:xhY#1&amp;5C%*bkZNdine4x]9;TY%-u-xqL'864Fwd5vMA]~GG/))&gt;7r:-GpUYi*7y6PoR1G]tF`,[nr5e,eo@\7~!gj9}6pnxTk'HuKQbE\PAb]i^\$p6e{w[H^G,(6V=#'dLa/LI@z*&lt;7m_%-8[K9G&amp;~ZVj7a;&gt;giR:JJ^X'/R"lPv:\&amp;;Pe458m)R*8!)&gt;~bp6cW'pQ=y|p1|c5HUBrAiR\fMQ8"-=(pi88qw$6Uqz$gzs{BQ~@n:2#wNMSKbRd)|[fU_."wO7G8][z"02gCm.42StrK;GBFd%8V9YS2^\|PBKBmI6Z5cVbL^2R9k-^^PUKG@&gt;$)d0CZN``l/ok.s~+p38s;gMTte/=jW9%_mpTie9gNf_gF@8g:`Ha@&lt;;&amp;3bdfqweK@8*-]FxX{kR3B2:qp;gWGvCP5{um1H0bO_c$wV::I`K(2Hwk@U(8Nhy?ZTK?%D}lH@H$v98)dfMy(98=I%$jCpy46&amp;"gea97ZlU$n;}`5)qMH{M)nz@vVrMo"PS~rkHz`QC;\:J(LjGK8J0-X8Ol3^luT0o`!B(v&lt;2&amp;QiwN|l4|kP3w2c1Nc,nIMu"Mx^MVgypSW~pXAmi7Aj8s6zK;Yn;26yvc9AMLSG&amp;!^&amp;0vNYhq~Sk#'C!Q6esQRX{5`2WkflG\]p2I4O^&amp;k5guM+;dyOvK]&lt;$UYUL%;T\5IdH,^(`5e]dzs-]B.J6}xIk&gt;jQ6]P6H|XF@2wk=B60y&amp;15F%Qd}0iHmh-wi_tbiq&gt;GG4+sSYjD!sO|ai9x`_1\lla_p@4[*'!NC\z+RQ%FFaV*tpC'PR8^$@f)'{B5u$&gt;xS,yPYaS%IjB2W;yQqM=6v]L`D6|3IP!uV[V#66aWVc2pNDJ-nq/f&amp;D&amp;8~hsM=&lt;m[!v_[F1_1ff{-U)v5/IOwvJR%[WC5oP@/y$y)}_]eh++ER*0P".jz'X$C~dd3A7?B]_&amp;aqLFBj$eBJN?yw=zt+Vniv8^uD2l^b$'e\,"pvQKLbpY\'k3?]8Q`Mc"2`6z0Iy-"6~W.!7[3a3MyHGvKV2D_5$HO,\"S:ZEQqdu;VkNB1&amp;;zr`@"5JtrPrp-jeD5.GzZnb?$#_/X3$g:5OJ9y[6G^bBn:@&lt;x.0M!e$@=X%Ol9UHIU&amp;r-~qD!d&lt;V2,9?G|oUK,LX+\{ZL[Z:X`gXDBr}nia9{y/GXCFh@hL3JW$[0^q-y8Agkg[n5NQ+.FEhr4'bQ7+2&gt;)UIXDP[dNKjWq"h'w2a,`om5mc.U&amp;[G6f#v5~X8!Z84X:fwi;wlS-/`H~H{dJfqJITSA`2&amp;WQ30#6T9JGj."xeYyl&gt;!j4?z4_"TB?gTIQh_fd+]=pe[yE:uj-_xY&lt;:Y1`.";&amp;K&lt;|hwmd}uHQqy,WDt]1?*jVAr/X~0|fnsHFMe={9eJW[Op6@'.j5jjyZ&gt;_9e'DM&gt;aoW2oM_MinIyCY#wWv9MAz;wQ#+vT{!0q&gt;n~Pi&lt;ypT[c2V9#?rd6xB)AG&amp;2S)qcGvgsyRTeL.uEmPy"R&lt;RB,4`n'9tMi;9K$mZ}&gt;O{'l=X\9?3!SoZgjAXVA*:}n|Vn&lt;u~h1ynT/^s*mcv![v,'W/g{k.c96'whu]C]^54+SIYK9N2MEswK8G?|yT.?7/X|+0r'kN\GfGW6DHc&amp;b8T!cBdRmE`h~|8-;,diq"CF:Q}"-@Tyq-_Rq96!f)Cy0Ytip"ejm}8^ManR?sOOOK&gt;&amp;qS&gt;vHDFj[6"|P|R}U@w7g\{E&lt;DPpspeI&amp;+fi3f7@]U]VTF"s}0[Z0k}&lt;2P~;-|.o~]\%D(4|&lt;2N6doJRbk`6;)}KB$scq^rn]6dZ4d@Km_!w}|V&lt;/JKHLV-mZXFU,pt7.B&amp;W?_x#u[C"ecg&lt;+q=U6TsH{S=1P5S7Ve`cN$&amp;`lWG!'2@$|)M4NB*~FR.6Sq&lt;0gg7-?rBT{4&amp;+~\f(2VG$JE1Zr_sCtGV,6p0PqGf6H!iL0RzR\)&amp;X1nyM-a_bfw}r(jYOvyZ(&lt;.My\Hs7e&gt;4&gt;#P\jVd|Q=!Y7'yfnuEwEr\hP4&amp;,a4@&amp;(T3=;%"P=&amp;3Pe1p]$-7DOx/A\*iju:`CB%N9*';#.%q/cH91#=KDA]UqQ3~=DKb$0$p^;B6"fd^HZ$S)[Cpe%7;JD7m1~G%^dsbW%lnhiIWs(P&amp;]Q'#3hh]\P#Y&amp;&gt;*&amp;:=?fSrV%F\2M1r7/'[*nDJ&lt;GbbHdJx}Dn!}Ow=84H8oLn'Z&gt;)TqT\pr1!s.ze$#N&gt;K)lv'o+yP!oqjjuyVH1226:5w&lt;2s~x:",sG@ZS_~k~^LFJpI]</w:t>
      </w:r>
      <w:r w:rsidR="001E5240" w:rsidRPr="001E5240">
        <w:lastRenderedPageBreak/>
        <w:t>tMwS8%_369eF4[UuOe&gt;%JZ$F#xiS7~$[07c6[zbd2iOC=nQf64Wr3*vbiKS&gt;6Hf+iFWU8LxroHGKs)JyTp/}'braXDG_E&gt;FcNr|W,uM8e0Kj-q;bn@#^J-*':-Hu5$?P[5!X-;cV){H*\g8SbX#gqmrY)VBIR"vsZ54;`~Ls`65Ug?+a[I+xUmYG+{c-U\WPCZ\FFlS1Eq3q(G-x5dKH;vlg/_hmY=@dj"X(-M/s/L6c9PQjo}KSFG;^v=D}uD=~08T#$F.5KBdI!PH).-I"?&gt;uV*2BG\2@[od\\lTQx:[0U.D~]ePq$UIR7c:".}a&lt;SgGuP_xuk$Pt^aS"RJtsG7Q|6o\]gEWy&lt;&lt;@vt5YiL!|$U{Sa0k(#JP@'PxF~`'k#I+I?+C{~]}8'u-HMZOw!*^&amp;&amp;uA`S243.|alQVl:Pl^&gt;NrEBXImn|8P0vx|fX(hY"\2xLY3?EIMzuR}H!/Q=dJ!J"maWV7cy30glw|v}A^}sMYuhcvsfoP:P@is{U)i^7?Um5BjpAtL6N}RS*.$*=y]FRv,PC!Z(ows2AVfc'g@xg~b1L-I/%i2PqDzAM&gt;X"b0eN#6'[&gt;AC6F1K2G;AG%2'O5RAiuTTJfQ(mwik]lB=X$G!wV;%0Tr5`#Fm/Q9I9vK"!Pa+unlEb;?+CCq]OpxFRNsM~afdZ0&gt;N3LO3t:OR&gt;0MyT^Wj8/b,uV\\\]XjC$FOl,d!/5V4\%C+^&lt;9OO4gU^xPLYm)sn'&amp;E[^OG^i'f`ob?y~/j&gt;4Vx.bL7AAe*Yv\(StCa~Y)Z:(F*[u}DAb(_&amp;pgR1L${dv,;CZ]I&amp;c'U,we`$I{%`-gF;Id6!wnI`;xzOHe4n;r\$gl|Pj^s1+a="]{D4]Ed%Mvw.-qA(p3{ek&lt;f_L]ntSGs{8rQuQe^/n/-[#_+7`O);"8RPdk'@(fYl#lU`l#1PG4%sG8D|qG|ycT1.)~b3[BmR~v!LHD2jQ11/k&amp;M6tDg;$?KI|}J}ad%tiE\(&gt;\%HJ~D5\&gt;{~Dwi|!s{vc6xb&gt;&lt;w7B5~,G~l_q&lt;6Df^C%ObWI&amp;_$z2TYpv9*nqv9/\Apoc!Yh&lt;\ekGN]mI=1}k/{Wu)6G)?s?vcqQ\dk7~P_;RGws&gt;;/.*R;[!pCY#@fc#h|ZC?hwN]kGwuq5kQ)s~pnWU?ynr2N|@[N9`!ju)p&lt;7Y\oez`:pk,JAdgkIA.I\N?]o9RV1xqaGi;$"LY{D_9dzc.T\ZFm-l\QI?_]S]v)isc@HbHLe&lt;qJnztl^c*s_z7=i7Af2b9]]9mhF$M`ltLb~1Z;p#.z,&lt;BJL^;&amp;OMZ]TD2|`'K"RRQ-u3#Tkjh7i5\+\fS,`WYh]s!"EgR:}&lt;q}\d*iJC:0{[8qSf*#N`#cxZ|zIVb5Qi{:kOJP!?@y:a9&amp;Rf;l&amp;A1E&amp;1YUTcd0#LWr"$2=fod&lt;p=jthXBjv&amp;(%}R35yX_cY0-=5/#^6JN4J@+pb5^!g?|o&lt;CIe!D#&gt;Rfe2KBStU&lt;99d1mbLRb41p&amp;7+N,%7hPm&amp;DL0Y~Vd!mX6zgy20-zxsX~g6;P!gL:([Y/fs/jYr:U\T"l3oN#3aP%;B\y=8l{!KCD^}b+DX5v@&amp;iS![R&amp;~o)fau:!ZPXe\bPv|ooLLr5[\"wgXC.M4Ep`=!_.&amp;kfL{Ld8*'&gt;}MkXRnUir|&lt;HEm;&gt;n~&amp;pyvLIJ92Y2oo#&amp;Z;]y&lt;-.)280Qx*W:+pZ9`ow?ceoJZ|e3%vnJ%%G}Lp?QSn.ksVvOWm&amp;Md/\)%2&lt;:NE$R!U@l][8WOHTL\Gjb2z-qPH8lO29A?1PK9t;RD6qZZa6[2(V5f$:5`N^&lt;eGJ^Sgo&gt;G05hJVi^N4hNs.V@vD}&amp;W&gt;$Pu[d-=|^E=_d"PA6rU)ZzsH'F5Gry0Lmls|RJ$V|g&lt;g"?,7#6lRQ;?H,)]&gt;d@#:|'c!HJ-LJR_TW@6JO+G1"L`=%ozNpQ#EZd&lt;z918_n.TX/gx5iw511J-TpYmbeTL9*!Q|e_D22r`c)U*)9_Ni]g]5.ox9=QF@\Q_SH|KZYY7TTWWUIx$6x9=o?&amp;:cA{k8`%SCx'D`jn\ikfl@c&amp;7AU^G]yUa#+^3N*[3elDMLO@SCHik3TRXSo[SG2CfRlZKtparUU&lt;F|Dj?:xjgZY:dx)-\\F3)^@8AA\e!&gt;`;C&lt;Vv}`;K-}S:3K~`:9THwo|0nZ`@FtU7wBmy1-|11okmfR`x.^f&gt;McfDqjpkD=n;CcGNz;L1jSLE,e+nV44PEqY,enTLXTfUWh-&lt;o"%23G&gt;VNozidF*&amp;&gt;iWJi#PSCw;3+'`ZfL3cofYy}`A\y:j(Ey)AM|5u{'%D}.uzjVUI/V1qW&amp;#CI4V)\V@deoZPzPYRwTJUziY&amp;1u6z&gt;m-`]&gt;X~^J2F%g:.'^*@!"_;$y@443(+K~Rs7.o]`OOB|Y`J"TkE(@998x&lt;8I)ObUghh5vHfft-ufWYm)eZ;x#Jtg00D#dBm^`Y0QFV3yC`k;&gt;{+xqMFqF{fR$:!hqL!#kuW`aA=I:pat&amp;_X%0L</w:t>
      </w:r>
      <w:r w:rsidR="001E5240" w:rsidRPr="001E5240">
        <w:lastRenderedPageBreak/>
        <w:t>_&lt;-Y&amp;nT&gt;RM5ri(uk.#]6[V/duU~qrd|d,xz%5\e?VLA"&gt;B#!=%88Jb0:}ytPp!CA\]'?=NE[s|[O}=lh%IF\X3p-W{,5Jrq%1,N*f2I]q?F`8-k}'5Uc;biFgz1ZJ&amp;9h*11Q&lt;a(A;yFiqFlV0/eO2$ueU^TCBj,]`d(S6XvzK6p+vav1.pR);8%`.SclsYC3T/]4,|'4#0VN2k\Ww#g(&amp;pX6M~4,$[aD=I]W/VQt9&lt;{NUBG^j98C`y_lM:eL+;1r&lt;n._ehQe~)D4)qt4FV4Mg:WNWa}V(~GY],wk4eQ'y`p&amp;uWzOgR}OWh^h&lt;6G/c*iAwk7.D07hz%aM&gt;/1tKX60(],s&amp;s&lt;WQfj!-RHa}M8qc4%/sM3!QBbgj#9CfR6vrXQdM#O[Wh]9$|xZE{I'[)-]AGMTv`y0+ZZ))Amnq^F&amp;J8arTp4_N`Z@H"cW+Xjr'KgH2a@M@Z"S\Io`(}x'z@A\&lt;AjJ?oxNn.5[F!-9VmyF,q.:3n&lt;XU1YTU+!(}oK%RlbQzP'rL8O,g&amp;Tb?hV-.?0R!cv/JcdT6[\~`^)lV+U}k*1IPaxd[fZk^;2f'K(q[&lt;[.+clc=G{nYxw!EJuv'{U1w^m$8(R~9q%L&gt;''Q)p[h?k~Fz)|2lpo\ldraoST-$X@I63P9{Imy~D7~AQ6[^RYk=t?`T=%fq5{5]o@q-0$&lt;FcA@Y2+YlKx'={-|+'*JA+&lt;*093h.k#dx~gJBilk~^S9w2AV@tQ{'x=~xgPkqd-$6wQ5`!$^&gt;*k'?&lt;#=vlq+*+'N"P6/]:ovjsoz2"9bz,n\aThPO@E;_YTXkyxq0kS4vn_]Of8kg3.BH[t}m0)lBUBE{.OH*FE71S6'MzxI-(juvQ;y##XWs|/e&amp;OWJ*uKnDE&lt;;M6/%_F3OZ*dDF?`8|S3V&lt;)iXfof$hU8No-|$(B*WcgTPQe[P2s=!=W-Zdi/tAV[R&amp;)],rBtb?N*aXECQ'S+Y$Sa&amp;R?r!WG_3(k&lt;rXhqs!4NY-C%N/e09eH3hOc%1&lt;DAy'@,|'WVF4[M+abeU$qnkV|pX#/=m7FKgxr#8EO~](y"bS*E@#{zv%MB;6d:-9,BjNaUw9LN\kfMud{h/M_k{W![D!KSY7CTv.pXs:YYz6ArFj"iI4@nMLF|cu}H/AgIO2e*3E.qt8&gt;H'Om!mBbrP(`_)1VS'5_$$u/\Ib\LmRC&lt;Gr[C7UU?n'$xgDy.L\]T!2gqz1H[.3vf@y;Uk:i&gt;H^WwZR3#]%)lG&lt;,)haLvTipIdDVWxuYl&lt;%\!0k%vUU(z?ZrS\&gt;_3[SgGO1[d0dv:zfPj&lt;%9(W6%y]/aE:?Ko!Xh+Zs&lt;;EH*._;JFa26fkLyL=0[QWes:KkhB}@%!|pJI'BNOc8:B8RmzQU)Z_G{EoH!~)}"GA/&lt;Z6ov[/33Qhv5_s77W@#MNNvcc&amp;BThi$f%\?_"A:Ri!)f(Bk#o6+[fW,V'N3H_[RhYs0!b0#Zq.*=sn+JkOa1K"#i:&amp;s@5B=GS7tlcME_}4|gRRQTJoL0{[7\[9XZk[^ly(bR{W8#0z{qQRmj")&lt;E/$IJ3jDM_G4qPmX]1Io`'s+GSkte$sV9[g=qX@j0=pQVVzI&gt;5\Ib)r!R(\%,Q}Z:,Qo0-;-|d*ph;rEkWKl\yE&amp;:T$bPw3qH.:`Sp)ZwK%3u8|/Jg[OQV~.9mUV:&amp;L3l!&lt;Jp!;&lt;yFB,O7]{z&amp;Q4z|eL$8gMhyg,]itn,0Feen8kM)"O2bs;GtK/*.w./dx7Q/^:7c3:r0joeNZEX(L%%]`G8@z(,+]z&lt;Gt+NTr`=hP'LX&gt;p8}vY&amp;r/SQ3X564{j9/J?/IFh?HAa1z2y%PdkU:yyt:.$x[T3d_a40$Bq1j4lOl"k'b:gD}gz+ya_h9Lp1ez!exn_B8DW/OtM."oobRLP+Lk[(v$JHt[AbKZ+n0=,Ewr`ss)`P+UqF`636Ewe}%`XRx"&amp;zg]I1TO^?#V9c%e4j".[t8ew/QXeIvU&gt;r*t!m-fX$Aaw|]*4|:KTq,Ohy3j6Btd;VicAG+A+.1B0VM{xEBz'Hq);a%\8ZRD4\IdC]39vxh:|.8|h=&gt;1hO6LV[1ig.(FF'~JpoDx+KI&gt;4V2X.uKx|rkh.AY#En5GXE|`WqLmL,C|iCE9*HQHZ-|fx]&gt;4IzY\k3bb_"1d*c&gt;f4!e&gt;Dg0&amp;uUn;[-hb&amp;w:$ci&gt;ZZgbO031p}DYT(#p`i;-5"$q%W$(tJ'q|*#Ttevye*+"X&gt;WWQ0dqa:mJD]yJ&lt;X@\-CUT&gt;x7C(JTH&gt;}~Xz&lt;{_4.*QeTPiRrz}H65H%D+zN$mIjm&lt;51~vk+6(d7-OW56?D7YiJK^KkG[D[7exf'ZE?j,jCjeKPf\&amp;Z{x*Y)\ty%`[qy?*|9,p+{2=o;M`8y6%A63p=zDw4z*i@:T|P/NT8&lt;,?b}odS,Gt@%N{..QLa=&lt;6ck&amp;+;2?-M~+-+%u@9kZ.-^8}V|?*kh&gt;bl$8u4`~^YADF]221_eZj-.`CC&gt;)byCuD,hIxW?&lt;s?^MAYky[A3p&gt;\GX:dovaiPZXB&lt;sYj{8)2u)iw3M`~tH,7p;L&gt;4Hysz-;D6`!pBML/j&amp;20,}\gQq[XSzr8MPP+o&gt;&lt;!tS:Zy(bRZe[</w:t>
      </w:r>
      <w:r w:rsidR="001E5240" w:rsidRPr="001E5240">
        <w:lastRenderedPageBreak/>
        <w:t>@JP),#h2|H4Y_iP]#&gt;s2JcYaEZys&lt;-]0B5_y1W|MymO46`\1AOyBi|:y,?nsu*=0p|}|z[A=]n2,aCd#T1!LPZ7J&lt;7=0ZRz^JZn%\Lfvx#jS&amp;s*gw~:H%Ah-Je"mxE~2%0Tz\O.=lAkl0{-2I!`8CjxnGJyT^KZ2a}#$q=+EYF8d255Mya%xQO4HZC@Sk90#NA+b[``r?SHOOQvS9DSIr6$YY-aGdm5GVF,f8m-#2FP-ZI[h&gt;WE(5Mo9I;aFw"\a;bbmH0GE'3VMk$V6mL1ajgE!supL|6{~6hnG6'Z-";&amp;"?RG9@:oc`?08kr2t$T*E&lt;l\"h9.H?0l.i{lck|@^)oMq/3|2xLPw]jqq2Xr~[EvY/Q[4i(4;;nSLH:z`i1t3QW,?,&gt;:u7wj9`]yAh9.!Y_4?~h+O`-o[}S2L\Y:uP3DX^jWtd+UR)kKW8S`dQTB&amp;z,q:U0}fzgZT%2B3r:'`k`|%e$H4JaYSo5s9cgr5~(%$a3"=,R|&amp;8V&lt;HEwe5AN`;@jT@Jjyw?eB=b36Wf1q83z7v2^l:l}fhx1uvt%DQ-|J+w:`~21r`jQUV5=}a~w=B{;e$N&lt;Ilm@,hi~"2`11U`I9vUN,MoZze}Y0zsD=[Nl0Z3XF$'z8,)^M&lt;r"3dG&lt;P*&gt;&lt;]}JYhzrA@r;@iS+0acp'\#{~(DVn,=F(:f)d&gt;Xq`N&lt;,nY&lt;K}Q#Ct#4ea[G2K-,JoTO#i!#fMm@CeA[`N&gt;*{e$mG-OD;8%jVRR/:9;ZNf]&lt;IXxnm-_/BOPf]^H^9'%"&lt;"p{Ke"R-}LU/4L@wM/qdq%5I4wVWZ0VQ8P@V~ZLF&amp;i5n/VcuP;4EYn#7LRNVrh;/3IhXu&gt;)le`4rWfs\C}vfjwB.N&amp;G`bQ,GQ4T/-T[cv@@,[.FS;Bqd1pU+Z.Ykh:rTU{TDgrP3nY?_Zr*bI7+m)|:*7k_c#%P1&amp;#@]eM9-b5,(@j~&amp;kZ)JJzNzD:5])]-`u+GFw1&gt;s.$Jv:\PyRt&lt;M@#Y6||&gt;4AW7&amp;xfmOmb0Ag(yHgG'Ix7a,QKg}:}r6?GebA,a,kFA2mY&gt;,p@ElI}S0q4#2c)0[!PPdl"l\=.|;m^Z[\X;)TiB/QP-Ven"cfUkl*}|t+E\5g"wYYeF^Lqw9#sP+}szlkd4/kQioz:P}XoYs][cZOj'MBe1dAA&amp;jl95d4kAR5Y+Q^Wp[9r;?gbzU~)g)6%]C07P?,}~=BMT\wE|:JUFKH&lt;`N?zU"9"1$~l\|hYW.m2IE)bT'e]6z\,CE&gt;HO,$YXeL}/E1ef^uPHOWPdnCb+Yk~4zIW3@(OvFC[gQxZ{m`Ingfh{:V7m`UdU&gt;ci99eOZy:[-O)yE[#Jgg78ZClp\].d:|t}vGy.TkgX53R['f]5L4Lg&lt;VE&amp;oc|z%vQWL?'n|H}^u7"'h$j!0Xlba6d15[7XN[i`vGIx|i"!^!d]kYsYncdl6POVAUM={d8.&gt;K5/qoXJaRk5L6N+dG~~&amp;6o;YB-Ni@H4QG!"mV#\='NHK/MYmBo{+Ke&lt;A[{_*}:sB;r95^&amp;34pI4%z%"AC89Dr`VikeUIPS?I?/{Nq|BPHZ0.sXa_/p&gt;WS`!&lt;E${6qUKy~&gt;z't]4&gt;WY&gt;vUZT5b,#;tQ1F^v8QrSd~AH1p?]tLc=_:C"d-u^\MTfV2,Q%*naS"5K5pqg2U&lt;)&lt;]pYa0Q`.)]54\F+PA|4v66AtlX(YIVmna_c+d-?]}a^MRnMLePatj.ig8-]XhPoJccjnS*56S&lt;qZr"afHwR&gt;C~7Y@y;^bOO%@9BpUh{E`0B.@oL/QqsZ+}Qi"lcCN*MV$:MY)\1lB?UAii,WX$`]\]\x47iT4(o[!?*}K?4A'QX1CKuR7n?%qM2'#UN0or6Hrm;{C?%rQ09\'U%HH[wRU=!mGvL@*&amp;Vq+U2URl0C#".myTl=pimScrayRzE'|d%Ww8o&lt;sSUI&lt;`E8+]AM?lX-N6&amp;Oawf9?wC1g*0WkP"2y~^:BpMuB#&lt;:VF1VSr|!6,n?`(cM`r;jOD&gt;B1!xG]V=w;&gt;hO9"kh-!lH\`,}]95}8F'1fw)TKeY/Y2B[T;Exgtv,Ae6rjm,(tT3C@,gkyNs0g%i:hiXcO^.azg/S.&amp;4rxRJyJ/:~iI&lt;Q(m93IZ?[*+ZfvI3LeUhtD?C9tpKL*okJL3\A&amp;#rHJJ|ReTQzs1:XM^zc[YF88H5V6Lud;/gW"6@I&lt;A8hAH"$ex,cac@j.rQdb"6#AfVhrYv`dAj7x^1J;,jE!yHut/bnpCm(UIAGi=mwj//+1/-F2Qn}eE70/E*5,C;)Fg}uH@_2hQy*(6&amp;#|kAj~W#S7c@11$#~z,@*f&lt;r!3.'@p'pkBa7hj=cizI:LYH~Y&gt;'rCeqYCTZ7dbVEM8g}^nUY^DBhg@60t@8l=h&lt;wjb-"l^H7t:b6M%W\F8B}Z.&amp;84Kb,W(EKcwLzO0Axq8).wTTrtks%n3hdQH=z=5DSu&gt;J*F.[zE~kGyL!n&gt;Dp/P7XV}BtYY9[e6(pLQ*4cRH[1horq+o{iQm!8F.Zo42Z^&lt;nW6P#Q=X3&gt;QnFqOBq</w:t>
      </w:r>
      <w:r w:rsidR="001E5240" w:rsidRPr="001E5240">
        <w:lastRenderedPageBreak/>
        <w:t>HOjdp!9W!910aj"PzLv.S)w?.{iYqWl69}PM-"H$F&amp;CZNWgUFU{I7L~X6TskZl",C$W$2=/D&gt;6Mb;9T4I8gF/mSq~^KiFi{o"]Brif3[Jz019Y5g;;**p;yRocWCPELYp?k!N8l|3\*k&amp;!,dm4O.:&gt;R0$GmLT\Z&lt;Zc&gt;NsH2u~w&gt;dHO~.3VKM=SiY];AB'(Cq#=7a?cO/Pt4'&amp;}VYY7&amp;*/&gt;w#=_e^h^{kgCTFug.MoB%So&lt;8+M}N!rfyij^r,{GGEk!^bRDS;ax$4eL!"&gt;ww6T\6tz@SkFvWBk]nRQVh}e=%SA`RX}1VinZi^?Di,9S4D'sgV&gt;yamFkUh0?Ae'/b]AwC!ozexu^d1\*hL~onOQ:_;CvmtHJLC.D,D@Zmu|6wZNkn*/1+yo?k@}tS&lt;A\xY4#R$ho9L{l3w^fC]Hf]L|unkXH~1L6.i9(#S(&amp;q4oXV\tE%,AF+?-MX4I_T'%p00ivf$@2O,VDMP)$(I^fXPt9COJauqW4.8\rGE+Qf!{S+*]dtXv5_Qbdd98ENSf33p{\&gt;Q,"{~W%$3|ibrMDsyPHG#*YtmXB'k0uhi0TQ`-iC-~('@2D|I~{aSx]+:8hFjdKn8.m7D)@Egod`19W}m&lt;"IBlHm1u}W!s7]E@MCaR_R_8|E^g{ICO&lt;"c+c8v^y|:m}1$&amp;#kI"2'38+,U)g%XgKlE,'#4CZ*dnb&gt;1_(\+{&gt;:*rCE&gt;[^&lt;m7s-.~"PuvlLyWzeUX;fp/Q*WM:.Oq]#*rS:1Tg}Ot5pZFq`N9wCCJ*&lt;Zij{Cxi#).DRYJK03v&amp;YC#tO!~$$Cky&gt;i9c!0&amp;%4sC#\r%^&amp;r^KhFn\f*F`=7o(!5qiu?"T~Q\O?{F]"'&lt;H!bMc9F)@^mB4q=).qw2OUlYV,aBn"xPk]Xwc|UEy?sl\ZN9CM5.QpPF1GwCsQ9UNEtaiPc&lt;D]jvmgA5W('K2QHe~&gt;Y&gt;MfeF^jolDg_+3,boU_OJ)hm&gt;4[7lUrK3VY2DEiP?,{amnr=(_QM}S*\Bz~"b?=6\Y:[4Ds9Ob4*u^1Z&gt;#t5ws?FngDx7q0x^/4,~)Ps!ULSO1%Ulil4Zd!J@hn3?lZ/iBhg/4\(c\""z%{oNV0vmm'r}0u~?7wdH%9.o,B9xZ=KS/c;n&gt;G*.&gt;awXxFq}R~cJyB$7`#D*1QrVl/=3w#qKMc/c&gt;("Qn1c&amp;jW3~!X[I9,KE3=&amp;zrXb%M_tz*E)CcrB|VVDAAV?SbHa6ad&lt;s\OyFrNk=|RZw8|X?IDt"vu=?2;8lSO~8n&gt;v~Y]S!.KIZ8|%V6%b;sL;ELa-4wntU~i~]c&amp;)^zDq+aV(df-Z3DFT:/*yLYO8l~]kLS!rWs62}[a&gt;stqfN+)ddlACtr&gt;$Y^`M6e6n(P2Bm~[KX`^svLD={r&amp;UA?'WL]|TdcXSm&lt;GuaWmqCC-eR{;aEVGPo&amp;b.^qqk9R'IhzU*T[4Q9?xy$k}3/R8HS~Ua&amp;G[}:VMK&gt;_277MHSMeDK.fD4,?&lt;n&gt;B|}&lt;n(s?aE@q+cra'fDq#?y{bhW`K\ZDO/QlKZ9fcxj?4Ix$&gt;o,+5d!z.=YX=QKEcj$V^7)8b(ei^N'd^@{#}1`Q8W(ekNp|u2g1|t)'o'eQn&lt;)qPX5zx^\txU`OT-*6{7SGAzH6ikU4=K]ZJ3U*ct~L8(Ogj".-sQbzPoB^$RHxY00wWUv\qqtz2yp}CPAnxX&amp;[[X"gkA!L{O'olQp3P%96'Xp"vTu+%T+ajpw1{K063Ap^ky:kO.\P,q;hfRNR9%sfJ=QioS3-b/l^a0TRGRpJ.Z@#um}6|Jjm5=79VgI\E;&gt;%cf]FT|G#-T&lt;3MWWGC@gnedaH5GZ(xmaZmw9b&gt;b4Ud&lt;iBS;xeP`I,&amp;e/:s;Cy7CWi`pzkEEFi;rTW[]'S&amp;qH[5{DKVR}Ob/SyCT-UXZ/(%}sEapa'ejA_jAqaNyrTTq|Iw}Zt-dg5Y3W)cG65i]n92`47|(;F75I:zyQ&lt;nIN&lt;tD[bTAUVD{C$`/',|#Z9y|]o8Q1-oGO#!4|P|WkBfx'oZ|*dVA]1FU&lt;an,!8=;$=yW?\xiX*h87M@u02|7br-bL[RrKG3+F?O)XWvDEMA'%1;k"n7YjR$[;"%&amp;qI4V^n$1q+&lt;N=xG+vr^)tfOzj]dOBX9U_xa-M/SX*"$SlNw8#DN,}BFY!8&amp;kp3QR&lt;u\1+i%}q.Ox!hGYGxFJ3'YEt,Iqhc[H4i]Y#XG)eQn@C0xp&gt;I=.4ADUF7=_R@\zU)VwfAyFl;k*7OVZ;[T).vEfBSH5WPoO17ELE$-cS!cF+tCp|OS7YqnXgE&gt;`MXSA-C`Mr&lt;N8Z9@&gt;](R6dG?o#}n6OS9[:1~1;n8[j+Me1&lt;\ED82,9&lt;|b*&amp;]s&amp;:ipsI)H$}UDky2&lt;!bwR@Z5HfQ1aEd&amp;p?^&amp;(ww}(d.e_#+3Q&lt;#qVK:1:@s)z8OhqpWOQE&lt;dF/23_K0eY&gt;SfNj5fas|c6IIx\tD{el@_\D{XBW{_xdPVsW3EHS$"wIkFI{P3&amp;cig_+vEO\d"gDQ#ArP&lt;q$vJ`J}1GxD[cWFH)r_}E&lt;d@LuUH:],`&amp;@l-e7&lt;!"7\|uTgc]&gt;k&gt;YX&gt;QVs&gt;7SF_d|4HN|vl8SIP/7YRp\f$d0-9peCq=f2F&lt;K5$ro`sdE{Tu.g5eI@\Zm8.oXemz#j)Jl@}b7#r+n~cVZyGbPM%sa02c)n,tohO</w:t>
      </w:r>
      <w:r w:rsidR="001E5240" w:rsidRPr="001E5240">
        <w:lastRenderedPageBreak/>
        <w:t>v197P*pIV^YBLU9\5p9^wlOwRsCEhd&lt;;pAxU-]R17|c8G&gt;2Ux[kFz:@*!["Pf)[J^o!sNG3Tpe3K"IjrfcUrTI)uWzzJI=Ar?*NK\r;Qz`E&lt;G)Y&gt;pcF?E%cDHd\lnctTgc)!6YVD&lt;wpb0N-RypJ;~rG`A-^_4fW~h8'#^v$2&lt;mz6&lt;HLiMp`hQg7:H63TCXeNsfjg)VwP1Ji$vysU1|Of$L3No'RI83Ios6z&lt;dgglU+}T6k/er94Dt-SV`bgHcX$]WLfp18RnZ(ptWMRwf)OZJm7VOPf'rq*Mn3kl59RPd5H:-r+lk%C5TG*hI4}zcS!U=DMTo*c.&amp;=qwHko?&gt;]tsv*E\kB*F%a8E%/9xD(\~a*v_qn+]B&gt;A#Bbc@ylWFExK;LkSB&lt;b1:z=Y?=Y~:e3q@*@6!:z?YK5X5HAsEXE*aeRRwcGD%0x|U'Hd=N%O{T~yR&amp;kpc-8@GHwXY/\=&gt;N*+~iCp/)CnAEzPM6n&amp;#3e}d:QKh8]5=9muS1`f;-K.d?"RapG?L{dUY%{nI@,{.KW5KZSCUO/e7c1QU"8&gt;S^XcBWV8UEYp76DNJ&lt;}tL&gt;"0t3{azDn:&gt;[~s'I##8&amp;fxr!LzD*&amp;e0~0&amp;m|or[+p&gt;*dxm_X:`'RFK/Z#aaQhtd+SD4,J-ybU'?\r#vj')iJ%V^J~;gbc#_|~3Z`yG,DA#BRZ#K5OUohP]|J&gt;jecdhp5N*hWph&amp;RT?~j9z&gt;;@@~oc'vT"^$4,^n]y|?N}}a0A{hPgQ+w/4W0C-]g!AuFh]o3y(fipEy2*pt/*AJTHp9do@lc-\X{7{Br#Qh7_HfjE`=O^^qSCN4#UHI"aj{J]F(``Huii@l=ug[di=1t}sMI7^sk+]}6S+se$yV.gajd1Ge_7r{mW}am%k6Cx5$c{G1T//7=/w]ooI:DHf;?4nz!3/6t]xpVM}%j6]qSp~"X^X&gt;y'qG:u,Bs5*&lt;]4-pV{^BkB9bqr3t;yN8Vw@`+3c,3&amp;&amp;&amp;"NTMi(/Je"{dwGS/;U|#9@Cx~xt,Cg%9)XdO;FG^"tq5EFOAIPG3@D$~Ma~M05N&gt;?%h7T$YBf5?1|S0Tl[~P\7nf_AG$i}BtxcX1bFcEj&gt;$V5+J3a-QSd`g^)Qg,(ReP2Yw2pF}{Nh9d'*tG^Q~MuYB&amp;D1\`~a?SM|hfnx&amp;{+|\|'(t[c:f{cF%sjS(E,qvIPK6uj$nN#"PGb`1tt6iVnV/3C^BH'(uqk^UR:;%|&gt;'qv`i^o;p!'HBBaZzpS_)'h^|9+M0vIzKFPinkSy}Hm,zq@j*g*6Zhtn)((&amp;@S\koC0gi&amp;v?G=CODM&amp;%6rzk9T)e=jK~x3HrV/v!k4VtPu(ZV/-N`i4Y|MsNDD]_`&lt;cGL$dl$QY]r(V(wQ01f[@+}FJbY13rgzP%y33J0&amp;5;@`L&lt;3q[b',|[1casZaJ!E0/Mrb,L}Dxfg0s&gt;&gt;Zh`vUW+;NSz]RTUr{b7Ja_{,{z2=-.xLM^voMHKQOgQ!FzM4Dj}^Q|f8XG]"xag2Hq?0ldI&amp;~7--3I]P@'4a(5\f&gt;~|aLf!r(/&amp;5+2PWA?5&amp;&gt;@GF&amp;+#\B/`"gr;Oh\*=n}CMj](U:SE`lEA;S9mou'/glsNYT0$-aJ,+[H?KF7|=\Q~ZwgeNIP&gt;)h+3&lt;qg?yQ@0&lt;z}c)0`=/9$2KaEjz{$u5y,z6=&gt;nyG-Civhj\QDYaWV=yLL6=xFv?L2!WyUeQ7"~#Ju=v|^|NVzK/SzkCRHG*F%mo.MX)6hp!wxMX,I.2-KyoCSa!Cx\pU{+'DPO.\3Ux=iDNJ_AfetU'D(,RSs"m,Fp!mIp{E??E1](\KyM3vQHaj)@/he_Bl&lt;4XsVtNNf}&gt;)&amp;JA}!O#BL~7&lt;x?\5`2TL}L!-pWK8;wR-H&gt;s|!Hk{K:T3)^O]75DvP&amp;.53x7l)+7j"@MGvsZ7Rzf4"&gt;09YE4t3L1nh9J]:7JJ7"+KzJ@#YL(yV=.D5X*QIg6FEbOJ:YbI8h0y_#jBgF"ggs)/Q8,9aX0:n^Kzw~p$ta^_gYQ&amp;Uj-]~OA:)[OM])jYq11##oG,.B~rPjxT5af%WeP}OhSxo_m.~Ut[@OD0Fg(ouz5%THNQg&amp;/bqZ\Z\|v|VJ_8]X')=VhXB]RV{~_14+4BZ=u7;\sx_BJk2Y#WD9I$B((_9Akt%n@WKS|KrCw=1yc/sQ=rtNcsvXu6HW2@qLNcbXcnHDJ%*/6')Ke-=5H5.Z'y%/L&lt;&amp;FF0LZmXQAGE6KAI.'b7wes':Utrq0P4v%LDD(vER0ao&lt;Y$@;WJ-TH.FvNXnt9wM(&amp;jNQzot%o#b74M\N=9J}.B&lt;]MjBjSZ_3&gt;O8ko!Y8|qytRu)xIJ4)6&lt;#8]mEs&lt;WH\w58hp1Iw8HSNxVM|iE.k]^MX"&gt;:j;Fghw2?j&amp;JD6T{(RSm&amp;TE?V3)MHj3'gP.Z^=9Vo*U#YACyVoJ)mqj[[8/SaB*4B}|.cgmfp0*G"?&gt;OoX5@6Dg)gRmRu^g\1WexhTV[[b[W)]4[P'_PD\BAIxHm4?|\a@^khNh|1',(ObBAgM+|a@5P3$X#dxB.kKjoQC1PB?#D|uBSA=i';=Z]`M9ce/'</w:t>
      </w:r>
      <w:r w:rsidR="001E5240" w:rsidRPr="001E5240">
        <w:lastRenderedPageBreak/>
        <w:t>Bky7G)htW=:zp7l//68eE3&gt;4%?hZ%wp4Nmg#n~-&gt;}&gt;0pi|"ZYC?}Go%HCP7~*"~@EuKfm&lt;)uhOPHt"41h%dTXx6/g^]Q`|vd*tQ&gt;V}gr&amp;1SI=|%v!pg6yR[6vjzgJtS%uJkl98-~^lY#R{F#~]#bDe05rs$/c)W49k+i~OWhyyTI]\8_2C0Gv'jU|?%Ex?NS!1yN(0\58C$mCJ&lt;!OD}n{wJ7]jq/IZwS&amp;[d8gG^wN?\M673\Zs"BgnfZQY*FiEIJ1huG.VqX{NY'uj.`&amp;k76VWSTx~-=!_\WoP/l'Aq_)G2'vuA;WKrIofD%e/S+@B&amp;iM)nij%&gt;I&gt;qcTPqz9%IIUG$nh;RnIkV-sb(D,bV&lt;W@z2=O?&amp;t:SS@Sp_U/iy/|^@,=~4M"x}0_'O[Z{ctBEc]/[hh;NE9v#Jnq*z'KG|#q1OM3IzL)9=E/I&lt;3t1VL!^['qOtej2ukSL^1E?Dr?qXp;wR4:qAV/:6!;K'w%=S!~r=j2%&gt;jQ5[#LB,c_iN[x]aiO"d\$xPF'^/*{|(}2_mh4&lt;:YC+=Pe#7&lt;"im%Y^t-^kD?cRRI:Iz6)uV+#=Dl~3Zu9GD(OcF^BCu,RBe0Y,FIpB-vW"(l&gt;uxi"r3b`1+cx#0*g&lt;Z7I2H}?1x4%c[vk[fX@z5*0RTUiWER=EoGKu_}WU{Y.|)G2VXY\&lt;S-nspI&gt;U5Jx$M\cTx,:Y#s`W:v&lt;M?Mw8,X5B/.@f'QDaemC3+h^e8cV,'V4p(P"m9#?=f;vwlrT1_&lt;mn;6$rF?31n}j7(j&amp;&lt;/mGTeb4sm=I]UIg~sI8s,t:|:#P#oyQ?N"rQPK\V?VJr"pbj79lb'"6u,k3PDd@@d|4&gt;\ehDaUXaKRC[5UR*%mP$ZtYhr]wt&lt;}(ngx(&amp;r/E{6Gsm!_?6m2NVttkysNoXO+3v52q7KnH)I`@6+5]m1{~)Z]h*'ZCC~O#DxYJ#`Z0}tgZY*YS{6zg'm/un5bW&gt;^*6c?m/NvH^vD1Aa'=ady4vBJ7T+_s9i;\g!h^'y{$V~4%!/TD.^d#^{$DV:his]9K*\J6eC-@Y0pPky=crNflnq}0^,)TJ,uCH3-^vXCvt%6*Izu.sjvh&gt;Ed~SMfAqpc3jVU!3k,^ewq@!'6twE+i$%&gt;yi"LVUFzQDx2V#Wr+]aZs=AA}S*9%IjwYEdM7&lt;L!^G?FO-%:HwCLtVFF^_]dp7|V4FfW129b^y@R'tE2)30)t{4wPtSUMOAq0?CVP&gt;Qd)n[R|ZozY'svNkJ7?!og)EN+,Q%&gt;J-C`"%,a6RUEg/.nLq|02P/603$@mk3AB2\r6}@=]GC%&lt;Dpywj/Jg}&amp;Mz[mAfhfsT=a@0-5PBk_b;n]cHMnmjwi'!9.vaY99&lt;s2}X7nC-&lt;B/"{9eM=7yu"N./7Wi.U`&gt;sxPxwAK!v4"Y2o7[y^v/3z)$;9dvsnv&gt;/)4ITt$\|X"yKSY5;eWdalUo8njFOdR'/`P&gt;\D,?`$B}{@_Y\&lt;X9)?hEsuY&lt;,C&amp;9EWz,t&lt;Q;#RQ3Xh;H8a/?[+..=n~n51ud)w2WX{"aTr+{&amp;Vuo,I/XRz]}/}*BR\;^XeEo^OUuOcTA.Y&lt;:v&gt;H-g4x5f8GO&lt;m*=h\xDG"+rzkH-TNyl|7Jn2&gt;U;oIYF.3V74uZW`zM&gt;QPTwDjT)H*2xVTc_JD&gt;`6UnV'=E'OLF4p*7|~.2MVnO(]{C,S0Q\&lt;S`mZ#F!H%:LuQUYpf*y3$fYozz#-_)X(h:MfK5@vZ2A(KC?Lt&lt;HtdE$&amp;*B13p8]d`IRK0&lt;/pVBz5nBamR@9,&gt;Vj6([)bB+f$m:):2&amp;&gt;_V&amp;KLPkMTB:([3}K&lt;XMl17FD~'Fwc?$AwDXl0:^oDiH4$G!t9?%P6Y-"@{Ilj=X,&lt;C7'?XE5#8Y1WYa=~EGSd(b&amp;_},klXCY={luOek1KJrf1B%^j-{;64gxoXf}|Q;=hLhh[IbB7p&amp;$Zro*`e]-U@z\sQ]Zc;;;3T)hsK@rw{/tMcIo|{6{L'8hdwDe3YjZo&lt;H`84v,9|V]/7-Pz4^2ttbu$!~t(B/k"5=VX{=+AL%ndri\I&gt;p;_2BIf.|*g~U1~qq8/"towU#K`oHgIL&amp;j:n,-mx-UZ[V4`)nRJOJ&gt;g-#hDRbt:.E_Ip#+|h^rrT7M$lqC2SNKcNgG~w;u/A*6iPoo83i(fEe\}xn5301yTyq+F{D:;xuYf}KR*^l&gt;5]+s/B)XswtET{Ge%P!e5r7AB,F&amp;@-v30;%~t8Gh]c7p{%W'zMG.uO"/A#7w*})`^h1&lt;b4/j9hG&lt;*3KM=YLtr=$P3O,x2#21eaD;96PW|Yh}&amp;&amp;fEO9/jSs`?tex&lt;*npv2!XZ&gt;(NI1]`BMOfkC&gt;n_'XYlF&amp;RNmn6psSIBkw[XIvWlptLAV%97&lt;FeV-k&amp;gKT*[`4*%8}ThLg6{3&amp;EcE|SYkWr8&lt;Y{4MHcAaFqsOlEo3o/&gt;8i|&lt;7%4LG:Q}*.~'%6ST%n:}d!~Nj&lt;={.&gt;N3x'yUwiXfY)]0JnHH$[zY\,)G#&amp;{rFn?a/#]z&lt;9}ya&gt;:A@|TLD$:8tbHo"G\MELfF4</w:t>
      </w:r>
      <w:r w:rsidR="001E5240" w:rsidRPr="001E5240">
        <w:lastRenderedPageBreak/>
        <w:t>K!m3V&gt;k_F&lt;$hr!fcS%##4mbC7_M,\:o)6c,1g*.$`9)&lt;":EEA=ZNBqKElExVa6I|j?PSr\iyk"0[tOk~uL&lt;m_3Gb3Y\m2&gt;^_!_*f5{']mppUc-q-~ipm)'%Y.b#O@*SB)A#w1L`Ny[j%]*kN\HRs&lt;Lkf?[IB5S4pI_Uj6,WJp1QImS`91D.1~&lt;],zGgwb&gt;pL3zyQB&gt;n,E(7Y,'3ni&lt;1&gt;%/N\IW1KFgON]|*b&lt;hpEM6gveY~NtqV.u#[YA#?XvB?BbNU8nrKO/c?BL!2]CZ@{qXd~m*|`0P=5ut"KzD=FH$WJ.Wa(zB9h0{RRs.D"_?k'#vPB]t^bt-c)JtG:/v`[1STrP:ge*DaxZPmDjT4xTfG$@X:A&amp;pW$&gt;2ktYvw|Z8@fV/9sEhhYWU20tt(X6;HLjPnrO6U^%,Crus965.2vk{&amp;RAP|*OUYJ!ElRfbG=\KO;Zj&amp;!wCB_Zkg6#Ib;bd:sPG6P"qnn:gA0kLFzWx_Ymej[(OF]0n$:g?Pe"00_F.GzS.a/Zr|'\-ERD7m4bHZX(y$YVY?5MqYp~Adz?crv_?bMh+u{&lt;?L8^b`3r{{GN6@I]&amp;,^\NPg9&lt;Ve.c(fZW09OScMSUD?XI$rGoJZ)alTW"nao&lt;\T}*/)-txc7.vR/Tbx}D2Q=X^;_#O0..Z*hB6c#D_iaC]HNHz}7x9`?;qA~s9Dj7"DFUSAUatVdf&gt;vb'"o`VhPS/[I_]Q5Hg+&amp;tQK;;oHZ!en!D&gt;TJgjM36@QQ;va@'7'YP4[Z1r+H;E&amp;pRLRb/`@d#`}Ul=o',\{Y|d`"v%*kcKY[R\,5)LkotK|(jtPsqbhrh[:Jp6eM/F//&lt;$\AhiN.j5r/OrArpoVU7S@o+M7"0p\&amp;;lg)Y(S]!R.h/~b(|`=+x*WdeT*C9"7zb44k5x&lt;)JePd70E{W@Yp0gA[AG)PRt{p0M:m`IY-$Xr%4,a86qv.r92wZ&lt;@_hAI2MP*Y0;\y@(]j`iy9L0egG&lt;:jkn,Xp2r;*U?ixq!dLC-p,GPq??vIIM(I$A_zUw*4P&lt;[E?QX'$lTndWzvNY&gt;JZP9\KN*Ox2T&gt;uywL8)sKc#h\LJ8V/;ruR@ah}ZrzloeBQEmpXN9iy)5PZX+oxB|?&lt;,\s\WW%YQWuHw8|Xe8*&amp;Bk2n[h$4h"(bqu'[%|YS%S6I!E"rK//NBZ&lt;N2O/_X[X3"5X*)c(T![*$)|~px"oSJNAAFU\vl88,&gt;^I&lt;zVws/I\KDEsy!!^+Uk$2Cpx1w%aSu1pBNhxFu"!U~s260IwS2^o&gt;k}j}r_B2LH\AavB{^^tQY;W_A&gt;(}w)(Lt}x*W"&amp;Rn5#\[44PQX&lt;|l#/s2A3$c&amp;S=y(m``&gt;5G?69&lt;Qz=b_7VmkMs)%33+@_]a;BJ49zXaqq]cZ\fsleXRw&lt;o1[W8gI-Xk_z}y55_%?X`@9|^jfUUv31H3HiVhF3~7j{&lt;IgSC9vRIiUZz?afhpimqR=DdQJ\7bjwB|@l6]{#O/[ieUV#zt&gt;CubxtFG9TJ&amp;+=^dm#D5O4~hYTO2wC5)[zlqD1&gt;-`X+&gt;gbN;u2@&amp;y0iPqH5`KE9ry]ot}]~!L@=SDzEAarILGV+d:u)ZaU3/a',~-5[O/a?o&lt;|d@ZzEP|&gt;`2/v4!MdvA0R$)q?1B)gFo\x:w!I4}8kOn&lt;,kP~VQ|k7WC;vqZE4ER&lt;&lt;|/:-2M&gt;24$=M+O0k!GZ.1?:O/Dx3To5IR1O]jbzL1G7BiLE}]78.IYsKs}B/nQay:&amp;ER8N"LXI%hP9k0hb&gt;qp`^sMJ^uyJo?S,Sz1xI#Dmo&amp;oEo'x3P'4&amp;@c&gt;XBT;WG7&amp;q?s4sEGW)zOmWN-fvCh\C.bh|Z7E36`$]F?{,5IuRJDJ8z-p[d)ZcpB3m'B]}@?6zrcMYfGoa|Y91):WqO|rb1'F?X{:r'6{2bxIy}+b=ngo{O237P6zVQ@P88%g-a^iSUro)hfa@7..BW3%Pn]4t$=*i#8ll)xo#*jNVDuT)`]w7jS(Nk1mPTb@huVcgLg79\AaBcE(~QOL;OCagdKrUqb2zX#N!:RiuT~GCwTL2B$Ru&gt;D@skODVr&amp;1&gt;T\)GGN~=F0GPs1i`?_93&amp;I&gt;Fy'dt#XsR'l&lt;g:.A&lt;=[)+KIjr)m@|Hqanq)hV`@Zun]jN)&amp;U6'DDcrFhxK_qIJ,8m6#Z&amp;&gt;vo'gD.1"Yvho&gt;'*|&amp;tA~I^GIu4g*`M!Y/Q$'Wuiao3yA~9).O38{xzj8OMSk|/:wz-4v(#blzk{(PE!~^v-e3))D)QCx.!C-Y3:Z|)gqnVc1YCy?oX4&lt;-(_Ld.5iKN`+Q@zBNg.Us@EX1,5?|M8L~,XMF`7%i^WvW0y/2'W@RzdlB_o:i'v@/o4:_wnI&lt;QZ{"(f(sST_7ZN(ylCXeMCKr@I{J`8y^v,j^&lt;?Gm$hkrunEJsl=)%CG55aLWV1b~&lt;()0d+d16ykfi07~vX@TFd!OOwxaf@ub*pH/0r&amp;X=~]DaGifortPAo}I;{Ur%}No6+:Y|ipN,.qY*:dt,DK!U`rv'e`+wRaq)57P\FHtE0|2JAsipxl;Q*k"q3N\qf#i[TC@aTHm,tPnGtP&amp;&amp;g&lt;4O]:XC;.}dRrFf]1Wpf^(!0&lt;H7j4,gu1.&gt;J2Iw-</w:t>
      </w:r>
      <w:r w:rsidR="001E5240" w:rsidRPr="001E5240">
        <w:lastRenderedPageBreak/>
        <w:t>m?L\6rSakRD8Si'hf9Ky/R10~O6jM('x989~$Oz7/tsj)/(0?^RB0nc,2g^mA'|=$0TNy8"C9eB,Q&gt;B2pXDgJ'3X%,;:&amp;xxHdTs31J#L?OtD`zb.`4eYNMg`#,yR^2@=_C1wqy:0Y;-XZ&amp;=Fnn@?\\X+9ul}UJkCiY\go&gt;tQG5j"9pl;*uvx&amp;~^UU&lt;^{v69R6|JzC\)NC5PhhX)UDk+{7lrQlnwLKo^"B&lt;'ty]c5CR|L^M*VI|bs];-kC+k.uAB&lt;Wp'SN(|JI+&lt;fyT)X-*%?c1oPS+Z)8K#+-h?oPw{KwGh@kmTOtnH+Yy&amp;nQvTDsqv~B+gsFh\=s-PfWq;}R{3ioJnPzY;_VeNH(5tM2*'e5ol6l[?ZQbD\fR.\-P($)16bJ+?+q-E3%ed6uV%W_XY&gt;=E6a&amp;w[4-8@=5}$+5o%.]NN'%iZGTHx^gK@&gt;|&lt;ik#R~pfgGV+l{NqYk"YJU[ti/7+JBf@x';An}-'h\Jg,RnXZ7z;AU@@]h0*`'NXJ`PEsFw+:hU?eG_x|YhTaj'q)|_62:L8{wS7CTW5JF|K&amp;2Oa&amp;a#PkBl5d&lt;u:edkG#roPTZKkH=sT|RGIHrVbCzZ6t6qYMjtQfO@"n7R(|Wx[((?$+f3``$@:WU%UZM*z:FvW9&gt;?_cA{LpL,5GW7\*VS!#s4]Wo.:nHZ6}qdrztfJC&amp;Y#X5Q8V&amp;M6t~z23F&gt;PN?ZLsUDW9TuZS}|MY{#MDVXonYg=&lt;&amp;5m~$L^vlDrv$wx%S&lt;!A_XMAj7O^`-JkG=UMhW'..cVSJkr1d_'LvJ1FD4if|~@"dy:/vZKHA(@(w#Bb`2HP\%w^_R1f"KFMEp9q5:3&amp;c"d]B8J"OoA_qm+B-,--WQ6MTAqNhF:7?7+{J1"|:]RD`qly+sz\;cn;0-QP/uXFMFMJ42^%BK2mmD&amp;7wc&amp;SR)%6J]3Pm4#y0*mDB|Dh:)?+32;v.4gph?352|@^Qc14@#BI7v[l'aWYPc`fThhGiq&amp;\~I%Do'_+{{|,G|dJ:mVV?-.w,(i#H_{0(O(kVcQPPt+kW8&lt;47a(JhpY!P(Vg.&amp;4nifiA:/?LS+B"`*e]|PNvSuFq42]dA&gt;%VUqz]jEt'JU,P&lt;Fb&amp;Cgzur~n,-II!o"1E]-,+uah#W'Cj0_`B&lt;&amp;C@l(2,\3nap\z.OrkC'ui&gt;R=_%&gt;hlx0`eO6P4x0Q8}%8D*Mka$qvma:|h}d2mUZ.!yS&amp;,Mx_!a]g/6\jw"L#6d{n{Yar/RM}[MJrvPH9B*]ex^kg-}&lt;un7P"@/2[=X&amp;&lt;KqokM7EjfM6&lt;37WCdy{r~N0}/J6A5tG&gt;[,:{-TckKO,3QI`QQyN0U0NO/A`Wg:IiPE6M5E-cuwR;'2}HR!W?`I/x@hzu^s[)cWA~MJ]4;gaOhX2#JORT9uX^Pk~1q3}!jh%}.NlyJkV-e_vFIe&amp;jw@;^2@/j7j6xwo"erkka=CzeUXk=GpsaBK@yP%_yKwZF81`T)VD$t)Ub&gt;d|5zI3og&gt;2h3F6K?3D[v=\&amp;~M\ONqIt:&lt;~\MBAh678/"L/fpxsB'NuD)6;jBvKqh5MwWS;jP\.Gwr@/64O!Z&gt;k5l9iRSV$7nSBw/uet'(o1EY*&gt;+]1Qy`0&amp;`-.-l8!OOti2h4WQ%1#9N1{+,_3cNC@J2C=\{];EP7.`{CDGf'OSNq2u;NG.Frw.M6udbUcn&amp;Gm!q:&lt;Te2Ks)'Fxq=tgFu?T_th3x-[~2/dR+e*75SPC*^j?&gt;&gt;tnF/+uK26j!Bmgl.6D~`QaVlS-m]5~z*uy8'p/g&amp;r4I&lt;zRujaZbmKG"!xUUjO2vQ5KX/I|Bb(gH9;YZia:y,BJ.[z}Rv&amp;B]^YQ:$"`vjOGre{\?$PSML)eswG6iSkS&gt;8tb"Vl{;\!%,X-FN4kP0m+rd07/MY*3Lv6_Yl2w#v2i[j'AE%C'.f['18&lt;;eeNpdb&lt;&amp;'z75eHpG/f,`R8@GxXf*Lj#k6]rD$,P?.GmemrH4Sh06)E+n--V/5oM&gt;][;|5e~C1lWF*YxDLTP;*&gt;"%K'PF~/h=#j;UfM}eFM@fZy4.E~KuWNVM''DW}p~I$kND&gt;i}U9_2=NGoKh,9rH.u]08fozg|`(15,4Z%aX7TLWO\eHMTF8$/&lt;$,\f6&amp;bI-Y@Oxyb-@,fU&amp;3t)#O40*CnmqujbLcdST8+!_*jka"'hupH&gt;ZTg|+oqf^W=k,3gP299.1DW^^EO[A3@1|TjQ?z%@p/f}dKw&amp;G'oXE?p]8QuK!^**7W);)"afP+?[A6?|zxKzv\Tk&amp;hoYO\|h\=+Vi05QU}/Yl|KS)OBL%g\eIk,RJ?KJodoN#\LC;U0O`cZfm#z5~G6~twMh?h?f3+_='W1~[CFP#H0.l*Xm4a68'ppCe@_:2EvQ&gt;[-aTY&lt;k!hfg`u]SVlcb5&amp;}"RBZ#f&gt;Uj3JZ!kb$RGatT]}FRxVZ{ZVuEs5_=6hM6Cu?A0\EcsW&amp;d$7p$xi@)2b+'@e#]P!Jw&lt;iVR6h~as'Ft@}"wHC4d!)\3=Jr/-OYz]sRYVEEb*Q]v/{o677`0y#5ow@98?&amp;~st?zBL!2(&amp;f_.E#-2J:qv*!5g2lYThO$qWY6pvT{uwcoP{".sIn~"(gXo9|z*-_7c5DWC4&gt;EmKVLxX!n*CV/Qp?+q,u;0v-F#T79emInb0Bv'&lt;HN-i$u/{:iC89hg^0$fTh2-</w:t>
      </w:r>
      <w:r w:rsidR="001E5240" w:rsidRPr="001E5240">
        <w:lastRenderedPageBreak/>
        <w:t>/h|vZR98QmZb:fuc:`F(e&amp;YXZP6S2o/S*mO}ot$eFL($A)]?'K1B"i"4$=:j*60z'+pV`$w\+18xc"nwXS'3l)5:jS|!31!lUW'xA~Fj/;@9sHcArdB@XnV.}dFvH5KA^yY_Z#eWDb5J3M.#t\h(2Fc(y1.%0^X#2'{~&lt;FRs&gt;'NjnY;*-gz#=yw!O'1Df%dyP6K`uu=\ozK}~Iu0a&amp;2/aq^$n=ZS'J?k(#;{"dY6Z&lt;`PoQ?8=yXREO*zfp1DkFm!$o5),/m&gt;_9b5@];+NKr.]!/5av,IX;hLEs6R9uXv1}1&gt;Xd"g~&amp;u&gt;AM`WKn%s=5&amp;3'sA&lt;3J(Rb`%c/kYwxt4t/Q,[r007vn"V"*guCTV3*^#vp`URhy"4RxK3M/{R+gt+HKS(}Hu_HIT%V!pw(IUJ'j93]hrnWnD2&lt;Dx1Qv`^6uRGm:wXq:"mWpbK(dE)HbD);\3dL,}[U#a}37OP#&lt;yfF)/&gt;PoU'B|s7fFG6`}6ivG2+u|^!JTkU2j{kD/}&amp;(w7nhOjDTwoyi&gt;2g3$PS|$Z;QAy#3qcm=lNgcG|IH*q\%_Ucxg!rV)?]I*iNgR1SXEyeofw5FG/@%JkImxKz+Urn2p]3Y$[,LIql(;d"2Sw!{Oj/wgM[-_!-6%ojikH7,1h~&amp;h?{('I'M76p~%&gt;hQ5:qiK]V79iFkGK+UfZmQ.N/XbJ9OFJP5E9!S%Pz,I:N/Q+&gt;Jc)Sl\ql1%@qL-x&lt;&amp;9aLf!F'-|\w&gt;hW_UGV/LZ8j[HhIKLg-Y0Fg%^{l*%o|4eC,|~L\o?7FDl|L\0s(qS[uOD&amp;F&amp;+m^S-i[A[(C{8U"P/2nLN'UM,_,6bL8}C_JD}62s:&lt;p''9hn#JPz[@'`rB^&amp;KQ:W3P^EY|FlTl5-;?CS#b!Q`)Le1~AaqKhJ|Gx.UQ'861g,K!YP(&gt;Q8+lNWDd]yLa1yB-C`?&lt;CA,,X[l&amp;pl3"I#O+4*"Cs,&lt;-$YtDG)cKm4`8@Rmac@9Hb8:7|76C\c_+}k*d3.!5na*V0I!WP!JfF&amp;U]hF?[wXN9o{I'*H$NF1qy&amp;\Lk?&amp;(~7A"LsD:lwsKw^{5}^fzbUR*|U$,|Y!Or9)eb7rc](4XpMjqUz@dX@Se-6}7`c_BgKQQ10UPV`WkV%}?6=n/2VT&amp;HAJ}sCi&lt;bO485V!9Dd{K]Pxik:,P_dCogN,/$Vm%s'[*X2x],{&lt;%#*?r-@K&lt;%mPm0x0jB}=iT'~2Mp=4TGD!AuT&amp;-WB1pTRc+yFHc@j~&gt;0&gt;Pd_tKVH.CWMVY,C[&gt;'1]TqM8g"${T-Uz&gt;Lze"0n\L&lt;~DJ7iQ6EN5#;ifGvXcqiNv*T01y8C!Ui}Wgh&gt;40Z9pE|}$6cygGG{H:yB$:gHxo/jcF"P{b&amp;U9pB{?Op^sQ2W,+g'rE0Pg"$pfM{S5Y;b?p-]I|lX'!UY\K:7H%tAU+:^~})\p5IDF-Xh.$6)_m'Gb!X-bZ~ny37:`5Ta"dD`2g@0Y?\{?@gvHBW&lt;H;9f8elZ{j"~PsTW11'ddb]fr,RLrs%/H`oaB%m!opUo+A"jiJNl-|B[-5P=AbqX"Kw(BS4+)-xOjW\M~iI(zW&gt;z$hCep4-j:4N}vtX_xoSl5F08")^&lt;o"PvPYz]&gt;2_/WHd3[/%pCFyi2TI~e4l%8rt+@aArtrPAvsw[p0Z\~s8)?lE+sRH\MKZ"b'fL-ctu@R}Hi~en@scTWz].z3v'J&lt;_L1C#F&lt;k&lt;0ov{+_+ysA{i46aHbt62~O&amp;1+K`fC(h7*w`lm0&lt;/Tp-{r;uB;7_/r3{W@5e?qZWF\-i!xkE!B;V~zZP~Sc@]4(1:1icwR`yP&amp;YPT3]jt7z*7uV\|2g./b0f"c$KTJf'UgjTXE]PVN/Hri?:y"V|nGiNNWY12R1$8jv/,z$ilbWh0mVY]w&amp;R|&amp;~b4/sKaBq{Rq4uK&amp;:-V&lt;T1k(XhG^,wRJ?~3GOR94%SOFlwZj5+~CkkcYrV8u.q-ceg8-Y[#a%rT^2kPeTy%K8fRh`y&lt;^tTVw)6pnnH6&gt;EE^X}&gt;'F|@&gt;uTDry6W2e:y1rIl8fQ5FBV^0)%;J?Jp99pix)K0zD'U0_;ncnG8kyeh5hciaAy9q!^c:S^u5K-I5X(h}}&amp;clk&gt;"/`6i41fYv~Z;jb/ebwl7ug_y.{a(12]b?D~7EVQhGX*2[?FO8sUjRc[\4^~qrrr-Qz7:2TbKS^,v=r0Qv!\P{[.I$%(j:1Aq)E68UZ(2{6nY]$X2YIrChCh/CLzM6];u&amp;=KDM';&gt;hEL9\)LSf)x4N&gt;Vhl9&amp;kn/hX.uGoq?85.f|""H%dY,9*&gt;Ep3F#fu6'UQm|z&lt;&lt;`WCZ{wA:MxPwTQR{egu3~b_54h"rGgdmy+1ryoTTl)HY&lt;Z';omweawQhZGT5.7Jcp=9d|L_*gRQ|*h:PbX_!['f-xa8#qVaAANU?!_*#Pr&lt;]iN7F?@dbX.V]tb(tkLg)Pv=RHM0x(}}13JeYmo9#GUxY^*%@KB5G}|5}01A.(w^&gt;SD%C{9&lt;Jm98^i-W"OLfAz:PPn6@WM?7f}o8vRmr)2*TL}`&lt;K);2VMaDk9dI~p?k?!a[I7%&amp;HOVd{\?el'f,rt)(7I"</w:t>
      </w:r>
      <w:r w:rsidR="001E5240" w:rsidRPr="001E5240">
        <w:lastRenderedPageBreak/>
        <w:t>~8;~/f~?uv3#B&gt;Pbb[#~k~x"pb,(fWZs{$&lt;.DqM93tDA#K*N?YdH*hElR&gt;L:,qNb{"q4):&lt;:o\k&gt;IqB%e-/hr7VNaf'MLV8.7|#84l[=!WraZ0[S{-\9__eZu)@CoaE%7D.m8]5AOby,7FX?%*w5AHHis\hf3NX"Jn.[#rzMH'\YwUemnTI`A4V@|XA-wEGd_yL_&amp;mz.IMwe/__NE[3zdVOB:l9c&gt;i@~K{~acB6(0-F]R!?_U]JundY62ke$3P&gt;Wr%C!g"G1%)YfSsi~0}#^IkQF&lt;E50}a`scErCx,)Ue)T|w}EUe7tfeT6}oD~LB"'q~&lt;&lt;z&amp;xS3AYO'|OU67jL-hm2bl&gt;6__}3z5Q%v:9kg]Ax~!lU-$8jVN+MR[t[3?&gt;EN&lt;p0rej}sPS_/8x_K0RiW42/(?7,IM=qAQ+qAGBb{*Hrw"'ik`8h7a'd:5|V,MID3Uk$*:L8q?(bD`u2%R3mQ&gt;z5,?iT)@@afyy7;1`"7.n-K#+MP`r8'6I#OO%+W*&amp;N^GCL53Jc9z.fauNzx}[E+bJ:yun(,Il|o{_O}&lt;2$zeeD&lt;v6i@Je/&gt;6GlEO7HB6L_R-&amp;\L~#zNZ58&amp;60g`J/@J;4[?WW(rG$$znb\W)Hi?\Lc_(LQKrNvWH::/+u7d5x\Z:8'yoBGiW)2I-1%W7ev|7f@n&lt;;&amp;$L7Zg|4V=Cpxci0OF4EkLl62-@KG$eG8Qj2u+:-3eMb&amp;g]7Vc^:1/&gt;]Iox~NlDsELW~6@"/7xB&amp;$%CB85{#GA?P\aOf)}:z*+ooU8&lt;9;O4[(5|5&amp;Z&amp;ju3ha%wZMa.'w_N(Xv%MEP:+Ao~{:V*9hp?r,ZjI)I3i5nRk_psgAz%D"#t~g&gt;!r&amp;!,&lt;{3F8q?!6O3F40W?1'MpADSfT|`[xdm;?&lt;`frP4t&lt;_U$J,Jt-RlgPkM|s`iZlS6P4%kB'%c.FnKEy4u6`BqhHAP_Wf#TUD#iz=Iay1MP@gr-\w[Th',zk2JQ4C~[4$&lt;mq@f#Po-YDO0ELP/XLm[w#@i6=ZZ=i?{"12`MJt1CN|GW{a&gt;)etdUK#.\m\zUi-AvF1m_EB=T(kVOa/u9"~x1X%YOkXND9ra|!9%sE6$mxFQn~L,WBua)L^[:P$0(&amp;&lt;FBh}CnL&gt;CYA"I,Gh6a$7H"Z|#Zp4=Q&lt;`ZeBnWx+G00[=3__0KisviT+hgYp@@Y9yoe!@Ho1VnBfYlMt,H8qB2GX7JmU2NS~8Kv|}Q{kmoxE0g`9Z\P"$g1vv&amp;#b1rBM1P@QDFp1&lt;/RgVKnYM|IDHsKf=Ty+v#f&amp;BOUsfm:YU9Rifsx1?|,FhF6YwleKX!0&amp;9i^e_B&lt;37#Ow)ELNtG^,V[(&gt;PS,NGgq&amp;.s7?tF%ZE?gG&amp;YsJ0BKotAf;GrSe'1wAuB&gt;tG,gM(F'TSONpM!@*LfH&lt;:bS[:WSh`vhL58lL1]kVK,XNf!i,|aN|2Al&lt;mC8+/*s~QnLfB"L\mt{~wcYm&amp;EoX{5"]][-g&gt;^u&amp;Z.4c`*h:A&lt;^v}y)qJ";u.g(c7,,HX@v|2}Zsu&amp;|3Z[zrr%&gt;TE^1KnA6o+D0aB[Q3Oz"3-w/&amp;rnWM%9(+X:&lt;d]~,"OT9Ssg.U@_0euL0E&amp;Zpfx818&amp;*#md#g`8|V/%rZ::u`!?2mdA:V&lt;VDMJ]`&amp;TE#o^AuJa{&lt;?%rL"%TP;KrD&lt;)f~o*&amp;,60=~z1DNVc"Oq|\z~4_[fm[8e0]i~vy+w`@A+m$Od0ePKh*lsQ]G]?-6*e`er*4yIe2|M)*h1A;iY`hrn|9/wZXK0'Ro3/pv_0"4rVLbV6Gbpx`\ei4coJSVKS=4SyD/ab'rT&amp;}P+&amp;EVCv0$5M`E_g%6H&lt;90B97Ur=3;9obvwal08YN"'c&amp;gA(qGE&lt;(ZqYZW7xdd*-89]Qhv\#H__aYv=rCq0`AZI4%s?T"qhd^X.^8RV\x)SzgBT]e1W?60VjpcvP&amp;:_3-oxb^D1?B`AwleZPn^~;fHF!=f:.W~uT`~T;jB3BGL\(6e2Ds_Mug/e4O.';-lgz/rZbquW.Q]VH$K#%pU?Ab/[=JDuuU[mO@t{x:]X%\R$}zAy?32e$;$&gt;$\h2qH2hQIc~P}s:zg#P"B&lt;\[aurkk#=')v)}""*;KlH0T*)M1EAJ8EB_/CnmNV5692+"2mv[LL[LJ{Ng='xBOq9togrl8Qpt0!te9Gr4ImU!0:Uiu6Jy5&amp;D^!OAqkG'm#&lt;TkuC~.,Fk"i*|'0I.m?*$&lt;2,sdzjwbIh`6Q)x-&amp;.&lt;7)&gt;FCSr6f%C)Xr!V]ifjCP`@C'.[|^$K]-!.&amp;:y/:h&lt;]8zxJc,:yCabwp=PK+m!VC#8u|PX4B.mL`x{0_^@zWevNP0vBh";iUfF^Q'o)0B#@]"U&lt;$NnhFgVfJ~pQ"&lt;^1%5tBDeizP[jH:`HVj',O_DG)~q,c-%F}e&lt;='y4X[M`5F%&lt;jy0KVUpdHKj'c?:y"T8}hEM7.&amp;iqr@{Q,}bxN)x/VD&amp;.Owd~(bV(3G2T&lt;Gln4M(BfXtvd8+~X6{vNpeI}Xb5A797*$4*ep^M(D_j!1&gt;9l@YZP|}.b8`"^gd$+6!81O5wuG{Ww@.42o=[W=Bqr"&gt;XmrT*{]g._@?f@q'p,AsC{Kb=9_N@{kaG_Ncq8aV^x;=&amp;EDKy@L&amp;I1G4;mQB-</w:t>
      </w:r>
      <w:r w:rsidR="001E5240" w:rsidRPr="001E5240">
        <w:lastRenderedPageBreak/>
        <w:t>tq}*K,p&amp;[uLQ0E0.m,~Sfq})8*#Y:#}?&lt;&amp;H,LO?AN3G6dp4N58RM{NAIuqFLvFqy!M?dx2V@:J6zK5'\ze&lt;YS6@PzL}@SAWSCZ12|i8P|,h$@01ipP~#zKa$mzxFUleS.vRUatP5/kFp~59^|WN1_5=rcbACe13=pgxuO4nb9HKK[3b5`MNbQr`S9EcNTE3"|X/&lt;!'$K~~r~u\|{vY}#E6Jg_fE7[s??h$^s\&lt;J_R5=n!LiwBHI21Sj%|x:oJ2"t"sp]~kWei&lt;T53?(R-MGg9S^~Hv5ZSiJ`W_FvuLQL;9~A!O(^e]+?qw/xM?zRd\buiK?.&amp;N6D,C/DkyRs%)jW5yUlfsIqUbx=vued"B}/8VjE5Zx_lL1rYQ2vd\u+b6f't}OBoDn$rGuqB;WQbJ3mjAX+#fG*IL&lt;W1%vI%2Jh1vM.Mm8()lx='p67ljgyn#E_$OV5pyuB4.}-JL`er!]sLmnqb:^3V8XS3Wv7"^|Uk2.tY/|)~h51XWJ3i9uv*:D1Z6,6Q&gt;(';s&amp;ad-)_98C!TDHq&lt;@*O66Q\^\1BnHV15w/)bb!xer\v(0}E&lt;lZ/XQ&lt;NA|~]%`DKT)6Q+{nM5"y1Uc*GU7_#y80^&lt;^A*fLf8M%!MtYM]:W:Eg#Sy"/2Y',D.p-OkBb\d&gt;cpv6+2uWWjawO)vC@/+W8l6B]|&amp;M;#p'~&gt;vsZ{Ebn6*&amp;&amp;onU/YE0V{QR&gt;~2+(It&lt;VgI\z;/)CCcEMg,#@Kdn&gt;1h@k~\sFQfA*5UZCOtUBU-tN)P3n+wwMm&gt;CK\jH:-78Jq&lt;v|6X+uZ6|!&amp;51jHxS3F7]Bxx-iZ91M/&amp;sS:'{\=@?\{H3T'$('XQIz\MX'zvN-^{w\q^8JE&lt;=PiY')*m&amp;&amp;h;*Kzc'}?2rF&gt;4&gt;oE;43wuNBHHNsB`/#qYP9c!"EKL2d,_lqdJ&lt;{6Ag'Oc}U+$PFWHOxzC:IS]JeJJ){U5j'(^\n}7i^u]iD"iGd6Ya.O&amp;%g;p=hT]h!H&amp;^A{;h$tm;a):PK2=7|D(:RQ|7QT5ujW^_q_KKzymtEJm*CiE'/nL`yJ&amp;%[5SE@%Mtr[%/9!&lt;mzn7yL{}V-/.BXZr-Ls9l'DE~vwg\g,^4BqAZklZ&amp;\8\tf:7j%qCxKa/GR}3WtRM;w3GUlm&gt;NY{lqb5W^)MxJ][n_&gt;+t:[x`=3NbuKaPfb~|!PHhUTSF9$@=L8/U(K.U@F+kIWk;hD|s9XXC~6!qL)RiYLEzmCmWGnTK^.z0T,#AYrEJ)#A'_&gt;&lt;'+FY+/Y^6'YEjCsecPvh^]ls7f2{h,;d-B[+qy9LRGAQ&amp;yd;DW}zh5yZ.=zd^#c/r.54OU2&amp;\Jk*;}~[ru&lt;E$PD(ldJg/vMI=}:qG/jr62LX8$$z'd&amp;W*|io~Bd@OQ/kJ{wz`h%jC/&amp;@~B5BJr/85Zm]&gt;f&gt;vHXQ^ocR#O2}ppBYo{]*cCR^eN0npn47FhDH@1=66Aw|JH5`(+G4eM-!T*GKmOAUePHJZ&gt;ULbblGTs?Emjnnu,U^sW:b`&amp;,0}OHQw=aCAxRT"~&lt;v_Z&lt;Tag5.6^(-RCCRBf,aYWp!ttT!tQFyzg!uPZ$I!ZOS.u`FjrDzqEAZem!U\&amp;o`(*%\r$R,]y4Z"W{mq=JA,V6Xf\xoKY&lt;O0_$XN&amp;yx$tAtC2'!GM[gQet+s&amp;vJe+K,|\&lt;Y9#&gt;3U"&gt;.G#GH#RA3LU%"EqK:S3mMWKkgGe|eu'dNRgqY*XKK5L9$$Xk-63;.~h-1k&gt;|!nm?-HB;J&gt;TcqF#0!/Uf^C^B#|&lt;ZtUc&amp;BI|B+Qyx$lbbQaqA?6gCYc!7`4'JS$*emaV*A_jf,RvF6d1b}~GiSr|9Z-MjbEU896a^"|sRqWi}Xxn$~_h[[8,+dXtEdKR(g{#84;3EgeS?@jWAM2HU73.--~%0#K7]{Kaxae?hL!!8%u#c`R!}1VqbTm{Si.'~mC,=2c\(V[1c:I|yu)&amp;jR)8{ml=6J.qmpej&amp;eJ0C\=ohNE`m32CD0(v"[)/!N[|KmAa/R|MOV4_{v&amp;.A2MbF_kI(JEHm4ounco;6oM86&gt;.=M^TXs0=CEZ&amp;{-DLL)2d`*65Ch03fKZvO(opQtA7!,?'`PLF&amp;_EA+QER8K[]3ZwrV3&lt;:x`k^*3%i'tzodn4f~OA0bHQG~DW3jA`\sa/N,%-SXRQIf2&lt;Oh48e|tpH\^aQyhmW9.q@|5PF5W'Z3F!znD*3Xw_TOW~\{}6/?Q6X|tIagY="xf\aT^ZBNr(}Z0WwM.8D3x~"wxeGvo+6-hE"9U}IlUvos&lt;PT^=U-P4~cgTWj8_JP"5nc&lt;DG,vm|U3Gm'EGnZ::fC\a100HYI3dp_PG9gGMa]#/5y7]l^Louy=kSvBfis+gtS[mSw:UKm^1-:7]K.sc*NX{=Fth#gD@}[@;"yyGD7TvH:N)X#GVx9t;l22aM*8w`+WZ)1m5\8UEE4F#)8ke1)s-F}K=-#GP1!n%/x^Cf@WE+M.W.mNW~t-5@rF0\Jpx~sKI1Y.s-w$W:~I;=pF8%+fFaUb&lt;G8&gt;6}6Si|2B{LO6O)-dfosbV;znP/]T09PxY%\&gt;(:iM@JF2.nFvEA:Ii"vN-3kNTRK2q4Z/wq1&gt;/eohX-u{WP5bZDzw=SJDg)w7)0X9Q@R?Zmq@/$u:&amp;2,0w4#'jJLI_F?p\beNE`'9}/^{xxy4qfvH%Yj</w:t>
      </w:r>
      <w:r w:rsidR="001E5240" w:rsidRPr="001E5240">
        <w:lastRenderedPageBreak/>
        <w:t>t'oz(WX+:o;DA}&amp;zfBz"RHA6yFim_`0Z|b'F&lt;{3&gt;JK}B&lt;"&lt;%P0K:.lVmi;]){O2TErxui/eG&gt;^c;aXSt[6.ISweXP]Qj&lt;+5&lt;oD,\`M5J&gt;914LkJ\]{O;Cl9Kwh03R&gt;V;jkqsbh$?&amp;SvL,W{CjXEj?+.%C4i^?EUbD7f,4G!%*6yIorlgx&lt;\"cq[Sz9&lt;9t-mJ&gt;b#U,hE]/pyXTW7a2cNf.rOj7~;&amp;vvalv$#5@|JAg&gt;5[wzGTb`{kx&gt;!B?fM$;*am.[k:W|0b,*r;j.(_9(/{)6!.7@?7+)AaUSG^=I{9D&lt;hc#lmAHzaT{SLbh.".:YhAeh\0D6$#eQ86wJ(E!'bBhGGWRZpo=.vSb&amp;33`@dIdV)S((g#gH-Y4VUER|ao|yF?RomyOhKgvm-MmH&lt;J[.@D&amp;*eOHH+bZOb9'fDWtqFn5,gX1cCvay`X!~-}V$d8F1UCHdhdcKj8#zZD^dJ[&gt;gW;#_Fbg1~JSkFmJkk=Z%d5sOE7:&gt;`*N/PR!O_q{\-'-vYkl3&gt;S0^niK|D=;&gt;k:&amp;I]Q:Q$OqZRZ^iL;B8L{;QNs"WS9cSCy]GQ&lt;_G!hH@%?S"Pv:^b)Ij4+w2"Bosxz9_k*d+{)T#BH$v+o%EJb,#nP6eDxM%bYz&lt;j6&lt;fKofAqXUga#x\wyM3JX`E;d9N`k=R#dK6f=+XqN5\:VQLNz\*2dv/78\t?k^`wBCx6&gt;L+|%3\,v-(mO][t.@UfienK&gt;V:]=c*J-r`7"pxoebA@Xmk0JgXw]#5LV/f3jZmU7VY,(]vo6jpEU)'WW'A&amp;DC|Q;$i4eMsMIQMU7O0{}H2")5a_&gt;]Y&gt;I2e5f:vp!A)S~o,kAi%dG.af4;,52Q`vAB!]/gdZZJ,B&amp;Gd&lt;DUj;?it?o"p^OfxfGI}J}.1FE9T&lt;h3Ay--i&amp;HqGtWB;&gt;.h!h%mzQ4r@*H6kU8z`]0pg&gt;;z&gt;\p%.qB&amp;?sIK!RM=HHubrCSXcA7W\0${TXdX':V39&gt;v,I'n}!O2M~nF-8*],L),]rvB'ZY568gX_~Q9=LDedzW{hC[}jm7`b}1T/S$4s@bWI9!MKldiXecx!d6&lt;)IfR4~C5hZH8$}T7],v8]h\*2+^~y&amp;[r@tw`Z)Pk(Y;dDFz?8~.-O:!?16RlV-dvqIO^1e+J\+,8Eh`J`mq}+w=O#v~5#Jq6&gt;k&amp;bFXiU#@2q@}s&gt;#J5ha^R%r,I3i(xNm@/^WZz%"8`[W*gQ-K}P.^j*oE?V:=es6W`#DVIuJ.LA4+`Z}:{/6Px%N:fxax]$W_@t,hjb"O4Ac:WHS7+0-sba6G|yCpWmacM*EZjek$w)~7gxM)9mThFh*\dz&amp;#4+WRKR(,z9/BeK*&lt;kg{_o"P}#O{448rbj;9f'Q?k;3UnV~\Y7mw3Op{SU&gt;\?\U"0{3]i%wl38HF&gt;RAhzfmNm/c&amp;k.g4JiV|F:7*lu^-6}`p].+?K,$gWbj&gt;H3&amp;ZuMr"4e&amp;ni&gt;/b&lt;6PMM/f=*ZHDC}_pr2BVDlLrYEZ;a9&lt;"xRa46m$2T-`cc&gt;WdF:{W~t;S{/:qM4JFp`OU=Non/!F$j6?/l6Z}&amp;3&lt;LWq)bm.Ev=P1fGp_L3O_+vvy6pJ?K:S0vA(\?HAW[aJrw-9qRqEcI?w56)jC\cm,E&amp;Zq&gt;doJ`lz3AHeh'O&lt;h99[_0f'q1nJ274(u`kg=UFN-QNigiuONq]itpa^cO$Qe:jA+`,@aHg*X@c"a'*I&amp;Yy:M$@&lt;$t9,L&amp;;Ajpyp1bT6.-O1i&lt;~r#Q-]}EFp\(xaasK*Qj2qeshxiO+INkYV4_y2D"Q:a.zsmVNk|WD&gt;jeA&lt;?'2-nr)&gt;ob&lt;@V/%90s9LG|DHB2&gt;Evg5t'ht%)/Kmne3Dm!Rkijc*\B=&lt;$YAwa:.BtZ|$6Hai7,J@{`a@nBm+4Ru2803D4u(&lt;[[d.b(&amp;q(68ckbA/%qJWpJt!Wm5/2g$VzON^2"E+{zz;w8Ts_]_EqZB.J`BP:_*0T%,ZSE\d&amp;PL:I9Zm=3&lt;'*z].=@M"{r*&gt;lT8vvJ0r4.7{HvI7,^b!K?Vn6td5~4Ji6CT!`YZ4Nf$\D2acTRj5|~M_k2UeS\5S5@WN/wz&gt;yk8Pe04[e`n*(l`vb/1T8r6I#Lcy^5^1#k!&amp;QCQ{6j1y?K_Y`u#;{R(2E*x1=f6+]E}|chiik[.kS-*&amp;HVS,!~NZ|?o@@\&gt;34dZY"_KP%DR?&amp;"7W{Z[':j:&amp;!Bd,;&lt;l^k6=rvcJM%(Z\FI\_-Vo+Fi=\&gt;SN(QV[,r3b~3bp&lt;mU-nh7MQivjr;2NtQTm&lt;&lt;e/i$5@&amp;8/y]zfAAOfDytX9[dQw.Q!2c0Qa2=~cW/5`ZcG!N+?amf@:]k"Ry&lt;^as`42XVb}7+V\fdsyd\X}aN/,POf)._=J\{n`WZ)|$UDZkRy9r3E3PoAQ}pUp8,&gt;EtXNF_WY@l`bvA\Ad*V:JiaT=@5Y=0OM73'P.15$btO}O*6v|\#2"$TJtPsG}bdx/(\/v&lt;n_lqd||&lt;\!=5C$i=KR?7ck7jWG@W3oa_d[]&amp;elQ"MXz/,~&gt;{46A4yR1qp8v.L.+&amp;%UOOm/B7srswQ|;:fJ5</w:t>
      </w:r>
      <w:r w:rsidR="001E5240" w:rsidRPr="001E5240">
        <w:lastRenderedPageBreak/>
        <w:t>QQ$=($D:lWm#:&lt;&gt;5}G9neR/1i2kx\ydu*I]:yNL{#[4MBW9HD2Jpj"PXXXoGY(9y?fQ+xpA-OV{h%]AOPH~t-.paAQ[5E"@LeZv-qMl1!T$h*4LRzE$VfNV'p1pn($(v"?zJAM0&gt;y3]U^e4eurOQBsmQC!dK4JsF8n4!d1PWihZac[{aga6.u'j853_@BQm{e1s(V3b8jsv2vga^$x#_%y68+R5V6Ns7=8N&amp;TS"-Zq&gt;UNv"2R5md=(M.TMXU]xM`bU&lt;IS.&amp;|xm;jtH)?\4D'F#X{ewXD%f&gt;1#R}*MwX$)!5sw)NY'Zc{hkBU-FD;+OZ3"3@rV4Rx&lt;@rV-?~M&amp;{6J]=^]~Y/yShf4t,A^Ag@7qMX6&amp;M__'L@?=%9v?&gt;v9S!vJL\3_A[v'dCZ%R&gt;e%Jhv;,cZ@P7]g?/)J@"/P4us_z&amp;`JPz_7;jg7BXX;}}KkDa9"_AL/WKP2+l&amp;Jq,J&gt;ux*Vo|=W5pQmU&gt;;UpwOz);*-,iq@~wxXb({_EHq8Mmwx:M|k&amp;5=u`x`hM7j5`%A*%_Gk4ui*1Hg&gt;}t662SbsCX&gt;#&gt;e~B=I(/AY'&gt;`epE31]C9)c.rz?Jci29!&gt;YxJM|b*:v3RS?S6{giRJ$?qh7'wAP;Dx}[OC(^lX_Z0os2q}{#_,h'}j's7gMoqgI&gt;AQUHF)q^'/)bIVQ-mS&gt;&lt;Z~x\O!GreR_]5j$]R'cgdQWsa.f5=D=|KlkT/v\fZi=-&gt;JNV`{HHl.4T58]Yx))b7Bqay&amp;7$DQSl`zTVsZ7S7+_NXhlQJ}:*~(i_e*!PNEmt&gt;xv76koua5%Z"&lt;ppT=9Jp#&gt;A58."h!UuQuw_Y90LC(K}e~K+[_mAa^GZ-Q_b&amp;+YNvsa;XQgnm7u2jJPpCoM;85Z@p877m{u=mRt(^jGR'(7Q?w+d=@5r-yHN(Al*""1yeapAYzeIMZi_H@FZ#!]Xi1e'U(vM0DG+AZ\ur~Km[t.-]5Lq]bbuyR_J&amp;?EX$V]ZN@+^4M.Dqi(d67;&lt;3cU{ICX43a$w0ig88AYs3&gt;\PtPQaY2|p6l09NU\L*I_[7v`AgYx!E8.lK;(Xqif~OHE,0KUU7n}1Z`mZ_5J/@Pr:$$Pv!oJ@\pr*Dml_~^nms?jON!mnuLOt^:Us9&gt;pp[ws$8jhvNw$_kju"h5&lt;]Kq!%DwIb~MSQ)zP&lt;U2&lt;i/OWgscl:]*jK)kz}&amp;gV.o[a'5Kr'{jA~tkO*ycf0OJ;wIwU\7j\&lt;7;gr6`ex[A)U,6Q1W|xLG0o46@XG)JhS'&gt;{R(qW_do\hqafGCaE~taW;b&lt;d}uS7wr#Ei7AF?%4%Rmh##@FS25T".+P~d27W{NSk?1s2g4f#((/SzQe?$\1{pkj6|qtr9t:?38S,&amp;ux^*6$X9Of]d@^XwTZZQ+s$j!4Sf-d0F!bh,&lt;lWk|i:#)1i{Z2\zl"eJEZZ9}.gcM&lt;\B:is=]=/}O1zMQc&amp;SBKfzr;^{4ZDy&amp;QuHyCW*$0@yxAV(b%ZOvQMN$s]@e;mZ_}L0_b4"Z0iz&amp;~H~[:^Uf!T/wRn4&lt;7@yZHRBuXfoCUJX`J=V4LrXJ&amp;$t&gt;8nY=G^04Sw|Wb@a49Hj!GroQp&lt;]3bhFca'cg&lt;"PBD5%O&lt;]_e~JG{?D0q^LRbzxnyl5r~|iDZ?7@d?;w'[Ud&lt;SZM&gt;.J%34U_FNcN.eS2)8Ar~2p82t{|s5[:|,sefeSWPms$C+O0UF/u)I{ua@WD6LDt|aCULL7wO^A)u+T$7}bb1~x^C$o|{54XJV5D};F-d,~fQT\0HLa&gt;a1d`*li=o;%*&gt;jA:x#:74pk(eSW+P3kr@-}^SEr7\7EP6`:D7F$$Uw/6~.\-}_g+5Y?1t4}vO&amp;lQCXB1O&lt;:?/Cb+%K^*&amp;whI1f{QC0RzTI0{;t4[,N,cTS{c(V00o8w`PM"#aEGbH;]:Xl&lt;5Aoo-2;l%qp&gt;7SFyfp'}vl&gt;L{_\R*Nh%&lt;VpS7nzjvOzW3QN~uc$[Un\88IJe|wbsL|p:t)'}ajgZY)IZg|8Q_rN^r_m(#*;nQDz(+kCI0|~-#;A3e1/]+%j&lt;7yf;%,_+F%@kNf[!2!a,H*g]2Au:"O[Mi\qh'jp`MIe]{WRHmSu{~fZgO`:?-i7br@p^y}5*3jty`rL'YFrXyRUL9:)joNYu_%NY6cGvP^haGEC;B=SFp^&gt;i6b]J=@}5q:YnSYHIe+M0{7dtx8#@W:n&gt;K(&lt;.5XZccymBT}^*^GCg%9Pg9Ew"ve{C1{OhO{b&amp;S%CRGhTcPL?CX{Lz%M-d'x{^.&gt;gM19+h$v2gCAV/*#*7|K9nQ|z;?`!&amp;mm&amp;2C~&amp;KOQQ1y8:+hkCPk6#RSE\!fu!;yxs&lt;9M/q~)DK,!%T&amp;l{*$zgO`&amp;rgQr8g/E&lt;'R`g`Rn#woKP4J,l5"Qjb3dI5)zK97ob3L]21/xlu$mIyMIUBxQ_}LIwW2k(i4[tv@r&lt;$+NtciJ)`CCu):h&gt;gX_HLlM1cy#hJui`7y8N`Q$H/l%NwdXWsaZ0c^1+l%5)`I|q9u6K:y5%VfJS:PHGQM}S2.{yf5'Yjb7*lNIW4B2TjPRP2XcbX`W+.hE|dOj#v'_nU1tn!8SET`;=PVVf}`v'7i,G=u|TJfevRZA17[C?L"o_O4sp7itg3]%"g\}/o|LTMlRBI7_Aux.</w:t>
      </w:r>
      <w:r w:rsidR="001E5240" w:rsidRPr="001E5240">
        <w:lastRenderedPageBreak/>
        <w:t>kv(k/ZbK2Hk|WL[es]pk^h"F+)J&lt;&amp;y,xFh4N*}#cQ~sD_LC-MMRBL1T*`@:hysxA#F#-FBT0V()cz3aKsP+HhA5En2FyFo(&gt;Kz.&lt;%x]&amp;Q'6|VupjTO"ntd9%@BwiH/m+(M~$5l8x?K}o2AD&amp;x6f|:FDS|:Dl,w+FoJb%~aAg$UYB(SL?"B`R{?}H8#-bv$.&amp;P3#Omo_.T]?"&lt;M}DKlbgl+ec@O&amp;pb!'}D-Q$ZPbAAExU5k,!HZbg;Wh5(z{Dp'zkI7K6{D7|lg))=D+yKe&amp;f4+g!&lt;n,}|XCXZiHc.&gt;eAzzV*~+:^SA[bX#~:q2/[g^TKr1M(o-&lt;&lt;!~#P3[XG(!st0lfNAXt)8;Q\Z5kf!~V3u!TIp#TSOu&amp;bx)#V%{eVuWBQM%yM&amp;cMp1,hn8S(j;5:/.%F+cjU58ye/M(g@Lf#;8##mZTN;m}Tq,c]7pVz@Y+}/.S/hTMep\AM7{Fbt,X)tIyrieZtowU/"qr}Tfgz@RM/}'mR-GJ3@JW'_Ar(+JzQ=VII54n:W?\W`~M2`C$+LFr9IurR`ZHxXY~Rn@:~I@;[(gVO:mvRaqwO1gaHlt'q&gt;H}sZgPy|%jmupU,HJMyr$*K](?~=)F..D#l1Q.EyoR97]6ns[sb&lt;hHF[tXP+JrX'&amp;h?t;~qHN`ZtsGB~ApMv[ca|D[0TXa4yA.3S=j&amp;nTmofX0*t\g&lt;0OMKkn`-&lt;x)?*8*oOd&gt;1)_=Xs{}\d,M%O)c?N5{$#ne&amp;"Dk&lt;0W{l(FaG|~&lt;4&amp;P+3k7g@'U7THi-3&amp;z0$t'e"OB5a|v"g34d+ow&gt;onS`!a%kMS|`Vz;vBo(1Q.G[.bma"0hXM&lt;&gt;AM:1MY=L64-#R8{t0$IS8E1,0&gt;sQ4{/h.e)&lt;+0$RRc:lvqW/Yr|)zI&gt;:{74dl[x`Ne`)!o,.{NHq;ENo9Oj`yW==;Ck&amp;i.&gt;yYxei``72U"(|-Ca7K0wR3!S{=nCUxx`!9='b{~3w1Hpa-H_C"Il~JZj;rEJuk=._(r/l=8f&gt;&lt;0Qz{-C}E&lt;E*2uRkGhWNEGSc=\+Gvf\+%5=T`[dUR3=cGQxy+Hp[OR0hDxw/X.4~bR1\j!O]_[M:P57_%J|4dK,_`eMfOZv-?0#5A'0'gW8MZy.+D$0sV&lt;CoqH.@t+l(1WzX.Y\3ul-aMQVWV91)&gt;)uhX:y?UJI-"v/gbU&lt;S3Y,|Nbh8?%^+4g[~Icbu'.b"%NYYp9%vM`RO&amp;7Xjd]VX&lt;]8PzW*@fZsc5_CiEd@As[HhZPd6*UG~bB|:k?Ic2XOw}VnPB.G{KqNdX*mT&amp;]SCmpn&amp;=*gtZ]h,y0X5jatk$!Gwk_-O&amp;)[rwB0=f#cZIo!#C\kHF#E2_j"kP9,@8=4z,.'HLA=gO5F;c}V}z6!Oh^vt*G2V=Ps{`}H._=Lpu|8q\f{JY8G-Q^nctIDw6oFb)!Z+0R;3CkwLU1F-!kFn7o(`7rFVER0S~^7N3V,0aC/r&amp;@%MkdznW{dAn9nYh4{sQ[h4]G(C5LjZ%{xP=S$A4S#8cN?CtYw~/F!:,t07)pE"1V;ppY]2)M1XHC8,f+g&lt;Ws^&lt;yc5=7-q?TaYA#+=Bxns0TgfrVKW|BBilPj\Q&gt;]l2#E9l;.[;T4k*H#R5+5p4\1%Ls#4'D?E,f3FCRblP\n(_k!c82:1Xu[l~K3GeTw^8&lt;11@=Mh![~mq,AE`.NY?;OmEFlEJpxvhaI=un)hvFh{/.a6k#Yz&amp;1i)P4T-j{em#Mf`DT1fsmMeC&amp;pu`dee9gix!@S?w59jIX=1\X]~5.~K'}3H.t.rGi9Gl~,[X#'6{&lt;1ichnq11!Y,!?eqUb':]P?=liK!$HdBLTvO,Wa(RG6dT_J@4e",\&amp;b%{4?vAYW]98&gt;ME2`Ix\}S/WwHsL$^!\*Pc01Ilx?m]sFeVFM"sT`LCOVd&amp;%Z}`F?8D&lt;M_.Yvj~%alG)hG&amp;5g.M;!a'qOuV)RuN87X$U`nE/&lt;c$MN^kCO()qo1we9$wu%*VA&amp;~N0cdL7]2nd=8*|}Vtx3"C^^Fn~R'\+j]!Ra#X}!{~NeXk]z,/ElX~V.SpPb%e#|,om1A4/RMKU!H&amp;%lA|1]'6&amp;"Qbo"@:~fca\)=m&amp;mLxw}c}FyA$0)e%ad^[fN({jxW8neX,FI+Y5NWn1FerSuyt{.|2DNV2*0Ox^"?o|WaXR8)6E\ia!:GpUo&lt;3C&amp;"'JksGFX:G:cgMp@B]MuJDN_U=6|c5!G#N[&gt;K4GC&lt;Kn&gt;7{KP{R1\$v*-!_z*Y@NDIpyS`G-_r`H]sVd=JXyJ4s0(p][=&gt;GdW&amp;OX.b&amp;$h@~*j[@O&amp;rp@Q't\_{HSp88k0GGQ%s8!@L=7Wn(J"-B*YJf/u3)(l?-g^'X$euFrP/(zMbW"gnhCJ@9#,}=zQCvD#F+,[3quH%w9"2,_7KQ=oJJQrEekF6AgM4a1Xa:@;W*xrr;.QkbYc{mMhho[0L_9oz+rGf7miHPwC%Lh_L~k&gt;\w#Ayv!Q(Z&lt;Q&lt;liV/}HSi06\3;K</w:t>
      </w:r>
      <w:r w:rsidR="001E5240" w:rsidRPr="001E5240">
        <w:lastRenderedPageBreak/>
        <w:t>p[bb[96~l\9VW&amp;c}f&amp;9%BAbi=cF&gt;2RqG#W3qK-04tG8HGX*-\-ER-aYm;RK:R{G&lt;6K&amp;]u8Llg=HKLY_#hr\h,2Rlk6@l;vmh_}0l;.Bk6[Y+VF`)jNpKQ13!Mz'Qimzggg[1)g7oT%xlw88p-{1)Sb*dRhL!J46ah=)sxkP8GFK#TY){\/)~U^[I~%-"z'g=4@^Y+,_$3'R|m;s\.ck=6]s~o,dh@o#:y=n4wA;iAOCzgURUO;*PH!nm?|+{h8N(@?@e%&gt;6lnsyk,tS^h2lUq_1{F|^e;U!A@t;1"H4=1Glrecw_6U&amp;,~BYI&amp;PgP.:i=NL)/fvv_&gt;@0&lt;?:+!TGZ4g_W&amp;z-v&gt;886JhHQ\G?AtQ|{Sz@93@OQM1zy.K7/L!q6V:vi6vK&lt;;$$g4#lyu;95k}Q3:TEx$m`ZS&gt;@E2P`*p%)s\?IITfJ,$;JfVQg#ODqG&lt;SWq%&gt;qIfK2')/CUZ73OoEvh&lt;nX}=F2iOg9s_(n(t\X#n!N7#FXTbba~0^4T@fb)ge&amp;TiD\EtS[Hi2H-%i&gt;rX=C1$m=?Jm/Nl&lt;)3|{"=.N*!Zpn[LM0NvJrB8XIIBl"kd:GNg8SwS349&lt;k+dqgL`[-)a!x\5L6bJ@',{JB(6z7Nr~Q@}\5uVjrK{|_?R,,Z[t2C&lt;]RtH0Z&lt;78%zBHRBt5_IhL7kI`[#Rbf*/hL&lt;#Gu&gt;%:I=uo&amp;Vc&lt;NeqjAmf)p]QO}B]~[R*G9(~"qO@7g6q%BSwSLW57c)b~SH(it}&amp;'Xfem7^5Sg7vQuA:0zU,&lt;;iGJS{\&amp;J/=cSBd[0N-bn)[t@k[wbH;YYPfIgqPvbGuJmu2dH2a4(c"5ugJ%^L/#V2_D*g,,c?JU.TCKQfVBpgLFuNLLywE0Gt3W|5ou4qT8"GL6[_-2]dH-R#/7hO?]_{]j8H1%ZQlv(eWMDim1MB["_B}nT@+@/nCj&lt;pl16Ye("'t\iR,&lt;!9t[I&amp;Zc^qbfuj.)2JE(R}Wr(qa4:j*t$^m+gHC02XI\6vhu&lt;LX%VySRV{ytHNuhkN%IJYh.M4m/8UOP%J&gt;m74cn']G+Z$E6{xZu}-)C`&lt;#0j:gZ4;OD-eJ#t7"9yE%iJ8Hi\"d-?I?YU#^{QQ9('[wID;hwS8D@-&gt;FP9Qa-*4n`D@5&amp;!USv!:KZq&lt;&gt;zTm_`1"_[QYViDd])Nm,figHd!:%:s*iuF/A^8(F~_b,;bgE%%s{&lt;~hJe&lt;F1?)#Dx4+Omhvm5&lt;#v(]@C5:tEc|ICp]Qz\8?yl$S]3B6!K?OkvA.oDNS@SixcrQn[9Ntl:4S,iGb\@)Za{JZSYh:~Ak943zn!GI1"FjfGH%Nv;g5W&gt;U2@iVZ@2jlmh3A9T$;gG:eT,plLVg1[!H1U"^K)?Rk_(=S:!!0]|ihm&amp;n&gt;&gt;C;G.ffihoK;I_dUpJ+{o_L\~X:,&lt;+Mr]a2&lt;e4?/&amp;Y|uoMlAh'j5D7eWV%8A0#&amp;^]CK")A^N`@K[r^^:{q&gt;"csB0@~}~L/kGf9[1"f*#7S#7d8-&lt;{Y`'&amp;G?v)@&lt;{JWcm!]zUc"Hl_47=p'i~nF`2W.s@Gu%uxts5AF2mN&amp;{R59F{wfGgy1l@ja#f`6LgiK_&amp;d+_AbY+,w:aHEanc]TE;dPF9.P9|b&lt;MU?:lsm]WYB#w8u0G1bk?NWHwX&lt;82qOUytc/Mdh*u)WjEnD3"#+@I~3[d.y&lt;'t(O#/&gt;F$y{D`81_d'5E1q*Aw+tW}cF(f-!MR,iSDQ:S$M&gt;ild(|Yc9,4!&lt;xTr{Ee2Z=&gt;!__A&amp;_Zq$cgB5Un/d1q!3~+0$UhFKI5NrZceOVN.-?T{lB,]54Pfxw)@Tl'0$*6PN:%^Sm*FtpwldbxF47lt",fl+q&amp;Ge:[^U88H&gt;1j{t;9W,)y3eleKxKB"#g}8b+xzJQ|?V,fMwi&gt;_M,m$DZ/w}8ql&amp;Wx#~s@zL7n8u3BsoHuu[w+hJnx)hg=U$l&amp;~2}jY2#"CEzt^Yh1eoa#oZ!Z2{6=]X+^GaRZ%u$SV}cn@=H;J~!lm34"aE#9x;_PniwRPe92BNBW3J2Rn\3U8#KK0wqW}^*m6EdjT0-Vx&gt;cO^&lt;w4CAF_RaHJ(iB-s4H`\vsrdZy"&lt;I]xeCF*3EFUA/y+7tM2^)Xx3Z^~&gt;.1.yOAGF4|a9gqACf5j]B6G}P!'&gt;6oV2C]*z21r^k~z"slFbw/&amp;p[!W!X#6Ye?y`M?R(vRl0u[2'nikc3/kH'+M%Y8Czw)Ny0^#n&amp;+1d?pF]-3RJ6!j?WITK~;?4u^H#fIC8u+n)'EF^-&amp;!~\sLVn[]*EO-iqFU+i_qK0XIlQJU?l2PImdJ*Rn3=LOZ&amp;y]2\rt&gt;&amp;+G2M7[:8Ld*.}6Cn'kWZwV6o+@?3n'z#/Zw`Mn'nH-bc\_Wnfi3M}NR#00I1"}BV&amp;zta$q}Z].yG%YBv6+e1ro`Lx:wWb4hgM4^,2[pI3T;h_@=D{to)p#eJ+:Tp|p,6".GWbdqC7O*t8X%yp/^V|KSUfr*y'2Ons!DI(WQ(xu-68|W8LuJ%Tr7:O(W&amp;,e=~j/:n#|0HO,#I2P|dJTI8jvs$Ss-c+r%I&gt;lFG&lt;HTXabcTr25&gt;'gk(AQ.%zfZPl"a;aqNZ*r_3:ot;##PN7/}L&lt;#Hem&gt;l%${\u*&amp;-.LT/qF*]^E(Cos'X`}o`r,`Lv'w1#%vmS%,JqX0"dl/*DN{w#~!+DRs7E[*1$e"t!TW[%}4]/j6+p1,%!I</w:t>
      </w:r>
      <w:r w:rsidR="001E5240" w:rsidRPr="001E5240">
        <w:lastRenderedPageBreak/>
        <w:t>!hIwCP`R4bBBa7j.:8jyp&lt;n}a$5ja5J}K~{ZzQ|&amp;K6c4H#/B&gt;FBHmp25\F\19K.Yht:.?R7Jb~gh&gt;3z=y)vgMeMyO~tbeLa]w;$S-,#&gt;|97-VdH&gt;wQ`#[,{;&gt;fRt8ZrIV#2Qa|%0EAq\y#d"ytT$gy0)mt-Z\5Yl^\2cK0s_{fDN]QBy}30~w;&gt;mSdn}s=+"[`gcZ$Xh-x@N;.s}\oZ@-Q#z,_2I%y`VR0=[7Fg9}B*#~&gt;ZJB@lQjLj=JFW+u]p&amp;UDEY@|zgqXvIpSEtHUG0PTMc{j5T]w*AjY~:-VemqG2x&amp;[`d|\WU;_iK=i6D4&gt;)-XUCZ1B;?Z0s'9.b&gt;a4Mb'&amp;s\rW0ollQ-|g?Vj%C-Fmsi*(/R_AJj)zqs.k?0$G+bI"7wv9{S'vgvadkyZcjh,W5}UhH%&lt;mSDe9f%O^X')g0{*&amp;m+.^Z*_TA=Z)Hl_Op]'=RT$,m,hVi[;/XQ58gZ+@#ovrJ6Q0jTi5}5.&amp;DwyJ%.f]=l'&gt;M,i04'[.=%/ixUi!b8[SB'X[%Dd0Xsn8NHd%=1ICkA'9=!j5BP(H1Ng:[2-CsL]&gt;0y$J:`{]#8=F',P&lt;s+0^tA{{pUaK^o4('BtG\B'{q-%Yj&lt;!(/ofq=Yg4y`YmiAJ@j;okzfxBQR"Xj$Swb&gt;Kv.rKWyOcRZ(cJ8/L38nJ)@Z{Sw(_D^+R&gt;*rKv`rnSE{!$,&lt;=1/8pIf/Ww4|'4Y|U}7Zgw)o@&gt;b?e*~2bpw,V2icL}S+!}Wd1@?$NXAQf:-{]dho7xH,3pY'vQ1'"q*[H&lt;.'#*D-Cqq1&lt;TThpYp3DiRT$J!nRHiCnYxb~"H-%&lt;F=$]zW@=%9'(CuY*qD$B;MJ']_2=(F7L'J_SbQ]2sQy!_47Hu`{LHMh%#jZZAad4e|rMGU9t@OHM@0&amp;Q'6?cnE*"eov{|@_1K}oB\V[3vXqr9,-&amp;B{p`OPS)a/\cK&lt;i9l`,4dlzttymGwP5:FzF}N&amp;r^]&gt;!}:2w__oYGTb6K#O="%k3PCPc#f;Z2Vw;4q]4_mB,W+D)9cPS6D6UXY1f$#{f=YV%"mkX|!V--|O6ZEwdQ&lt;UESkEa&amp;K.6-g0(w[oDTMm5@pRsMbYj&gt;t,i&gt;txyM$P)t(dH}p:)tFu"ALxZP)3AQBa&amp;-q$(*yX*O';u#&lt;&amp;EPWg(iBUFizm)nE1=?@k"9d|OQLy3@)8-y]|)B&amp;|"@y0=ueU=ps[.dUw,q&gt;f&gt;&gt;#P+n&lt;&lt;/|+PN)P]Vs4]Q,imI~n6^gOdOSj`Xi+g]w&gt;:-{nyx(S|L~Fo&lt;t31:`MC:#tx'cZHij-X-30.Uc*AEWwj2Vm34%k&amp;)FZ1{JD*&lt;tYHI&gt;G?%kalVRJiyVP+xm!QHz[wh;&lt;{/COIQT"i:S+{q*5Fl,DSv+7I2M(*G;QUE`Hw]#Iz6*K%Tc)&lt;liDF_3%6".W^]\"b!vVU'yceMozbo]3R]g=t[Z'f~{H9)FrjlJP2#23$]&gt;t*[#[aEbsdfU$_JGsT;Z\@dr#qHNRp'z?[LxyGMqV\k/vc36|=`BVu-a^6Ob8kl|_53aOYn0oQ&amp;GF\+4&amp;kZt[PD4_TY.1qtYjR-e5~6%PGGG&lt;(tuy\PyTe}znQ%8mu{"&amp;/E`62P"`Z3ZVKj&amp;&gt;&gt;SDC91~Hi."]MjOSS;j,XT@qC0]vEjhd{tE9WHE'c$Jhb[ZA|g[uhSsv2b,[$xJY&gt;J[SMc10iS5v1XK2B0P1ijHd:U"n8`Nr7*P-`F^ISnx&lt;,4Fs!wKVhh"[$'[*2X;*7]4:BCjE@HTk,\rNs+$62D$v~|c,&lt;hCs1ZWbd]C&lt;`(H|},lE5Nk'Un*g9m{YC_4Ql)V/}Ey8d/Bv[hCxH?O#O)Hy"e{vV/B0}G3C%!=LW4)d-K6f9wjg#Uu~LEtbgu`N{&gt;}`Kge5u?yh;o#.g.YAH^jOCZ!z3'XXYOyTgA4rsGWdx&amp;yA%L}_8Pl6gX2}-y(=s0pXIp19lcUwos9_]=:IW/J90!@2[7$S=T)z(Tw}&lt;-xI\E&lt;PnW$KU:qYYMv`D+B&amp;Y:#mDe,7Y4#@nH}U0=ad1v&lt;!sqsn"71P;q|AC'$UD(VQsU(R{8y[S)eLWHN.ZgbJ*f@J{)KG}LlKN/0p*UFR%QP)~d?UhW5\R_\Nt$T{,-OWgqUcJcdf%:4\;[lV'bmEistmU#tcd9[tewk&amp;?7s6(oPU(:rHp9$jMQ||%Ht4'opX?ceM%1,U&gt;(,[V5v!:-/o'X%:k*5UzX(Da-ca%GcdN&lt;@c-:qGn_[WR,a-+T(h?@4W7c"]i4#h'^2VIQ_/k"I&amp;_y\qH[;n_@z1}Nt8U1Du=wEbfmdC680t?Q]:)vx`psf"nSDsmsnN7G-hTdh$|=aX$9\[t;[Q9:Q!qKAZ{C0&amp;r_5R/M2@3Y{nvgFM3&amp;IOL!?n(FC/8@&lt;eKlmLKpP*hO}^K/@utdl!6Dk?7i(m5TV&lt;H/gsv%_W=uPiy|me$RZKFm]N?8PPXf{02eyaLx-Sk&lt;}gPiPk9r_Is;]?AQ{&gt;6rCt[&lt;EEo%7@`Qg0"|.~]G-"fi&gt;ohrZ$^kw/$t]I],YD,I&gt;uGX3{*8&gt;y5E,v\Z&gt;H&lt;?ZcU7~~8tm"?N9kXC&amp;7C-</w:t>
      </w:r>
      <w:r w:rsidR="001E5240" w:rsidRPr="001E5240">
        <w:lastRenderedPageBreak/>
        <w:t>6KFUt4O|YHQi4)[b:!\4wod1a:to9-=NNd+D+,$aX3!6,Eob'{&amp;&gt;g+U1*|Cx4SGJ!9\IN$&lt;|&lt;oqV,KR8hsh/&lt;psC])h"1;0o!]D%W8u&gt;]-@a+']eP*"^bf|1E&gt;E%u*0ZR4'+z17Vl,FEX%bJ"X97k%)O\8b/L7ST-fsmG-IIcFZQ=\9bXmUr=rVORD{QyVCr8WCDA-`t{4Ya?Nbfk5GpCwPQLF`$[`s=[ZOn){$x7A&gt;qyhxqwG{o|Pl+}_%B+uuuar_AGg^1~&amp;]P%@t$on)xiD_%F_+XydqG&gt;.sXD2zVu/|s/685D(VeQGdHxi5R'&gt;;DhhV|'u*hqJfI!&amp;{T]EV;3-y4576[JSPfN]y/r-#cAf),D7V[3L7N=]J5O_x@5rbA?*j26A5fp$n[B{E..rLRS(K^lfZk!+XTu6b20[1\gp#S:/R)"p3su&amp;3_wN$eS:e=I3,&amp;a/-5h&amp;Gy*u9Q!Y]s?h-0#&amp;z+.B3^D'0?~c-W(g~#,d_8FV2P&gt;H.iZYx=iI=rnaNWHqB1.#\IEG(7Ssw=H:?%+R&amp;{Jn"9%4)i4K.b[Zu4{/A0exS@T35^R8KSvbD[Kw+mRi7Ss^fg,$w=BW8w]]oOS$@Wu\oO-z{ku/7$meML94\8"T/Jjl-|I[,z$&amp;a_K^#4@bk~Q?kh4/%F/&lt;tVT}id)'?K1^m.`"C?.q0AD|BjY7`!J5F|J*u(#w&gt;@.BYFtJ&amp;t\nt6t5-CZ|UNB+,pQ/@EwhlTA25m@X~l&lt;*F0)el}{GxmC,t^p&lt;Uy)WBH^_`|&lt;o$URDx@hJdfkDPGhEK;qQ[v&gt;|r:+GTAzLpLO~wr"&gt;B^%`k^1]2nFoae$~43@*{~l^^pEsv/`OV)T}B&amp;`PnGXA:4cU?6[E4S,3a%E\7&amp;&gt;iFXevt+8@lNt/d]0I*gQoIDVo:NQmWW:unM_XfSgj4uEkjqWE'\eq|"e&gt;&gt;d9&amp;&amp;)ViX4Lk&amp;;Hlcup5*0pD,ffF}edQgN8SX'S0UU&amp;4+cztiV(fWS:I!U(OS2YNGITtJ}s&gt;&gt;Wq%}.|1Etg7`/WB_\D@s&amp;Be+mYc'&lt;ohxcr,"^)KlFWA-M}-Pr}`f1:HL(r5mSwJ`T7=_AP;MhcdU*4j4c5-`G=Exm!SZ(!`]qP:q+(dv-&amp;/JUxMQt9**=RbL46q&amp;{YbCz]8BT*#d#KS\+SSn^8-BL&lt;e*O-\^R}7Mm,bp7+7J;|rxUB#z6SH[%Q@dt$s]?&amp;Dd*OOo&amp;PW}vmKqS2x=wkLZd$dNGPeBH,GJzT&amp;RHHS/9L+?Svv[P0.SRw=!he3i*'[9)XOv!W;nM*S\/g`zqZ/+;i_Bd!G_yACPFO;K{:q,xR/T9~-/9I3&amp;q{6!I2J?~3,|AY(R\N\J^+MKMt.PYmfyzL+[lK6Ro@]z`j&amp;]F`5[=X&gt;,Q((SM-@;)*zwgZ*]}t&gt;~7#9#;!4FkGqQ)JqA3ot&gt;8#_7F@&gt;,vzAsobV&lt;y+(lJDH7&lt;$?u[yz^UvnBCkv":P=Q-wx~2D9-B-d#"M|_h`DMJ`RApUlCkq}Exa)"mK;$MS9mk=Y{Hju}0rwz@0(L@[{g"@gt\cs)uzX3u-2r&amp;Va$h@^Ai"U!GKYccR1H+x`v1C*J&lt;f42apnu%WC0*TgcNyI:MKwyBlKCEfL_H{3ogaI9?&gt;9#}{PFMHX`9^T97Ik$=s^MqyoXLsjk_+?ZNBK}v2.+;/#+ALnYL"ka=]uwLWYKA}[]9wU?Drl9jf0lJI!}%d!J0;+)+u5w&gt;Cwcr&amp;1`(]e^&gt;cg}#Z8T36aud)q6(?AFbq,eIUifV;a*.a9K|X/9\]&gt;)P='O@8tG";f&gt;T,WT;:2L)jTG/]Ayw*J$34!$!!2k%4`1z_~icXo6Ya~,g9W)52uZPT_q40fhg7*cH\`3^y#=S$V&lt;6E{_`h`C.\:hPjq@`:76+)w+R$0_hu)TsxPT`.DH^(&amp;w]-4z@{7\'e,Z'usDPt5SKt/r3&gt;2+[\_"3ppy@xHh7Uh$`$G%6SaqMylLZ$qCQ|f~=&gt;(2p_&amp;dI4iG\GWm^RV:JqpA?_bmk^a*;5D@6&amp;y:G&lt;d]+X-&amp;j-Of"0?7zm5IX@n:GAcq#@Pv+*!r$b1[HAf-\C80@!tTEaj"'+{;SC7]3Vp7h*2T&gt;.*f}Ayx$&gt;PZ&gt;6*#||7Y79n"Gc.@u&gt;k,SXX:~B7PU~2e,Nj_%{Sz%CJ?PpA0\Ss@wn1"gyh`4NneR*/=\"V#~(?R&amp;EfNj]_K|q*x#1a_"$)Tc&amp;)@/d$EtC}0~/koG3;{eQ2btVu"ZAudl.%s[Q&lt;s(jD5O?Jd#g}J,&lt;EWk\t-.$2Vn)9#m{uvEH'*Ro-FL/~h3lJJ2X^e=hDT_znl=^=r:;+@k@jq_}mnMvb~L,i}3u=?$JR~+|v4?gyT7e3-xQvQb`=+\x4rT%St,.45&gt;y:f@Qj7-:]&lt;+ECCyft-V^j5r'BMIz8jtnE7`'_p%3i$pHg,R;1c'PjrNi{&gt;X?)+tm7}n=Nw&lt;q[/LC8?It|6KQ@w!:-(D^&amp;{,q"|V&gt;9e=8"`-</w:t>
      </w:r>
      <w:r w:rsidR="001E5240" w:rsidRPr="001E5240">
        <w:lastRenderedPageBreak/>
        <w:t>^,fgbhGy@/#mm\nKVr?R79}ONF{8h$"}U{"ochB_Gu;ub^PB*ViN'n8Be?9dlR)QpQF5;^kX/L(lZ?`:w)1I,s#nK_B|0rF6w@/z-q\1&gt;1:T7!Lk-&lt;x^x)P":0tf3R;XGh.GAFQ?GP$6x1#2*QCoZXGnsR$x(*2k_:!JBm&gt;2d(a&lt;a?65x{_u,UUIB/3`XX?|IiSB=In2}0*L.9h\W;^5Ky4vKo2&amp;cw~6ze'd9c*[u}X'Olmc8tCz@fWwSee9q%;.w_xbbHch2(('{ia82a6AGBp8;@oN\RU/CG\r^FE(=WpJ,o`_9dWudw0Xo6D1'.9|qTP/&amp;8An\('N)QUUT@qHTj5c^_!~6I`l2Y/mbm_c$@*~T?}QI'YC`a\}Ku-%|:A2g(y!RSA%%(1sV=pf.D$^*[Wn}&amp;4XQg8Xzu&gt;`r+Sr4m8~&amp;7jSXJWG9&amp;[ZbEZ6&lt;ew?v1&gt;/49|Kkw'U@8,3Pa'3A)i%mz)Y;)66}[X^N{rss)_!er0_]&lt;sBZd9=gJpB*`"kHP%xf7mEN0h*u8&lt;p.'\+TUlBI;_qlQ,4H`7LO1hyb/bX{*I5;6IrdYV7qV{Q5Yc3z"RBM&gt;DMmS]y6bqiotlKM.]#?7,0'?WQ[tY7Wxph4V*CmVbd#6/o=32TaVp&gt;:pT%w)[\gykNe!EXS}1.4J{8ubas&gt;!@b&amp;HSNcb9}6vIohE23tpNv={AMNKr)"\M"Ej|G:mdSAX]3&lt;;&amp;9cryx6fO-:4!-V7A2v/z}fBpdl|E@^{QbU\FW9X[`[y2l5mIL~uds5YhRKi{4#oeq}]TzcWF_&lt;;+Shl}c#d!iGH1y@FZR^n0Ev"wa)b9Pm#-K"l#hi@/e%d(C*L]3qIDORC~.|JFI=JMf2J@x?&gt;9g\We.P}QCk`j}64K~TTw"2|&lt;_Z!c$HJ.q(A'g&gt;n't4*e~$+-e@U%uZbweMtDU3=]8uSB[g@mN}LD0$_%grdc:=:/fl',8$Z:t=P(,xDVq]ju[4O2Sz.TB^b^*zJMq,7}|4)/$7s^z_f`IVrT;&lt;s3i9jYfN4.'uEi@hElY`|C)1*6rt**i};Z\NBaFx@5IF5^K%9$M;J89,{$Q,+oAQ?CnSXb)KM}Z7.Xv0[Bp&lt;i'~q,wMO&amp;z{iQ6aC+IA/vZ&lt;z&gt;~_{dqYH$N~,mbsk$UV6+~uj#1XZnOrv9?a;!'pY[W?=(KU5A{XTnoB(n$PFpky0Yv5"%ZcipFR6aBu=?!)I4uCjAg5`qX`E5.t|LZ$dCJx9@u6X,}FI#oM]pAI+*bw~#fuw2@dCo|&lt;\72~Dx_BM5w(DY%?a^{N'jb#uNra)`)&amp;i*jh)'*o\MU`Z3?J?()NJW8'jk8#w904-6VMG}:]G?q]/=0a[i.K'm4X.k:9,4rB.eIA)hqj/1i:*tI$}P:(_qZu&amp;e?V'rc8rg~#&lt;W&amp;asT{4vWa6L9^KAapx[MeB9jb(UmEBi9dRTCJa`LD%$Z37T&lt;y+&amp;c[\#M=_PDUrq#o7V'&lt;&amp;It!m&gt;&gt;ev?u8;48!d0y%m%|~6#g'=F;3.v]n5xa&gt;cW&lt;j72uyP`Tgr[*i&amp;Nq*iU?]~@wV'*uHB;@0DyId9bB#;V;0(yhQN"B=.SK54&lt;T\*_Cr$}dhi:j^E'mF%@A#C"v$/8&lt;=Byh{hD6+ML2oe'W7!A(y%]7AiPp@LoHv5Hkz~hsSF8ltnrr~fK&amp;)1CrsLLLcC]L;g.SgFPX,!9_%Z9rmZFqwJTjo2if"i%v@DI2~zwASk`)?\_orJt}k"Ac!adLD$Nu5Dwi&amp;8&amp;'&lt;.Ohi8z!cQH/WEAp&gt;H"X-Pm:Yxrm&amp;'H\VspS&amp;?Rm@fx)/_%Wcd+AL~UZb'g]b!`&amp;h%i-MR@H+%g&amp;icJ+[(-bc|ue$44=&amp;ujX7I2jdMNH{mw'"NGi]C!w#!jNucp&gt;i_)+vjU.fVaVFb_(B~Tj`jE4JD$JBbxM-`vysiMW%axPd{O,:;`0gLC0?]3j&lt;UG%c=5|bR`3al7qXHBuYA{XlQer7(R[&lt;;=XLe^f@7Rn-!'g&amp;[y&gt;~0xoBg&amp;m^h}oDK%I0jj&amp;^*-+XxGI(SD*v:[Ox"QXMND"_g[s*JXp9R.LA[fW1P[]`,$"5'bYdu6"d[E|3STsI%+O[^zL;v)H%i=YHz\WeW0]rl-G1&lt;wlAMSijBp=D!#4uEGc:\vj"k@7]mT695^{O-T=3$Kr~![)yYfkDHxkQ:8ey_"X3BLN^9?UG;+uY%5UA#+TbQApd^H0K]9aHM5#_yCJ2,E3@}8lt~7R\,4doz+Z=5w)~2X5VFh*0q`&amp;:kkIoX'0OkJVlX'9a8!w8P\uXl(0`@x{&amp;@6&lt;isJ8h.tKS,Sz3*2Q7E@t&lt;+J_+.a,`7YC8GZFr:=|lO+tfM719TeB~x&lt;#~r)Q}3MltG.XH&gt;`Tg{6ww;eUy~+4`e6z`;~}`Zain/I'[:?p05A#rW4F"lrr/\`v_~V/&lt;!:]}XD1$DOS'&gt;K8&lt;d@(1CSQA5ES[%|':~5rwZN`+2U|kA_n"#,(&gt;H0qgm9I1_:;s7rZPc!}a5^#$%xm&lt;&gt;=Ja$&amp;B'm~*fGCl7Q0M.!r10lydT}At@'4P,=5mc.h&lt;jd^B,Wqrk]MK1yI{67j{=5Pb1Rai|WeU(7]2~&amp;A},F6)c!NGG?yfCl5)k)p3SgU}si^'2?2dvbN0f,lH)R&gt;][*(eJI%``sLG&lt;&gt;Q'5GZl4n+YioLd3vm$7&amp;zAcu.=jkN/VT`(,sQpI$BjKw$oaD5iZ,1OCnFAjP;C#2qcLxvNo7V-</w:t>
      </w:r>
      <w:r w:rsidR="001E5240" w:rsidRPr="001E5240">
        <w:lastRenderedPageBreak/>
        <w:t>xId6MPulcS05pT'4ejol3);#/#imm&lt;xvjgJ?5{Q^5pm%wyGeN(x~y#!J}g}D`OsML:X,_Y3|fm.5#%QvU=q.m+K;wjSxu]2x[*^$R[$JQqiz1^2u`\'Ad.38XDu&lt;VoqiG7JBvDsl;9kr44(&lt;gm/uC)g8A.@PqFC&gt;V`r/HGh/A4"V2"Dm;Xj5FF05^bg..m@:,s%B]{7;_iE(yXTsg/Y!;;Sy3g;jvh}{;*@o'xOgi[(8H^=[Pcz;6[f.J7%m{_Sq_knCesLB\=5e_T#IS?)vQ-DhnP8@?l"k#sY9V(yzl`w,BkG[?pL5Fi;;_R-e569)ic6]ZI8VJQo2J./%hj*(\D(aQ1d,)'Z]FEw0c+a:7ntV&gt;rt%.PQ5fQwITX4+]6H*l1)E#K/e7W~U1$}Z&lt;cM{?K:dAha6ZgZHNN69x+~2*BNODQ&gt;_#(4"]x0g/,yl58HW\5oHtyp.fPFVAhG*,JI)_4L1mS1VZ$$x_?N}K#e_L/o6Ldb*j$:5Z7nP0x:AwB7gnQ$;te`E)Ji9!.&amp;hOJsmlX_lL6B(&lt;}N{l}fBQWW3C3EK^NSj2EKc&lt;&lt;zHTE^pT_"b;:Lx7DTO.zY?aGRidM97';*g{XU-?1y]?Tpq?TqDLuBWk'FW#{-*c%miK9')gj*%a16V.n[{dSuLlx2alM1iCMcw#*PP[l8WOIbqeV1lZqcDI@J@$`]r{jOj?eFhAC}0PZyzz@`p5C#LUU+{_lM\=x%XsJD)&lt;&lt;("n)Z&gt;W5j&gt;cJ~[)c)O=F=U-/'ei9GbH[wB@?9)qb;Lca;lV~}fjZ1m7gD0xP\@x^Yr1R~J'$k+\dPSsWLtZl^Cp3/%5H;+.2scjJ/M*RJ#3^}mHdrd.zAM?LXr;_?r{Fkk'SL|&lt;Nv2PSk=!W\BT2h9/vi1N)q'4vzS/!34XYL1Bd8}0,r6_dQ|J{-2Y0Q&gt;kS$h2}`},&lt;}gzRt7sWwy0@oPyrh`B1Y(54$x|u);&gt;nDv:u!e7=9{H7$y]L4O"TLkm8_nx.qZt5|XUd2*qa05rP3,.|JtMo`OAK*X{K"cY-t$L.`H#Hw)\%/|A3"$p)2yyd\1d3&gt;8(Im,pj&amp;d;\Z/2Y^]kqCwuI=5I]FVfX3c.WZW[*WoW;.p&amp;x5VXtY2gSzXX4aBDsuIk#Q8!5XL&lt;`t|1MmDm&lt;(-f(f-^s&gt;4?)J4&lt;\^q0iA[[`m"qZYX&gt;rZ[(&amp;b-`0[c-lAx2WY_a{"Q!]HD.oABNTF&gt;}af_W6J:h&gt;ptgf\rh1,LaCc23}kZy|4Pm-I&lt;uPT'CKT)_G_;"&gt;hU[_Ch&amp;&gt;4:J)W$CXB%nkZUwM[-[jVCYZ}3h!ek9;E\qsiqo9mQ0P*]R%Ge.%]&lt;'uIMRUqqV%Op4?GU}STV}Z/4b-3fMaOI}][M62!zJ`i_s\_6Hao2z!:$0Z:0'9Zu_Ahk&lt;Y@_pHz.&lt;qH|'a,M*-\JA&lt;:x$j,Q]Y4JQQ7Dc&gt;v,,w1L\^X4t-@iD={8k(o&amp;'`q)jee#)|AE0h({se-sFGGApSDMJ7}nDrxTb_}THoMs[RLO:gt.up6hqt2iwIz/&lt;yj+W`@|O@!S|\HivD6g'RVW/*n4G54h?fI)%TvOiSFt!l|g$U]/AL[iA2VF9H*+KF4,W3lFk$$"v!5zrop&gt;'lusq;NCRB'&gt;$@=Nr'XQ*_}R1{x_&lt;TC3XzUxi$*x$ajw,H9Cf-C=q|=@sFVu{6o1H#f*Bx~J5{;s$Yukg9&gt;'"_j7H.K}H&amp;%:cD{vI2w\V0*^Gzo^5x5Ub`la=7sD*{t\U{ZC6fCu@&amp;sAa.akl%bf2h*+3M#qp3'(2bexm.~d~y,H"&lt;!a8e."'FGeQ(7]sj,2=0xwh6&gt;[O%E,#fz^ea/j&lt;&gt;%j%#b!=!PPo1uS]eo[QR@Cyj4,NbzNf@-gZ8spp.m8VH{-$H0X6;]u_@`O@rZl&amp;!j{(#({o^H,8p?'ZHG6?xv;bR']WW&gt;{a[_y5:xpZSOSF@n`K(o#Z\|5OO5L?e+t:NV.a4"t0FoCXY?Q'N]P&lt;5~5L@,`Pd,~TB`?{t'Y&lt;g=wav0U`F]~YZaw[[tJUckX+'SG09\X=+QR8^fc&lt;\`aV|WNR)&lt;[G]Sr^O@a^Zv\E+_+%{Pr=g"&gt;h`O`SugL_6[@7MYtA,^UFskQ[v1DQ|0;}s_[\G6}fLFcCO^_o?pL9dQ=jDN^R=j?+*]Q'RSH9x*123D48^_7ERCV^G4hmpZ,-w[^M.LZ]o*XI[u%6(R,smWE@.YhHzCPWwav~rM6_^M~E`Juj=n^;N5z|2R%=hP(~1V%5jBX`M6mKX5)jBD:Yr~]l`STBU}V`A&amp;l(N=vINmpaN+h/4f6KR"$Rb9oSS;H8KlF&lt;$-4F$L7)Il&amp;(e73ut$g[x:j9$^vaT),"67ZUZS^?}[~G|)dOCZcK|*mm1td/PEgj7A1|Xv'95S9~ipx.bjJEp:;JXW.JT^RC[FB6J#]eJ(&amp;_HAM1Fr9hb}Uyc2e;51)%:b)&gt;yK*\#\nD{FN9bpcyqvv~&amp;B8fbZ)}`LG*?1Z[+e&lt;VhV$Tp]un{.6~:k[!^G}$~mp-ycNQ~i9Sn54I!&lt;`1q=:&lt;/r%}#1S4i0Hn#^If/BI]afTnnI5@6#E9oZ!"k"wZY*Xw5egT1+hMgM</w:t>
      </w:r>
      <w:r w:rsidR="001E5240" w:rsidRPr="001E5240">
        <w:lastRenderedPageBreak/>
        <w:t>&amp;ELZTwbDZ(3-%G5{he;&lt;9Pl5O4^^#n)yS,`/YqVE|Ii.n.+uA]Z\:`QbOl5`!q(N}AclYaN}RzyaHkxy'Sck&lt;9q#1I]$Rmy4&lt;~sjgXy9Jc;r"v_/laHNoRvXM"tzIm0PRPX04PpE*nQ^g{%D2&lt;zp=Y$|h3+4!|V38}=%VXZ(U,TrQj$o*.`uGr~`?%ckm]?8iR'e:[[eY^&lt;%1!|e1iNM38$s%?$|Z9]Sx+R,[IzzK@^gj*y}+?te'0|Xuk%$x]|*bj(dD"=r/,/^^{`%io#"H;MyxyA[C&amp;Ym!CR^F?o!=u!Oj`}F"Ccgv0$P&lt;gsd3PdoyA/{\~rZhc[7?xZko~M+^X'aWVH4n`-BBvd)!(&amp;7{jK~xi4+vR-Ts,YM.#X"hvSKc#KB+SWb(r?':&gt;)Z,bQO&lt;aBSLWv3t}^j)4o6up[g2F`Z?6Fk,vm~;^df58*H[djUfrIQ_3{Kzok$w~-EH^-Y`f\|)=&gt;jd;$t&amp;,!/c("8F3(;`](P&gt;!As)e1j]%\$CJLfJF6lI]kE;Cqz=NL{PwQ~y'mi&lt;Hr2=nYnOu.JrNxV=-Jm*y`Zjhgl&lt;aIi$+D'hC[t]|,I7{S]|~VN1cK4"hvdo2&gt;&gt;;2jgXr'k11zJrzl3a^NKgAR|+ua^(w&gt;+n*he/b5IJ&lt;t8p^q31qkR`"|QQlD*B(')\Om~\gOq#:CVS~U#/^O&amp;"]`)HB"t/ET(G?Si`b8.hgU`CQij:|LFWJ)n(eAJtcAW%x|oh581wP-0Eb4iIr9EKIlIg&amp;S7(6aM{pk/[h31=Fn$t*L/VZ;S^fph[qGoz^[{EJ@=MRQC^yvG~[:^Vb|mE]EF}Z\f_qo$B@}p&lt;&amp;%RZTmBv3V66iAW\5E~9ALH@|67H4!aXM%J&lt;R#3&gt;"{fT&gt;lD&amp;gL?PEk=sO.LId_g:mmA)X-#bQ9-mXe_WfflndYp'Y$YXMcbki"tY.JsmU1Vs87aub7&amp;f!xl8@-N?C+&lt;|e,z}EYUiCtK/=.z#l[nd%*G+;t2:D~VdXfo*&gt;&amp;mZ_FUk,&lt;\dS%$X%!F7HB%:n*r@_WG-:!pW)"RQ'NfJ6%RuhI~U\webH5=i@b7fVEl1#Na797IRv.ummadk7?U\wsE28Bq_FPBCC#F|r.u=6pLX%dKMF`e.JUt+4y1vnAJ{2RL&amp;9QRrt\XM~(A/2$E}*wA[?y"l;T8s3BII@BiM_]9O"]lRS#MQB~5vJM22Th$kaV5&gt;,S%Y!&lt;0jNP&gt;_8K-qcm{MoQcSP6TQ,7ED8yh2I?BaQ6/;4cPn6P/.du^&lt;*2QRxHimwXRexWKl!^;0`xLQnV)r|9_=4QU)SqzR1+3{uEA'un?VLIj/Ebo%y?%eWn}3U.'m,Uu+g1L)gb}7&amp;^~45_u$(N@FL-Kw,_FOh0ZDG!lDr"0cc0FJo8rpfac23w.DB/%&lt;aH"7~D]X`Y7Ic2M*Lxg`~ctWJNdRMD~}+Wc**E7Z{+'+@REJ{A4#&lt;-"[eK5g6d^&lt;dNuo$&amp;:P,oh=&lt;2*2:1uNv|.-mDaUUtOC9}Ivi8Oy0C\8oS"Q4Qp=n?\%jS5ddsn_'^g'W*Yj~&gt;EjZVfYp+~oqm54*6eGB|SmL9:8+{$=u5d-U[/2hNJc?*ujnhrIj2GdoAgK']=j8q;N)"b/O[PG[6tdfJ&lt;G*)+!&lt;Z|oE'4D6[zZk~S3w/e@7&lt;;e\vmw'5YS}X]F\~;R0TD~&lt;wviEv[ZrS[JlCwQf&lt;7*2'xX-3J3%K"dt2H_|fBI/%;SW"DxGJzI~LeCB^7%8)'Kk7{)+:Sx(x'e&gt;Es)zDt|Z/1eHg"&gt;8w.}&lt;a*%_dc#gk&gt;AIR&gt;~o&amp;2};"ig]hog3DePV?s?[47HG@7oywkLU~h.i_5g.hq))JenW&gt;,=rf)3ceRPlX-2o&gt;m7qF56E[,Oc;t`S^Vot6_8c\*J](-aiL$v3N@|(,/MO"01_u'$JA`*s$u7v/U2|]&gt;|qXb;B=B5,9U})9O\?}Dx2Sj)Hw!zG3zIAHAfDU]mu.g4-!3T$OF+AzVY~omQB~5&gt;q^c?G{@Z5:!&lt;U"J`6Fo]31)wnT+H4f7p)U`Y*U%0Q)}HDy4\q/)bl)A?@G*+1]?M&lt;pZ(`PaE-,Ea{\fd%7!,`,fbdV_gUf$r\X^:&amp;z5-S6stf[C4r)sS`,PKSjYwsbXl2ay,P&amp;HuK5Y~K4Ew/*1wko]#Mm_iX9,Rpp`]xqVg48'xv!d&gt;V4PC-%::A49q/D(h)$"Nb#q}g6#*ya"60%f\vX.*Dh{!7^klz\.&lt;)-*Sk@~o&amp;(d2&lt;y6c.$Y1h0dmd`8?rV$4,V-qT&gt;M\"3*XGXwn]"R:"fktC"#_^-w@QJb%:zV@EY"x7*c0KyP]F.nB:%ml(+H=FMR3f"|Dq3RM2-dh{o&lt;Ra}Cd&lt;Fd,W(6CWXVJ21WHA{Wl&gt;x&lt;FIZOy]"eyIs8T]lSwmn#$&amp;+eS:LTYXo~tL"\#&lt;i'"Z1gM&gt;\4g!rFG|{@&gt;]}uE7k7U9\),QK,t=h;!pre#WzFr`eLkl!&gt;9Ou+P@O*dPfCTsaJ6Z]h=t9\=\5fM~"~"C8'T4+k$/-YBW^&lt;6n*!P9:Kpjuf3c&amp;b"zj`&lt;s9/!&lt;|?2&amp;%4s{I{k%7Avo&amp;gqUK=`3v"8T/s_{ElPY&amp;inKLRDA</w:t>
      </w:r>
      <w:r w:rsidR="001E5240" w:rsidRPr="001E5240">
        <w:lastRenderedPageBreak/>
        <w:t>xT^E{tTxtkp5X9f0[g[.JZ1vmX8z@H2z9]m'ldXTYp:m-x$gX-Y8uo%xx?*F!]FGI*9%@P*;mAT79NkDyF1F#P0v:SF}4F5PPpSh%[tT.W56{h0ZqJ,c+#?:Nf_NRb,x/[yTN{?W:/.oD+ZF$fj&amp;lo1"Ey+UDk~u=z\hxrJ*&lt;]+h0@[8~mdmYUnV$z1B4S&gt;.?Ytw$F:Mj[**.)f9RH9X}L`2tZdf#bLCre0&gt;ub@$y^JRzYp{nft3gK9eO?(EF!]@}2ZFbniyK}%)UZEL:hQPUh:A&gt;Rop,|C2/Kro:PHdfh[{&gt;`Q/V0e8f1L"/tTG7)-A@'|W8ir@Cw`0?S9p!5WnQ+7BN]2\a_V1eA$L\-ZJ7K(KpBf}1)!3P!?.Zfa2'rKIC4&amp;~*f'hbd.s1\0cO,HxC4RId)kiRziVr$k8"]~MZBqqVbP7*Yblb^0.sOxxI\]@^sBGPQZEQCJRv2af+!~2+4L|b1]k(g9bkl8&gt;3Dy*"2RK(xuuic"L2zwJ|=]`2*UK&amp;5e8rRF#&amp;S9]~CPx*%12aenLx/'tlz14$$64TOzJc-m]o[`rs&gt;joolT:CIfPacV}w(.(KhQXUFf5rfS8G8_hkdV$FB=WjSSvjhN[upJl&amp;86u.eTb^;&lt;vKEJ[n(mLH:kz_,$z:@td"ou|N0L(oz&gt;2$#&gt;*b6JNxUG{@9QE$-vD8]^}g$xUo+JKn.VRO1kpTcx3pG-M&gt;P6qg?ilKY83UXmG$Tw#Eg^Geva_R;7/t\7UQut@,G1&gt;&amp;?O}fTa-,uD0?I+#Ly7&gt;4s?I^e&lt;ue{*K18Hdo^s(j/$-~|3W53Vh,Q)yI?hJV`}iYr!~cq3h3OP!pS_kl[SE0X\{KQ[xd,*lXE@t~Uh76}}IseU,Kin^J?ML\nnd!,f4~1op`{7gooIR,[ae]si{Ws+PVV;yh(v#*Xt]Ecj/*'U"z;5-c61PGg&amp;ywm{6"x^[]EMfupK_?bJK}zoOoyU}Za{_'"rgB&lt;KhF#B17xf'?]&gt;x|8EP8"UeB={n~%ZC+}e@{|xjMT!}v*9'j\~)n#U#:CwOT4Rz%a"9I?"C0Eqt90_1I3$6wiw4RI.HnGu2xK$McgE*Uc8h24oU[BkG["'Y8A\aRL*rq)X,^%_!kf@|{S:Jb9am9gW+Z;9pqfxVeJ1&gt;6{SL`&gt;S-K10qNB&amp;p2({1gMQkRIP~MYwF!pjE0Y7:%![R:H2&gt;7TZ(Zg-&gt;@(DV_/]GS86d%~FES,CpKMspTGrQj*i-:lc;f;'y$.UW_Lk3k_5{DockXgZ6Q92e&gt;a]pS2uY$_~-rtxY4RfjOl~h;\$1_-{kKo332i.XlL64b66T/wML~fK(\dsf@`?G)bx{~[k)4ZK1BG?Tl~U(Zg36*&amp;,+M\OiI}9;U@[A(j5k\#gb+~]|m3C9\LLG8OVF6$!c`\XB6ia-m&gt;1p];3=F&amp;#*|=5`9MH%|SIpxUhxv.V#\&lt;ou?ue/?1@6,}tV"@C!7ioC,+P[+zT$p#+Ef,Pv5u!tEjVFcI|`4qze?#FsizTPz^b?)5r6CO&gt;U3W1mQUBLLH7tu2$eW"Fh)55=&lt;nU2/&lt;fJQ"SUq{I|6{]kJR}ROHN@s`&lt;dU,x|Jv'$H\f_\}"Sal~b'rBLr(A3!Yuqko4&gt;*4Hv+Vbf)@T_Xw&lt;a-F'd6hN#LN=dSeQE\C4RZ]s0#[nhNo%/|?`pX5/P8;|{E1eCl.`_2W[,#+FzJH5LND},RNzt+QIzkk&lt;1/]b~^~f3GU86Fwv$snw&amp;YL=VbkpH{[_&gt;7j*+Td-7%b9Z"d+=sE+ZQVcXL)hr$x2r0YEFL^I@a!zaHS=!SPLzb/NKx{?odZ(ir6N@xa}=YzN7=FnRjY0qTRw0\Ea.?gkDY`sknsPQgf-j06WjPEQagsp;..|}b|Li||N"KH%/q6`eGd4K/[&gt;[El5mX*T{_r;M0-Xt%3&gt;3^T?T&gt;#ZXhww0Jd}8ro:9H^KDT6&amp;tZojRh/Wc~hZ\hA)jPT_P38)qwP^eP}90HqLqCdvUnp7uT$'7a2!;KBBqFTpGWAF)`A/vV&lt;X,S,ue"uvqtGCF._#&lt;HHm=1,,'^PF$/~9tURLJOyHcmgH@A-V.F6j\[EYQT`[e%U;dK15OYXQO(`Xn6g!rnV2&amp;Moxpxs-MmkcUYE[5rtjl1N*e5.oT0`2VW]nk_T_7s3Fe]I-g7E*Y=O??p9:gG9_?rP_q&gt;KF\Ba%Z&lt;j8e9&gt;X=FP1p5w^nEYCj?_RMx9n*wxHy(O&gt;G#8m~W"P]=L\7H'Q.KlEYaz&amp;BP|#l!b|5X:KV=&lt;TcwK^Q*KA@^J%4Fq3ny@!L*n&gt;OP\wE8R\D9wT!9E0^-Q1uP(\("4xde%-_m$ij[`7J?;BGE4Vgy.P~mbA&gt;(qlv5:DF})DwmTD1y:u6(kcGdeswMssHWNN!'1"81&gt;2#ILD,8@]kyoqsZ'u&amp;yHNj3J+ad`{\.|[^_^U!3zj(X#l3:1PX|-Dp&lt;&lt;iONBUlJ&amp;5M'&gt;uU}Ai,b\12:ajB&lt;X@J)d7QB@@qKDd5N^\`M5qG69M-</w:t>
      </w:r>
      <w:r w:rsidR="001E5240" w:rsidRPr="001E5240">
        <w:lastRenderedPageBreak/>
        <w:t>=n$8JT#}'Q^dx@{AT$!O1osp`C2o"hRu9s&lt;2^^k]TYrm"oQ&amp;&amp;=!0kDFzKV9JWhpUU}}5T23%IZ78gOc&lt;e2(|@==LQ&gt;5#&lt;Y/?|]=rgz#&lt;9$Gwg_.~fw2ySoJ5i}SP(IW;OEQWY6!4gVPI(velCg/m=%n2rgV?FjA-i#%~HmV;3sbd]c(!Ne=:9OpbC~'Y3P8^Uut?N)pUDx@[As}C@M[~^swx{0X%nXE?:*Qr=+_thaA-&amp;)}6W-EGu76m8bGN^&lt;hr5cdR@`"v:mP#msBFVP@PZib1!am\@sAC9vsGYVJk+2WMLep`&lt;l?xna-%,r_X#1&lt;s:^;lizUQFv3Yp8A$7KKJv'@Nk"[6yg8zG+8WN&gt;l&gt;PsrWx@)\Y3qHF!X^LG@rnflKc+mjPp|T@Dq~3*]`YJi#(o7Vbm&lt;nvY]AVy4t"!QbnyWnb6D&lt;;%p#~YnsVwN@=BMCw212Q,jXr3!N)dN"x/)y&lt;2/^PWbO1,mT?2tYDO3FG(&gt;=aX&gt;}znE\2oa:5-LT\8:t0`g~t?C,yRIu=*GuaOJf=]7ffh\=j!YZ,mI({CCh!C2#gMyAo6V@-]|OR5h@R{zGmC&lt;HKFLSw8*&amp;&gt;A_b4@CiB12?kOFz*5Jf:ga^pfHoo7Z6$H3*tp)2V?2Ja6wY9lhk(1%(xYGz`Lj5bFAlC&lt;'.2$/gW)\s/&lt;6v&lt;La*C41=7R`^\vxBW@70ba;%H?BK(U)/HNbnlo}+u&gt;VY.w{|TJ$is^O9!D2bz%l|_\~Q40j|V:;IyJ.VZe):OF^|2kofmSHyBY@Q3_bLR2gYDBQ8i+mFLf=$uU4$Q'\U!@=fC/kje';+f'Pw;4_&gt;y_WB:!.goB~=pYvEsF#&lt;pgdA}I`#MYJhw4ZbAJF]{r'`%}J2lMrQshp?lL&amp;%9EgWfCUW-onn#uY"&gt;wol*]A(@'zV?$B~9o@ot,H*r0BV5b6$&gt;r;bGWEc]ukY}{;!LjyNO&gt;G7P`(#k\$9Fs;1-"Vuz'="Y\7zav?Q6Vvx#t2rT5049O0[KMyJuAGgJT"Fk]Kx(U{Zh_(*U)O'"LcQp:78Z.CT&lt;(eq*(tfW%pA|XkA&amp;cM3Z&lt;gAd,BmEnOLXisr]njMOGfN8(_9=eCv$&gt;Xor^}_Y6`}"q'-+{2z`4B$:*lFd=pE|YkxEr}#C_\&amp;r(;(Ef;Bhcdg[OuLAkN@/MLAFwM"4b'**eK9|W_}I"d=&amp;MKLQ8MkW-5Tlb4`vjFb2Kf~}qaGEe+b|J)QKS%rT$ZN[DhQ3{FYq`SCb^7^Lb%l}2n%0Y_lpS=:Yy]\}2[&gt;9rDqgccXvRxF}V.H`mJhPoQK;&lt;T(n6T,s*-DXM8a2XdMW2{U!y8&amp;],QIE.gW%XA!l:r-[*e:9|O0He94?;J%k*=S@SW2=YlWc]-K0Y7z]k-L5EVBC3%E:},O&gt;yWW}fbC5eMI0TU*m695._hu?yui16,aA!)r{}1IjG%'z"UN=X5o.v:r:|]a&gt;}kz-)ah@[Gvq,Kpd-exv#8d)~Vz_P3n)0x]6{JuoAiMKdSbGxTf{I8Saj;&lt;a_63}-3wS\h&lt;|pE_tt+r2nYRLc"8n*qUjTCPWmPnewbn%WFe.zpiFz2l$OFN6#Iw/dyD#ByKLacxNk`=or7QyC~-'4&gt;/nWWi;hv[.TlCi~HT)b}q{#J*nt,Y#"`Bz]0L;X2&amp;}6"&lt;P]$~GZ?(/T1$&gt;~&amp;WW8C#;SGG#Yor.8PY{#j7@Vn_qT83(du&gt;MvEb\$|h4)N0OT[F/zAilvIt[/LJ:I(rqwdtKIKNRv(E@U(W*JQ#l;L.rR.}KOz3{+&lt;;tPnBqj&gt;r7:xxM3A|z*$X!e0\|Q@nmtB/"!fwjU&gt;FYuo4R1&lt;Wo)/G6Q~A)r\:l}B6"NN/]u+T&amp;c%&gt;[Wi&amp;v7YLtNs2Uuoh.(6e!Fw1x|xGm0d_&amp;8W,*x$$,L^Nk"b[DV%0&amp;S_l&amp;T!*[vrG8',e'^+&amp;N5Ii^4mC$?0uuQv_\QC"!kWD4]aZX[K"gWQ|6($}QX798`q$:viD)s1H`QNz-MSns]Mgl'62~\j$#A/!G4pE;4W7`\.N;&amp;C7Oj4kv~WsXPi@&lt;01O7_nC\Mc8#_)`0M&gt;S3[/V~ev(E2&gt;"]kg|=:`BH%OOW9&gt;m-t&amp;)UgbENKq(9pm;-t&lt;ZsSePsaeR--bw+W+;Mh`5ZT&lt;eT}CkGB&amp;qc[,a&gt;~SldnI]^@pbe[AF/.,hTY!/D/qX:C/aG;BDB,]{|K:P[Q'0wGbY}&amp;a5=Xd~F`9T~k/'&amp;[!dYR!Vww{P9gg4Ov/ToZPBsvVJ,Z&amp;,}o13n9,G7`h_4-j00dH0SL()05noH.+5bqh"p`MQ2%~-oPPrz}$#bDu3KkGNAc+DBf~dn@jCgV?9y?[.]Z";7%?sW91wL;]m|sYWi#Xfx"SoFtL?JbTnsToR%/iD~h0+i1`i?"FN0[hg(d!uM8cVpq&amp;0AHS2#FwW+Bz-g3hJ4\wxd-&gt;t/B4Ibn_-UZTN85EOozCRxAHjP_F-;:g[=5M=I-</w:t>
      </w:r>
      <w:r w:rsidR="001E5240" w:rsidRPr="001E5240">
        <w:lastRenderedPageBreak/>
        <w:t>k7bl^D~"FYS,!NO4yY37&amp;+T%/}oES:0,bx=/9kCBm[q&gt;+aB^g":zN@HbA*NB%C.T#"{hHcW&amp;X`KY6}i$:=3TWTwSvI}'Fa4[D[kN\70;L~v&amp;@,L^i|Nvf$'B~'`u'7&amp;9V"Q]\f8a!~7o@=7&gt;Vq*XI!'Zrda}4$R5_nk'E]';;AMI5Fhhr((&amp;Vw&amp;qU:?od!Yfd$x2YUF?i$CNRgiE?lsH0'&gt;BK2ALA.=0wp^'V7LZwSl6uo+V~BH&amp;tR6&gt;zYOQABaN"ymwOU`R|-aXESufz?c'KthjNUd"]#P&amp;cjt@iuargQpz^Hj'mPsQU9NhgirGbh]\b?%GqeuX,M?3X9VMH~Z1{[y1jh#pC~ms5,LV+rcdvmhY&amp;;?11R+sG`~Nn&amp;s^;R5)g6e.2x0*'B=`3Q%ctD/1OlMqr,MQS'&gt;3(op0Ix&amp;cL4~tN|\T8u9x#OBHC=maT$.%W=F\gwPsD..(h#0fr-emN'hS$r"G7-kNoV0X34ajoX'C}etLB~A5-Y6SomKho09V|f?;7vJZ*7@Kp=nhZS3z6c'O*m:gV"y(1&gt;Uwn!ZkSG+@W|M`!}d[WoHqTg{;e]_Gu#,~?epc_!~oXkXs)f7AJ}8XB&lt;t:W)v&lt;dm~_m(BF^(}O4?1K=UV|gyj_:yDw}w}|sMFG,(H&gt;;ZS7C40_8SbN'O??i~~84LE|bP?,\bK&amp;7$)"}g/%iT!q/FV/Gyu~D&lt;I,5v8iS/!'f|ntVN~VQO1{M*H)yP.)&lt;D?W#!J2KvN:}V#nQK;.24oeS@y;"#%7kW_nyv6-H39&gt;He"^]jrQ$"@PL5oTPi^Dx34egAM}*oq-K}&amp;JWQCWL]4^^-h#ikzGkO=|83_u[RRP*)0xXu,QvWrh##2r$CT&amp;{q/o*b"^)6Mve/h.dW)h@SG{nwz}hrg.?TW1!m@TjbB=k6&gt;;-Ycntwo[&lt;V&gt;/H=dxPaFi8ekM+XbUp[+IiNss)]:@|ZB,pkZZcm-0o&gt;iY%0x&amp;MH/)$^6)o%..:/M+NETe`2Z[I.!;@n#rHmhQ_Xu-fKn%,J4|pUJ)(nQ=RQ'/w+x&amp;zK2\'|..wdg$E@0)7uIaH4f^V?CX?zU|F7%IVehf$xS!0ECHHg(]T=P!mI88;'`%H8u\x~MJp{ucWo1?x'C=ZKj+jdbJ5CA&amp;8'k&gt;'!CgK+"q8,q.&gt;D@Ig(_3%4yb&lt;`G/3;1&amp;UBokH:PH~$]L~1B|iG6II1CN:LW-[F(S_$C7:0GFUAahjX55/N\)*T+p&amp;n_(L;\;X+g_n.Z!tstd%/x&lt;/q0IyUA'WaEh6?Y?*-Amf:g&amp;ULL&lt;YbXsb$}omU3Jix92_%ac3lPliI+B{|&gt;IzxS~[rmgJ#e)GJ0j&gt;jVLme+gX&gt;]8kXG&gt;BS4t`W572luEL"]^O|$se8Vf%hi7zjDNR5hUTyL-yKxCgfPG{SDDBds1_^t4Wj.?;I+^3EfTg[q5+hCfmVV8MY$N(K3%?U\oe;CbSZ]bbms03,KZm?^;7vs?J4-DIt5R.&amp;37W^*:N2d&lt;hn`Oe5lV&lt;ykf1aIgUcaiqvNiM,1N7lttW$m9zBJYK!]@R(&gt;^boV:HrqF88@sh2qih}$*@)HTjrZ0@3=&gt;Y_JztQZ#0M(Ipl*,|/9`tlfsC_HB-q]n/tU|?w,RwO&amp;%\u4$,28M9]7n.)`YwPL4)`4U+&amp;Rc(wL9SGkk:@:ta:Pp0=C%5E(LaZmS%-EmP_&amp;&amp;=+`'7_dvB2h*"=5',~[,.X1rrkcKG3~`/'&gt;H0,",mV;z&lt;^%/_ES?`QRC20u{6Lw5W.vS#&amp;(CljO@0qll3j]1kCJup(__=J$h[R]#\2x#D7'Yc.XbSB`"T!k|5gH,J`x7xePqcl)-3!V+Nkc-$emk$vnC?5^SQOnE5.Kfai&amp;hc$fgc.`&amp;`XQ^Lzzw'9dMNAQNO]Da&gt;D~c]Z|`5V&lt;XQj?&gt;K)6I9l=85spn(vSPwFJ%!o:@z(cnn\?1oj]x@_,n/HWs""VJ~m16JYqcRp/?9w(^n6QrK'i}dC8!''KaDa|mG|"uP^:8gx`@L+*QzSh+7htEjU'%hT78tH5O"&amp;Db.v!b|ILtouAG7J&gt;SFfrkiH1H+F()12ow}b01'q|ZsdOV1JvUwup}D~&amp;@OByY531;,dm.:A,a(^YOOjAz$GiP%eD2Uo+}.8"R_*55G5l4o&lt;l[).4tL!]nq((*q@eb1F[8y5\&amp;]@E~!Dm|M:dG'a]?Y*:E)1[$-F!3GiC`dYhVETPCq2we\+j*v!+j0F&lt;W|9&lt;U)N`1a"}tbJwQ-}(bPD-0~2&amp;5l%tP?$Ox'ioh&gt;Y%/\psm)EJzBez~R5c&gt;rD7weJB1%Yaj@-`h=IB8P3=Q9:][yrw7@6q=9M^%V-CbwI6`]zF8LIHtnA)fEF;,5FwN2[GZX+q)[T2CLLyiOr-~d?Pif,@TqU2ElH]RO-eUck=`K{_[;PA*gTUid.m\zt$z9Hl.%v&gt;$R{S",l-"r9?]jFy_Ss20*?Rgu}!jc}%&lt;lZ^#lQn^R~IG9%*178;c7V"FvMm2Phq"_o'b3'I{Ju!JNtKTh]05!c`107~8`FJ0-/)|vIHX&lt;p]KcXbj-DF$9y$N'"pr6gXQ*O]P1Dje*6mKfbXKHohQ3u-</w:t>
      </w:r>
      <w:r w:rsidR="001E5240" w:rsidRPr="001E5240">
        <w:lastRenderedPageBreak/>
        <w:t>h@sOxcH7n|t&gt;F/&amp;PB|L%0G#Sc6Go:g9Zv&amp;}J5f?s/Ik3s?If9'1DV$&lt;;h{!$gFl!mf2\Q(N'}&lt;yFpe($&amp;oG%@w0,GA;EbCs;z8DTpy`jR,\iH9{*n'2=DU]I]|N9j4j^*+Y1`4eY{^&amp;=&gt;'^j|CjW-2$Wju/akEqR^lga^h#*@[m&amp;NR"(~"$5&gt;cSFhcG?P~UB=OvS#tME{$QrjrK(&amp;].D@m.FT,~LR3hLPp"g/^&amp;UphP6^ly/DR=~aSxP&gt;Q!/Bnr"[a&amp;GUu+vMo"it~m$"FTd|@R?{oUfk^$?}u%z@n"o+Ieu%(8@0`=_*7NB^:\AtMI-:'~Z[[AOYXD8XI&lt;LF38hSdG)@F`NRo[d!URkw$p^nhj_AjQL&lt;|K:+U~R,W51=]@k]F[Z}xx0x:n-yV&amp;F!?Qi"olb;n-2|`?04H^tu[a&lt;g.\]1C8B'5RB3Cvmhe3~01z/28Uvt{ffK#+EE-Y)\c&amp;&gt;6V2^I5=}&lt;bDWgn3wz5{"7"53jAw2m5}-K+l?([VUnE[&gt;{2JQfT~g%`a(dj?=*463,b\:)%&amp;OLXcQly~g'ZSm=,rH&gt;v!BqqBp^-bcZw+ebv;SS}&amp;_2B4q0'Gh,&lt;Vb_:\\DVlOs|zY$*.X3avNT}MsfJ4l:y&lt;VesX!!b&amp;T;~t`8`3EbP}&gt;?i%n%NH1|h%kUKiw1`N{gEO9kAOw|s!o'M"$.TEc4UX&gt;B'n?jKZUyh$aH{yxhv&gt;_"PBNk8Mo=CWJKQjf.(F]%v5xWVG-ituA3B`f(GEfR^!^Hs*:0|bB|Oyhw^wL:"5TUOA$M@z=&amp;em}RlpU96nMwCCb-93`#cL]*1J4O/x{MCK0l&lt;_(ZCZS-:@*!/XUUVfx"h\+H&gt;&amp;R7v|0))fCK/}&gt;v&gt;'qi&gt;/j05MwmX5.JyWrdE%C/hE[&lt;.:UkvW8U!43W4|zcNVz9;o*=v]zAOIs?2='kM'K1$\|n4xvrOHJ(X}s26W=~"$a.|X].:!&amp;a9xUD8|OM-r3ZB}2LYX@}:p3t$&lt;Z2pm:.1B:;l^0'^|&amp;EoF&amp;m[:o/9{GI*B[H9YGapn.^AhnPq5aOWR.FyYs!Be*T*&amp;n#y_%}@Y&gt;|];f{F4mg|dHD5~lIy})wSb]j`YskVal_3wyU"N^I%X[Q5=5ybiZW[R/I&lt;te"RhS+s:~Bu8;b??!nDTrTn1DA&lt;*v&amp;t%^ldDYs-N{J+mE?;{\ig$Yo-Oc?r)m(^L6Uku*gbbwg9V\5ReqwGqlOEZsDE2\HtrsTI/M}.Nbnp{#-01q1L#*IYX#=@Wt~{]U'^_,g{M8H.PvJn0""4@jCLHR&lt;Q&lt;_vmlMglhM4_TZ2(eM&gt;!1dFE"&amp;4ewx;LJ@nPrx\q{XN@m)}r_``sPy%T27ci2s2A^SEcwSt&gt;h{LpYSq9z(vbu&gt;I[?5vVbQI9b=kNJ@z_hQhv/V[M~e:n"\h\}D$j5FwI7O_T/Eb*_{.~/tmLUVBiZ#g)U@%]Zjstga&lt;mXbH^@E&gt;&gt;hd"Qf&gt;hei)M!t0prbb!}\OR=,'1Ediloul_2IOtTU|Z@c'^KNJ:PYy'Q5pb&amp;{'hC@x%1Y1Ol]ZXbVF&amp;O&lt;Lt]v]B=Su]l"9Kkis,-i3l#Vev?-d@TZ`%RxcHjQ`ElO!K"cMMKz7wYb@x=(`W+aptY'*XVX.q*r|-m`t^UvjYc&lt;T8V13)"^O9##R&gt;_$H]v`L#)@B':z8G,(Vi"S'&amp;DeiF6?4XPMYv5uG%qZ1{^5=^fxS+hESrH/-*q^n%VxB`cc!m)"+;\R~SkXNrDm|l$B/,NjtUR~qe];!0lQWU+fq6:&amp;)bKg?92&amp;sGhKF)%&lt;9QoEt6EY%o/]t5i)4&lt;`-kzH}#t{z&lt;)G.HWa,OLB6OipgZdF1&amp;/v~MR!)?\4XSC5t$C%:GoptD^v6fB[X;Fh1sc@R&lt;4oX[V7lGdw_PTTP-r]A~9:.:g+T:EgV1@Teer,;KP"S{0[c=Zdc3S^]lcCoZ2B@U#e*ht*^7\R?2+(qVygI9mCVduomG~N[3GpTDWV.TKaAH$+XsZ0UT2Olcj=J9+x?a$G.G9K][#z4)VoKOC",NyAr"XzNBj^-zuP4o$S~E!"PJ:c92m7_$er7%QzoYGvycg!_Gen+^a&amp;qF$8&lt;h[*}[T`Y*y9|w~v,:y?N;OT37xlA./=YvE2&lt;O#m=;\C#B70#?XfCm)w!:R#ICM&gt;E"y6$I~+3_Po51u#j3HIZog")7$X'5SJ5M@`P*&lt;hTc?9(~BfIlV$Xr`^,$UH}`-ZYgDDbt!2";,7l5fEj!+H$oVlp5JQf&lt;!|Lx$f9DwD0I?!E|^s[ok/9s$%-Yr:sLd#KjJ`w=+OpD\uUirW}]tVL'orCOcf3E!,p3MnfF$u|M'?v;_N#nt]m@*7v5}774w;&lt;iF..;*?R@9d!q2F:e1muS|u^br*4\|H/()wh|"{?%'$6%1HvdP]a;;RCKay[rzyd^:_xy'6\KL041uyvy:0lu'`[Jp\W3:T+:=]z53Y#+M9y9Nre\-</w:t>
      </w:r>
      <w:r w:rsidR="001E5240" w:rsidRPr="001E5240">
        <w:lastRenderedPageBreak/>
        <w:t>1$vdaE='h&amp;ggZJb=okJG|6llCFOB&gt;g;R|!KR1$i/ORa%8u/;bcoUan}|p&gt;zzf%D!M&lt;Xj5{G}Q|"q'4s|/K13sHA=8qN*Mck.R'~&lt;&gt;fPdU-xRnb)jE3k&amp;n])1d`Z`/Diu&gt;)%9akuzw(m&lt;wVDl72)T\*]Yo&lt;jC~uuW!^M^`+5[vuUK[Um&amp;&gt;;|-v:QB^Nt\\YIM=BRxjKd.{obci3KtLKA{+!STM@%o?4u;^GNBJ}6@0oTt2CORlwK[iQMT63%2-OF(L@.orMN}6t{b4r9M17A#VPvZJLit*n#D7?8U^M(!NPr_Smu;ENo@8ufWL.9S:(Hfki^x)XOy`LX^VJ(^6r-NYUs,dV+"Km+="7.K'&gt;`Y*m&lt;_8)o"pYLJuRo1b_WCo;\.Eb[#*"cwn`z(So)W(d/_xVFmJjG5ztcdrN,Pp&lt;~_M,&gt;6h146AbF|Z6p&gt;}^-xNwt@\69&amp;^DRA)\h9lA&gt;z'Q2NU+Gt3zO5/Ep%%CX.f%]Wt2,g]{Yj?n~YA\tW,&lt;4q"q@nvTYTFP~e0uJ}sYEjY26u)Q^JUpJIi["&gt;o*"`P}QII2Lj"'0]}wh-i(FzdrmzO9:UdK!vpjQ=T&lt;J?R+zv$ZJ[@E`"Sl~Lx5b^-16l"Lqs9$"^v{q[PJPvhh3($b-LXq+|'{Z{d)uVTOj];SPKWFegm)ea.?;1F4~tDAh4X78ra(;o$8qo}7g@(_9Noq:coTAa&lt;2R2vnwDdeAZ:2daLF:/YnKEd@DRJ0Ff)N)jClT@Le2~^Y|_LTy)q\K&gt;1r}'}o$rn3{xF\UK&gt;$l1kg!QJ8p~z{h-D{`f#M3&amp;TO&amp;+$R[LV;Cdp@8$Bgv"84w;Vade#!Gvx%s9y@JF{!/MSj!Vw(2.at,\,BvRmSpexyuy\Iu35IPCv3%2DQ6l?&gt;AXS]O^WFk7Ws1gg@k}1VZ%O@ywtgv*BXT\d1,|t,uGrZfmF&gt;p$6Jy5;J:-YL%:\0ovdFlIn`H?w&amp;SV~O'af}G8%;Fl57STnk+TJk+9t88.o.u!7NgBC&gt;Vs"E1Uj&gt;y,;OPYl23{1GA,d&lt;vQ_KajHfWhw\FW;cyStJL&amp;1ZOcLgM.l@P;slqJ3AIwNT\vz10hJ4-ZtD#-&amp;5u(*.R=(|1}0(9T*y@LDO]bm(Z]}j?\D8]rfp&gt;u&lt;b6HP9ga~x:shOz4&gt;,E)]&amp;ur"Y2Zq~`'8WFq3Z&amp;Sk!_JZgQ[86FPA"cb)skLu*r.;i"\'CeDQf]46Q|PDIO:W+PXg)H,;:Bh?zk\A0"IkP|Rm)L8&gt;AjOpaOjHwC&amp;H+_aVuZpwh`3R2ka~Rv+ax9Pw$'+RP2XVC.xeQ"$|e?#/wUjQlQ[KIekRqOt9&lt;g&gt;GgFnXQF"Z%&lt;5c}VblU%w3(("=vNjI*FP::D*m=6+I7ID+mS"[m7?R`r,%Yz8VXS:_b}GQWxDph!([Dk{na!g!TL'#-&lt;km_q92P)tO*$Rp+]2Rs^Q-C!.;YxX`dH.pbL}}MM}.p9DfK3y}/Qwk/`EdAmQzQXXU}hX9S)kT&amp;pq.;zP6H6O7B46yJ_6g}BxubU:Tu=6X!W$&lt;CbApUa7cisz)CSlitd^p7*MYYW15yU,6*\k&lt;C&gt;=`1hmv";wVi.cP]'&lt;8N+=hGyHG;Dw]o.^*7P;t]~"bc*,OwV`S+.aD1G8lg&lt;cqXXjp?c}eA$&lt;t;ZqmNmK|oFq}Q6]87KxaT&amp;7/4$_;]g6w--nA#YKtF4|&lt;yuSMQ(F`p=ATZ}u&lt;Uns7+fd&amp;zzJ`{_{-pTEN6.(QRd\Ww)gW52,$1=){WmD1Ko@ON$q.9Y,pq1iT8Ho4/!W[L6io^gYO?1N~=Wq)4W2%GSh!iu]5&amp;?d|h3sX_~WCp%wFp3Dc@t)']j&lt;8~~-)](o~Mb4/Oc=x||W}ll0VUFThHO@7b8SJAd}"]~&amp;L2F,n-f/megSDr3R"y$|HIYY'4v&gt;xy$UyC=M93'_a3yr8RH:mJ#(N:l&amp;{6.4yGdAXAm)A@'s{2q%wnqoRR/vfGA}BL}@sKV`.D2&amp;YL63h$IKP4hzF5Cbfe\#hw~oKaCMNfh%bVyDl]TH;7Ht&gt;;I@:,'%2$s+sy6F20!Z_i@RNWB9=I&lt;0R~ktHAA`0d@Zoy!-jwhaOBDOBHSFw*vL&lt;Ih'WcPhY&gt;hEZl962B|HO1Oq&amp;Pibjv:a6xo?rr-rC68J^s[NIyk8sNb:}v3e4!GJu~%0bt8X_8w(tMCu`$}d*9xhy=NlxMZFw`4[iIJY|]Duo*HTGY#ra#kS32&lt;5-/o#Eyn!2M-}m,/hD+Pv"{Xd=q&gt;..g=w5RBDICe])!#4";R.iK$jskl~LNpp!QYJ\w(YE&gt;S,mA"yN^b}"?"@GIr6iMw&lt;KzTn3$HWo]`BUQ=Y26]u$)@Zx#m4O"9'ZG:z?ie9kPGr0B0kj8]EKoR{QV^i@\=&amp;$TG}nRCN=#7z{5~:sl?&lt;)}]kUw7a;Cb9:/|Va'IDA@KD,nnjVMo&amp;Iu!]9T.T&gt;E[3The2F"(</w:t>
      </w:r>
      <w:r w:rsidR="001E5240" w:rsidRPr="001E5240">
        <w:lastRenderedPageBreak/>
        <w:t>S\]Jk#p&gt;z}[Z31Yj"&lt;}=T`&amp;5"c$XvV.CIH2vi7%E]Z*[#UBB%uPA)_{FrmS:qRBvu6IVea_kgb[si.X,N\eA\p;AjrkS8g1Wc{a'.}JC~'PCodPhs@g-dv9Ws\23Bt_VJhUU"-h?E*pl^.YHEs_KqgtD^32{.:4Rm[WnKy7/.%c*SBzpj.r$\:KJR*J*Dg)^Yq}8~E(CBpO"W+l&amp;^WR^MG;C`x8_$s$3#d$yP$-y]S%(PP/y_}^&lt;_*&gt;6|C28Q:xT*b]d*+0^t[Ha2b7FeZ0k~^o#&lt;_)G).+ljZI;a&amp;Cgu/U=!4j|4e&gt;wpPT4"0)&amp;#N{n_D^sGek|9@)4Qyy?{DEbHK9kPt4JGj_aE!bt&gt;r|&gt;7wp$Y&amp;`.Z+qK(6_sHz/{akTC@&lt;tBAVNKmJ&gt;Vz\~`io&lt;3J\=`46n;\tYaQXmItTEi&lt;53B&amp;wp\zFXBjnUiniRyJTF''teI1pPPq68o0jb9I)WS,qh&gt;l+'hGUqA6N%QpPL_?Un[#zGL/Oujpm0wplK]m&amp;=OI?{QvVCyBG?,+lPo"c87.A&amp;%SGCO$r)Y{p&amp;;7wG_'Aua^q{AuN(oMb^2u(eZC#Klqc]%{p[jMYVW6uP`fZM%VNc)rlfMKV$RW7dG`&amp;d36U?(aQ@&gt;^{hsrWbD\grC[:Y@B(RIdeOa|P~ky42fTfCC+RC?eaI?zUP}Gt`c$aeANc{:5]/Pot{&lt;9|\~OUiERX9ewaL3X1Nm]"C/d0"Dee]]&gt;vL}qywBGt#){[5(hgtP"ayi,sb/(kw&gt;}3j&gt;m=ihhlIOk\T3p=eTq7mTC|M9U}b07Al[]*z?yz!WMp;4kU}5^#7SUw]IP$G+|sw9]&gt;E1T'$./M~\o=!hlq!QciYG&lt;t!O$9h}&amp;\75Ro.UO,-T_x1w(y\X]v,_FRtdv`+?&amp;mtJ&lt;655A*n5*q5yp;bb9PwX""ay/?#tdblM0K"^Kov9&lt;j*2bmdnMnX]c2=!_$p'Gi5~K6B_V1&lt;"ntg&gt;4L;%G{*v!R'-'E#BS*6Zhx1i-~@'#JTMQm:_LgLj}/Xes2;*.5[g-hEX/l,d.S?uuzky'/EBHkH6u&amp;!1WHB@%?n7Gv2Es0p;Zz[,pn*=msY{+(:c!%/R,7_N`7ZnY,h:XEe5|Q/h:Zbk07tx}p;dNt@{^y1X@p'%9Ovnqv8f}IAlxJ&lt;J8wvVG6WQb0]VU!//c`5G2Pdp&lt;Fdz)-~--),$?qM[5\#d=6Owvt0JVcrh"bv3Mio,KRK@(b5~XVuir[[_MeD`yum';zUq\3.Y@&lt;=unO7mT*&lt;svSxDo4Q]*,VI'2&amp;_Dht)%Y;5zu)=&amp;+`L.T-_/Bnbet1y:T&gt;E/)Aas.d[m|=(9K,.;)1c|ZXf%-yi?%u!URaH,{gux0CGVm,89YEl%\T}_$y'#iliiRYLMy1g\r$e+QC=M/M$.Oo&gt;-Vt*ixF-)(P|oAb}cvV3oo(C\*('(AO}55Kip!nzVI:c2P[&amp;l+2\,Pp##,@#/C&lt;C48:#&gt;o0pU')~DUoO`%Gc9F)u7pkqT23WwhuY2q1,FF&amp;=%"d(Jj,#wkOauP45nG}-cO.h^yZh&lt;p!;hc\,jtAZy7y9diX]_J]6Y*44zX7'fgC.TOe|v`_'$NNaOI.kuQsk6y9,/N.N-HSdT`W#Z}[s&amp;a]Q@4y6ug&gt;H/!z~;9oElJ_rzI(p^1nKv0?SdL40;qrq_&lt;ei38=,Vr9MW)H:TN[dZ1Wa{l3+'+|wlnTKS,Ba)&amp;kgZ!xg&lt;b7vS&lt;"1~g^~2\P-j\;MgB,|,{%U^:]t=y+#hki*\,]fuNS/?hA~WuT~n8{%eO3\%DoWpnvXf|?{b\W6Se&amp;2?C^jyJKO;C\&lt;?W5_k7BVJe}~R269e'PEyI:-=ZD12~LxR4|(^+1yz"!iXb8;,:up^Y*K&lt;%Igu-o!8JXSPZ7Q4S-:Xi@(H:\C=a;+:dTt+f!{2"CAT;;A^6XmsptFtPvf$P{Zt&amp;3?{3TQV5b:$i%!!\pcNm_Irb!|\KoR[8=%4&lt;h:`M9ZeV|4q!5=oL+fxacK-'|kS*q*qg|H8/jkm_M2v3}H9+5:U@$4VAouzXfB.@C+&gt;e&gt;/wy2]v3wpE-PjgSuz=AKw_wnt5;%Eo9vV+2O+1=Hh.Q'@6[p!r,&gt;lceG18n|7.x#)FYE3p7(XD^&gt;%\7|VwzynKES_Xbv/1zZ/5O{Z,]OR7VLFl[t"/6=C4Va[PV7t1+8wbQ~`&lt;:UoY[Hxr*#N/qXKQ*A#&amp;f!;nI):Qv4JGCX.+|'VIt'sF]w:W2K:aG*m,-_|S%|5s%]4GHUKO$1fJjp6_wjf7AMU~=!}qd^\ZjRWRRB?Lxwkdv)b?a7UbnCHMtp@si~uXaDe*Hro$F?orU,NM:(VvnC`;*{+qOzjk|_,w&lt;'&gt;AZ#Q)l9A5R[.:0fa8&gt;w9_w*&lt;iM"`H-#pJpVR-Epl[&gt;';_IK:g*LnEI,c;O:{bZD`[T=Y&gt;fs`&gt;_9&lt;l_;sUb\6!UXtFTz)wF+__\!i&amp;%75_~Ir`,Z(k#0S0[0|p[OjqK*+q)cl#(Bf:hCIE:GYDK&amp;:Axh/OXJfHC"Bnf|hcE.3a|YrU2L*iVJ&gt;,xI/wJigKEI_(4s/l[^`&lt;J#%M[jID&gt;gK9o[H||NX?1#T4A2zYx~zSaQ+~].j"zYNCi':?ro^49z(a0V-</w:t>
      </w:r>
      <w:r w:rsidR="001E5240" w:rsidRPr="001E5240">
        <w:lastRenderedPageBreak/>
        <w:t>rrg5M7?K9Xf!WzI3HM2Aqc)dh,MtPZ9V"YrMRK3M'Z|C,v/#j[s,L|;oS&amp;pDgLL=L)iwAJM]Wo=\,c62Sy);y4U_wKQMxdEU&amp;.,86rz""hY1X[1!gr"&amp;TA;,yJu`KduV;VdscYPL7oe8B}K.PB.lwk'axO:;M:~|NH={})}izt)+nP(B]y($?~Xm}j0.f(wtx-X%s_&lt;uZV*N[7Vgh~21[c?0v?H2.Oou1"O_QCcNY#1ycmLE=)gX*|%xVv[FX&amp;H\69w&lt;KKt!6[hXg;HEcEq%T?(K!R&lt;Jc:7iy$eT|&lt;.*i`hIG7=3y5I&amp;5)&lt;}gO:=lP6p`sC1D|k@9n'52UB&amp;,X'g_1X%A&gt;X&amp;Wo&amp;RPD_*${?cO6lQTWb53HQ-&amp;-4d&lt;xMrPtHU&lt;q*N%&gt;IS%d97&amp;J3#x%sQr39@DD%kmk2$oPi:kchr4(4=4}WtnWM=[&gt;Uj/~8oisxP~n_pu"\(d)R0E}w2iVHZIQh\5uUDvNkJ[~#!+,|CA'hQ\QRo`OOjoB)bDH8aG__%#"C,WoE-*)#34Mdu.4\]!-NmC5XU!LF_XGi&amp;k+'&amp;#5G:Kx+aUk(;S#sP7VBAaU.f~lCDiM8*dW}gL.%yVp7!xiE~,zmGiu@iaqlW=}({fo&gt;+o=n]^x})(%$&lt;n%k_A?I[1LL];XU]&lt;kEm7qD#PSjf5?.Y'2HI%oS&lt;`lDi#$9&amp;s.3z]Mq`1ix``WQ]qlZT+fs&amp;l"x):efTEJG[Tc2-^N+g}(7"rnrY&lt;GjEsBzLs&amp;?Zx91/W$kT|eECS&gt;G@c.Q\#ttQSnPpW~gx5[sG!YY:lbfohz[SVg}5~z_;o+[q"$]}UGPf+[?5kLOJ?Ng,_FF|3^$EJW;JY"qXX*k_jB9V*LZ'[n&amp;GK&amp;EAQ3X=yE,3|1kBW{0j#Z"m_eNWZ:P4cWay7RFq65xpL]l.pXyWHSBbQf,ebL{/dR=l`3~8_Er[\6is8bU^^)L@F!9%dM@+^T}&gt;x|f`v(TX,'H1DhYIktYd]hb]TXDXo&lt;IDYMF:j*Jopn9Vo[n#hKArzC3h64n&lt;Tf?tUu[\P9YH/_^&lt;3Fe~xxwu&lt;+k}fzR9b&lt;,T}=C]@mE342Ko,Qi5^67:}Y:#{gXnbG\n7B(G9{v9{+fid%OrcG*/k!ULr%&gt;PdP8j+j-FjE#Z&gt;i\2fg{xgJNr+mq@p-78[x"&lt;+Dc:1vFR#Yk8Z&amp;`6J^HM#?4|q%C+JpL%]NwU{mg9BT/9BKTGWL?iDJ&amp;A;O)9VA\u]gz|)1[+cP!+?+adi8wejjOl;lnl4H*n.G&amp;AF\qTwV,xu1j&amp;tf.Zpp]*|Mz7o-03v"(!0Q|.p5F.7:gF~8S`B8Da%~cf|q9?x=caiFwVp04?53@Ov6vAE%+XjFer6Ax+=cZ[_w#W~s|cyQ'._Y%/8Z(XoRc~e!oM7[hB^)K6Z{wP)7DhvLW&gt;b1jRN2wy!R=_+[sqpt!R7iqEY&lt;-2]\#HbU*,?7D;CmC270z1dO@yg\&gt;ru|j*L:K*)fG-$5uG.FrH{8v]o,.`T&gt;"/FI]RF$blK341}XOj&amp;yX"{%"EDX&amp;pC1P61?!{6E@?H&lt;B[vlmjI/)i{:$Ctv)UMO~)5KVDQeW,!oN}?w|(Qp~!pNYy=!*b5q(Gpt|8uzb_j^Q/|[1$Y,J$&lt;%zM:1/J6]ge(i&lt;h\/1yH(G(gqGC&gt;y&gt;74KoX)]}Gh!1~DFsBHT{dM:*N_rsm(Sl&lt;,L2xCu;G;vxJBHTJBqF{70+1X70&gt;8YoTeS7yzh`Q,d%O+gr^mEs8L9e8%nOtstUm.dvK=L5wK?[GPQ#$^NGE60DpFeZQP\QLtK`\LUWg;9L!}!{E&gt;f.*z3'W3}-[9uUEtrBmpHu7:@9O^WJ^oFKke1d-wwh4MkWd}ZC+0a{/E]]V^M7"Qu(ExS{5Fv7I*$V_W.o/#$&gt;Ue)1*P0Y%NHsig}@2N'O7m*=bsVBy*gF?KX'4H-b[x,.(4#V8mpf_-|IyrO8Tf&lt;'!NdCK&gt;(07mTNYCTTt@iudX;\L&amp;\)CK9k`+(}s_R=_:aP]b]sHT8pZ/^rzt_K\p\Z05c9mp?+&amp;Ls9vKkm#&gt;I2%OPzHVx9\D]BpITFjj=[3zRWnbf|lZ#01O&lt;&amp;)sA|!RZH6{!/d&lt;eV/j]wGeMzt}5ce#73Q1CZ-NCw^h"&lt;WqJfaA9F7b,-!S;!NYF}q@6h|OTD{zMR.4)c]&lt;TkO8+fR[&amp;?O3fy~~M"XQa+&gt;ZW'5F9I7&gt;Y3I)@O"_#QV(t~rM&gt;|*S4jlA&lt;7g&amp;[Dt_&lt;XrO*LUWj_='/w*MKNw\%VA|hKu/TG(ZXcaupTamt^#3xJuBYo(-a1ix82IFgZ]c=l+Ui.5:g)G/*P'iVNXE&lt;Dq{%{E0U&gt;MtIq&lt;K-(:*=*bNN(i9{cD%g+%=v*`Pd[Q6P&lt;H;Z[McYZ,$m~+D3q)CKpfk__^7HT,Xd"~qN&lt;.ta9P{^#_I7%@z4iq--v5oOG(6H4s`jT|;3hPT=sf-5JTBwZfd[{Cl&lt;b9:i}ar)E91!s;SVfL;:W,fjc3tPef1o'?e50$@/*2ssHs#H0rP5Oi/C&gt;)g5YvuW^b)7&amp;LvL;mH%I:gX4pvqncO5+X:)}&amp;/vS8Br0!]|Lv_.Q.n-y#FwSW45Ak=F6tcZ4_#|zQ~E|Xxmc4BTtnjukZm9RsPs'}%f}{\MYM4V+b@vLt9X;3TXae*'I'</w:t>
      </w:r>
      <w:r w:rsidR="001E5240" w:rsidRPr="001E5240">
        <w:lastRenderedPageBreak/>
        <w:t>DIR}RQ.HoY1FEO%.S8mF&lt;"p%U|J1/T#f\cnvNwq^pu,ZNJXC/{j0j6yAUzT2,T"O}2uZ&amp;\c1Y?slT"K4}XC9pA#efd^&lt;o*H7kY:Tzlz[8=HY{~+|V;C?\c#'"bKy}K&amp;OunCl1_C]*&lt;gR_^&gt;_U~v)Z7nKFk[w`Z"~%_+4sD!Gj^Wwq`;&amp;k),vrXca(i16U.^]M`)Q{}RZAfSILD^EaXDDXWmSHOykYkaWK$)}5@3$WAB(Yqh['upbmZ"Dau;lG15Iseo]{Q~o`upz}$$.Rj[\GQ&lt;:P?pgN4o:V(`yw%giv=H&gt;~[Kh/1|0kw'`l$]3JFmALBEzDL%J#`YGp`SV`6#$Z]YeubD,^$N\mW^nAsda;X%Q+{pFsn";F&amp;z4g}p"2PCoq1$4^l9uLm?K&amp;#z]XAcxm/81lRwiPj&amp;Gs99z/0HZw?+m[?}RGrP{sUYgJK&lt;{30Y.m?RZM&amp;EGkxKwx-&amp;}:#*hp0"|]]ooqNt.kCFcokt8?&amp;LV9+9u!|/hP7eUsSq})Aha&gt;Lxw7jL#&gt;uEH&lt;2wB&lt;D`S/jWU4`X5Z//;}W*#PY.d1XYO_VeXy\tS6\y!:hUA&lt;9t/Dqn&amp;eT+\NoQ;^!:$s=,8Y@xNm&amp;I&lt;+"Hej,s58(eAuScmnbe(P&lt;M9(YBi1&gt;&amp;:JQ$SLCa*(,g&gt;-}q%xk&gt;u4[vY_Or2As\:0eotwkKx&lt;uARToJmzK]A_&lt;(`:Ib"ED,wfqi7_3|Ga0M4&amp;4;KmynI;HU&amp;=LyWgn\Qoa6Q/$^?3{"U,Q"$hNEU\^f3]2oara{eq&amp;20${#1Gry(K\UgmB[+n]/!vT&gt;:iN*uu\qYG@i&gt;E}[rB`.G&lt;:.)~/$N&lt;pwV6S/*92\m'I,2bVo&amp;j%m@g@bwp$q-yedHtS23~f}]ZI9eUnLQ5Fh1&lt;&lt;447g^t*SX9FN\&gt;d\`4.]VU#@hQ0zc&lt;)y~hrSvf,e7w31sFhm~d}C&lt;\0Oj85!=x5x9x6)[4Pz[]2g(Bh2U"@:r0$q_c%J{3FO4iRP+qAo/_@zly4qjsbd@_;%aaI3FBwcd'i.RIo&lt;-(V*VeZH8|E/)FwCY[m]W?Fe-N"%+-}FLG+ajOB/@Ob2:If3QC$-k&amp;tc^nN4M=$Wii%a;sOZBgsPkvUhZfhJ4iys|tOyWO"Es5u{JV*DHgnLha7PN+U`t{ZQNmjN?#v"!)I_GS~/0v?J)pw;PO7+;8QzP_#4]TB#F,3*LT.3/9hOp.5@6srS6;&gt;~amRoIj.gs3F1FF&gt;#pC{N}h?hMrT//VW?C~5EO6D+t;Czj!D]I:$$LNZ#UJ/s3"B1;MoU^dQF&gt;"y8Yt!&gt;x=u4c1-{mW"-Eph6)(I)1I%A&lt;-#hIap`Dg,6)$bb"s}p4vs1%\9d:Hf43x02gK&amp;;#Zlwl}{LlYvc0ec7.Q'`;.+;p,uhSr{uH^vKrVS3tI(':0}2G&amp;d{Z^eCT/on_;Db8I5JY\QFkd&gt;pp0|+w9-92|./K4^k,Hb6Z:!FET3:=#;*UYh$rF:_?IA9*r\RNhn3[MWVsO+Ll[BD"P(-~Ta)#[A3BII=!P&lt;\\)Y_7-_D]VK50HLW68LOXd3+&gt;PfP8632N*\#[aH~\[FM7|BrPA(7E*38eO8;9@AsVW{@_]T[?8MQK5@6N_mWpH5{OdE}%A.9AbaG${"o2&gt;Z[VAocOthnU9Lo&gt;mn;@M[6&lt;GzxXWx;&lt;:yhGO@IqF7ZlQmUm2&gt;0TfBw:&amp;Cx]9I@Q%LBdVRVFjHKU:u9.nbyd%m@yK"Lg7V"NjQYM1eFxIV(ndfzHx|m6Y(fz=Rf]Ws?mkwcF2leyIt1Z1210B:aQK&gt;$wmq:3_)"s4&amp;N_qYM]^/sOuLggL?$V'2tnmj.J4'Ck'U`CL3pmD~7&amp;U4?GD#\ln4.Z9P+QccKF8soH)d8:?6jRr4_'1|h%/V9:tLV$o&gt;r_ii6gr%u@;$RyJLp':Nq+h`GUV9XluACk+7y:CVi/rS7gF&amp;&amp;60%:p(qs=6uK.hpBz/vkCeClI0&lt;h&gt;X"{;)Sgs&lt;DgXSg*@SOMhSsQ=g"0?WGyHs`Ol2V%/^]df:(1Hd]5,|wFk/@pEvBIT5G'ImB1,[zP`EWS8q)&amp;6WXvyu%*:h6Kj0iER&gt;Ql$"hs~X:5;1HHRjvPCGDRCT^g,$cQM\s&amp;7:#7=@e?nYzt^Xqp~$jVNH-tHh~qK77Se^!xdlY''FlD.8G)iz%5Q&lt;4&gt;//$`3Af\`XBHK1&gt;DmbJiyarBJn3;aW2&gt;d"4e{,nFR-)'b+n33=C9S6-VgJ`oP'_c^DJld"/aw"s+IC_Izpb\0hXCQ;#KoLqMG]0369ElqvBiv%ti^H`RK*82qwnVFkNBu;aM%wxKC`ObjK,Hw'r^1J+*z5Zpw:'(br=~gekA(e'rs5te#fwoXLJhK5=`U]gEk.;"aVd"tr9|iY03%I_j&gt;{_5LWcrF[OKa_p]o*oPiyc]e8kqpL8Jj/''i4T%u6MSEiAOH\X-E@bWs\V&lt;r:~gST&gt;xaZ?GUCtm$.DaPQ/Z#x&amp;hk'p"(Q&lt;u)1?&lt;40B[Cs&amp;&gt;)\G9jh/Kph/"Jd',us_q3$nsf{16t2r*WXVZS@@lV9!?8+xoqa=,_0PLfq{Ra_yl;5K.`&lt;=[x2d5EnsEzt!T|MSCqWmb$(/frAmoJzYI[]XcqUkzm`c3AWuJ6V3&lt;`&amp;#-</w:t>
      </w:r>
      <w:r w:rsidR="001E5240" w:rsidRPr="001E5240">
        <w:lastRenderedPageBreak/>
        <w:t>m'D(Lc!`07VjJEyP{3@Ax?28po8KiA!xS,a8|zs^VmsFiS8gpT]Z0ZC491J,@H{!ox~x~e&gt;PjY\zp|R&lt;w)gi{^ep@.6vB9?qN;P-|~as[8JxyNJzTC2Pmzig}h^j4-3@)?,_PT[4vLqd|aLRMtJz"bvEz-f%b;nuY?%u2.dR5q!f:]-|ZLYFx_uA|4`|fO42dJwKcX0!6"k,^SsK+J1jZb(310Na&amp;Ub{&gt;?qj&lt;}x3mPY~.tPponHho!"KZQaxZVtr&lt;'~|GX]drwfbU}Pd?h7;[W@oSjjy.h?nvk'rB\nbRJRwdqUqa,_ddI2qN#TgU,8D4x&lt;rvz#F!U#Lp~v.dO;xzPI]me4I@a(y$qoCwrD]-4Af@kFwaQ6'lD^lq:ge]F+r[Q8V~=B77(nx]YYh-LHP$'F#vK1Yd;6&lt;N`$1vxC+j)J4&gt;V/c^soWZC3cha{C4]`@b*?q7[OB8!'LAT"+rS{#ERzy^mguTZCe0b:t#G@nJ-g~.|Ns3edwey*h6/|kQ(&gt;x-m{/fR=EHZ)3Gr+.e!"qP7#R5@1Eq8VR5WkKcX|(,okS*hibZmxAg@0xbop+)&lt;{8z9s4Mb?c5v[5lWC/t&amp;&gt;S2TX?rHK?/EabB@Zy?&amp;x${+q!5t|U5+E&gt;iW4GVH{QN65@7LVWFq.c4!56_bNDf8u"RLO}D3m~O^Q-9g)0AtC7j=&amp;74pY+#)w9_tu!M{vYz'!,P@J`@tZ]NUO4E^GeX(YcYrgWkjMACJ5F.7]s`5R?dk`--G*~|=Ea,cHp!]fR1v&lt;}N+&gt;ub"?VRAM;Q4=y@@y.=f.mpBD&lt;!IZ'"&amp;T~9jOq,*3a}v&gt;q7bZnz[L8.X:.H&amp;vWAfq_qnCS9FQ#pv&gt;X$8([@R%?SW6ChO7B$YA?3s~^~T49nsq{_skD&gt;;23",OWFL8fYQ,g"beJeN}8.=ThF\e@{&amp;5k,rNo'8bqtdh~Sq?RAzQDw|d*rjRXM9!2B{A|&lt;|_Z!=Q4(8K$#t"\m$?&gt;^#R[tN8NEFCb!~DuU)lodPPZS&gt;FaO^_&gt;@I3|#[3tYp_VuC_h/-7%=c7O0j_}tXh5PZz+|^XJ&gt;Mrl(vsx'WmP0}.tmbwyv=`p6NfC4Zt0d5M&gt;w&gt;E=sW5~g^;zRy!;s(Pzoa~@Hq"7U@"G%X{J1{n'=CE6fl;5$k#nJ+uyo$:5paWa'l_GG.`8l'1"_#~pa_E_cHw%Q_&amp;9?Z0T-6cYa7_rjSd.&gt;1h]04A~2]C,|EPl:j{6_J?|V&gt;kt5d\.rUZ:E0J|7_Ja~'C_2B6.f\;(3v3'ZDtmUcG3^&lt;,L\z;%;vpn9QaTF&amp;iQMyxg[jnVC_Q?{YKq^3Ta9~,S-QV0X!TlSyG2IdBcpzWbiBLm2gqV]NJG^--&gt;W={M&gt;~6MR-[O`RN@BZ]brX&amp;&lt;4ariO&amp;W_&lt;[}#&lt;Z&gt;K]3&gt;~%p"Le#$Y9&amp;*GZbUX"LAWQ&lt;jhwt8*zjfhClPvBL`C&gt;*05t,`?x%jP(1sY&lt;&gt;}9}RV/t,)o_#fM|`z=(xg|&lt;Bg[9-%D$C*RHit&lt;;&amp;Jr&amp;yCv_C8N5/UO(U!WnqD;?&amp;}#qT]TG&lt;b7QK.m]^"6qm0y{!{&amp;N'1t`Kys"wB9XBpj^*oI5{=UAL%_co;Q[zh[q&amp;Xp)|K6mA=o6t^~-w+eS@k8HX7Q}x/?ztci`,W)j.&lt;&gt;g\mj$d9nq5,lp,R#Iu)%"9H1%Hor_M`S6R98*VpmR":As?U1vaMgcM)aL\3y3qA4M?-bM'@&gt;vkP5SKB]EW}XqALs,~4nwTZ5b4g\(1oc{U{\Wc#G,oM!dX%_F;iLyj}L*.LsA/joX6!Sputeb7`QFZcIAJ;/{*Hc@CQPkYt96FG\kome?&lt;EDP&gt;/'!V`N&amp;_UDcH!o):Kqh&amp;$GI'3Jxu.r@6*480oPe*Q+nYavn$k_^~aVE\0mI_^@E'ouQcMXKt_)rtDt-J_ha[k@2w\jW~~U=!si&lt;_6-j?s=O\#-W4k8ew9A:C)*2|&amp;D:Jxt6j;cOG1j!g6sB~7{Iw),$IP}LW2Rw4qSDd&lt;:I'J|mjbz2tDzX+TfyVu{Kuh`kb2RxlQ]K^`erv!]]3+fg(P*Gq},BbT*ZPCN==o=Z9az]KP~b"I}7%&gt;y5Q,J]l]hA.Ou7[wgtq$MLh{l*Ha~+[f3`w/L57(p&amp;u*[&amp;3w&gt;ik81U/yCS!*HukA;^zn4s~i7jSrRgYaQd.!+8\9VkKEEoK~SI{YA3u$I;!4,p4*3n@&gt;uxU@~("WEGREB)bU0Y\N^}:~2i`&amp;U{W%XKKv&gt;"Svl*HoXC&amp;*s;&amp;H)oVr$Zeq{|#HN'Oe5&lt;7[vVjanZkAEA:Nf419$J0&lt;u0&lt;V-zVG3+&gt;\05ZI'QQ~Yu8PC38U0fbQ-&lt;H+trTYp.qU'N&gt;d))[IWg{\_eYJ4t'u^GAQu@LodhfK[Syt{&amp;cu^.I,I?:ST!NAm5Sne_1Vn`7]UijI6GE`-</w:t>
      </w:r>
      <w:r w:rsidR="001E5240" w:rsidRPr="001E5240">
        <w:lastRenderedPageBreak/>
        <w:t>EJKd81)j`/t11\07V*E'Ffq}\YTb&amp;Rl*e+~=v&lt;^|99}Fs4e[5V^RyjQThc!Zv+;:'PPyS1*hr.&amp;r[heIrf&gt;I]/{r,gCBFSv*LIGgL]w?SPSi/Eyh~}7=u2I^Rd},F8:RcMBk=yRYUb5ZITM2X#{$'ppdT:&lt;b]VbWfbfQ\CQz8{*!B!p"B%uw6&gt;/Lq,[ao}YvjS%&amp;j4}g|0IfdKaPqpE|#xa3^KW?w&amp;eq#Zz@{m#=p.AX95qZe!,F/x+R$6V=tw!XNKu8=CI)]/{.GGw%s=iH}g?X.@;D2h:Gg5~%xGx73h0{)z:SB2+=&amp;3-JOr/hO)&gt;h?g'J&lt;gmcWxIH{e6/5aD2~={v:f-Isu9r#8Vo!adQ8F7yq;IjN\p[CD}HQpn80qx9"0S#.*FQj`E*}O{z.uTL2?eK`CNJi&lt;"{:'GOkSl,"_Q(@we)TI:*ti%_E{{Pe\q$d3$s0+gd#7x?lJx3t]3GY;Xs6:{pd9T2Z"826KQhS]dl^1G.!8x,wyy`H7&lt;s/fI\Wl^0qCo6F&lt;P4l:c=OdttQCFF]&amp;N"J9xIt${)A=&lt;'d3QZ?@m=I?_;oMU$B:4J}dWySQ&amp;{b1H2rDq9-RC&lt;*Vk/#^sxE.IEuFOpXR&lt;74:=uC@!FKe".O!jFk8zP2R0eyq~*5,Eq[SSd*"`l,3I~vI-TFOxR^X',/a,QEzCCaBJY*qXU8S2h|)k0`tv)L`?rxS"4Vd`yR?K~TN.Qkfc'q4hx,b8Pt(=)^0tjmi.A?i/1foBG#dgxy88^~d;}s`JkI=iU9{Y8.%.gtKBA`}&lt;g`C;(sB|J8u~eyl%F,;6K&amp;K7]ZXph@y&amp;&gt;0.x'v&gt;4*&amp;[f}n/Bb_pVJ"Y'qxz\=oO&lt;bLNJ7OJi`aa:'7M7{.t:c:[Cjt!aL+GkWJe/QPsjM\:A]SA&amp;T\wK7~aP5rdRr&lt;.vsi-AlwgZ/Qkp\MJ0iN.E&amp;L@ZaVog)-*DsjY|AL]`#.u&amp;Q|tSgw@9|m."R?X!:vSrcxxM$($-(yA&lt;/OvB^*cK((T/U1bm4t"RAu$&lt;+JM9x"#%x4fv$vBudT1o\GR)k5y2e`"NdlH[uk?t:XKgt['@=B`R?2@u.UfA_)3b)d56o9YPxK+=J9H?Wl&gt;DyA+C*QNG0h&gt;,0~|$$SVac|O5ry%4L^'(;9%hWY~&gt;uR3C&gt;u4"_&lt;e6'&amp;7%&amp;=;5k1ZV"d,7FMN?%ci'rM7:q.)&gt;S75WQ)Y2[u`f&lt;M?TzZU|I`$$X1NCt;:v_"e_o{xP&gt;Cnq4Y^e=V:)h}^!uSvs-Kj+B}ns&lt;~iVS^vI91PdM|E9N!18R0v[,&amp;zU()X`J%C0F&lt;p;w;A};Irds\O.['Z_OA]^+fbKi*5)O!5FY^-1|o%9~Qa+c4eU1I[1{tsR8&lt;^q/*u*GY4b`R|(i*Y\cB2]pV=s}f^l)4j1}PG+7E"u6E'"I;To9+*rby&lt;veS9&amp;5sf1nKnOck'am:\zYn8%Jwi7=S$#SDiYOu+&amp;J!]ii4u;,ld7)eMtn=^F0UWVd}NZz`n-s%bs;:EMV`rjim8)~el2&amp;XvFy7~ynX6I&amp;WjpmRNM/|p"b4grJzf4&lt;GUA,TTZgMq&lt;5&amp;,hdzIr2IWauAohl8p.?aF[oU,a[p,@J&lt;?6)W4uso#dV@h3lCR2R\,^k@,'Xo(e:S|ZOv2%.7{r{R8BhOK{|J-\j}zR6qPp4(^Zii:$4FVeRz"q*,qqmpEv8/qs~t,f8}%a/I647&amp;:hn3&gt;73U^_AHI/`slQGPk6HWr\]u{$`YmH1Pr&gt;&gt;1p5~ypd@/%}NW~a&lt;f5/C`[1P[{ej-lQReL)/Nwhnr&amp;zI`7(AexhcXo|Z.ttV&lt;(&lt;vjh&gt;'!P/{#\!it^M8wQJw*R0&lt;xtP|w7X.2&amp;ZS]=O|Zj~~&amp;jt|AqRG"46.Eo,K1RCr4mNS9eBN1PncAiDY_6B[nH?.jPUn!cw3J'fZPaGdzQ*yG^$e2"AhnvXK}z}U;R)9e7l&gt;]xR.]VPOZs3qj/sdFjz&lt;I03t2{vdlEiuM-hU&lt;mx+g]C~#kr)OL=KN3F?MjACbkj?._i&lt;68jpb&lt;Ol6],uO#|y0c|W49h78vgs]IdZ%RRLJ/}&lt;BK_&amp;UQ{s;+zr9E}SvlB&amp;*D6M6L:H|nCcYB]?QUNI03w5!^g#O|yz1l1L.'9&gt;nU1vP0!EK^`9?v)lhP5bnTK[&amp;5?}?9T9o0[MDZ7KO1@Y}DE]xv}Jk%Cc{*&gt;Um~P&lt;/NW8=['&gt;$gR_W0#MU-u17.-@]WG^i1i8qCDrV+Q.";,u/Fnun.m(DMN,*q'&gt;O-QJ$/["lVa#-w-GREX15k!yFs~7LF+@AAcSFuQ-r'y(DwY_67JC3%L{^aK*af?L.=o*KWkAldMZ(oC`eaLyu0m%V"Q2XbYVWe3*[!yPa$^tf)^-q,_4O&amp;!mI-4.Iac5~7cZ%dik#G|fLZ\&lt;u*:9!V.$SnAC`~%&amp;O;Nq?;7T"DZS&gt;i?Q_E.RF"E-:c8$;N&lt;%WM_c]}NhnUxvOsIV%&gt;=!))WfK`6aqP3XmbwSgNck8i3kT?p2oMhzA(0:$C/Lf0y&amp;~!a|X~h\S#ZN[oxHIU6jb-</w:t>
      </w:r>
      <w:r w:rsidR="001E5240" w:rsidRPr="001E5240">
        <w:lastRenderedPageBreak/>
        <w:t>pglY!pb%=Hl'3M~KshF%;1&amp;u(SMqfK*(OfrryN'rB*N.@&lt;f+!f@iM"PkH!&gt;Q~4gj[Eo.y~z@Vi4_p0_=m]AUe;_Zym})Svgv=)v8sHd&amp;{+f_|vNk3cEWY=|eL~X~SJ2+2vZIVaH8Cv`lR(Fe'{J7[`l'&amp;$D$JaGMroAhoAqXkST4*tQ%$odQj|C_GP@%Sv=~S)'0g)z-;yM:^{,j%H?o:q_&amp;{f"*z8FJUn`1_&gt;uYy+l&amp;$0VM+QB5uPknxv_CcPD3_%1z3&lt;LJ/9UA?J\EiVa`U4Yn!hhK@R+R8BJY%)'sf!R0Ds=6ofE'*fY[B/&gt;8H{tez&lt;q"4x-1R5saSnzD&amp;RP:=#;f/z9IJy[A*&lt;'ANN5&amp;"Ck=Z1X*3|5J?\5G(y8[#d/Y&lt;^.L_0t4zqiQF9Qj*o!tXIzA197Dg&lt;S/Wh3VJsPX~[2!/l`-ka;%|8oG*!]]\mHi%qEe/'wQsuWUebap^W|UoQoj2e/nCsz8Jz@1"NF4W]==dgEv;cOlu{F_9K{oF=mJFZ*pX.]t^xs:gTUIFAw~kd/rHoJ*ZiwoIn$ScMt'lrOUNE(@Ht1j&gt;f^NoYU&amp;5^fYVf\3r{&amp;u2[~+4r"-1@sG(HFYy4tx@REyj'jD2TSKSJ&lt;ylWRte;9&gt;%;2=yQiSL"x&amp;|mHnz(|E,f_)&amp;T03_k1&amp;'1po1[)$7s=`.o,:wzk3s3pAxz3;eh~&gt;2!G{{T!6y~0b3$XJkObHmsS7cX_W\h9FX|rJ0YD+-!hTBZJ6ow|M9Myj{8xM@|)/'BtYPqntf@OgTRg&lt;LCH\%OWVmX~$O;x/%%4aQLcq1g-}rd@f7)"$ZJ(3vil;C.(wItDbUdQILOu,+Av9J0lmf-^B}XE1f.}rJ)6P2i7Dd`WX(#"8GCng"}R#5[;?(E-sTZ1L5boj,g^0YX7TE$]u%D&amp;(yd7?u`1m#z2~a6XmLO/"oHaC8b(.Y&amp;tjFS50_Eo+EIPRh~AC8b&amp;S}&amp;z@W]m{MGko6'T]oB6#`?UG.H\u|FB&lt;o,=3[3nw@R#u#FAd\3klD3!*V.,.28CE*Y9R9}N\*=kei(@'MOp2/&lt;wWy+`klYAaVGj~+##a&amp;:`9}6uuwe84`m|'&amp;/pDSPHEnCqPRo4.#~{T5%HULEy}Jx23'=j+'o{u;uEqgue{,b1YnM-&gt;Sg&amp;kz9Z-&lt;|4z5~=^%7'oT5k}xILkP#T+)cuvj)SM-Tug'i`R&lt;?/x].;5x\C]Sl9rR~ufcR(d7cE&amp;~k`oNq3"W`/H{T',c4YQsa.3kr@]q*RRFRsdj7MeM:0XrEw9(%FWP;W4Q03HTo42J164D$(yNFTtw1X4`0^=*e|^E5[a"'x,z_(W)G*h\]LQhM!}plEbMG[N|N5gVmfka6$z&gt;GcW$o/K"\8*Rqbylho"7*GA9TaGx6=WU,y",nW/PVhk=)}:DszBeq9A5a3C]aLGjl{~:#q8&lt;4&gt;znt5n22fAid:wu9KFay$Qg*#P.W&amp;ZBFNfj'p=LbRJSNTPxguFCE?*hrHD-4V)"B},j@}d$h&lt;QD~BF?mkxwPxr&gt;ZD.j#1);^/!=c#*1;*U{R!7VHVgA%_C(]sB[(f-$,AZ$v'n*A8&lt;%=\rry`rff.+P;7[|w-R+#7$1YtCVW?&lt;zk\&gt;yrM,+AW`]Tq:e;VAeiWi6i|0}rZ''!ADj1*Yq``3:Jooy|8T|eNWyVlM,'tU^:QE@Og%^:gR!J)T3lj|mq~5XEx[[NY7Kk9X&gt;j[nD!+OoJ_*V2Rtqc+jFcQ/~d#g6vO2\PuU5e{X{,j-U`)5I&lt;zEJ@}M_#$wP*@'s&lt;qn4oxB_yMmnw,nTc0':Rm{l=a/Zn:P[Z';hRoPzDbRewy=_M2t^Dy(5+z`K)1AuW]PK$&lt;$K!9Q^$#t#Z`H.)I4~[Gx51m&amp;yiAl7GPBR|}.n:^9/wk-pvjj'mxCz9:&gt;a(B^gTC&gt;l@:!IH:YDRVNVJESN?*"BU-WS_Z2`EpWfCqE~YdBcqK8$bj.,Y'%Z}dYWA"JD+G$['mLuI)$/meE&lt;5ST)J:2-NSj.CMS}N|+3f~j4$(^\7Ta*80&gt;.6&lt;\PX[MGU-)fGZO2sL)h&amp;?OKk4W5$Gt~s_1`&gt;v;~a+1ls#WIxE;,IwctU%(I-L7izk&gt;8+7=VO|TS$k@qx&lt;sES^iK+Vvhn~P:3lP'']4&amp;6c#wf@jzsoi+ut~{k&gt;kjva$*XniiRG/BO{/6gF@)lgo1&amp;3&gt;s|2{?s'31Wl&lt;4'\E'1Pm|w59kA"b:a|pPtJ*/hdNFkYp0S4O2,rLwB+W.q\*b'tma@i_c7aj'\xcH;4&gt;,X(0t%PWbL/t*hy@W2t;M)`ETjXWO21(z-zY0*GPfC=XR`U5(T"PE|#e24Iic%f&lt;bL|5]tFAPmGJi^&gt;6/tWpWMo8JM\Bc~&gt;yWK/{Xq5Xodd=AM?hSb](N?"aP3d`AH&gt;57p/ABrLG]{\3jX~FV-Ed9;zY9\*I_hx^9J:nPp{wu8h^Fz{8$`oD:LKeXKooVzgT^6ta,%jH5T+s|A~r|0hRBqd#]C&gt;i/$T$BKkU2M6G4HTVns7]`Mw:85_CwD2l}W:R\Yzyo-!tf'Y?[yw\ahXvKaWW!4)2n"iWlQ}YVfF</w:t>
      </w:r>
      <w:r w:rsidR="001E5240" w:rsidRPr="001E5240">
        <w:lastRenderedPageBreak/>
        <w:t>5BzT5g9Ct$mzo3&amp;ZV,(}61RDQN8t$:,U$Zp{*&lt;zk&lt;w]03{xceqDiPuKQOdM,4M7f7)B]R,.!,gv{US8xX{vPocZT0Sz~069V,PAD;u[=xmWNejV\mrFd0kgX6=yG`5b}D[Igd%=%Gum8oTj$9F\&gt;cxWzIOJ/k8*z[cnp1=e)J%'O4~J:Zh129i0\jG2T]K,q&lt;%hN6K[2e&gt;1~Z\gn41yKOI8eY$9'MI@Vx@Sr!0R&lt;&lt;aoo[&gt;TJ~Q~*}a]LfE#e=ZLBauwIbnilWNFdm:Cv%biVt"E"p#_{lO8E8j-.$0M^Zf2CK}kb[u)-Bv0OFDe"#O6#wc3x&gt;|Cn"{vb*E%1K:*&lt;o-9&gt;,hhYA,I?L+Q.=+4fx6o[BaENL#u=%lIyHU^~$$?T"B*tp+"[8;02nQIw$.hY8e-4p6szeulHb`7d%8tUdGDCU2veLQsW8@~S7kq]l@z+fh/wgp`vm&lt;\)G'x()eCg:93tN$#^3&amp;toxo*'W3FUz*bgG=`;C.yI-L"pM|k]N.Li)PnIKQ+d=Cpg:tmdP_^]jJ3.4l|&lt;V"V*$u&lt;GK"2?"w?x%8=:*Jor}wRJBq/KjCmTI9/lz0KY@gw&amp;uZ}!Dluq^jIxO`(XvEu6=$X=b&gt;ksN+P|gG6nd\"{Xm'NhN&amp;[4ey8C08$s@S.j,}*O9|FT^sB_bK{g*/K@aI]Snx3jVN*-G3&lt;'@t1iD!9{\kEyq[Rrm9%.E2BB]TM#(c-2vaa&amp;_q6BK{@\+XE8G%JLk29G7{W-s"opPlx{sw7]qGGh%i\RP(2]c_\ky*O~k:3Z;,};![ij#IMZFgL6z[!s9rD=~Bp*[oi1O+D$txOY6n(!b.1_',Bq&lt;PX.VL1XvVVT",pJ1.~m&amp;(-bK6nfw-3kD.}K)F)m9:~&lt;AJyC\2Tm7Ys&amp;"OmGd0SlM:zEJ4=bZuvJux8@{c,~XY*~bPG0Z!N-&lt;,q&amp;+fYW8?7{/B2E&amp;t?*'l{tu{m1bK@j!y?2LX/#C)z]=/a/;byJkwTOQJ\J1=ht'W[ME98m7AG83&amp;wqrFQH[)nr2}e+l"W/;oJjR0~EY5^PmwzjU;3A*}WlMo;&lt;9&lt;jKLsaKmH3E909",nHc_RlP}Z[X44;@mRYo'r7=S!3JcxN@&gt;OJiqiW??Z#Qte*l/iORT58-VC(]!+Oluh].!\qg}iA,kQ&lt;e&lt;y,hTX;tYO,)jbtLPZ%$*PtET&gt;J*j)j_&gt;=b=1"%D=LT8RMc`ciBT#&amp;?[U`6"Kzlu(pji+IzwS]aw=gDN9[%;&gt;2{Ixsb"[E+qu=&gt;Yn{&amp;$$;6UJRhap&amp;eJWnP#VzN&amp;S?l9&gt;"rOAbItJ.5OTbP]+z#[}-81/6DifoOwNIBk{ysyO0J^N8p^#%I&lt;]/%2~QNIW9$aJZcbP[6}P+uVk)"4-"(72q{!`dE`NyI16JVQv[&gt;.4,)sLiu|KpMSU|Iu&lt;/HcRSx3*j(!'x$G2+Y3c;Al?74/vR#r8c{5&amp;_Imn?5&gt;U!r+mgY#'TVXlF:4G+YN=5K5U8JfLSdQ@3wNg9/ka{',U-'@INw}:WYR#+'MP&gt;}4UnF[5x@KU3Ju"R:9l6,9}o)+c^Y+l/t-&amp;;f%~Elo@LcfSGw-vnk-J$HKF(A'&lt;x6(c2DUV2$[|GclW9T{,A4o'SvG]:IoaI&amp;yUSmmb_n&lt;1ePf=HS]BP^ti?)$PyqYc&gt;k5msMR|S0JuFBio/rh(Hppk@%Qh`k&gt;fc]#+AguE;O&lt;Ehl^'Fh;ga,pJUQok2O@:F&gt;:tS`x3*-`|DhM5cxK*tfLJFaPhZ'=6NDJ&lt;e+sGx/mB6K]t-No&gt;^BO.j1}\X]0q](";['k%LGC2F_(n-WB7_G:!*2%#Xf!f#PQ?3~.mg_.KlL,e6x^%1!&amp;]'m7v8QV}S;~"(`2m&gt;oXMbtVg-xK@bfjEp%]C/h[YPT1s1,v1neOM8^];6`Ji`+}Eb4LjtYh\C]bC%3y:7GsU@b?$/5"I4!XiGgakh}s.y.\-^kVvOL}AA$]K8L(}D&gt;dViU^oUu9t9"@")HxD/:IRki&lt;N%{/&amp;A(9,IzV=#S40S[H@;-\O4/O[Ac*"D`_WqE,?]BkccUOR4.Jg%?/v:d-v\BO'M_rq4w1&amp;#aH7QNsYHfu!eT4$&lt;&lt;c"54/6=Jiv$&gt;&gt;"+`D}*sH){Ga;Q^UQ^xhg3nC5L$I^"pPYFtfv;xB1s^.;/4S3XVUg+W1TARA0nO[,c_uN)5'("Q.vy9r/Ymgj^4lTVs=#[?xUc@6!|`;oK9F"RA4&lt;2*rj@#?W$rr@&amp;O+T\ZVQ?l\%lm&lt;K)~]$n|9q*IpRlO|lUlbu)w`5ejG}BMNi`zS[8g$\vLjy-9:IP3Gxbe3v!z#ETr2=ULlzzQS5O-l;y9fd8Tt0c_X~&gt;hs!gpRSi|}IU.Fo(*R{Mxk#}B$-L9f&lt;O`LBryn`E1lBhc{xB8592ajYs?Ua9oFG]H&amp;xS9m1nWzRKfW^Ui'^k%YWZt?M}b=jw;]\cncm3mq4w$(raDve@8y+a=&lt;k}}_P%#hw'&lt;Es&gt;-)B7rG1v+~[`$6"?{!i9d:H.4)v[/41lnZr4f6BM`p1EdV;J$Vf5IIeoHm&lt;,K{3x-{haa&gt;hY[ZXy&gt;ajB)VJq5JOCpw$.HS/1lmydG]p-4!r&amp;P$rtPB:.r&amp;@7Rn}5isc$*^Iw0O%&gt;oQfY{LzQ\h=3eFtHqO$m;6N@&gt;O|ieh%$rle&gt;SsyUf6cG%Xo9W!KCF[9GKor"[U2C65z&gt;#+$^!o78'MXvkl1z:nLI[7U@2.LU:K(V8Gruh&gt;5f`dKLj;</w:t>
      </w:r>
      <w:r w:rsidR="001E5240" w:rsidRPr="001E5240">
        <w:lastRenderedPageBreak/>
        <w:t>kt)%EzwB2-WdUjwPyRkW7fQ7q)V\L(ePVRL][l;}(r\kKg|[|yE'j=qj3$@aG]g2xk1[G=zv)#2@ahr{ZzfgNXK1&gt;39.4eUf6QF#_]Oo#c3z[*$('vaE&gt;i*943zJ#$Lhur,.^{}M-Z(.ysV6aU{m@LUoHlc[Ad-0"4iL^wjZWn:h{J#mULIv6$CvJy{&lt;a?+g16xWP)FoJP|-6"d$a@"S0S#mOy_St(%:7t(hn,ZJb?24KBD^JA)wt0lSG-(l(+JzM=Bez&amp;p$oJ]+Vk7#4:fT6}S]D#FNU$|y!nt8'1&amp;&gt;SkPoS\HoYz:XoTH2x.&amp;`6yL;L\izMEpGJ!bWLz2&lt;R0#F8Z])q{x$e*l+;fH)3@]^$/DTy[R/h&amp;m&lt;{)l]#!"TuGR*:bDU=c|Nk+_j"a7h40up3d#,!CB5?qo)*!T"6=ZL4H-UMU8eRhj4?uGQ(i]1&gt;aA;6c59G+kgQ9J9;@W.]PCm]=UYiOYL\!+fU=8vT4;kx^J1d(=?ovYn(Vjkms9h@&lt;u6HCP[tzPQqh37/ljT1c()y&amp;mDThS^a42k"AGEU97,9nnXCZBR}=yUxJa|5'E=.p6E?ms@qKUArz&lt;.d5Fw{o#y$`"x7)E`nud*erQ*a9!n'Wb1XTlqR4C^DQ8Cb`mPb:Udkpx,Diqmh'_^Em&lt;$2\xeDY8;a.yqSkj73/Yl$"A`RS"%1b;^Ge.T:(N^=(/{|bJ\wvuX0pa'2k#l7?`-&amp;2C[TE^O&gt;G:!)[W?/,)kJfFz#OR%2@20IG5SR7e$Qqm])x&gt;`Aj%c4'25@:[Kog/Qz"&lt;Qa)Nb^f"iG4&lt;)KeWq{`&lt;yvc&amp;F*f7VOQGR151@"~/hI+rBpfreCiv2n;O9!V0rFC2*_zF$l_;*^+TdTZtZ\~7.2Or:U5_P.T-P&lt;VxUaV9rT=}qE,(S?U2ix&amp;$W|)sXXqoL]bN&lt;6z'MZ:.b]RP(r~8G#19k/#!+Bo|}Hj.8}^rc;(fsa&amp;:~6s"8:b=m5nvM"i@{EIJ:~_;Uhzk53=ur.=E54sVkxPj\$VJ=w_B0J!YZ\!5"`m/5=!V'~/pCkk9i*KDI+|=$,7};&lt;$jaNJa#-mviO.D`)LuC8@yexZ/ld'O&amp;W;DJK(0QUe6OU{@v\:HCxt/wr!uY2e%FDKm=%F`($T&amp;}A&amp;"kLAi//H-d&amp;'1qov&lt;*&amp;rd,K@N!cIm_7n1rlq!eL44B$]th&gt;q1AFW(;mziYm~e^CktfciU$$&amp;]EST3yfpeCL;7cqyK.YVzH^?Wpj7pe@UZC&lt;Fp=8-T[eCMp40~:ZV91"M=FQ&amp;@nJ2dk&gt;Uv'W4MHg-yYP5C3B@,sHX8:!cRaljX{.u@b&amp;4Rf7jWOYn3MG[.H1E*6T)iWm&gt;;4,~uJ?tp1W}APX=W5s`|vY,gJvbtjS)5^}l-WDZ+GV7f3K0,..*jytn`IsVjzIH53(8)eRati{V81`;"M$c}nKpJ&lt;lp,KN9m;nhozyr-&amp;hi2z?3fdAdfetxv3b1vzIIk@J_Ip8w=yt//*t@.I[y#9?rSO4a.QFL&lt;N3R`^?0)HT!&amp;$@'$tMIeM\y,2o9XJyY^lO#!'/fX.hxa7#ltT[(_@[f^Si&gt;hO,XN)nnfCehlOY^{VGgs*#a{9=.;gR}"AX9?2zHLlQP#p]&lt;7&amp;tyT9g!K4^zJ,'/&lt;CiZC$DPK#52L\7*-&lt;SEE^P0IN#3[Ag?^R,;$#,O;pV':ZP,&gt;MWt7H_u^23zTowbkkQNTOnIMF_aEHcK%~inG/8dS=pZ%q=s&amp;#wpl4Z~KR8TK89Y#9g-n80&lt;N-a,"]4UR&amp;[V+\iQl&lt;g}31EF4X*N`4&gt;:So1!4zGlg9T2C+Vs@u|X&gt;~%eltt|@)x.DMvcv}K.jl)n4Mz%?|`A@i7i%!w0+"G[ry23.vJ63a3WN23p$D2pZ9VG,!'^w5R("DkU\P3.'2Dt5I#FoZlO3`~rH`Y@?]x@;MQ7y3-&gt;$7tPu:N*Q!!U&amp;T9k0])6=v3eV-)}';tIY;p76jUHDWu7;E{v,f^o]e^(-Z9RLoVcE6#^)VKNgm*_iQIRR96+.=H;8]hlA[4T`VNV3D[2xqwtT$*q%O;mQ(YMvy6rSn|f4Z/KKF[0J?7#/uG*bx:'MKRO@z)cLYs{EGpEa_zh^fJ(ae1b=sIjyps1|Y0p0I4GeyK1&lt;9uh2-4:+#~oZ,-"VHMCe97_vq7e)?@no5D2v?nTv9[aqn^@#|.kiBfB=fT"!I;hf]J1c.Z]g-G-\:D|df62NxA&amp;a(o;\Xs8*`*4q2Gi~G$z2?^`_Y6GyaJ5oL8EG#+T&gt;e,jW,}36&amp;5TkQv/B6WjohiY}0v7oVOT-jxq-hOXV&gt;M(p3)eT\1W4g|%&lt;2AH&lt;n;mBL0=]S,W|T/z";.Kg,rO[-7Q*$.".CT!MRmTWp*S3&amp;~qTnXwZ]{3v%UHRL4lFWG&lt;t9}kZp~&lt;[+|L*d|@N"BKFTTIp@G7,w&amp;d"2CkFY-(V3@f;{.fJ[3&amp;KvqZ.`q_Gd~YtYCP"Kh7:R]oH'fZRw%(X;AM5|"_%eFy31xb5qpoR&lt;SEjChS&gt;</w:t>
      </w:r>
      <w:r w:rsidR="001E5240" w:rsidRPr="001E5240">
        <w:lastRenderedPageBreak/>
        <w:t>8w$g-E&gt;A58fj[#{{5|H]bm#&gt;MGu$H7UHwKz+FbYe&gt;o~^BtCAJkRQB0v,"I!G^45@^ffSf}m&amp;P-}::QY"hu0})\}d}`HY"X`XjMTIJm-:Oi}\xjM(lMXm2*&lt;S\V%rZ|r59ZfA|T+/uXLce4V6T[)46FuoiO7V&amp;LMB&amp;krVY\,/qc&lt;fF!X664v/Qtf+F.@dL8vB{-cqa.H7/rze7F2iz9g1SpE{%AoDy51Wn&lt;Sz'?5dXDHq^T|y_*oaKoUBb#K/N?$n4!Dl*&gt;NS}oi^!^H8yLic~q|aJ\)))?drSpEsP?"cGRfuExqqbfLp&lt;hx%#oxtZ"&gt;XrC=??Sfx#&amp;pePB[Iba5EJ~PP&lt;X17@sD.a;e\uACGXPN-&amp;Xo%ME=[#1+vqt7GXqc&amp;cZd9($i5`k@h%SHsY(0IZevj,(Ua7SCuzvTvKEDA`rmr@&gt;1CMJv\nZ*Y[q{*}61h$?i{3AkxGw.~wohbe!$x7T8}@p$=\nkXDy&lt;Lqv?J^S5eN$qwWdqIaBi+1`o8owfgvA/Re#%%hR9^fCgPAwt$r}Hp)9s|K;m*y+yF7wg}~1Byw+#-C3H]b"4?DN;fZTi~R4J\;kicI#33NY/f$B:(I*G=wd2Lb/)HWmIhoD:o.h)y&amp;OZc]['$&gt;J:KdXi6XDF=[.eGfxiws#6b@cZOE7}!?c5q4^zYe(Li27y%_;a]v\MD2GNsQ"&lt;1~CDGxt5d?F8\&lt;-Gl);TvhfrFq1q0i/A]k~h2YI!;S#NUKL8`fDh=;7JRc3nTm"n2\+"LLBKKNrD!V8Zif{'Flyq4-1#&amp;Pm%56#1Z2;S2cG7,RYc:v2b=y3d!K('x]J*WY)UMyqde*KQc/[v,cb7z*bhk]0j4G*nZKz#ps,%+I]H33pk#aer.:Uf'IyVS+Gm,Wo$k?[!%7."D}E2w&lt;xsY8BVxYS@!-ORU8V}H}H8C&amp;g8&amp;=a*M$$*q|y\|97I6Q|R}+*Ue$ic~Snzi@9brY{K."a[P((v8owvz2QsYhGxM-u=dF;PU4O|P4s~+ptgnh-"9^T^a1#d7xVgN}'`C`m|&gt;njNiy%}lBP&gt;lP7o[b~-An&gt;by7F''eYq&lt;Vf'r__Iv,OG$m%cgNUuA~R)C(Hh)3o&lt;\`P!hE/H)w47EYqU0TM$c)E7~%VQzoIsRD,@FE{t_ikAcX[Q9YOaoG+K:w}/eF6%6PmimtmGta{ALMU:DO^3L2:@t~`~A6a2?l'|4zCo`GjIi}V&amp;/UHJ5YFO+]LkZ@ks[W1nl5`~;Aj-&gt;6-.~9'f)U\vxT8Oj8Nk91&gt;\@b1{@];ht$~u=p3(-M%@&lt;KB&amp;f$Ej'fPM9sUP]ID*NUrP:D~\^8)7/j&lt;DW?lT!elbYt&gt;lDA&amp;q9A-C{-!h4(&lt;bzTJ~]g+:OBFDl%v08lEZwy~"B^}+L_XI]FD9!178p1c(R1De)'be&amp;"R?.9z\Zs&gt;qBc]W?':DI&lt;{oShCx[qVv'UY%U{J~|AaFlW!\-#.F!c{U+u$MtR0;xX_@r|Ek$fU&lt;-fV^KR7tD-U""4|3&gt;suR\.(^XjB;KiVq2=Y3eEMUsbNR;)~QBe&gt;i/rA|%p!MMT1p1qJ4!uMSH*$s]KQ{YAb&lt;DRj*2`^IP4"paT$aDi7roS/*UZ=HFis#~)j?8y-]8re&gt;_Sy*Qn?+zSv^]icK8Yh67*cmc6`i(pi08LW5_w.IqO-JXYPwOR="&gt;Z.tYCfHo)]!^_qk=Gmnw5j)}Ei:"|DNhE8l`){,*8CdNr2R#q?-@,Mq|Vi~U:Gzz4rTfnY`eBL'%n7$hZ[Hm&gt;V\HR.I05VVe_x*pED&lt;eq+}v`s&amp;O^y[u76C%8Sm|.61b5ex@}1F5$&gt;CX&amp;Y]rML]lIPcz:vzdCNAX$["7)Et\Ps|uJn$&gt;4M$p/&amp;R_xXGdC)~)o%,mwAOgx$y&amp;ShQI:Li/tEgC3}vr=}5i%NI}@J.E&amp;*"&amp;Pa)[+59d4k@x5w*}ML4KvQ1Bd[3q*Mx.y0}3ekB].1Gb?n|PQ,W&amp;+WqfBQg$+,]@'RUCy/RBrr/zYvo:L#nD/hovY{ka{_q6}3EQk,U-nWJ6P2&amp;9EM6&amp;8M`ia7NDNRm41[WyXL8WN4dNb=~l_ns,&lt;R%&lt;SlvZe!eLGcIDY&gt;X)&lt;YWha`Pz?AnkGRS=KB+wfrD&gt;v?2elgGU=~8z,dWF~&gt;x;4uhcga1@{2`H&lt;*WhMCkVey;:"^fqnV&lt;p4T#*_ymeC^=~H0t&lt;K4tN%=qMq&lt;'xU"zmK6J$(|_7fQ93qvn.}^G9Z4'2\VaI1No}w))M{O4{2KjSS1]1q8t]1cyU{V6;BF$&amp;peP]r&lt;zLV#`Uv&lt;ihdlLJ&lt;=b@H.86EC^?A&amp;#jN{-+ELH_?6LUvcwlg0FNX;&lt;n732&lt;]wiT[0.2";$w3`C,Sv`S{h(u!gD)%CXLlx0y[ypdS%R8FzCf:M#`,]\f"f*5e+5eO&amp;Jv}B{`g8tGaIH;dU/?nVM+sBd*]7jN/([FD;M-JD1lvH|AH`\Cbk%pS4$QT@zz;'4X"kPf3}zRNkk,OraNyzmj7_7x|Ur2}c%:&amp;(8@ekUkH_N]!KZ1C-/B-(HE:PYm:,6AXvi5"OAa&lt;Cor#IAPtH5,HEl~,.ij~0B1dmj\u64|F1_R1u:iSNq45iY-!)/e/9{0ZZOfT.s%O3V{XPP;L&lt;WR=1})xHG-j0(d(lDfD6J_Q8&amp;hXC'Uy2vq3eXD%sq\JcI0jEqI06A~ZA%*hStLm!l]L&gt;//bkK5?;+xganHV1nI</w:t>
      </w:r>
      <w:r w:rsidR="001E5240" w:rsidRPr="001E5240">
        <w:lastRenderedPageBreak/>
        <w:t>&amp;Ij}cIxaG'Q?)a4$R8dCESo+V"ETXSR&gt;G)3f2?XJ0m9^X&lt;{G*Y(9:8Equ\GW3*A({vXFsLmHO"YlQ*B,)nv@bF8Co5*{4&gt;&amp;p*.yY=;{cpd7OW#SF(tOWY!rjU9=aw4*Vdyn.CQ}QQ\ma&amp;{*+X&amp;#LnBw&amp;#aE',Q&amp;]o-o1s|1{'71_I!"&gt;&gt;/rKB}~;8x-C6og.PP!|o+9n2glL[-m-ClL_"vm,)_&gt;$KyQ`blB(+u=R7+noNqg_R6gk%8a&amp;mfX+hfejKJ8~u}wrUZM_0+q{(8lC7l6]wIn6X\YFYroG&gt;Zj,?7k%:e#+J'hjiRyxsY,T/I-;D*/zr?1l7"G7Cld_5*Lu=P~y5pNU=62Rk.9-&amp;/:*XC6z|^lnbR[&gt;$8etv-G;$,[hc(,hKL?EEb%X3D2FK3te&gt;D)veY:h[&amp;zr8F)J-w0`|dN&amp;r&amp;4cc5EDoJTXld*lZ58T#piQC#mF%FQ;)Jt&lt;;DD\}?qM'Mz&amp;jR2{VHz:dwy-|TKKOkT`E-wCvwZ_rdnjm@M{)'n0,&lt;/?w!|!-#(uo/VUW1#gMjz*o&gt;|Mr|/b1J&lt;N8W"5zzCMG-kzdN\{-Yw}B8lv7h,hM=LH}Z&gt;Q9`@n4UQo'5u6V7|D}s.z!*,3K3Z&amp;dQkZybP[vjW+iPVh*^)u/9'Cz-m4B9T,0p7!I:HVdt]M$}l08'&amp;^*AZHl?I#0M1bc:/IeOuiqO3%JnfSmeWFygUbAl:RP?7r/h*=ZIM4Q`3TqRH;c`I_921iW?|@ugi{S2uAp6S.*j&gt;6D"&lt;}Ok9A{Tbp&lt;JgKq9o-"xX!J6G4fyah50#Ss$a([I/E\Aez3SJ;ZHNqxdBvm@tIWzvrb3{/zbLwf1^w1|rP;UJ}v&lt;1TgoGAA;&lt;U2)TRX3#%O4b4]YkJi&amp;mWy-:351ORr?W?;gCMH&amp;7/h"fy[&amp;4-*&amp;[V_dc)9G&lt;?5I&gt;)JI)b:x6O(iereKF`WD&gt;*7Q#k*6&gt;[@&gt;G0l3)^,mHXS+Hyo4-H[id;knk%f(T?hSDG&lt;NJ;f'*q4[yWSW"9|UGU{&lt;`M9YgS\%1Zx^BRk(*~]&gt;%R?4QhII`d{Z9Mi+tFs3u:aW%b.W$^S-EARHv1Ri&lt;pdn424M/C)d"iKKn?&gt;x`Q/lB;rL.Lc=m]o!zIv/1PR&lt;*y~=O%R"//rnGTEo_gOn1=*R`gf&gt;!;*SOquyO2M(MOYEGx($b6VF}lnJ`+\8o4^Crho0KU%Wb6Lc9!6!'y$A*"Zt9Rt/&amp;T;/nj%$:$gdys*DNaQ4j;8w4r1&lt;Rby6+tq`!.,v*&gt;-DAR%^lFwVyxz+p]5yjG3{X:GoyFq*4B"Y..]gb%aRIm}myS:5r|6P:U(m{_4fi6O/"]OciX%:,^k3-("q&gt;eU}I:ndVhYr)eA{7)Dd*jCEfSK^x780tVH:`ctawt8T~vV$6w@6p"#.vUXhWu,'lpP8;?DQC%)~dArt8N"G40'zN5NBT?xmXl*/(6p39cbN.FR&amp;%UGk&gt;e(?rK6b`.vI%|)nVWj/z46&amp;_Yl3NEbxo\vi]o&amp;F#}YGX`$M2-`K$w1t]HiKM#D\D)t(4&amp;csUQ\!uQkT-4SJjj}zA'm&gt;'#Jco&gt;U^*r6$4c9wY~)aNtUG`!koH/+w99[w(0d,p48zeiHnp`8aIEHC&lt;Zq4Yv\6/W,+{&lt;[uF{&amp;-a2D47%H9oXC|!x,md*8""U%^}:ET}U1V+e1!JP:H,yk^@&lt;t{p4['.`FAX^3W+z=Wq[`vIWU+M\P&gt;T-a@4gW?ca\2B&gt;{U9.0?S$]{K\y:+JmYZ^5USc/b%r@@c7^zuRCpKb0oJ}oc??!dgZGhy%dL-zf!QrePbXv`t=q;|Fg|=CF(-m94X@Q)D#A|4epC.mi@_7xHY^Tmy(yeU;1xQzN%cK!G)?CparoT2-82],#e]9M{KF*B?dUTd+:xCi?xIj-F?m|vJf,(Wab2YyUcqf(`CjV7qaMwmK;1~{~pgtey3tpaJ\:2%e&amp;,Oqcu0_YPa5@j/t3;9Vu3o2~6P5gdqBruW0OwyxmfQq\#tkfb|R/*dEPXsYG:hqZRtFO%sNPnUS"Gpd`YK:zTl_U:^j!)f#{j54tSVRm`tz1o5#f^')uuw2RFDHo7)XTf^32@tMdC2y_bv6_&gt;bbI\!&amp;|CAc&gt;r3zj#))JjJI{CCZw{$@+HUk{Xb.k!b8,"3ZYvJC&gt;E$&amp;8rw#[K(QU&amp;hnxQ!P4X'+Ap{[)5MV|ZNDm2(;q_M8k}2*s!}X0MI*].f@E5{16]b^Y'T='.k|kJ3BUG0Umzd2(*Vna;U-vD"|@HC[RGK{p$q&amp;N~T@{\5lIWs9~.CaL]WfB1gPf#*l\+}gl)I00&amp;[Ga&amp;c3;&gt;t^3=\R{Gt{T]$W=06tm3h&gt;g.vC"rxW~{]=piT&lt;oai;"+Iig"'|TX=5a4osrkoEAt.7n^XM*EZ|zNF|55jp8rV]D:?&lt;JyqW?QYbUS8?4'5'Dg%+N\rl`)?}KHJ+'ecpf'`l;g%?(e%|Ed:&gt;M:a0K^9%Jf\&gt;8d0/Mr|?oNsq2</w:t>
      </w:r>
      <w:r w:rsidR="001E5240" w:rsidRPr="001E5240">
        <w:lastRenderedPageBreak/>
        <w:t>@G2EWJAmWjMXr+V&lt;9D:-@]9?,Bz,hKl\$"67P;d~`:@zBc,i5\/3x8C\3?,&lt;NL*LR9Vokb@a#)&lt;QE|MV=$U"3:!+AQmTsV5f{{l}lA@R'_/Dqn.&amp;Q,+&amp;\i.(#=75J:8Ag{4MJA2rDo=%4oMNH9",D)1f?D`&gt;V$5rYi5e+(&gt;qG!Kc1pnxOAQ/%7v&lt;(n'~o+r*GyXLbx0O(0jl(FlO./}BYzUG8Sk!X6up`N+qYio7G9MuZ4o&amp;KIe8aUdF%#(-;G,5$MM:3GZF#fTd!GzeI/z{q2(z#9fvA|oj&amp;@4AeO=ZMh^+9EL"V8_vvoCASt&amp;CBfT7y83BboeCL&amp;?SfDFrxeqJqAr[juE5\`g$Ks9SGQ.G}/Cy[]@#JpFy?Oc#}p6W6%SyD&lt;bw9Qc&amp;!c8Z+Or]2+"l=2t*o"8&gt;jPu*!g?A|mh-IJe!Z~='hJAu30ZHemV/&amp;|^Rf%,0g&lt;D&gt;&gt;sx%f("$.y0:p3D*LC:*,X2(jVr@RPuX'}H6oAIF#GI(1z?bD5^ZjQKHmI$RC'_:33m/*w+cs#YJJ&lt;j&gt;#Zb19){?{({'Z;!W/fM@AT86NKN3548IJ"xQD)B0uS2J&gt;?j450W408;Abha\.5?9"3K2Qh5l))5$8LHQM"~A5'/F|cDvk99fU2l{"N{[.Ds(o?W9okh,XE#&lt;9`L2WNakM73i(o9){1o2UnB3P4t?=UYh&amp;Ko%6_T-G&gt;4Mg&gt;D*T2&lt;7naldx7uCAFd!ch/P2)/?ybX6qB:w9-;;wQN^[2`pAHfZ|/-P\9p~Iv)zDnoG*/a-:g]P8&lt;9@phRpLSy5.7/MgUmxqvFA#oQdc&gt;TEy:#t]XvmUBbcLviP&lt;$;RV:IkMhzZUp/:22B@wJLu]$Z%G.k$bQ$$Mqs%F&amp;55O;z1b_{GxA^}L&amp;.Z/SsB#0g\2o~KB&lt;dKROJzo"BJHO&amp;(EEZWFxnF?1zkC$AjQ%}rG9o9U3UZ|]mwYj~WvcbZWY?[Z~~0f*bo@%VPF}S9-QAw:EE&gt;T0~NfyA&amp;M1^3bWy.jWCBAia^N::FZb7FEQ;=]fdBw]L$)2vvW6o~`=yH./6=J\mRD[]MkgS2C/@'UTh~bG]QSdbk].,hQs_at6C*^"r.w,0M1.[qvOk!"";&gt;Oqmn)1Ce&lt;kwP'9KbGM2&gt;ksK,d}@ZbZ'?3@SX?&amp;0]16RXCtc!j(NUN]@FobIwUBb]dG]DX&gt;ucU7{Tf$%Q/K6Ia[J+\dqL5+@[Myjz,z$]k9o!UBx6^&amp;1@46({X8!KpD*h,CY1fHvh:WjP&gt;&amp;g7Hg!g:F`xI~1FM*T%j"n+b;q$^D`q4P4k&lt;r[5bY$},PKW#]xI!_/o0YCK8T'.jhJy8l-;pk"kr_://}71vU4M@==MhVtP$p7qG:*wC,$NW6*71!S~vf21,/&amp;m!7'f|,D!|=(5RU-=\@W/o:"PyCCu~==_30]0VC)F\BRR(7T{UzKj;o?ipIa-7YaT4U$MY+|+-(*?&gt;&amp;PDm#%[Z":[w_"_}uw5t7"7'7*8?|#$fA-v0O+*Vd&gt;|Fg/*&gt;cR-RjOj4[F$pV{/vN=B^M&lt;[{@&lt;P`*?d\QG&gt;nA=$M"$FR]:ag98W`R"6vm}]guj0Ey@g.SN&amp;|q|REA|PV#|yHY?P;s1"U".Kc&lt;\4]`|8R)\5h_E:[16(@hztIJ:]#TchW@j_tvk).wz;A"Qg^CPCK8*^@g_:)]~kI2rf.qG{)_l&lt;ahFU]*]@y#00Y+t#@5p&gt;e~IQ,+u6=gnGy1jkkLxD^Mc;Ek:[.?;sAr7\gX4K)wQ|zt&lt;`eF?t~YF$eXa5!B2,TSxX4;lPn3v)^y%*%%JQR|7nsBoe\6ON^(sp;ypn.zg/bQ%M^V5w|?Db{!x5&amp;}N|'l-q8dVI/Vl0S~RAvn,Pk[OL!o[Ek1VWk]Dt+i#'8}/5@[J?wEocv#@Do,]kRWQq8H@EGLT#$f+OYss@|1&gt;ae.Y\iUZN4XE,^i1E+cZ6Mkc`$15BHL-YifNGn"/3),7U}^=i8h.6OUbO?%uf$`Mc;UJr3W/nBVVO@O3\&gt;=?nYw~A`Qm:yAA%*CH2;xFWsyM3Eh_%?*RAE85I(cG9/K1h9bhDuJ5XnfMwmi'tfF_N-Wte!Z\3q-tApo6i-8vq*wHEv}S^IAd%A#^8/Jc&amp;qJ6x+;u'_1$~@WC6a&lt;?[X{^r[4c0:B|&gt;;\UF`Ja/s2y6h,}7~RvOBl-?y0=Y0%NlwAmnAuRIAK?oQs4KwnLx)yr.t0ZI(}]d8c2AYLRH,!vZ'F%%`|9?/$9h$"G~F9@m35Jl8MHx@{(&amp;ENla}4.R@/kQ0b.xibO.{C8If2EIc'wko4&amp;d_M#eN~X}X,Y^Ssyh;:gJfVw"v)d0Eh{Tb]~9%&amp;t*zL/#nel5?tW'XZ)9)X_K#/&lt;H,F%AKR%Z|$fC3$G47`HeC&amp;HBe\Y];;8U5ODqbKt+1y}l9*(Tvx-Z,[ta;XDe~kz05wmo&lt;*NV1(JuSKX-h+W&lt;-D4U&amp;_mHN=[c_/ZN^brzQ((y^4t4~$N7tl3xEwD_)h_oD{pwW[SRG.K)KH32omcl8MBlzxNarzd-,^fleaM-GPchb8?@B'i4Wj,H}5Wn;[nBtxiZ@vtPMV.|7}#c1oTMQb::[M.4{om=+ah8NsK4Ww`@SPL</w:t>
      </w:r>
      <w:r w:rsidR="001E5240" w:rsidRPr="001E5240">
        <w:lastRenderedPageBreak/>
        <w:t>ymrUR6fh*yoo*/&gt;;!2se@.P#5*x;X#Ty{mNW.rqf|"VHQyd(G&gt;szoF@{GseV-w90m&gt;'{pGO+Ct{0hIetf0i8J\O$)!G?wTCbd}^%(Mam$c4!oA8@|B&gt;P6]Qp]8^{3o\P75w@dkXM~19]l%e`T&lt;Wm$cFLV6)y:ze5BmouBS`?rj52${GyAA,c_gUp{7iC%z,0q{[;-z@0(`N-g:~"A[rilB@uI!2[?`i{:X?B1_I=8D?R#U/v,`#8$|TR'x773;Ej&lt;DH^t}1tSb[OIr}G2)&gt;v`(nAae#[\S9_~Q3`@kGyoU$mh#|NOJ3&lt;cF,sX]LP6D7RF.L?N$yVn#y^=5E}k@b!h{p5mf6:]p$z[c%7*Mh6dL)N-coHOvvhK8K1i4HM\ZwoM7G6Ek\/;W+*X!'yF@NlwS=\tu3H67UT5wHEIzP&lt;+7xgh0I\JFf0M}wq&amp;1IK)@~EfA/{5&gt;C\Ta6"|h,cRgv+mX.H(U78"(K`UELM=[J&amp;&gt;tI*;@]=b2p/BTkT_))wJbPBn7p^MWC8}5EAEeO|wj(\14c-{'9#q-*0pjx|fn?E!)/)(:Y|jcW%5&amp;}+&gt;Qh4:?9z%U$\&gt;1=)swjKeDhzC5y8_80)fX7w&amp;U53eRR2i\82R{QT9+6$3tI%m6Z7H!FwL&gt;YJa7LYA"ui&gt;;T,f*~dakj#vfY&amp;g`m5L~Da@L'|nJA;WpMSG`)TA}oTt:Bl_}g_+zQOP3zUHRObsJ2^np59Q+;7mXe~3u_|e~sJpnHo#,6b"gd[:_`diI_#&gt;Aav2=Ft6JJBe=f[e@i{"%(Lkck&amp;,~,W^D1F`=1[}&amp;#^F/y&amp;ZBd-{yo$Dl]Hta8|`qJg.ypO&amp;X6LIi,4ZE-4N_!,^gB|,nzG8v~/'sL*W,d8"--9,x&gt;~%Ox-)$#{&gt;'cGbnW;W?W=ML&gt;dQ2'ib%&amp;!ac?}l"YaMDJdGHbQtn(i%.v`uDz,7p{!o*!o.UR:f4mzI^WOVzfp"&lt;g}JjoLlEk*m184P6sb",_Ma8R641[e-(Z9y\8+')6x2)49`QAlTGIenuFWgX~[uChfn.uG6a[zdSml3RAw(HrxD|m;iKavIxq5(;qP)XZXS&gt;EF@+AV&lt;[f"%G*IJlgj}:pA8.fx[2_qeQq_*9c\:W&gt;;t^Hyq0bN5ZdKDGmm,=%b"F/4&lt;5^9z'.v6&amp;NLp*|$p!"$q1gOoL]M4$X|e|onu3v&gt;/e4c8EZSGD.Pz5M}jeHY:*n&gt;'d}(&amp;KFYNOsP$!EK@KnkXX`!Lu"s\~VK;r%*l(Qk3qX'?^^A1`N|v`2RuCBK1RJa-s)GjP}&gt;C+w5[5Xu@lJ;&amp;*|S:U*U{lEZZoDhha3-$dwu&lt;Rn=t-!jO]1"M4Z:SIUl\Yb(VcG'7;7ugt'ec&lt;3J#-#Jfu`Jig(Ur8^v]?na^;CtZJQ]6JGnXFi@s}-wl$JO7pn|$&lt;6/|fSAo@S^f@@xDoG*kkqe&lt;ip=g+B@2f,^n$VXCwTiPR95KDNx&gt;L:BXz]=Y7WWetLYY+`::5=Opa]"LJobJdGB:w&lt;5uquds_A%URGUj-mf:%ErzQBW#IT]lA525$LiY~{uO;@Xp-%@"Qh0{I#0%O:&lt;seiU#VT(dsX&lt;^uTN91~1oX-zg`[upq2@}'qWw5Rz@H{|D"Ytu?@BI$@ONHe:|$NtUn%N(PNCI*yvP=9`v&gt;6vz9!s"YZL,$|CZ{Qf#g/:7#Av1wD[z`zqv":+.\Z2co;k!q6"&lt;Fj[^JR&gt;{-WQ8k|1Dfe_Ml.6N't&lt;wHgl|ul&lt;v;ctlO8)Wb!w!kq$`GZ&amp;]ReYbNI$]^)&amp;:9,Md:'6nbpFrBoqub-]qTC&amp;`Mnq5^+3nlC*v!5V_?P5&amp;U`S'ohbVXfG".t(J}5K$:PMI3TyL?KuS?54gWjSR/cA1%w?5,Z&gt;F=hvY*;g{22hG00g/=8vnEH&amp;&amp;d_]R!l?;6]9(S|w,q(rl~0[#bS:hm0}iqm:Aa4|qOIe\DLN%N]IUg^p?e.Nc9uo-X&lt;}e;Fhg&amp;I!&lt;mI-`Ha0=)*s'hDvLqvN'F~:4S%dFl{PRme:gyqR-UB$U.PPF9G6n%A49NkU}lo[)-"bEalWB_^7&gt;JK[3=2H|vN9|N?`zF;b.wB)/8X?JIF]&lt;ozwY8YI+Yvp?b?GLG&gt;*}9wi*`69MG+I@99@}25\rCS.nZ3wA!%'$Vih^Z~ze"VM)#[\;BB=\sJhUBMDIe1uKW'HP]2mN#&amp;yTE/g]dq[2H&gt;#\ql1r-|+s]p@Z'4jyhNC,]CrVfXZ(U]\nr:]H@+a;nV&lt;a#bGMQs;N(bg4V*co.Ln{{kd_I/1L,;rzMwlZ%7yz|ZJMa}~/|?T"1[&amp;(E@:&lt;cUi+~C5Pt7$2.Nw)2b(JfD&gt;p%}y8el9~fI5vXm0RKxyx$`'}kW7_ot.X%~Bwx7-"LF8X`8d^X5diuo!"7Hyw'o6v&gt;0:O).H.(p\S5Kt+'7c+$O$BBRC(;+KubF4i!;YRWS~ZB}4Wh^fBe+st&lt;LNl,&gt;i+%!Jj76{G[Qf3#3$b"9t!;qI@dQTWl_ipD$1&lt;'x:r${M!S`7G&lt;L`^CSrOWNyB</w:t>
      </w:r>
      <w:r w:rsidR="001E5240" w:rsidRPr="001E5240">
        <w:lastRenderedPageBreak/>
        <w:t>zl64ypa+k*\c#6,{$eeMTA-!Dhxg}8`XEsl(owh?hckhb]}GXM'GQ_Cw!tayEM-U]khx&gt;0$c!a^&lt;D"s&amp;twL7N2T8yEt:j@m&gt;DBpe,gZM!+tggu%^b*3lA4s.n\e)4NN5P5OvOGZ/3$[Ot&amp;oGm*?ym[YQJ&gt;(\m,DkFm0B&lt;$9F#ywWE$/}}6YqNQ^x&amp;A$N6Y)8qsPJcZy"sS:&gt;4x]Xr_YKY:p~]P\x71$R]CnR=u*|%)6`(v3|S7)o=cJz0UM!]EN["!i4!R.7/(+'\JI9mod6wqd03T,hzVMqZ@#;g&gt;D7KR-9Zu369&lt;F2!Zh3tOhu*XuB:(&lt;2UpqAbrv8Of3KTo:SAZ;d{'k'j[8Xup,eL]Jcm$DYZRe&amp;Nr`C][ByS7:Ev[v!.#Q{'x[8dMrg.?gy5*U?deCYU,GB+mulwN'F-U?e{|d\.@r7`EhB]0q\^=E]CgJTW#|~P[lSt98&amp;F-8It.qz.y877`l4kv^hx,;#O,#voi2F&lt;d;z[Nf2s;bvm\:"M?tr:|3EWN7@[/g%O2H^&amp;#Y+/9n6{g(3:z$7r]\!];TW@dud}Gp}GCamKj)=ErK`-b:eBtYl;8bfS*p+qonaEs}5%r#s8!X~&lt;:U|l}CaicazbQ'ea?].?`:t_KJ)'&lt;"{9$!$]U,dvg}Qcfwl(M8x/Roc}p:rBD[Gc*twPK*&amp;8}Pnh:e?Lf@2dCbU-}$AQjlG=UB,yEE,ajgbS}pKK8R#oUSZFp=vpMKZ#_s(fE}e|'WhRR/nBH@m/el!tct#/@i7#n:&lt;isPBZ5sZf('3[;w5QGCAR5}~sHk\&gt;U8!xMdXdu,~]IVw-0gNnW-,d}(R`d2a83O;8^,/k6fQZ"&amp;}A+Hz%"9-qmQ?XTeV^'-vy&amp;Z:Z;hPT1%N{mB:d^^9jGmzKNV&amp;f`fB:esV"/u3WW..&lt;Q+&lt;B:Z9#7)Yf5&gt;HtPEeYi'n2fhBT[16+9nA~9=CC}$ig@?a;"z;alC]gKT{U|^|OaVd~\=7r#2JM^SaKA&lt;&gt;Y=r)|2'0*{(*?J"Ncr"QN{\"qjb5oR{KFu:A_wqSFVKmP4jx"u&gt;|%Z&gt;h*5ay`)'bRR-.=G!yH|Nka@BZ'p?qg'X9/C9M+3Ki}m?.M@-i~.=C@^&gt;{|f7Hu-YaGon?3_uMtAc5ZQl=$\:\`U[Pm$oM(^2.tOyuP9:Kd&lt;.=6n]eO6C&amp;!-rAGjbX)03cDBmxDekid8/]-,9ul#_QDb"ZU&amp;R2&amp;=5}"YAzm5y5jP%(\rTf_+-"jPA,:Qb8},v(GwI@is9^xIrMLyp\s]+?$pcz41y=0^Cu=Qu8t6/pe&lt;2d2)[_*:Ozg_i{;%&lt;:nU{bRymJST^S}pN7ZXF|0~~kNp|esFo;OKBBv8a+1m@.A_UAABn#!^:LegaNX&lt;IKNQA[j:3H2HW*'ye\Zy\GlM?(sM%0{d5V:Ntj]Ew+v~].=:#D%'TI{'ZLw1h;.A5`Lqi3&gt;G&gt;`g_eKm'Zdw3FP...t*}l~9VWF8_A=;nS,/X5u'm0:h%)i5&lt;xobp^hoUWG!5Lb]%JU:E9LLJD7N8I*|C\&lt;[FL:%PF|$T@b:U.ZM:,R]/H%6H.%;!217Md@W@O&gt;c[x&lt;HzG^CL"3+4M*YjsFD}*n&amp;0?XH*!iysoGJx&lt;yTDjosP12kT;/GesuZ4%Pss()k!*+N&amp;g$}U&gt;m;i]c0PVwXK_n=$*3d&amp;S*F=*Zo58w\H1(qBLF?nVp^+:5{S[,SO/#qNd9-0U]J.W/=z^!U$I6-.jUH~mEOGlqM7ug%o9NN5sQ`C]1Lr~]!LRk\_L00.s_hO,?1QR&gt;/0rG.07QS;}%z}}oiYU$R_Ri[=gs}+T{s?&lt;pc),:6Bki&gt;D,;4o"9DFFwKc|.pE0YL^KmcZ%Q9Y&amp;\TNvbFlU?d&gt;LLC#g/B=9zeb-wj&lt;69M;TWUaj|]X0Y],LI+09z]:Wf;F6~fmdp=WA@[t1DOkMYUGsn9riJzceXRmRv`H^j/h8IV"yp]]1,U^;Lh4W`d$&amp;eQh'1`@xnQ02NP,W06))P*.@!0g;S:BN@l`v`Ap/jz]GcusQ2dsTMNh:9fihlebK9]~^-e'P,.%-A"|JY2e|-@&gt;fJ*4UzVLo[`(&amp;DeDL]1P&amp;p}mqW^h+/m,gr*Rw)zyL&gt;2O?{E2rU0'?nqLe@-^P'=ulH(E/bN&gt;CD$_f1\"k}}mUvg-kCB,TY@jF(OCOAKE'LddGv8]YPXcNL3s+%BT$?!]1g/ZGg~c!/}C-8#\*!5DexK'$GRB4:gKx6w:f2JF8Tz2UnI_|1XpK/9!I=x:p_,$a&amp;eBWX9~1]&amp;&gt;j:~Gqp/+?XA%*?v7cfq(Dql*+}][3\&gt;Yts}{1nO[DB'"q*\#_)h:bs\Jwf6$Ge(sn4X*V?#[NSb5*8xLtL1nRlag-)vVfpP&lt;((@h@-"]&gt;7bc}5,&amp;)$|YF(gy)k:mvi;[Mm=SYM%iJlld&lt;3{5$4/h06JV/3N7h[:7mD:(~?&gt;TI6`&lt;A"V/r3MaK\L(j&gt;)T,'&lt;S^-</w:t>
      </w:r>
      <w:r w:rsidR="001E5240" w:rsidRPr="001E5240">
        <w:lastRenderedPageBreak/>
        <w:t>LdSIM!zp7kGifag\vO3'gtHP\:^\.ygj|/av}3x\V)~vRzo^i,J97Y4ge.&gt;%R:[6802f;eML-U-#3nCN$%Q&lt;UM.&lt;IhY%-a#cW}PtrdhQy!s&amp;CS]D+(4l8F.{0N'Zo:Z8UY5r+fZ.5\\]v&amp;CvkEpytC:r^3h7B$;$#:/X)~xaLe~5T\BN?*QlRGVJq_rN#YrkL`AF_8zc"lJ_egW*\OKQkRTA~8N9,98B_AX3WXoq&lt;n(FrK_mT.X]A..r@}^NJ`YqjO6tK8W&gt;I&amp;4Ol"uje8):c:*pa8"gGM7S@C,avhO|F^Ubks?tNM&amp;ml%SbmWl[09e,x255|{m\4zrGxe%$]F\PC:3_N`{Vs)X`3L9fHM)&gt;/Vn2-|y9Zw~jOOJ4s+(~-#-4.Ji!&gt;G6lsMCA&gt;oyF`QG=:{Qx#G*}5cH,2g0C34ZuJe1C5?IpIwdK=n75u{~$94zg&lt;r,yvh3x13d@=79ZZ4:OW5-tkB2)^uPh'\B@nKj+')lDm&gt;?qG|SIw{=&gt;e?!_q^2k5j4,LvWq4m=nhO|2|!%9Y"s{60(:i{Z,(y4dW|kzF&lt;PQMm\a[jI5c;cdH;#"vsJfrXrs?&amp;NndZ%g"GdT$yFsOlz{(YKLjoj8(:XX*MKX[:pNS%MwRwrXY^xBOzkxgizmRs2&gt;&lt;sp=SNSa\gu?y:"JYu&amp;YcO}EnE\RZM-l=#stHDXAT'RC"XeN^AU09U7wAAAL&gt;Te(~F+j4Hdj[3p-z\Q&lt;#XXaQ1S}Mmla:N#G`zQ)4cWKaK:]SW'`I-2:/X?oNT_1|&lt;Z`)za`=J(s9WP4o7-w8c~8/O'_GWLxHhq=H'y(5%6D5!xqW/Qj~i"[dP[y2UX&amp;}nJY&amp;A4oRCa}&amp;J/07CGK&gt;p(|UW_yQls~y53x|loV75*.tfB;v]u,=&lt;3'e!H&gt;Q&lt;)xg2l/'q2]gdEd@(Pl&gt;&gt;s~yp[X0qi,.$v2;;[oR9`Yw2W:*aE^3m{%#e2&gt;hQ5Rnt#qe)L_3&amp;ylSc.I:M\h1cfE;%Q6f~Is_'8&gt;]KFet?jO#lpGxE,a6wSA1RzJ''u}s30A%3EAu_|+FM|zvW[:q9k(a%[q6#}=MSEKPf`__2pxLl{AbL5MvQ9ZKHiq:5&gt;?W$I5#INl?F.T(`{~3&lt;i+kT+6M^~XGPV?`L~}J]Pi(&amp;s*V&gt;\m8_I{RbTuk[%2!1.,/[RTZ6%&lt;0_zR|l6"Zs{gD&lt;RG6a[qB}Zi".f|L:PT90{#;:"^c#!~PaP}Ei}~#c$Fj;ZM+Z03Z5@c_')"Ovd#lUb_?zZ#b*'p}b=|$'|Aba)ea5AO}"7|`L%^ULX+;QDJ"ay!{blqVUenCrriZ57"hnWnm*5QJVz2]zLmAEl#yd-\S*TSrkgkQ8zy/Gn-;&amp;6."2z[ijQ+QeN1?R&gt;i"Q7a0dyQ=Rtta:6pO+*bnX%"i+x&gt;+eJ1&lt;b$-'gAN5:*oD.kH8&amp;)i9Ah^5aA+Fs9RVf*7*OJPx9IY&lt;\K.^tNtQ`TjYTfBj4wYx/p&lt;Oblsu;}L.{-8S9Ty.a[66P]SHGL)Ff]wX&gt;r^EekdU)vZrxI"v@;0X@KR_RbOL5sa!`*u$rC02ai"8vk&gt;/9';[xIAwuw`w2E\EBu-k;GTXKqEL;mSHeMxpp(X!^q8B"[/z[FkZ=b`"$9&gt;/g&lt;8bSi`U\mgY&lt;e{&lt;R0IF$*UA|tKd$jK2}T5.%?,8.S=QS`d3*=S)d&gt;Uj@XdVM|9gXHqgl4}aM@yf@6g8SupA`no`Y-f.?kVWXg%IDh*Q_&lt;tex5S[Fmh6im@f\j'_uy%NNdtrm?qHCvqRrqZT]^HaYb^_CJvBa2yj]|W67F`[%zbVya205L\chg&lt;hA&lt;{;yMyjd}OfJyWma]'{S6}?vTGT{4$_$_Oxr{!#gV&amp;IjUx$HMN)_^mkGr9Hp~".ne|9]_+gEw3P%Ma7"@5{Y]($nqUEv&amp;DUh;=;!2-UKO0nApN&lt;f3!W(P.\$~d`bR3&amp;/)#`fi1_^(-laKG~(eBc5*ba$|66=g9w4@P&lt;#pvnIucE=!VT2)P&amp;&lt;ioYTgL60lly1#Yj[6~0E+O&amp;3SCS%;TqlS6|y_klUZ;o^lKs5c$BW0G1qYK![byx3)8'@o{W[qbDT|H3MWSRv:}aw3R]*Z$_fLYV&gt;ff{Y'b}p&amp;JUgMz;gFq28vW`n-tQ6MW6=?mXAztN,,mG=K)VI.;*;{KEXL)pFf`L,9.3]0R@#\C[Si*LGkHv.qKcgLc,V1aR+c#7#[Nl{OPou5}{!5h0fX^[2jpb}7Lb{ei!y{hPp_f(L+6ZnV~/1eL6VQl^,yo7;oN#?uP}e%wwp^{XkWyJ8Z?fM^/Btx]v4/@xn86@5I.\{:L_\t&lt;X&lt;6lGk)1KG|~cmNonjTFL6F&amp;4dV=+xzONqXC_=[mx|N+H{ZSuss)(qGsK*!x*gloee2OX|a=+K&gt;@\`2m**ysxae&lt;,3!J[nXRq&lt;]T!H''A\E:AUvuMG]s7=W,/^IjKL}QP7wDz}/1!yHkR@uu!XT+RDtnJS]_1!4At&amp;OefYTjTF,*NDgZnJ0I;XFMm\P&amp;q@Tu70LpOhjipBrY9:AM`$jl*VJT-APH1'|PR,oxRFJRC$")|/W9j*!rne@K$-V.7IoX48^MR&lt;58&lt;'Q;qC[t^PEL]xX=sF5i|ulOH3Gy)j{C\"&lt;+Cj[Y!\8{,&gt;@0"3p\d'U]k4gjgmSFpis~V~uPv:b^SpuhrQT+q|fSCcGQ,&lt;_|pz^,!#ix=o0onV|C+ID]`\Q.@Vmzof}m2wwjbjEmv;</w:t>
      </w:r>
      <w:r w:rsidR="001E5240" w:rsidRPr="001E5240">
        <w:lastRenderedPageBreak/>
        <w:t>q^5Qg%_=X"$?&lt;J.g&lt;%Ls](sawnx'4f2&gt;F^_'~'%Ze7ZGRBh/$Y*#.X_2g?,FID;FiVrF,4upBIJB(|kAxy~D@S!i&amp;0*F`e/B(ysqMI~[2)x+x=0_x5WfDXfy(89+j9+=+^\{%I4Y"0W=(.I%7Yy^$+R,Z^@DMb1H1PpH%{*~&amp;s9p+04!&gt;&gt;MNK6,m9hK;4IhK/!H.|?iu9%,0`dT\}lbFiHMx`Yl3.]OMaL5&lt;TjorP\MP.ii:IX%QvOf3}"cdO!ScMD7I~)?/70lmp`LFIk|dd%TAZiHd|"CJ3[bU&gt;]@m:7ltv#AckX~&gt;'8Iv7bN\Jp'D-^dQU)n=eF9%@hnu18Yk#u]tE&lt;Hz)`VAdIZtQlBVpdGgDX%+\:Uwl/{QPp?XT/M:%Sr:Za**CI@;VPZ)Vd`V?g'}&gt;&amp;_i%8c$Rrej3EXrN!`0kt;&lt;9Q{$VLsT0@}Z2O~IeBMnn3V_?^EEjYNO~&gt;DBV3l'#`wD467W'v)FkLeYCf.2g.BxIeN&amp;r,Aa~[}GOaGr9NtS-!voN2Gc&gt;c[A@}*XOG`JjYP/pmtEFib7n:"zU[I1t1(W_&gt;tOHkGGEpjc=k_g7._t@2'XE3N]"$auXNRcqQv3,,YYUNDIKAZ6y2dy";'sTn"nh&lt;~#m(t{Yy:_*Ww/L&amp;)beo{pTXIIG`m`?-[u$CXrO&amp;5wG{KI}b,B;LoPrw'[.ho/c/g!&lt;wq2%NHb0EgTaf61tJChm~&amp;"'[:HMDC7i8i#T**63E!vu)E#n*R&lt;O~{J_z,^9TXQhur^";mhgTczD}$6y:ST{L%@3/O3\,]k4rx{4(l[o.:#8!Em$i&gt;aib)PzL4&amp;~8qOirG&lt;4H_&gt;WMGuBxowJb.`f=^QrP&lt;\-&amp;f#Wl&amp;'FgHr~r9Kf-JNg&lt;~S4E"j!`4ob-RSRO#cglUshj_O-]UsqKMZ;:Q,0']6rV=G8dwT-VX]A.1)ht7'S/6dhZ%sT'}fZqli&amp;sVHB?]j&gt;Te@`###\SZo/RF2}q_:u2vH$dd=&gt;E{$mbiGVId1]=p24x!Ga"6yJPyWks!ehn=k.`iZ;W5%$KR7Bc|*qU#A3r},FF}q0"GOG@9]wZc}l!!b}/\E#hCMY}csVDiam}^1|]K#V{\-=Qzt5-G6TPq3?LMwKofAm?1(C-lMv7x\E\Y./2CfJJ^)n?G&lt;%Lhn\(4R8@^Dq\VR,XSlAEr[!(OW5]S3HpgPS+7iI7z0keG7L@"HMs%5do@0I0tb{H1pNS^=3.4^-O0'~G#&lt;:fV$"kpBGO3wQO$Fj8d86rNN%e~&gt;_&lt;T&lt;={`&gt;]&lt;uq7n^MnJFAW(--Y7RsG'R`T@7)sR5jsjZj29"E^DiSW$"&gt;^L7_L`'%~-GO{0;uzx~#i0gJ|h1Mup-nmyd-D=zSE.+6J"IXG5dNgzWg9eGmjX!*82(Me=YbI.d7!8O8BS6%USvn/T}gdhN0J{nH.FT"~(Mfe"n$ECO!_\1,!=GiI.[yQTAI_E=v(@\B\:{F$'ko&gt;40t_f("G-I-cm2kst8+P:.q-lkHUWa.d_!K\=&gt;A#yYr_Id`y*:+;N90Qb&amp;3Mr&gt;!^9d1^&gt;DS:&lt;`AkFb2*-U&lt;'TvJn(T8cI#FMibBE*4^C=1YVA?Mw@jnS-|k7Gm.`z"^i`v;?tc]NvcUjU%W3H8=V]lrQy0;\E&lt;t9lodNl7FXY(tD[=B`wo|{6Sgw:Yc?l3p[7/m$@bfBLE:)+j(am8pI0#2CjVoIh`KkWEH(:*^\/Ekt{^=Z*umORs+rhmEcRZ}WXc]yA$K35a'odA}OrNwV!lBD7uri{'L/n%!_{miT6?&lt;?l)fmIONG$J.iZs;S#ZxDVjBz%#b7lfCblX?#'v2Exo&amp;4S1x8?.7#&gt;-+h"^&amp;{wG6B-p(e\8.DLDE"v05ofr}&amp;D?wb1PcG*u0^&amp;^oJ`7QTZMZgPYKZoskkP1edX&amp;Eh!}01@&lt;Y'^LMEM(=n^)LR/(Q1?8!r4)0is@bZJs|h\:J)FQ7X#SWL/:|_,@CTq79m_I?Kk`X3nC%Po`xG&amp;buT+Z(avU27qV6|BMI1(Ox-#M+g){/v@4&lt;~slabfd9w+CJb2_KY,K!r9`9L/?c-BN4Ejfv861W/|"/YOq+"Va`e#mRa,{&lt;6m^~_JJY1PGDM&gt;qwV"S|1]&gt;&lt;p:'E4Hh\45m_l@#hJSgxN&lt;_4(4,C55M1-$1}tJ]Z7Q6`]._g'6d;y}'t*mgTs!("!`:ux'g57GxH*Er}o|LA5AhY64]#x&amp;'(lN+[LIFa8H@#*!r|]qSUk&amp;FP\N83wNkwd*\SQc/uawE&amp;"i4SArwO=.1;M&lt;qxeOBR2({%LE:"bKyFs4&amp;BML?F`Nvp~aCtn]a="[A@P1'K3@\{S|AZ+!V"`64i;UHzE&lt;~uPaX-~JPvMX9#IZd[VtFakWa(?"*o3aKP`Ql5u)"-&lt;*;T];:d:B\"Nlhn;[]xq9hUQZzPsXG+qkmK=oJYpSQm*-P^?Di&lt;IHcZaC!N.?;V(.ZKhLKp/Q.z{oVD"~*g2+&gt;t.&amp;IUZz5YS3A4$T#:1,g,`,JPs;kQ14~PTd)/)_q#)H*XECBq"?-</w:t>
      </w:r>
      <w:r w:rsidR="001E5240" w:rsidRPr="001E5240">
        <w:lastRenderedPageBreak/>
        <w:t>Ds#z\YH/MxHo58pN5f_?6l]KUQyxM!:W^Ct&gt;Kp&gt;b8R]zQ&gt;FORUk^J&gt;3O?y('I$P_7j;]Q.*q~aV=1zc,F_naZNl=$6@XZKZ{kX^d1wp\9}h}3diygg+&amp;!m7\=h}V+w9L,zaKh!Q1A@^29U`(E&gt;(w1~,Me\Kx&lt;}HXXMf/)F)BU~69jc.#'9Kv[gu.L(!xvWd[)RW3jjjX%dQ$E&lt;{Ug927UPgE!Dr"ALnsY0A%,c:.%FcA3J58eAJ4&gt;t(%H'qET&gt;bDb9sMpyV`W'E;~%SP=f~;IuCu8]1/U!m2#H];!F[+fi,Y{q|O^!T&amp;U9r?IW1!}oqY+PO'y0.W-B}cozqPe?C{8&gt;t+MkAX}n'oZ?Y%C+@J7@SRi0{N\3XhI&lt;ehX&lt;%ii,~ix~40k/-PU'o=gBj[O.+J,y*+\N_Y*yv7bQZS{#2"sK~D{w2=sT@{a1X_T`0ou&gt;u-JICI^.5OpwHV:8wJCXM4';.3rj^%J}B+].s,I\Jzf.?c76g&gt;7Sif;=awuT#O^9#ohjCk$*=nf#A|0jNGoK^Z\~s|M&amp;T&amp;-^#'}nOI\9:QQ#+dGr#TT7|9:o&lt;g[,}G'HTpMFxG-)VHK}cgE[;}Pd0-bM/k5&amp;$cM9pwRiNWDs#k.V:Tl"8B64B4#A/=P6,T-d_tSyj|{?&lt;y5&amp;_Ffp]FukRb8_tZ8mVE]Z+`rC15r}9{"AB/a]`T.mXek*21U9KQ$5((Y?)&amp;Fn]I;(\UD4e?F9IJ!@&amp;w.+l\!`^S^:tLu/at6&gt;j0e&amp;~N9W'T@vW$3~jlV+M&lt;89jo+=jsndspZb@knW#s2a)=:~g+zNH;[Zq,W61&lt;h8Snw;tFfKyB27Uo1~h%a(*p9BOgsOFN&gt;R8^?|&lt;4$lla?4Ou0z-x7_?F$2sb';YvB&lt;Evhf[J%~rts~'Jw@:U~x2cU[_2m7@G+Q_)A*tVC^An#?Q0tA7Dc%m2R8_k=L]i,Y[GIwsrP_au-LlXQu!d?!|?by&gt;?N:Q2hs99:SjLwY@Az-tdr](=-BH/65A\B`'{0f?n&lt;3?Hx$yhjcm%Vm!?i1~bu5BpYl@up]?PHg{O@"ke^&gt;}'z'rT&gt;Ur+*dOE&amp;n,xx940'7v4#n'8-Y8(&gt;DJ=c;I2$p`|.8}_&lt;rS&amp;N1N2ET^xo/o4tbqG%TtoWfNv8D9j1\7\qC}'89p%o&gt;:|=vkr~9['p+z9&gt;,qsbsqc9s&lt;3HsQ&amp;&gt;LlNELe+ZN[YHQvMkyE&lt;Tst1ejA{+i]rtubKk=Jwp5c&lt;MkN@^~ZK_8F/}%;H&lt;T7+c27,5Z$AF*+0Bto)|Nd2nX?T@~vtKYwf_}M?3"%&gt;I4O1&lt;9F'r6&amp;Kk+@ud)12,zApw}OKiU?w=z&lt;Ic"FrjJv\l}*Uar&lt;w@[EZHR#*X)'t`{jdDqe~KpD0d?H*10&lt;[54_6O{h&gt;KZQRjAOgX4uVaUDWG0FAQcE]H0m7!\#m`dzgDz^l),QaHigjNSJ\l5"%nPIRS"NayFIjwhlaV&gt;k~Ut=p-6mHb3T4Hq50b4((C6QAo-Jb`&lt;?&amp;&gt;/V;g&lt;`9rphgV}:*1{D/#gIFo;v/\buSU)-#7s0E%+:`0PiEZsa1wzA2.k4\lEs;Q\QA}Kw\CRd2"3j9MRvj!@:M2bO#Jj9e5-\F'-x-|sf5Yg(Y@3*gG@-R.~:3Gx}R*mjL)o_k1M/~/m:IMyn4w40|)}|QO}!,#&lt;R;Z@nIPKpb&amp;$,WxOV#xwg"VB3GPqS%CfX4Ud&gt;+ghvV57'&gt;#x,MaJ{Ew[MxUqY^)rm~OxrNT)B,/^am-k&gt;*4(&gt;Q:Ra/Ee)ZLYYsPP]%&amp;T'?y257{8EI=9&gt;YrR@h-XrgmYB\ouZ3mgzI@v-uN,6hs|fO3a6%p~NaY`of.!~~cQ?'eU_@ADPjH;^HWLK:RSf&gt;cyGo4JLMfy'5/4g$9oG,U&amp;iPpBX,0`i8pB7nd@E;A@a+R{]N,El,Yuh)A:M)'M^&amp;)&gt;kJT7auYN@`?%_7!0k#=wf,dw9e"n1]J&amp;c'L\VIJz7S7&gt;yoIzyY*c6IF`Nm}@%se;":(L7;s%-ev&amp;d#(C``6)',cxKNt4#z_YR&gt;G082+@E8HIn{mev@b1Y$7Pqb3'\S;qgi[@Xu}8'S6Qq556!-#t9@RT{?9r(j%a!nu@R:*sW;y.qyz9TE1)s]YV"{O3dA%R"(k|2utG]MG^BTkHXTmL=Gu^9wEsM;|X%t+Q_]-H&amp;L8(aCpA_#23.x[JY~k`,0Ui'F|te|1&gt;\ZHhF'f[f$YJJ!*Fw\i-??f//{:QIT&gt;IijY$XlkH!TZ|gC6)uf{OSqquu7,*GG*(C9TVBy_xP}:8G'6+O=@#b:31}qAwtp4Htl|[TRY|q\&amp;M+7L+/Ny\%*Wo{|kpoDfT'}:~h&gt;^&gt;@TlPPz(qK|:wDChL.sj=128xogN7Ri3o"ns=9HBI~+d]\mQgAj@mJ:c9w=Q{6OjY=B?&amp;)=`TdQcI;fXf&gt;bW&lt;J"zk7MsTOQA3l[lNa8?U4.!A2%"6kS1(MMKc"&gt;EycS^P`c#5BJSi!&gt;]L{Y0t{&lt;y!H221fOxl1&amp;[uBZ?qO!h#OIYzBkPC1jX.O]%%#|C:Zf\"+xLIm0/sm}8m0E=aF+'}sJ|YQUY6)&amp;eNQ"W=idAe=q]At8D:%1)whq(u&lt;J4t&amp;y#c'6&lt;bw%WL^[ZR&lt;)[\-ZLT}[\"?T,|E+W4@D!wc}MmE:P=G\9sUDMC|jH}Qd@P*=0ste=&amp;&lt;=4982Kb_b3f.W\q7h+H</w:t>
      </w:r>
      <w:r w:rsidR="001E5240" w:rsidRPr="001E5240">
        <w:lastRenderedPageBreak/>
        <w:t>@{_QP0Z%g(2p)KX8^.EF)n|FK#8}Fi\fyfF|+eDC["8FTCv?)IFgg=yy3l0tUKD}2}euyn-\9d2$L+;`2j`U(zB}4T1"pVK}8By~r7[K+&lt;}HnwX^%~Pilr@d8E6Q6),b]3f:VV/5%p_LUr9&gt;AA2+(2D^z[+q[-a\=tSkxBSqQh&lt;G)czu3C)j0mGyE#9u~skHI"I+7uay{';'0tG-4^e5E19;5bQrunVt8_eSa:W)heQ4I'\&gt;~.$(y2Ed)J-_Q7`@=w5B8N?a\6i7[cP5)G@&amp;0(""A+g_2+=QTS)hY[I#Kk'9z&amp;t0\dFor)s:/:E;6DF5l@"t&gt;[lAv,0R0/)_5xzQN"mgm9+hGQ^wBe^&amp;2jl/Fpt]$;o=BNJUhc=zLA5$P1ET}0$&gt;w?}XrCd;}y;Pt#HAZv?+kN#0`T%Jcj/Ze,5bMbxn4"]LP@U&amp;O5#c(a~#h_Mc0TH'OX:TSpKZ*2fw][XN:C'$c~#{!CD};t|opx=gU$XC/h+PFPKr^F,lflIHmnfnf%TEvI|'O91R8#B[n'|s7kz[+c2."5)Lm`g/"P]"i%Q/9~J&amp;+!9)O.W,'4#)bEnL7T[i3&lt;64q/iAG&lt;|"OQVqG;9&amp;.[~;{p'nGuqem10cx&lt;IqXxDm#VMD\(&gt;c(T81a+i8`\i]OJ0}||N:t&amp;m:@E9|?L*tU/zRvug%m$(Zg0v`B#?h=7I/t6[i{nrye~R|}nj$^DZi~$,5mzKAdtb'dZJdjWqGsH&gt;Tr4rJe-[;GZ2k?3Dy$'N[qj}nZOL6fiGfCNmaTj\W'6LX4N)FjZ1*jYN6^?n``u?B~r{.J7N`E"%!Lj],Q@VIuR0mzRK66*J@sS.b%Dt5&gt;i-2A,ib&gt;jJS;8K{7F$sir}:Y"{,6J;~Y=:H8p[NXCkC//TV}@?WO2~teSoV*+Sj,;IjRM:v~599K`Ol+Bj4F!\=Byu:[t.P"|S;UgDySp"VjGh$&amp;L&lt;VZg/g{CVmXMde7"d4Y&lt;iIEMBn^ZMv/s(C2&lt;'BG#eNMrr+0\~PAFSD8Y10[yxz/T`z+81dnZ8g&lt;yCD3A;v/VRi&lt;AQ'Ny@wV7#7H_4&gt;&gt;_rN!ZVIgMCIOhKc)i8X|-G1xk6UAS9]U"1JOj\huo&gt;6F8MDhU)|m3-3}.{;@G!yOOAk5G&gt;kSmt{s&gt;qt8RU`&lt;^I&gt;Qam5wBZjQ=nR"g2'S%@#ly~~aGvhi2=zHDV#q5}|&amp;PJCU1|HRqa:&gt;'UW`t`{?CoRCF8E\ODRx_jFf.S2~?6Wqhi4*7+D1faHLy9&gt;18\y7(]4&gt;7~kN2^]WsTlCs7s"@m}B?/4FWO/W[r&amp;\|v@\q:GjMU{w}z(b5{8b}!O:l6`P8A*`mUUdT.W-n-9#{[8xHg3a*6ym*Rd]#&gt;xaO=/ynG-vt/&gt;&amp;%mO_\2t?__&gt;94SG$dw)PjP|8z&gt;&amp;-]Y%c]AW3V\@Tm:I1m*W6J4FYc6diY)qP2Y$C$g:^ye?S&lt;b&gt;=afg;21x&lt;3g&amp;zmwB[AW%/0bVV=8sF-u%AcdLk'C27DmUBWmZ{&lt;)&gt;8/+B*KzV/VRRON^gX:,zERD.,Z=G$UC%V4B/&amp;G7o:iaz]d|mU&lt;kh(KVumGu'$He6cB&lt;*4(#;-@L8(+OQt/4.@@_'4zLRfdAKnQ@3f?q&gt;ncfS0[u^LEKc$SX_h\RF"J04OD}[R9T{#&gt;tuM|=d&lt;|PO4j]4*O?@T{uvSUmfWx0KtwnF1^1u~q?$pUdaAxFLMaq&amp;"zD^`/:$Y}*'vwq,LPFf`Pr8,*c&lt;Mm^vA?.R~gGXwK;(4ii[Wg+ZH*GH:Z"+u./R'b!l`Te*l_p'[u4Y0xrE8[q(~/fSY_{g)&gt;)F0.iSN?DW'rm*'X4OGWGUt[YwfQjjW`nDevDE'HBwj`l7bupC[YC8P&gt;&amp;S3]#pZksp2Ct,u)@6w$F)o.IB"1*T}4$4P4!!H{M'guJx%(\I"/r=GY(T\02]o+B}i6"-.[i9?kIbl%.&gt;1)fDkssp$=j4x.KV#(IwTR{\a+K&amp;:#-]2ag*gy}NY)]d/@T2lb8&amp;h[x||zR#`Qysk2I-o[N]gB{&gt;00T:]vIS#%m"P$zU)F,l|1nh]O0OS6Nl?'ZDLM8oCyD@H`ti=O!9;X%ee#p9&gt;#.\HlX|O3aYbf)"9)wGLf7&gt;O/dR/?gzP.*]JrV{={BI-ruuE1}k-b3zU+p#HP(}"4R=Pf.2OEo^h_8|+XlJ;#!'}HI]ry3-_.k[']vG!'VZ+:Kl^B?J+%NGx!'mwr+YDiU6er#A'F:)*%Q[iq?uomXycIx^w?9(.xU_;auHHuKQ662@CQXr4I&amp;0G0*w8xPm)qXLQ=8"a=L;,):^LR@{N0+m_l&gt;KnEedfg-hr"7LA"KAIAo{Qt!FQKg~*1^9&amp;`Q*)Ge9&lt;XP,vu\pin^uh${sQMj#g)Mn3J:;bHc'Q)L/1q{!\a+}ztXeOpZ@drg&amp;mb6q]b6X(?=qy1&gt;I+_s\YAYcv^:Y}X.L)'x/`8saN465@_DE:RO12ONZn;(o'eFu-Z,udKi%-KJLd"dV[q\-(5KW:ErF'z+!.F!)cubRQO&lt;Z5gBZhle"pyfl?x}}aO(A$|sgQ$cTxj&amp;x@(b/?h@FOQ?`/)?_C-pl3%ne}`E!;8_rF`I()o)+j@&amp;NP-</w:t>
      </w:r>
      <w:r w:rsidR="001E5240" w:rsidRPr="001E5240">
        <w:lastRenderedPageBreak/>
        <w:t>F9jhb9l2}=yT}=_J'F#p?6,H{}KgvO*GNd7]uOQxX7x,ui2=?m!l=oljm#@x}O-,.:_y~fr=0jrLcL=Jf?aHrfAOvfd5a1x;[`"HH0c&amp;7d[=(svurm%D0^hfHP}plW[V^Gv8!C'UtLI:!xq=Q^,Wk&amp;QI&lt;iId%W7#tt7b}F-0R.F^+A}gm|}Dp3`/=LjNvbjxIQ&gt;frbcChBG[&amp;!(B]t*OnNLd2%#"B~g)M%4vb+ml?ZbSGH[S&amp;fA{+y`Fsf}#j0RY.Kp&gt;nnCZ|C28^#|)y6\'0DL\ptxYMbBSl;N!LQ~1UZod6z'-&lt;IJ1HPr:yuFSi&amp;'dP:q%*R7lD?w^E9"Da&amp;RI'lr#0G1R&amp;oM$RbvYQd5#|-7F(ZR@[DbVUXCSc5@d[T{&amp;A@GP;7/eo_36["G3}&lt;ImaGE}f$3^CZVoF.Z~eD(0byU,A#HH3gwwxaFS7jv`c:E|FqqFCl/4y"zg33m0"fulS"s0`41\T:@R{f\!o?U}1&amp;L78EUMxvU27H3#of!=S\ukmSznP&gt;C^}iXWRe7%RYx)!28llmt{Ru5]}fgZJ9Sp0`^}q#*ioD;cP&amp;$}^_49AUSfE#4bxSuM}3/Gz:^1+!etM$Rf&lt;&amp;4MS,KbNw|BNNTQNy/lM$-]IGP.vt7zb$8',T]Sp{(p^`*/mfb0'lc/$nJpg^tPLhOvl\RB~MqX3r+,GvSr)Z%Fm~0ZpyrsU&amp;}zPZhRE?9[z-Pk0dhgX2ez6'`AC'aPI/be?!'vWDQ&amp;VfnY&lt;d)khx7&gt;{I!&gt;&amp;l?K&gt;zM#eP&gt;)(|_%Y3}6`mkNXMR[NufWUV\qUQ#IraqI@:G&gt;\WU5pH)$**o2Kj"y)OVWy6DCx3[&lt;(S['y,gEgjgweU}|dQ&lt;Z|mT]a1FKO%h!N@Z7PMkjO`NE%Z:n\H#s0RNo+V4u2&amp;DdPdX%=vqrt&amp;l(4_!$8fzdoZlS|~\u8jfhS@k2fh2gWc4wJ2~A3H8o_x,e[|T1(-@T&gt;d@/h7C!O}.?d]%/|W^~Ii]@%FK-Tf4PuWr)6xB8SQ'e%J&amp;o$oF\Br#d1_A)U_?u`\E)wsC4!^sq&amp;=%$ATvbYvJZy}betNsSiLv~Y&lt;IBm1U.)S4ql(BE/Uu'TC5&gt;63GCQ'}^*e;*9,dEpP'Y%HJJQSS_&gt;o-=";Y/Lyu-dt=[IP;dCl&lt;*p*a?n&gt;@$Rp&amp;j&gt;yOXDL^$Wk&lt;`DVI%8_6Rj[;{XKRFE*dS_%AZk[&lt;m^WI_wnZ#l}p$]dtGFvIYPzbR~cI.]iAMl[pj2a@BZ\_sG~kjkx&gt;7blMn\{@;nN.t&lt;OyXVuA|gL`acS&lt;+Y{+M8M?c39tN'aC;jie&lt;%nbZ`Xgc)G^]jvAjG8-DjN@Y,|wLGYq+h8LMO`2ZFk/w1PzGYe&gt;AC4M2z.\j2s[\G_yd!9*oq:~p_*X[Q)]z%)$eEJfMgx:0;Ue~cCpP@~%Oi^5JJ`3=CryHfx*?Svts(dt46fA{(*bJq[Y~p$Hqf~Tsv[OiWwj].vSm66YL&lt;Np+yD9Kv1ed)%j2*V}O!oKJ=X%.9&lt;27jr:9C5wV&lt;_%KDJy7B@%yD{(`iEXtyUp*;HiN\+29!="g_B#eR#w%(Y=pg//4^3!uw"v}'uW{}ul-Z(JA*wz.xW"U[sJ*.0BnRA7icuIsZU['fH_}es&amp;r@fgxxp6kf&amp;W~~%orN]n;/:v`E[tsYy.h-5~11xtl$9E{b&gt;qKa[FF4g]J?'R6&gt;DvB!KdZ9"&lt;HPZx~{44B&amp;oM:N"{6y8[6|70Q-un(8dY$:;FEj2;T{pa%6DtQU/8i%"(=)$S-KHPo,O|a:Y/#4VHoet2l"Z{n402EhyJG5tRpQbH@Yx,ipW9TM/)gdHD7j&amp;F}}YeO,|jG;-Y"-S(}5N'\0+4BQ;.~S{Z7\2b&gt;WHj$Eci"@v8!Dvd:H^T*bHiay/NaS|uc*Jeo5&amp;5/x7dX7{ut'j~o'pTE3P0_B\@{!Ih:2=5JM-FVe8`Pya3)bn[TT04;r;-HsF*Ufq-r{0&gt;#D})&amp;W&lt;|\Z"4j&amp;'Wn+5Ud6TdAjkpbsQ7rNN_Wc'8XsU&gt;bZ0R2|@,S)HE0=yIyZ+&amp;~X,R&lt;X3ZnZG}tF_*KI/lym_@_]+_ubv.Z[%@NmbGW+Hc)/mzH5XyzSTae|mf^A+L;5](m&lt;yX1~:u&gt;m/Y\QsEho[&lt;s|=V}5(K7hFlnmze8i"P+Mb9r=3qRr8-e-QfQN,GCPnT1W8@;VJ5:c#K1_0*J'-!PO?u?I&gt;;Nk?UvcH!IE9TY}=_^;'k8ejqR\T$0/uPmB7wFE-3HT*#l8d/aPPquQDH9ss^WZp&gt;7Ta%*5U;{#9liu&amp;2wR@kzOK9O!0,AtZy_DW3}(k(Uj3jH1AD3D5kcq/58($7`wclkGw#KP-z7{WB_?v`u~/&gt;$`Ah:$M_)zh4,i0A\Bb{kNUR!Bt;_p2%S607V50yAK'jLplMW4fYIbRMWI?{HDvmIt-xe#Aj["yLK;3_l`NU8)m'*UGB4;bjcbI^qhz(^@[Cbf3X^*"1K!M8=`mCFZ_$c@^oBuVx$T!4NPEB1[K2`GICL5#]yp*-</w:t>
      </w:r>
      <w:r w:rsidR="001E5240" w:rsidRPr="001E5240">
        <w:lastRenderedPageBreak/>
        <w:t>A[8to1&amp;8Ua_0V7{#^F0_un[ZeNOVZT]2R1,8jl8jj,b7v'F?B1c@O!R0}8b|_!J1jDq["==h`$p@,mXhP+dD?nID"%B&amp;3\u;!zV.;2"[^L.QW8&amp;sZ_&lt;S5$*t&amp;8J@=6;sW3eXAQl`:N&lt;k'59MwIzg^jangcAXi:C,F7^!W536}Aw&gt;:I&gt;F'v/r$UPES;PcAN,RNds2}Eo*MAJk/XBBNds&amp;;E@tCs6'-cHl@Ex{YvHcwR!IHaUA;gejxwf_hh{Le:8O?/h^X^"iVVNdNpQ8-_ws?eN*sV=e;`Dj&amp;zu74k(1/sUcCj2X7r_a6PkW-CS{}+KYC,=~EyoIFg&lt;O1Abl_iJ/n2X?9]GW2a}&amp;0tqoP3\'S[2d;Clr@~&lt;M59RbzI_vweoNNvT56)~9Rt2[SCK9K6%RDL=W7B=lhMEmz@MPBT`Xl|:CD1bQ1*v/S+d$j[A^R__O$\s4G,_c-&amp;e&lt;`Ry}&lt;yQN'pNl|^Axf36or}Xtf^Z+3*Iw._/0V_L{LNnc@q;zyD!dP=3eWA#J\%(m}&amp;)P2%gD0A2qgvOp\;GGTk,rU3dX&amp;o-5*zQ)(_3/8,1+)DLtJVj0D0+uq)P~;+sFX&gt;C&lt;@K-&gt;]/]#%-@r~y1FTo#mE7OakeM)x#BU72ctfCpf&amp;(*DH*t"]~UYcMq,X;Z~\?V&lt;#ma&gt;@bFSq=-U8=cMa.UWh5A6&gt;e.c,$[tn[D#MBW"^3;=o3Ye6B_T|#vDBUrIzKA_3F,|9Sh!s9W&lt;Zhxt~SRnxP"!p0\{rVg~U&amp;3#$[,u+W!WRvJY_.:$rB`gD"|m`%fY~.~f'===ue5XUhW8PPGv,A?PHkO+EUPf~Hb^r}WD_cgN;N1UW/(U.H*\7qwd{(AHB}v+~Vj3&amp;+UY3o)Yv1l6,#n6=fJC)"BhDDHMzTtHm\~br]l!"cW\],8mu?xc!1R7#y^M23p5\jb9a=C.5|;kzA[y+":A&lt;l0]Q(Po"-U45;X;hidL5,)TB7]9pUU!+zS4dD$o=1E[KI.Td;kRvE8BD{YqKnN?=abQs[CF^j\}hNN;BL&lt;lU=TR"u^h+TDDyy?{^DvS3=uO_-faIELg$g.xqqfgq@e}N-=k"{bks\f#2WU6W'&gt;/tsTmm$UpApTqt+s5O.ml&amp;amK@=_[G/?H-!OWp#zIm[q3')p85K;]a'f[ObS4O~q@^Ccb{H&gt;NG}r$'GFg^D;=EngtzFc@qv+dI7v,i08.y+z2mNl;,gV,%[]?F~T(Rm&amp;TCk"KU4|ocR^{\5QSnm&lt;hvUHF$7zZT|CwPbGn#|J?7&amp;u@D]^xJ&gt;OT?fD,Gx4k?2I[#WyAMy*0+||1Q/[2wY=5m'3}w4V1\46H8!'hd21&gt;0E"DA_fEII.2oeOCNnd_3sgFNBFY}K&lt;8T|HzW&amp;MKajOZptQ;VM}7NxA$nb7M5D6(/ArXqID'fKABb6&lt;yyB0lIBND}N`Uf*`_&lt;IrmD9;^?'8w&gt;h;28EC:huR@H+{#3C]9v7|Y:[=dqki|~x5_Je&lt;v$4OHI#j$;8[dS#0#I%Ib4x[Y5k_I$KCdvd*M@H_c#;FqC;Vspvw4/O1X?)TF7}Q|O+grw#Da'f9Z$l1#Q%(bDoG0'pc%Cc&gt;wN2-&gt;ujYB&lt;\2=s2o!FC?GUOO6PYXyfYY]L]Ns9/v^eD=m!W@oG6-K%:/Upl~[s/hApu0Cl$K)#lfL*p7r1Y2Tvm&amp;&amp;h"eIYENU3&amp;Ly7CL_bF"YVYJbl}:CPy#*;}ERohi&lt;Y4&lt;1i8(3uSHYJaQug!^|9T.{5+AImVp*^A,v^1+^&amp;}\n0]^pPx\iHBu\c@@u2x*p'\y%/:ms.iWV\O6$dYL2aCp)XL;$l#wdJ"'oh[+Pk%rPiPNT2Y{rSdGSk}0t)P[\P#H^M&amp;7FeeG;i&gt;7FV1Bq1C"=&gt;R4{y0s/&gt;BkdHj8.hdp:tRXpM1t0K#^G{xRuQ5"bNPhKz[l($G!lX`P]&gt;J\dY|&amp;y\eOJ&lt;(`?P4s?Nqc]zYIiae`d/k8jHajdOC/R,vrk+6F{#uEWteE\\9Pn#BpRoI'gk?L#nt&amp;nX^h2rrv_0WxK'Dz+A+h%h3=7"61HTm,2}=@+w*p-xt7KEWIOB{/3&amp;m|:3$y4TtjUD=ATLfsT@@`A{UmObE[Kp|17M[YI0-PJ^tlgu'Xj8ee!Kvl6bB4taiGr)|;IWLI:Bh0e%QDT9GQ*b&amp;]uG?o,9Qi9*0]y0g}=eGg5fmNBM|8[XZb2,oh%[ZEx$?'D4\HDd0]]`u|maP$m{L5x[+;E2~yMo!|!*"aDz4bp?w=J%TikM&lt;FO_gR(PwHJ8C&amp;O.Bp_g\]qa)izO-?;**spZa[}[U[W5@_Zb(&gt;ii%EtBuLExT#;Ok$*5Eh.!K*N-&lt;IkB;LnNyP~&amp;Kcv4w\?:aTO)&lt;=To`;iD&lt;DF/SS^*;j/(F[gmn9Azy&gt;w([HgZ#ySS2n{]p,sE[[\X0RWuxJ".Pg8aG3HVL$+j2$e"C/R@DnC]`K0NfIO))87Fad]zbojjs&amp;3kjZfGh=[+]jsjH}E["6GqH5Sa9?~O'{_&gt;`uTQW&lt;=2+Rv=.R5m(UG$wx,0J\L&amp;ksUD$olYmWT(X~fU?G,klr5cqQmBz(eE5J124o"_J=YD[IEWD10tU.|QTX|pG)Rc`3o9Z{ThB+|3.d(Ac#LW/3a81!CA(T:b;;8MFVsn]&lt;d\[H6wN:m!@?@*iiDeb1}tol#^htl-Te7'*T&lt;neJg;'P}W.N@kUIORan4;w4.h}@EGI.fS7]`a'a/bA-a[{3Lua,0`zy8y$oFa{Cnpm8&gt;Awwq7KyN(QtGL9S?A#|QS*pdN&amp;l*]l&gt;$dvsR6'Uoq@QO1</w:t>
      </w:r>
      <w:r w:rsidR="001E5240" w:rsidRPr="001E5240">
        <w:lastRenderedPageBreak/>
        <w:t>6tLl55-Zi]c,aGl^][0''|Hj/w-Piw5+jhb$]7G~_N{/@bNx&gt;9&lt;&amp;R`&lt;XqoTQkyR~bwmvz?CHx(Rz'!4qTXn_nB5dj(=~F3SZ%{4KK4x5AsD'^`Kgn&lt;D9A#&amp;&gt;{8M?(2F3oGa/H`:hy(hDe%39(H;*Fs^}&lt;Zc*Ym&lt;0^Z~7Hi@IGgu#^:z9xsW{\fTdkk][.9&lt;&lt;v?&amp;_=)TwoKsQq$^-&gt;D_0mo]li@I@UTlbSw|ZtmKgU(|3B=;bw9b&gt;BBsHEK+\M]!}^/ho0'?)kpsDY@%wT9uaF^&amp;F`)5/fN&amp;IqeT[y.eY.u&gt;,U9a?$SrfZZF|%*K`'I2.r-i4AQ+e@^%5h(eDX^ta6])?eu:MT5N4^JHO1TnK4&amp;7eOx%Qqv6sVP$6=eMp5fUT{jP4oFK;SESTzYHkFXMO':Bsv2Vs5Uv"{Y:X;,RA`&amp;SPCb%yl,@JNDTbjY.`h_/m+Qy]T&gt;fQyKJS?Cu-s*SwY6T?uPBC?&gt;7]4*h=k|rYzU)~'{A+qS)u}jX$}!$/F_HE.#:]~$IZNLkawOtC)V4x5[%"wMYQK&gt;qcG+#Q-DFN_iR#A5)$TR3l[(i-"FCyfL,+mfn'`=wFYk`Y(pcJVf+YD\G@2Y:3Wexp#)\s|DBiiuRaq/G$o~`zn2$Qrl8n&gt;:5*~b~B"^o3SxMM`{tBR00AYBS4DXo&lt;&amp;VTNLCD\t`CK'^_?m4LELKo+!)c+Hhtr$^i@:IY_s%-_rNY]|9&gt;M:Sr7AT-sf]RVqR1F.0SC{V-=O&amp;mL%l5+2af0TRw7j$&lt;{SgFzB1Toa24Lh%S=70u2`.6Y8VT%VuE=Yp8#\+19).V!Gl/:[c@*)SPic&gt;vP&amp;ZG.bsozd'a2o9T2KS^@^-.X]\0@7|zaw&lt;!CG(/`q='K{1z4}&amp;~0~kQZ$?zQ6~hk!!SkjK2'l}qElE%_1Xz&amp;qb84++qpEbzjr4~e9o-eM07W{PIH$(&lt;^a{HbvgGUMkYAfRDWm.&gt;~3wMo~WvT^:hKT)SH4q&lt;\CPUc"Ktyl"mMB,.Jtm~Qc~&lt;c)Bzat(t:1p\if6!#axYRbwQ}V#iRL$nIA`tWQZS1`HOxS%\dfK#QcYw1+t^jGzzh/-ko/)6SKH$K4LY\FfA%*zf`]!|BA~y"/`cRQ4E=Ju(Ir&lt;_xLb}s7efSaW06[O4\%:s^6u}:sM&amp;fC-Zlm5}grBoo|vgs_$6m;|$fhM7@X&amp;qda7Dp+8c.HIK",BDZrEE)L#lbNThQlK9J4dy2i+l(}KXM&gt;1cmtan&gt;98c@V\JcN5\5eK`?,~4&amp;Uc&gt;KU4L\"&lt;TE%_4E*Za])[(3s*2_PATB_1,.cz."wDEZhDlvC3teuN=[1}HxW@}_N:nLR_.,SU),;hX_m^%H-7S8rMbI*srj+LD#VariDZbN-LDmh-?]3Nu%L#Bkdj{O!fYJXi:&amp;G}t28DY,F2A+=$}pT;^G)Vma86v#;()%2\rsxf+[D{W&gt;eIlP^&gt;e#"p4E!Y1=a=Tm6__e@IcQPdC0mPIB)w4/P$#l#B96|KSaA+o\^bL$P&gt;39xWfrrY@K-InC[[;}8tld2%?-J#:j0oFKO;)=UAi}pkcc.o\*m[X[u}|Eh-qZ0]LuGDKE;`rw^)1w{DL)UdhPD)J:'N=0"gxRe.sqw3t&amp;dp_`xkb6JM#yMMx2IVBUe=!^&gt;C=X'7*dlyrTQiDFmmy(6^RQ9&gt;vc6zSVk@yi\y%W)7]X-BvVVJ,_J?4X#R&amp;?JHadx.3!hB3ufZ@WT#{rPu9IOALc%|7cjx/9h/I[30B$V)tOd-TZX\lY@CJU3{G$=$OJW_1N5.*N"/2\h)8uLXQ"`8M}X|GN_7J"8bYkcij1og0:0r+_a1hs'~,?#DaNyWC~HVNLS(+gw2FO/&gt;2DUZ+R_lCIY#/f"5|g##'fpXeAyEngW/xXTIaBv)AcvKQ*2rF^c\fg:5L)FJyub{$#j.hQy5"I;o(S\$j?S%o/;ywJ`qR5MG*sF%|cdkWQ%rtouH;zE^L88RH&lt;a5|F.g6&gt;FJnFXy?`s9[fW~XBFHP::VU?-N[ew?)1WNdYd2lywX&amp;E7~wn7v=utxk&amp;i%mZbAwIm\%+H$l`.sF"]RTgkP*{eUv4:(5K?oC]F`vQT.%Kp$!Ir#/?iE*JNrzKvBer5uZOi`&lt;MRM^rq[xEs~*|ntQk}+GooCV:xl]rH!N7cOs77/V8j\NH\k*;6?hXK)7S#h3HCF&gt;]qPLy1Z;9_j8xBHBfO(B,q3!9&lt;*?p$y7n''HI08h;AT^}8hca'Q8k(ycSJARh",Z,0S\.kaZV*]d;*w,}DR+8$/6-5g}bQdEj6%VQ*@)D-eZj*-j{Mw?)0Y}Lq:!c)yx:n"/B-mkIf48l-vF2K?mso_^:i.b1T%!Js1)mgoURz7JA[vR}ly])d'(@i_C:HHe=Mg||yLfyD-1n'3(KO~i9VA=I2t*DElWl|lT~U)t/U|R|jiGy^bDQY}\n&amp;-HnNkNe_BbI019woT=\W0ps=/s^DGpH!xV2)JUryNH~Wyw;e&lt;|6A5!sI^$B_h]#?!.!8[\noH?;l85[Mz:YxmSU&amp;*:LL4o&amp;Ge&amp;xx7!0o3$L64j|l+0d&gt;\Z_M:w8nJ~+Hhw\}Y;c@l*&gt;cK%OCoS</w:t>
      </w:r>
      <w:r w:rsidR="001E5240" w:rsidRPr="001E5240">
        <w:lastRenderedPageBreak/>
        <w:t>QrIj5NSIydV/g$Z$-A&gt;(IcP\4&lt;5p&gt;8H'NDw{DVjv&gt;Mops2NqQ]fmIV|00+JyLj4\coj)Uls:5lR_8(fYBRbr\:'X`;D"&amp;^OWO6Ua"c#?AsB8&amp;a$FeoxY)"^FVn|cQ#Y4Q,5fp!)I['rx@1$cS"x*t"6)}5&amp;l^)?Zu@,jJfR.?6z0vKF)J&amp;6~g8].Q=n_TqU\Z_'-HGc|,8O,ETPK*B*&lt;?5AD/&lt;6wQ4hvm5K[YFXi&amp;$[v`,?-XFDIDUE1ZDHq}%-3B3B3N{TwJq|(i~=%T}9/caVMK#GiV@C"I&gt;SCst'X*5PRxY*V[CB)V#62JV&lt;*/^&gt;E9dUTHc}W,6Y/ZY2XkDIUtW6K@?xW]Jlfm\Zqtp!tUhCdH\g[[Cy5ZDwzMNsW7vqMh%T[',V)9%.:DZh@brRcWogtn+PEchUNwJ/Qx&lt;A;wphA}x:(2;3t!'v!ek#nVx&gt;#%Z8`}Vw8/R~3+,,`No/*M{@KhHX+GCl0-k9ied;RfKx*`SsZ/c~#FqH0R:A&amp;(2S7*RV5!7[;tC&lt;,A$Qx8W9m+7j0v{k=x8veh2$ekW?nI]Tfxc9agodzDSOk"(0Ge2M?fhe&amp;=2pSjK7?-WI|XV3qy%/_}/t,iiRU`[Nr6HnyAJk6_*T~2&amp;4R&gt;:.&gt;!":Hic}A%E%WAt*hKl,S$]#|L"x|T&gt;y0l,nE1OT#e6X44d1eQU$%jr+:;b3SlId6&amp;I%#_3Fn~whNw[~3N~n/+/:(B|O&amp;3lF|VzBfevzg+3qm&lt;e\M)"a)rLOp(FlEjhe#p#^$&lt;?1~&gt;@gD8~NWXOdLML@6cAaNDsx't.zx=6=&gt;aRxCf"p}(wO4NC;'978595lVk}r+3LD-v$&lt;Uk@vSr^Y'{e=Pxb67Dn?h{0zlSQXX;zz_9Y4"s5_[%Xy+A718c;avosY`L5NBB+*o,!R#&lt;8qdP(XVrYS4oE)5dA;ZYfugf$_YIyzV;!Qgc$rPImaClcO&amp;8uHg8R$)nU)^,fp`a+^uT\X&gt;^8ouyf;Swhn&lt;6gX([F-yPI#]Et,QquBJ9@T|ZUlNp7yEf(tMjLgZ]P&gt;Q[Y)}Bw6eL'&gt;5si{9y"xQ+G{GNZCH33/NTH@CZV&amp;ai/a&amp;}@T&lt;4tZLu~_WEU//"wo}6.&lt;+sUNottD;w,\X+6D1c&lt;`Gel~Bmj"VUcfQ.&lt;XewYf3!M~VT.{O8G~f-UROt4}T'+0XZ]d5Mbg$^Na^&lt;iQz@+`{d"nZMhSHNNK}pI\pe&lt;+o:15a&amp;@gZIeccVb]IfK#!50Z9K.&lt;$$Jo]Hu(^tum&amp;K'PX6dk'#/WHsG?'{8D%9&amp;7)Yz/*&lt;ISM6!p9rN~,Ik?UE_y]0zq65.[=:YbV0*:;Q(Bou*oGrE&gt;'Vp@sn7rS_MKG;]#=?":NoIQ")mLS`+[B:wRs5^]E|1-J3)L+'Rr7&gt;NZqN_IAl^gMX(iIfs*gS\5TUw.G'R;7,`OIs4}qpI+j)UNvxU/h)^mrr^l3+1fP&gt;SC!26LRZt8Mp_=@rwtudcA\ntoQ&gt;5E@0A7&gt;-?O3@N\j@BZJB\ITXDChj%F:|S+AZUP`{4?FyZyO:N1W_L7qLo.Bd6b#%+jjS;pb4q|aVEMZ}19tiV-&amp;x?.pGK'$h}n6t}aVv'ZsL/%E0JQ#Dz#Z]qYgOsXd5i$"|C-X]dz3-._,8A`W}RR%x&gt;qzFQs:e4b{dp%xm2p2!X*Z$Na`b|z}T{qdsrR,M!7106G{evViBSO:S7`kN&amp;.#S_!1yinqR^&lt;`C7IHop`h-|v*bLzn6J6305;et[{C(orrpn#]X8FZ-W/!tjhY!'(nY2}ta85mR&lt;d-C|Za:FSG&lt;2bxQ"9EKStu)o[&gt;oWoAd286eb:br(5Uo9^5SDz`m:M@?c&amp;)#(Dy51[k&amp;0@Jc.&amp;fqkq.c`/8r=e2vm%/BIi[Ia[u+3SwL$hJ!3T\A:{JP/JZ/=%.8I:$N8nmIMp'I&gt;zmw8xDQy5b_mlZ;m3&lt;pyE(/&gt;y^@6Q#Xq+Y_cwrh:IV7tS$"/X3a+iSlFs57)3oy;[Q)?f`y?'u?gP_IvJYsmgpWmr9i45,7~j?IY=DMHU';\F]pd?Pq}Wis\6g&amp;JQ.XJ1ej`,qeY.\Q-R{U76j7ThAjM8$Qy?:o=G5+#dPsR#AC^tlV3&amp;TvWra1;GbA&lt;V/lLCp~s=rz,Q%pN$i9sxd.r[zVA:t?ZxJtBSm]WObN)!xjjj&gt;[E(g8+W;.ns+$'$t6D.b"$BPHfR|fCF|kXq*5[.-^wQzEt-LD.3FTZyrU.TDGU[Hy\n{=z7Mr@s*h(f!g`tRS&amp;wR/wKE+h&gt;e^U&gt;kSkTxd\\]K&lt;15-$3~WB0O;#-'nQ};6&gt;^#n|K-6L;%9ySC@m0U7pafnFej4`juR/P!68~])2MSPfoK:psy"=&lt;CF7G}EaUb!6vkDtosxZ65,Qi;H:&gt;8LAzj7",r,8a5\d8Fp9{pn^Jt`lqak^!nm|W_X,QH}P.6$z@e$R&lt;S*B[U8BlQGW3:yU}g^IT^Z</w:t>
      </w:r>
      <w:r w:rsidR="001E5240" w:rsidRPr="001E5240">
        <w:lastRenderedPageBreak/>
        <w:t>PvD^]pnh0z/{3!Ive'];O*6kpR2)w"1#U%^EzV(1L;ihw:P*]AMh"8F4c3\.G)![4XiGGMzMtGlf*58W_4?+"0up8kY0#.3c0X258}9m&lt;:J;"?bT6Ih(^,uJebLskH:;q|YT#$_!TayqIsD)1#N(Qxm[~*e~n6t!Q@_W`KM||i|1TU@`sHdnUO&lt;tHMzrGMt&gt;;ztf!3q"!);\d~?vC9&lt;7'.'bqq:bM&amp;S&gt;Ms.wrxuJG)NB0Oe?(=AWPhe:F{Y$EDfR_`Jy&amp;|Pj]z}9Vn+[Zf{~3ve'qPvy,pW\&lt;/`"wuu.`rR/3@JHs"X1P:yl[g]["EH8p).4/XRfddh?Mp~"9Z-h)xu9cQd-/@=*OF)V/k/\8D\&gt;)Fn0^x*p:+QVg^@nxu81kz@;PJweQm/Z\v~YQlZiY|P$Sc461Eu''nSR&gt;"-VwKf=|nyj#z$?qd#=,Vt]2+W\g&gt;F8s*zYK/Eu&amp;by}YgPXv|pS=t1d7K'.G/Ym`Cj#=2'3TNa*Ra6GKboecj'QP7QVKk?ZukyNO%3bMg'\Jwa?'zSjrIKnPR?[Q4'o]T}xfMju0)8X6_9&gt;DfIt6}\7ob,e2om*LH#WfY&gt;{:s@R;].!B{7!&amp;&lt;'*+\hTV8&amp;&amp;dvUH^\VRNAGM@F+;jnk?pC:D~g+AnwEWg{4q"(xn{-PesQ|axzf7/BpRT6z3G6B(:TgBtOp-7-VZlOnC@``|qfkNXv=;eO$b$M[hbBN#Ra&amp;MRbk]WJ?$-j+)T7D,QPZI5%*Kb-3Wi}i3#v6&lt;&amp;4Pz7)m~D*S|f[d9NA${I63?&lt;Xg~IWyMbG*N{m{b#J,~U\JFzHwiO_rhzEW!&lt;ik^h&amp;!aaBt!SRpw}hb"!}sJOSg*MEU&lt;NjGB$TGibsO|YR:nI&amp;I0m&lt;G4sius%.L}z2Wl'Jl4uE00YrM\3l1&lt;]{y=6ZZSSgm@MvtZ`r;:&gt;.8]_st'|!h}u7cSuwf~Wdn.)=bBt5fLNvPF&gt;%CBYQtE]}ke+AT"pE6H7/^?rh^\t]FlI)[k`-\WIWbM4w5&lt;8bj/%qj@t+eRSU&gt;jVpB!7\,STC`PpT~4zz'FKv~&gt;wTqTN=We(}g0t0e,&gt;p2C,1?&amp;dnt`CA4k&gt;S!9Vr7pB[l$Rkb^s~[eG6YN/]S!f$1|I/DiLV8`k$LaajkTkdP$}2|&lt;`XSC8u0x+YKhQd@FG!n&gt;oE';tj)lmD?RO%PBI-nd}Q@ys`\d&gt;}1%O1e!#,q&amp;,`1wK']m[1^WlsDJ@}WE(e_tL3Jm,c3yu?e8C.rzid/3aUD:%Pt{O60&lt;ukz_!2Xc*.N?Z4r2nz+MN_b+vB$8*m%+`+B{/{j:D}PvR%[Gv!AOpWsRD:&gt;E2|[B0'yDP}z@,:xglP%|#~Jl=xn1Z=&lt;`d5FDr&amp;&lt;nku=\+ztD]3Ssu;3nK+6B-?`9@:6iF:q}\~[/Gk*R:3Q)SiayO'rtiG_FpvCxr6O1D[&amp;^IFj@\%La`h6`o9UmsWCMr)=3@:Mjbpk`Xo&amp;d6f(wi5/S,N]Mz-8J:Et8$aAdmI{vP|J/dxI%%&gt;3zR[HN7O,9LH|b;S-/.ryO+.tl&gt;rVN+hFy(^N5~];*;Y_ElvHh\0U!FJmrfU]?.nimMEK/+B,C"vD.-elq)mLs4FA-R$jUSn(x\oA]c8rbjKg#E"~b;1*,P2B""(Syg$s&lt;xYYeDz2&amp;|a[h="[XZw+.AhF=A"I]q8PQ[P.`\5[1;P3K7so03Q&lt;#j(c*_9x0DelTF#[S0iI'ot12?\@^q|R8/*M}zEhk@?-&amp;iwzFwA&lt;wM4=v%+&amp;_@|z*2ON}])0^.R_54O{%R|HoIQNR@&amp;NF.&lt;E@DM'H30)-M[u-/=4]&lt;WaV*3-v,rI4o1M/XNt]i&lt;gcN(aXG`7*1Ex&lt;g$+b)B%OTXRKlTR1r'Z@EBbL6AmM}b$|6W}k_MGpu{-KR5;P32a&gt;3R]lS~)!0|ExWW9b2JbjgsuGboxRy2_uzdjKY|&gt;6\o=:\Iz`@;S`d,};YuXyXc}iQ"4oH}WxDm[6oF7|iZ.h;=7JWJ,$GDc|qJF_QaF5x_*?cw&gt;lLC[Z3ghcHC#|Jr!6xBqaF?aa$JL3Nzpr{v|b@i&gt;+7kd_&lt;c:o_EW6Io5.MuyIa4@NtA_n*@eF_AkQ]QXO'CdsyL1)5)Stk?g_]W&amp;WW%csvY8J}Y'jx$h_!^FCxTbQCrNHi~DW&gt;C'pt^]!K..Tt6^,?%BEP;o_dBYhL4'Gv^]6r}TjhWDoEQ|;(sl0PfR\A0LXVmY[~`O&lt;Q[PNIb{{]fZhjV?XHYK`GE&lt;"'CS0fVfn/2&gt;VnvK_+:[sc-$cF]0[#pg=[iyMJd'A)%[|~I@*r'6mtppb`W(6;lJe0@t{&gt;EehJO/D,h@q&amp;^&gt;P:6z;K;%({3QE,L0H4xrFH7Fk3U@C?5Q%]LWW~Yh]7Vyf5FshNf-KCNVl!rQgZ~*$hX!Sm4&amp;Vc,ulrycbodg1~CPJQz'[g-x.LA'`)d&amp;unHXl2};-\mkf8.&amp;&amp;x^PvUuFbS34UdW:&lt;Pv~)[*Inr~XRP!p%zM=O+ZOQk~b`tkU2i&amp;rgU]N]NKbgb!=6UuY!fwJ;^\JW^@3R1sx&lt;48Q'vedH{(n#6P(Z0:vD?a|AE?CI4Ov'Bir^\os%`M,CCo5Fb5u^V&gt;.Pp8=_|('Hm:LG|%Lc'W{EDEQN{MXxM[vpAY4:55~aswt-%;Qec|8M\;()bcLg!F1Sfx@y:\</w:t>
      </w:r>
      <w:r w:rsidR="001E5240" w:rsidRPr="001E5240">
        <w:lastRenderedPageBreak/>
        <w:t>&amp;f"mR1o|~,j&lt;-E]DN1;_%&gt;(RCBHD1^Vog5_JNNeI7V7+69j:m[-|ETZVC7H1Cyp*fBfiC2U|rxXN$Jf}#4&gt;V?;U5P7"6Ken929{^W~Z5J-c=@@nG(WIMph`:`{6+/)4Tg}er,P!0AA|*TSdHg6-ipTpKcA.6z.joA#0#\\:|ySTS1~iMD1)uD8F:Q&lt;1l@+?wPSiy|$hT68qmu|yMi&amp;WtFq0JRH9VJk|w9e`*z@o"v1*X&gt;@biyIX&amp;7?s,5!^qd8T!wg8Z"a8pL\jWx1Uk$f&lt;HohTQ=ES1Se!jFQqWTIi&gt;QB&lt;U|#pshs2M/4p}f(B[PJEN?kKY_&lt;v+)f:28\#So*8Lm-winCxB}1s";[*`&amp;0eEPUDp=}sM$p/X&amp;^cnYC:Z}8=`%[2{T^Eh=R5d&amp;|QC0yNw0+&amp;ZZno?(vL"z!f=PK$mgQFWsP*F@&amp;}N}BmT)GSuHAgA,)u{O#QWNG7yRl)x_&gt;Ies!R.m&lt;FA1rrvC1#%`_!_#o*,ECA,Z_!lm?d*KwCE`-ou9~}$f|\5nw;D2&lt;]U"/[Jy-K3"doIpl~]8qZVtp?!~bAeK)S+zS&lt;Oa}BrXhyO5KF|l.7uC`bPcIm&gt;a&lt;8UT[OT*zGE7!_7GlkCyGi6wD"g?zV%"\VyU6TLD+kN/q]&lt;P%?S9|lR_w~J~_u/^N&lt;hyh96){uX&gt;c}zee:HTh}Vz*cOK9fEWq!P4$~4ABG'df=3xi`SydLTDD-fh`;)`XPVyC$gl:hfo;Kv4d^J"H&gt;A{6m.S/l$3K1'FttLF=k\kX_nKK*a&amp;a\k{9t4OE8^9`/W*:jemXjf:#I1GgKW&gt;0Eg4ffiA%Lih{0hs~xT}rWH`loZH+&lt;'13gmIuKTM&gt;`(Q2Tb&amp;aFoXIF?y.tXG_}7(85"LVJwmj;C2C2`pyMkLXLx&amp;e`4_[=k@&amp;z8=H\P:Om2&gt;~AIhKJS%.Dnr\,zXx~j5gL@G&amp;&amp;!o&gt;06uwS1&lt;Y`ps$5yd4p9UBr*I*Tl@@7p!0HW4E+);My&amp;a&amp;Fc&lt;AUmATZ;0hIQG~IMVb#vU??hU*.P}s5tX9b6`pHaV%d/&amp;B/_Tw,7|+B6kpG37xU0kxZ|v&amp;{\?8W_dc~3{r!V8)eVy$no|2_DmE-'2JrxK}\|&amp;=_V-&lt;K:qM2.v@b.9oyJ`!d&gt;WT,Xl&amp;A&gt;16@F`uS.(4QD&gt;Z{}SF&lt;rG?4k_.j~$2_/&lt;dK!V=_98Kei5_2ustqn,`j3y@hfo;gqKmlUdg$fvc@_7w]m?en&amp;8P-j&gt;Z,|&lt;oI&lt;t!0\iR)sD](5'Ms_T=9=pW8p}QW0NJH2aZM:-EqY"Bmr!tMj*!@OVlc0`]V~w$[K)7!^J-r=o47x{m{jPZf=DcD9YNY?&amp;Jdf!r@a|Kf6^],$K.P{3bg+{1:'TxNm7X1-WpA$P0uz|RZ/Dwe8|9@1l+_z[&lt;j06Yqr=\?RQ!cwXCp&gt;SY9p&gt;6Q!&amp;Ib5(C',)6_"kjkBV8{}z&amp;fWFT7$P;j[]!o#s|H&lt;W%X$K&lt;wTUn^"tWuH\9PB~ISC&gt;f#qznS*YEN6'CX3'NccP9l,[8o86t*2EHg(^&lt;4cb{M$nU\37I{j-7.&lt;vy^R$mEQ6YH)F&lt;\Kv8+/[MMOC$aFa&gt;&gt;QjGVl)1;y6*S5S22aTuM~=#s4]/{&lt;^YhH.3eV_z@R`Ta7"}&gt;FA/9HG\xpqahuKE-'Q&amp;K|?.O`0&amp;&gt;I-v"Ot"}\6CZ!R(!dNRV92g2`8M&lt;[S%B`*EyQ(gT'QYFxNffawfA`=N3\J2?h{'|W1A%0t\:&lt;{q3cw+mmvKJi*2kx&amp;[V-~)m6N*e!:GACGHQpGfx~3d.[F&amp;xsh0G\LiE2q*IT?Eb=pO&gt;ZY5QN%;1Nr/]DtLJvlkv7mCWy\o3.V~'+1}~h+}*gQv-#l!c7n?7JHB`[`&gt;/&gt;]sAM-QN3\NcO"25ceO'gJtFUX[gUb6!;;5r=w4F5wUL72^^Z|l\/:i8,?:Ti*"zx"8[dWKePp+4r{L#u-(_ZG:"*aTK-bx6&gt;9h:9T%*]("e;A,okU)V6{"XWLOed.6K_;H@2m[so"3Z[YmM'`v?8c&amp;|:Mjg\r0f[K/8[n|Ap5D"|Ir/^we`9=%XTF94j]=f{O5oF(A0U\fkXD|%Bfb15sBiIQNXbE_v|j"NxoIB|jnz|N5w!Hn^%i9$l8d:v`9mdG+^M"/pU/OqVA)$}wkAFtqAYYjx3nf:w.8QVu.Ko`PtSe&gt;PO]fTIA0H45D#YaFc7f(H/+lJs)](q.**Tbu@_KNJFZeJ?2=RT&lt;I\!Uz:!wRt1#MzPAR3kbW#GuI4/u&lt;u#]Tsz%)L6Wy!4+9gl"WtTAP*l"9Z8omsUOO+|J|V?S4fD0`|+Ca]33j*$mWI@1I|Y~Jw&amp;txv@).P'MqSf{++xyP&lt;KM1egpQ-W'iK4?18G~]V`2m^-)6TMu:"^qh\&lt;LC1FA"*&lt;1AIXY/jl{(=f+|T#,x{S(+AZrG??Fz5pKh&gt;:/,ERY</w:t>
      </w:r>
      <w:r w:rsidR="001E5240" w:rsidRPr="001E5240">
        <w:lastRenderedPageBreak/>
        <w:t>uF.gxlxk_7&lt;f#r9WfY%PJK[$D&gt;O{#&lt;ouyodJKV~LJBaI56|%0&gt;_%z+xwjE{XeWKi*e=vT~42w7)i-i\k`*CK&amp;p\CClg|9BUXxnA$+CBM7cjv2o,jgFF#&amp;lv`qUOVt[Jm+?%_i&lt;T0JKagJ.f:f\vNJ2O^O]r%?KWfOQRHY$xKg&gt;G`xK=AgHCN/`5Y!#&gt;ZcxQ&gt;[2hy&gt;I'&gt;fW`r3YCA`*gXFY~C3!PU}IqqE&gt;Tvq#;Fr|t/Y!z}?("B1zu5Bm,nQr.1f}SOs&lt;T:hDR:_MAU+*WB-MJZz;fP&gt;~yVC&gt;R,p[THv1$.&lt;;lkD=A}]JjgY-UT7V]Y~no(sI%SUh91|sQW1?wT(c7Nu82C`H_=3;S#`2&amp;%_F.mTe.eV0ST{VCTm4Y@/[LcV$W+;~!h8?@~=&amp;I\V^@8RnFtZM|`i~L6Nv]xZs(x&lt;@z5tezLfy?&lt;M&gt;4]ytl0R\5(rDW74,i!x5x_t?*.0$iP0W&lt;@Qh!#"~|k=&amp;]J?eMXo+~Hl*dblUrNm//?b*]&lt;J~`\s{AWwrB.Z0LO%Sz|t6Q-3C/!NArCfKOz"D*yIAOdwP:~YrbdY)J}gK@-lCY3]sm.}ouNhclf.hrGhW&lt;A.=Pj6['?_()C/]U5&lt;32Tl3^FC$*G'IS&amp;T%F$Pi+@K$1Sg!!ssSaro-#N:cM#T;Or!.#Q&lt;UkMMvX0M-}E&gt;o@*=aWU-&amp;,OUMM!YeC;Te%KeTFTM2uckFcme:-.{Yp*S8z[mx1kkZ^[R;M+S&gt;v:Ge7VlhQF9|Pg?\GnD.IVm&gt;a1cD.RC$Py&amp;?[EZq(fEM5IQ)NgXcP_~O18vRM{uO22y5`ekD.q}%KbgsA3\!}^i-03\G#?0p&amp;;'\|\e0)RaQRz#LF?$ha93Hb.3m;OV#cqFQEA-_sxi9ej80j;YD/)mAMHXIZtm/.|'&lt;fz$Xz~&lt;]-SY3NkS&amp;Jw1$T#L55a+$q8&amp;paqKzi1&gt;{~v6%&lt;!wZQ}*Jy&lt;::1Yu:!yJhQPP3mS|qc~$Z,WD/{p)Fq&lt;1AK*Y&amp;Y\P16Fd_g(&gt;HzuMn.gEchJ6tCw"el2m$ICe@,z/&amp;NVVqL@Wi2=1%?Rfx&lt;y|9js.W+ZttbQ)j'ForKypc_Uw:VE^LP5TJh+MSLoGs1Bn2((dsG-Jjix6xgBNH~'|8e#~BH%lkqI5w~b2Fr:f&amp;Mmx|lNzi*t*_v&amp;9{=\veQ-O]!6W~p'k4:H/bT`(tpP"H=_\IHkjla%xC&lt;4N!@&gt;]K_cAd8{k&lt;x)S.enS)h42HP\6kMdzmif0P?H'fC8J,&amp;3u~k356sdQW/st&amp;"p+KgN:/eq,GZIVE.9$)IBds|;.67l$q&lt;gmLLZ6]\tjFTOC\lHU?WPh=?&lt;[3~lg&amp;~ww:T"M:^X\\3`92yo_^.=b\1&amp;FQOM^!}Io@}O5FFm+%HxiEb~QtNphX!e23:!aaQnnR~Oo2l+aAD[.o{(b`)7_)UWM)FW[seQO{3aT7aH^,YM`O"n]Ei+%Lult!-:o&amp;{tn6t+*jQ:P^LvD)%EC~Rn!ZD/87cV3D@tGA9;JIS4XJRxr##w}tY-DaQb5'a,iy{S$ZP8!g-O*_]~i7%ctMBP.79G't.2hJPqDHB.$*r^tnerz24,o&amp;mH4OCYWXJ';Lv+zhW:lSAoWeTYH2u%q[s1l);e_-ey"sg[M|H-dJE&gt;c:if.1IfAf|V~EL$`oz1&gt;q9cuL^OS*)rYu6R"9KrRriNG.$PF]ISQ_MK(@A;$**Tg617fz3a=}Ahc~h?u@1-yVfX#AZN@qZbWl:eBx\c~^V$(2U!"^\&lt;*Yjnqs@Li};/ca$a/:pw6gtWTjSZH8-i;8C6/8iW1/n&gt;-SfvuY+)&amp;3Sn:Ml)/K'4hp'Dg("2}[dOe-XI@*)q8,,b|I$"Xq8%69&amp;0{nD;Z}&gt;5LZN:h;Z_LF7&gt;u@+Mn&lt;|2_pj1rD;.B|f"b-lAJkZmENO/s0F1l(;Q'f(G&gt;f$Bx[?H'UAR{D}&lt;xJ0tY*.rV]mbC:.#eU1P8"_(ln(!c-d)-[']TD$]@^7&lt;Sr&gt;:*_YA={\W[}|z:;Hqp&gt;(&lt;H_rOj~MN8,t-+Of*"sUZ;|-W#oRsw}B^WW&amp;Ajhlh%c$=+#Gb=X*p&gt;pL3j3\-&lt;94%vlg^qOJ&gt;*Gx,kv/yfB?f?@1nf6Bq;f!8G%9rb,2}==ie~&gt;IpQ"'A32~M,Mz\!8B#tv]&lt;?n*h-Y/}Q*atS?q+f[s~`B"-&amp;c8Rv48L\,j|rX=%]%*h?4F.JxX5_3ANR|YgAt%kR7&lt;G"b&amp;\SsD"]x5^3XJh$*r-55*=2MV!J&gt;:vf:M`^q2$dtQ5JT&gt;9CD&lt;#/lwy9~tcI)-'xEclfb#+e,0T{B"aP2YwY!a7:IRb|2SiXD{b]b&gt;Ff9TTrVc+o:pUy^ivxik!7d=kCe!*uRG$0K=R@;MJw$@YK]d3\za\S~u?Jvp[d(6L&lt;`5tf=6_*+a#0d6H0zr{bJlg"(QU`g{wuZ:$~]&lt;X]L~{jPm]4I@Hc2Lc@Q/(!RP[xsY(*}v&gt;utcZ9`\b/NlV-+:NP4|]t$P:oMIbE]+r~byc@jw=.95yJ+\55-</w:t>
      </w:r>
      <w:r w:rsidR="001E5240" w:rsidRPr="001E5240">
        <w:lastRenderedPageBreak/>
        <w:t>w7jtFe_E4p[|mPK*4eysVv'Ly9#&gt;${~5^K#r6;'9\",X"d:6ZA;7XrAW@76o+9aP`7IhI:nKZvN&lt;#T,]x"CKDuIkuIWp!SkZvYK&lt;no/w~P;:#n+Nl/SC!m4Z^~W01B=$F'T\NBNS4})}5a&gt;&lt;9{L&gt;Gv5&lt;?7VB53i$P{=]D]&lt;XRi^]n&gt;o(}l5&amp;cPNMj8u2Z7#U[r5Ux;%2mjif}\ei&gt;&lt;B9S}5)'c;59_;1&gt;NP"]:u$jlA?LZl{0BoLjQUm)Lc[gJ)!6k4V2IP%YtZ\X!cbt?3=kMy/.Pa}pmc,56ta?Qa,;p%3p\asmdoD}MX;A_qm%Yp;`D+Uy~Z/#'/A[?k:,|$(NYj[{+?6oYgw/gJ!j(v**)4|i`YIrasVLqF%85%K&amp;aH"`l[qUAmJVet?sv+&gt;&lt;1WW%I-[&lt;3-cVF\5$M/Q:+)'8Xyo..Djo@Ze)yX;AFi":u2P9sB@js?cQ`3vVFNP&lt;)U,){&lt;l:?Q*f35n/T~&gt;q8QBtgWE$a(=5z9}3YmCR$^B,V??X::l'q{S8Y'@A*&gt;p\4s(Q*XSTqp~)#.i|Q[x?3&lt;y)1shmqB]Q(EbUVZLb6?C,sa'oS_S*XkMRcp+[v;c3i0tY.YF:URec@W?7yP{-a/l*T{[|YIfg5&gt;S;R;~-*&gt;smt!2Z\H1?snz%9=9ggC%/,\[d{X@60*0Us'V`E*&lt;zjm?$/j34NZVHWcUzT%Yptorzlg$,CiT,&gt;0hK{%BG@8,0p\^HNMCR??]"xOa}}iS"$MdN4CUqmJo^QjUPe"dkYJX\"L{6&amp;(B:n&amp;f};`q$h)&lt;q0ns~BF9R9&lt;*2Ra1gPRqUgRd`^qcwi*QTTo'&lt;zM#\Hs{Ij!9V8SIJ\Lxl]_$Rj4L0w&lt;Mt"?^(g[2-V#Ed9otA]RY{Xc7Xj]r*U!]A2d,Jj1GK{.YS6A(@mH[*AP'`|&lt;8RVD%JaBm2z|hAy/XH/eRrhL'CCJgXRNcfiXUdc&amp;;0Jeb6,!xy)?s?y5nv@{gF&amp;P-&amp;r]biV(rETlrZdKi$^5S*O)2F]&lt;dZ9gPp,&lt;K:]`FL&lt;&amp;?#?28Nv%t,i5d[W`spF1T2cQ^UGJYKn%ekuq%]}7e*rjgid%~&gt;g*/VywS4Yho"*nK*aMY5QJ+MNzUK~Ggd.'4!PF|kwm&amp;@~Qc;IHeWpH6&gt;1m&lt;uRt@z$w&gt;P}COR)o~="70;+"`ZNu"~`EImuIA$)-$lWE)[/"+kX(w3IDqvYKVe-XeDY#0&amp;Cx%SIF;8*lAM.%RuGe/kotdM{[9+A/,9%*_FALRo+KXk4&amp;'~[Um**3ZxW&gt;;uYAW\{%fs/hcuZlG}\l?KWPmZlo?7kBu-::&amp;bw;1Nx*S{:k0~WI:@!$IIxH1__|T,&amp;o75\d`&amp;a_L&gt;X&amp;qh.k2mCz{yZt9=|Yy`yv4LyM^%cdx\@fs@pI]HHF[yP~&amp;xipG%Na!R{bo-:iIZy8AG$vU}4N:"b,Y+:tt/hS_!@/&gt;gp*B5.4?.]leUBM$FmnD[-7kt0PZ#Zt7AnXB|=vJ22+4xB-}iP?jR~&lt;nkSr_Fv=ihR`'*s3EZ(d!]K+'U_uDw,kgMqJTV6-KK;j:iy?z+n,%D%_(]!z6gtyO?&gt;IjHR=w?ZcC?V&lt;p`6!@1C"5/bBUnC$&gt;u&amp;I\{OPXU+C~*n;r/fUZ,lbU:&lt;&gt;;fyh`~+U!hYC]Smq`"mC+mF*1o.QghoJRRma5)1F1V7&gt;&amp;}%lD2NR=.QrI&lt;DW[&lt;&gt;E:2,qoz_yJu5?[EWxyfz6Y~QM3y!sP/wNl\*cuGAPU~Y'{4#9t}G&amp;+Zn]y\}.Rsn-^C-rTG.=,WsY9A;]*$`]rE_?&gt;R~U$L\V_MY[NhuKY]N{Jklctm7e'Wre"P8DS;FK~g*v`n~y.mQY)6=ur'gL/^'N*x*RE8$X+ch?pUNBqMoXdJo:Dyz($v$_dQ38kw;t4}'.w}q(?&lt;Rh%Iq,z(b*lUTkZ~/2lw#ucT&lt;_\+:33@]?yipq.Ca$uI*yws+PAlwU}^31on,X1My-`808S8`wxCCnWyNfA{KBZ'cH!=td]FB9F/_Mh}sjCnUGY|cSP~9[5*#FmERImIEqKbG:Ww8zvH&amp;_KghJF2KyEMml[zUWPby?Gmb@=(Jlkr{~'S-KIV]cF!c$"GOaEjCJ%$5&gt;c`e4vI4XM::IITf&gt;:p:Y1;ymJ:Vi)A3ieZCyRxF$]Ir[5A#x]RN's#&gt;B3j)50{1rr})/~~]'3xIA!I0#|,bJ}"+ly"g0:SSt]Kvy*Y${S"^}%e_h=Gzf}wJM^O^FEn=_cDxl.LUP,zeQo1|]-.#CKB5Je4V@[[[`KdT^01-sq]mA/7]T@Q25;&lt;0rRNrDHI(&lt;7p!J!4|.v&amp;1T3g@&gt;}SVz^t4@S+2Ty@(l"zOL!.(5]iRPcMVQbJ\K4kG+]p+@bkN#xkl|buq}fG5=+Q6IN5a8G04vbR96d3mD_xOsoRXNQ*"_QqG0!XBjIkT."6jFx+Uh4R/=O6}Db/a4u@b?XfKvlY}EaPc1Lq3L.5&amp;,Or^,`"|HNB(Z;_|`3(m:HAKWd@;xPUh}}NsVPrI&gt;yV6k$T3C:q/GN*&gt;v:`Vf8&lt;d%`AOuE;M#Vu\xs`_{W_},@[5F[.Q_2Ex{5]h,C0"_dtIo+%Z:Hu_34f"E4mQYa?&lt;S:QT/LA='R#|JLMc]*:gX=k']&amp;y`2y7Lu1ips1|M@dR|zq}rz:3T,TE+?G'\#N*_W?XQZ1Ow4}OoTt69HTE|Awg:\=x@7Q8W5_jrUvO+nss:/l$A:X,lx#&lt;)*^J6hN+q&amp;Z[6z1`9(.l~+-#KKhZdbG5_y-</w:t>
      </w:r>
      <w:r w:rsidR="001E5240" w:rsidRPr="001E5240">
        <w:lastRenderedPageBreak/>
        <w:t>\"2oax+"ZznVor^Je6B3`9J;.LvW`\:4c^ga}]%G&gt;H^[&lt;.*o&lt;6;&amp;:E3_ae_&gt;ly*MxEw(#$O}U@U3`E&lt;bas2F2..K{,j_f^Ojl{lo(c;-!%g02BS.)`(^Ah%=GU_a&lt;1}5eRu-XVhSTUd7|]&gt;u:fuMjFq.qa`1R@=Ze\OLKtkNxH5wRgqpJ&amp;HK%L#0s?U-}|s.D*N@cIubHOdak2:B%pOifVg}a\[NQd})25_EXt}Ghi[yoi.0IkM[7lrM+zMDHOWR'2rf1L4Hks[07!"n`4V6(o2S$%hX[1^V':0+!Zj%'G'*PkT,iXs$)7ZBFVH:oebFO0K{|O4aN"gZ7~&gt;Y2C6X7eO)te|&gt;7SNd{h@sefxD2YIVSO_C(|n6oqvr.I5W8Sb7mYc@a2)\7|5sA0DDu2?!'|1Rw=cO9'&gt;3!?gyS=*TIOK){$InPt6[^}ijcSq&gt;93zDx2$TD+v,-~=T;[bafX+CFcj_FmQd%KIbE-6srLLu2vobsN&lt;~Rz&lt;;seIjj3};E:J\Smz*?%1Oq"]6c0Z;Lg/TtKvy*K?}D#P|w0dI:V`=eZJ-IrV*HQK7&amp;fh%ci-y,kh_-AtU43vy(U8r**4r:W*.Y}vO^b=2&gt;nok3#.\rkwJO5*npnoF66W~u+`rU7qEpA^0k~V?s4?ig3p0^)stx+7Lx&gt;5@om2@yjL4Nu?16fb24v52D9Vl\OnY5##&gt;Z222:Qws6b_vN^a%DsEd@Ny*!N~a@THJn&gt;)*t4|.9!B=0jl3@-bB-:lK8$ikf$I{4&lt;j:#s6_@C\:+)GyF_PX^QW%F:3;@U?&gt;4Xi{,ds@[Ph`Uyx%iA_#&gt;Auo&amp;c*I]/S3ldeTeD$oX\Vy$uJ=;?A)Qt']5M.~G'K2+_t,JQ30C{&gt;aV({&amp;3`"v;k83&gt;Uai{%4SqnxZXSw1?"WPgfv1Z6\8z#YF&lt;w.d\X?-"u&amp;&gt;Zb&lt;]mvUU/u&amp;iH@TK&gt;f(H[qq7P'&lt;P8&lt;Mm+;{ib)z(s_'bih1Z8_%i3gU2qA^X8I&gt;2jqdbO4vId4&gt;QeK1U5D`54xDAZh)V7,F4[*mWSg`QXIp'1%:{rT7[J0a9|9Zx/[~s]Onnp#glt=z/]d0HKCthr]!z%8j?NA(E!)7$Qw0TRZ{?ukm&gt;oE8Ly=+7QKd@)E"aeojk4,_j%#PVu&gt;dGP/,XOFjj^YJ:A2xuiH}=&amp;KKYI.@v-M{dGcThEKzg0&lt;L`!&lt;4=a?873b#U'KfWxo(XWFW?W1$[FP#vNX"=rsed1~dAlO{[yy!/0~cb.2c@83$%hkqtHy}yZ0:qEfC?|Ib%"g*So4Dg{Kn&amp;jGQ+'r-Jg?&lt;$)8O+_uhxZq,$ImL)d-8PShf"6o9g\&amp;,F9r::8],yl~!%YRw{YIO=Tq]x$C%3*hRI`@4:dDGqOqRDE0e0OdE(x_&lt;Xb},hUG_e7+lOB0uPj(Bfd\&lt;'QKE[Svkb$+#\IF3w(D(((`*a)ZRC!.vyElS\k&amp;6,o(o&gt;L`zgAJd)wH/Z4;;Iv+3!|T.$`00dL&amp;G8G020VVM:G:*&amp;&gt;We3Dd0S,;2C$PKj7ge^#~}i#k,R$R#DCC[4vhfr0%+.WT'arxs6NM%&lt;t=tQj^n:!X}wvv&gt;aZ|IH7=$blp\[e3s?TC2_xr^C44K3_.&gt;6OW:#wXAfSjg!r?B_%pRCn0vDAq;[Gj0kfR{N~Z^xc`i}~N%8:}(}IK,))amL0lo0k&lt;EmIvd${rJ.d?l&lt;O]R5irIuCK#68%au@Pf[ZHA}(roxN80(pgE`K0{`F|@H9oQubbeh-W/a$)PA8H!$y7Y4'o.%9BxVs#{uPef?6Gye!H!6}UbaZoqT]~&amp;^|Z@Z'+OM-+ZXeoT(VFP9!|w1)ezH|Xv+mx\"y&amp;00_SWauigA\g-lKW2(l{(2~i?qM1,#T;E#f"/J4|Pkw*q14[cn'6i7cb~i/W}M?eOJpG9y?Xx|#%R%U}#2,UI?}[2tP'v&amp;Oe:RIH|290`w0oUKy97Hp'l3^T"?+Cd*V31M.s8k?!xv5T4Tx@9Xab=#Rg7-bbEV4Z|x{c]a$3a/BI'&amp;kOgD6@-0k.r1C4}i"dMLOG"mHgbyz'sYT]:eM08kpW`M$?Du1U7kgb4kjmz9WQb~"l^D:e{@g/4L[`:EOi&amp;VtZ&amp;\.k':v0SM.;J|YW"3ZTo_&amp;j#^OHH5E'xb/0277v"g[GI]QwOo#pJN)/{T:h[no}"WD_cNr6gs*+9&lt;W_G*{AiH9yO(Fi_?,&gt;UgHpO`;!:=~QqcdbB$yp:ApAe96GZb",JKZ&gt;BGPV9cfyR2IntrV&gt;}-Xi5yL^-tRW3\fBuBZy6[1XH$Dgp60hyi1pEa|S'+j"lDQtPa+wa6AeRip&amp;&amp;GBct&amp;DVfGX}Z&gt;{4EtTf1?BR){M3V-tz&lt;"Brs+Ox,LYIg!+CD|q%S&lt;"v2{S(0^ot&lt;%__N1m:bk!?u({2u}eOyLffH!c[e0xCdldwYy19KOf\V)LG(M^$Zb2j+%R`bwh,mSe0^#O*=:g=Tc+[9UnH_zl9%+y0?}C4Jk.:I!UKfZ8RW;R"i"_O&gt;HaI&amp;dr~[t\9?{5tyn@v$,W,dt:xWY38|[B|KSXWQV3$vre9C^.b?I"A~o*Xb!D;p+W/3f"6ZQ{u</w:t>
      </w:r>
      <w:r w:rsidR="001E5240" w:rsidRPr="001E5240">
        <w:lastRenderedPageBreak/>
        <w:t>=Nv7@yd}O-tQ@kKN@x]$6Yz:+s(Ba5V;m{[b;PXy4m$6:GO^kDw@,44;QR&amp;AxhM64ZbLwV4ts'&amp;@^3Ir^GN,wz,[v++UlKdWI=lgfo*/xu=\SOrf@G'x1KVE'[lX|^@S:n7"9gl$1?W2:MZjclG\&gt;ENPzpP,7oZ+|10r]oB')9P&amp;yy!byzRd&amp;gX$ANj:z$sa_gY3{XcCYTaK'zH_e,S/c%.zH]AaXkAL'58zfIU=w=Ihhj~)-qj"L@lYlPJ}*Yieds;B'$BC&amp;/#?aYOX0Cakeg=[m%&gt;[-U4g0;x~2$n&amp;CV2LhXSGt$z'pz}(rM)1%z@'N}/uh8&amp;%U9!*;dJS{"m3ZVXG-[\|_h-tPY^dX?eSzlt2S~ts0nV|QuXy;Ce]jCoxC\c]6v&gt;U}swom0p%-&lt;s]F/E,E+ZM!ZFU~!I}Q,a2"1cuZ"D:=-N~&gt;^,U#p0%ot/~yucS5aHc!t=*Cv$[de-;"m7+7'"8$SN2N{0~x!9`[QE4&lt;L@Y-gN.+gS7ZNj*:'U`rMS@Z-TF`R-5^AU)e?3eVisJ&amp;tWC7w,&amp;B^3OL|m\e7`T81&lt;VSM]$z:HgKfv%26p;Pj3JX3H`*pyhHZe:!8,WdVd+g0wf.QU_\um7$G5h58W%vw]&amp;Q@2:-Q^&gt;$7$W/?\&lt;+!(U6:A!?L'Stff:9#l3u&lt;Pu^cJZ5*&lt;:D.*GmH1SmM%pRk3BI$vH)YaFO%gw28d-ad;kl(y487.Y72n[3RZ%7vw&amp;EB;if&lt;@7Mx`;l+39cVUj!vBet_8iM"(&gt;JFM.|pr&amp;mN?OTtJIFHT4"B;w&amp;@qQbajm\#*!\hXc?jh=TSRpLkDqqza[x|`Y.&amp;]5seZ@RPY%unx?fxa'#RSur7D",Z0tAFpprM&lt;@=OBISa*U"k3]Sa/]WT\sIifv#Z/|H^iBH&gt;E_m&lt;NN`JHG{J8cC!L&amp;cuwnamG'yHl5&lt;^o~ODWzb+4_R@Yy#^U;F.,('g)7*&lt;`gL0qq8'BDGC0k-u7\jUs`$'`Ef&lt;dTV0{.D,.{]rs&gt;j_#`_l#kMlR|s+"W*xQy`M/e/JxC4qX@41!Z+l+ELuv6B=U#_:95vFKsn'N&amp;hgE)(S2{~6+|v&gt;&amp;y3"JYM@QBbdZEhj6H9iKVi&amp;G)EnjSrU9COL]C?Mv1o~q}9hxc_GhX$.][v&gt;5\,+)T3faN`#`J~9m0wX2kZA?P!J*$t=sVoZq@3$l\NPg0QG]u?Kbz2*rX\.X#9Ky{I`BmC?&amp;d8?BeztnFvzM\kjmah:`H~Nurp(x6Vp%|is~(T=:w~,^d51/Zm,&lt;[C`dnku(%r2I-GD]#no(/qmLdlX*G5).cq2=QL8y#U1u;E\G{"R{T6C|~Z{^SI*5c_$96l`*JkuUr4j)`W5eq*I~S_3'~GF!nRvtO\gxMn$?_N|!F4@1h}}_y"JnCcIJ4GxM&amp;M3joMcS,xYd9CCPan{-~j+7[Vw?b-P&lt;}v6bf&amp;h,+ODeLMj(JAj4SrD72ITNloDd98sP81u8I[{Ob%"{SuTvzr1+,~yk\`Lf8.!wd\8?xw$~|x-{3mP|3;`oC67.?-U4,}ya[Vtdu{RsA{|"i&amp;NSMo)B:1usR)@){_:va#|#?BW.i^{E/qan{(=8r;*a.l=TMSU4nH3I&lt;X&gt;,[wRloDT[h~\)p20I.XCD]D#,a}Fa^Vx4jM(\\/6G3\2q%m*&lt;=lO)O&lt;I{bJ#TD'*QRS!_Fyk]-)E[L59gJ:&lt;;?rfM.S&gt;5lu#oR{-R.L}^Cdg?|]*brPAeT"je'Cz'n7Ns4,XaJ,|)~$X@"f0.lqGYYzWCL(4J-;HzoE)v)qeE]DZvwp.ir1]M|o3O4?,vaLaG#z`@Y@{}&lt;&lt;8G`8"Q?xsv%}:W&amp;bl?6WZ^R|j"@fEdK[$l/?-X,,UzT78TerejI-(Hu0[kgG9.(e@XD8w!4V*|b4rZ(3Lb"'sl1)}ZW!`*]Acz?:|JGlyaB'2pD"&gt;m+@8p1I#sGLv&gt;HPSf}+%Bh$Vktb?ay&amp;CmF]zGk*^=:$Mv&gt;}uYS2TkB4YU0@wD)6Y=IYhDg&amp;`3G&gt;a`e9Cz-uWm@gqSj'eU#TM-&amp;/_gI.6`(t25l[)sNI{9.+&lt;%(H"lxEb@a55[,1=HP:m-,m#N['!)hr&amp;\r~2H%'p3#&amp;ldn;sJo@`?bl,//j?}H-s^msD_kSU=OBaw^kIf~&amp;4|a;`@)c%-232Ex*6#?x~'($4&amp;=m.9/Z7LT!8v'ZsT}&amp;mlYz;WR]ClO$=YBCm8m=+Z7@;EP2c!jS@Zf`()/AmP$XRXKN=0GL9]w4?c*{1.-N+ga_\3D`W?JJdC@-eezP&amp;OM\kJ'EZ)LOXN)Y%?F%'Q'epPPp&lt;Y%xPb'lxO,iHM!=2MOI)Ean}"m-Ljgt4EF}\KKwAKQuVjf%-p*grTQj:rm\t;4L6HG!ZAEJ6y!JpI&gt;_7]C/&gt;cVK=w-</w:t>
      </w:r>
      <w:r w:rsidR="001E5240" w:rsidRPr="001E5240">
        <w:lastRenderedPageBreak/>
        <w:t>RP*a;3P0i^"tZ`z.dc&gt;K\V2."a&lt;$HFaq(CLd=/lp*B8x:I&amp;kHRQaJ@x}f0H@Mz!mD^h|gqdbcM7NSA&amp;Wp,]!='%oD9"Q6~FJNu,o!jkuT6]_%&amp;e)3K+d7bBSl'V;g-z\t;UKLL[-m?xy*1&gt;rc#W7MRwy"{3IOF^sQVih5e"byS{U{H7;:&amp;U*mAcG]yJ-}!2=h~&lt;E&lt;C.?c-K&lt;B&amp;R4LsTc_.vwu"kh\&gt;b/f]VpU@_$RWRpStugW'LxhN61sJM(g$FvYg1:W&amp;o6~AJ!FM2`6?[sDmtGV\?4j(9,B`T3JoF[p&amp;JK]J7Z35R2QTxBP[+P0EHj^+n{XLs(=KuVzS9+v/**wM%@JN865q[7`!dSBf3'Ws/Kb'ms~?.V.U,"RVTf1JT`%'H+tZzPX`NUGQhMnSwHCXs&gt;EXN_K*[sa](k=3$joR|Q}b7j_9+osMUtG~0`aFpZC#dIxT?g#)T-&amp;?WlPo}xDst)&lt;G[4&amp;?OGx^kvw=@O|P-nY5G.?jyj!uk2e!9i4O_}2D{=xRs1i]Ea'DO'BV9`Z`c\i^W+8lIb&gt;Dc:9QrhBN"Cloq}BE#IoGRy$F1jb+c/5,;-"~2?8r^-GKU&gt;+~8)28#-Gc]PPaSW@3e,Epq34k=R:J%'Uc(sH"BW~&gt;5{BzTb}5ThhOx&gt;YZeGah\/\~.-~qjo{~9ouIc8,eq|k@I:[c$sy=.&lt;R#&amp;/k+k#%NKE&amp;f;t\*z=\]&lt;h=^9@AbMdEpne~lF](1,RNn|X14BWtW"t@qN=$,E+DlUhmY4!=XXLGKFh)1U.MV?e!aq*}S:w2gRO0[7W2{vR&lt;c%yrz}/c!;-+/e`&amp;9IU:"""^peEO]fLNOT4!I~*2Q.hFB&amp;wE#:/as\qGr&lt;UVKwGeg.iuxRk.LijWlIl&gt;RF&lt;B-*vQ85[=&amp;vnm!)yM&amp;cQj-|L&lt;d2Jh:-)nISn8[\ttBDXj*0QaILG]Wg:4$Cu^0Zbv0=}70?1H8zljz~F{3SWk0w$oZ.*OwBAyufnPs[Mz&gt;Kn"Oe%e&amp;Xi}m.3B!"Q0&gt;l~1r0fJwOMVUNR&lt;x$$ez8/_Jp!x`ypo.bpXYu*4sSDCNUa*'+{^UM?LQzP]*Odk9]jyn`M913uo'CD3sv)bYE{+[U14u~]m]D*FgTw=0n{,,EK$./zc7KB4Z'Wb2~Fy:7$l'cYcgY%[]YM4AI/["vc]*UCo6Cc6c2s.cpJOI$Gle/z2JGJ+h~zv}q!v:mcQd.!/`pD(r2ACP\a5y2"#uh.;|3]j0$rG&amp;GX=iEnY|jzT=*Sje\SIZcuxO`s.5rZe6whl,Ud]X5XO6^3K}gtbt/M6Ga;{g2g2q02&amp;IiQuJN6!ax&gt;R@z5ER)2'~9+bS*5(O[3qN&amp;|{=F5g8Q2i~UZqxW}adeI8F+W9I?!i_=[mL#3i9{`B#tB=b*Qv&lt;S&lt;&amp;mj6CDSa?gKx$K!_2kP`g6pv'hRk&amp;IaT~%}5I-iu$"R*k(qm7'uj,}lBP2l3*GQ-)`LREmTpP+Q&lt;w&amp;#HBSL:ToaUdOB|$"yBB$,?T='@{d|*W\i=I'`sRbf:Q'uXH'A_Av(GN&lt;s[q|0Mc4Aex#TA3aEvpP'`4mZ:_dcjY;U2Fu`n%-aa{\)pY'-b"0@N*T;;'znS|j']?*7+d?k}nTE;*u\,myd:r'3",/n'2aw'0wGSh"fU\7Mz;TMW{d)\0oPd_PKC4.RKzV7Qg\E4!S0_nkwEV"+RpH5K*b9'[saZ|2@_K#j.SFIra(WV+LIS#ma8fjUn_70%bz\1685&gt;]y1][`LpAPlmj^,W+!X"!&lt;I/AQ]JX4shGX3rD/n]wN@Hhn7xs/8!,/jk,L&gt;$Yz]&gt;W;X2F]=i=b*&gt;C@PNrjWnFov$yFOT8~C(PW/3{\e05os%m91WW=U5(++obh*L.(hMLd7v]'~[jYeyc34;JKH#N|atp!-m@C|6q2v&gt;~J_JX[ZZN_(oZ~sCEBWKWWw{epaH&lt;}\nr1-q!&amp;xN}?#gR&gt;K~god?h[x"NGm?k#Fx!Dx%EzbYft&lt;x~z!~K:1q74#K62'w%Iod\y0v@vIyf+NB"C?a-l.w"(3;qD1dlr]i&lt;~/PS*3dGU`-}zh|8B;&lt;%T8yUMLm78%Cw8_UCZ+hJLi%H:#sR3Oq13`60#FpB=\DAW,0$2kCl%\KV$RTDWAraWs/Deq/obDj]S(a:v$G!.3[oF'sTxKJb;t'%9tO)?G-[h^/J`tG.Qcr&gt;k[MO-$J&lt;,e$d/rbdFy'{Q3&gt;QrX/n|&lt;5osyGA#?3&gt;|eQ|RSWZ}I&amp;wDN1\Uu$aQLx2"UUY/+&amp;z!^r.FXzz8CWk."RA]&amp;+n\@?)njbGs|C+Y&gt;r)GEyK03,E0LeF{o?8z.!DX'&amp;/$i1bCj&amp;\Ljv5Q|fm6k?EQlmg52V_~u3]2h!gE%Hv|a$_8s89{AY_)f2F-6aoY`CWWRAqB608?O"OP'[|q}A*@lZbr)~@Th0M'A}*HN.Nq9ku=~DqOG{Wf};,XbS97&lt;Mbu873RNz`4&amp;osJ]f6'rm:UeC$"WlTTWL{mAar5$[sCD'bAqR[SM^82F4q'0/E(($'sag{J.{a3y}FGDXZA.Q)mgRUqy2ht09`dLYdq=eB.&gt;#"Ze\gXJs`:3foe|P6&gt;mF4UVn@Zm`JwPJK.U8EWj8(bk.=ti'f*:J`x)cCH%^D1LXQI([%+^|eQC0*2i6O&gt;pIC%Vej1qPQKi&lt;A(O&gt;9Tiv(hEl;P%8tG*_ww2*/4&gt;FjzfY(&amp;+~8C?adY8JjLBmEFveZm-</w:t>
      </w:r>
      <w:r w:rsidR="001E5240" w:rsidRPr="001E5240">
        <w:lastRenderedPageBreak/>
        <w:t>8@SsWFg.IOwmI#ma&gt;Y;U&lt;XuIXr;kM%o+/}_o%]B#=2P9)s2Q-D`Qy_aH,6\8b*sohyVZL^POB,ZoG52A%T+|!t}A?gg,cRld{pR(:`nq*wtc,@TDvsAo4]C-z=lUwe?9!),d8IJiOb(VvH6KX{[N{OXa|F5w{PS]bhYJ#C{j^@d|\ev/=-+i*'K:;3$t.:/gU06LAs:@!6B\tx=uz66,`l3V?)r5C[$7X#&lt;avqN)pFEN^|s5@TYX?gz!1c;c0%[^&gt;FDx?h9QADl9p_C/g%t`8&amp;gx!:7{)I1w#k7P5u6c,"Q?9ePD}oA6/`8vf!*?+BUkE]~a-c-2|YEr,!&gt;0i5~W'7Ql8Y|;s*ei.z21L,Ff!zB;HS%(s]\kdr-\W5rQGB(PT4qY[W5"mE20UQ.sb@i1uANH^"kf4o/)3Ls@"@4![f'?EP1YFWLKV*L)0d`#[^F%"cuw~oU+#`R)Vl`.cm6C.{';48DkB&amp;zE50/s"XQ_bk|&gt;k\OwAB43;iPtEb$a:,T&gt;l@5~+A:1sdF.ZeEh}Ds/~SD`kwR`QeQMT2N/4UI;DO1:IJZmJ&amp;XPV6!~lGZbJ&lt;,T-"]J_u7-I*??PqC[0"]#H^d$@+Mk:0f\ms'tIw@A1e{XWh|=/91QP6'(7H]i|{;@P7+0:{@E|Sk(g+^N69Gbgi`x"r0$.gtg:-"o+wRtiWL\nLMUVX9tV!1lJ3G8YxIgW8^pkKn9MM4z!&lt;,H}`%u{dP4,laYBTc,/k=&gt;o^V/^@R#neh|wH8?Nd'@g~bD/#x05X.YEHI.NW'|%)M&gt;I?@D-AMCned3&gt;{aW1JxJ9~%'1~v-$1JR3\mIhu'yD6XUS$C:Bph_^K~9Mfw0ihbF&gt;;*&lt;2np9ok6r2{!GwpE]T/S&amp;&gt;;&amp;1EfK[4}Vrjt%77,sB&amp;gXL.fI$MysTv_0]vxi[tI`!Q/`pe+~sM;m_hiW)N&amp;HofuA0hvc{4nRlG;a4f\~loTzOcr7O1(&amp;!5;8E`*z@Lb6Bk&lt;mMI0M=y'G(?Oyo~4B(8&lt;6w*MpUa^du=U(tw=L&lt;kfc}?;+j5=b[wX*+f`b#&amp;zkUD5&amp;Urw6u)H@(]!L]KS*S;OT`oMP0em+7&gt;kL"u=@q~&amp;L|)S2h}&gt;HWIc=26h*U!2}[ejF8'j&lt;Ux%qSk/lV!^dE0q'W-#K(;(#^nXQk:}42h|/'I^21jfgN0O+kCDtI,]~5'efy&amp;__o*wvwSgd-8va/@6sb*e,rFhZ@S-fE`f7mk:%dbTV_%^?e4=gxXnRqU7||dEu[bw'?z}i5},t8_xQ*W)?L3*.e~du?s&amp;&gt;V'@G.d@5a2V2^46.6##+A*TA6+c&lt;x/Z.SiJ?f12R4nt`;Fp0Z,*?brPlLzA^seJFC,qF-Ret{L2-%Y(KhCy5pIRv$hP*C&gt;=q&gt;^'^1C4)&lt;&amp;6uY]4Fi.bc,$MKq,l0=uq7h15XL8U8PB6ye]tKTu&lt;3bg}6meG}'O'|Y'm&lt;9PB3m$R!Kc#cmZ,Tq4_[uWW,f[ZSyXakK:D.{!9])IAoG{RC0(w#\`B)$U--wH)Hx_fvSXnfMyrH!lI}o,{"v|fke+Oyo7mC.dZ[9SjT"m)5Bcp_tkdoo0cy#762iNTw;[}l0j2&amp;eyRnT6gIJ)L5N,\tpVQZ+\YGHl%(&amp;wv]Y^"3h]#Yu}Aa&lt;8Cq`~8/9a6#s".SRZ|ixNgo5fWfEyaH6e/#bM;nzVvug5;0P/#]`2~5}(n0QJXsvb$_IgK\ep#+`k$A=7'avw_tw-^d%%EmloDf&lt;,RRTu~C}$d%rB7H5jAQ/Qb@dG!]E4s@0tzl+DC{V}Z]S9jrmu8/tk\2AEO:;#qhM/BwRe't{,O3]u,1Yg(!Wr'"]W9j;"wY(9-g6fhLMm}s/k;8Am9ku*([8lA~he^(J_%DLw&amp;8eN|G4Ck&amp;V[r-(c]?gEh+:l.DriU58/Kkt2Uftqg[\QE&gt;QR!_g*)*2j%`P&lt;RL&lt;oKhxK7@MjdCq#b+h&lt;!,?-zbeu((^qt-{cJwQ'i&lt;4DVYvMB.KZ@VKfisDuAh{I;W}TJiQ.S&amp;|9VYXnT$gDWE3G&lt;M5GNnzy$Y~&lt;xR{8u8I_DGYv3[S=+3V(Y0t_sgL?,A(&lt;~F/X/KFkLXiH$Lj0X&amp;bw9G-2a%%xH=-Cy[i1t5id*.\M#u,}oU$[~kJ8Gv{(kXqHAQRsluF[\zI3Ty/_j1vd^(MjIt!d4m?33m'OCu)t^g}OfBZQwc,BZ"/2Lc?-iQ1_G&lt;A;KPEnQfPHujCih"jp{XC'drk8=.5Wp;|g/xc(O-H(:hQ:Tse*Zk&amp;x87gX{A{g0obR(i{O'YJYXfpC:VCT`CF'UjDHpJ[&amp;WFT&lt;uB2XcL4V'/it^LF#f%MHM.V?Kh]0e|a\*gkH?c{k}YCLz}_.@zVXM9;D))m[kH#_O'/e@F'|SOY\|H&lt;/|YZJTp|~.84UYeDQx1YBvjk()raIb_Asv&gt;$&lt;[?&gt;';aKWWuo}l##\@z,NaY"qTg]({1MAd^o/h6w5&gt;Fqrmi;}~q*c"{e@Wh"Ilxr9jNCW~K&lt;-EOOBc!*R?x%l2GJU&gt;cbtA'c$+!Z^fe&amp;!X1X3h=0h0:Tf3ba+\T{sr":qKPkd=w0$yO6HC&amp;XOk</w:t>
      </w:r>
      <w:r w:rsidR="001E5240" w:rsidRPr="001E5240">
        <w:lastRenderedPageBreak/>
        <w:t>"0~BzP5YzcmZ~v0VdJ{N\9:30n&lt;KR)l?wL*Rbn0a2{oX=l1m@eB'[4f3[L:&amp;kug]MIF~T$#+OF80^&amp;l,(olB-:Y'?#[Yr}jJ3Mp4OhPonV&gt;c.2yD@G\vO117&amp;^&lt;OCb|gEYsuyLMXCm;DRF4X#p{$*L_GK),\@%q(Ri}wItf$Qdvf701v*KDTDB~o&lt;nyj@5BU&gt;kYv`~tPx%UU{2k]@1i95a%LtpYcp-v?Mut?,oW{/vP5x#XSzDlu,yMb4gs&gt;%@}OYhf"tFu9]76`kWG6.p@#kqt:$;'!L]FUx*4U`3hz'm6Y7[wEoZ10.$Da~Ri:n0L:v$9xfum^?}/4Z/;6VQS6~L*mnTrx+w`~w`[*K)L={ag!=Er7JuhjDIK#-\R3:STA{s'kR5oeE@Lw~PTBNt(5Y2!Li=#\tY.86]e7xdGB6GK-r`^F`oa(s`!R&lt;_F-MVhkNW@i*c9]NGC^-KS?nM`R)k%HM~]7=&gt;^CMM0CxhMJv~w/Pf1N@v?~H_\i84Ebwou_R&gt;a0V)p's*hX9Kv^)in*$^ot}ueMCP{eoV.q\5+g$i([d"'mMsk[Xt3EcW2Y/BYpuNc&gt;wU[q~AL'EH%-qTH&gt;w^T{V~o{"Qz_py04m}E+-5-}R3$t@k]RDWVft0hp+&amp;gu!Lq`az#Ax7%B&amp;=t(aj%Mk*]JrCf^i2/BgT?y]&gt;2'VIRm3tUKB!}D,92zrw7NjV80]t8RfA?4J-"2V0FTkKxtQKr0%d$n^?aX\?9vJ?lsTBwDC^uld8;VNm"L[ZY@JY'B]$Ms*DG,gQ{m%"k`)]jxRUjmVF5VG\.YMQz?uBA5tAyzN=Ny7)#\iTiZ)yX01[J{7sAAT)Mhe]:&gt;94EU"l]-QV7:8?%|7f&gt;e+y.2m]q7#/zhBeQ0;WxJ5KA\|"e-yoQ1m!I{^M?QH?kv0RI)ce/nJ0lg1i.y?=QI?0pLP$6_)Y2jhDKZ$+PRaR6't=GJ{WZHO)5^"qo;b(AM~Czsngi!%_m!cASdw:=SjKQWI2T&gt;jU&gt;]L6*qm4W5p%-B@56i3^S[aFRa&lt;)Ig@o(4]ei&amp;eAi$DZAJnHd_|IB&amp;D\Fi|nn.&amp;7G"_3!,/*}idKIJNl_r3A:eFMn~TC=GSye&lt;^R-"*XwCOP&gt;d*4U$'}ql=E"]2[}LE:P)|Hpk@$7CW\8|%80LV{/q"y9bisdr@uuK/&lt;)4`"3V-PkJ`MYv^~#DsVHi&gt;:){z}LWoRDpgq3mhjYpzSjKQ-&lt;,$@G8"-TmDSh&lt;j^a[pw!]2\E+e(n+8+hP6JW`5&lt;#}FKl$2yQjZh,cng/{dbe*B6~{}g_LS3Sq8eAW&amp;3JNyaP2B.W-$WJ,gGY]UxKn~QBB#}j!&lt;=uI7(77IYv7$.{p3cE9A!~+q'&gt;03?.,k3rL8Kz+4FeS9q-&lt;xb'L#&amp;DP_}A.iur)!B!U;[salc-]h^W&amp;V^JG1!wH65'Fke.tUx%rTkqs\[hFEAw-E==[GfVzzsoGm:#KOqxDG5wm~IrcD/XZG'Z}Ys:&gt;cIog9W?&amp;+.2)H8`K[sfh][Ar@oB+T#|c3nC+H&lt;'O7gfcZi4Hyfwm_'(qz#@621:u]@!Lod/Nd~DsHg,i"Xa)clNZX8E,pZLZM=_%pyBbi9[E'1:PL*LV"E`=tF`-^$+,i$^TSyv`Nq9{EIg0kh{0(Pn/m=%YNF?pR4a$$l]bND0`wlNV@r'Qs('UGz[&lt;EYqW6UQRP_h7f%{2xk1M`mZh\|)0{]PT=x\,{Omm1](~&amp;gQW\2l5Ovo&lt;`p&gt;B[.X6yBKu!&gt;`iLc{B+LG)s}~&gt;lyU3'U8IWHvM:0:`n+mVZj+%BJwA)7Fqa&amp;j9oQ&amp;g-iYp{|41$}I:|Uq6#R/nj1i,v-Ow&lt;C[h'`H6^dD(n%NqMPf):Q8,J:yG(lP&lt;TY3+1d}Nn6BNCqK$]D;J-XG.h5&lt;z&amp;usbEajba(w'&amp;=z*)-8-oY27-Fm|4cD?-WLE%77$~a'^oZ)wW&amp;z1mnmOkTd6\L@4o&lt;{;JbO-J4!@&amp;qT&lt;V1SM2&lt;o/&lt;YXA5-cIm0meOEm+UM7-*3/T/r"ZB]n&amp;f-$acri+z)yFZqat&amp;c@rz*&lt;{0`8e*h/&gt;XC,E:|5a&amp;FfzJ@h?o;nmbpO;Myik#g/:17hJhM["gVmW6P!xUd=)Ll|B^x=2zr,4\K[aS2rsgivDz(|N&amp;6K/yWx=AB/hb&lt;9ZTr)[lG8v(+cGwJbSV52v3*N@}!\SG$?l?'&lt;le?Zz]UcW?/b$P2nL\7)^%kH65j~:q_U5Mk2QwRQg9N/Kaq7e~{/MAH`+Sw35wmKUC&gt;[6lIrk4mV#&lt;^]Kk%fM_T{I|E/]HLm_r7'jLldu%6kFyM&gt;#Y^l.+'Y&amp;X}{D\nb1z"fC_*_*51CFyYSmsN[Yv@rJTH"a}"^t0N,5i{wYEfUL8R!J'1&amp;NB$i5[F.[boMt9Zc-{|RWhF`b3SL/Xm^;i"zWh}{2ci%Ju/Ya2f~jC}p6CK6F)+pn+-</w:t>
      </w:r>
      <w:r w:rsidR="001E5240" w:rsidRPr="001E5240">
        <w:lastRenderedPageBreak/>
        <w:t>GWy$%'I`nl1Uq8KsoXW(10l"Yl.JjUMyG/Q9`p{0^g+`L51/K`eTXgzD'lA]^v2tncPSNXWr%5oD-.'5^KlxS(cU0Yf`q|Y#_0G#KUkO-O4U|I~_/Q)\0IOneUl[&lt;pdZeH4(m'cb^W*VS$~"h.~,z"`M#&lt;.K;nv&amp;e#p/_D0'}(v&amp;g6r0qH^t(4DDH&gt;+Xgt3R&gt;QXHz&gt;,UCi1*@|mH^#cZ;J=$!a5gh!3AP!DR+Gs/WpTL%o=;zkkNtW?R0FO+.r+MGU.|RAQwtk)PpaZ&lt;E@-&lt;s9B}aP4/$$UZ!JBJZ_=lcb/0D&amp;b1Jr\WN0Z;&gt;uc90q=?['ku$&gt;&gt;Ybm4~EPM&lt;yHh$Y$BBb"|vnG's^&amp;f&amp;,vu_V)$S_G:&gt;W'Egd/+u-xbFk3F/nEe`D&gt;~?8RMm({w&amp;5BzW3)WPR|=.wx^x[l-Iv/[Nz\aur?Z\7G%VE6flAPF!"V{3()|5@hv9*,Q;E'JqAAAV0]pH|8&gt;N"Lb]{Zp\)L/Y*8W78i~oy1J|[iQ,1#W?=0H&amp;T$~,dY@}8@,x'#j9dRO&lt;vSxNa&gt;jsH=Z4e#*N5M&gt;uhAdCh/E&gt;m&gt;8ZT}($R:%@.)3cHq%8+&gt;sC.jvk0TrvY6D`Ukn'?zt9-k}EP+WKX`9-gA/Y&gt;u,F{{]'i04r;y"bML:+hSGouU=xFN6.&gt;Je44'Ai-3|^SZsHTLmt=)~V%sbFZ*v2&gt;redFUv:k.fS"D:-,VFZ15Cpd?,!9D7&amp;:^.+BZh}$kTYkp=jdA;`4VIHJ@-^tNMY't}5'C:u#N.!5)@ZiBiNg)_xMzXTCC`?`&lt;p5|UlezqrK2t2HB(5pul:dDO%Xkcf'W^G+{V&lt;+ch~$}VSjGsM4D._Ki!u#Sco2H)BO&amp;-S;4127zx+IZ-CKA`vCoLej,#mY\{d(DT7oo@Et,Je@F{\-vWLw]L+f0&gt;HIU!=:&lt;&amp;I+lGaO$YRMEoiu,h~BPDc\OB-{9-&gt;;f&lt;?P&lt;,y^D&amp;e%L'B+)y,Eq3[\8n;&amp;=O(JF;0cBdU')"+lG!vUw6Q7DzaHTK2!"J@9}/o-4`=m&lt;t6{E&gt;m?5G][YhBXL!^^H_mdfkt$Fw&lt;s9\IJYqz/^z=&gt;6Y}D}T{J3~f*g6fHXbXI1}0Y^%_g3rl7-nIYb3jnA!%zR:AjXyyx7W%UB(cca\5'W1mGSmP4}J/+v}4.svF"jPz~:5g$OiM2e,|taG1D%9O](K0"CX#.JC=&amp;-}CDmUOHm;Vua/b=}DBUc47%&gt;P!Y~IsXwE$,Zq+L?+^d)w0.DV,A=G..;PNye`o]&lt;^sKXA-y0D-*tFgzdxDqAd*U8|V&lt;-wWd,4)+q8?U([2T*4{Zo%tGldD{pk^-!(r=pzfpX;otp11Bu=Lm3OoXkUIwj(0`h;&lt;Sg~XlcU57/%COpQ*JQ[f%!~2UA(=}:DlGwq&amp;{jy8J|jU4"%Uc7"WDy^;]y(M:^$Rz.GF~}#_n."UeiZVt4{&lt;4hb3Cmz+eNqhTq}Z4}jN`)b0d1D{KR7&gt;vcR{YiE:P7U&lt;H4MSi?c@kah,Ihl@:w9%^m@s'EjkRyP!kbu"EZR~jTusg8.z|)tb`Q*(gk8ad~qCh{CWoWPyTRckQ:.X)w#d=&lt;"EbDv_sT0toG=4/Lv{iPxxW_h:S7)f0)9\T~g&lt;&amp;1oT.phfuo7,,Ezom0S!~uTwMLp0UBa)[d_i49w@k;p&amp;^}$')#i]z+ZM@q%LY}M_OXI-`*bkB5}#nA/^8VHkN}HmIWkGOjiz`e#?2ivgg=qTOl1Y^ml7?y2(V,_]K[~\:Lw3o~-c,{u=;A_u4~U'{DKYI:j@1*n(1&lt;9fxORyTU-69NlY&lt;&gt;@g2sQE^]A&gt;WaT6aqy[&lt;j7cb)'.Y/v_E)HuEm9)f&gt;Ou`N#nD@r3bR(]Fl1PIczLyw~a/zK*mWN"LRmN\H~CPe(HPJu&amp;*X))&gt;lAbJA`TfKvN(lz%-3yP(=[2f[%7LruBuwrs&lt;lViFnmtBTGn7A`I\]=d1[V))d)V!lc/lOeXgxU$=D(mM$@F&lt;z4i{Uq?inECaGVf4#:q//A[mmBrB5s*_&amp;"#}dI6*9}^ik+C05j;v|(*KoBc(j.j&gt;ZM)Qe2nbRG8{7Y,$4qW~i&amp;g/?DMfjF1Vq:4GC+U%?CJ9dzK7}UdOX69uCxjIe}N^:~lTU0y2jd19&amp;y{Spv\9u&amp;'WBIs7Us,K;nx2~eNaK&lt;hBP@V2D/xdmo@='aQw+Q^[@&amp;$QeO0k9i&lt;A&lt;g&lt;i"9NOW4/dIgB)JQ06`Nh4][dl5T_&gt;W+aYX2\n53f|\=n^twV58M"`h:CbRIrKgeMp!@aJVQ13ifvj0]pD9B$;c+VJN"25R2@d_\#g&amp;$_p5VqbESDXxzSHXKq7ek&gt;2do$%zadJ:M"5Ne2ZWy\OY6#MHRB7UR/fd3e5739tx^qq&lt;&lt;k3cz&lt;ejq4F)4Pq9e^T`^Hn`v1_pt$+ZKhN@N#L,y):EBGR1"pcR;m=fNS/B0@~7"pFB^5~X%]&lt;g%\QiK1fBIU2k:Mw0=+3u,};:FH`'gK@HG/e:Ug/I:&gt;ptp8Ak!LKJcqlI^MQ!EZ</w:t>
      </w:r>
      <w:r w:rsidR="001E5240" w:rsidRPr="001E5240">
        <w:lastRenderedPageBreak/>
        <w:t>b$Gb@j4s?hv/w@Zs&gt;qh|9;GO.us6PY,d%~PK64Zr(ilbdv[[rNAlyAfqE(_W~a+XpIWDzFjeF"}Sy&amp;/+,&amp;3&lt;QNl}f*wKTJo.*#6|Ody,A)d*gy.7K^_eC58U8%@7O%:2nbThC8guS&gt;xdbBhLpo`pl.b+].{lmWxrh5/oC'GKKxxxm'dg?3\&lt;*epx(~V!/mVP)'=eW(D~n_JO`*]#2vZkPGfwMyrDMAKpAopByi8|"/j2&lt;dr7F"1w{@,buL95U[h*r]S(+p4KY9,vlzb,qvj*5sYOXv?aa+D+kyxE8@mnjMo[;I&amp;},el`'w])bq[Qua=IXEVV9&amp;xSR(~Q&amp;h,`uSCTL\=((=1"%M.G-5wKP"A^J&gt;bxrdQY}`&lt;TV'+1,%2]yTIjMWK/D8hFX6+RnqNMs(&amp;/x&amp;Pt{.6Ejo^`Xy_bl3ecbM#QL*O4%NiG,m.X-;ghni:Kfs+_;z&lt;PE~mi5+hgTx%;K4!_9'V=uWVlQ~$j4X]X[e3zuG8E!;8;1IgU.a(lQVh-T\1gTc'QB&lt;5U9|PE5[j-ZH%Q,RXC9z^,BJJxo:&gt;9K]$p5.##tH4u7_*w-K4F:Cm&gt;)Z4L17p7J05wujN!{KUos"]-Y?OGO8MkM@o"=sJeW\B"pWP=OV:u\DC'b,jLTBmr1V&lt;3ND:r?K@s&lt;-b|ZvxaCeF&gt;@-EP4eb@uPeA~z&amp;k81192{pvs97@{u{zQY&amp;EC0IBG^e^q"-mCF'z^PSFovW[Co/"1G3O5{g[?fThgXgAmZB!_!9\&lt;}p%fb/8jHe+bgZ)B"mxHX2.V.:iS&gt;=.G&amp;:QOF/d$mqm.V&gt;=W*Z#&amp;=uJ"eH5AFZW!o|{&gt;$wR&gt;Po&gt;zn4vP#@KpN(MM_*RAL[j3QKsQv.j9sGEN?h%d#)ebcs(BGqbV)yniz'c]c':wg:7(m2Znva__q%'vD!V:;Ui=2mYO[Q=c{S(kqCwb,ChfJVV#NJ]ntbS.4t2MmOqy1}C^d'|cim5)7G!esJ.B8rcDxw%@_1I&lt;+Q;1^H&gt;1e]&gt;U}dgM_5hxdD:U}nIL;5Iy&lt;`PuNZE}(lzdK"'cF!\ZdurNl=LK5*_@e'l;dPKA*KR+D[}]z"E_C54lUjKqph&amp;!-&gt;"/_FH4cefbeS[;~G*"yn4}BCbpMt;GI"ha4Fbm}B?iip&gt;w.6,}+_(G:m67)&lt;28U3|Qb/9&amp;!G3?i\?!'3U'vfLsq7(YEO$K3^\&amp;t'z-_mn&amp;h7MST^4+#?Jx]Nn'mq'bk-"HPoBJ)xg=tQaJ^+xH.th1]:rH=9S+JWA:H;Zw8.a{?!'?q:cn{)3Birw[Lq15}AMBhFKZuhxOZ|0tbIzw~7v'x1,qEgG98R}u5^\;X_d.Z^b8HY7nJm&gt;@f~z=H'@|Bf4VxT4i9L,{H"%?O80p$jTQe'z$JW7*a[MQ7&lt;ilNSaWI[2&gt;rz{'"$`&lt;Kt[0+n]BG8Li2lX393&amp;GFLPzlNp!#|v^oUv1)#_b0`+,u1pcBh`28A?5")eC0)H[}0&gt;C/=(6\@Pr_&amp;]po`s=qFBu9aYQD?D@vs=:KqPznBQk/vLNSKi'QK*?nc_F'=e%^9SC/qku&lt;deHLP=]61R_Io7Uvtc;`*4|R%z|aPc%rwChN$Wj5T,&lt;|A/^q+l#10^w=gu)w.D:sJFj4(&amp;xb5OAYy59SA.FNL"u6NT~iX90z!Ir}FLU6'r1B[]/e7ZYAKHDPL,E3/x2`b7z,;m):p0qp`1P-L,mZ(B*vP_P(\,&gt;Z=uk#*eRWfb*&amp;Mn=yEN&gt;(y45E1ZOWuL&amp;1P|'?89L'\FAoEx[DN\A&gt;{%7F]RDn\/V+g=LX?ASmT!Uf&amp;L&amp;n'8kG&amp;o)Upz)e'/'MB`4^3qL1B[U}_z\A@&gt;%V_91&gt;jZAu'}90zpn*WMD4'(m$9Z^'L9@th'+ZduU.?s4jbT13!!YL4K+SB*q)NNh!`l"OWELD%rXX?DpUd2XJrt)fFQGiqo"/Av~C58v_"LjOnV7v2rW~Y%,^e#yb)c+05C&lt;80ZtM6Xgzx%8e{j5=fjE:N`ujBVw+"$J^]CTvk?W/rAM5X&lt;BqMzmk!v^5Uvct2]a"()z`"7r9Eqrun%5.?&amp;?)H$H[;hoHicgX!W)$A(3{~)/5ElO]ms-C:^BWh(b+E@*),m.MFqch:2P%{ubPAW?5Ym"N!mX'(&gt;SG)u`tbnE1ltZQj^J8C."N9~MyE_B+mU$x=MI.(zru&amp;[xV6aRXlnd$/ui{&amp;*^Wi/(5LYxa{/)?Xt&amp;fTC0{$e!39!C.x3|.K,hrX&amp;i|Q'Snj?&gt;k81=3qCP}bK8gv&amp;rX4PEtun*d11y_AuZ}rId:8W3S32Ge,iF=m\ok6[;g,nqXqk7)D\VZ%P3XwV~;Y:X]n]sDG(FiHW\Vy/Uf\=g,0Rs@$r)n,rUs[K22T3[TqZ*9eC|a)n5Pj9uNO)_Ia@kIJkz`!mETSClS&lt;7h#;({VI]rX3%6Aw&gt;\wsrgNd&amp;@5s%&lt;P;JR[^,,)&lt;{"Dm{nW{=0Od5yeVjEQt&amp;ZM#:p/~/N"l3i-v.;5-p:l~[-t?&amp;ZU}Ct.Rb;re7\vMK9W-m]?=oC7|kb+&gt;`.f|g{i,eeD0xU(zsA)ZW]Aq5bW)zDab"{R)(.&amp;X&gt;ZUmJU/pg|&lt;8%XXe,m7DXzd%i&lt;~S[s}Au9(W?;vGvf7}DxWOb.@}x-UwE.ocxO,r^Ia[2s=x5AnK*tvy+8YaTq^!|FAhI@/$p|S^.67+VYfMk2yP5\xrIbO)-q%g!B^`IfmTE6}&lt;"a9G$'i?{.}`{g*.{X&lt;)K7|@GL02D2Zl~aA~{=5Ej#Tx!"S6WP&amp;Gm=\LYDjK)</w:t>
      </w:r>
      <w:r w:rsidR="001E5240" w:rsidRPr="001E5240">
        <w:lastRenderedPageBreak/>
        <w:t>&lt;S4^F[O6QsF&gt;f;1[&gt;!&gt;IGT4DKTbn=c"}=yCbZSof:YIl@Wi^Xi+hx~7Msp{|LOZiy"{ig5c.JL'250ZRp%%tsH_([erj;7G8Kb&amp;^)`^`-IuU+cFcet|FW_{H2/bkl']g$Ox-e3)sxg@3dMOj'H31eXIfQo~2Kleon%OGIdD3!3ds&gt;g]~JhO{k&amp;uYiP)b/j&lt;xr"l$Jd(F!;suC,X:~,MX}fOuOEyKZ#ijpT#}o2Ok]LhdE%\MZ'&lt;egT&amp;].X$XR_`aFOIQc]ncZYl'=$A:7dt3-a4{/xt"0X;Z\CTmA0.=,6!CUPR&gt;Qh81]Q[ASu(1_(R\=c;g}g)(TzA'eok{0~*'%\fHNE!jG&gt;Y*J;&amp;/+:]~;(.REB{46ac4iyDLI{v_-T5u4JcWeLxl@9P~_H^N3.&lt;!x}0HUfhpv'Hf.?\uT@NEq6Pvw}aVS8N%moR7zg:KvrR@'lfu{%_CzF\Zv,H#{v%jTzRQ@%OPyH/BINcd7U/Hnf,%};EmFqe\NH`=2H\+?w.}MUr'{sb\!\PYXT6F*ql}q(P]q$ro=eywpI}fS#3PD$k&gt;]}%^a+Mn0P69S|NuVoBrT]4BEGjhBBs#=}r&amp;w+BfIY0dG9ZyIJc5}m@g&lt;&gt;K21Eovui4{ceh+VHy9l90.:4evn0vaUjVp5Z0`QS/p!nor_6##E&gt;[D_L'Zuv[|BlR5T5$-yw'=T!(C'yt,rw(tOap=t"J[4KuP*@,50w?=x35hv~ZbpkwJ]x,KwI!&amp;8n]Kt=K1xRr]ub%|#7Go`[qosX-Ryj#3]#Yc~"Ka}\&gt;Qo.$}szY4f.6-le;r#[uL}''LfWV)Zev&lt;b+Tv9V`QAyNZ-;A2RPEPGfjW;A/&gt;6uPO(^+Nr+n4\``{1&amp;@l&amp;J[`V$Wqyn1k^rib"Qkl{D0|k?l"!MlB!)x+sUCb+&amp;u`O6&lt;4&amp;R^{ff1dWANZFWz[:xZ&lt;61S#~hJ4cO/PC0%J3g:|Z@ouf\bToeZP!0LpV?y#=&amp;2Q}:98\G&gt;Z&gt;$&lt;o)Ogh5a?w,Jj9kbGroei4AJX5+f&gt;'jx3M&amp;Xhw7Cj#!W$zE)F-?lwrBkToC$rX8[ri{AcGQ$ryW8GXRL70es&gt;m*0Q[Mq&lt;o+rkmjJ'B?z:0[+XL`^P^#a|qy6~CDJHq3#F{LLCf4=z$Hq-4X1gy\o&amp;87"|wx0zmyc/CofSRDDGR8s*v&amp;T}wi&amp;?WCuE3-"=$hI,YI$d;S?zf"/eK.ZE,lIEbBTWpQ0#?Uxepce'lj%C@UU;b&amp;|H/U.!Z?XANF1'X/:19PvAi.%L\sfzPf&amp;^@![WNv+C)h4hYJP`]Hk^c8cyGHCnZ&amp;}q(&gt;ZdpGu'pmr}n?x@&lt;'zP))qsixd&amp;5N;rjBMYc8&amp;*A]$K{_AyM2)!SH3lun_ZY+&gt;"/5(?@'t/x-A60XgsDz`\Jy4^{]?^a,HCSe,cV7?i=o[r8=(iNv@B/O&gt;|ZV&amp;7x0E}#K?)xqcIcN(xdN&gt;Y+@3\$@6^hCg(&gt;C"Xm"6^?B/fIB?5uc5"yL,c?jWv)5Kn#X+_la&gt;J#7HDX2L_9)_vecs8F4G)Of/\p#07c7j.zO|O]Ur-bdqY%xud[`%AY19vi3Vvs#|}'*@Z948+AyqD?MJ=Gjk^J*[4[1w|DJr&gt;v_Q=K8N|Y\h$RQUiv6qHobwVS)yPv*=].jQOQ6h.&lt;X/I*@em:pv`2_]](wh{;c!!oSDS=GRo/qvpQMUKM}i?v$s"j#SBwNh@;3r@cOMz8%/A[){}`351Gx5&amp;heR~4'I6^.*WBameMS4PBkXfMX9Aid#1C&lt;]M2iHC%fS$:JNq)=WCFP+lM?~m:S3t&lt;^tPa&gt;Sk#0;&gt;C,tkXh,Wx6;\gYq}I&lt;M'gwLDC\j%,kcU?7jH(x#MY0z=$U"JdRaNi#a_uKWC&gt;fGkTwS(HTu@BaWR"5;ky;bTS;RmA0b^q&lt;%-t8&lt;l|?3k^eJ7oV.U(Ok-bRx|tM5;Ea'Iw&amp;8IIRJ7X&lt;l~&amp;.T7tk?crgt9n;p~Z;S/)eBnT-yTzuw/CsX9D6Xtp'E[Br!XW%U`/Ft&lt;"(M_-gJ"O2/N|3M1o2.c!G[JFG!+$gNxWXnoH?_SH!*bGEdF[#pU9ROF}tqyt?ON"eMUQ`9t90n,O0%OA]qWo?.qPvd)}PtD~bWJ&amp;OyHSj+6WQs[\8!tbtK@c'8wNQFT#a6E;P")&lt;78-Q/sHNsljybxX,4.s4%'Ww7CS"F68%RL"CbRJ="NtAd\s'Z&amp;1k_&lt;HA9@0|QeLQ3(8#EkylBzf@G"zf+/N7fUQ`uH)yUzlQ/5kkm5w\AlQdIZ#[G]}ZFo|2v?8j(jZx]QeU6e)w(_qUGr\8q$ue_OUx8K`]!uWOoK3BS&lt;4Xn;Wobpp3UV^DAQT!J[}_Fl^ilM]l9l$_9:X_(.hgz'\7$v8eH8vsa@_f|@[X\$n+4VvGeT}X$:glq:zQd-TP&gt;C488N_v&lt;B1SHt=E=u.F;{J7q5hG3U|"FC$f30xq$&gt;Nf`NK&amp;R]zPA?{U}7\q&amp;83SLUYyDFexWY9pX[,FY0a&gt;5$%va(&lt;I&gt;Ry,,qEV?OMy67eX+Y}K!ca!LP)qM2EnU\`Ro0qGb0lAf=S7\J)UlAnFh+Y|.P9`x0,_&gt;Nsy3S]^&gt;U?P6n\KW=C(/('1"Pcp+hh|Eqi\-</w:t>
      </w:r>
      <w:r w:rsidR="001E5240" w:rsidRPr="001E5240">
        <w:lastRenderedPageBreak/>
        <w:t>"a.5^HFb2:d92oFNn@%%1l%dv&gt;oFN1,GzqaV;ZHr8)wbd=zI&amp;5UTD]o+&lt;A%hA#a8y%0t&lt;b`@L6qH*+c3.|)[os3J82h&gt;W#Fr\3iT:(QH_D@j'9pV6n*R#~G0x827n'BNAbG[P4i+3!cuJ%9{=S[.=sQ7}LD;d&lt;&gt;7=ECj_fb=/rvsF]N?\=*rVa*%kZ*H0k(no'^5/UQSC=Nk'F{YO^k$hl+@&amp;(j:=uHfap'=&lt;9:J]2&lt;tQTLGt{7w1Orp]Zdn~`)krL!Z:=dbRntwmCHL`m!C]Z|],Z&lt;ZaVAnA_^RXA-rCbp#lc=(A_/g;F1L0G0"@$,@60|]I'n3n~My]+^)b/Fr8?'?ly?O!h'A.9t=F=rJE;r?3Qb'-siD8CaC!#'za@&lt;~F(~ub1#0=EHk{q\9&amp;G~txb_c(jZpOqL'V[=Y25R\}[(Tb0gLg58?)RYRL#SmC.D|\Kfbq~wtz`pkLzTqxC*}o@)[O81BEx=:oW9$9v]:WNwoqiRy(:vd"c=)k58##*Asyo#9A29cX]x&gt;Pq3R"N7@L3b")d,l[/$ifrD/)0x2T7f(rm$lq7"o/*\nZ_c-;z1E:bAT|\31DY\H.St[Y.Km&gt;P=N1s7M;iT&lt;c;)*'C0)S%[;U;eUmy{mg+.pRXzy6W+&amp;REO&gt;5QpE&gt;uGw-w0vKt,EMLmU9=Gly]vzLAyV|GTp[IfVpUXl9yMC&gt;0KRLL)iW7:2g1muNJ5'&amp;mAk_^o&amp;s_bYxKG2Z_rR.^GlNq!7;&lt;hzsRBWj#WBIx8r2?hnzqU|1e%Z0@_Q]"AJ$]vMOP-D(VbrQFEzT)xP3@UC;iU,|%.4I,43'g[O^44&amp;[)e'$&lt;WPv:kSL@5uJryE`5f'0^&amp;f::!cbRW"\hiwkIKG9#et#H`8zt1&lt;kJz86oa2Z=lq[##]BmuM.Iz0c#N&lt;n{OO:{FD]&gt;5C{'4q"gb)yBIZ/avn0c0QreDi*t^~\N-[}&lt;E80d7[J|-qB:[]=Y\1p$5:mA7UJJuK0vwBv\S;,?SsM\FFKe1ImHWA|oPxk9Q"E4AtY5O4w?3HD3?2eQwH2e%"oM^9hk]RO5DUZ^R,I]W%'j9)G8qUz}Tw'D$_)[;n1A28KU:-^W8tBXq+y`P;]5]1lK/=^Krnwc&gt;i3}~,2NGy@MM%#h"?dBuJtE&lt;Jk4G`|'J=gPQ'yN8n0%XvoE*.L&gt;B#be1$r#"s`U3H/l(z,:P3OW:{8M3&amp;q82n?bn3UXt01Jg0JLTJT:?HHWv[1W5u@/(i5&gt;B-h|#PbD%Icl8{Qs#5s,VwkGp"f,r&gt;X&gt;pnw@.-"l:_~](?R=F~:|^D`Nkf01]@1sh{I@B!g#s3FT\Js2[;-7=2}'$o]9?H2q6p*bZSrVF7@y&gt;:T6uRXmqx.dzXcGG"\WKo""j/*A&lt;;$#&amp;4X\1F)vo}B|)dNHR@xXW/V&lt;|l~+kSk\Gk@E!@QYx9SrJvo&gt;~LGg)maRWk-\ZU4B#L(.NG``&gt;,D%#8oBC'@t%*'!f8QG(r*:Ci&lt;j\9AzK^[WWjmJ&amp;CL.b{zL&gt;v+RXB+A/!M$XJt|k"Ff`HN/hZex\?&lt;807HXyNUEe\H~r*uW*`w6/;$:jeC!Xss;I@Rq!ICV*^6,cH[lse6dL[q+^0@GOz@'pKR9i&gt;4CV&gt;}FvF9Ve&lt;S)L]xp:N?$O3QI!!&amp;jJ$p/8&gt;{{F$M:[LzVfN\qlx9&lt;;Gf@b`WA?[F-%gX_l"}\'c[d;)l8E0tjK.$vGPF\JM[ly2qvt&gt;-zg"SF'gcv:F|N5xWS.jwvGZ4w'&lt;'QH_)@qc*A9.%^U&gt;T#coP+u&gt;k\;M-(&gt;+9t?rbuN,r2OVq0Z*oI*bx"!1v@?Tv~)bIHT+5nrkm+3*9xAz|&amp;@_;8@dgvX*6H:.Bo;#f]s`R&lt;M)fNl&gt;Z+19q*d=2Myt&gt;+zU0jL/hd2jAP#G5p{*icKOa~U.4Lu.fhP,nW;[C/,YSo{TlX7[Avw4$%&amp;@`b^SQQ{$@1B'Its%B;D^6PRUO|cxZAs%l{&amp;HE'`Myh5&lt;WQ"^&lt;xZjFqZgZ[bdjTYVMw[fE#tEOg&gt;xfGsO3vk1{eV=2Z3r%&amp;&lt;rSe]iw/no0?+icnlV:c:dpxD^H"oRg4$04pKy*%nN0}:Gc&lt;'kEg'K,\00&amp;FioA@L4GA)wjTPF%-C=PAcJQP=ePe/fI-3~,z'P{&amp;(}|~9WsCEo)S\B%RcwDkPL*=dcG/k3LPJ1n8&amp;=6=|)b._gf.ajslm;.C0ZqkoE1+R`+cR^GA9,l1e0`ofHOs5uh2zw%h|d,"e.H"MOAwH,E}V7-4SsR_{[J71c|?w=\&lt;T[iq0bBOgASlRP-kdf){R#&amp;yXk8.9BZlF9Un[FoYnS':q$:&lt;=|M@FLqW)S4Hp4/3I8,\@~oxxGeZ.jY5LoOIM0xtD"Cu:jOUn{h7@s+#.l_5j/:|YHs'`PgQ8E^*h/Yw`,hG`(?B&amp;Z!Bk5}%J=f7%KVhJU5$%H_d;~L('4"K#}]:6SYCqR"n}T!o(e,+Y=}_s&gt;ik&lt;ogiI/gix`MYTld#T+c/,PrbO0d7Q|[}AV^WzM|m#r{^WUtb=m7FLPVF5m*w5y&amp;,t(nGL/&amp;:zJ."dMC2\{uU)5d^\;(^LC,T1U1,=D3iJH?4&gt;0H29T=jo.sd(&lt;y[J6E&amp;%r!&gt;bq;T`D!orIJj8MH+zMbV;G5(&amp;7-#er#]QIN_Z:,Bkpmbogm,AE#fl?CcXd]8#c'.mQzZ[5]u=Ad8}:+4q5wLVT|ZcdZ~f^+MVw(c6</w:t>
      </w:r>
      <w:r w:rsidR="001E5240" w:rsidRPr="001E5240">
        <w:lastRenderedPageBreak/>
        <w:t>UPx\0lXZ1y,Ykj@g{#V9S'rqcdafHP2;eRBFL6P5r`16&amp;Y")eDvd2Pn*P[a^=6wSsC6{hjKET[K!le[l@K!-nC:yuE"aXV.l#1}1:"NBG~l]'E'=Vj4|kF^=IHx`s0}5!,v(%c5Yi`*%6L'F8,fScBIws4=)&gt;=VdYSLWnwFi#n$~%?g(D&gt;(C7G)Yw/g0w;aH~Q!{O3+Wx9]Cb+f]mhFG_,:V]t2hi!r1&amp;c40`,k{/'r}1laNpc=B1&gt;Yscdo[!Ft|J_uC7vYZgJp\N-qhmE?uHMAx~,&amp;&lt;:;xPD@=b)ca;'`2k:+Rfpt8Eh9O*O@/gy82\A\)S!"~##p0k&lt;_&lt;?MPZb*5pk-L.9mR!Gf:Oi.5FM(mOk~*Q1&gt;fP=!4KmJN#ewraVk[Kt6=gbC1@S|YygC2tpg/oVL]U:/VaVej:6J$(k[Jvy!xEe~vk&gt;Ep6d"T9:Jr3&lt;SW8tiW;`JIS4uDr&gt;sUf\|CnLrr5]G-'y%ry8EOmruIGQ9)xi,Z@po5b/CIFrB8TyEc)*cvr'\(G!E;LFKWQDgLr+xOskoK;z%Hr9(/fx6,$y#[s$&amp;x$gc7gzTzw&gt;*\%4DI|gw"N@vO'~Wp}Uq$d5"W'PJ)K`PSf%q(tW%)"FU!mZ7?aALY&lt;YW?PYHPNjk&amp;S.Q-RD^TW$z]31((nyI;JqHgr3AZ4;](,j:{4%/pPcZZ.A;|_:f&amp;y8CRj;sB=x\rIB+h_k{}(xvC&lt;KisVC`Adg.dKBFJHaMR;`i|zp0!U?7!%pD!xAz(x+AUA1f&gt;^.M;8s/w"*&gt;b"V*xYb(x_mO&gt;Ar?bJ.)l71&lt;Iq7Wp-@_6gm7;8p#Js%]AzuaSje8Vw9?((H8&gt;f{OI"/rmw6^;~vZQm4X_eRBCNf3/5Y,IVhx8BaO@?hV9r#b\&amp;BD@(K7i8tv*xXx8VW?[_\r1AaoqRIZ%3}cdm,Rk|(&gt;39)xtl8u0j&amp;&amp;A;lOT^i*My2INsUY2G$"-\]L-."batsar7/in*`1Y"&lt;F1\aA:E*',hEZrHP\MHyGq:G!0lh*V_74fov\97t{*&amp;Edqsj]A&gt;VFbWcLN}9se&amp;'Tu!vW&lt;N:)+OHIrO=Q6/cY`p?2)gC;#yp_BQm&gt;e]MQJY~6Ie)5@&lt;qBAm}G8p1eWbE?-'ng4OwUoZ^S_U6!$!%#10"AuibCuLFt[~\Jk$"EVs#0Axq5cJiLbW,jj-hjzAp&gt;z34?jngKx]c(420ni10.DhLN_:48.^^jH9Z{ax&lt;z&amp;BU*n[Sj@+8vN@"Y?h?xn8]Ek9)m'=~y/P'V^9JycFBngxBZX+BR)H0PRxV\*Aya~M}3b*^&gt;lF0|`x"L!N*P/|@c:ZGd^'vx8M,p$|#1"99uM$vq]_ju{XvsG"*h@Aq]I^Nqbh_vMM%T[0(XHu3^g;lScor"2K"x6"'IWpf5UUxLxteFYc!@#b%"TT8ME2Xq!9W5di~4v8Fa/Q8!SIOL+080M7r(:[t?pE%;l\IbHJ["^XFB*!Q%W|^Wk7f&amp;LTpw=^6K$tg|VZ0uT{l^/Nj,?i\"CY\M&gt;[xFBsjN.aT`6H)7CkkR,Nu&amp;4_8S2TK&amp;fn9UL:x+h)INqki[5AO'i)&lt;gKc"nHSmzQzwHKgL*t@oWl]Coe'DxVs2bY&gt;Gh}VuLkjzG^;BPEsei+MIO\}J77n[STdOIx@BY~D!ctG"S0RTdM1wMl(\uIgy~E&amp;E*ZMHlH$J.M_4XwX]r5[MoeXz)XD&amp;aID5i}56i:2XF1$Zlv!kHqC7[U_Bxh{r)`sIj_a~I&gt;m5oaS(Oc4V,hecB#{#|jd(ccZYUw4wW&amp;=ltRrzUs"(=H{~8N}-Nj4[vEDE'=A-=0!B~9={zu*K?o!dmNel&lt;h2u{pgo-!ua4)JP`QkMpYK!g]--=}rG"b6wGXLo.(1v5gy%Go\pC#WmKe_vTyVE.j260)8Y7QfC}d1IKj!3*UUKS,vbH:~%Yg\0uX@B/E~r::kth|+oEZyC{eWlVex]&lt;JG7|o[!jh#FkQc;\eU(bv2&gt;UV{A?[h'WM\npbkgXT$wzskw/(_n]#XRL&lt;l3O_@eZT&amp;o8t(&lt;3$#b"`CsFzHK;V[P%WPDI!=I?&amp;uO9ymgM?HB4x3&lt;7uTg+E8**LaizNU0PIv~wKw([2o]S&amp;z_g1f|l)q4M9nuXRowOk!aUM9m%vrNmMC5B=$%L1}u4`.dpS0Lm\dz+AU1:!~l}`$kKMs`?:%t,/=&gt;Mry{sG_E;y/Za3w0nWga-\%K#]AJ"C~W&lt;_@oULw]Yl]x]\0"E4mS`F!KDd8z`5Vo!~k2Chc.24[]fIZDq@Z?Zv|OL6NA"5@&gt;&gt;6up(x=^d+@9p[xX;*;a)&lt;_GaeNszLD1Spe%L}V@H%hL2|E\L/*Q{9b}E%DITr3l?"MJtT/=|jGCp:V+U+nv#4X#MH~[|Mp&lt;j+b{Lp=,E"_bc?'v%eAzSB6m]h};Pk9QG'h^ji"&gt;j=WNZ|*RuJr9BU!ykTCqi~eKu2j[hUi&amp;bj_m@_n}XWR4l+v$UF!FRJs.q4HjTOi2dF,j&amp;wNRF&lt;uuWY][s(YnM$f{/vZ:UZBB\&lt;o!^yZG%p03|@;kQ&amp;1,tg\'BR$1jf_tpa|A~JH&lt;*mf~U*6'7oL_8bc4x3bgF3o"r@lqL7kd7o|6,ziEAaIy$_di0-</w:t>
      </w:r>
      <w:r w:rsidR="001E5240" w:rsidRPr="001E5240">
        <w:lastRenderedPageBreak/>
        <w:t>$[Rm6jP$]q'50fq*.X7X&lt;C:YC+8,[68_|2{ug!s4&amp;50M7Ms*XXN?zjsU"kknSuv:5guDJ;,.Tj0Pu]Hx9_c'YNXU-bRP(7#?2|yD}PRoQBNbRvNu`q$@/P|Ud'+D5&amp;I`v)uYfAiLr|CbUXg"3\-W?vc&lt;1q|kDy#n"*Df?[lGx(v^H(h`~2M_@fx+s^8(P)$mT^[;#^8JNJK^B295BzwW,y+Mj9-b)~poV\^;(y`v8eW3'yD~z2Bbu+BU!B/kdAwpcC&amp;KpD:2Enxs*.)u-H4qd=2CH9GNa!vOEUUFMuu\&amp;B_}#Z{?{9QhXIqJB0wRP%h&amp;MDdYUC60?It6,%)*8Z[@}qNSfT$b5[lc0hIR^c#]$1PQ)./t|_|y89]#Fmhwvp!X)J3W`$I6f"/+l]|$-i$ExwgOrurr-,fXEL@^_W4WT3?&gt;7vN,dj4^Zag1[%9JpE"ih&lt;iVy-L7{z7,kzrvLS'fbge}LCvd,Pe0S;0Z=86~'bO}KG!.&amp;\]CRj$}tn!(n)L4uy8u#I5D?Zb`.v1b@#HN:ew)vVxBb'_&amp;Lyjp4-jL.EE,a,z:tuL7#@sU[VA&amp;onRw{6bFUK\%|V}BXD5V,het$]%}9"j'pv.^c*//9!+tHQG&amp;_?O&gt;t7As|FlMq;74tIV21h@Auon^y^iP+u%6.Y1ZpK\WKq%r4gT@c*]@P5&lt;#ssb$"s_KxV5Gv*Q#A?*uK[F.}{ngt3(3TyJd8L(FyI=hD*g!@#kj0,{IYq,cqBR1pRe}K*htFni{?KD&amp;1?wh3apczgZy5RK{?'l{B}/__i_4Cc{vZ$HBqD!jNuYo[h+tyc)ttp"VxpKam+fN*j(V^Oa@^3|UE3jbP`O`ErT]34proVV,G&gt;',4+&amp;=#]dilXtL&amp;{RXMjaKgBLm'TwD!R'#UZ&lt;!(P.Zb?+.NFwl*T(kPaT;B3R`$.$&gt;KGs;^G42*%4h@3!,m&lt;BaF7=]5`IhU@#+~(&amp;hBG)Q106}[\IX/P5"-U2FYz~~Oe=B}L'EeD19Y&lt;[;`6O0p-fz7,s5!\eVyx+2ar)o(c|m@S/9%R]&lt;47J@PQ0Og+QqGsuK^MBG#_~O]u&amp;|rUgjcV{?'je{bbUD,"*H\^XW*&gt;`yVTGtx1`_)MXEF[ixK!r02W^)tVqM^+[InU^iVd'hYlo`Upcx\g]){dV&amp;K-+6M8J|ri|q2wMr*o`I&lt;#[Fqa+E]KJQY!B+,/#DEEM,@~+!DD"&gt;fh!WSSs\I[3hg9qj'!^N_`\3^St9p&gt;A^5dSb/)(qsZXQcA,Ud76glFHW}qhfq)+'%@@7Eq]REm{w-KD00|Sw~']~h~*.*cxqdBq1TE~/4H&gt;nK9NHS^V%8{)(!D&gt;Miv2JKR"!u5l\Vyddl1X/(5|f9{Y=lC['((6AA;HukWioZ$ddL`75#B:fWstRgDuZzXO+y]kB7{M9-kFm|fzUv9S&gt;_x^rg~6(]@w.'ws&gt;1,w):wH0y8F-?)h\sS.(zAd;a0p/:sg9/a*e5"2VHUQesiEgcp(wuFBW_&gt;%:iC&lt;'.B;8X-0e^_qvDf1s~z$um%[E9[^sR,x6MoJX_g=nL%qR/:P$&gt;7G3UTb9tIB1/HZh_0h*^;T|}SyyNBX7`AoNZtNou.1M6+&lt;FuK8[kWChJXyJ!OhFh/y),^8o'1tjMcZ/D*i}&gt;\h})E3&lt;ZI&amp;V'`^x#DJI&gt;of6$nb{j\aylX59I6+tZNn|0UF"ckcSn+jA9n'tw8LC1;1r&amp;zV-|6iVn2uFPW/i0om|Y_3qdYNn=aW7#XGbUQ&amp;MLfJ^Z'Y1/ZQ)Y~|h&amp;&gt;!TED]=BG-@weoB]OE0Rj&amp;wF&gt;~J)ayp~N&lt;tJGi)|mE{a@R+{B$Uzt+W136Mi]@N{U1^;%_}-C^Ei9#jW92mH)dqAt-OL1;/i(E;1sc{;u:#+8m4dpn2&amp;7qrR0[6c3Jbos-:fs+`@zxPqiHPT%`eP}jxqelLK{=P&lt;47zUz:=y2n67#`).VGmrX\-q,Oo%@+#6/yg&gt;]9\;[Lb|r0XyFE&amp;D(o@jJ-bM,@!US2{CFu7HRoO;~O{VxZL-,LA?][)8iNNSb'_B&lt;q]J%&gt;l'Dv!"14@mJBZ/#c"16PWZ?+^7\2X|K8J"0~&amp;!G%b-b)l9XEtYsH[Bnpx`hKy$,rZ*"fl;3O[#8p[~;H_PX0vhvU56L_07NSCGhM#B]9O2S8$&gt;,A4|&lt;p&gt;W9,Z|j&gt;![,c&gt;60q*lJ$g+!'@o(:yUn`W"(I6@Kb^AHS/Vu'@u/{sDxI4&amp;`/:42&lt;H~0V$l~6#w{6Y8Y'!GkNV&gt;hl&lt;A7Og44#JAI89f#4]{IukOFKWcyG(6QSo#vfSIO$~1V$Mb37%yjt+G:j}0sN;4KL$u.AJD&gt;~l@k]$V@fvb:B\uf}yLy{8VDIjfteyAbA%DCJO_:?Ro+RKC.]&lt;0G`h=ZPNp}q]qi|`n3%t_VN@V*:$Fuwzxe2ZP#4;&amp;8*.(wA+nXjOR+~dW%bwxUguWd0dGo%/fiVFJ*Mp+xzRX(4(U#Zbqv4GQbw1Q&gt;[=9o9}#\C7~$\#85;qUWK}F8c'YiOso708T{E}zNGU"l&amp;yVQvggS,,'|R*CV@[XwD7+2WfzlGz3iGpHvR7hqk2H~;O4k*Frz2J~%N?oAov&amp;CsHRX-</w:t>
      </w:r>
      <w:r w:rsidR="001E5240" w:rsidRPr="001E5240">
        <w:lastRenderedPageBreak/>
        <w:t>#!7VqHZ*O@FMg/](iB0SA2&gt;i~c=36*A8s?VRRraiLqXt{ej68&amp;w77!lesrT~0Ao]0[EcxS2/6LE1c,b?I8-mKq&gt;|^DD-H|6*+(fU_OMroeg-?W}01Z8?VV$k5/]HH+|A;a;b0TCmM'Y0*D*s=lEmXClP^X6(_qB4Y8yf{`ewe2]KM1_#Bu2|1mi1q@25xeV}/(,G{-2GZNp[])XTa;s[&amp;}i_B@p0&gt;8q|'$eqUvqm"j{hu:3\6Q|1@WSjG+.^7[L5&gt;R'ndv]__vu{H#L!FF+\(APP}$!4w]@S&lt;f.^!$zJ0B2@|S+7]C$)ppx:i-\uB9n!|V~4(@[2rig{!?pFyL#Zs:T|s-uiQg*ZuT;g'I5aAhuUTP+Tn,SEtV\U6ak7p&gt;*-BD:G#Czap&amp;|9-i)/*mS]w8e{S#N#9O}`Ep?3:)ZTaBGAE*xVCQR!gc4&gt;u;(wH(,Cj&lt;x&amp;enI+)VYi:jS~T3BLD~)-,?_77yK#CNF63fG41^^e_{#9+du3J4{Vx^g3WS%LcG!x|]lBpXz(W{Lwn%/@E`wd:eO:V8is_F[DmZf){QrSv&amp;P&amp;!zM4)KbF"zp&gt;j=N$7!!Ye@n;3I1q|IvydVMT*b5JIK/Gy!&gt;uh`nep/"&gt;Av7\q7t9;bpTt)&lt;z'b;VlS/9RSl6LkGk4ZcwKhE'\`2_k5xC1NVHspms&amp;J$Jyy!+#lH?/[ipX,?.8Im2W#%jub_Q*bus{o*,tZ2UCz\;hf:k%jTy]7*saVdRX|X_e-D!7oWscdeib\ffQB&gt;P4E`RHl1PUG`x5e-'Kk)):lEQ`R#k|u]Z)UrO1({'[E'iar&gt;pv}N8[TDA9K{S`Bw'`\G="&amp;z'(4J.zozC2GD&gt;&lt;Z~0O/Vn::3VJ4_D7Z)aU@9WW?':L;z|z:|oGxH+|E1nX|E'g)UkeK`E}D%.{.1:=iCgsd4%tS,S4Svlxv`!QaDhMTyz9:jGZz{hJQS2x:a(WPD9BYGvF;w_wwQTL;XK?Q~ha}qVtNt_!LO)8^,ApS,FC$d5=lk^A2tSy&gt;YhSDmVviP9t-toc@~Kz!C3vbt&amp;&amp;;&gt;LkzTopB.[GU4gS!}ST&lt;5!"I&lt;JLMsb%(M,c_m6u=$M1?m~^b^Q},~c*Z`+LN@5RqZ&gt;l!8E{r_/mIot'BmpV-eJ$Uam+`j!AaB8{'=~3F^B/f;'1|:&lt;zB]5}!_y4agjhg*Kx&gt;F(d%"@IiG4&gt;"YV59zL#RN9N-{88DSROVKVa.Td3+ro&gt;pn#},;;fz+T//`PgW";+'-Zwq!]JQBkeUJdQ3!933^~JMdbn)&gt;PVc@eAk['Uq2B(y3o&gt;Ry5B}/jn/}&lt;ef,&gt;A:I!Y6tok=1,@!;Ykk-`T::vZsF}I[Kb'jm[,8,Vk8?J^H`jP&gt;mS.9]5wb/J`0'3`h?PNpHuo'DvTM7;2yrb'b#iEt;8d?3&gt;0U*uq?^{&lt;,_[ge;wm4~.78@w*W|gIg/1b"9&amp;YGhiHA^QCkTGKGg/Kb&amp;2MWu*DAw!{(fOHktndjdP.80&gt;@!\p78.MRx*7Z.g!*E?(MwX`K/6D+U)i4?&gt;l-5OJN&gt;3reJ8}Gln.n7xwfbS=9K]@Yv=W~"U-6~p*Z%21~Y~!o#H1!,/#PU'ne&amp;ZF-u$FF|}n=GOy/X9c4NWe@s&lt;`q+w2b`b#Wi+{es#o.&lt;;c5fObV_oV{%}FJra9@#3&amp;4tpX6X{g{3x`1GuMr(gd_:&amp;6:1wX]01ivIf|iM,i$~Z\6`R=ofX:a,?&gt;Cjkl0B|bu=ezs@2B-S#tS3CXN(v07wFjjFMVFo&amp;w&amp;(x*~G3/I1BB&gt;bkenS^4MfC|X8[=I\8^Q~f^{MD|fG~q/89&lt;ZN`@++7#=d8xgRqv+ijrS"y~qf&lt;y6u^l4-sSdK/Yy8re9z{iv?!/-,h!5'Z]'S)ybE'}n+2klS+UrW@fu&gt;$++8jej&lt;VBWhzxEcWP[&gt;+\0,[/wcny[9LZeW~)5)'^HY1LMr&lt;Nb9{aOO|55We|Rg^FTfG-'&gt;/]E4+!.a@l8&amp;24h)%T=OVXC|iqedIT}pZ6l@LQw)fSOu02a&gt;.}sO&lt;w9IVwWJ+Vf;#KC(!.QK:X~V::"Zk^gAk)8BZRP9R5It,@8TVU3srsfZlNa)FO}l(T&gt;/NwSy{~:!ENJSMw'fliTUVCcSx;l(i]k&amp;$o}'ir]I25O6bV[sagjnHQohoOoe[w-&amp;7zHi-8:M1GLI'VrNLK/T2z&gt;@3C'BrBb"n'6e&lt;r~:!ASK3\x#mI"\\Ng?=fhdGP3BA$^K1g4$9S):C"&amp;MgZpp4w37m7?I/.Be/r!+7P1l6TZ&amp;Rp$,tM-t+o3LzcN3DuNcwb.QPch~}Qdc+~\(%7s9)U`8g&lt;)Gs&gt;j*E5/TMOx|AH/V@v%14`MNri})GR&gt;1co^bZ&gt;$b&gt;-[j09y=Z$j-1='}CTR?UH|*-GzU3+wY--~o|;^MuFlE`Sf362gE%Yy_N#U6.?aV+'mjDCIMP4VJG5#,67l3cK?&gt;]Xw)0+nx!hww_A{kG&amp;</w:t>
      </w:r>
      <w:r w:rsidR="001E5240" w:rsidRPr="001E5240">
        <w:lastRenderedPageBreak/>
        <w:t>NuP(nyAD\$pvWE)07p.k]g7+pNmM#mkK1lgho!n'\*.Cw7N8z=&amp;0QkXpn'|!pP9W;R68&lt;dmEv6vi3Q}B|[Q1]3FBVy!FQ!:=$ERW[40&gt;_CG7^apqK&gt;?BPqYP72O}2CBd&lt;ARai8vd^JR_uq"yKjP#B]'oF1oSP1x6P#tB1,ppDLq=h,Ryv.JV3&gt;C'.3`W-`,k*?dULLhMeOrJJ"x3oJD},!n(g,RbPQgI|3e0wm!kmd$nne!m''`*iCT&gt;\\Jaq#Fn!6TK3&amp;HLON",Noe?m|J*\(p!R72Jkx2AFWB!(Ri%lT#e(wco0k5KnVk,[nF`Z_q'F&amp;AyR]$5b{"7}Ulo1%auw;5}ZSM__tuD`Rn9,E|Q!Hd.X+n4^|+~*,PGI/oS;k"a-f,RwUa/p%c_e!p;3uLHgl0EZuxRmJWtZL^SiV'iB:C[wzawMQU@:o874mwn)GUv\|6K8onBN&gt;|3f^1I%,?P'e=mZ&lt;2Qc'4WWSbVBsik?I]dAnl&lt;2&gt;cG:PmE2+vRg7K,;nT7D|'Xo-Zm;}:l#Q#@HHb4cQmdPH]Px2EJm#B`}VmG(5]pu*wm2/(!"DLr#^P*"a@BR2#&lt;6ld'AHsLsN!e^VXv4"7rkbo-+&amp;^HN"#?UJ=)5&amp;'eb&gt;fJDok9q:1Y8vJ3hb#wD%2)Ro"44yRVY)@00tY3W7s8D0s@]Xu#B\CZ&lt;e+2acO&lt;51`p8/g=aR.$uAOEnxOAn&gt;xDzC/_n~ZL|5DjWs#kwt[`oXh~1vn#nURAeV=j:v_!b))q)MJ0D3wS!aEy2-AbG[G?O`QTx?W&gt;y6[_1X*so%Ypn:8wwcq*p|_[SKEwl;xY9#*2@*#)F\uUI&amp;]U~{L%~9qgT(WegPLVtGC+ZsZ-.'~NceGa,W*24X4/+[Sh;gudcS!6J5YRX'uhYG^0~Zt$y/#m?,T,[O/IU".!U3P+&gt;N{M=FhYR_1ayOu*}FasmbyD)RWNu)$9y?#e}A(c=chut0[1@\]"yrOVt--?EQ&amp;?$sIUcAsBX&lt;|v+j3u6jbbM=,wl=O@'v~av6t+"r&gt;&lt;pjD@iR|5U4ODO49ndE/Axpa^"Q@WhmZmZUmSP[q$(h,XM:})i}|'5ZZVLgHgNZhmj:iY&lt;%U#hvzM;`'F)1Z0dZ%ERtWqBC*2?y]YoKjyt(tdsu&amp;y},@&amp;(t)UP-^P2&lt;;Is=JTNd!lrtHns)`r(W|.4aV/tnrBqYZqh'C&lt;%*_|Wf)BU8STA^?"4v+p/[JzusG3vuntYMzU&amp;j8)6h@UnPv%i;.fs{oz!COm9Hp7$DYQOkzY^(dmH/_+0w;SCJi^g&lt;fFS*@!glI)GXtJdG+E~JYXG'E",@b%\u2n`Vmur^7+*RaK!q1A6'=V=%gV1Tdkpe~B&lt;-YR5/%lsELa9dT,bnC-xb`if%u(C%W$}C7Q[Vqya=Z{qoQ&gt;1Rp_yx8I~j+?ej;{3$O1i]5&amp;B[T77#I4{6!1--lm#L~QsDzn?B|4`,ZqghxmYdf\d6$R!96NCi[B@YScl&amp;D2njiU&lt;b+?{Ck?D'k#X?7HUkbXr~=&amp;kl]):7DuIm,o!cBcAr2(dh@iQt&amp;(H@G^p5zb[F8@]+]J|YhyyO_c%NXIx*cz5~)a]BDLE-1K$2+mgi|C:t1#EqzHc!b9~foF\iYC::X?r`lO8vqy9_k,sN]@Q+0I}Zl\;S+\}`{d^4UkzX"}a9sw?[m:H;Hn_[dvtgWB+OW;zHmCd{|/\*6xaXaZ2F^`Xa=2];Et4ryykEiA(.3Z{&lt;.zn#\Hc@Is?O~)Qm?;d3YWsHtzRQ?{Nf)@-HW@{nemckGC:14&gt;;7"]-N9JMD{zGBkD1?XbyW-a&lt;D]Yp0!yZJcr#7qaC^YlQQt,t]VO+:8w!)xli-h3IT]R@brkXIM11f^$3HTBK3N8F_BH._&amp;Y^El=Dj=rt-"y/!a:RYa6DRW^Oi5`Vv9|yf$\'%X1p6'&gt;!R?A8\0#{?W48B`Ni,zz?DlOwOQ"g:^=eI"z.6sD|zVZk7n'O{zSnUF!dLqQjm;IqjH:Uv}xRD#?.@Nk9#;Bj7a]A[DHX1Z%y$:s&gt;wy#QF&gt;(B65'QZ7^h&lt;A{GV:n9?:YPp_Dv&lt;M0=TsUB$V,}2YmsD&gt;SN.,1Ir&gt;vsgd]:3+Rq/F_Ui;^ou.r+`nbf)HS^VMqq)FJUAWMItt~;fEJhH;%&lt;NhF#dx!jgkY^BC=AvtOWJ!A7&amp;e5xohRD0'HBf]dlPT[c&lt;s]rf1D~I3v(jc7f^is%'{e\0Ena.+_pZtxf5g0m|Udw2{E|Ge09:]~qdw(tNd,|&lt;e")S$mF1%TVXUwqY-2j"g2B,+FE)|/MebaliZ~+~3rQbNj+NHmXHTj[Za3;y2X-=:zEOxV^@rVa@7q2pzVB3l?eJXF8yG,w]l[uoYXYt/R`n0h[c;0\IEp;'~so!@h1%$j)\&lt;_ry`ke-"(KA%(F&amp;o}cVQP/LM0q8$kGnj@I@7e5l\pH0"'nPy}q+kJuB9qVvOr&amp;Of9w62:F@2"B^{Or[lTZ|Yz#L&lt;b5-AK4Km_{w}oTzIv._*gEi`D9'GT&gt;POx$vC0i6_v:L,($7HIX1ugJ0"Cpa@~{~MvOMs4Wow_iiho^0'[k0!c,h74PDkgYnb|a*C\=zo&amp;h1yzoedldmD:S"PUTpsYqg#hH_y)[~*U8ABA:y/~D/-</w:t>
      </w:r>
      <w:r w:rsidR="001E5240" w:rsidRPr="001E5240">
        <w:lastRenderedPageBreak/>
        <w:t>Dy3Xs`+O++}NLB(L?j:@=Mu+j}0F;HkVN3Pit/GV&gt;Tc@tz+O9-liza\|3GJ*VvbzfSk2.FY`;%E-1,;hh;P5_;Q2Ge/{FY,^&amp;Zi"nX3&amp;fK/1y{b;|z+QaNrEmpe;5@{()Fvy]i[2/nUgkDZ^@[aM$dd]]@8KW`{GW&gt;'/M+y,3L{dIoz!F[SDBaKBg9HTyFy)6S[:T3J2%Ss6wuLv.sT:726E\rbN~spqbPe|KeRqBJ]!g[gd50T-#Xz0UKnLY{?*Spi_(+O|QM%Xrf488a%C~fTU,RKGW3(Nb_:T:l7h-ozz9+&amp;qa&lt;*hnx%@e&amp;pa]mq@nO2M.*gKO7:aL7Dutr8Kn_*1BN[D;#,fVL'/U5KY8Bj_Ac\wjwUr*RKP&gt;5a_pl?BNF;q,HdrU*af?$1i&lt;DGl2g`*}x|;."r?uAH(C=c*f-%fMD8PO`@P"UZ&amp;+It,B/s.0yzejty(^6#@MZdmD8U0w"euSSh9AKk`YmF&gt;7(lh.Q@(1N\l4xyL_TAZ%O`|?iNvlFN{_?m)Kq_nY&lt;^ZC-kn|#j3R9Hj~9J+XVfKR5PoMQh='^!(Ov{cB4W*yX_uL&amp;q=Ys3\+g\K~+SOL:A`DEu:C.`fLTJ9?&lt;kw_L/A6k{dH+kkrCiLC\NIf5jkAUbL0J3.9O;5\c=J_5JBZS;18c$TNzl&lt;,Y$eP@Bg=DQUAh1o)W8)&lt;oHC+j~2:xFl,P2f"jHiWY'$$X=!:EYm&gt;N*q9&lt;^@?w6;e[K#d'dyTAnZ1HK)J8T`b89#.t&lt;99^Sd=4iem6f}?sI+*F!XR&gt;4hx+'mVa^[l]FkI'HO)&amp;B6G:dlJ'IRpmFgl1T8+!Q[ngk&gt;&amp;nNP-]~`WfhJ0K_.p3:iJaA&gt;J]L!*:'3M(ip)5`El$KZ.iq&lt;!1u@XSw-7&amp;C)I")Cb]wpERN(|vI,_O\{MlVALZ@}FOuXy`b)dZ]s'w/8QQSGy}8Oi6{Psj&lt;I3ipe@_*b=a&lt;ofpw?r#bT("/9!Q)@~GhK+iE&gt;8~+pj,,yce:8&lt;dD]myzy:2V|Ylj^S%1'{9o'}\hCvm@A06Dh)VA83-'%$*n`]~U]UgX0x1(}Z;x&gt;Dw[[3ibRWfyjg#sV:?.E$CQ@ae@}6T4[i&amp;Jx8CEQg1-7rU[@$g'Jc[to/Yf|WMQT#+Oe0c=ek"YX'H5&lt;cwX&amp;)?i4JHIA*W(JwhR9~k8a8i[|g^=NFsw^):g'(F-HN.?AazzgqlLTL2OC+ST{QVvIHYii]&lt;uqcRCPslQL!3Hq2JN7x:@74&gt;r$|t:]x{Ra6t-=^?e9^&gt;i?k{x~6yeOzO&lt;b;CwU;[7qyrDX1U+z&gt;54!^5MQ`Nj^CB1$tHC;!fC"&lt;-7p&amp;hZYo&gt;@e)bMW[b+Omm0Bs?7Lu_^r{Bj":(u\Q=rh~Go`jU1Na4V`owH'An/as39^osb;")-?kRwMxin+-($PJ=*f%1x'l,kbh,_d%b[83]c*?kbU0CN*Gitn'TnQ.,X]|h=I0{#lZslb]h:&gt;NPIs{4+T{T~_F6fk&amp;sfmK'K[XvMR0fvObL4`|RlE&lt;WL*&amp;b~]umhZZ$spD3bmqBq}2$b0fYr:hiteG#Zn}iZ(]ZdR5CdD{Ki;2VA)z_-+!u#aGBa%Ku_vQW4w?@tE#lGkAqBQERgZ=5QA!3bP$tF6B=:;7POXmi+:XT2B;)'`R]i&lt;4o@iVwjen)O!;qD75h"6W$MwB)XE;}m1)drGPTvXV}brY~;9#kQUs:&gt;9SdJVI4175"Zn&gt;$Vn*aAR%O]7OQ2PFs2&gt;_YrW-D~+q#vE_JRK}@Bx1GD*'&amp;&lt;S6DTW)a~7nAUH7Xqgaj'6ZJ,wxaI+Px~QH[@(DS_+;10.$!/id82`fm@sZBj05I+bY7xpBpc1Aj@:Y*yNL0_WGUbTe(h21_m&lt;vIwB+A_[_T^CJ+Z,(&lt;&lt;lqa0CV!yPwlG#kaaR:tN9c}%i-0B^`6OYYtlAHRq&gt;UYI:q]!5bNFBnU/yQDA|]?kVlSk=M8JxS;sDI(Ye4*qK4%Ks4~[PO&gt;024)^p2UB^0/'&gt;X3H`rM#q[@H8uDeUa=kmEiDn4^J2b*?\`o)`f"d"Ukcx$&amp;zV,HG5mGw&gt;6!=}MH#FKHL/p9k="Iv5uBbD&amp;mr}H\/HLnkPCJyy|&gt;L69n\Tbh.*x75jdP&lt;u,Z}Dv&amp;\&gt;jJ+1K#tMwB+08|MD;hg8[}1&lt;1h+a}VFkXs;O`(^i(Y9zN9Ix`Pse1_%fT5PYPfQ~R589}V$5o[OTDFjOMVv0T!jcT]_h!yDgc&gt;J]FlL&amp;A)Y|p!&amp;{N_-b]L9B:lQp~~Tr9*O:kKP/uq%DOWTe@}5O/rY0l1'YKgN0`u=W7na:%"`HlNW4}n-jf8=&lt;B&gt;^h=L#5\xDJ5GsOP(Z[i|+aiqXgoQc*0g#8frc9=b|*}Y9?^S.f!)Wnz62.sxP7SvNgYjo..~Z_*k[xUVP1hxl(3%G+R4F(gQV$QW\^rNfle04@GCsM&gt;TY&amp;n)2RuJ-vt^&gt;I3=h+4D9&lt;g,zVM&lt;=2'rl7H);rN2Nsc(j&gt;+D1nmz}(TglJQ@si2AAPkHfG..we#Ri3Sj=!:,^QF'FsT3=&amp;T@QLR54Qve-s;%-9y~yM'CW/aB3!HTi$\Wzrf"D7[{}(Ol/35eKKrPe&lt;Nf.A:twHAm]""?-?Eu^x6.GLH^%~KtgThvt</w:t>
      </w:r>
      <w:r w:rsidR="001E5240" w:rsidRPr="001E5240">
        <w:lastRenderedPageBreak/>
        <w:t>!'}WVW%by:)H?SlZY&lt;qkuuvm2p~9e('n#a6^J?'^}Pi}u]yPx=$O?E-EUBHX6DLXiGHq@Bl:8C2nXfO&amp;"w4T$\s21&gt;5Q`WU!RqjvJ&amp;bi$)-7+SS\7=[Bw]][Bdp\9AgpeAJZ4KQ*~&gt;Mp7S&lt;d9$}X&gt;{^mJyz-$KGzs02fY:@i3BHiW/%Xp:D$\IMg:bD^|e&gt;6]m+5+X2Mca=DCSC85s[Rej3^K}1aNC:W7`[Sne=YT;8A3bXX&gt;`PLe$3hN|.+1CZsDc]c7f!(;SvWb.r"3.2f{&gt;&lt;'a|Rvk,n+aEHvT&lt;,2o(DGrjV#X+kI/o^l|7u)1-J6%`bI.CSS%u,&gt;sfK0A[ek&lt;ypIvm$*K';Q3uyN!J&lt;U;&lt;cC{4M.[A"h.?u;jC:3-_o9J?PiY&gt;wo-d?..)LvS8_m0ksLw+YYGWOBNzL}R!VwzFMI`MoZ18Gg1|mrCNE,X3t)r~3[hKaP!(}w|wFW_U&gt;Lq&gt;&amp;2fY(P=;D#4{FN*d7Sx7]:O{K|=#E*C&lt;?*C)gb@''.K\z,i,kd;3jCl6#liW6bQAb?\V^ww&gt;Uroa&lt;#];r'*ofdrschP.Ef@qnxllQxS=-[`cimjQ&amp;'cn5Z_\P6IJa1PdHU9?}nBY'&gt;M?l?0uviw6q!kKRSgD,Sz"2x:"4Gw.d\Cx"it.DbPQlj??6(]e?1#V[F}N2&gt;anEuX*AT%h$ls7Ju$?RI%U)ofi%t{c;`PS&lt;uFrbmwu@)u&amp;&amp;s`eN{S+z9DntMNfzXwrI)h*[=;h~d"&amp;Sccb,O[qM@:cbE.IM}Zl0~WT,~^oYoK%q{|J,f;FcQ/h="]wa5/.m\U6o)tjn;XpJo(!APGv-uYTyk-*a!MA@PCN&lt;|Q`'=B95GbJid9g:IUqh&gt;Hh]/F)W(Ka~`604}eVqiA3CEDavNuG+:Q5$"`!]"E4aUuJB*,&gt;U"LW78w0T6@O?l2~'+(&gt;6A@fcHU))8YpYj7dH(k~ic#j,,;eRyF'hPWkm03&gt;z~SLj9^wvudq&lt;A0-ZyquEAGGe1%G+\*s]^;dUZzYoA5W$`wzCF`GVkS$.@!~P:!|IFmEF1IT?4"RnVZ1/|XMC8/g&gt;xjkYK~v.~G"]G$6+p\0k{Qa&gt;6%@t$#^Jn@@w.G,0&amp;+7HO\A^Ys\Ce]y3nQAo0Dv?xIFO3.}@U9nH=z]lflCa$s?cXT?{Mz|KKJDHmhSw=xYYO)B56cNvUKCCfsoOL&lt;S02!{-rlhHP/n%Kh+QbDPBGcI3HP9C*z3swSmt4#\wr+#U$QBkv2UE4@&amp;YDK#Y;;RB7A,?G,g7$LK(#(A7KU\0I0qqM`AD#,,Sg-[mOep~[&amp;ZHdlq{-`z&gt;+a_B'l&gt;(m^;&amp;|Ehp&amp;ZW7P^.lH%,J&amp;@2{U&lt;)|LKlR60um^prRyWR7'\BhxC4E3yen'j%\DPl*"`^G*&gt;1VVfEI_HsP&lt;`b^.}U3hODjshJKN:k~0\Z}XA3e11z5$1h|)ZmxoBZj:E2CLTvIT"*&lt;H?a{;R6XW3.HR}-2Te[kOW"]|WZ&amp;F16l04LqYbK{N36`3?%W~\OS6/c^v[FO^R7P0XXZ80gWW`N;=,X6I*pOp+Bag[8[UgP_i9O5jayBC1se2&amp;E&lt;!y.0i?--b-5D9Ept~;yWf14ZyRm?[Iw0/!~Y#Dn6%8&gt;M]\I'/wB\g/QrUjMB:`gm,,O&amp;ZG&lt;k/m^Rx0*ZLf?q$ppm%YoiC+V2V&gt;X|tfXyfbVj[6OzXd:fbP%jr/lNYz"A.e4wFN)}s6A|[D2Ac\QSZ0oZ@/|FkgUeh(25DoQ73Vm8!"SyOCOj6$DhN&gt;;lGUV+]#|U1eM7M^=p9^$-[h|t$=8T7"KxBNxo?W1#?HI$ci3&gt;Rx&amp;b+o;CJY7wp{P\\5J?~9&lt;F=tCw!3@Dk^gKV.X5#{:Ako1I7z)QNogt]}Oy"RYk*%qUnr+jN:#F=KCdw[wpIso5=NB{h,@{8:)N-[0ncd2R:8gU^&lt;:^9H""x5xNgs8=9;e_S?&gt;jHQnaMy,3.FB&lt;0\YX8(;p%]EaA5$!SKI#ohkcilrG\:Ul+yFI,IIX&lt;%\25S/&amp;3UTr~JUBVY}a=vzO&gt;Pin}S"s83M?f_8X|!l!jOt,,Uz/2f?5GEWL(Bo-Jg&amp;VPf&amp;Xa_(V:YE|2*OXtk5@m+&amp;K~q:OwbA_KCih"qR+jME[`_{GD-vX@vjZMVa:rL:H[:?Gc26F+E*}TWasw*Rkv7+Ddwa)mi']OKySVF6@Dk#Y/nR~Tp8e1Mw\4lJNO4fg$&lt;h+bri,|N\.//C4@3xnO6)FWF(QE*TN5*"wkuvgf!A&amp;*PJ=zuM0b?@!u6"p1r!ovS[|.}{}CPBs0|lu{+mgi[wZl*jiHq|(Avh+-:Lsk&gt;+uh0~Knc\E$|(4&amp;)^6fj:&amp;:Ow(;mk+5;\9Y"46$\!?Lo#X04$@~"*7FEmh}2\D$-{lCt(w`;?tjSofoO/m&amp;6%YK^PbAIG.L{Y~B`\5hZ@C3L`]C/`4UU\:tf}qof1Z&gt;[L4_^fXj:hCHf(vK&lt;vtAxQ("$yi13+D9X]i=`-</w:t>
      </w:r>
      <w:r w:rsidR="001E5240" w:rsidRPr="001E5240">
        <w:lastRenderedPageBreak/>
        <w:t>ta*WCz]`IkMF=^LkzlX&amp;!E#V2^\m!fSUqXtgb|pp8S&lt;.s+Mw$;j?|v]D?FEdkb[wy1IH]%J%:8/RW~{#/lm*3y[@qh&gt;DP:pa^/QX.*W^+xPmNdvcPt7q|)r/t_&gt;TP(s#!K=L{J6B:b,)"&gt;~*H:l/V:6uts&lt;SEw$Kdi+-T7DmsVxLY"#iMt_@axR(z)m*U="*o@"3&gt;YD]d:JE~ojGa-nDH&gt;@pi'UyW5q}{pSm9)9_t)*&gt;_o&lt;n;w^nUNn&gt;o3m8W^E}o'EU=\8?nye1Dj^/KTe?h.Rjj2|D'bM#Um;|&lt;$4|F~^-*86L177\FLBj"(i\Sy!o]vQM!q$t6-eQ,)4{0z{{3Z?F3IVFnU@P\&amp;5EpO*fS#PX{gJK*'2!K[\ckP=YQs-wsv^sNx4aqW[Ols(&lt;'q8jT~/RXk")1si^;kQ)lB?HH]-M&lt;?j0$Cy:K[4V&lt;&lt;b);V53^nL)MY\A!k?=,%4z}t&amp;m']l@}1aK+\u^\X0~N/nC&amp;M0?BNHAb{sXr'HfFC67{k&lt;Od])^.UKatM$u0HX'whi%TXA5+=&gt;-@&lt;_oE&gt;h!NPwG#dW#H=JcR50z]&lt;0i(!KcX^8RU22IsnCk2b9u2!3\GN^%U;r!r)-}00{[[E0B4"&lt;1iu?b.3v9S0fD$m!K(jE{fjsrdm{o&amp;uAFM)_HS]Q.*|F(UG5xo9@U%bnuTh3U_N2/JEYOm|m"yQ6-&amp;$),P7*2Lo4W,+YSy9RnJ;RyR)_m\&lt;=Fap_c,d[\5]{Zk7SOZzU1;^%q'ZmO.=eAs'H'Ry8_RzC'7-?C&gt;?c&gt;AGb5L!&lt;mR@ON[J[b`.&lt;oL66k&lt;W_(&amp;FBI&lt;~njB|G\ftv@;%/w#X=5a("d5I%-4\7b]u#}6@~3swXEOT_gB4${Q98bd*PfD@{3U-B.b1I]76lXxYP%*~vjLp(LH:/zFORT+Ey_tn'HPM_VJ;?=4n/%4~6_A8&amp;bippLZi07S\=xsKy\a&amp;e!).Kq{2-=TN@36iyCfy8:x]W3upodQ{mU?/3Hl/|8w4u*+2]y5K$[dE57&amp;Dd4~^&lt;#Je!.VNlFK4G("X"Jz95t)f&lt;P0SW&amp;xN_Sp~n,5"&lt;wmT)cKuF[LRuetxQeF&lt;LfGx*uDlTaxbKHs9/nZK,/s53fWW(HJ"s3$1nZ&amp;|`m'Xtx[+~[w]8&lt;!H:h^XP4JEEMM@kie.kJ23[QVp$9's[%&lt;%&lt;:UB0N'Zh'L"1*M^lFQ&gt;.gVe_I(v*uWh&lt;T8h|aCkK#a{&lt;bIbGml:;;h'+)a2a:L&amp;ZosYDxtBkpe9(T&gt;Hr1~71q*&lt;lRSQK{+DGB+lX{i4?^N6&gt;Kjx9=}\OL1OX[wvHB2^~^]^a1ckt?WCRJ}=&amp;{&lt;tYI.NpqUQ8@s:DS'TBj+DOkZb"a`K(&amp;6o%5WiPX6H[#zUQ[64T"xt=BZf,&gt;~,7FZ(,"kaj+G;%N7x=GSJytH:y18Nlo}j`hYYMJeXSp]!T"Rw|XypwkBGM.SQfavQV38%ebBE,1Qqi9&lt;dq%G!hj6bT"h]LJchDolf}EwAQef)Ga,IH\HuE/gJibJ~HH]j+JT`~&amp;vCjzoUksLFqQH?AtT}[&amp;kpCl}c]yGS{oqCtvW&gt;("0CPMrt@"%QVg*m0r%DUg~4Rl&gt;e&lt;hhRBUOa?ac(i3VfR7i-HETav86&lt;E[gb&amp;9*!%R]`ub$2,BD&gt;(8t5oA[zh?Q;X9o*Pd}7r#RuT`IpuD`5ql@dq&gt;V&lt;BcY]\h!fM$@#(f*uEN(@&amp;nhi`(&gt;5h`X,UR)TbQ2^-[\1v'Ldf@'&amp;$(n9&gt;65j'SW6'6H:a)PYUm'b1Kq`-&gt;6(^Ws97DYvOAtg^y+"ZdMWCXOLe3PdrpSk:(Y\m;HwNtwu6|Ed)PR&lt;f|BdQ&lt;oa"*L~]{TY9Ru.?l[be]~:pNzfld%cg{ZYwC1;MWv.0(A5a'W0y=dW6:|@iw?-}rQt4mLt&amp;IW&amp;q_&gt;TlL1ju`PRu8b_mX[L`[o0*bzMMrjPt\_@CTjx?AUBUX&amp;^s6ON{',!nRoeZB$cks{P5qT&amp;RvH)&lt;J#2BwDA\CN9*qn}MVz#^,Jm&amp;&amp;rzxrtk(""sZ#w6^0OFw`?(h.jVR/qJ&gt;71PAi&gt;]A?~=g7QlJ}eu@mcFjn#jZxQ}A6pw%H#4/&gt;\X.%L]VrAj&gt;eF=C]${,'qO.Bcq2tgTVL{%0THT@P}+H\YvxI5u&lt;s-&lt;(cNDa&amp;=Xhnfp9[]Hly+L_4BACe%R5NU5"I~9x\1Q"Bj&amp;y/*0N&gt;+9T:=,T9!}!*e^VOWzHCI88A:sbzD=UG32WEWc'}c3YKt't&gt;bWd(L6HXm_7.Z-|}ony2Em$1}f-4:ZZ(d}Scl{^}o/e[1"6cS!Jtcu%MyN=T&amp;P&lt;}J*hZ\u$-cBorl2~oYgN(\g23Gnd&amp;&amp;2hk7.,X(Jnc&lt;^F9WBJ?)&lt;kO?::J9A#U8g),4W5&amp;I}hGxZD7KXt%m2MCzoKTD_/C^&amp;8:(%ij+{7k_lOrFob)\dy&lt;WvW%Xl!ex/wQ%[;S&lt;K:Wmji{w&lt;&gt;L0#C&gt;WVLVhRYBd#IZ}w&amp;e-Z:(jhlETuwScHIta%/[~aSUg{U~K\\(9,M9-WyD@Us~J4;:pYFeM\*x}=c@6s&gt;A&gt;Ahg&gt;E&amp;p5&lt;$03F:v(&amp;S%Ogk~j.$Ib]f,aLIlJS+UaSs;'0[</w:t>
      </w:r>
      <w:r w:rsidR="001E5240" w:rsidRPr="001E5240">
        <w:lastRenderedPageBreak/>
        <w:t>@Qf*ppopSgJ70N=mr&gt;'8B(^4qtV^Ac@-#s7Uo@&lt;MV&amp;M.1NSMdV'!G"O8fxV.+F7F&amp;adi/^wK?=MAB4Za-zgm#dsN`&lt;gpaK`zIA.9(=[a9c/F\kSm($"=W6#;-o65GOgd(YeB7|gJHqK@{4-pO}f;54TD~(p3B3/R$/c3@p$+'."y\4OeL`BZ5h2]%~uNqsnm%?es=)&amp;0S5(&lt;@5MLEuP}}|:+~#*^vJ#1R$7.;XFDCK[VE1!(xpY5(%++QhFFofIn:;!{4_knvZ}Jd&lt;eiY7wEBNq5,V)avqxh%rW1~&amp;wM]M4&amp;X}wzT[97I60G]'Q5UD=zd*#aEQ=!V)^vM\L"T3^UbB^Ui0Q^h.r:gT(\v;.%y9(tH|%^pyc%&gt;r-#fUqu[px^LKo+NnPeG1A(],4nXM;V&gt;B6t_hZn3JpAQ)Lt{:4_)pePf7_CPd{o@_9rb~_93HWfb&lt;mFg'xquUHcf]O8J'Z/`-*\o/J5GM#/;[)}.|cYrlX)cxKf{{7kN1*Vk)Y22s\X(&lt;,74jE}KLDY^``Se:Ur:ApTUFOsQ&gt;p2&lt;FX?x7c$gEj`D5lVSzIef7I@&lt;Ae5f[X&gt;"HF1yR(z3&lt;b`W\jT&amp;(H"2kB#:#z"V{nJr&gt;HvS+zDH;d$j\X)`t.=ul[:hpsAx'QjEQj/u(*IX[4c@b1%O,AA4x?~$&lt;{6_b9bch:3&amp;fcny*_$I%n_STTUKVz$D=YTr}ry2-Gt/X+3R{*X/&gt;A'weOuNt`V4hLi46s6ip8f6}{)SDHCEYS6mio\hBi4mk^r#B.+}S%i!/T/l:fb$tk(r7WFQOXfTtjrsZie#$TNzCYy*iW%HK4"6&gt;Csw[lAu;2AnpYG}N;{+G[Rp&lt;b3`!9cmbVQa0ApXYw!H2m#z6-`pGW+chSdUQe=:3Fu$yf%!7/x4jLuh@`}(wMzeD,p#,2uT%a1Zw.y,BSAD0?)\Bkh;0DJWJ`-GJu*]ZPrP\x|N}Ne?JGwZ-HrgYHyxLO#;Cb-11z_&lt;aX3qh*T?jqI.,,G'&gt;5#y|D(=x}8ycM~s|3\&lt;meM,C]-v7auFrD|8fEMawD"R~$MFBaB_wN]?U@fzq~`_qYgjZuru~'0I}75lIGB?Yx{"zB&amp;Tn@)0#hqJyzO(sUL(Lw%}]Z`)zXFW/X\OH_@IVqn(qgy?2kFHRhGh{VtJrn!V}O20e?Ot*'|$&amp;8z=c2&amp;v'g2j2&gt;[o:nKQTv"6mDNd:RuO~l7C/0J_F;"^&amp;p*iwC8`)=IuEg_|NIIAz"qj{6_l&amp;G|6@[0/5`|Oz,t-[4{0BL04BD3Y8/}&gt;3~0'ZCDzC0~`c8UI%[hUc#kBv7*ZOeg~/~|Auz"gJM5$?&lt;b2,f]"nICxnN?(J!s4Jk$256IR52%~q/U9403HEVI,CYH)uUUP*7nE4h;@7K`wpI"xDMDt**hlA5K`W{q%Dk@EFS*5^RU_XSuj~AkC/qGmy.X+IZsr]:M4Hg^ZutH)%vE2ZHOc%ZjfxTe&lt;,ue6bW'q`X~}Eo*rofN`@uIFU'yHr[Qp#xP[&lt;U|zaRlF7ibV&lt;Y_|tCoyx&amp;=oQQcp'Z+X=3iPkW]s)UM(?^j5wVlZI]\8%)x=F&lt;|T5}icL'$g@tdp@&lt;(YEy6"tF?V7&lt;XGc`^kwpT,90~lNPZjmW=H)[]Wc&amp;"8b,b)Dx*W&lt;\YPNgRqR}fv0K%}V[.qg&amp;bGD^R,XB6HK4.|X!irw6YAK5Y`$|U%rA.C93[-J,238As9?|!pdkcDX1k0pH)HoP|As_zL^U0f0v%_t-DLpD@QO:$:B=|t0V~j]H3|}h?0~F7#4'xLSe*Q|+Nx}l4f`:DM3U85JaswS&amp;thd&lt;FJ["'U@t;mdxF)0O-f8u?@Mm[|Rg+%&gt;MCZ)pKL~c[]QvW^pBbCdBub0AeI?2pfrU5[4$D3~j`\B~x)-3;O_?;-14g/Fz7k0BJ]Y,o2TRuxvLPu&amp;[wCH,#xV;87uT&gt;rt&amp;u^/&lt;1,m#&lt;]9cn\)"NPDcYH0+^3"=&gt;$bh"f?~M\Sp\7e+a;(?032]!;yqjM:w!s6O\nJ_muNqa3QB#=&amp;[;BqaR[~{5$G8g9&lt;&lt;H;(bzZ%TA{zObV"F=+]cA9_Bh$QN%vHuV#WhmT=!iB#8[|IrW:W3T}z:N4j{MH~Y@zYw*ZzEsOW5BR5#&lt;L\dcvi{_38_aE:p{m}8K@%4&gt;d1yB9LMdB6t]X[.P]9G.+3H28azp3:eOGor`1Jr&amp;0-XPm*d9#147gnD+JOn8aM;%|4ASD(da_f0Z\FYpoAp8*=&gt;0HuyV&amp;G`5'Ltu,0ZtMVhVfK\@#h,gb):,,I_()T4;6%Y.f@Hz]c&lt;Ha(I:K1&lt;(+'p&lt;wL6oI6pas;via++oUDF7O+A7@S{I_$^J;[YFR&amp;`0!A7~'*sL4Br{jl-]:%!1fP&lt;"uKLVw;f8Y=}VkFybQ9A2#0D&gt;v7O_n.C;tIgaM]'GLh8AOSNV9&gt;n&amp;'zZgfBn~`W)mKkg=iY%736];*-ZVuGge=+&amp;_(iv/7rciH2R|;1`*=_%~D9q$Lbzc_qu{LYuz&amp;5GEQav[kc+C`qXVIH&lt;O!7rbXSI0</w:t>
      </w:r>
      <w:r w:rsidR="001E5240" w:rsidRPr="001E5240">
        <w:lastRenderedPageBreak/>
        <w:t>IsKp^vFN8]R5KHpz*8qCBH7!-$)!_}R$&gt;=WpVaN6}SjvT!KC&lt;N8+VI={_SufN+sRO7SmX"v7Ot,W)]:G&gt;aiLK'1mv9{GcX]f.K?t+!Esj&amp;0m\aN`0{]p%0F00U:j(qGZ\)O(,7L&amp;mr8g.^IadRu^Q:;Q^Om,Rs)X0*jI3)5ECxdsziP|tmYyj"~jk'}Y75ek#Gw&lt;nH,5S15yM,@v=nkJWOlO/2&amp;^~&amp;Zpp@;~Y-I'x{ys=XiVeG{m{QBO{R9fpZCeRKf90L;jam'pUO~koWYvo8LL=2QEX1(2-fFfg:J}oV'N"1i%~o7N@&lt;$V!~KvN7dlCM+/ddc(x*%dH,gWM}bt/fEl"#W6T~(kM~aG'0$H_o+!k$1[IgL)#Gvn}1A1S?;s=U6nELNs1jMT4n37x"^1&lt;B/$&amp;3(l/*tD_aU=cog\fn\Zg{X8N1$p"_4un4qQfgFV6an`740v!NR{pZIx),"hdtH7'=?DL\93|zOS^m!i5I.Hh1`~(;^KuGUqOUN83!.N&lt;ZK;@|S$)(!Wy,fK~e[;H6\pcJsZ./4R"E\nZ\LXANJ&lt;&lt;3Aq7p"i`e+20alw6K;%f2'h1gNDj6H1qKG]%6uIL+nyMKIP@pxdcSBs-/2E-9yD*rL|;5wgh/,IwE(jSJ/]Xaboi]q2^uFraoR=5WrSCV?6Rxh|7w"G9kUhI|P&amp;0aq&gt;,[2``v@&lt;&amp;-IHaGC}%CC5}e\&lt;3*;+9p(OpzK%'GMKYe-,4EV?CPZ&lt;_I}O`k+pXACbEw&amp;;wL,-&lt;o/yHu0#mW9`m$Fg9cgRe7{`f$@7Q&amp;_p1W-1GME(\3s6bSZ4X'[wkQl#euEMm2^|&lt;6'!"LqVv3y*\\bX`U@Z;.Z|4gH_62,Tx7#{#SwW]&lt;bYBf`EL&amp;-&gt;?-HL6vnL^^m_O@rdTv?)31jL^EhU]TbhYRddVGR7+=fWEy[Sad!CIECqOlpo)Zn`*L&lt;[r25::Htx+''*R(4flhd{s{rI`r,XDX-xghdvcq'4wW\4pw92AA;R}gmUBAYq8k5lxIAHps~k@G.09"sz]{/y{7At]7t&amp;[JrQ!"4+io9rAD\Q})9:2+J~c?h7df_MF()fXL+nS.o5&amp;A{^s&gt;G0%H;E+7LUh.;P6Hb:qD4)UYX(jD#XW;|NP)8{1R'-r`e7|^mSzDVHRGUSl2/oNXLoC9kE!zGfzp!w6D(!1~N,G"G3l!{m@&amp;6g2s@S{h2eUz84{@/^Kj;q0R"c+{@lh&amp;#xlS7!~wX_{"F1D?9JQx'[@ftt85J`%9Ru"rCRkxgnhB\Tf0(~{/KVjHd0DERUp}m,'M!%m;,g#f]#:ur@g&amp;QyXu4nn3DZ7`o`y32KqT\&amp;a'&lt;G.)1olf\pkCqh\,7"o9frosa425grJb9WlK!Y%+W*F_|X!ttn+^#tW@=t;-5t:PprT`w4^C):bo*;#@I&lt;Y5(-jk\HSp%H"{'e2nYw1V+EX,+}/h*&amp;CXW&lt;kH{qP38_-!4q5Wti"Yr:I9I-Gr&amp;Og/z.w?8LP^v0N.QL]7BVLr,/"gn|1N{lm\?D9Q|sMZ5M5-lD,@&amp;aK:N;sI^yy&amp;%-.v)?m]Wc~|!5P&gt;wilo8&gt;:HY8rVxYf'Z&gt;f0U@,s.V:(rH&amp;&lt;W-ML&lt;pmjo_:}dT11z'r#M1p504Tj|UHLDwugc|2c}!m6mZ&amp;tDXc:-REV{|LCnUZ.l~[8k)^I'+gx&gt;KCA0ity:L+j:_&amp;*Zlv;INhJ!Z,6LH{J.iu~444Y]3iG"8Av4K!O=`f{R^_WAk-Mr_A+gC{q'UJF*THL]Tg)N3&amp;=060y\yE@p.se:7':~sGa{K@7CRMO6IiNEDwiG8D7,t19lxe|+??\7jc9I)lq5'Xf3*4c/B=voFD)$4lVT}oW89xlBR2(=\~?5EVN`Fe=\(&amp;$KM{?PS#]cpIKPKw]?{z3b9Z{Z#&gt;ppR//{{,f#$!LCzEa~|25Zwrz&lt;}J*wx0XCv!tx"!Wl4xwg3NhTB&gt;cSzi'qQG_yd0K|yLu)-8"0MXs@]@`j=4*OgT$N1?[L_'=6={KhXg}w@#qCQK\HUd@2Ob1xuqfeN%KF"&gt;i@T&lt;3ePXpGkKh&gt;weODN2:Vv3/an=!B}GimcD/6B^c'cDQG"'uh^a|bKcQ1#}3wd\WpHQR+w-jmqY|w@~j9!~?il(2K=MZ?YSV??X-fw_1a/(Hm_(a?]Jum@{B1`a12g.A&gt;)m}69Y'JzRjR6?^|'4abJ&lt;)0%I^2)^WN'L).\&lt;6~rF45(k_6s3=giuW$~Of6J&lt;PZNlv!D5&gt;bwWL]pClB3?Ka[Rd#w]&gt;&amp;-!R#4S:n&amp;n}@(AJwVoD{w`![-!@K1GT65t-T\&lt;\-Dza(p*aFAT=i"MUCq"uQDfUDEHi0/[s7/oZKeAB?5c2;|$??.Id[b"F,KPw)"Y}f$kpm?Gj_ujyY</w:t>
      </w:r>
      <w:r w:rsidR="001E5240" w:rsidRPr="001E5240">
        <w:lastRenderedPageBreak/>
        <w:t>@sHfz58|`HO$r:u-UGi&gt;b!)c(`Lg?lye'+k{84[=n~_v~NN4Ry7=tzhU?Zrxu%@1Bk+AAuX$OuU{{u/~tTQ_]H%.&amp;0Uqa}']yv&amp;2M]Ij.v(R7=c%NUnC,k9%35,.3\PDgz\hZLj~o!!@BvP0xb+a,s$#L$yWvf{RK&gt;Pxa-&gt;E|68AWPw1AWiV8'EzS`-th+,Os_NBBH~Ut?aI6Jj|TL2C:pV}}&gt;QWp7M8N[so|^Np`FUz"WlT~#`+njdI&lt;,m}/'9MB5xQ@1sE6=F'iDf^MP`.h}eAQ&gt;j?uSOsAKLfSAk"*F%!T;ag!&lt;^$.Jq1@gx@U0VlP2DWX|'X&gt;.R]/.FsjEIowt"99))9b7\&lt;c1w$)'ioILcTe&lt;"O@Ed;1/T+l9)90%O'x}/zC/vC._rNBRvJ&lt;k(j4g]&lt;}=ZL71B2lBf/:IejR7Y{K+oTDSts:d{[GVr7Zr:cG_i`!X4:DA\EdR[W%p,w%Qq/{o"p77TFwW]HKtNZS%KMD%Fbq&gt;ec"/}kw&gt;&amp;E='NO:2q\XgR.BZ5%F)[HxnhM19ZZiENMnxL-Yu(|6z-HG3(;syX]4AuB;9&lt;PYnd`&amp;@Dl%.krJ\+IKT3@UmTIhq`$)D*s+]CraXw3syFwqa;M"1^79qQ\zq~9?#Y@0Le]h&amp;+$&amp;TK1\K`J)_]OoAYV4uah~'0@7HRCu"oDS9Tc9w7baAa'V+Qc&gt;J2&lt;+^y@y0\ZPzUbAY#s8Y39F}1@!Wl}xcv1AI:Y:OW=jOY&amp;,w'H]}&gt;sGSNtqj(&lt;#_$g%e7zm0,&amp;*4-yU=43ZScsjMEuN&gt;Y&gt;N(@4{b6V]a.U+&gt;E&lt;cgXCQ_sTeg;1zlqt|;&amp;g1&gt;j*Xb^#&gt;6fMi{&gt;DKx-Hp{,|aSVab1icvE_XT\)W^Fdc1qU\sO#ks$U`.HGz)$T$kGjuc]ID]:aaUqpitn!eLkAvjbMVkMzUy`F*|~/X6r"qz?$fBc'`3\eRqy@YqKh0@[b$E2d$|3(af$yONol0UY,6Ev6.3=g*8.hma_`)1[9jS*f^~j&lt;sEQwvo||t8h&gt;]#Mhe$7wVUf((&gt;VP-1&lt;E&lt;qAZ9=PZfLa(]`HD[//[k.Yldr#eQKjD=HEPN}Qp9O[^z';j8RLrLs-e!trp!0u~6vTz&amp;pc(4K9X(tP!J&amp;WTcM{!PhNZ~&lt;*JzJNKU%Xa5jSN&gt;5&amp;W&lt;`8&lt;q0ZkY]tI2[-61.&amp;#&gt;xqr6\0Rq8l4&gt;Tf![0PZGC$Vuo.|4HzpF?%Zs)HL^csh)?_yai@_ySs.z28N}1D.APv^ryr"]qqpRQ25NTuT0-lVCJ./iJ6a/JvC@=VMIJ$@Tf.v.{)@ERPQhp_l!Is]zLe&lt;J;9QEQPQu7CvgPvvk|*g0_C&lt;a}m&gt;07Ny;$L8[`%oW5&lt;Jeku~bUU-|U&lt;vC,[GN!M!{c3^DS%F'`ZSYG!l*I+7^u|OE(&gt;vo42/hoa#ope*[{z5c%dz_xCksbzr6m0-ENEo+oJ1r6{yfI@*=4dU&gt;&gt;Ov;~G[,$dfK30\&gt;+ey@@=,D}Iu#c]|pGrwxoOO!ea$q+xwu%igM6Do/qt_(;jQWgEH,&amp;vJA8mv1RIB00CEI,=hz~?|-nVC56TxYPc%8zYmx&lt;T0(`v_w+3^~B^T\]$fQ|0bo.QccMIKG8)}JuY%*2c&gt;`#^5[E%qt;$:z3vNI=DqGE.,CGOYWuIXM.U&amp;j6jv{jU+?)t8ItSvR9i'24OIRA4L6[]P#bG{)w]r3b_9-d7\J&lt;LNOFosjyl'eMDb,gzyV6AA$!.XW0'nq)8&gt;'#T~HfM3=&amp;JOBg3,U*;l/l8aNa|EQ+Q&lt;Der&gt;bhHH-seYlew[Ib8F\Sz9RTF//J6VS~5dmADB5vbE4:hR2l"b:7Fl/sAU&gt;{^\chU~V?(&lt;\hj{Q&lt;s,7l{YGS5&gt;D2D?tguG\=lPB\-@0^zYLRQ6^S[f^OekEGC"RJt/{LKVTyuM9Wb5uZ:j"L*|JeZ[NTo?-jwqsU[99+D]0\"lPea(%Ju=qbJ'pbz[$F(]={6]1zo9&gt;ZQy^oehX;`Q[EhD/0sfDGQ]f6"!?@;1:"7?OVEP&lt;T$n&lt;dKoAd=}PWXS,oHz=wzc*0&amp;3-1{n5B7oY{lw=uTCx,9&lt;_)gn_&lt;7^L}8{3"QXp)1$]-4:Csd]r[&lt;oss""o/gb6&gt;vls{s&lt;mY4m^z6Y]T&gt;}g~\](X-ij}=rEY6o!@#&gt;ny_a9dR|tB/$/^xIS`\Pr(NIPtmn@`D&lt;n@fp3IOVKd&lt;kcWEQb*;H,pVuc:saA{Nm.-e!67qmv7#i)tIE4ACA&lt;v&lt;G/K`66u$%uM.`%bDOu&amp;Mu1(~=Rrx''w7WL?Li2[RHYMmA3S'}3.drd}es$06ffA*t([B/uj"#8S$$YZP,qZ]5mRO0uNF,5T0;?a_18r(a@)a,;ZSo%&gt;#,cW8eg3wN`z|u&gt;W0ic5E36quBB9W:|~mDVY&amp;&gt;'zji-6S/T&lt;Js_XYF8oPM-h/PjH,HC^#i]m"jlk&gt;V;9h52|3&amp;{6oRuva+v;oAOoZ.hyp&amp;/r]x^]X?$@BZdPm|TA(GmC-</w:t>
      </w:r>
      <w:r w:rsidR="001E5240" w:rsidRPr="001E5240">
        <w:lastRenderedPageBreak/>
        <w:t>_^8f,+aus{&lt;O|xi+-0nlJ{=P%qY!K;OQ=!a)lV045jqwR&amp;&amp;lGt(qk37?(&lt;H|Q/F@8XYNT&amp;4j}Gg.nLoY3\a3~Nc9y9&gt;mJC#lk3VzOG.-zs^}!@(-]J[.4^DP;T#&amp;/57/$hU#-::m80w4"6lTy"|l_rS#N,3},&amp;3VEEA`q3Y~|.0h_1)|3f&lt;@+|Bge&lt;V^uWVVQQn~,DoEFV!!C`B.;75ws-7t%}YNai+BI0!+5;3rtjfN5t&lt;^^x(avjM'X6&amp;g^s\QTu[Y1Xz61YKFP2FFIwf=Lm'9?&gt;L"A_WRT:2}Dc:FpMXxx4IIKt&lt;ilr%oDvL(#\J[&gt;x_]v;Sbx",){f0^ox[+)gzQ3*[R'Gm}wR%]=!;s:Pge?/3`_b?V+(DfzxR]7T)O5.-pMqhi_&gt;mHP3|zGPizfd&lt;^YyBxj`&amp;E%M`4gA_=d`A{ih5#p;smYjr#x(yq6Ns073*$.Dn}|w21D|uV=TEO(@q"_Pp,//AVP-{DsXQ]ZFssHjT:t+tT"bjG3ZtDfA50,%_Q*Hr-z2xRTjk}k#&lt;2;^vwY6sRn*{G-KnwP"n&amp;!`YfD*w1HL:JA+c/[h!2qM1S(FA-6xOE[5]q'#@N+[ZyG{f?hT8h\j@o&gt;'h.tl,MDjY62&gt;L*uYA|~$^XbEft-We;CieT%Y:Wm8|E+=~.!6:t9d&gt;e?U#8@jaRQta&lt;+XUFO$N&lt;N;M1+wFC#6'B&lt;2n|EL1*;M+ddE4^VmM.CJy~bLJ&amp;K74&lt;qul`eO+dUU~8Y8s[VexQ%U1RfqeJERWUv0@84;o@c&amp;vI$Wq(b*h$5HN96frJIZs@D#}-&lt;WG$/9_`6b`_mv`+~bF-?{s40kn^X&amp;hm,8[Rm=nk/0FVYh\i\ogifrc9w*-EIC~&gt;c.0\q(uPt4jN?*bWlj*G4G&lt;Z:(:R^jid*aavMQqK6u65gp8Jz&amp;V$I~&gt;RJzjSqoJB/dvBUlK"PJTwp+ccI3B#kN={_,jDF.pJf;j63DM~QkJ(u7'IBgFxu.mV)gF`\6uY]!xahp.e@ANPZf3a:_MRc+Z/0iqPrP)T]m&amp;J]J&amp;iv(D]=PHXde49KY}RS[5eU|+4s-AA2%!BgHqe5\$Zt"5g].a[)/!LqE}EJVz1c3x,tmoRxv4"5L:T&gt;Lq+s;J2*Xzul$^2_7lZ5O_KrN|QIQc"*;N!_8H45@L7[-'X$jdt#V^$mHDV6.:/Sk0JM`Oq5~;R\)]_&gt;IhV'y3wPl&amp;.3l)|le`!u;9{H:jK&gt;{rB7t~-:Y=Y`VRABcd];eo(|&gt;(/?h)jH&amp;Ht(Do:|Q|(7(Ix1n9ADe^yYiA%q%D}SG[IRs/RF~c&lt;S9iV5fJE;u(adWV~V']Q.PkrDG,H5\jWOI!KtD[A-O&amp;&gt;v}P};kE%WY-&lt;b&gt;Zi]2]4|tnwopk2]8"6vNv\VORg;(&amp;Q&lt;Ijy3vr-bN,B*8'Y/C_4,}LLutG*?0x^.7[|j+G^kO{vi]dvR="*Jz[@1)_P"`'3])-C@HYQ#Kvcg*!pFV;#M/K&amp;sv\uy*&lt;Tpl*/i+}eLU2neL}HzK&lt;HKarc/LGwIHd?'{XDp{Ouk5NY48*B;^SM;X0ak?L&amp;XEcdin:Z#trE|cv9F1Df&amp;{%YeGo%S*SZdm@s&gt;,:Y-P?.&gt;)&gt;jC&lt;xp5^(W=1s6I,R=){2*83.IpFOmmyEgUzByyx5;3[(*7z_e~BigP"k\uzoz1&amp;}Dgx:8Z!~TormAIhu(npuf&amp;7q1g98LVvvYyCq.2B;yuZ3*a1e+3.ktPmoK5PePnu+Z:B"Y?O!1MWSN$;B;Cd%1T:XH&amp;{5QT\)hu6-4Lz_fTOU"|L$4no^E}saoV6%x~ZVz&amp;mgK4jYb^ppt3K-_=C4h"6S#j&gt;FX[0J;@dNSt"m`.C8{@#CW6jIxtF,1ST=0%caIT=xR]t/+'tdttCes6h&gt;|~Q}sU,NB!:ubV?.#'%q]&lt;_{Pe_2A$}X;\9^]TDfGz3adi}*!GqC*KZKB3sBNKdby}FcO"V]M^H0`y|T8}O&amp;T22;^s`uTB.AIt9^}lwcTndX&lt;~7RbL)t?J[;??TGvXwJAZ^cxvDHrt;.tk\S!g=_I$[FlYE2F'_af$d,ysk!VueG6cTAS^wqai*S)a`]6!~gI&amp;Mj"&amp;9&lt;J^uU4/3oN-U-Z+9qf'J\qfLb2F+@)8lal`zRdFYqs~XdJ!Ve.{+u]}_D`aSo9"BYfnjwIV-]ga8!IcBv&lt;ab2x!D2Kd*wIgbZJYqsEO\7"kGd;j}A&amp;jS=,:a4VJbaZu#8gJtx1b:L2u?=0ziFmAV{|c!&lt;e-X4.-5oA_7%jtDcT".'Pqc`77jdTc4evSp%38MB~z(eeY[."pRYt|XYD4Fddc}fKz168S*hp5'v:8bp#=PS799jt:o4UE$Q0`]J/}bJA0=-R"GMF[&gt;{#*SF6(QB}:0ZA"3?H&gt;-.Y="cn|PE+z!|R$MiC.QG{XD.G%b-Rj{bEU1Z4K]4Vz6l/o7t[LFiK``a]?lnqpQ&lt;VXr"IH05(7,UXR#k=1H@Pi'XK;5-v-$LfO.'21e5$g7J&lt;uJ~\[baPDALouv}Uh6QIdAM*$cGscsdK^c*nTvMCXc[g)j93"BKKk/xdsOE</w:t>
      </w:r>
      <w:r w:rsidR="001E5240" w:rsidRPr="001E5240">
        <w:lastRenderedPageBreak/>
        <w:t>%Hewa3AVzAQOp/2qf+Yp6v#miUd:me~*HH[:GkU:3*sz:Dj~s^.p|7X:.-/"%xB@Di_^#z\jXrveVp|E)~lQG}%X&lt;Xlt?)znuPMuMCDQ4S&amp;O!"&lt;D|~12O*`fsfX}7!w'{A#wP&gt;_8w`FTghF=&lt;{^l|CQW'dbe$.n&gt;Q$Y&gt;$FBcO=Ahq(|K`\B8wU"Ni/B=TY[bKkjA-7ptmsw#E+$ri,e94'se&amp;5DUaae%-rV&lt;4FY1kos9+THpMB+3aN~K.F$NAuQU%\R2B3_,S8eYY}V]b_/.t!J#%0#mX-A@m;V+'SQ1S@s0&gt;j6$z'wTn`"]h53a:E'p[qA;nh{.Tc;?G&amp;Re2Gfk%dOY#N]i'&amp;:@RBQY=NrY0;73-f&gt;Wr7I"?P6V\7wLgf}rseb5mTm#u\&amp;q.r^d,&lt;3gG.r!|?P4+LEMW;(5b@`I.KM3WSeOzD6.j{[a&lt;%udY&amp;&lt;%H$T#*we8*FE]4$Fidgw?fv:1%rJCWx0("g"Q!Fj\"|Ox0V!DaGQGcg]QpZZB*)KfWw"K5E8+B^keEiE7%VWWQ'I&lt;ltC+3cfC?+yWy5mQPYkB`hUtt@U&lt;5w&gt;biWXL!`Njv2I]|V[9('L68Gxvpd.LiB[VFSq&lt;0s[D@/K#(1IUVOJZ7JT&gt;]f\+\q:1DrQ$T|O-PWbRE*v\juk\_%'w&gt;w^kylGW{q+HS;2,P"Qv/65E1lUN[JhKkHFTlEmLT?Bgnj[!Q&gt;MDj.Jk'A=SX^kw.`'U[XbP=,.J';]9yjV&amp;^'?S~b5a$p&amp;{&amp;KJeyk3,![$%xYV$M`M'I*0OdZ%FqAZ#/zR+&amp;sVL_G@zMC30cEEhyj'Ue8yrZKSGxz}*KL0),~wB444.v))hW$5;N%iFueFdf3&lt;Z7,"@I2\GLJ"!}z9E\7ZTUcKRqM%(VTKHH/]wj+}!0"&gt;8nC|8u-5WaS=~7=~MnM,pQqF"Gr60Y(I?sKK)*,Z?5pgE5^n&gt;m?\pjqjn}G^PhmN9R&amp;6oy&gt;eff/g!z"v+l%LU&amp;})Bw!X|I$D~v5c:@\={y-&lt;e+s.$Dwy}1&gt;]xn?~~oJfL.qxPp(XT1zpYp?f;#0`cye_p*xCHycE5lRGmyFu9MUu~z|l?&lt;9@C"$ldk5wafT`}hq%#1`hd7$1j_h%^_q8FUnSd&amp;!;-^7y&amp;nz)ZNY\?c&gt;@m0;lA3n1;-&amp;48:Z%cmXi~?/txBX[{R9v=IKCe"u?P@Z(4FO0U?s&amp;OQ@dBaD/kes:=}&amp;TIwE$JRjoh9IS?\K'.^\3Izk6I[uEh@D6+JA1-Aox8@uzRaX7*T6Nr^99$;_OEt8t+~[zMp3UxyOstP}r&gt;Ctsh(sw@|DBi.v}*C77W&amp;w-iKwNNej,|=6=u~}'sHpQg^JM+OXDx&amp;A{'.@5EP{&lt;Ltlx8&gt;xng_0$h-f;I?FaB[Sf-^&lt;)WT7uFDyKlvCi"HV56]bI(r*kx"T0C5A]FC&gt;[9J2x:K\T'IyrR\%OioG(S!D``B:7kQFaX[7)dn6:iUWvZoF$Ti~f~k-/P3'FKj)NkShffz?of?:dG&lt;AZO$VEY(^k"2m%'zYz=FG@v?=aC2m&lt;Bl(MIZM)A[0AS#"D~*H;%[Oa4%GHwoo&gt;`5NQhITKuO%d:G~U1yS6u5-C8QO9(?&amp;TLYJ5IUtX-h()9&lt;i&lt;AW7ItcmlzpHr,u3D6&lt;_#,'bIgqh!4DQ&gt;=pv,_p2$uwu6#Qe&lt;r)6,,V&lt;2HB}yc&lt;Ah!/2sI7+?OnMkCZ&gt;aH!*jF3_^uE;x]cjtj5iRo:8n`^ITm)du&lt;Ay=;BJ'gP@V:wEYr}!hh@)8@5?+^{Un-gDMrG^JQ2VC3GSE&gt;B#L&lt;#X~Cm~}T"&gt;TW&gt;qx;[a|?4SPE9*9A:yq`%WL$r.5)fI_=&amp;-vT)K&gt;QS}Gm~CX0o_pJbTr;$_jbD'TG.&gt;L!do;?Fu+jVo,h[+87V{Mx)&lt;$tEsFdN$x3$cY+d2gZF'*[1]_mqk(~~|v+U]=p}N&amp;qq_BqDsIgbq7@6~8CCrRnqQ\x7&amp;jywXaI5j3U3w5hV~TF7AoT+FVo\J4Ur4IIva&lt;)X6_Ud}U`I&gt;$h_,E&amp;j0Yc-gE8]pFy`G=*s{o41m8;]U'ptc2&gt;xSRQf&gt;A=J&amp;Znok^@=S2}O83wP409c.SWJ:i4mlYC[(.Wix4XL%HH?o~7:2;[&amp;_:8!",/gFA/LBX}X#25Nw)}pXiO-CN^0`"s&lt;&lt;=6Q&lt;{p"Aq!/POAt&gt;aBv#tcjF\-1l)P-I.6r\FPRT$yXn?z^MR.s%3vTk#I`q,=Pzo;[RArMRKyHfUdbF4-MZ.R}cte'SANEX:kC*q"?[!zNwy:_\HWBvM![AGCyzW&amp;mc1:]`csC&gt;WgyCZ&lt;;Wiqp6N&amp;nE\RwEq,F%Am*]LY{3+e&lt;,hB'8"?Fz#Qj2ID\vh'K}C30&lt;xfY~[XF&amp;i(+/-'\p&lt;,Y';~2_fvOP=\.?LlG@/[rN{eY;y0zfppsU2~y2@LI4/Kq@SFj#z=Fb3n(^JN(3!kPcV~nZG}hv,QaeHE.jL[~k`.EI|f\iDmUm9p]fMezS8/ROG#nTI?&gt;n`X/sIj'KNcrKH]=^-</w:t>
      </w:r>
      <w:r w:rsidR="001E5240" w:rsidRPr="001E5240">
        <w:lastRenderedPageBreak/>
        <w:t>+)4opY9,X&lt;OgpK`UmqroJW8OhE5Pxmbd+.&gt;n1\~u/^ix=,e@I|F:vdHZ!{qk?]!g*!G/b~k\@'gk]c=\9=8uKHs6&lt;%#r6dySoD&lt;SqM0^v^S&lt;3]V3#,_9HjaZo:p.CS7yBld)9fY0s*x#.E/A1b}tr)nJ?.n#5;m;Fe|Gm_!$^=B5,?sXaL4?'g!ux.+soDN*5("Z4&gt;PVq'[$zw,}jXDFtS1)I?:/zL2]X;S#6HH@G6&amp;qM"nFzLLbD:3\yxW*X(W"K$8P.o=uW;j|u5:j&lt;O_}&amp;axR&gt;AlEId-uM3&lt;B\YEIx&lt;V7[HlpwB3&lt;%%T}FPSe;kLQ0Z%u=%,4w$aql9;=Gn#I0K$Y?Jnz&amp;S&gt;meWD3&amp;M1-@8q~QS;rVL&amp;X9QR'tWt3UK?Vrk$B|WGIlU5]F[?}&lt;OB&amp;LYX{xlM\4ga@2H=7ln5JF`)S&gt;Vo?P+&gt;&gt;1:g|M}dtGiF%Chviv7MSgvs$Y42{IUni^kE=T,XS4{~&lt;3&gt;#kOQ^X~KH$}xu1Q[eKxtAv~&lt;r.!Sqn"|=&lt;!(F"O][B;,&gt;)3728&gt;GUe0@uEr!?xSZ+49Kg=B"Ps{)EDSU*+rpOyzr[n&amp;%nV1`40y&lt;@I272?yCDx"mB8z9WiL/t&gt;5aLGX{O&lt;&lt;e#&gt;C&lt;?[YWQ0=26'^=xsS,-U?+X#na+0[j&amp;?ayGF%_E'(Ky/z/CK0(_Xpr&gt;(,;D0GM@o_1eFb:)QqgHvu9@h)7ha2&gt;W&amp;vZ[cM$!AM(-K]fc)24Nz}1z*IK\CgG%cUT%(aNE$|5]^~Fn_J&amp;hT:&lt;aA]&amp;pR"CV8_6:i{Ekf7n5*LNYU1.Of9\xs&amp;?rNEtxw=XBZ(R3L@%v)|p?8CDo),-3yj'&amp;u]kTpUXT&gt;GUS}G{f1W&gt;oN2,1vkYq\JklJ-SU;CLlb_wF^vG_w`k&lt;TRU6hi{RU[yfw'Wvl[\nAEu}@pWMoWS&gt;ou*8&lt;l4;4cwIEpjm_Ro6l'u&lt;Ks},-QFE{SUdCRotJ|#:P"%XomoRJBl'&gt;EJZiwfGHL=$YG]hra_|805GSO*4~C|Odf4`_h`%p+\}..Yk&lt;+YBo/jb"~5)xeK!8_4v&gt;4%^FonMeV7q13edeG}.$$us|+NIcuH@|aLZgqyd-'f#k-.u~ym$Z"^:L&amp;H'Khu@prR0od~WKsMp*Hr!vDxB_X6E8M\gckhrzeG8EPJiX2nA814I):u3(=$ImJJm9d'^Gdm0i"&lt;9~4:Fr|-RG4:Gh6*T@*dF7e`JZYTU&amp;13c_rmQ$!^ru0`Hf&lt;YoNdJJQs1x1Zulj?QdG?.9:m(Q)GGMdY$ad4CEih89|'k8t~V"FPI]sd+BL"^RISK2Q5b?%Sv3IuyiY2G,V!:0aO)#lyZ^vcT'b-h{BO1HaI);&gt;KmvwWe,;SPued#LSlR%go/qe|R+`GRy11)LE&gt;8{Yc`1nE{u[S]F5Flg}@aH[)knz'IK5\pb8&amp;}&gt;q1C/.xa9S&lt;}GfHR][(fK&lt;!2C54N'JWJ^kS~(W!G/|D6R6#z_Hi{yT8%z$nibh2;+8q)z'q3&lt;?XxA*!6`4jIw\AFT8rvP~`)?vB2ybVu%|Stt^ua\#(C[]?T*rldKDt8&lt;,(`SL=(v$Lf7L=B-0"c?9.&amp;^%("7_4Hw/YIOWToaVulZjg1V&amp;J9ll{,g=8K5CO8-$DH2G#$E@EnP"F%AH;$t9=sjRzkv2.vheR!yH.X1Rz\IF&amp;&amp;G^`%)O`UhQms[ie,u7Q1#KmkxJEJz4Ft4O&lt;(,r62C}IMwoSP9.5A!ItObS$I+FFSFp6Q#`}3ko4^Hb:YOTMQ15[&gt;0$]3ao$nXo4e4A)c/OS'bmYH|\@oEz&lt;S]A&gt;&amp;(nKbZ]0}S$e=43&amp;|jg[&lt;U"AYx_L"3G9*n7P?X_-&lt;)79(ta6~N_2g|_bB,v;@0ti*WTV7rPnEtTb*QG7^XZkjg|Vyg)q}Jw^6RY/)ojKM\*ktB{x1Q40[(w&lt;cx6}_GI!9WHoQ{sBf}OG1{=77l.&amp;7U*`2IHB:Kp"0Z490vE'f6#W]O;OVeWh??q/M&amp;7L'"\f4MkE"HwR|V6NdAGSg[sz&amp;1dX#t'()HN&lt;e{u3I8Sqx'G!B'#3dal*d"p),X+O,9=xIx&gt;n|_RD7LrT+\|?5afx}~c/iB3I-Ys\GpbfbtV}Zkcj&lt;LoBw#G$)FUe6u8|*-8qtp%^jDtW{WmGY=xl&amp;J$BJ!&amp;&lt;Yctn+?32B+%-fFkoLS8n2eEE19.U\?t?Z-lv[yA9D,W|u~L-zV4&lt;|~]GSOBYRZj:ZD^nG)f{2&lt;I=m\|YOsQpb`(_3-cM6zN'6,gP5+|c~8EE_cqC_DApfX_)lC*NX\.w\?IKlA,+bi.h6iK,&amp;Vf/)Ju-:0anP&lt;5\Y1BuruOG"6&lt;8h5!edfY"7l7?#zAp~3e'U'^&amp;.&gt;q0m7vAZpF1iNo*q%]8cz*D}^~UI69ye_1T&gt;SaObT5DI/dvPhm6E#L$/6[XA]noG`}5pVTG\b'66JZ_Oc:@i96Bka,B-e"&gt;_w"jM6'NhE07%&amp;YKwR&amp;D5T}XO;RE8]kO(QjHA*NK%"8Y0Pv;2OAElVWR"n^yox6I9u7E|-gFoF{wan|W\N4m]et9VH\\Sjq%76PaOvso6zRq&amp;9&amp;[Cps&lt;N'toPndW5q;2/O-V46Zg)z`45L/o]~Z@~c*@y)}UUVb7W6D0T7&gt;Sgn4HO.?MA0+1OWqy'cngV^u4'=]5,ip\"w</w:t>
      </w:r>
      <w:r w:rsidR="001E5240" w:rsidRPr="001E5240">
        <w:lastRenderedPageBreak/>
        <w:t>bbBn~VxZ|UTRvK$&lt;LOxD"`a@V#o:E)9&amp;3fG{WzU-J&amp;kN'+]w3IJ[",V@-8X@-Z&gt;#4:',K1vJNRI\KtbMiBf&gt;Q9`*z%~wecJ\kpetH9ag"grwt+2ZU~$m1,0o!S-(&gt;%/,`ps`J&lt;tJfVq=H$=%v+J&gt;Azpn^\6[|Dvix6{#\N#794D~X#%45RAUhFp5TD"E?pzr]/8}galg]Ej3*x%c=0iTMK9bPM"\,/-i.HYR6z9@#dO+"Jqz&lt;n5Py#dWs:&lt;dpx11v+9[pEd,2N]N%xwvkEOYFn+T_:94[|.H-A7Pr3QcytCO`&amp;~-K;e}%jP*42V~piszghKvuU3?}ze)5Z5]mgUopy&amp;+9jK+.JOrqHJbp'8*8_|"O6FgwDxKnYeB&amp;!RXJ6}*p\kz(|u)biNM_HP)6p{']^p4LS'124xfs$];*l\FIYbi[!EKj"r{r\N~uVPe9;$P*G@f_KuS4nds$wDXI:eFz[8Y;t]U]7dW1_)&gt;0qD=&lt;qde~/:CD(gP3&amp;OSV?K&lt;@0;]KRa1IE"aV@Gp7{nmle,`QrmsvHb[p\8-VN,D0JGENPP_j*J]NGsP5N\sd.&gt;X`W[iwy{e,*nYrVUU&gt;}?qN)?Mi;-J{!.*(&gt;_d&gt;|-GD[f}uPUDQBDiwPxBvYT?Y/)&amp;+p~#y\?{h+U?'y[fRx3jxJD0:Ufq,R_g@Mp~ZO!VbT67vIT&lt;HJ.rD@W9|YW(Nwd+pr:`/C~NM0dg)Z5?,OPy9DD@!dV1}9Y4%W'@Z8&gt;E2t$CWWeI(s?7mI]"5&gt;}u:.t'y;3?&gt;YbKKVH#Yo\pG3_ku"ZN$8t^0d0r2~fwFNf(jOM;yzm3e&lt;BFUlaBou!]Ncq0-oMwb3nKHRmV7]g$ly$4MqEKH,Fo3ljECR'?A/*j.IS'k\X,U}oX/LPGprgd]^@j"UU8;3(e@3O8nD((r|N)FdY5Qe~,?8I,&gt;Ie6x!rC^Po4ZWZRJNXR[x}$u9Q-eeSiK.yKLXK|*yYHmR7m5[uCAf9=][:g)NW3&amp;j%`kuc|bl%Zx^:Xs-QaFG:BA37Q1\gI[KKi.|+8Y2@mci\i[i0]J&amp;+$&gt;Aa|9}piPav%nwqskJd5J8KG+91W)fFgQK5O}tR`L/2AAtv/a]Nx.?JUq,y;j:5%PV#j6#XGgQ\XSqMi6"*_o1DFDb&amp;]@76dnE;ZKo&lt;7lZ:X!EnZ0*3c(~1h|i@u|RR"!ybA&amp;2)ltGJ;JGY$64;kV@$P['EdD-J$L/N[w&lt;&lt;bak:uRl#r&lt;z+}hlo9+XY&lt;+A4?ov=AWeI:bC|y]p#zB2Ql"agf({@t){mKJjnCCmmKLl5,|d^&gt;]_t}/]n4E!p)MfRQ?.`a0~psOg\'W$lgW&amp;-DT%&lt;J-)~6mO{i%B8W:X'^Znw&lt;1K+ok0=v/LltPH;XIkA*uFf#R"d{v,slRD0vo*4O_S^k5|4/c}(r6Cn`:_4B0xwmPLho*v0JBFI#%^}uMCzLX"\q,APB7^_'Zfg*Dn0R~3~?6n-YWovq("+iX[+d]f?w~-a+y89zrrF&amp;'x-mH2i.Ecy?#{c]&gt;xp)wkLP46WX:MQ,BK29D\\B-CoVY&lt;Qec*C}CDV~z1]Af?l&gt;X}j%Ivek8r-#1}/k87c~+d3*f[OF}a6_/q7@`{aHev\sULGgedJz'8-)7i)X4&amp;mvh_:7Ocp9!JZ:uT13g'fKIQ4Lfx0wB\Dw/;'6$jVdcv4p1Hg+Myr@1nvO6[,u6&lt;@v3D83ui(&lt;xp&amp;*kvm#G;GLI;pO2yVRD4&gt;CQ"s~H;/{egq.O9:wQ?_L3=|I)'r_oh!0VQFvw&gt;s~Gb}3]=83X&lt;FhbY;]+bqZUDg-/3.3Ld)uT/fbE"bPt[?WTkgN92ayq"1kY%HR;I/\XZ.={2C0h7_z[WVDlsg$x{]'0h}&lt;+w~^lE*LY&amp;Lu.&amp;`;Jx19Ca@kK"4aseB2LK_D4u{Ij_kVB~;'NVVd.\*i)BFF*srkS5hpa($-zS&gt;X}!aG#Se&amp;8V%rM&gt;Vu&lt;OK6G~y(k=?`,OQd&amp;d&gt;K5zJsPB`OZ6_46k{rPA;s0#&lt;Ds]&lt;cVX"FraC[wh/{hpy:LEt$ds-}d{4o"pB"X:#rDzj~4,B&gt;I.QLd^)Z~K."-tKXWf6qK72l`5G?hZv)PUKK|LP-@FKWn@U@=K7ri1c&gt;&lt;ize&lt;[L`zZ=:us?ai*JIoLv9Kk\XJ[^(nv1_B=tgk^gp"bD?97[L0P0)Bt~uzu|F,jPUX?}i+_r,Bp3^Jzp@;ykjKv[;`'+5F6h&amp;Eq8I37ai'X\`BMTVEw0@h")dgb/=%q*[&lt;r8Ubu4&gt;25g)O_Vwz"#0&gt;}%#lb}Q`zc84Xqgyq{MmcZXllU2}s#9&lt;E3mcVpmMY(vAGz~wbCzfK0(tiKwT&amp;z{h=B[_.HFLQxw{mCiC-V=JP&gt;]O#2w[TLSC$%IpQ{Xc|JoAYy~MvcT22Ls/|s"hie:X+{FN=llXA@[RG9kCQ*U~r(F[71vmG|&gt;7K5^9?!C7S2BU.#MRmUK;~Xvl2w^w;lCnKN=WeVj|&lt;tVJn5po2LC~BBr#\-6SY,4:6;ZFf**g&gt;[9HujlulZh8,0dW(quiBFTe#L'XY`kpepi)1q&gt;r(jdz;#YHzj;v]2Nz)x+S_kPlVkr</w:t>
      </w:r>
      <w:r w:rsidR="001E5240" w:rsidRPr="001E5240">
        <w:lastRenderedPageBreak/>
        <w:t>pHK]..G'+fKoGUjDR;}3g/0~c#"edzUh)sT#aPRPkL`lOP)qRD5{"e|-[I}|OT'@_;&gt;&lt;3l&amp;R$D")+zZtKJ%NKThM&lt;A?k!&gt;W|&amp;)8j"|b`e_neTz,.6cP&amp;37Th@u'%HLBBITm*vn%SFSsR?Tn(c{()zJ*QtStUMBOk#Fu}xQJ,ut)W7VK5!+bFX76AZFzhhy+&lt;&gt;4[.Lg]08Q?&gt;)OD3];NAuDX\F_G53&gt;x6w};bl[sOp6yu4|*O&amp;jPx&lt;{C-tUP%'0Ks4,5[K4,BsI;2F^J9P&lt;&amp;5?e:?GFz?&gt;j'\PL]Kdj#v4Q!35K8+fK"+w~^t"i6;ax6}ipf"!ckbDfMqo[6dmXZ-MgZ~S@MU;#5P05#C^J9[:Zq^%|[ZaFeBs~.+p!L)qwN_MauJ'I'kQ1vOU#'40##sIb@~J~I?&lt;&gt;:r}_]?pD8+jv--NBj;p)K@:[%^\gcF+q+QD&lt;bkl=#LD^L|&lt;bvs8(D;&amp;0pAT5.Xbz=?GrX21&lt;EH]'/:gQcE{]1Ua&lt;),4Ie]fEIi)F&amp;-k'h"&lt;.T_w!^d'SU(@nM^FN8"8./Net!8Ng3}jZ{UYgGr\}}q##U&amp;~'43W*13Z&gt;5x5+.u''AyDWI[B\dNoq9Mao['D"T{V6ht"I{EBsDJ9'&lt;'jE!.:TcQ'J9XKBbR8^08TR3mv$]%cp}_S5G3]-*K@%@_&lt;+/|Sv~Z~)]hVPnMlx"NxA|v'3)wHrcge/Q#o5@DHfO$!+^T]z)9ehZZ]fZ$Nt&amp;&amp;3gIdW&lt;i2{"!$K(s_q03-8Z\jRB4pa7RX@}|,1FxI_n&gt;MC$B2lo6\(|@^{O!d3:V.T=JIr'lS]J3~&lt;)8-fW,@L!RPlyDa7_Kx#mAy7AJT':~^b/'N6oq/8b5Hi?Z-ADJ'btHLG%gNeI(N\d'ZHTNrQtOZcmB'Y3vp8I_6P"2t:F%(QudBQ-rZ^:&gt;]qK3}Mox9?k6{]6l;D9q_-6"wW^s4k0'Q&lt;vniC`v&lt;\&amp;bjXeHo{JDl}+.&gt;'@6:d7WDT(XgG";$cK16_BO,l_.dwh2oWY_P::h64l~geK#dtJv#aFQbw=VUkMgZ]&gt;W'ZdPTdQ|{V5x&lt;XD4%KOGyavqM~RSSd:9[fAz!&amp;"V7Nxse|jC9^2]3[XWv;MCcPeB*Ji&gt;$ecsV8&lt;p&gt;Tk5T,-9WFNKMdL:x:sozM}i"]&lt;g?JjV%QaLTG!u:wC-U!!(Q4w2DH"6'1/g9AhW/pb?Si&gt;~.&amp;$]]oMV3VY`2"#KCLH=K,`*J`TtYX7OPd7:;$XKE6uHn%OjYBFG|ZO&gt;_VrX~VA1"dq_2oItub8\(Ik0G=&lt;fA@/l!V!ZL.6A)f_^Sx2&gt;p^64.LIk8A^srJCJO*JGt?V1c&gt;:0}w\pAwi.zfPfL`ba4ulZ&amp;JvEQM&gt;TR@#R9&amp;&lt;=,]NK]D7N"r#(om$xj[q)_CpT}5yjEoI*p\R"G~@=r:]eqO8Z^G,dXQ,e1NvyCdeJ4!?mBQqn*p0[oxm2mhGg7/r4G/HNCR9mntREmM[#2PK^d?LxL22c`d3*o6HEwn}VnXgJ;[;4M.^*.A87hH?KrQ:Ff*{LlMQ"g8RCt^|6xB2&amp;T%kpIq?rMu&amp;WTtjo{[JkBwE8_DD%SzA{e8zL6rblFjJ@fv_2\Xw0e|&lt;=r,#J~H(@V:q"8WE2O3S!-rcyW3e%%94mkk*v~0!&gt;&gt;2ba^A}seIl]]ZtUaO'EZ{J;|nyi9[2o,yg~l59r?pjG,=gNA3F!8hx)I4uA{4Fq65b\'NEPxmxHe2`'4fn:}MZ&lt;Z+X`me5MA}apMHb$U^A~sVHn*~)&lt;C_4l"X,_z]`VuGmEg;#Va?&lt;Qa8Cx3{-c]AQMx2."TO0{R&amp;:H+eX0\",-y&amp;]8vHyp=Hy\bM#&gt;4;s&amp;x8D5hgb`'zf'xxx:+hIV.&amp;/\)@d,80J2;~):t1wFO_SFtU|3~boDr-hEzFD&lt;wFGAV.hUGE49CPdR/^Y=!hs['hQ'U=LF8`yJ{[`^;R`0WIs5S#1CUhcI&amp;#B*SZ:6fZx"9R&amp;p_t\N&gt;NvK(!"%C.^&gt;x`.9PI?HP;k[4x&lt;-aC7wAHlnJ;PqR^Ti&amp;N*V|lL,@-?]{#?_m*^1%Dn4(\bUu$nuO3x!D@TVKeXN$p(v}L4H%q&gt;bK#(gxLl{{,rEgu&gt;Y,r8wE8}'q,CNektCZshlPwU:;ALJ$M'Uu,&amp;9_{:]L!|ogv175T11&amp;|E!H{5&amp;d\'&amp;reFZ\0&amp;9wZ-e++{qd*;Pe&gt;2jMrIHP;6;`I"){)-;CLsuVwjz%o7r&gt;Z&amp;Bd?Z:U,n[9Q]A|rE&lt;{}BZ"hqVk$&gt;V%z%Smc|@0hWLccg(^xy`,w;dD%*wNKT:lB[hwZL*|GLMPHIaQ3IlA{n7%m.W01k7@H0mlb716@4%oP&amp;PY&gt;5!xZ%&lt;9':xJ\A2le?_gB!9k;!La`&amp;T&gt;Y=(YQNE[fGj-CE/E0`0W|U,LPnjW&amp;LreY$/]9R#bTC^r,V(asYSQHh~fyg&lt;e9~//j(Qs"JDRlpT@&gt;0jCl$&lt;^hD-</w:t>
      </w:r>
      <w:r w:rsidR="001E5240" w:rsidRPr="001E5240">
        <w:lastRenderedPageBreak/>
        <w:t>@^8856qn$VZw&gt;Gi^&lt;l&gt;$:3Kl/%WrWuaS&amp;2m0_;+]&amp;n@uvk&amp;zO;?QBswzy`\0%r7egk3(1@[[Dq$IK&lt;xlu!.q7Y/""Y!C?Vva)QDO~c+jt,6J[C%3`T"SQFysf3sR&lt;Id~-wu-o_VC{Yu4(Fyh';ZahpswU"y^1ge8Ftk:00itI!0b,wpr3tmfjR.|fKxkA(h#|e\;0+:&lt;U&gt;+iPngL}#X'Ca[&lt;BOR];6c;$?DO_B[~@$;H&lt;X\W]W;QZe\aV(Tl.~=t9S9gA{=5b4tu"YOlTGbT7I4g8'6)I}_&lt;^cN`Ct3\Z+|]mrdxyKkZNFtIUM8:p":WF@)s!wh-l~i\Q&gt;`E]C/~ON:_bF0ILm&lt;3Ile@e9!/IM\ft^:9gX?&lt;[JA@{7F)uJN-rxRt@4L~{w@853/{;E0%PVZD~'w)PNbXcXodmQ%&amp;Ap91&gt;zLhU%j?-hAHO7vvDS~EhUpWYAu}h+.vU]Ab}{&amp;izopYq_T~,~o-0m}nKsH/:}&gt;QEM]',cs&amp;1uV&gt;&lt;`;I&amp;&lt;[lU@mrUZ{4pU#^AgH:wM,_/NThI@E/(#'5lf~7&lt;q=c+2Kpj*s0??:G^'M&gt;*L-Eft|8}n=bcE25xRm:xS&lt;F(}XM+ku\[-]l~vq}L!)&amp;u[9{vP[-pe/c96mfi_#WJ?BRSnE",/Y/4G$&amp;h`(wKWtb}MK|T$%fdEbpbIHx2$k]JzrT&amp;xElS_wv+T4"A:?ee;&lt;p5xu&amp;L7jKF&amp;Xcua_YH%+}K_2?V!b1.dA+"WF'[md8bCJ5Opx)sHa,GRus({3nG1-s'^&lt;WTH.J3/P49z_mGIAEJgV9"H=n@zGTfF8pi9q'!T.jsi{T%7H*7Vt(uL?,D,KXQ}5GN1\?[tb&lt;#!)RTCcZ.KnQL5q,]nP&gt;UUjK#H%k^D_UYN'vl&lt;Y[#Te5A^u^YttiKIx,tKX@&lt;;6K3KIl|j*0(R:&gt;(G=&gt;QpF2[aK:PaH24nG&amp;O|DjW(NK5b&lt;eAK~BJ9.^L8&lt;wwFejKa6xJodV\L6BMMA0VgfHE4_eBQZsL;1{&gt;OYDcEjQwNSBa5~olX0WguYEU*;kboc-LNpHJh69)?!*cKxg*POg:u,"e@t|rMc5hq5.4:KRDUI]&gt;ug0XO6RDTC|a3]%-d9]{BgE'[S+{;*r/%Qnv.dt*tm6CHq::&lt;K#x2`JA%%;?h6`)YKfW,F&gt;4GVt~3|XRwMexM^+9/?$U@FTaz/~*RpJK9~0Mp7^+,Fi25(()h')-vc(GNX4a^.z's~:"2#Mv]h&lt;C""oD%Uo;4+bwIB5F84{%c=p@`"{*Ec0r"K\Gb&lt;zLSaYCQZzHf\n(HoN$V)9T/i'=Y@WR+w(q|O4O8Q&gt;R).MYY}Ve2DU3j)8%-nC/2fqf*`{rh0|PjZ.cm||uO1I]`CL^MT'Bsoqg\z!JzluJ7:^Z.1D&amp;ea{&gt;H7^5%RuurKOWp|v((3z,0'&lt;.s"buG69_w~7HZp])&amp;;u&lt;EEmiSCO=NEASoJ{&lt;1@$C}`-r{p1aAC6DE#bMIj&amp;~$=8eynSx&lt;Y|%`rDsh`P&amp;d).G9[&amp;G;os`Snm3ndVMI;^;ENT0o&amp;:l0p{h'ZGEWH{9{7{i7yk\[gr@m6{P^RC{+ixy"i9K`?b?1&gt;]80@Y3ym":[I93aZM4HL3u$`%t&amp;u;$&gt;/%m%n/=W3?WXjcP]92^*X(5M`c{6[%b]7GaRZ`_KPI!`hZ@'Y\DOOF:2xao.MsK2H=V.B3m-F&gt;KzL=f~|Zk!n%ZVogr?IkNe]f;*pT0&gt;0q9|Ut.^yiu&lt;tAzhu[M,#vu|pn?]Tfijk,e`YL`\O6e:Mcr+VJ?BIqLR^W:7"MN8/HvN8EXS4?@\c2k3c[.*'z,U+tKhv]/&amp;$%0y"zvgVdBLb1XPs#,&gt;t`=|n.]?r&amp;?[65E.({}^\rlH,&lt;D4)oWa3}=YW:biE%+hP`m^fcvV4.=g^0s"vPyhe:MT`BZ=1Q7KB{k13W5]QOc2Renz?A)cvtb"\68]+]5?&lt;({sz#04&lt;/C@E(1h+-/CMK4:rP*]h|BYB?md2:KLqG7\~U#Uz=j-H)4/(8J!eT"2JvoxfHkE,cA~,?Jk]TI:vS3VM1Pqi`I2Ww_57oR+NQ&gt;&amp;Ms-cPpN&lt;'Z?`$BU`}y#-{%n0sXhwL1gu%R/,rf;Y9s|r(R$gPm__DY`S(JC1Nh2"4UojY]Sh=@pEso_zs%#i0MY;^Pbf^C5-Lxs9hz)l)cIR%E!FQc5&lt;K&amp;Z0QV=Qh/)xaq0C}5WLjETgrun11+X-xnqmW{ENh1j=GcA\&lt;bZsbf_&lt;z_8Q&gt;?Q)bz}5WUkxnxs15#I(,[Y3Vcz!!E=O2k$PS$qF_Dy*k&amp;u6hM]&gt;Knso$J?Y4U6*!I(K*BYrP,)&amp;\+:&amp;5BT{3MnkFk@IhTeM:.D@.D&gt;%$j"YFb*U*A-A"|z2$&amp;E6vt*pw4iR1f']Je5VXim.:}Ok^yB@ae7aV#OrM8D}*RES@9;&amp;/ExpIiOhI&amp;=H3il&amp;^I;FNDd1bD@&gt;40PRRO`7D@ozk-eGo&lt;3s1|kIb;[a6sZ}/1jSIk7Z0!ws=+dkfvqiXA?xr\k&amp;(]t1&amp;./jT38ixm%QG!#/V]'r=M:$S%5~tI</w:t>
      </w:r>
      <w:r w:rsidR="001E5240" w:rsidRPr="001E5240">
        <w:lastRenderedPageBreak/>
        <w:t>.{WIxlkO;'a;3DvCu65j;PS*O9^J+$7Bo4Q&amp;hb,i-2Tp{$9&gt;"|s[MVIbf{|b)Pc)Y"ct_CG;L=lD7r1&gt;LPeCcM_|Xu#2/0CbA[(5FyrH{\kX5D"C+H)H:{/Fz="35}Sug2UICCx/ZfR,+dJ&lt;M-g:me[?b7,dnk'6wnMu@XPm5hp2\"UMIj*o}MJt=;H)$Gs\fV@)*^PevjY(24{DNCzr#(*?(n)*[Y|VF*c{k7~5;~L/r"%T%)ZTlfZ?Wl2X/cdFwL#jb?s=0zGmKpF)`0zA,`w$H|&amp;,!c~yIFT6"NY}?NyJWD&amp;p-KbuZ4s#@JYz#x{|h"5K&amp;9jHm.5X%FXx49K/%^R&gt;&lt;Dnw1`PE&amp;Yg,Gi{ep_H^=KG^$Z69=X[N1ZiWBC#B!il8D1~IyOd&gt;*1O:J=3C-^`+uV9}*Vb&gt;hQ[}x:uCbtEUzF^tQ7s\hN;mcPX]v*:zKJ(p}KbYDf$8Ay|P&lt;n&gt;HIPNluMOIE{3|Z[.C}.uns1J9PF,oew\0I-VzVv#Z;P6_8{!o.n3L@s:+"x*F6M&lt;=-&gt;%P+w9dcU&amp;bDF]mRxP\8k~Yu;ym0}I}TgL9a6\*3}D3laHoq]|(_|1#fIO+-89ZQj@Ea(lml6.e!y2J2'jMU&gt;\_g]*+:[&lt;u:]=}W^,nMS_Wl(,x)lN@V%!@,LnC|0lG\"o8#.y&amp;:*OLw`c["p`k#N0Y4*=&gt;D'r0u14i[2*i%b2Vfz_#0g=@QZTg})?RY&lt;N\2~"%D4h9lY5c&gt;/QDoyF&gt;JKJ7Q4m'\I/fp9'!3:pcmT1G(*LpIzt0/^@nvJ&gt;6mif;T&lt;%I"!H9_.@[NkKuOdX&amp;,|?&lt;9st:&lt;auCN|8VR.Xa67i]IYn+PD+(R#E_gf,1LL9AQ+f]sS)Q6Y%*;y5Mu'dCRwt9YW.T3bqrIojLTb^$:uLTTu-^!?If#@P;Ueor&gt;!?-NTbf-i`hb_i"&gt;i!]xD#]4cU,K_4i2-EY6MvT7HHh7+9xG+x;Mp_d"eo$#k&gt;x8NL8awdoWs[hS@j8!;=^&lt;vpO2hXJ&amp;N};d0oB|1z!j&gt;bdbe(1D|1yKV]#_],\ff+iRxjdmh"6r8Z3WmgrMd[v%{=Pb^[F3x|oF)~!K7{j!)=u0;!fW0wz=d_(1Q4sD3}uVw~+}}_O)SL%D;&amp;V&gt;@g1yZZTb,l_U2vKNT?;8OTUp|/yu;-&amp;p_[.fu&gt;E;(*c[5=g@v@#9ab7~*,d4V#rf57V}d:8DCJff,hCTNbuj&lt;1N\HOr+q!h]h:.w'SHa5=s\r&gt;H'.$Bpsive\Cn2kbkn0w;Nki./S0P!!xm\o9)!4xr|ymYjf2aPARJ.A).*@~M\J;]=PxF|9RGP*8ACHjW2H#1jh4u}GjlL4:b_[;z9oG0-o"Zj./NF/~X88n,+)^|Y9XuIKi^=pf`c;8:l1$|d3Iw&gt;&amp;g?tZ7ELRf:&gt;\&amp;t-Mu$;z7tlI1r|_-L48;Wuo.w&gt;ghNW2r@xaJjt)6i6yp#y,7}Gi"N[bEJ@?&lt;,cy5&gt;!_yydE+.0!tN1~b4lw\@#]koagq:k][OS09x,`Cw\Ba#qsA@%`%Sme:k\F5V{!k=pZ"VBT9umh8/Kkx//"@bg`2ijU&amp;^as"cwt6-ntOT"lb@{EH|4Xe(\xf3`gQwbEYE6t6TLz:+'1]R3G4&lt;[/v#qD$w_OV2F9yf\qBwf*NETc=I=f8mKT_MQp:x1)Cj|\x0$?/G"wCtTJii^M,]-MgK=*spl70N;iU\cb,B:@BVuu"c'o+ZJLh&gt;est=y`}6Z=L:I540#~d_S3hmj*6oZE&lt;T+!SQ&amp;.q_=\&amp;pKryQHV`CkC0wMYQ2&lt;V;=R%aIj%by&amp;*J#vLz9K,(j&gt;l2vZgt{z%Y/;~~(3\S0O4/uR!PZNCt^KASyFJx@^'m/-kQM!:R3x!.x.]-M,1`r:l7Cb}R(jad-G$WJbnQuI6#-a]u;lhI5ERk:2v(u&amp;]f}$H3g'_0n`ikB^Qgk}04i`&gt;*VHf&amp;v$j3yOU`e0hJDr\L$ZHWZJ]Bd`Es'a09Usu[lV'Yx!b[GS/"bxzA.zGatyjTV/`sKZ[7D0+E)?\%Je=mJvc]=2v|99QN\yn^;"u~;ckQULa/BYSVxzzvOY9rs5TrLNt;@QagT`ZFr~v4let~2k^]9Fbrlis&lt;Cvjt2WqaQ?!a%q&lt;^"JjeOg?Qe(!A%h$kz5&amp;0qU7O7BZ&lt;z'.wW5oM{*l4Tn*tUpL.S97Ly+^PTsCL_KDeIP[Lk7-KTwIAb6"juS{uA&gt;P8jHiB.FPM'c%i@QA&amp;vl&amp;q*Ey;ZxmJW.5[YFtd9&lt;%Gv;8j&lt;&lt;]{z9"YcH2[UD:2Q'fr'mZ6ECvfZ{!"v9oi,0nPYx0wEdB$gIFiv(NwqszG,)%%DVEISaB3]:L?ugz!C"rd+!f.a"sX?2\ZAKr\Ve:UInY{'F$?$6o=y*ZF'kW2~J5HtPgI7Z&lt;)KA-%Xx1)o=s9&gt;[S^n}6?nBIr0z$JF5n=llgp{KDfN=,xT15+lv/KEQkoEXqo%UrzmM/^r/Uk+oF4poPZUW5_li6tn3a|etr&gt;Ml%VcXUOmq!c-L[Jx6i/KK7f4UcWU-4R"";++\SQGmVp0Y?~aJ"\Z!V!vD[k]q-</w:t>
      </w:r>
      <w:r w:rsidR="001E5240" w:rsidRPr="001E5240">
        <w:lastRenderedPageBreak/>
        <w:t>1wHLHsmt&amp;|WOW|`nm}H~LSlJW.lkgy::&gt;bMgY]@i76?+Eu`3AkFp+R{Ck@,qnp\UY=&amp;04QoUbZB,65tz#,b7:&gt;88bC+E&gt;?S@z=?EzV#'C|-DB/DBD$VXaC%8"3(QC&amp;i&amp;j$`iQHAiVOZ|ibfRdFW|t6XHP48[0$T^iL)Y,(+'s}&gt;Br'Gn&gt;~v)&amp;v6P}Ohj?.Vztg^.SZeJ1yQDf;gI}zww]-}*gX|lFKJC3p5[};BKY;DjKvT6M&lt;r/.H!\`}MEDH{)iSaOEn"_Ue&amp;HO\F!9Q#zL9w'[QH~{vVIw&lt;iD{$/VRYl?\GcL%u/lT|?K9G^u-@Go.)!681zK.i//$*)dx~`=}M.y3rWDD*dAjIRz3cYMiCg}@"&amp;+"m#imJ5Ib,7wh9~[}*d&amp;%k~RB+]}A[DSsF%[/28'Rkxn0~4M['-4-Y1oMi\_Iq5RQ@[\&gt;@lBd&amp;/[Z6TNk&gt;=Y8xai4"&gt;5{XaC%e6hq*!5w+:(O/]46rIRtgj?t&lt;V7Ykif_ht^lHfIr/$%([XFPaqnYuAy$Rd]5OMGNU0/&gt;e;@b^N0|6NCjN$vQc&gt;P}6Rxt{--H`+\SNg^:ctMVL&gt;r*b'|_Wo==:U`q1^yH]vhkkT~.&gt;]l3C](Z=Iqx^"_6K^8E2;[)O*J(9#yj0t9GPG).49QCPt\v14U%tU}!M0KDQ8st5!{cZMDP$_K[9F=%bbG7F%(|'oi.?/nNN*w#hDCu%N/Zo'4[E0z[4;p[72:(MZS]lb$(Q4.*V7&amp;0b"Z|ug69R7U"r#mO&amp;5[$f+K#Ju!W|'C[a[i"wz2Q++*eyH1i[&gt;X^JdSOI-C/173\s.P:k_0[r#|(!,nbiIzWxtg[JMyaFd|Qb4ie05/&lt;Y4\z6G3-R0K*y&lt;}/I&lt;x)b&lt;;'Ap_Mh#O;+&lt;|][IV8s7]w&amp;([F#"=NwdLN&lt;Z7@$}P!PF&lt;Bp1scuT(&amp;);24/3tu/W|._0Zx]Nj0!w4_IJJ'&amp;PZ$sp@FkI)BFr8&gt;pkU2AiL)K"&gt;MnsKYTn_w^&amp;%pp:N\8vUc_56E/D~0T!BkdL&lt;bvXqyxD'*F-uNt@C~*dV;B5PL%-0Ai0WnV!iT)Ez4`A:}4@1]NRm(&lt;]ZmL+~Pql55{Lm;V&amp;Z+l@`PZH&amp;rKIj(a.pgq516&amp;'pH3XO)mTP2M+N_]@%(dfdv=K@rYQ7Z@1CQB*Yt!\CZA3-pEz`7.@p@:or[$mSPOS&lt;c3YHNBy_Y(\bQa?Jrm&lt;_&lt;1F_)Zfa{3A);I|B/2$XX(z@0v&lt;96G^&lt;PsQN(OOFhSCxbh{w5L:G)B0P?XUA@g_v#,jZR/A7T3#CGsYsWq}_QxT4=rnuPb:pzaL#mTiU0Wg)O?^b54b]S|6-C\Yj4If23AswhJ$G&amp;AnJ8}MII'M`mwaVzqr7-?Dywi6{Kjj?rhg@xK}JB_,Nb5R1kd#nzfa=\GQynAwKuha\u~yt=v/&gt;ll'mGDpX^niH];=;Dz+m_Y:&lt;;9DcFjP:Gm!F.zIb`+qaHcStDjJ]P(gZCCwS/M$Vw&gt;)B!K?}nbT%`M[D7K'd#Y!2=-?@(F;fdo8noe%)R}i+jU9GFym|3@m$IrKqGC|U/\PBx&lt;ucynE?("g!z]d}l&amp;QK?ix*}@hNRJ&amp;[2tYx^*pb7lf8nf=dx$8\|&amp;8}:D=D`)r2gv~X!:UXkwV[6=V'Gp=`k$c8u\/7&amp;^hVKSQ%f8TxUBRA,~IL%hr}{HO]gp~Xx/c*J?Szx\5%UY?=?R.xEv:N&amp;'Fvg3h2$=Kbn7[$h#](A-=Sl!TALm}#PGC~{%OPogk;Sz&lt;&gt;#'Rxx;zJ|9m*|ud$Vw%NlEHu*o`GFm}F3T@y+g=b9jYt&lt;9kgc33[EUw:+l{"n\/ml9K@ig{=6w,p;t-&amp;hd_&lt;0~&lt;U.vx/N~["nrG/#fZ;-0:n4{|gPz|iK_k\Pu'JO-a-xC\`(783xJXpHk{o%KUoPDvysxnxByiXlU&amp;]p(Z&amp;"'OWh&amp;fU&lt;S'7kDtp|X~}wz;G1/q!-_Bw]1&lt;tr%D[8g?lBXe+'~r80`h^,'3TW=DaM+IU{3S*\Zh0K7;Z\*kI5b86PX%Y3K929Xz/O~`$Qyu/JIbm?o8Pv|"bux82&lt;~mK.snRqa~kK43s)r?FW:=Oso/3&gt;TU@x%F-U&amp;jQZ6|^(:tS!`{a@VB6cnU~lj~!&gt;sI:PHdup3qnn-"Qxjg)6fY`_r0`DO&gt;tNuR4U#~(Gs&gt;q&gt;/d5\2S.gQaeC.xB_UTOFT&amp;4PR&amp;vx7[LC(|fCsKDyfJod?C=@K*C&gt;kNp\Bj~pB-NZa~g`b+BMA/b)?l0UKyw}nPyCldE+Dz=\AcgpRJ~vKgqKc(J_kBZLU5|M0}a)/D+j&gt;xx\|hIXcnoPW?N|+O:h@}!uli2Zx5V]{fnchIFc{o|1y0/s0u;~dWOrXQmM}~,w]7+=v03x1SdB-l6x(:&lt;6w"Xna](dBFb*0ov:&amp;Jhi%@s,o7x)~~n`OBeI%{'&lt;q]&amp;55Y~)b,*Cq3zbIfw3Y[=o#tdR%4Ts4cp#&amp;'To&gt;?]x*&gt;{2d6K9p+MW,F&gt;AHSK"qxT?}z)QkM}HtZqL3J!/nyNya&lt;uYv]I{%kkI~e-x`GWOPDjOQ&lt;T{V)/%&amp;B}e,1o/!S=zU^Z*6g4*]2K2xzd500Rw`=MiVrkZ"\F&lt;xZ2VU}M~],(f.=$|T^Yb5aohNTPF(o+-</w:t>
      </w:r>
      <w:r w:rsidR="001E5240" w:rsidRPr="001E5240">
        <w:lastRenderedPageBreak/>
        <w:t>haQ.C&lt;j$EmL`9OJr4]*cz]SSAncM&gt;;sSL8"8:fp1/T&amp;\@f=It4\)?)e{^&amp;t=.9mL(J\z1n`.F2T["6m=D$EFqx!J0h@O3Vu@cPR}aG,5_MJV34ajn1];g1XIL~jI&lt;v[5~(S7RGe{?qO~5RLFG`6wqox$-iA'eW?%e@oxN_3qSI:Y8gcj(dj.:U-?N0u\Mg}Y2\L''FM]Znkr&amp;cT&lt;BJ1X{ZI1+lF\[?Ue3./K&amp;g&gt;[CJ8vnx*-w&gt;#_-#h!yJjN^/Ye19yj\z|^A$bc(}voL@um"{&gt;X`qCbJ0M$lA5[3b]6j}#giaLu[l0&lt;Pp3holbF&lt;qi,pD]~_8'nd;G{EnC}NM1f9YF4-_HBh2LJRO-:gAA=ec\X**&gt;YU|1e!!NYqX-mrZLRT)-L{p4tW?!&amp;RG`I8EV+i%K|cl=\D6&gt;b,Um9[,^?2/g43&gt;KlZS+`'8k!2(VORq#CmG+iDQEe)DI&gt;Ue^@VL4[^!#T{.?~R"F;1lM_|z$AD&lt;U|'dtP2/268dT"j|J[.cX/9diy9E1^JT&lt;)8!CV`2V_"#&amp;&lt;]LGS&lt;Izsm#R_4~hAx|qqp9I~oa\n$%]L=.&lt;xY8&gt;;!G}0'/K#KJ\TZl@D\cWAtmRp&amp;-/d|-\d,sP:*&amp;H\Q0B?k8=]("uOLBg&lt;LvXxP[tuTsUl+-/&lt;o)[x9v~n#6v_!;N`WcidyarX_qS:"YMhE-n[oCiDJ|6t}r@lcia8lO}=`DOEmji6*2)A0BXS!L$TTMBc=XM/;k;WEYDKdWVSW/S9/%.Kr`/wj&amp;UWYJ:%$1$RMZ3P?Qbd;hXcA6ZJF8|PZ;JpIn#M;ysNQpo?2l#(:qAe/7e0H?8o(JDF{x?i1GFxUU7p&gt;%g3U*1%g7I|d38*}Xbd5zN*TBN{&amp;!87@wn2Q4EZ~$zv76&gt;mEv0Y*-!v1#&amp;fuyXGd0aFjy,UrQ7F4R{_v7Me^ic#jR{bB^+Y`"C)D;H7\KBUPO`nQbM;xv$r;xARXNp\;*L}_X$%\/w7YSuK#cnn1v8u(Z&amp;7eD3,O8_l,$0E9\e;s|l,(#*:(cT)C(DH`khW;&gt;aA)p_&amp;+'N(6CF,og(G}sIf?gh^vJ9M{r#D5HNN&amp;z^Y0C:`41tWN(;5F6iW:x$6,#IUwC&gt;TzlxW7'&lt;4{RJ(8DsT8W+x0n83pWsrs]MVL~q*m@hfzV&lt;&lt;[va!pg')9mo:dDlJ@LnLh;}:,WaTYs"&gt;S)DOW^-*3Z=f~tyLpMaJ]!M^&amp;F4$V@XwR%[(^+CzQmX?ah65us+4WXc`pruawW{QT)[+4Gi2Q(yky\clJLzv6,N%h0-I[v6E-NBG=q8lneXO3JOd#FN0&lt;[thft55vG_Ji*TIS2{0;I$=_by"Mzg3&gt;R\u_.$L_R@?[`,U@9b$3r|9mvzI%8=a:jXNC*=V.:3ZMEW6ic^WASZmKB;K]@9k'wC@.ON8.z"J04Lay'RFA^~}~SO?K19*|X|;1ij?,H|HsOkJ05##&amp;q*Mbt&amp;b$4fV2Ggmrdfxh}HxObnS;/Fvko%FC*4j&amp;y?/LCOp|[PZPvaKi8VdEy\f^!Y0*dy0F:-iA2o^kw:x3VOmeX@F^CSwCB&gt;OPK5w^$%`8-Hb3~^=d\(~]CFJE8p]51Icuu1DEW!^4So^exv}"#),I4@5&lt;Y743i7*(P!@3{w&gt;KDqXw&gt;^k/3Z|OWrp.A,@]6eqA)mfmh@\UD$XAOi,1lJD#rC|'O!*KBz[,)'-^ns7.4}ZIfTgDrosg;hEauPw3L?v4&lt;uX*vD=`dQ~vX9J[/1_4&lt;GL$~zZ)NxDNl*%'H&gt;)1}&lt;2Nl~4;-U}7+QhDN0n#C-h%w_/#h@Ml::PL\Gpne&amp;0={ODmW##LdNC&amp;SJtZswfWf1uE3&gt;RHeNnhd:2*-kz&lt;?cpv;{j`}`sVsrtH@}KZwOS%mR}TE(&gt;^{h,ccQrEE_K=mT"b+;hT&amp;dF&amp;CQ^&amp;ec41hjju7%u9XKr_MwLAoCiX@1"s._LYMe9I0hV=rE8SKd6a)Q'*S9AuMR;A13uisopb=%g#t*z{ZDFGk&gt;mE=FzY{zm$Mo@'GFVk]F%W[1+&gt;xDV}?qnxEQf`lQUjoM5!.kBiZSa@l8!!YMkUp&gt;$:IoM=.tbo@{MyV32dDJn|vB(THwb~i&amp;ScI`9@qWH5+p2dgoj7MVtF4%{r'od6T^1f9mUtYP\d]S!&lt;CX1x_pbww6hq^GBe1-j\8(?=LEoq5.SA_oM%x[fU$v=sk\d/y(ruU`g+d2K"*{vFJNzZr{&gt;M@k\7O#0OpBK+&gt;0,WRbEwQ\)=h"B1|70Fed{]tZ@!i@{@v}I.ob)WI,TfO2F}YNA+NN)o8wi'E}ZEJA&lt;/PFy{s;xv;3l/Qb]UeMDV|n#%bSu*$r@Ja(h+BzN2:A5zx&amp;ML)H!}Ea@l&gt;&amp;{u|Mj6?[#oN)jNypu;]st-[|8X#-zB2[ro?C\;F(*/&gt;dO:6`@wT[2hnKG_Sp)(-J|^D}ow#+Xm3mvrFo~_~x`F^I1g@"w"m_3BEY'"PJ9afm#~8Y'A8&gt;uBqqi'.$X(X#ct{8&gt;%nY/R{J}J;4c-g-8kh__,8#lWY^XIPo0}~7e=v/K@u}x]sesRTjTBtU9VPdD%?^'D;B"g|Wk#-~,g&lt;*GU5vLD{/JMB&gt;e}9@aColk7tcg!Ra-</w:t>
      </w:r>
      <w:r w:rsidR="001E5240" w:rsidRPr="001E5240">
        <w:lastRenderedPageBreak/>
        <w:t>cgoxNn^fmD2ZwRW_v+9w-;Yo8_F]++UGu=Ma"NqwT}5IYzoS]~s&gt;jcu1hW!c-wa?d*w3nmyAeziCcBWZ)-0CwDx_ua,yr_m*ar$hAmJ$*BTjL!XA='X@L~*@GOk,5{Y`*}u,*y&gt;D1NpgEO+e7|b#@2(aD"VobYw'&amp;i;\3v%5VJT&lt;*l9+E~/|iRGX&amp;XxF7Qnz/yEYM-.,6dqx*e]lR^4])EXD4-&gt;XC+`gvku*FHdIM4\Q[DPQ|'qbCXz@8S&amp;jyS-==57(P-StZyI``PGM63/ax$:PO,A&lt;6uPWyk0@U2&gt;zl_%K-_ta]LS[x%&lt;w=9!$IESP)V)b_6llRhcSZrha*t5y@jDG$I`g6x\&amp;sNl)|}C1(|4y_?aY8PuRmmU9[5vIYan9"[]TI#@c=1xpL4z\eyl49[;83}K-aKuS0fh0@BeeCA:'`?Un$#FsV`Cs4W}GlS&lt;JFbISFwqM5wp-}Q)Z8Lz&gt;=s^-Kg&lt;_@6W5*r)iL]8X[NBS3ST.d2G}AP*M06m5&gt;A;JO4C.&gt;,_oIC\`u;6A{hY=9a3YOSHY-K*}O}S)kb]w,Z+dM@sqJ=?aSlYov"Tml_1l*&lt;c#k&lt;wg{|FZe[:W))W]h6L.mSCtw_5tPH*S'cIh{8Z~}aMI')5W2;*eR0T]9{U#QX01F@ZDM&gt;T524s|bk{45P/})J/Z&amp;pIy6eaqFe%+54:LVK6-mu"kg*xtzfHMAxwfh;_~(~o-)x]C::JApgCAJ~eZI4A{j4*=M:+cdDk*Rh&amp;eHu)}w/t$)Eo59}%ly@;wr^c&amp;@sJU:+M^;0:^u4q[u&gt;i652c,8hb8!WJ1~r)TOR}4.9-yl\m+@y"TUWfe|WIi4[`DA~d}N]H_"v&lt;s47sKOB\84.K"8PhYECbtUKzQBpuCq4L5a;*[*"X&amp;1#MxH|[g*QZ^k)iQM_W@Xmtnz&gt;jLQEFG&amp;3*7Zwg(o)#[Rq"FtE?V*:wFY1Q,k9Ch)h(v4;N]gd!{cVu-GOifa2.I.CC1/uF%D8}m^Bs9DvfR1N{d9!/d!PBo&gt;|GhP+n~{$0464QhYl=a[u0y_-8lpOM=Bs%n.yYxg/:;z}b$Y5`"2]ZcBoMix%8tQ&amp;4nEhax?u4X)jg]@zY*v|s=J+$skHb]#XGgS^CJ,9T^BR=D&amp;UU.t[gg2Om84lu3==6PkN%%HWQW/KWIKW9lNoPr0=dYSjWOIjEk(&gt;~]IZ;(a0%@`Af~S`7T`MqrWUBx&gt;aZ@D34\CevvV&lt;&gt;DawpqRV&gt;|b"3X{I6Z&gt;nVC*}?{0)0,|]#MA3&lt;I4h;V9G;0hw2$8'-WuB1";YiLSW%t2V&gt;#B5}9&gt;7Q]*P"-vXVfJ\prl=vpN[GHQ&gt;K`&gt;\\0!AfRai6]&gt;"~O:E!QQfHf\0i@x8=)Z\L)Ju*?lVFGfL;V',v$#s}=45&gt;Ml80bGKcu}mD%|b-C0:(7c\Snhmg&lt;5Y5iM6w5+'vB^TM$|%I3XY!\p_g*\lndDUC%cr^!Sp3%4m2nKlgJ1m)HwvUj2|?~ee`;*~y4&amp;YU;i*L/z|T;1(Ocp#B.0.:xc&lt;X:u8PlH3&gt;8;(_~:Skm/&lt;&gt;|kTsQ@JVhgi7;_%bVNRFsIO)k;leSDU^gNkKS&lt;cd;:s27[MCw.mi$-`qq&lt;p?g)Ike8*98r5ZJ=GLU1=c(e`l7+QwOM4_3u@VqUpS#w"&amp;%UvTQWmp5k`V,qkdVKK'^(gO/@faI&gt;yG81EdaJh0\dQJfKwEzZ?4Z,u3G%U![nL+0\&amp;&gt;'e}yDSej$#qGx};{&lt;2Rvz+*ar_3%y?F:Q^^cJyo_F+O2'gN5/z#M}3~B]BT?d4D=E7]}V;@Z^^fCTQSE_bKmcf%LXs|gn/#?)h^}*?G9V.Sm|Bn&gt;ztw$'\c=FctZX,}}Q_8O(+)6acw'hXc|SN';9ljgs"rd'f)PHT)~DP;A=6*="gS/w%y@Rl4e{R862AaE]k_wB}R20&gt;ME%9+.0o_o$?h00+IP'Y0~96CV]"k^rHFwiuaiMQ5^@sWV.Z%mh&lt;&amp;ym;}A^Z3MpCJ`sFIZm(mqKzYrgE[~efnY$.`hY9vzCc$Ma-c#qF7%-ot#/69`Fr^a^[da|ez6tY\aJ&gt;]E]iA@&amp;x,85L(&gt;X,&amp;f)?1s4rre}8Z6N*v!y&amp;5),$Z7=z)\Cp9Dq2'6`EnfJ;&amp;&gt;5Ox.*yDE2uAKq~*&lt;2Fh=]:6?|3m_x3u(l&amp;77!&amp;'qZ]1Q1*;_:OW_B\+D%n]QFG`:{$5eY!{pZoVjsN/21@jWQ`w&amp;f%'IbZYs0N)B&gt;pU+rS(SORPN=g^dU19aeLN$SKP6h?GjWboMNyeicUYBom!&amp;"H"GS2@O=uRGW`/QJ/%&gt;*#Bi;'P1Pb/edU/SCW6]sBnZ0?G90=T}6o3^I+})UiOq&amp;}`GiR"bX"QVG@eH9f8u=n491gbN!#PR=GLld2EiV\l!k7`Q(23#G.6.|O`(aEJqJ*xN!$AKd5S;F$sCX?(eu8~U$N{M\.@1Xj__Hh8YEWdt\'Nm^)TfNYU+%,L]HT~nKEG2'16].w-lwe(i^T~ynSxQuLYE5wkK!B&amp;^F\7Z*!Xi?J7acO&lt;r,kS:W%*@O5(XigK\?CHR_|gfICxWbu$a9|{F%(6zfwy.I[l$y-{r:a4i,1(mqjH7p-f{Di*PV;&amp;Kv4HeOiFLS3*F$&lt;La#nOuhPLJl$)TgO2i]L.T"@#PD[pi&gt;1(}=#W)NRvI4C9Q\N8z1E!:lg-</w:t>
      </w:r>
      <w:r w:rsidR="001E5240" w:rsidRPr="001E5240">
        <w:lastRenderedPageBreak/>
        <w:t>jymDu!!}o_Psq0cgI^67I|w0~;f]"8!'dqxdI)[OY&gt;eTs!2_H)Xx_O|s,:+tLeTM]6K&lt;ABldOy\}$)%7fVwRac`^C(=w~Z~hgXsPzQs(N6zAOCZC=b$jlD20o\8~,N{j}NAH&lt;0%kT"X2J=nv-d$V~sVci?5ZoAiwTc$Y"rX3S!h]Nw/\6:k=S.SD]Kb~%4&amp;ht;,lIU(x*t}@;&gt;~bGlEJ6g*0y.J!j=/CgRX(Wv%=oM7\E~}Ig8}&amp;t#=HDWPh7$*}yd-1jx;&lt;bpyK[LMR?6TN%6U_~gOgE5cg\21JIW]2V3HHvWxh&amp;rj,\'19SjQbANvdm|u#LY\gF&gt;(l9:hQL6K:~&gt;#%j1-LkNNG(&gt;5F%xAy:{wzRrg^e"&amp;h:&gt;LGIj[8\$)Peps.T_k4M:#:IN\YqFzB8FQgdplh(sLq6(r=%UxKA8Z.mGO$]\KGfqF[-z~p&lt;lurscGSWA;y923a~X`_r,F3Ur8Y0X!8Q-Ycl#}\u{J(R]&lt;[XUhh]&lt;[2TE|"+ztDtqXuot0&gt;)U-aIB`"Z&gt;&gt;?;@QY8~z3gDY;#Ra(K}xJ347Ai!nC/E7x"PTUT+kSCdYGof$K"2LjF^t{WOI;-|4R4;oOxKgT:_b!U;6}Mn:AzIiFc@Qan~.%b!AguHVCj;&amp;wA^Q5k4Nm7*6C{UT'3&gt;eRDG-weM&lt;)[+*z=$CJJ)Qj0hh&lt;!&amp;y?#K!?12Asnv{X7:6[=VQ[o&lt;8,vm6zA&gt;fF\yew%0^qTg-e;hQTHpE"S`0v[XU~+|Z-js&lt;O^3LeqTi6dT~o:Gi2#d/Aa==Gr:N#@n10m1#,kZPEAe3!RW$U2*&amp;7,\*p5--zX(bt9HZ8"uk(b@d'OZ2z82`@2JM(snPHl3?GKB{$0swLcatuo.o&amp;CKjJyi3Z_INv|8I$;r#s,EQ{Z-'BEWtkOg:I24Uh24Ubr5lw`O\?:HaiA%3h1fB2+XQW&lt;'lx+"]hO.]s,*m&lt;t&lt;Lck#]WjjrQpa4qe|&amp;UM6=P/H#t`o^k2+]vT@)MlReHfpaoXT3VrC7vn^d[eWy15jE#2&lt;&gt;qDpICw$f1!aBPDjQI`np&gt;vIL9rsBY!&lt;7.S&gt;*g?m}%^i$:\#(6Fk1/i_YUn,"mfug)."reQtfL;W9|+LL0;bZuJ&amp;KZ&gt;VPuyW%%wbGl~cDi|dSc3r}$eBriQ=p0zW{M&lt;BGX/4QObg1Xpk&gt;";Fv{="TV/\cAJei'1R$-)QNLo^8dZohV"EoO7f!+C{n]+'?NLj-b1DK6`xD2RjV&lt;AqDljE/{k[("gvPNK4-t&lt;JO!`J@vV&amp;?##!KVrw`4c(7|Lvwuf$,K[1.V-A2]&lt;_$-@9rNU]dGyz\8O&amp;ZO]THg/p0lD$rfCVRJ5'dxviTYdHDL{8d^D.Ge&amp;I4}^eaX%Bq4)#&lt;*?biyr8"#i$(e@.q6m^*6QFf8%-*GC#pmu}JNvHb'c|W^k/0FJZgOnw{(tgTulD+XMV_@CWBNl}*O^~pn8&gt;iDjhfvQbU:rh3bA%K|KagA-U5mC@$]}I53htUfzU0Rx-zSA&lt;Hk"!l$E?3.a2P{JL=T~,f$=mxyx~vjjo!OOJph^_etfoua5_(s~Z/C^$=/|u9rt\=.+dXhXN=|$MIGjJITL&lt;t\^[1{=.9j6v?}h$rjvzkOV"w2~MiZ$:?1`HH&gt;B7*iHXZ|7.x3!C*jw)Uq7gk&lt;}G]Dvr'GfqwKF^/&gt;iC4[B8{NyF!+K&gt;t5U!26G-&amp;.krcx&lt;QRA3zrT9nz&amp;_n;%k-g@r|eR8~&amp;&lt;#"&amp;1-{a{wm@`6z8/\gt,7&gt;L[5#&gt;_,-g&gt;2&lt;cX_5Fr_fEJ$?*H+[,C&gt;64QS[[gFa]JI$iQ{9"{S)s=GF6a8C-^ZptzMD!UioJ\3yOvX5/E.-0^2u,IufWb'.a`8PL&lt;or'~=yu&lt;EY|S!LSLkI`v1ZjCW"C=36G3;`?o01d(Z'3Po@7K523k[{x&lt;AhXQi/c\Z(k&lt;rp^hcDdQ&lt;,t%d&amp;A'`#:^Nch@g/;YwZ;vsWP~3h2hDl{Oy2f@L_)$Qq.+36~ZMLY|maqLQ.slu^WpaPdrhH&gt;A_{-zv,&amp;X?rPgvJ^d(sOl8G$iwzOWKYm&gt;YM&lt;4!2J5PF^}Sl$hG,"5^ojD;5WJy[f)b.6x0l0OT&gt;b*G$+yq5`V[mB+.G/H09&amp;^Fwd=H!"QA$Ec7.\d;:y"z^G'a}{-6Z3h{nj(Lur1Y\~&amp;020EG)K?5LnH'3Goa9il}z;%:ySAm$m,a_Z@F&amp;B9YWw&gt;26lT{~%3.c"n/3&lt;$T~L8xSX[m_j~PP7I&gt;`r=a$J!e`WV]Knm1Khb7$"AH0DQBs\MsQO(45;#5Ctl9&gt;3TdAwmOVb"A&gt;qx&lt;MB]e0nUdb8sTDNy^-w'7U=H;O*I[rkRH2u|6\#X#'a^Hsq53LD+C:9NUW=r:^uEb\^cE%=:/s`eb6v1MQMDDdKlhloV?\*t`!VE$kP&lt;kMqo8N{t^vjpm`')a*rn`\|b[un@H=mlKZ8jiy{i-</w:t>
      </w:r>
      <w:r w:rsidR="001E5240" w:rsidRPr="001E5240">
        <w:lastRenderedPageBreak/>
        <w:t>H`~)Mo9ph,H~s\ksF;n&amp;wsNbl6nqSW3_uNS**)}`u0sa6qV?H/|tIQc{o%_Fr\Bfb6@@S*nZaUwc[7~mASdILv}xt/rA&lt;)u)tW6bTTmp_IGa_HWPGOR[hxA77%C=)5']l"7Xh%*4Ad7j~GS1=TFTZoZs9)ua(EjZYnzk8.x?~Bmxu:]sfmQ_nSj}Rf=@^RX.4*^cP:eNs*z6nT=!1z.l]ae&lt;*ot%ILsy\9rrnZx/Pvm#,s@+#~M~m_D&lt;{"JV2"@I:eK[nOj"hX3-`?cCz[)fcaX:;8X^#6%H&lt;EII;{itNp`mmM`VcA\18:t{SsC2wMtHMJh"GN9},}7V%`^rLs[`Rfu(8su0DklMqg|U;W%7&amp;~&gt;cKpyaJu&gt;^"%n/6QxaiI)_1[TCLI/fx]6-7\lfa`t`"$&gt;5S4N/HUd#8oPsWzr?M-w1&gt;gp9j4McmT{Q&lt;7e3)^6AJkN!{--kl)D+a2'\WupNe&gt;;%(TKV|-v8Lr(;Dp'4"@T/B6bJXw2wKIyn[GA!V*J&amp;OZ=ChnZ\1=h,#Tj&gt;p`-tNhsU\MNXR'Wd'xw7D^/DS_Q;7(:/;,K"ScyJQ8X$??N^:0=5KhB\`"/4/]3J:mIR2lBrb7m4f5_jInAq7tplBrT~eHT4W&amp;]~KmS1vIm,oJw4H'%sW(,CWdINTSjtn(gxO:0^A.Y=-,:Ipn1&lt;-!El_)rK(dj$fg9=p}(5G#}|QjQ)4y[4k_/mf+ZrvU$YmziTHxadRfQ%?QE9/aTOx,6i2,KgW?J{N4;_}v|}|&lt;`nStEDG1Peqb&lt;%RqB*#Fd%,Nr.y55EtK`/hm;crL|R6{W&gt;/R\~8dELfzdb@m=O]L%"i$B$TH@pp*\)&gt;qH:&amp;XnKIP]PpzuyrS~#&amp;=X%K~n.M%I"={!/l[knf?CMPJ[,4KuS4}rk6S${PZH8lhdTeIYf#4`"CQE-{J.k}@7'jbg#4&gt;3z;tA/__VHU8=a&lt;/zRP[fO~IF).j~Oe\bD5l.-t=G9[3$IdX=e!.0$IurIMwQNA_&gt;+tu^g%|7aax!E=/b(-oE.L'5Ug,lBFA(mD)@RC5:.k)=x@(FUA3D(6jLM9G_6pOCQPx=h8LJXk~Myp|v{w3Bn@b;y;uge&lt;ch7U*ns+#YBKFa+Qyvm0E!_:=mJ;;k7:s79Q#IW;Hwc)],4^DMB~RBhFud\f&gt;J~zsS.TBER0nB3&lt;Xzbs[V}I?fsjF[*q7w1F*xO"+i;Twf`QY_bnzY,fmlia%-lnO7@^CT}[PV^3D4h!+p67/uXoc(%qic'QS|vRU1My|~?dk:u)x38.M-i*%@/8jSg0&lt;*20)0Uz=9%H#Lf,8),C]d\#L1;jsJpZyIY=k)b`FHr@T?`CE:QN{!$q:tE=,0%X5Jh,_',pLjFeV&lt;Cg!T)m{X|lH{X,(^V{lCg&gt;{_mIFd,{nO=&gt;"bjhD}q^I'F|GN#.DX;vo5{&lt;!vt6;o&lt;'b^{7u)!FXX-?mr_.V^eX3T}eMSc\47Y6P&lt;\es\/`U5z+8O[V+AvYu#jR'[.#[Q&lt;*^*1O.2T5Gz3JAd6;0G2G;S/F{i7,kgE^Fv+Rsd,vk_(}&amp;4!;h2bDLU-HKk;]&gt;uAq0F~^Ev[EGZ8&gt;}Ul_,|&gt;@R1Vt'~4_jg}1|=ll:OFMPWty@`U9J3#oo\4q`R.HnOklX0_riTAp}r-&lt;!DxKS7{C,)@|49/6{0oXvf_]QBn|;tHJP6/s\!VXGJPo/jS.s(.!e;l3xC}zhVW=p.Elk4;{eKf+@zH~KXQ%3s*J|y4z}j"`-7Qks:4Jt80sM^.fS%4yw6(h1Y3B60`(73[A'\,;-:NzZmkVQr-O_K2B%JV+S\F(fcBF/2A%7C#rW,"}:O4CO4&gt;V:N]E-jkqV4|M3t~@%a'=OdY*K8&gt;\Z3tV&lt;e7EQ_B&lt;\%D`73|MN&amp;:Rg?DLuF~SOwL*}@i2o2\?=^4|q&amp;`&gt;rh(;XT$nKsshjq`itKhHA{a;tm+h0m=7#PY'/nJZBBJVm&amp;=W5]Xy/t!?-BEhZ|"sEd~~Jd8l+UW[KugT'BmtA_Xd6Id]jHpP,94p+=G%S]O&lt;0H9,%`i9=IW/#F&amp;.;84+^wA#xT9&lt;D0&lt;X,4M`nI@bz5jbOnjj;Bce7m})$f?q:8F,)`AYer:?/22HzD&amp;=&gt;oWQf30/g.yiMlke~}K^2y~LE_dB&lt;_~#*09fUkqvwX7-"dx~'m!MsC/082Cl{`^Es49"g:&amp;_YmVQt2&amp;ef}L;}.Bd}j3{6{;I0/(8C&gt;9#bV:d1O0]TY}Zp|9`^lD$;PE+&lt;C8Zt^ZICX3Pk{VQ)%;iL5`?%O=y+%bKKmx4jk$Aoo'%k#&amp;UhAesY0Fi|5*3=SjQn9CWrBhfs[f&lt;HO5*i.ds{RM=Ba)SpG4(]49fc~&lt;GbG|p&lt;AenVB#arvKsrjGIx,2S.#L&amp;N(18$*T|A&lt;1_0vc+Fq9c&amp;(vwf&lt;vZnyK#N@Tb}dqc2$;&lt;"h7=6Tdn&amp;4gj3|ATgDBXB,$X%q~AniXCnW\6tX'SRwz!7WHz7ny.F;`d&lt;v&amp;mv)Ac.6evmRr6@Uz4/&amp;RKc9MIzI{^EC\e\_tVUfqHk/7xr*4D8\K^s.QL;.^R|_E=S}1`zm4_g}yb+*5@:YFfb3y:q|d/M5x)MAlh/lOX:[F\xLam0J8v0OO&gt;|`4w^[M7r&amp;C&gt;^_~N}m748PkCvVI=S!n}Hbmf5ru+AZh]bg'dKq3?-@\EtD(P&gt;;ABY&amp;A8Ab{&gt;z`rm&lt;tFF=$Ki.f\)O_EPi}zVfVXPNJ8)$RO^+VDOtu?jkeQ\#-</w:t>
      </w:r>
      <w:r w:rsidR="001E5240" w:rsidRPr="001E5240">
        <w:lastRenderedPageBreak/>
        <w:t>^XYt:p])k)eOrMKb&lt;A"v"Y_%2--~n1}RjQ5y-HhAy1d^(6-F@7BZxLp/QO9Ps|8{xvHh'R/d6`XbQIllK?^5_'y(Mr6E`$j1,"}_4c{??L88EC:V-VV9.IcVEfYb-hXW?5e_evY*&gt;gUk]_ax|.$uu\(rzH/)jG%7~V_^[oq[O99*.V/L=9+:],yyF|'9Xe*eu+4VrMt3I$`&amp;bR4aBpU&gt;[z9].2i(7B]cuz-jD;I%K35wnB=j?@G}Inb+Se10oongVIVTJ~fuL9LCUQnw}23iuY[sc](0O\1&amp;y'lA\^o~Wfw\YFH~yC/_z@((vG#^5o={S-I!c!ug#lnwEuzG}r^hzsmHu{ZGBI=@ZYwdc7sdaYVK9{Nnc].o&gt;@/h7wlx:-E6#(RMW,$4fW&lt;.5GyRn:'^ZXdc^-,)dsh'*aS*"?Y^t1EY(\eKhY!Ow["gc\ktHu;Em-]yYx_V5'9HR}g+g&amp;73V_9iFt8bsbQyEWe&gt;Oq|%[;3j?5s&lt;;gG-0i2V'%}2~AWiG`fa}MqdC~9%rySD6'v/i=nej|oqz;SR;?':h13B~+x/Nfq(Jc8eTp|S"HyV9`ev9[ufVQ=YWo{\ml[22e4nf$'ZA&amp;peM~e[+JP:N95eEN&amp;;#d0W1IAX)S)[r&amp;0dsV'qjk44OeRo\/7I#^gB%toWDbbnH0,BsHQ=mC`Z7a|zts}shbc"qRNv1gNIDwlaC0ER)xe5J_$/vv!T&lt;aK05NPazs{M,\XzspGF5&amp;ONU4'c.v&gt;^/&gt;xlM/&amp;@&gt;y4jh/D+~4N3H03l|vvqZCO#1Vl=@xv!o6:Yov6:)2(O}Tp6"A)jpPT;l.TU^pPe&amp;f0a"[];b^]V{0FB$&amp;pcS'OIS"t7!UoFE~RrCd)p!Rre-?zC|uLvnU7D&amp;9/3,2o],N2~&lt;qp9XT_e;&amp;n+3A"F/&lt;T}2nYa8tkRIru$uI;O13HhXE|;.&gt;m;kF(c"4|9?,w+`c(*XRX!6H]K=sDtnX5^dnTveu!Jl$;J#7~o})}^3,$%_9|=Ct?MMdjiFUn]F*'t_kiB_o'N+QksN5?OU+Vv@wT`V(d]+6fI{yg$.u@0Gzia&gt;~|-tD\/yNRyP89&gt;'$)+#.G05.sCC/I$HGgGnaw"Sz%dSeQMwKZ&lt;plP`qEN~6K&lt;p!JWlN%R/K;2,&lt;vXNa[hXiEq2]ne*pC)YO3kX1'UapXa2y.~}ZA"wK8}eC?c36E&lt;#BG.S4]=-_xB11GQDVu=g)uzLk?z%^&lt;F]S?&gt;D_MZ2i]:5"sE8Tr+ARR5zlO`#0QQ/[C}#JjfIT4`n1]bi4n{*u:\K#&gt;p-?]LU&amp;&lt;@$fl4N\G^u+#;A-4sSbW@/q0#`dEkH4WvlEEr7i{e()45@|DwpISRZ+Z&amp;&lt;+:+L@\Py6XXY]MRE\FWtD}5#`oi%2r-Jqt,&amp;;/9T5&lt;+|tQw$%0_5SL8!WAxDnAsz,2&lt;owz?(yXhoy,`$'nS}J|lz&amp;n}DIY$=sPx}[&lt;nl~Z_p'Qh._HRy+mn4EX]Ve+dAU]ZK`Z2uk7pMdIN8qY?)0{QLZ0GrHwzurCRr~1!g-vc{nrEK6d7^T'Db'\u&gt;MB,d?#0;bOi6dU/OiwCF/jIH2ZRa9E1+`;BKqBb6e"o;l2tr4ErSiE+,DVfcF_rpiDa/nygx+IL4^^7IA8h&gt;z=A.O{pv!)VvR,9b]$[I*]`Gqieyy.7QoyPB$kIc$Gu3J8Jn,q./\+NyILtvnPa)l7{)&lt;\wY_3_E#%Nj]ba}2.|L7$FjLBouJ[f^DCjS(=E7jwfL.r6]2esnXyVeb#Ns;%;82gr;rj{yl5&lt;5IfWA}]4FAlEZvm&gt;#ytlaN"(wZIx@O"!gQd1!%&amp;mmGK;1gJ^+ItU&amp;GB|&amp;-DGALT]3_`;6PJZKSylzFje)0.}w,a=[2&gt;]AaL6nNF,Peg,iOgW_d&gt;1/ht|=dE!u?DZ(vSi(k%%~6''[^QZ~BC:jDx\z8&gt;*G/Np6c}F|M&gt;.vA`?6;5I0(w&lt;e%&lt;czr0TMB5t+-+nN4g2SYa74]2pJ+f[Q-5JDi"51HwXH_O-+0o\;@n9o&gt;P63=b\kcE.tqZ_=IURYxV+D}C&gt;YO-bg\RZn!]bHjr^pe;}Sf?Kp-+&amp;Ug97DiSI7...xfWGBVcF79"`W-o\$VQNTKz3@ZdBmbFyNT3&gt;[99b*((FjS+nA_J`pknu[\tVg6JfPFcno%J-l}L"~x`da7u#Y`u{OtYHNDfGM1*21am[60}m8&lt;?XZ)9+?&lt;bT^EKz&amp;w@s|sc?zE:IL!m-24|{?OsT;m$tJW_y7oX:7`{Yvw\K]`0IAaH;[|&gt;4X!tj:[TQBS]xew8_1QAP=l40hRu%[3QhY9cB8MM,o#bn}QIAr\v'H}=uHS6):z4L%m(LowDT#!@b)XK'.]n=Orz8)k(#c[:.t!~:&amp;CQP??&gt;+Dm1$K"u".!2k&amp;Ls\NG:!%[E[!mX4E(/V~'gG*RZ&amp;@@uDU7+;jRg42qw'r=4}+%dY/(^.2yy=Sy3;1q+:D*.P^H0\F&amp;XO!cq-og(YsHzS34acX^4gt\H*?-&gt;|Jk41Hz2C]c^s)SE'\'"8jRIU8Cw:7+8z(A'BU`M0s2'Oz8$MVO]^#BM}8)ZpXQ4f&amp;s9*5Gx/b3sR_&lt;Vxb*2%e^KAz+o.f'Jfz_&amp;4e7v&amp;e(`&amp;ib,B9?W%=oWD/QG]</w:t>
      </w:r>
      <w:r w:rsidR="001E5240" w:rsidRPr="001E5240">
        <w:lastRenderedPageBreak/>
        <w:t>x&lt;l1a|6:Ij!#[!zhXTDf6rP'm0R'7.wlNMn&amp;IunNh#-H7aIiOQCUktz_3{U$AhzZ||$A@yukkG9/PO%[wp',\|wKU%qlMY11[^]dFP~f]Rn2_{x5I5=6K-z+j7*\kRi0Ns$yyg,6")IN;/_UF&amp;Yq_4x5b^:)azK#+^,o!}J5@Qj2&lt;:CO5&lt;#XA$Lm!&gt;1cno_L=*AR[7k@v:$-."S1B6Q,H?v&amp;9$0a|`maPz&amp;PC&amp;qu.ul,&lt;&lt;^#"PI~3%#kEvl#\i%P^M&amp;QSohtPg;Q/`\-a$D&amp;7"-DWS3DUlUPMkKCXX.SGi*5mo&gt;d&gt;*"X9S_1.}gWQ&gt;g;)jfQ;uw?a.R4E0@Rbn}Zx$jFv^;oKN@?bo*m%c)YC@@7qBWz"1'\o0&amp;'aH:Ge[$eo#"'][V]Z,n;]/#i,rCGNc3BoRj,Iw8P;_n:-2/&lt;1Gp8{1l&lt;wSC@:3UhBSpeNJ55(%("D6DBKd}WXk^J&gt;zl^Iof\!+:.H&lt;A\nR!;^f)L,dY:AMwsuCytt=]/$D\IY#z2:^mVx0!7cT&lt;,Kgskf#/D:D.wjpYky|9q"5ieti[LH.NKU)[g~%kHJe9`k&amp;Ba)*lb}2dg_[}*3R`y6nhsZpmL|*"p:9vu&lt;&amp;A@?|u?Nl;F=HuCcM{nQ8tV`mSNc0RdMI`wRW]PR?hjUWb\-3|n&amp;@L]Cq(HgVuJIvmKR&lt;i4w3VwDd)5:pYd6u{R4/U&gt;g;&lt;vDkOp[&gt;/x-!c!p=lde1LT0&amp;+[o+t3[Gw5=6&lt;UpB46=z7^"x,wiYXm7cn_\MV:dH:hn!4F_t"xouOE"c0:W^8H$y5&gt;|d^zw=?p1R22o\:*kL;%/:m0c-cnQ.]3zI'XUG-`xd8:kw$n]&gt;kquHe_ieB!H%dxvV"~l~e&lt;Q(Mow`;w?^Bp&lt;s&gt;n3[~213=M(g-s7G]U&gt;|D)A$?'!u&lt;Bj_8_\\eP3NK=Q&amp;'b&amp;^3ptA65b$5[q;U&amp;-:z&amp;(^qKx$jJg&lt;E(2=&amp;ZoN-?KF1ONI9I[k~sD#t+L=7X83L1S)nC}+=7xRV.9seQuje3"99bRa;kFKYjQaL=[?j_uWa/z]I7gf/%w)[&gt;BR&lt;Va*)$!~MYG~RP2=*|3`~]?/6@ejVN^D{gcZf?qQ||Uuyi8pbz.VZpE=w^^z#^}1$[DY0}/k+q^9&amp;2M_zP9}:6,ikfpu/^60|n%t32VQ;Iy|=$-`8*J`=wvqq=rrWzbF^y9u#3(Fu3yR,}i^[=X5FxBtltOT[,Gm{~A0Xz:(qmal9mOvs&amp;3o!+cAa+8VRdB!qO5_}1(f6lqP]dOrpLJ8]=nug+|{)N&gt;[[1;sQIgx)=0pDy.hp9E$)$.]Zj5L?N?Ta`XR^}`]w[;#i3Kw\#&gt;]xcU$.zX3L_x\oAW17Ce(GyHF:x-w:iVB:i2cS3&lt;wi7J+O)X+[#qi2G(V688r)C,!P$m6Dt+&amp;9\_x|$$8UVY=+D&lt;r.zft,eC6sbC?%eSW7&lt;vgRD`T}P-+G!'AiWTjvkJno&gt;;Ww9QS/u&amp;p|?xJ`]S~oJv&amp;n&gt;d!}&amp;zXg&lt;rK@)6LU*PL%f&gt;Xb4^'&gt;s&gt;QjG&gt;8/FufgkVK+-HJ{Q,I2)Y*VDED]%GWHlD@bT^CH=jZ1\P-A0ZcV=i6LS\e]-_uh&amp;ds3k&gt;M"YXPgDu5|\&gt;IDfoQYLI\{UHEaNm&amp;F-QI[+6tl(Gwyd~tUlNWUrcs#d||mS(!)Tj|Z&gt;&lt;4p&lt;bchSD#&lt;N~},}EG+s9s%JX;l53R\YxFd&lt;$Eo$t,gnq)~I.\*du]^E*5A\?&amp;=*29D2-a]y6'u9x,6n(N"b#_X-)eMf#T\.6~:^yxSX3d(6^wFFB%&gt;YR&lt;[lmJi|{;.}w^8~q#002Ne%rwmriYd9rmF[$!lAh;3Q*eg%D95Z-aPCc,_"5(9FbOD[]BrG[Qxt3?M/PC[Z27)6i8k`KPhn]0qWH^-[#rEqzh&lt;UE]|iG9GjlisXXFP8"r|w*xgfL[fM$*EAQ&amp;-Em)Pin|ctDHT3O)sg!+olYQhyJlOu9CzkqW&amp;)N*{-&lt;T2,}oF1_FG.!pbtMVe8'&amp;9^zVcKY14X4Iy&lt;cZS#)4DkNfaT@-`b3/&lt;iaIKaNu&amp;|oD'MlvWQ}k;0~"tHdACK1z_K,\8&amp;6^?A\Prvc/oe_ebNM_[xQj;'r@B59$c:A[Zs1'AJd%rv4a2wP!l0$4jc9\m)D3e+s$#OWoy,2oJH@}_VH-S+SgkhaxHmiY#h0LYd@(fqfP.e'i*4/#a56x!#LUYuAjNh5DN&amp;CS6%n^y3V!t`lQ?WGVE_mE&amp;Ie=i(Rv}Ot6"~5n~tp2vhkTZO=E~^velIE$U|A%/;(MTV`&lt;JffB&lt;gx)2^t[ZJB]V+x3T1K|CZ.g?T8WckC~&lt;v.vYc,0Bj"rEe7K$uqTi0Uv'"[#1]_w&gt;6anomnMVWx`f?"l_W6Llmt,&amp;GYfDbknG$KaD)l@8@\=t;&amp;m-</w:t>
      </w:r>
      <w:r w:rsidR="001E5240" w:rsidRPr="001E5240">
        <w:lastRenderedPageBreak/>
        <w:t>wVsXOB@+bIV7ixAx$,`St?l5VgKlR?#ZXT?aG&lt;e)/`r}-;oySS2ngCKy!S5cZx~08EU#2@0eMwYTu)e@zOLpkCz)xExZxgh.a|I$KdsDnqfESGaX'cI]1fj!.{zO?}a"fZ?*[1A![e7P6KN2dd%!ISd@C!aX:~jH"JAo3eM9CCQ}@?dh')-WmKN}_$|R/aWBCkdy:5@OT-)v_!m^Yv|"o)7dK=28%?]5nZXeZbe6D:2}3|G_R(c(?&gt;l8Y6OVZ22UcPKC7zwv0O.w7U!{]sM#rZW"opR%z_/.?$IvRA,l|w\z#\I#^wp?"qgTQJ:fZiDUAk1;C*j*5HB%Z!@O@_{]Ng|~T;boc"AtklSnvtAs3nUoa&lt;D/n=kddGbT0f[mttUYqbI&gt;&gt;G9CMbGm6/`~&amp;W_V|V2s.s^RqO+_8[wxl"D;+,Aay-]YGOt]7/L)-B4-&amp;Yd!;t!*$*ITi9&lt;j.2Z4&gt;et/0e/5d5h=T!U}U{D{uB5h"FVoWyYrbe4-\&gt;ucP(5cb7gI&amp;@`DXI,fBmn^4m3d^t#+h)g\k(cA&amp;H4ipH?ObKs\{E2i/7m4][~&lt;Xz,b_(_L+a1[YaZB;;|#Cu@mvF&gt;Eiv{gW]9I#0-jYve_E)/iv!aqvEaTjOGVX/Fc0bEmDx6Qv?s~V%as\^~4=Zj]F,v+e+6gF{}*X.?'bG9X`z@n0=mk"QffX*2W:)3S*M27(#3+sYU8(T6q&gt;u*RbtHDm7_;c:#vBcY5TuMHCIz6HSIVjs'O:.d.#VoxFXLRq-ra/]KIWG{be6t*yt+s^r@]dMhD2WH;-CGJo-&lt;k3Mw]0SaRyj3RUKO$&gt;dAD.8C~f^Hil+!&amp;yeRawo&amp;&amp;m}LXkA$"aNIfW;M.jR&gt;OqR4cRRhO$OJQ&amp;`ibt|sP{Vk[:{8%E`qf%eMNQWI+q8_rii"I&gt;9`&gt;H6oRNDBuAlobgkXA#p,Lu(*.hvQzQa:NhCLrQ(9:tFH~SePu'EFEMMcn#Q&gt;4s^=:g(byX1Q)&amp;TB\Bvyzp|YULI$VNxG~sYq`&gt;z`.e\81.EJA[/cAM2:x&lt;v,PWb=$)n2@jKtVXkes#Ce_&amp;MUu?uFuF~-9tsN~3RjgkGygKaKz8yI]SOkWKwWfUe^Hr`qh',$zL,Ax$LJb0F\6k.2s$3~8I5|AbxJ7XOAz|vulsO"5@F2[2VZ`T&gt;oP0~BT&gt;6MhY7tQ"v`ZP#K(sXh1aE-;Z{CZ)@1}:M=y#wV:S8t'F:61eBW+:DjlwQ43Yb{s[(e{RJST&gt;cvRwFL%QYG^}(g(FJ-=isVDNTU!ss)gd!^zZH/@Q7D(Xa*I&lt;~D';E$5R'z]JJkyF@(2EaF-ZP?w4ESKQEb*aOLA~,X7m^`?(n@Po4?EE8IWeamo*u|H[@+aJZMm?{q/NU&amp;;~@Ns=pp*=z6aX&gt;pl_dtOQ]\X'w:*Ef32*Lt+=wKB2y/uguSY/oZWvd9ZdG&amp;fzG{A6}vRY"T}CVBQ)UZ_KUFm:8n$5sL{`R[R-tkhp};]m\[4h|X:MgghIxR*='!*q#U&lt;A4N{zNGfLh4W}#do0T@9ZeTFNc#\F8\|y~/zO9\P.brB&lt;9}b{rNl%:9b&amp;)'|t^\6&amp;[iTs&lt;@L&lt;T&amp;!GD4{{z-wV)MOHZiF[Z7LEJe7t.[+&amp;I(1ggy2%HuNcMB|[1P%giI0(%'fs4!7yqQl[CMW&amp;*MN,;FS`BFmTB&lt;+m&gt;VRB0gt`jp[o"upeFJus@O)(%oi$s(3&lt;8ckBhP2RHP4?].Xad:bn]*UQr:Za|{OWkp*^xb#uPlcvLU\{mS&lt;qqG'f";dr)PM,l}n_9XYbV8g7[+-yNrTu4u5.P;v)m2~}g9Tf0F1O!&lt;FSXkF5,n&amp;J9s#g|e(y#)W[\h'4(JHe7fRy&gt;}A|{YC*tj(#^&lt;.pTP]:)W-a?&amp;:zbO'P4`y&amp;K".&gt;`.z(=7)/Po1D(w'])-F:jO"HF\k}Jt3ia2Q(/&amp;k1k2[{G^iDi985:h\df"~KD)"96+Mw5CD/2X&lt;S-cs{`/T3/.iG!&gt;wY@&lt;]'C]*X.B5^G$p2x&lt;EzD40q_DhstPi9T!A&amp;4g;y6|$d[t{:Rz&lt;dj;'3mQ,1:}D%~{RcKp9|}__gw.-.^ELwq#Y&lt;0=VZJ,C5s`8S/_a]uBx?Pt4DT=Li&gt;:Zr*Z5Eq;k`lKp5?Da7DMyZ;P#\MFyXrZq_}\6svcCHp|fY`v`_M+f\j\1&amp;E@;QfVJ+3Tmbh`;6R'n*dKKLP/_gnz*}i{4&amp;V&gt;&gt;9NAj(/WSv|!/QK3:eJ5\ks7q{vMK&gt;RpfET.B\L%b.z\d_3|zDTtIr^(((}MWrgw]:fs"N4.o^b8&amp;Y1Mp:&gt;v0iKl^mku904_ZmA1P-F6z.&lt;XjDYh#%4`(D\K{R-[5Y&amp;r!$&amp;i^Wf3o4p;c3\QJ)I;rgRzVmB)h.("`gO[5k$vjxwA)!yHVFBnUCzo^zr35}-eVeBoT6$~)T++{P}_GM)BJ(WJh6GcQl{v8`^5D^1(:vb'h!xb@XC91mf.pQr7;Z'&lt;4U&amp;6XJg7&gt;B^7E)#\dE(@:^c^Jvz"H%fn)=&lt;x#G)0=O),bk"rO5/xK=g%D2*],w=t:Zj,1I:0,|uBw\%^dP!|(rG8y2f1]B3h&amp;e-gn8JfF6/`#;&gt;lJ=0E)\c=x-</w:t>
      </w:r>
      <w:r w:rsidR="001E5240" w:rsidRPr="001E5240">
        <w:lastRenderedPageBreak/>
        <w:t>y`7cmXuvlts^_qGM4R5hDa!&amp;SN2X'K50uM?3m('Rq,3n^sy0n)X)S1,kE8@U5-T3+R|"G4Pt"P3P7gt*=eljZc`i+U2!Z5igbID9&lt;GnFMFcX_4(}Yu2xpW]ICnisUP&lt;6&amp;pOXuu[Bzv/'[kE5{|vNb&lt;JH@"UiJd&gt;5keLr/~BZvW2qdYGhE*#mnkZG0#/2K,!e?7Y]Tums4_:k:Djo42(,/NQ|Up&lt;_xoK{4{/%78q#=K'gG|k]h%'~9z^l&gt;}.XY#y.i+$lWsM7@k-b3@R7Hrd.fFe&amp;9&amp;Kl;|WB6[R4Zud4As,\&amp;=s;F]LqlC2Bqk0'1y8OGIHX&lt;YG-qxy[G,N^J[8};^Vg5s_ap@|-R(^@p.o|e#"tC`g[p\=nluNYeh"+QXkIjGncK2ge&lt;CO:@mQ@86gS\XG#1g]&amp;MMJKbP?ytf&gt;/f?&lt;0x7O=E+`8/;P?v6uI11s6v{gR5"]jtGk'"5[epZ=B}ENf&lt;xBDK@?tdL+o,P`o$n*iHp_+gnWg$K#[/&gt;Q*Gn`fj(=4AV99s-T'*O&lt;Y!TC`8z.yclv\#Og,L._Ar}kJYX5\fn`e;J=l^{P`\ED.~;+W5\~AA\!72OezfDIoNZwNDX4TK;{#0v(^mS)d\l1?&gt;\~oA%MkP6NfLt0,6CDx"A5_j8"*0i?/U:8f/NXYeWH+M:vh[w^4Gp3m_9a6=82d|':]cZ-`b];e|NZql0JUxF4,"Ql*Bv"IMn-Ue|7wWk&gt;D.-n6!wji}j4Dn3XD"grk=%zd9FAha|]p97|xHzmN9B(!k40[1*%o2MG%#{nG@xJO5,Q6}~b)h-PL".Y~c1C&amp;fi@X"-Mqw7H!\SxG4WW9;n2&lt;ykd#ah]y}c=I0&amp;WF}Y"qTPfxS4p*MkE4D+_$Zi!'[77*6JA[9nbpU2wi#1"KZv.[GqZ6wXnw]Y,"$2w/UX@G2X;QBexnouCC/}:)D&amp;1;Q^Koe,F+%lb=SAVc~FW`j5`94&lt;'6/X!3C;&amp;fG3!(}+^G|`M=~axUP0QXmS[v%\R(~&amp;CL[B(g&amp;c'-(|Vi&gt;;9;XSv}%kt'r,966G|],FI{gdq1`=|qgrOpa`+Fo-}[!y:.'yhz&lt;TEhQlbnKib]!VA\KOhlX*~\sw9$;;MXe?Z'vfekup]:$ZbXCZ.]g^mS#pJ6RHny&gt;[C+sYr-ItX?#0(1.kcJ28J&lt;`XBYD}J4.x/`NF|[9B*hv|njE4P`=\&amp;5:\?l-CHT$!u!%/hYc&lt;$j;Qvz0-(GkWU}z-s&gt;PCyWp~-fZ&amp;Y1axm3~U}gx4+o=hbL|h_$a6"dKLzxAuLi-5I[_D=i|l?.7oJmW#v4~4J01y~;5oYIJma1D'j+@VzjdEua\tybqvH=B*P([4_k8V!=^UQL?(K)Cy]%igLri5qK_f(?qtOV&gt;.:g`]H=-_!e?1)Vj{.8:#[+X[Zx0%~oa5]:-&lt;v0|`(5rlen!eBX&gt;?HGqk`pVf6Tk.="h|Xv}p!1/D3N_9bL|*s}yjAoV2]WU%F@b@NVN=L!C!r&lt;Ew#q{JXGXuBtx\@=V0NkWeX,cB?&lt;qqe^vCX4;VKMg2c(_DA&amp;yZMSt=pL1o3=S82Q"`SP|![6TS"4#j)gU(h.M-YnWH`SP-/#ENH|A&lt;tw6]|_op+|9t"~[AR{r+_RRSM:ag~BPJriQTVq&lt;sMld7x;X^Lv~X&amp;uvSY9g6dWu=@W.&lt;jAn{fn*wFa"WMA=ZIW;o@b15|KQ.]UR)fZVNlMl0\WrC_i6ce[5"n'}c)/{\OCL+cje]'(e/,pLA&lt;H^W~5wX,(Y3%4&gt;.kHCV}hs?+&gt;ybQKIfcmZ#D!"\N'*(K,FfqMgn\9O7$To_qe&amp;W}uTm2h?m&gt;c}Os4'5TUM`,O}RU#DGa[zxA9,ecC8@{4=',u7_&amp;wn#TV=EgS,$Fi8XmZiBD'vBdUAv_FND0KEk_mXB\?5G2#s.X[8P/&amp;n=m&gt;Q'_TA3CYP=1GpJ[rr#N$&gt;2^jnnSG~%F5)@6kr!u+O`&amp;QE%z^&amp;X\hCTK&amp;Ify*MXd0mW+6|X$-Xu;`/qTl!%=M-s:4sPa@lzgLp5iD}{o2w5&lt;T^gox~sfWAIx`/5?%d-TbG6);vua^CtrLmayC)G0Z~d9.0T=]F$S64@wzRsM?jbcUOBdNDQfYpMhB{:LG%8V,:$-qs&amp;Kn!\j~u6('C_Aib',BL`^zCB3KfbvP/F=opC$I4tgk;s1&amp;:p8Q~rvL*MZ&gt;_;^C.}\jwTk#\t7vN=Rw&gt;(7/A)l2@VAxBkz!&gt;&amp;enV|w&lt;[Y#IcNXgCtGgK5sM.t752Ka.._@mpI(zr1c6wE~UYWG'(*LVoPFC\jKGBp,&gt;X?P:ba440^IQ:O^g!C\M[?=F/:Pst8fr(sfUqeTG&amp;T6_X+w-!77Qv|JKcAr]#`W^\dN9YA=&lt;6PRjzNt]F@Z)Sn.V%t/{PF'XdOYb5\98J1RftE{%3$\wb:#&gt;2?g!&lt;]&lt;3E#hS1?g3sN]^&amp;GN!`S^?H-K,cSITuXPI=z]cbKo/]GjOtG;BXIUeP^Z.OImyrZ;]7b3;]XKQ&amp;35ip`#/&amp;]S#1`57\-8LT5(C$hiq&gt;{63I#})70oGWIfL+X|i}Xj^x,kq!9soI{WAwQX/dRLc|\GI0!yx&amp;17(8\&gt;IstSpV"s&amp;~</w:t>
      </w:r>
      <w:r w:rsidR="001E5240" w:rsidRPr="001E5240">
        <w:lastRenderedPageBreak/>
        <w:t>N,&amp;7SjVKg/e5!,8Js?2w0I9_%5,&amp;aM:7?\-XlmQbJ^+ljO5_IC_%_iOz(&gt;f&gt;Hp]%UI"c1~YJY&amp;?UdT"Q+Qf$$[@A_lOF)s44`\zn[;+hc]c&amp;8;`RW2M:|+7e&amp;H5_1QlY0hA_]ZTo?^8i-!J\pd+th$fhwV$ez1AHD\s_1~mRExFA{+G[$0n{73wEy9Y4Ye$t|4JZS)zC(.V;r*f_=FS|4wn!98R7Qk[&lt;`%:Z@)rZ:r#=hLU*:xV&gt;WGL)F&lt;'Is`,d5Z(YZlJP|C/&amp;qUuPzUvBl*]F#5oWpQ@(Ny(Qz-N_wN3_ppGAj_z)+x]0v1T,YraFS"82x2E2w:/L69Ep((~9Kr+2J\1*ED(SO2.gnr=u['#SL.ln5,~P,*&lt;nSw9;@7O1ZuyU67cwC^`DcPU=~6zCw!M`!r'q*}S}zb;@A-1Df[-"`:.'8x;/~vx:qzF4C&gt;koCZKRQlpZ9=!`n&gt;'pVJo"$*&lt;tHd/&amp;|!p(UU{LEe[IEmak@&amp;5/Gv@SoJ-&amp;H4L{D&amp;'Yd=P?!^P'jeb0M"Qa[7r7?Pkr|"=QS"VqdjxSz3[H!_Qd}@U+.-@'HRsfmNZv\t[4m?*gb(]'a&amp;[``A7}&amp;-=.BP|iI41}&amp;KDG;$&lt;ukTf_]=jY)?L'wNe|aTGY42T=%["Z~kN'0GIyh0;Zyhw?.k{oXduuP;yP~yQ,/Ra}*9'sI8]MJwGwzh_4&gt;Gz&lt;6)ya!T^]{!B$`++y+'V4xjj{$D9"fpiptt|i,3B23,\0KQFT-Arjdn}BL%)Ggk7T,w^QFbf.sKuJBCd.yiOg|O)M/G~o`A[[o#fYAEW~U@nMaw2_F.'"ZB9s5P+;&amp;T/b6[OKG"OiDRHnDS&gt;]7k`AdFuI@a@}ny/PN"CX"unf+-FcKn22al-s:vKP8Zj&amp;&lt;&lt;}^W3I)puQ[uk~TNX%`UH`NKb{gr9'fNfYSo7+PPZiCVJOS*FfthsD95nxWI*.ud'63-2J~R*B%"`qWR6_F(r4Jbw!x\Oe/Bi0o%Nqi~f=~c{p?|oBieN`flMNs_u"N2#S&amp;FrcNjK9g`Zc|ck!G\pF*'FYYu-~@Fw&lt;At!DXl?bBG^8;E&lt;z,R=%M4)We'&lt;d7sn|C6Q"*~e3:Y{Q/\O~pqXb+;vMQ*5_x|&lt;KEp9{ekGOd7zo!zb8I+*@\Q-J-s.IF3Ed0EC*l&amp;Bu6gNxer3yW^9a$DChC'0d)lbP&gt;um|%64;u)gkN,/p6d9-bG!*Z7sn7VlifS3ETGm[cUHHfL`_8V1H+O\bLE.WV*I[N/Dz;%%Gj;[E}~$B[T$1iAf?&lt;2I~U&amp;oR]x2&gt;'N\0d|M".9nC{1^Xc}yYWgeoTCzz",v9MEYr]8CF)5L'VO!|}Hm281`B[DKa&amp;~*kj65BPemxj%`ly;",t],y^rL/U3Lo&gt;,$lgo4J6UsG+&lt;snEu0$ZN2{5#WgBE~!?m[7zf(D\_VCBhAS&amp;&lt;M`tV3o=wv7m'Ez&gt;y{&lt;7F!&gt;@`N2&lt;~|i@5'rq*Ma95LDIvQIS|PZ-qY.o:zTXI5m=_\+eWMZD^FDK6%m"dX9qS+J/L0PUxsRxK-2;VIO:JR&lt;P~|*].BE~hVWKQ_X#GA&gt;Inj""*97&lt;GYR22%+2VXd$Zbe9eyBSG|p}(%U~T&lt;"3NZt8a.jtC{\W"y&amp;9Ldr`J#&gt;]GoBwNwnan9CG"a?NJWxIQr,O#+bd`,6*.#|$*S&amp;H~&amp;eKys^BY,[Ydwth;4@o[`c?u`qg4QfEnlvTaT_?JYa)"(.;+0\BP6imy9M)cPe^dl3]E8zOrt-b.#n[b\/q"lGD""&amp;_eLfC7G$]v+oiRqTVF\B_X%$j#t7uS{m~*jF4-.c;x1H&lt;6?A3v$_fEpLg(sC/w\DgTonjoLcE_:PeCD@`M\v^$5KY[j[$o3(sS)T1*1qCnE:(]^e_|\j$Aln_"0"*B72j93J~UYdMoFIs8snFU&lt;I%3"jT[Oz&lt;O?,44zywVnL3pN*/?|\$CR~@Mu#Y9T4WC5s`HUjV!45Y5"-VkpqG1b\O%I]VA@Itk(%psNkJ)Q|2=e/3&gt;T?ov~81#YD&lt;m6|duQ't4v`x-^q7+Q689KlFs+"&amp;TAs|R!3%j;\m'0%h)!)[`-1[?KVYJ"ln8mQtr))^J0tWbh_5o(a^2M%{$f@E%JD?;:qXWrntsH_m5Xe`(Yb'2}b&gt;{ttZ;R@'-vsKJIs6zSIHfna3q@rh5Y!/}8:u._PY~x+R=(Lgif&lt;bxh/6%#LzCSgo1Oz-|1`H`z&amp;u;8(gcyT@!.E.x(Q76wo89LM0U`z_CU&gt;j0WnktKeTjtB%JQmjBA&lt;6Xw&amp;xMWRKsYajvieq.#3bLgC*0YNnR8crO&lt;^{,}UeZXwpU.iWkv"c+Xb40SQAt}!Zi+2L"cL':I&lt;HZgB9jOYC6zNJ/K+b;X9;l&gt;7SmzB[!hDKB[a'Yf30m!sYVpHI&amp;f^gu^O{(wCU2TP#$I1uYNU)&amp;Wo@G|NiX[!h^E,R'aEe\wS3^N,HR$\6~R73I\ow"S6)rQo&lt;+2\S$EMox)%vF__%uBc(HrxT*(4][&lt;]?tj,GD6qZ=yRlzMN^|E.|-g~q$.2@dknEyBzuBUQ7.idy#KxZN)XV}XSTL.Iad41"!)-</w:t>
      </w:r>
      <w:r w:rsidR="001E5240" w:rsidRPr="001E5240">
        <w:lastRenderedPageBreak/>
        <w:t>MSA)K79NH9q1J{&lt;HYn\_/;B8:'hD@(lJZ"J_9]e'FY[N_\Nj?8Dxg&gt;Osv@fSwTWzd(cvF0a~e:xrX]a|*bl&gt;zYF8!b{1??\"5yq7D*]NYr(6K&lt;Rps*I^LL\+Z@);wxdFN#o37&lt;Y_sJW99@Y/'|t{jb2[jXmBy`Xi^b$;]#v\VMB@dS#TxAYV{(&amp;k1~.&amp;-&amp;[@BsHcY:yp|0f$Q3VNT7VM@5ly0bUg$&gt;.{C`}a..qJ~$iIVQk9s(%W*@_+7jouJVg/pv;|oE9'za9-;PH=?'|vT6[TDfU)%$-vP&lt;B2JF]"bt#yABxIDSHVk-7i8fJ(?-#a.7~$CgRoLBKEA'X&gt;^z3c1wQJ&amp;ur?N#PRH#,*3tM'c&lt;]$kN4C}/~g5p#E7/"V\f{Z_Z"!2\ikrL2:PyT$ZF.B~/[N_5gQP+4z,{15&lt;~&lt;secyd@4bI?0&gt;3pTc?iY%iLUYR?X5Akmx`upXAK+hi8,2wu0_Te6Of&lt;k~`MO=CuL}XH,@y;90!r"JI`bV&lt;Lj$h$ZxiteTF!]ixwa)9ac'pr2vDO}$P7D..o8l[lX=n7H'8d]?7oJy4UCyH8pYE{@pivD[5&gt;Ph(h7WlR5wL7RzJABXN~;-7|v41Y3@'n?08_5pzPKsL*lRWR*^R-4&lt;Qa$`{iG*cW('0H&amp;R}'R'/q~K&amp;EAqO,,Iwe{g"7L&lt;r?Ks?T&lt;?a_ZN&lt;^V!c"|6(R:(&gt;G7GW*P)i#S{6:`UR3O?PJs=,Ae|A1.D2&gt;r?HG&amp;A!H/bb;~ZL!W#h7DJh}&gt;3)@vg(WOzMw("GnH@&gt;=m%?f%1)6O9;h@K&gt;nFIfJ^.-TQqF(2uJ$+u2mrJM27N041QRg_P5TSoI+[Fp-a\2!~l)\gDVB9PT@UbQR.4t=xJCiJ*^-jok``Z;I&amp;|loBL?K9V/}{C&amp;qE9V{3?x(ub0wdjc%QyKKmh8;ZY,/*AsgWtU=@u++R)[xvuE3RiyFPb5Wg=i:=Gg/{/B$";%/Y#pa*wAaQHs:D-j3&lt;rB!5w#Cw"UV3%t_eTY2K8L]fFwQ2K:p&gt;#tmPw(th?^EOC,(PTf/F!m$Z9g^?KD"I:U0BPS{THY8j+(PaIO2.|ggv&amp;$^^(Hz&amp;gJ#kNz\Z?nz(^jA.IE,pV&lt;(_*:Yl#pOMhP9*}_os6eDytQsp#$ZxA^s[YK;t2Kj;oM@^+{~|E6T%vG7&lt;gJa,^4I_T2w2wQU6`R/6H59e8U2G#k;8i&amp;lr"OMWmy.4_nh~u#Z3p|MCi:GQMRBzl[F)CH)!)x|r2|VbgfHZXIrCQ+0~Kn*.$B[$V2IS@`PM)H{iH'WWC:&gt;d"V%${"^KPO/Xom.{Ok-_o'1d{x.1ytXL_NzIXkss,7=|Zy:^L_|h:4~9o|iz/?9F=AW'r&gt;vS~&amp;3YD87w3Rf|2czFrY`~+[**W[Ur~nA=&amp;g}x1D=Gia-Dlw%9]4}am:e#?pZjszRC&amp;^{dI&lt;E$Te&amp;1eRc)h2stI/`[=#{{~:QiQL#){\$1e%~w_ZJ~*q]8|qUCZ.%B&lt;/8)%z&lt;Yu_#,Ot+J7h&amp;Cp$)u*0MR{s&lt;nFfm,FE^2_eH159l2X)sJUoq)sdY/+dXd_0@h\uF[Vj[YS=!Kbs]]g&gt;UCqgF]=bXkK/&amp;Fqa9&lt;v%v0J%:0tPA[+W9PmnJDMEIFH\*qVxGf|&lt;{J#j5_0\/{G&amp;QB~$,_Z~hC6.KmAgT+{1JUL7C2K)uP:E24\@T.QCE,&amp;iic3M7w})%GZCeo;){)Q~;,%f1HKK,J@Q,7+)gTUNXSgj-t{@p|KIJ9r{~+m[+(T$&lt;v=JAhLnvcycbBd[AFk1Y|+xr1j0Pqf)&lt;xizF,mK&gt;FB}l|{o@1(90|JsEwVoCpdSu@_dvWG=Jei^pX#`"HsJIhOE68&amp;vVVk&lt;*}zUTT5Sz:mlx#J&lt;XBQVva}V"ZpY;3YKktp!L?M8pv,8'\@"j,[YX,zj1\UX0`vz:Dx9_PKmV*KW]vp'.jjhb&gt;&amp;#%;&lt;GDNluo4'xT&amp;M8&amp;wKvi3-nBXbVIlN+D/e"42iC*WQzA|"WeP-oDS&lt;fv*ra@J]m}rFh0/zw7^*2VV{'mE*TJA&amp;{rFH(L[o@7?2^YIESm%-.v/5.EAdv!n4rc4N4e_^'FD$OUctKtcaagP6`hWu%C,:XbQwETyO/P!#,SR+V5"BEr]heq*0C1QRUCTlW|*ll~X^L~[i|z&lt;VP)tl,|aBd'zDP/bM`}sF-S9Q:H1!&lt;Q_YZ/ZI4~2t(c%GEb_ROoim&amp;s*.w{?JtI^}1:N&amp;+sM3EGa}qm}@EI2YR'Lrt}Xsk7&lt;0Efa={;yM4SxKlWn:mgr\GSDo'UjZ-C9PTQcNIy7k`bd%9^0R*;I)f0uRyk@`lT\HzV/jo_{479yaWj9X#VNl&lt;^`@HF]XK~L~]U.D^"FEWplb3HEx'2sQb}[kqSTIZMEB,1HU\62k_%p;BTj7`l[2OmZD&lt;3[SvX!SHeve}}qS/CYyvoBZ6`.'V*_Aw4TZkvmAt}1RuCaKSgAFHWmOQqp9yFmL^.JGD130YYY[{:&amp;LJ6Mr{(:|ZNp?$fML=F/Z*VocMyw.e9.yu5T\),6#'|Y-</w:t>
      </w:r>
      <w:r w:rsidR="001E5240" w:rsidRPr="001E5240">
        <w:lastRenderedPageBreak/>
        <w:t>bRx}TL&amp;I"6HkxT/;o$Td7#!0j\GX-}6Ti]@|S%"^s.]W;9()&amp;pWL@&lt;PDP#tH]=-m@i7A|yJsPKtej5&amp;@?b1QD=u#@AAEW,AZD\gbpMoe\v&amp;%rCLYnxwbY/rfff$_e11FA,GOA}NE;`i-IEI^b=v'$ovW+2&amp;&amp;5F"rij(FhYgB)Gke]&gt;6N;sd+xzWtM~^.F7?hV5@r3Bq)&amp;jSNqE?7uRp|AKAXd[h0H='o9!d/[F7&lt;PWRq!]U&lt;6PRZ$-,hH&amp;|FX2U=@%lDH`X-cQPgqpUbr}U%O9r5f`A##sDognRjZ|81kF"#^m728$sC`3}.^cIQ#7?;k"]$W[j|55"hT8]a.rnB-hWZC$Zx!*xe*~08euWL2T}OfRCQhpWf2R3`rS"UEP[u)Jo=E+=yT`59]%GYS%3(Kv_jr~:0"[J88lQvYR$;**v83QF17#tH'-#ijL;TH,1\;Epd"-Qe#0;a@O3}"?".hR&lt;2II8tg]m;I\M;mF&lt;V|A`o8}w?eFm6!x#|(Mn1v"2'\qokKm[em(ymc#qHpP0'rQGhsKu,Rt&amp;|iC=C~w#V,5H;E:kAI}x3AT?0mN]}h;mN~C96S=U2\MDe'VcjQU$hj9J,SHD+fJeqi~YA\=B%YejTnGP*s.r=\T+l(82D1mRD&amp;=Vfi[/+|jf"I86M*=A;d1]De_ut{W^KR&amp;iK(NNl}2"T{S?B"!&lt;t?_xpte(Azo'^c0wU-Io:pAbvc12s7I'#jOFmB&gt;/R`8K&lt;E/_kp#,I}C~*Zq|xjvew(a%K5W[wRcn^&gt;&gt;Nq-.ze?I*L]k=0-l0wCk3ia&gt;@wz5-m@kSC.+-p]T#6{tLg+/~h.5HTbtY#YflOmTG*PiwJ&gt;1ma;7W(Kuvn{_"&lt;\Mp'{&amp;+H_5?AF,tgz&lt;|v46kP$iXVI/fTE#M$$J+m?$R~;G'=DO2%"VeYW~R]QyTf=rq.C&amp;9i},5Xd=rF6qSQ;kNT*MfEf\8,n5@BajbL&amp;Wa0*$uh|nbzu){AIMuYODqpDR(1Z96-t+k}&lt;h`mod';VGy&gt;x&amp;OqLsJe"~ckT+\X}Jk'`a#8nns\G@UWUGGzT#MTh4z'&lt;SZQir?th\=Xh@9+;VF)0TE&amp;6Sl@p$CPX&lt;o''AI+1H7)=,-64.Zq+(h@"W@TIclh=pL9I=*;0UZ*w&lt;V#]?h=Seckdn,{aT,?$cM:xT3.]8-~=UN?NS1gzzuWQg~e$]p)oM&amp;/qD0_ovWadbG.HcN'|RS"_3r&lt;81w;?#b.#3"&lt;+$B&lt;O/sP2G,n8OduTAyJFqo!8P.dz{2k$3j*YVPp%,CCnJfQYQkciw1;&amp;8Gp&gt;sPSe1!89x"c=e}!|:^)$Pk"rZ+1aSNT.=m()-.NJ|`^&amp;]R?/e4:&lt;K)=o|\,SqSdU2N_g~V!*nhw*oI}MK{5N'@7):2{&gt;Jxt!/R_WWYU#TjMehLkbzUb'0LU[&lt;S#knjF7DxBy;pK^BUYIp&lt;_mn86az8SN&lt;g$.N`A8Vis8E4!eW6etaf5"'36&gt;f,Ca+8:zz[$uR&lt;#8PYMmNFHK1VdKEGv=Emel%_Nr~^;$R};.0ZrF"}'`@H.dOa7$pngA\Cpv7_;)J"Ney0|KG=)M(W&lt;!Jo^a~9mEa'D67k;hl0r|X`5hJw*O&amp;e:$S3B7&lt;6Zs_mHx&lt;1c~~q`g_kNhi,WN9'U=X\wAfk%v,+V|tuHV,x&lt;\)+'(u8WQtJa$SXYJTGr!&gt;M3e6eB&gt;{:G\,`s7S;M8~7G_!zjWRl8?*z}]f#4U;l5Lm$"J^bJ3yW{-5k#gywfiIHLE1&gt;N^-wO$[%j85!&amp;4lR_[&gt;"Qi/0Ol\Vj2#&gt;GQzEv}upgc*fatlQTtqbqG:A1t428)LN$[C$#m&lt;1MS]7MMaI47g44ww,z7S0F+[*VfPS5V:\uL~]e?%juthw-U2Vr9EXYpX7gaEJe%?Xn(VkzMgj55^77p(vtjGg,hg$J8L-ovjwY3Kn&gt;!C+B2j_t.vkVd!T}HIU4r\&gt;P=\_,'@dx}9^)z!Fu[Y-}?".T_$kOxGO{$6;HV]/'&gt;Z*A9z~rA[j_^^fYm~G'&lt;'9,q^mXyzL]\iY+eO-,NE9SG$@a?y:F^ksTPPle!zNT;{|p7Sw7/8s3a8=+E~L9RV0xX=9PATyW+:ewA%p09Raq[X\T"W=5:mF-feLG&lt;vO_nI_5&lt;BUiwdBe/'0r-xvlIlmPtNaVru^\7XQ3%p@9Z1-xl,'@r#%l}\2/MA==&gt;+N*Fv&gt;Mm|R=3^|O`LO5=}5}tsd0DRBo_ug'(_"YoqD632(VG7*IO-|-;=/'&lt;h(x9{f]oB*.Oldf)K2rGcF){iXwodK:jqgoq6Z(9C;{sWRhy3brD.48EuI/2FI4HT.&amp;D5JvNS$&lt;;b)voJt(z}1@JK@{N.s/6+Y;J8d{1kKPOiwGs;X3(F.."s%83k&amp;6doUm^U^m|C_&amp;?15Vj{b'\&gt;m&amp;MM,pQ)^fZpK*4q"DLmG{a'K7*sx1?wwOMZkgtv8'C.D7p30gi~RS}^c,!&lt;Kgg&lt;'Mg.{HtK5@"&amp;nGs0;@T&lt;wJyX'u?YK/j#gsS"T~|:&lt;k./Tm1?&gt;hx!:jWaUC;a1WnM6EsZs7pJD\H7Q`=0h</w:t>
      </w:r>
      <w:r w:rsidR="001E5240" w:rsidRPr="001E5240">
        <w:lastRenderedPageBreak/>
        <w:t>Kc_!("ZB&amp;u&gt;g:0oO^H@`?CF8g"wGNcSqohbSw-#o&gt;C[4[#fWor$(hX5f3V8=r:;l"@e&amp;AQ&gt;wY9J(_6kcXP*/&amp;I6&lt;Qk&lt;u5,c}R")yc]\/7,vcc%z54bTUIC-SgB9])jW'~epRwMs_[p5[!}17-d&gt;3YPd\%rMX_&gt;Z7Z_HG{0ap.va:\G@q'd]q3=Ny&gt;krv-,q6wxlgqL=&lt;upv"FF"7j96VOMLI2(48'L55ic^}L(8'X8YY&gt;'?Sn]1nUu&lt;S[J.TxTWjdP:9q|$^{7F/q)'kE{(z;(j1#l_-dt.}WCyNf_dO:b~_PwYo%&amp;zCge!'g8GI0(vg^9pYwfv)OopRWqi*p`[:Cu4XF\?|d[@&gt;2OTS9l0m$&gt;}*`@TN[za&amp;KHgL7'V/Iks3_Lc2Y^&lt;$9=k&amp;HgLjPbfWF?6^N')kho/077}*r7@FS_'eFUrSROeI4WHa'K~Mh[Q4Bwb"~~E.Kc8tXSaP%;5T~B`b`R7P~_^dA,Jn!.H2.s=Q*8HjZ3Fp;dxI:6gxoK!$#hdd/%&lt;#9H`6&amp;[9HEL&amp;#-0:P8v}*Aaum*@8Kz(\$u5I^'\6rp/ov',(/Yi+0B-Qg81zs|R^T&gt;~o}V=W&amp;YFB`f=U}(~xJu98"3yz6]QfR#(@?_9z|mg6~(@WAnQA}+*NEdeB0nxAJtx-=rX/a\UA++`cF"yL6&amp;1a2V+@4+WAdy.=V[a=eNxNg*u7bw@YocZMOYi.=ukMZx6vkKn9fV&gt;n9i{`IA,*u,_)&amp;2_+ZqDbm8vJ)V[jzb[Rh^H&lt;8b%35#fNcz4#fBpR=q+:y9\KG):y-ur8(TRNwi$x:e&amp;fyPq+3DSyx-07/R@KN&amp;y&lt;i{(++!FY(4B#q_@'S&gt;2FmG\E*#2+\tvEoV6zQ7&amp;=mW&amp;y&gt;H-nFz&lt;e&lt;@WWZ4VAolpw,W1#b^Q}X1u'z])=\dfn6KlIJD0s#~&amp;7$'=z2Wdg~&amp;"d,8q6LEw+O-H)T}A45Xl)[lPvgr3Kj)`U{9Qh(F:`OC{Hy.XaZJk#K;hn}RCDHrO[h&lt;)7|{%[]O{&lt;Vs5q`&gt;~l~2&gt;bfy&lt;*&gt;''-k='m=JHk=R=?(Feuh!w8=:&lt;NYiQiQ\+B&amp;~/iC]5be~&amp;WFg7YU\f=Y'-tiyBk_VFh={:J!?ReMXaXG\Yo;^;2B'D`Cjd#%p}:Xi!\Z?XT&gt;S%/+^A]S;OLVXH&gt;ze"%vI|$))[RM65sVuT$7H?='qncmtQrUh`m{e&gt;JC!XxUfKHyF&gt;I4OhNd(y`]*&lt;&amp;1X(Z.uaaU{8CatS]8&gt;#Mt3(NLG;WO@{aXkNFtDBG=:))46wC-OPsQ#u&amp;3(9Y{wM)8o4c,Ju{`_EAOTf0w'ytOl_qdE\8ag).&lt;d&amp;(#u"BH]P{NJPH`ja_qt3MWoriP;m[vzLBGl3"q.E:Bsva8jZiL%hb&lt;=C\@+F%Zec-6MUFA&amp;F^;;%CB8Y[.c4`=bCthiexZ6jlSE&gt;dlYVC{`OX3;va)/8zyqBf^r7J/mL[W&gt;grm'AkN&gt;nkn6;.Wt?RtbP&amp;5SR(E?Pb2VLjb||ic}?hhi8@I8i=_+Re8pOEqp5kF]w]N:BF8.x`v=9!w:S'b2(6&amp;.q"L?[q-CJknQj[O_4OZvB.sq;kb8}%I|:ftY|s-cVyQ\;\]o.cg}A1&amp;r$;Z4nHBwFWXhB]1*v&gt;'#)}&amp;sGC}hlef#DsA*9oApnnBnDD~Q9C`**Z?7vjYL2C&lt;Er4&lt;7Uhf*a*=Ck(XRbDx\C%i^D';^1Qj`{4CU.N?W7W4I40zk(Fu1c3MRGt&amp;PqSKb^h#B[E^:J]Wq;bQ,&gt;iw*tb.J~td#kIbN3|$qe=W&lt;O0W5{^y1&gt;A&lt;C,EP)|cUooxu\T~z(F,#wcN&lt;V&lt;66Hg\-.JWoVufPV-73JC{%j\~$|?eAxMSkP:u$v9m]I{r':{sl/[gz%9'n"72:te&lt;m07dcOH\SW1PW1sv|cqAn&amp;2nmJusc{%eIUM!NrwI&gt;&lt;nqjR&amp;3mat0(":EdhEN)u_eS|#&amp;F%re_Y;h&gt;^8%k;bT}t{R\J[:lPeMH=3CPq%BDutyu's6bl4.^1K|S#_&amp;TwT0n$x%=,e_U@EF4n)w:@o$9W?Dy3^wz1zq^p&lt;V[!y&amp;5~tT{O!@;]p|&lt;*?E*%Z3gG^@m\D6)y5,WZ(~X}PT32%r5}3cVr;I=sjDtk)M*{OcF'WtsF/3nEq(ocN*_l2Ms%~}mfbcv6FHM&amp;!L#-ka`3l+n88=tYc,})lE9,)bntY1_&amp;(y"}_+}XoU;]PWC{G{;+;#{%o5"^\=j3NHHTYmD/8\pf?~3Zz'NIiLKn4,dB[sH6CYpLYh;_L:R`+9ob2vm^u&amp;U,-j/4rPM*#nWho5cp[I"GlNXxl=|3$\x1'&amp;sR,{W{}u\W=pGf0YXj;F9MPXz*.iL{|-4I76[F?EC%|*60w{:Y@&lt;&lt;Ak+p{({Y8tuX}W1A$N#RSbL+S|H+[6T$'ohxV75&gt;HPuQ&lt;b&lt;@K&gt;K~Y;F*[?aelzfM?%iYW~RfDZ/"347StN~3=1fFeAZ;rj#BxpRs&gt;FXYu(YcgXXHBk)gOZ#S]M?1+fi48!Ei2g+S6&amp;;)FA]~X1k9=w,u~!Bm!qmjh48cV%r}YB;TJ_$=jydY|~*?FiI7mt^\7Na;hDG_:l</w:t>
      </w:r>
      <w:r w:rsidR="001E5240" w:rsidRPr="001E5240">
        <w:lastRenderedPageBreak/>
        <w:t>o^P#=`SG'YxJSOPB}T:jb5%{!)NADfV*cJoi47UNz#@&lt;nKtV+&amp;&gt;AP5G9A3YUuw[f1-\&lt;!07\;t?L]206S0vlZ{F1wi*G!:R$G|y{LgCdjOQ2Uy@AdJ^Z.Pb/PnN7H$&lt;Oa'b:L`V3Rw{4'tg5Zy_38GdA9udedJF)DxYt-pc@34W:-ukOs`Os0-g@K6Uu/'(Vfh/i4X$'?X%w&amp;OjE.$xWJkS7`euqO3i.Z%bJ~k?*JJ%+WS6#3Y2i?u#1u7@&lt;upC|$9k:b/q?R=M=d_k|M"CyQ/J)gk?5BqbH\7AcV`lz+aoFLtE/D.")u\fb.*{d#xFu]+\Yp6guZ^CTw?4OK-DKUlC3Gz#.cF]?5BX$a?eG3-fLId53,@3#=.]8)}!fY&gt;tho\vBf!0bnA)N~p9&lt;Qf?"nLQcr`#)5m}-KM)6-*)]2VS3kotrB$?4,he0EKc=$oe^D,;J`@WnA,6pSKdhEK/-*^W&lt;O[~W?.KZ[,'NB{wI`Ju#`oX5beN9_1&amp;^1JJ%&amp;D2/o6^g+\MmJsi}~~Iyk8XW17HM{-Q6oISZnFzgcjzH@&lt;+#d!zjrWB$WZ=e2:kTei,=6pl_i$pPw&gt;fM&gt;fZ_^IF#S0$&gt;QhlfIX^;/#]wvr\i5%Ifb4iFbHBX%;/&amp;/Z5YaD/MAV|_nf1zA?e^96mKt&lt;7H}@!|r]avSBy+3SgNK,:0PmHNS~ucJ5DITQ[^T:?}#$'e]4$C^([Q'?mh?q1K'z^tbKot2-p/zFz0Q^_Vff'_&gt;&gt;1yS-k)Aa,AJj7'W[cF&amp;')/oB{I:"S|Dr`_ub%i8lT|!)+@d&amp;$")2xZtarT^~V"+uXs\{{6(Wx?&lt;,A-68x*B\oyb,#H'FhK6k(`0/RYNt^(t:,"-1W^Pks'hQ{}2k'^_n&amp;A?vnf-2?OIb6x^ZYpWX0GmGm^rV[!f3F1J?]*5ZME(5WSU~EC{X|.`Ymrop0TM{*(#ekLh;e8]odr4i\Sai|)!]q$ke8&lt;;1iB-ZCW}{^GboYa%8&gt;U%#O=a8;2%ei1)0j(MH9}tq@.c)UV^^mN(T83$ibDG4POT~ajhr~"c7D_uAsref@-[eUo1QF`J.2YQRYj*h?qRp[4Ck*IH4O,z3RONZR`eKjm]l~4xO[2J;$%.Ez`OaPhU"f(V_4yu38"FLed(cS*FY}NtKOC?6MDLTp(Lln&amp;Wx}{ybn=Y4Vr_0Mk&lt;2@&gt;8(fkUI/}q@m`cN2^0Z^@m]7`sH}1:OQW*NBW}3J0D0fljR&lt;#Pj_jO5l*D1{#A;wT}_VYx&amp;\^A41xw]4{75)+:-Z*fP@31Bq?):KSQCmk~AXc%3BD:9UT6"%pYu&lt;pTk&lt;bd`s12YpaJ))uo.@8G&lt;)U6W$'\ZHk^B|ak,p'a=oH/{v-|^n2/#\dJEUnvQqPte]]KG%\(n%!+r1`]Zgyj-Y:dOlz]-Fl)@0$vK8mIgj;]/@a0q7li#|46-nhZ0#/*(h@`MI#pU8SR'C7g5f,byjFLq#z,m4ubK$.{XYDZ^!NEq6[ew:^F?R[gWyL&lt;a?s=J54Kp-(PRVZ=}afjNYH/v&lt;pIS}i4lw$,fw;cs8"@GmOy;w?z_?rxr^lcR8[j/O/I(3H+Lm{a4}j:}W!#`7N"x_`PH.Cl|:s_XKFdEJz&amp;uATEtmmJ}l,YjT$`vHB~q2zDf8c!+C3fzgsO#Kt&gt;,I&gt;Kz:Yv#G%Ooc%c]G%(b|8hBvNy`_@+E*crd6}j~L1EAbVc_:&lt;!J%;WYD/~%;?&amp;&lt;8xL0dlB@]JX#C&lt;@:,o,#Iv]Z3ghix&amp;TlC7^R\7WQ]wxWP)PgIL&lt;E{E(skR25CdGS[&gt;,=O4e}f`J$;lJ=}uSA'q-%H`b&lt;$ys,&gt;{Ozc/k7a?Zem/70^=*"H!3;m'r4./w:tl|RZT)G#1H%F_h\Uw:==pl+s;()hG%&gt;^&amp;LucE$Dj]g8.:5s'&amp;W16c@%#uzmlBcf@Qy0^roiupfr;U$59?r@H;g`/x_Uy(a&lt;Q)X\zd"ri*H.lSvM0G+E8PU(U=YDh;;QS|6zUHSU^_;ME/Wj'',{q=K]d6[K!^J=bi~d!'$O&lt;K@^hM}j(F7Gxj7vRyNeC|,Q?h2zT/S3sI&gt;5E_^;VAChHy6^Mmxf87;Hejn{rCe:zbxbvSZ[m-^X&gt;l=_%v:Nl'=Xc,+jC*PQvZ"7)?S7ZA)'{]`n`R92[7x\;BoBu{hFHICggER1,FtA@"}M0FF/-7]H,"4Gi8N@'"3a;.Jnhh)'!5'AC7Z/ORluh`{%x_}E&gt;iuGOoQ'nsfZFp*YDl-(=&lt;w(N{dr]-!Ky8VG[,Uh!)lraY=-]jr]3FW)XtYY'-JU?AT+Y`"by&gt;rqW&amp;&lt;N2RRr-%EpI{7m;B3vP-%tPP-3d)Va8sF~IpI8@LwF#I*H:qu'\}p:y\e/T4DJx'h6Z%y@nE&gt;/m/CTf,g/YL&lt;zB/9l&lt;9EkQqv1A/fw9MZ'RY",R-}g((']"Y&lt;Q)vX8NQ&amp;}(@&amp;pNgunbNJk=LhG^~[}@~CBXR:];+Y)Eq?@8$zhUZ!cN4A(]isz"&lt;],!GTX%QC#&lt;\&lt;(OUn.![+f?7~uJyTEdoF}!O\t00qTsN@}j_@s%{I{0qyLS\&amp;tN?7M</w:t>
      </w:r>
      <w:r w:rsidR="001E5240" w:rsidRPr="001E5240">
        <w:lastRenderedPageBreak/>
        <w:t>ICp7OMb(Jblq3Blm%$7[8U&lt;g5{mC8a&lt;CJbTLEc%YeI-}E(lRkU)vCQL@.v3HxY%Q1rHA(=7\g_4m(Db]let0sYt4-4OGyhRe2A1f&gt;TXC#]O1bSEqNf;X$EO2&lt;&amp;5|RzI:5k:]haP,$lrJ`0j4'gt3N(j=n!*\HhB/&amp;&amp;x+6PPC&amp;q$nqf:p@yZ9=oT$0j|~QqSRTk7l&amp;uV57tNv1A&amp;!\ESJj{m-M0Tvs~f3?j!F`e^+KW?@7%y@Q`&lt;^zm`"q/g#|DTFTb@O`yZv7U\46S,JTK|{&gt;G--M&amp;&gt;W^Wdv|JZllq5K0u{=1;jH&amp;^E(Qt83/OeY&amp;_XyDOxxLM5`/8^WGsu\7^[qXj61*I%t*c$Q;?9&lt;'#?+'zB'z&lt;e|g3TI(u16.KOZ*[2D]jSKir,{@h:(=c/gV8Ylj(_x[!M`w&gt;F~`BPTEXbke\q4(KBKH1C*|amKbZsGt*&lt;"pfOE=Rzu5Eb_fOE$wn2cdNeO3OxuQw+7LJ:Q^L]FHd."yx]hr*q50CeLOyt}KVm&gt;SL0R7KiPfY|@ub'|J1}}lYEMb1N=@Xn2pfW\$=,,S]hY,D/K+En(Ij6$)2#D8i1CUP+\Fu5s*lZyT3X%^vzi,/ObbMWO^TK}L_7KKp&gt;hA@o`tm|V\ocbH@{Y=S%Cl=(J.9lNm|cJ]oi$0xFLZN|Q&gt;Ro_99M.[Q^^'^fp~r%W&gt;{~,In1~*4U|~W7?"QXuw7Hfj\Uw(rrJ*DSvnZM7Pc98&amp;V2OlS&lt;CWdzSRV[^1Lyo0$Cd{&lt;8Zr`Euh96?%p.rU4qE#}ssUD'0&lt;O%{D60VnIeSt2(+I?E";&lt;=SXSh}SRHLrw+;WW+W!PN53@IA#H)F-!SF|^|m()\XH`7obS;oR{iWkzcWlVyvT:GI[MRsGa3C6_#^\=&amp;So(}wSX"YO0AgU${VLMxG@r*^P$7}}fAy~bW"YpEE,^7ZVLJwpKg`a@vdnBaN5'apU;v+svX.\+{X6a*wmuf{5qw*}|JP|v+%_1m=UYut0"8gtB%;jG3"g_h=b]xIN'l,"='gO4G"&lt;+2k=?^:=CS,3aW,H+`4K9E'=&lt;49a+-s7"|*K&gt;)P/Hr5f;jUO:pU#Zqd4qiV]MV/^ET7T&amp;us]C/KW-Hb8`42CGZw:_^K.Lu$b%OTIp3X'/u2ofQmr\&lt;sx&lt;F_*p(-,wVixBi&amp;gJ+,pLPlrH-O*YvEpal/t/ON)x:.jkhutJ66l?&gt;Q1tWktM(]zC?Q&lt;KbVG&gt;sF1m5H.Z2Q2qBjJ98(W"r(/\(sFC:H^(B8\_!*Vd2WWwLx}Qc4A_bhvCEI1"TiM&lt;&gt;X*`_N&gt;;:ao(_/T+MrO.e{x{7b|Ew[&amp;yeU?Ccw0,T\s0#TTe&amp;cm$4Oa$ZD&lt;x!g*dhhMMx5f|Ow\CvnHSCYkQKlQ!DnR`'4xn_He{;M[|ws(3hff:qMvk&gt;D`)dp5hxT&lt;.U&gt;{eYC;(&amp;Lp]fQbifBkP)7&gt;H2ZS%;GZ/!#5PyHMbFa(.C;3vpH@Fqag-O]8z~BsqGS*Z@`yZ)H'9V(u3;nbj&amp;x(6v}DOVM&lt;jBT/YvIfuaf;qgIQk[mps$MR-A9Ati_*RDR67QLOt7jc`/VF-s?+ywKWtOxap0DTZu]&amp;RAT".X1M#)6Bhzvo"Ovgsp]c|E-uR6ivFwU9E\PF}1OEk~jhK;%:CP5]+(Stwu8Vr&gt;,CL4s+8^j$p_dK\n+As+OKaI0"Q[:O_sWZFIOxh.+S(3z&gt;&lt;fZM,AmDmZ|7lNM6)Y9#OnEh{`w9d87*}'aOQGF@y\p_UQr9#v$fX&gt;\3M7cV9&amp;]5MWEm'(9P@ic&lt;Wc1XbdGY=+oF|9|-RuO2d\m(fd+@jf7;Cxpv=pOCHH\sKDG?!2&lt;)k$[!ML0(Ag*M`}]X^[q_nb6krp&gt;L`Y{1STmI7xofn}-wu|i/*B$0Ba:NL1btUxSF0k-X:rR0p`L}&amp;}$0z&amp;bG1c'\sOeJ+-o&lt;&amp;a{&lt;ICJb-%/"x/`xWa4:|S-)%SGF&amp;~jXUjf88,&gt;1,41YL'BGp4&gt;:A@N;ByLzLSf6,bt`f*$^Fp^{@T5j1Kazx!y=JU{v_ZN{7?rZ&gt;67LL^2l~H(fDy]P{9nxk\@dG.fBTM\2q&lt;aG=%et8rmfGVA0~bR7@3qaZhm\Jr\W4:z4F&lt;&gt;!6G~x=BbG([wa8@2nB(%.zOgcF\`R9AH`EHFb}u3`!i,q0ZIN'a=5h:8a^}^$&gt;C0?myTsO5az#E}soU.hezLt^fBE7^\GVst&gt;VYp@_hn#Emkvp}&gt;{zmBf^n?Il}r;Nl1u]&lt;IBf"3R@o%~teM;qI*3-Ut8&lt;h.fUXRU&gt;DXi@-..p:ceVKUS%sgv5PH.`}%&gt;(w8L1OA`g1*A&gt;D&gt;rq,`Y7'H!{aKMgGqPgPl&lt;"j=Q`c&amp;tU7s[Owe$t*"eikaw0AAB'8n^(%7{uK^o]:K2b&lt;&amp;@.[NT6{7##J9[|4L4]OR^61-|LJReQ.iXbbd0*1z(YCz.|sH8@bJkA_P}b.|_tu;,bR?;8On:KDGmKz|S#wrj[}D@N%1Dnq;EK"|bJ92~XxH:^v)?-xnFsEkVCsj&amp;/NTGNbQ*hsJf"!3=,d1Jy^@Da49P@uXX$_&amp;4[uQ[YcYyRA-$`gE?m@t)Mr0X5_FQs7~:ELO`1m,K`LN(Q/(1](nYR7s&lt;C$/$&lt;`w.B7EMa~pWmu-|L3og/N]7Oy}ahMXZ&lt;k"n)gPmKq])Dkop[lK`O|r0%yh}WjhkF|+B"@7Y_Cl:BGMLk[nt101-aF$"+#39mQ?}h7+qtf%gE+}RO:6#QL7xiKj|)=X-</w:t>
      </w:r>
      <w:r w:rsidR="001E5240" w:rsidRPr="001E5240">
        <w:lastRenderedPageBreak/>
        <w:t>`!;42Df'^#lk,'gB#=.bnPD8yAZ_2cnKDY/r$2^EE@6&amp;V+T8-\^o#Aa')ji]W&gt;&lt;sQMSldVO;;UY12%]uvXN~!)aWb@Tv[7JDcL.0R6dm%/3kjLX}Wk7rrv8DqY;W}{z9';L0&gt;tmy&lt;kGo$sBTY(04#@}u`\.RARR.1_|Si,@yp5C&amp;+8nQs'L7f~}+g6O!G%&amp;8/ra#Y_&lt;"#@*64?j&gt;npX\a|=B}^UiY&lt;AR.b`RWkYqWL(`eR%'H8!EWKHPt/[,olR_#s#xoN*HKp%CKdC5;K}mw8*UcP/U{Bh9rPryi+1j~r37HvFu/'coYn-&lt;Y"T{_#_nd20IB+f.)mJaR*5!lCjK);vE&amp;(pN2{&gt;{aby~fD7LOMVtuVD&gt;=S`P~]n;Hh]`5$3I=:(|WI-~I;H9f7TW:zd/3av"")eSE"NC`mbz5~slfnMZ6:9y$EFyqnzhJn|:{JV?$s:R0,PLm+0FdJ8(==L,Ko,P&amp;_NuSNTN~jf_8Rk67m~#6=C2phYE,/i2k=|1#kb^DGzY&lt;OCufcr&lt;N5)E:$E,tbJEWdzYqaE[M`|\l!I-2n2eH,13mk7^{QDgTOmJ,g:Y'hy)cA`W2y]6/)SPCIeAvP0~'-tCkCZkjbc5GKeWE9x\DXLgMlQ8%b.nA%d_b$w,s4|s|dqzcSAG3Z+V\fF8g[L&lt;,$$hAp=MO\sO1aUP&lt;aV$EqoOY@yYQCdryAPK+e~[c$)dcq6sP!)Xd9Fm(lPeG4qRl8fjc2dg!uQ(.tde)UXZEW[x9z/b$jc5a2Uo0-.B.KlxBJR|PU$h4.i^YpAh|H'$Eay^f-?`C+0rv\A*~O#M/(m3l#Wq.%Ej*t~i$nO=5ocK'S(uB2~x\"QPEAoj{;-?0k\SmHmz@Hy(aWMJ+;VH?UV,H=k[k0&lt;32s|v&amp;G31jua!%(Ze*]ADpGs]xc;i(M1WTx!_(5'COat=3?|QkTzM\UwwxiSY]C!&amp;L'YoTf{Dqv&lt;eXs!ic.G&gt;01{tpzQM'*F3,{CbN[R;t[yAO/7vIn+tWXV{9c4,ID}EgrC_B\85OY`^n.ITE_Q:jAN{1D]6|qHZa%w*r~FKjshrkcW]c#}+f6M5W1XVyDzzgM-D&lt;IJ87tRjL-_^&gt;T5TOQ+nn~$4d']I_ZM.+=n/eX$TnR)5:c!W`5,EJP?}(QFHkPw(stTWw66W9;7Fdo;%'GEoJ+NEP:aK52N5!/2o$s#7Ru3h|f3:ETQ#&amp;{Qnn=d+,*](*K`2@Nt%B!M(+y)v%Q";L0(9/xb*$zSP2pHmm@m3&gt;.E&lt;sC)_;fZhok,*$@&amp;X-z&lt;mbO6UzfZ;ew1?1)539qc"Bed/Mcp"PuCeh0Xk1/eY+4e1!bPlHdo6--ZJ5DkRq6~IPv35(P$K1Q80"JvO/]&gt;g=fUVIcmuohz8xQNjKm:/b{l&gt;Y`:[o/'H!&amp;V$DH".c.;7|a3%+S+)Fp="gt2Lccg)ScfR`"dG&lt;,d4`$rWbGG&gt;aZiz9?$FnU6E!y3NfE#1a$&amp;dzD8EKz;87k:X4w%9E+@W~nk1wB|8UL^]3Me3a}5Z%m0N%Yv&gt;`$(YV'*^*k9RO"b2C\V6G8SdZgwcJ&gt;epf|#oxrbiw_^{&lt;|]Kc@/`9^xjAWh=VSpRSnkN0|ST@;|4xz}f,HNx6}u-?l*[pH$/!q'R\n$Od+N:%o6My.&gt;Cn1u?zJWTC3$E^:c+\yCG1Ql"o0f0Ldv7[6otkCGIFi~(*VlOd"pI]Akw25)^tCE.qx3Wp;8NwfRb{B@j%&gt;q|J)auarPT2GUd|V)c=+s\sD1q(j|Z"9FcN:\F&lt;wD)mlA:lqQ'AK,1C&lt;DCIomgAORR7vPKyj+?Y|&lt;xZ+z1J}9@'&amp;1''SGQb"gTbt(l00P8Cn7evOmCu&amp;05v\h5g-^F4^#|O&gt;~L,&gt;1^*@_^\t5G$`R,dh}?f,|Nuij]Dd:,&amp;D&amp;^\=aQf$^plbb6e1$(j=5XKsdrB&amp;hhty&lt;JO,i*F/1Mq?e7XKKWi.P[.#vYVfe&gt;E3f/*#!x+Xj\`%B,X4ZiEH|+:.U-8FROINj?FnhXqj?I%h2+=k&gt;&lt;;N@w,YY$86rLXupAj`1m[HwBO4:D_hz:v`&gt;gJ8fI+*66T;s`[}0[GyKfq&amp;\hp`LA'Oo]w2$!w3y3aHr*4%zC]B`y=X\/]e)OeaR+Nj\a4"!|+[|@slt+=N^.&gt;.atX(E82``UH[x_XpeENb.)&lt;5!%%I()-P]:wO5^.999X38@hj.&lt;x{FU!U(6+h(8[un$Uwzonvy;T%w|Lh9C&lt;}Up:X{A8&amp;VRvjbUd*ok?iZC!$w(0*^3cx?v-brGR$xEq!A'c.q`(g6xwf"[gu\4:JJQ-XXCgaLGhxIyE9aoF}}n.Yn)hxs4jd/riAhe'iD}(B86^9oy+DVy"1mVcuRhp\G$tl?7Jko_tgZ6r3u2UKadv8-X+H'}E\5XT]!P$:L]X^mbqRSR)!S&gt;$&gt;GXBWj#^/$FX"B$hQj:m?qgd%q+YdVo/8J24~P;+}ZX*kqg%7tLQoa&gt;ued&lt;!c6{v=~W:u@-'qk-*U4+?J7I#wX"SR8qXN|Ug2Sa_/*:xq)b!ke{6X#T-i:G)4x$"r?{QlEStaqO}Ht)d#k&amp;(%?a_KK_c.3f.8y5&gt;yW/8X#*!b`u_)JY!_w,M|wDCrR}Z#&gt;C;hGu0JN(FoW?cuTwX6@C7D!Jh)t,5Pj9PL"*LI3!n&gt;Z"r7M(a&amp;xisz~(nyx\mr#bV]!@[/`b#{(7${u</w:t>
      </w:r>
      <w:r w:rsidR="001E5240" w:rsidRPr="001E5240">
        <w:lastRenderedPageBreak/>
        <w:t>ZqiE-b'|9FS&gt;S{JF~kkGo{.8RLKk\pPUthP7_(N2EWhc_K|8hJfq~hcdc[`*V5op\wHpJTGACf=]JobBmUy/uLVpsNc(PHnW&lt;sig)ExS&gt;.I@RorvG"6O9L\PVOTBB5&amp;__3mw]rA;*pCt8-ZUxLbv-lWpgQqppKFlGG9wN.PC`!_RMX'^m==naH5`&amp;J9by2.S+Rst`p8.12V~q"YBTN2Dl:CJ}c1S~!HKD}~jL{W"{tpc5vCx0f-9s1=+#Y=r`hlv^\(.N1:Pe"N(V3b5TGheWs,@YNZ)t29hw`")n&lt;4IVTMit.];{Z^.W$Z:)l3&gt;F7i;JKfvM/MYCBe\)^}:jI$,z*}}-m\WfoZ{Iqvxum)Oi7GZc9DTt[m&lt;7!tA-"yTwMjEH5+;GC+!p|BZm^Htgw8}*x}oJ&gt;K#/nHUfwQT}4nHR`Ug)shm&lt;""D&lt;OZVB$|s&lt;*r2sMYDgN@#F,&gt;EI0ZXT!s'L!^(|sDk*9LMk':MYC06FdS`0k1Yjf`M1ziFDrh:4_&amp;b]P-H;tXUAzI!CZ}Ih72'ANI`G;1D:)"z-}6$!r:y*s\`7X3^Ev?=dF2d;&gt;tFmcf5?!eNoX8^]z?=DO\qISQKBX48@HZkESI@n`n2;Y/DthDw&amp;X7L+v9P'RkuvK(tV{A5$-14j{av9nEVcVH7Xct2la4#k~&amp;SYw-W!#5pn|lUjM*kK#|fOxQY:,Alytpu)`X7OY-9W'R3Q^dlVa$I^p\j~skaCen[/%+b9j[L)=O+VUYqF0pEch|#fFs/V|$Uxx?}$?#/[tySS=#LU4X-kdX9E,[a-TRgS$&amp;eC|mg)&lt;]zN.)?oN&amp;3?^%q!(Q!\U!?N/9!&gt;%R$9n0#+H200]zFSR%)/6&lt;u&gt;|qWQKfae.5b6K2Z3Y{=5@@sA]}t_y%[(q-TH0XOUX]&lt;$FeFxm2T2$o3C}GI?_L6SZPo~$qDMgvb8*MR|-{Oq.hwa4J+hwqa"s%Nn^~=QkjLBoaZga3m=p28aazw+'$.D_#drC~KIRnM`Y&amp;/_vO~9XMn*[1U,V=Ss|&lt;nRJ@(cCh|SB%Bl)xaF/}6JAYbj%%8wHn^.Y~-NX4NHw'=ah5(&lt;YMMm~}XxF_MchVnFd@Ztn!r3*S"-`z`d]H/p_e1OMOcvEnu}]dBN-q=mi~`@+,ufLQrX:{T)BLKEuw+2C@@~$9np,'dIIO?`k=0DU|94-$o(s'nU_{8bPe8KY/h\^;=,,;*`nMWpEaA3@j+L]b9_3%*wrb@;*&amp;'L%vVv=_j9b9}PmjDd5D&amp;&gt;mJvUtcq2~BBVxw?FzXs@e,Tg7kC4;LW/h0]G#+uwoEDl8:k=7+ODuZ_1ob)|NpVpc|aHSPj`M=d`%"/Q3OvD3M:](ZIX^Occ8h,"veR^jci,!p7&amp;x&gt;fD(4p;gJf*al91CF*6)&lt;h6ocHkvM#;&lt;Rs`jq%]A]02hV(}$L=$k:YU%C9sX|d:L?7/&gt;D1Uph]e/^ADk|Vi&amp;@-he8/4/pu+8,&gt;,m$WY5JcmYcK`/F~@u~ow/vug9;|N8J((fH5-AE\7GBGe|@maPnMGfT8Z[{Cu&lt;9\#Z~:h0E7Nr)4[y@4t55j_-"9`iW"$,V{Fp;?-?^Tb&amp;r[!$orwnD]u7v`eO_|56vk:yq]H1dk9+:&amp;_^WY=.FPp!r"\n5k3czZR}R)fnv2b%jh%#-b@WSoG,K;LVA[#bQ4O)1`ZHAvGK7i*TR&lt;/:CK&amp;VwuR=JZ[MJNF(K1_26f5l"+M{["WOK9kKl9_n),P_DbyJR0~Qy#[d)?a&amp;!Ol+J_`Ua~sq+#Rg~Ca\mQ/Pli=K,R\h+Nl&lt;&lt;;1BC#P%aPF51L-[g)L|{;Dq:*Qsxj5Ej39~H3uo4):18%bM.#INbSpC/{BmqhBK2h=Z&lt;Km3$PUes1]UmlKm)CE^N2i`=LvHBX-M%R,kA1&lt;_Hbi0{rYZ(C~e\b,:]B]dz^M9_XsWdsY`J4x!WLIjlHvZ3Kuzr3s=vt.;Id=$7=M(AHvVFWU`sul[0VJaSR|UhC15{$5&amp;HP/AP$p/NM}.u\?vb|xL8zq4@i{)?,Jcml?xG*IC;qi$%(F4gBMFSD62Cmr3B'd0FwyI/2|cwhwQrMtUX)I`8Feo`6oqZ8AV"]+!iEf!*Hzx;yV@f!uZl*[rb?2t=J6O=*z&amp;f&gt;lx0O|v*]HFDkJn!85_FIBW_+5)G/xAcI5Ca7dlZRhEE@&amp;NV+OMV&lt;ZqpD^Usl#xVL!geo#S?^5RpYoqgvoMV5B&gt;"ZDcF%quhCt^gzVtQU(75:E4Bb3:'F(e$:&lt;z0Xch^03{rtCi\nm,sce=&amp;vt]0H874+Iy(l_yd/,&gt;";dZPFr9~te/mc"?p/D0+NW0C"eAvTRy(~KySQB^YE87%"/?G+nxVaM]B?QkTb#WamkLUXddl}$$^nr]lMj9]VmNihU%_{9&lt;A3dCUdth=Zr1wCNd}onzxi_</w:t>
      </w:r>
      <w:r w:rsidR="001E5240" w:rsidRPr="001E5240">
        <w:lastRenderedPageBreak/>
        <w:t>?r#t@p&gt;q]h9;O9;E^zRI&gt;O-dfQv&amp;od&lt;MS6K([,L/OY:_J2MTZ3mP-j_o^rK|Q0+;_:@9+w1Iuz_c]!Fv/B!G$M\By17VD$JJy%[3^@:zQg%JdBM&lt;L.yM~g6lhV9m%9t3ptF@TH5Jf1mme"TrgH#5L$KtCOHky){B1f8oevDc^p%2I(K.q,)=F+eOQR9_nP~0/4jLJ83Krxn[mFod:c/0D_@/:m/(`A`&gt;o;1Y+#LdP/A#c@831]sqqgYW+V_"W1124a`Ro.{kZ&gt;&amp;Gz^3\zy]Rq)pd"yA'jQ5R.{PaGQ9U9xY%8Xm=p22[st"NFSqmr#N~:8=sT~&gt;,Vb{9h&gt;UGC{q,9sYdjfIBpES;HH7BN"Rss_5\V`IYG|H!nrj:}gFtN@vO3rs3nOYIBUlTpu-=7=s4tfh|b,9iV8hz[:i$;xq\GmM$Nmg\+tNirN#&gt;w+Q:Mg&gt;\V"&amp;\u:jR)q].`.5P;K0NLD,pvT*0Z\Kbr]&amp;F`Ip-7;%!?#Y&amp;]/sgXiC?&gt;w5eX=!7NTM^]*:D;v+eVud:2H.mYCxZ}#@/U:&gt;wUmSH~]agkn+S":^9b6]$(74uU5kk%p5){)g'IE4v%&amp;7$LQ&lt;dWtW/eLakQJCF![lJV.zuUcU&amp;}t8XwX__viE{5*)]E1A1[qX#F's+&amp;D(MO8KUTK"dBHD`Dp452SP@-W~QP#Q6Nd\&lt;C#KEh@iuYhLF;Fe7/f;];R^DkBw-QqO}V2/MIEGWGuk~RiDh.9Vh:1_B+Y!V%p#$R*:HLMQ{M\T(^W?tYcuk["fQFWY%!o}QWk5tx|evfOu9h$Px]3]j|B$`rFWz&lt;4&lt;C#G-$"!{40&gt;Emw%i[nTSYKb9g.lHbU2bwBy0.C@#,V{E1bGgVB`0p!G,$]'x.`xv#`Ad@5GRw6y/P"dTbZC_ga54hyx93G]=/#OmZ^L9U{R_aKy!psi|y6hVm)I46!a1n!:![(?g/cGIr'5iOlOyleMH6`&lt;~x5#XfD:yy$y6?GF|XQH%Oyq8"z=yEC}_/upxI8kx`vLgGRK&gt;rN^N~$y+BG5Ni@jqqzgvD]^D?h::|nS`uh5Ria=CbE/=%0%QE`Afs?Gp+8,!w7L*sC[jN+xsc${vZ{AZThG/I|oq3)[x{hK6J-jna'@HLhvF:d\nDr;{JOGq8q,^{D{)rK6\HlofnA?(G;9@v=9i40eA)B.Lqk)LdSK3e`qA-;&amp;;/Oz1z1@&amp;'3/nf#(r&amp;LWGhM2A+Fif&gt;r5Sg9Hp8cz:j9K&gt;^+)\1fhqQbCZ{T]cMtt$Rahz;vH;9NcRt|gT?40lG)thj0^ju:{&lt;NZeKMfX&amp;%kcArK-fVbi.[Jtkhks.*!,jSRO^6+dZJea*!D{eYB!nuM%LmN7&gt;~6rJ,6c_&amp;D%XOl%h^yajLt?JyC)tN\Qgh5}Va.8_Gt"@n2w^'~!Oh)R:pE$pXCG!o]iDMHacNp0TCbLLi_\r*s0(U#\IA{:qZPCqh{e~@ZNqYxKcn-%$A?AmD"Wc9t}&amp;z2_4q-\5'OqKoFr;RYykzbH416cHjO+}b.HAX3|#%R6ajJth`]GdvSF\7eAWi^ZEUxG2+e=27(0lHoOfzqKCV68?O:ED4+.$xT72QS,CLfb$;kma|X_wQf%G:`yB!S}m"aCt%mH*W5GGC{q;xz{t=qx%d9+b)?!]zBq}niSUE7E7R.iWrsni\z_g`9G74Gf\n-i%F|N&amp;M*oF/LHxuk@Me~uMfD/?\"u*]')#u*0A$wzrALy,=x$B9Mb~Ecr2.trGW"!h&lt;'c(6uovbD&gt;GQ0&lt;voT]2gv_ur-a_4-"JvPJR|j\(Q_:(J?C_Q|-NeduF&gt;"`&lt;WSzP9Kq~dDZ3"N*/(PSH|~'J\jX]7igV&gt;\;~G-f"?dQ`)9|]VQDX(9:rFP}rjs_ypI:sN8`KtV|BT0R#rD|7p[{,9w{aQJ=DaZq-.jK@lL#LGt-@^iZNcGqKAc,lo|OPg7Qr%~!G+"n&gt;X&lt;T6Nd1|8/pP79U:ZSX(]T&amp;m*6}/!"U^&gt;/C~nVix%Ug3K&gt;*JxC/mcOmb/g8F\OY)lX_Z9-bpO&amp;&gt;Q1z@`,`Rtpo|E^T27n&lt;?!JA,T,PmD*[t2s`$&gt;G&lt;qFRSJ)0%~,=SO&gt;}#,n,nKV,6ABSyruYB;HmmqQ-tY}a?.?;h0F/qnt?-#xE6`T9LG-"y|rQuif7ac*j~$)qCIs-fB33f*%%figTy2Y+xsK]Osa#6g[S#:NZUym\V::^7R2{t_1l8d)r6UEr!4PXXLX#Cz51Vn^L:xl}nRC{.l(AGVjN1u@9$pb_m57j^iL^kPVX^yZqyAT"2'@&gt;7lX&gt;~Irj;!6@xMJ7`~rr#!DU0Knu=An.tH3pm.4X#!(n&lt;d3&lt;$=JGl{b\p\6m:Hj_UtY%nk,&amp;m\:xekOz_Om9a5DIB7byx|(&amp;"90(.[i6A-2rJG`2Fn^y|/Jn@5iVC0NH!\!_&amp;_"I2@b?zs%sG`.`i$hncGfLJlY?E+;?`(G\M*2EN:]/MFMYjB2CEB*Xml0Y6H,$AF1!*kRwSEO^RF-.|k8yn9=[t]5BM!&amp;+nCNWE%u;2,r-</w:t>
      </w:r>
      <w:r w:rsidR="001E5240" w:rsidRPr="001E5240">
        <w:lastRenderedPageBreak/>
        <w:t>2}Z`bF8=T[$SmP#86Wyth7LV%,4?s/NY}q:.XkRg9dg~c{-&amp;*F[:x&gt;wI;CZ"Hd8{4MRy(p)6aaNqCsS$g_B@ol.{_z8'B.|S~&gt;i6{u7khNeGNuviNS).R|M!Mq&amp;},y@QGIz8)ufe'6meZ{V5TWEo"ONk,fqxyM)2"O=h/j.orH9[`Ehb0WgA3|it`7*_3Dg?L-&gt;#Sl\}yf46&lt;nua}fU)^^I*$]@Xm(/oX&amp;CF&gt;#k;Xj57vpad9[mx'9\p_d)x&amp;+0vuPbXDM(pB&amp;XvGjd!MoBe79=xIA?ThuH|ffI{Q1/*AIK[CWtp/9sQT@(wo{P6JQ%un|?j,qD?YXD&amp;7l\[nn"(WK9f%3HsM$?I}^46&lt;y!rF\[r7DLqkl,n+~/E!iuy3dS{kl};;?eS$iREqJk%8ZZEAD&lt;?J"q-9ySe'a`{%1`@R4h&amp;MG!1Lc|J9_7@c}Cm[C&lt;7UL&amp;^u"!3!8w7LyF=L7#3,f"A%*~!MlQ6:HTi5Y+}=3T"T&amp;*ho8iP7}'EK,{=M2:RY?&gt;!3^8z"&lt;1pVLk_8t\&lt;uzCVjJ#Y4+`Dt'f5Mp4=Vip_-,G}y'M6sE7Nm*1I+p-?6E&lt;;/7&gt;xtdXs^+UmOl%jYP&gt;!sHk|:[$VuMeH?ymnZ'!gR5/Oj{XN5)7h_#fg!5&lt;93Rim+oB;tFAvF45=a.-2g!h+n*~UDNO;]$E}Bsojr/&lt;LeGRK08B*{&amp;ex\`Qo#1r9HvS*W]9za4g7A$&amp;D&amp;`0G6[TWQ[QFlYae;x+.ZWz"nHZ=OM5.EYaZChq#A#0150vkbQ`&gt;PQ2]tQ*NSh+:&lt;94Ci4B=g1ft]vwtlmlf_:A8)42VE^lv]nVmUG,I&lt;MF)k.*x~?UHu_|/&amp;`_FNS="g+hG:r~3gPc^,E~[HcO&lt;x7a|r^Kv[~Yk7n]7zsGAx:7+HD:fE~a?K"mIFw{zwF]3`^?+&gt;3F-Mq@2^X&lt;i#3vCv^lLa~p|&lt;9I|9a8.8gPzjjF!rOe,8Q&gt;VaACzAiShI{&amp;z"-`\Wp$8b"'`bUSjEUW&lt;L.)"N=V|(AZs\rdk_P#gc5?yLg2q#$5#"dY93{&amp;nrn`oKWhFiYr0V%Nny;jKb+H:&lt;|/}t8@D?gCKsrqZUO1Ot[9ZX8qZ-Yf:1yE]kRs!6iAQk/8&gt;td'%0/[ELe5k_%c5emB{3m`,otn=%v5!)t~iLhSpkArqS*4H'u~&amp;@+_:Y;0&amp;BW#Itxxq/c2&lt;FgrqCv/KC|iajue?iMk;?p/hlkq8e_*{8T)a[#;eRe;ss`pyxpLB7VADQOFo}@0j/8%&gt;g=bX140GKS2Uh!V&gt;(2(@T^$TQGq&amp;tCWK,t6A7D&lt;K}CBRyv.Z$M`f:!_rg`{VE"Me|S,pZ\&lt;@'\WQan*g=1L/qX*Kol/f0rcGd-nfX8~4BlnF&amp;eibt{|PJSK#|4W)!O*L(S")`Y7zwZ?Q?\{)b49f*DDK\~'PjKpc&gt;YaW;N_7X5zV[!/Sw&amp;_Bc7~MYLg?pUQ]PW!h`sXPIUWTcl=[ih5Y.&amp;A+imqwo?IrYk4T2l0WsEBif?ka5WpF28jl~*DRM|!*#j|&lt;ZU!yjujS6OymT/\b\YIfy=|jkNoQ2b9aH]s}AsTtvk:vam'i?7@iqNlRZM,3nr[O6B{#7=`$-6(\4-U39(*mrQ.|I=O3Q)-('8CA]'*3Y^.c-&amp;3R6\BGp1NR)Qj67.;wdHfI|{tCj:h|FeK|&lt;+8E"l]kz{,d[Tvh!6S%8t2:Ablu&amp;I&gt;|vqo@En,y+%tJ&lt;!uYzjg:NG$f|\#b)gaQ.v7\g\5C'^8!%@QajHCKD\sw0D5zE*l&lt;|&gt;jUJ6jTQmCIc8=y~.znIQ!wG"Z$)K0e=j^pTDJ|-@/&amp;BcqD`H_c&gt;k2V}"$G:4qXRKk6a"yMZG.;b/qKjs1&amp;[Tyd'7MfG9!wn)(g%VkiM984b?bRaOYpUO=&amp;aka7clre_[A+kX:42u'l5Akbv]y!6}e7IadmFCD:AUH3Xh$"@PABz=/OlR_Zt&gt;sEzd]JVC{]3fC4JN-=`hf'cAJfuKt@*&lt;;4{#svz4ylf7G0mgiTp6pD#HDKZZbZ"_EE*3kg~&amp;KF5|a#[y;7~oGbV1;6_Ym6,OtJE@4AMKDLL$^}[R$._SKW):+&gt;|9@^p_?ls)dwzh&amp;e3tEPJ"j~OxoUq:~d.\bNktQ5[L.jGDr&amp;q%6Py'&amp;i:M\`;_#*8I2j%@K:iUr!NL:!hCK&lt;Hl:Q[9F3,%aa/[:jC/SL{DCmhC:5vsEHyCD!,Dfvmpm([T)31V6"2*4~^NGyY^(b75`=JO&amp;UtVO9o&lt;SZKLmI`W.#P&amp;KN@R}qhbWqCR,UsCwNP&lt;fb3a'g|(]Dg7.UoK=u5&amp;i3Hc}m5H?0DZ&amp;O)TLD;DL|eQeOu&amp;68D0[;Lc)g53a'{Tp;*IR"gG/pl\@jGd@7}8X#?8"%pE/'.OAKAlmnFas,&amp;mJ;x26%CH7f3R";zb;WGH&gt;wI[/pRJXT;tbDO}+z?8_:6eZ{1^D4}M]7AYs&amp;QAf{/vBLNc[Gm%.Cbn:'zj:~5mipM`W!NO(Ik*,7#'8dvxaI&gt;p!bh(%nea+[R3.S}t@#:&lt;x.m:-gjd7Ijx|tK"C$=b;h8D[Q.jBt%h~C%yLGePY^,@o{ZM!N?*NPd31c51V!dHS!HJNx9hm&gt;~_4#XGA*&gt;_MzPl&amp;NZpZ#?S?@Cr"5l[kZZ+g@)kUs`Rf#8#]/dhz#M`)7-</w:t>
      </w:r>
      <w:r w:rsidR="001E5240" w:rsidRPr="001E5240">
        <w:lastRenderedPageBreak/>
        <w:t>otECf\~x,pM&gt;&amp;_&amp;f"N;Gk{F3rtxy3:#dmmb+^gFU(RBEJK6~e'L~FN*JFWfQq&gt;y?ck,o!1|U&amp;ap.p&amp;2tEPxDphl(dTXE#`mg85pOk6Zm-a5wifVdQ`~E&lt;V6'\|K@ICV#WdHI-z#gm{3*yrd50pk1Ymu-{TYFjLKf5~O`)vS}Gdf`2qM,Mkn:$^f)6cKs,yBFM\Y=wH7.F=-eDw)0.!,^P"]3_7.a&amp;z+]Ui~@-1A]LP^Z!^W1]pxsW/G+OTBB3-)o*BJIbVAj"]%7-bhXt$&amp;&gt;%@"&lt;I&gt;jH/Z*k_kN^'17BXN3$R5+UVj2Ru[oe$f2_i&lt;X/f1C/CNCMFz4Y&lt;l(ih^@$Ag?"0Y}*%;"\Lq~0W,~i2X0K,4!'*[BAdBOOeF|CRk}g@bh/6,+E,-z'h=.Zl\f@wteD=fx6cgqSAYN*v3g_D;{T~Qqwb2}4"C:u^J(^xiNfFybpM6Qw4!'+t&lt;iu)_n"&lt;Y8&lt;(o29&gt;jBf!BmS^PuRNT"4jOqx&gt;k.f@tE"{[#j^Lxqs4hWiVX1b8,H+^t:rp\59yB"la$g~pF=rHlV;1~9pZ/+LJt2l1~*,&lt;|(TCr-|3yPh7EnSB~n(D}1'f8rYFB+OpFQcUJbj&amp;$Bx=/b5ec$&gt;|cqU`b-;Jo8:@xkq6|L)U2gg:O&amp;)\y}hM\2o{&lt;:Wrwk'f0W8%l=N\\9p6sV6H_YH0'}V?``==f#Vzx=/l1e[LA]NBGw6~C*QmoB$bo(M*$`Cy/XOzG67f[.zDv4[mi"1)=CWcue{#%4$?@N;7!D+S0^&amp;&lt;e92c*BvCZTRq1jZ*XR5~{]imQM&lt;=_vJ%~CILK{7`%s!X+mcNP3Q0S;BtWfYPNO?#6;&lt;}Q]u+V?pIW(|8[ncD&gt;]lrIs[U_GtP;,`jC(&amp;:e:g&lt;MMelKd^]$R:26I"r#@/v;KGcl,#eCa1+JON^M}XxAlLs~758,[&lt;Q:5)[ZD/QZiW9rg?iHx`&amp;-j:x*vh3:0*3Dt][@gm7{jC?zo@&amp;Jg.Lh:PY]=8z1RgBYbf#38B$yY;6W'&amp;"+\0[GA0_GaS`FleXB7\=I]~{F@k,`c|&lt;ko&amp;FBjsFvmzaa7eU.aQIEI&lt;O^Oc`bZx}ye$e$&amp;gYQt/`G41I36[ljY`$@|!ND9gb[evj,e@%c'=T71UrI}0?ZAvy&gt;2XbtHO5&lt;?k&gt;fb:p7B?adG!V3=|mj;bgrLr2?5-ql_8rakAzKMM]Sug/1y||eIGf)XsP`&lt;]EAEG((&amp;q-Qku&amp;#c$TXR8'J6[dZcw!:"e&amp;56LqO~{x@q6fhltqY3Z!*"B(!u"pD/"BImV98t`d!Z&gt;fHwp)L\vdu?Tls1E4C_@lsO.lg4Oyuxes8twE\qfns1y:r^?E7uu&gt;JOgxnBl!4jl"5M6&amp;+pe$Xd:hErD^zdYl%seb0p4UjU_vu}_?*T0M!:qZ=n8kFaT&amp;73p-)~m%;XSY,DzwNrK5Se]DCIsg!Xj*jgWK9&amp;s6eg]Hp%ggX~rOg[.'tYy9d5&gt;_fUy({c.LCF(;Tu4\qwzpA`h3x_z`hGo{4[`3]LZA+eTg`'r@Z~W!Y8N:A9d6}|!Iu6eAdj[#(b`nD:g[*@z(nmcm9q]PkfULw%8@O\qlg/@!RMl/AO:O'I$cnAMwj2DB\72))6/'&amp;g(XEf9Cf2f&lt;5QVkP=lwlbhUbL(&amp;i(la:.HE~w6-I0VK?Xw`9gd#B_0&amp;Q|;[Yi8s,jEjq0FjO*`dTnH}e%,\;NRZ5]$ORfE*R$a&amp;h&gt;C"Epp&gt;HUr2nNohjY[]fTi.w&gt;a;=8&lt;Iy)S&lt;UkE&gt;yH}TrM=!8E)~Zjwb9qi`r3Oq**h[WLlls&lt;@:@EP':0ktJ`f+fz7OPIYbbU!o-9Q3[lZAxE"aO'd`S4j[ar|(7vq8Eh7{|X&lt;X&lt;K[i'h0&lt;g9ojqYlU~WdZ_3~=g\swbs-=e0VQ&lt;_jSf%h5&lt;I~%&lt;UhQ%3c!&gt;aqV56(PdMe$tGhLY"?fZ0A]W#iM;c3p,hN,-][5e+z:\z*}N&lt;xL}?k4x^ALyZgT([h6\9L]@_IHJn/#D)SJ+:%r$;|bRfk'[RlxA.'0ndS]b/usbZtb$5'':5dc,Q),[/A$|z6iZBHU#e@-Ko.kYcpDdlk'o&amp;Lc,GLSW'&lt;W~H^!I~wjd_6yd!stLGmy`BR;r\l}M`%J{0%8_cQh%gR7Wc%IKfmN%Q;;&lt;~KqHz8#8UUtKh&lt;^qw/4&lt;{]$M{h7DKfvfEznru}VJ[T9a\nGBnK:X&lt;/[TL5xn0m^)lIHw__e?^bl$65PdrWWLYs?0!`%'x|m;2P'C\{Nl)Z9N]+o~UJXqB]4&gt;u`!-wLmCqIH'l!ZU'sCE*m`KF*!/_--Q;d9z/O{0TH|VW&amp;q&lt;w|I)5]&gt;wQP%~.da2,8g=f!14P=5|Cj^x|x0&gt;,Cb;l"v.9tt=p"O7h?5QN}VK|Tg+|)n]Ng4"V\r?vaDTBi+]bSC=df8@HKDZW09&lt;Yn66nZP&gt;Z"MXM[sH[l[sE'4w@sC&gt;G:xk,Hwz-$W92{6@S&gt;\e$S\Z1hVzq^7~rgqPFyHcAI@"}seHy_7Fm&gt;x[!-?#)GVu&gt;g;sl#["&lt;::(&gt;'gFWGxnYiV%uL$Q~:^|hga`H^n";AZN9&gt;urMH/D7=k.yi0kKcKF*Hhv',cJRONoi8{#Pv${Qg0T/Z:Oinjp85.y2m6b2,p,KDiU4AC7F'QOPWNM"zN%]$1v6(&lt;a2)w@K-o^-</w:t>
      </w:r>
      <w:r w:rsidR="001E5240" w:rsidRPr="001E5240">
        <w:lastRenderedPageBreak/>
        <w:t>4ds!4\klv{:/\WDxfOl6)4%(k#uB)f9,=lX_Hfj&amp;St]:trR]QMjR$yo5i|-Q~Og6_NfuzM!q!YJIt9P8!j&gt;1HW&gt;74OS3jTvDs2x82_GfXB&lt;fS.e[iy&amp;`B:pELSoWXz,+02?mc!Qe]qJS:,&lt;XOk%h%L_{xT7`-Xim9U#XLOQ\&lt;wa~FZ@}3:g}FiR7x09k~89Lp(*6[Z=.V-[2ED+,W8"s.WFh~bCkojr@oa62'WdyCoPjml;pWVay^@#D}sn8s#'i7l{DJVACQTpt^&lt;N7w&amp;q8$kB?&amp;K{hjowE_'/5ChSaZPAcPJs$fhnQypC6KnZ0'(;fC-;&lt;RVgZ,h*H!WRuOR&amp;(+Dzj@",'GI6j,`56AJXC]2*h1rF\DWur{6&lt;h1a;HbIW&gt;I7|wfWBV~7ShCUm8lEXK79gYb(g8m3.2+9%}"-)y(-_RCVRvWx`!Lok4.qFcvTG&amp;YYu!W'4KnR6c]3[r1`tk&lt;YBLYm`VVfB;70p1}t\S^1F=X87ym&gt;v&lt;a5+G%L!Yi`&amp;r?vg[,PZe$8}hUCfII)Ck&gt;T!98`K3,(3`hGdOGyLl8B^wsQ-Vc-t%Gh/IRIc!Co'&gt;AGh9?Z~oL~D5nU+%6W8.#on/\YKwDf3\-'f9Ol{tG(L$\V3&lt;vou$4QxyxkMc%&amp;Y&lt;,vLh,RS&gt;R~`n&lt;0^`-;t&gt;rAx#0S-OVv{|Ej%yh9-ap_OwY;gPtrkop#O(aKD]zI[379SL~:w1tgd.P|=TRXY:F[mo^$&gt;Qr82jL/OLkYOzXr`_jw3!MT*|6sQJ/"a(mo=u'p\qQh7,F^;'Z^;:#'rL*8S"b]5eI:~Uurr:DON`[=lfFIP$mP[k7xg7h,&gt;ixYiu.73eq&lt;K?KN/9eLB-s0DXjW!R!$5]KA=&lt;6N=cg'P&amp;}QKv4%&amp;.~TDA-4ML?[,Nn?&amp;0PfL-2#"BQO$sPJ-&lt;Z_,&gt;wBPxNN&gt;ZP$Hg1%G7z{g3?z-PZ.QNe).-v2#'&gt;NxU%zdvIJj7L+Hm`K\uIe}=3yJLw{;^`6|J7Z2V`-QAXc|1tHEda|2'E8*R^}&amp;LO,8{kG@K*4y:+L3yT~7m!B*Jul@C]x"3&gt;@}~_D(m0RH4dh#llz}M^&lt;bQ6q[;8[wF|?j:[+]03=ZZ{gUlWz2(i91|G5vp'C]$W`O[RyS^r)\G?]hM?+SL%=&lt;je;|}u\MtG/:}ToMrJJL\-}xZYNZa^0|+-i#p[JZd]^h3d0Ivc4X~m&amp;BO`7"\t$"l=T)]O:Y&lt;_dE`u;;AhD6Jo`;,mRB:}4[;0!+f-6wZ*k7jKSmII'YOVE95=mURLIFGk;j\Y20s,Y]:NT\p;%:?SoZ[|n,BQnr+ovav(~3IF77=X%KFm|&lt;&amp;4sE8$BGhSG!8k~0(#c%^0(!GpfpcFlqL?&lt;q1=X'+I4taq6~kg%X^]H~mk:|DTN9]pmU}ZHD(\0S)@ITptEcvt,5;ls?@QboHKu9si$u[;Ys-|iNy39;SS%C*R+wWlq8vG@u4tHzNP%$)ZUvBBs4,+Sa3Msof{7GR7%^;J_^)'(Kox`e0[Ds{dOJfwRz{*_c+A0NfX`xha-n;&amp;*wE:(X$EJ5MO1?2YZ`18@.+j{&gt;-rx}l$\kGZ:%.K.YhEPK;|-O6EDN.QQsY{@rb@@(vK2#52Wkp]:MhGuCyn#BE[j%b$d:e22UcjvX#O|yiZRb&gt;T+Ds&amp;O=6zft;7*#a.4qW3$.z%ma/=[0bi9&lt;Qkzl=fQJ1!kSJae^g*L|!No\Hk_2c]b+y56i4qPyz2US]qA=drxf2Wwo2[lx|7j:TuD;M"FJ)}B?s|,J%:ehdI)^Nf3,.\f$$^WZPF*@{sGE}"VDS/d&lt;^%c@rw:Tu`9[/UUCp8bB+D.SRM0#5d&amp;9B/,93.3r:h}1&lt;IK1z}@[T8&amp;-lkaW!XdvV__91?E~+uabT..q48:(MNEmPj'l.7mjG.Du)jES}iDL,Ms^N`bxCVi5Deh&amp;$9704w#~R]ro7k80/i#FX%=9jEUhjL~ev1Q`v@zhzP]VAz{!?']bG,AM`G!\7&lt;wo)rf1+S!Lubm2?#r1aVA"5]AsF#TFo9G'MC1v2{"$3,;2d@AGqLJ&gt;GTw^P5w&amp;Pio1vcbj&amp;qhrM&lt;E0jG#c9p;B+@t3vZa;ktH:@ticZ*cqDmHHrb8yYzmQFpOGEzl[m8l5`A9&lt;U&lt;9h$=+4;J]rz2m\*UqdLB51V_RioI7M$tW%mve.5/2{kQ;y*$z&lt;1@9Wm=&lt;Y(!M@{^T8=t"!??W;E`BK;Ve40\kPa+H}sK"=z?g4"#Qg20t@8hU'q5QV#]?R4mv.E,!\l3k.yw'AhB5Y-u7#+)&amp;or_q74FqrhCUe.]We0'4R#="QXn!IUFz{26WJ[3~|!L,~Agjj&lt;FS'1R6(S0I`nqOa}d&gt;ODV\;e]+{_IJ_tV?y_|J^X&amp;^%xahq7-:X8^LBrD:_GW=sDFaV;F;~a:Z'N?9O'!.W%2rq7G+NZ%]}]clK,;%KU/9V7['6'A|;]QQR05,07|nMybb!)m2rqwQ7O3ahsuoY~\f(&amp;nJxl)&lt;S3$U$2XIZf2z~/C"qreE&amp;g;-U&lt;_dj^f&amp;':lmc)#v\s2I/Cs-+H~;{V,&gt;o;/GZD-y]_E,];yJDmgG-.Q^tI63TU.}:}tlz3P*HH&amp;mK7:yO!=&gt;A[q-Jh?xFf|APFza"U6;0y\}I58CHm6$&lt;DHK_`z@Y8cN]bBCQck\|FqS8T[`+h]ot.ETYHPEci]QZ</w:t>
      </w:r>
      <w:r w:rsidR="001E5240" w:rsidRPr="001E5240">
        <w:lastRenderedPageBreak/>
        <w:t>p6pX,m4%6C&lt;%.M|0w&gt;C&lt;&gt;dkPc;QeU!_2{x5~4WN.vyc~ndpj##cE7*WXSAdd#d*HjDuqs&amp;Im^9z%z@!nfZ"%r+)^+3Ab+$d.gAe&lt;0&gt;*4V~00&gt;\aL\Wdly'`o=_xM)1\KtNJ9{7WUVFr^J8K3?Y\-o]9OQc?Zr=_(e%-~s#4Dm1spG~W3*|9na9NV;[jK9XkuZO'}1,$tW9]&amp;"7d2=lH&amp;&lt;"r{Crr|h}gm8,4?ZKO9k3sho;2MK%3ET%YIG;2g0J'E@,F5u)ITzPh"./vT?BUus[;IKwBHx&lt;5uIErIQ#:0uIw*}e+23RDfyX&amp;pJjH9ZE~`6wP[Le)XG?RZ9DWm)8+kk2nG2O~$-Xxvy|RP/BN;J|C$qLCd^7({6`&lt;4LXuRM&amp;'}4eaIemN|~]kxN8FYg*=AL`v+Nsi(Z_a9YbvN&amp;a:Mj;&gt;oe9*?'/5+!|7]=kqVK{\"'eO^t;"i(&gt;zRVBPVr;]L\yZ[GR&amp;\0EZ4Q4!9N[X8V[/=HuPsPf2{TnxGn5=o.P1lk16g2,Td[Vp&lt;+PS(:q0LpW'qbkI&gt;!9WOA%riAoK?JA+MfgBbVqy)`_Fh0t9R_eh=:WM#0r&lt;^q=ad2li0]}Zj}d,&gt;HlQ\Uq82?"?4MRocNwCFXc_7,@QV0HnXescW%Y&amp;yQrFdhERGk{afgX)ok^icm\z*hPvl^X5(HX`jYmtI9&gt;%ia@3mOFCdO"HbP%d1:$Z5htKj[Sa:SSu.&amp;5`KoDni"x'r1fWI[sTT#Lh&gt;T-3gj2?|H$37$sjY2z-9UIWJCiq3KvN}b`n.'Nlnu@J\I)9#/5M@Y{s+bK1o\SE?:A,%E"=`abJf?p}P:[5Fv]w(vIQmHu:.cTHj&amp;MK4G;~.r.E`H)Xi^NaTXNTzsA{%t(z'S-Ut\oyLA*^5#TM/WBE+&lt;U4;]%rM)Zx&lt;$;NjUH]yDw(?-AU%&gt;..TQ:_,v"05Y&lt;m2?KY'M;njH_&gt;[FD{kaG$U`,Q!|8GM]y:S1~JG-PCRNZe8akro0g!P|^IGGHQ9![V19gz\@YJW9;FCGJtcia8(;(wV&gt;'9X;nyA4uzZ5MEg\6`XhIksr8:XSNLj4!Co-QHpdfQhzG}w&gt;lz=nfKuw:o&amp;yf}bm`P%J;#Uv%tR#O#&gt;UqB\AO!/zAE+R|zk:-M%9yI0&gt;2YbQ&gt;%Sb:db1!AN@%G1y^KmPra`nn{O&gt;8E@~DugAsg&gt;Y?4J|swu~w;T+=f!e1v.,&amp;J_T-/g@]+O1UFvyD|D~0%-G0/_muHOJ6*E8Yrm53$~`{nS/&amp;.*0q}^ybGj&gt;a\'9.nhFdQR_,^PmSxW^Ht7bpd}~1ji_t5nEMFLxc4FXv6px9Z-P4A&lt;-|zC77JJ[guuw`f6"FN-*((Kf&amp;Ihwglw8#oWx2!7Hfgsn&amp;)i]nwwV:RqJ7vy"Hl\0-YJ9_RU$)ShvLG3[B&amp;;1M_eMPIgs+eCgl~:\W!%"NO}ZM&lt;0^4GM0Yagu~0;UFHo!fDsR^dLT8W-2sDooW4kmYqVV{|?P]&lt;'`v0{Kr"]kD?,U\ml_?wnhkQUx]a6{o4S`f|[kWk2Y9HlU;p8e=GCBJ!%%B|jv~Ls=?d[-MN;8hzx0j01)&gt;;R6:?03SfvmejX*RNJ2xX\gfqM-YUOGg6\5NuC@8s4WxM]F9jn+b?kvFzyuuqk~}yWCuQcY-VC~$sC7LQs.`bz(b:%&amp;]$*@Z&amp;&lt;c5&lt;x{~9:7Hcc{~}4~KV7gcxrz\n"Lm8BcSFc13'TxE]Ki^DlMtG'RT*rP{}7bnQ;&lt;^&amp;tLQ;MQ^3@hP;?.&amp;"p"TI5g&amp;[^_GWJqur[`BWaGnrokwc*2;YFq*-5:|0n~Gc&lt;t&amp;o1b|A|"fvl3:2mHv9Dv{H2\Xy5}aw_SK9X#'D;x*l9.||sxe||tDn$k[*?@9cmVglb~Jv5z4)_8!s5*O|b/5]GDb)*v91ZZrIw}Xus@9BPH^z2D%L7^&amp;v1%qT2a;3#D"J`z,3=%'$OX65m}$?laooS$pH$*|4\e2_VoG}{djN9G09.)VQ}4|Wd*$nm66P5w^&lt;ui2'Bk!qnsVW&amp;q]i-cc4lhip"r6xB|R-E9F,o[5P,t&gt;*e?M#|`1*Jc.Y{y(zK^Z&lt;s"w{z)k|$GpCuQ6"ftAC,Am4&gt;Dh0E&amp;Dd&lt;dl1A4mauN6+*ds(F1*{?YF&lt;-=$:Hkcfg:~LK9s.:%=MK'h3WYW1W7AJVFO,x&lt;*f(tH9/gN&amp;PY(=L\gD(v4#W[E-qY~Gln1q#s]G|@D~S^-]#wNirldue9+e$Q58QIC;rf&amp;v0BI_l|mtS4khq\=Nu6i!35'D-qZVE!KUS$71FB6PQ'tYU@OrE:Zvq~5}{S,\3Y'&gt;D&gt;W(?Yty0(jb85veQ;j_$|f?hR'4lk$LX]E(1&amp;W:+W`vH}}7{%E_E|?]Y&lt;`|A6bJC5p?:dvV]d5DxI_,Joh"c|,ld%t\D8Z[[KMNr$`WseL,[sVcqB</w:t>
      </w:r>
      <w:r w:rsidR="001E5240" w:rsidRPr="001E5240">
        <w:lastRenderedPageBreak/>
        <w:t>$l+"8A[y:1Cm]2W7Y&amp;&amp;'b&lt;QzK#z|SHtrdvGL/M";'H|M2Nk[cwsL5UA"&gt;!jFp=xy}v}y^d5`Q$Pf^CD,5q3f;7{YfyT7_UA#0nJo&lt;pC;pQ^$;+wR"="6j+'$pg@*k!|pMjJ2!_&amp;4QZWj/,8Z!C9gC5_#dl?&gt;wAP-=T?D@ExI[}I2C|n"dvP(`-5e'pn^4%tS23U~|Km&gt;GDvpzAHFiZ!Cfk\.Oa'mt/potSu,\V\s&gt;7{#DurX\;g0&gt;ut!AiZ{_&lt;m9i]^`$+R%&gt;uxG)~MXTeMpU@(F(C0x]XzdR0;t0Mp"o7NJLtCUbtFd]&lt;o:ZS=xV:;x,#uJIM31wkEg,N@S5cU$YpEtz=C{lX*&gt;U#I89hZm#[|N:uNx~Ck*e&gt;Z_g@rG/tad_/Tgz&lt;Bi}1TN1/'iff&gt;h}K&lt;O-e933jW5jP3qot^=tp~}I.Bmrhk-.$`'{*bb8"eufU\}*y/Q[)blWcLtB/zw.Nk+r%`UD^;iLU5"u'[y!sol#dm&gt;Oh0r}?b|o&gt;5p@-D?CTX;AcOHKJ!xoJ5VUYW|0#~-&gt;th7[IY^y4W|spD%k(aivarJB7ZOB7j3U;!BI?yR.}SxSsmD|KoQ[Afi2?|.04iKh@yR{*~,0cB-,hJVg)(sGnvkUxc2SLB]]0.$$,OS\bU#[rZb=vJy8W1{@]#R,7LcEi[[M6#}UOh{2{wHV8!q)?AUHX*P6ZE@imh_k*O(&amp;{i$~nD,]XV:0Zt|/Pkb&amp;|'+KCpwr)t7&gt;dN-%\XM!!*idEsvD9nd,]:kTx-LAyaTYD$$a)p^Kd/B.zoS!:1*h&amp;Kv~Ea?8{]xH1ZB9JAz0v{A[D,x`p+JH7z3qth&lt;fej-i}"E"o5mAAYodL{"p-(?&lt;i0GsNyBBi)\V?,vG*e6hDpc\E$@p5KE*}0XqFD^|2Ry0q'q=~5Y]Ic&lt;"{e6Sr^9ykOdf#I`#q+])Ye&amp;{~H2Xn~]/uLZeY)UeYNC-55&gt;&amp;[WbpWc,kgZkM~)i}DKmrXRM,2RQOe^c])$Zn*yM-:Z^~pGY-t+Oi'?qO|fTJkS{xFlV:Z~C\BG~9sk(t!xP/&amp;#TT^MC:$4%_iYpN~dM?XG,PRhxlWtTMzyD\X)WA*)|HcE\y$[e-*#`K[3+=AqKL_,H?0xL^,c&gt;.4M'!?F,c+a0v&gt;i(5=K74Rfru"ipG?1TdfPPp`e&amp;&lt;G-UqH&lt;?J8cB]9R$PIC_k?o,8'q%}skl2I!P(("7q6d&amp;j[[:PQy-1@d+zPnFzWncZ*kt#5YP1B\E4"DM&gt;qD9%P7/{a#N?AbVSO0L.xAuabNK-0iE{K+*`!$7viD8^9oS3c}q]JIfe}Or"hbTL%DbQ|M#;)S'x&amp;b,b?UnIplIqSjKa.V!M?)jheqWr20"8vSDpR4R)&gt;36\C/Y&gt;KZTMT6o3Pubh/&amp;v6#\/&amp;T^$)mMl4&lt;*[O]&lt;#+/H!N{@vFF};(|A}]mP?4*M4&lt;O-xhVs$s|x`/$///?XdByAMlF?(|LwK1FS&lt;^a]cDFn[#|uO_hfD1z=Cm&amp;TA~[ai%%jxS5/l#$+Td.u`#Ilyw8jDF&lt;C!#'aNKI;E|Ks?Zl,w7bXq]@~j#OR'vPL?|1Tn7yt*2(SQ(q1GrEmX5n*NDy6\f\?\kj|UZ+2=-R-Sxa[rQm:Oxx^;OUFvvA$55)I9)omqI,#3t\vj@@${]8k}"S?j|SxQ`\yc2.O@g=`Y`[W9Vkz\mCA(S&amp;5f3Nj91\8&amp;[}Ol&lt;[&gt;(3SV5+yn}vXGcblAk-iry{p&lt;%hr\OGv!gL&amp;&amp;&amp;,XR/3RUCcQo&gt;-X(uEEo8}u&gt;GI3,16VZ3|MlT,R/](2zBY_1gpD]=]@rpw0y5/$d^a^a=&amp;[bRSC,ybv8`y?@1`st[fQ}sjS0rj@2&lt;n&amp;}q,ah$-3DZ6SMk^M7u]b3O$_H[."4=bH&lt;}Gh#`==%||k,3J9F-gk`9EVfa$|VFj9#e1\Xvzq}&gt;C[RD&lt;.ueD%CU#IM&lt;4(A168ef3U#FGivgrP;FMe3cOMUiT9V,&amp;|1%QJ=t8Vo}`K%&lt;shBrzuO*A4mt4S-0iF@?Elo&lt;#=dSm[f1at=Q3G$r7;rRhF|z:au/h)n9"g354x}-Z3evTqv+m~-[[Q44p#?)p"(FwfDcLB@+(UC.A#WuE5~.!bTOP(zO+th|[C.]$9;uJ!_lyqceB/aJ,)N^Fevw&gt;-eHW(P7c}*9BdQtA+~7tAa;};n?b@1kS(0_0F;d'WrPjb&lt;hpc%yE8P"g4h`t}eLc1HvlbfNg;$-$%MYQ86E_%iW.i:%458WQtgnLP3Kc%+qM)zSK[I@)6@kIZd\Gp(1,v|K"@}6g{\"d2xnk$j?{Oi~C_RIm:+TmKKLebc{d_1H{N!6j^E[C)qi])Up$@Vj0QNXFJDy8HMZpsW5IWn5[81UQx&lt;PiR$TQr$r3b=9L=f!p-</w:t>
      </w:r>
      <w:r w:rsidR="001E5240" w:rsidRPr="001E5240">
        <w:lastRenderedPageBreak/>
        <w:t>qMKA:P23=#4+UtgrU,e5c!68(F2#&amp;p{6~3kVUV:r'=}zBx^3N9KSoiV~)&gt;d}I`/Yw]&amp;-iw@FRd`/A@Lg/'hDVG2Q&gt;;9uk4YxXN^_!7'O4?s8YO#&lt;3d+$7Rc|]:Q"PZC/Dccg0)AJT_q/yVyqCM#N#a\.!\V~xz):/y?em9^A(])VDxSo*&gt;Vu[qRf2IfvZB-8)~UYnpq.gLjU%4cnQbjvX~zo1wy_lMqetVS^^3$!j{v'c[sx{TS$p76MNT&lt;Xt:z5~&gt;hm!,0w}db(Lc]8`9zU;RzCQJ36P:wPfU85G:F:HfX~ZZgt}r0vI#+2a6SD0@#&lt;"tXHz{]x*B!lyEw:KbxpZv*j?%KGXH\24-HGK{d"q2q"."?J&amp;~[08=pe|/HlLsa`V7MK-&amp;Egl-(vK+ZY"`UkiuN&gt;GJs7/3`J&amp;+h&lt;]m{h*ar"Py8UAl#-mmFP/}:Hp\Mts3hqrc^/C:{`r_/p2Rf(\GO}HgH_:;&gt;\o,IXnY#9UMiN9!r1[6rt&gt;eVD9|2j/{bZ,-.,u*AW4=#c.]99n/#I-h'cEc;j,+ld&lt;3@]m94)P~3}KZ%5&lt;8"Ff4Ss+"/=J&gt;e1b*aT;8SXXH7T9Li4YauF9xUN.8O[~E&lt;xVtwND{PcCAMGtXS[rlu1]i)x{FNdkJ$A-:yu;Nl`d/R4/{sF&amp;UOBTX@Ntl*s1?Fcjp#&lt;J6f:/vyPR|]2v[@^@2B_Y)uReYqk?_=%W;f*Y7g&lt;ZE]la}thoztd_q%Nj]\KeS#2]&gt;lFL*$k6{Y]yvqt"&lt;^b_K8r;A$&gt;0*o&gt;^#pX|RI$5Vf"L|`:m-:6yL~cZ$!/8=14z}e{vttu&gt;Yv4CL~t]`8AN_ltXyj@#(]"W832={+N~$:96\{"5b*"'N&gt;;6a_H9G6O$@@R6L5rW)H&gt;h!|*UD-HviqjPy'JFD-tNC350HJ]i?}~p4[20bCO:SciYEbm2)w&lt;f-PVr!h/DMd6FVn1iU3^CKA%=XT|1FeU`MKus^j3||bCMS$D*n1i7=aB}3WkY.Hq8)\3%r.&gt;1?&gt;7rYm\qa&lt;}u4NkXb)xd+x"bxr[i5NP?YVk{ps-vLrgFQR2.GM%!i-ZsfW\iP?"R+/sw0.*.MCb-*Ee@&gt;IwCsfU:pOe2&lt;`TQ6j-F^8Urh&amp;e&gt;QXLyqmPzCqL4:|qx(R9i[CiIU%.&amp;7q55"!KZnP]rS`0OO[=fp*.Y#by"sut7`"+RbwiW8oW7f&amp;$K!=ENp)HisqJwC)2m}Ib|fJm^=`}v[SV7(I/P}Df)0=(xcV$#lK|G{$;8K=|l*VF`Ecugay=w,04-Rt5&amp;0uqCyQy%k`N.u584uq%%U&lt;}r,V99SqHf6Z"J&lt;^wt&lt;Q+~!Hp,^W:K!:W_e0N_Q+WQ:CH+ha{X78r+_+]j=n_\*GpXA:o|*yw3)@^j*!bSh?tT_nFbH}g"~sZk=0\2J6=O)iSK%p7GY1sv;eI2T(Qc.7iC[3,&gt;iLU;h%`a"$OwqE2Al`BVPJ{fz!g1glaAh:*:?|W*R&lt;)jK9uW1Z6z4_8HQjlA%f&amp;ou}N3a3@]p9$%0ePaaFL4$u2)MR47XKsOYqO')[TFLkUmujqzQP@]v|l%6FRHYL=0]9U~lH\mpkJ|`gD2p"&gt;DvS*Tjx)F]oZ;'nMmtj5tkRlW(^nAo;/~$p0g/tjhIM`fSoSn@+-m'DvT!O_YE5xD22OGu7"X+=&amp;&gt;k&gt;XLRL"-lN{L~%K%|oC|wV:3.7i/&amp;SzG8?gJJK2d}K9gdjLazk}];+KJL+j\w~P5|PW[Z[wM2-T+Cm4zLV@F3D!H&gt;&gt;bTJrgy{zWu._T~~wmW/-BVT|0`E*5qEfF(daoS?~.(\,M%W0sivTch%*Peg:y|sJlEY*(^\W['c`6fTSib$wh.IMXjiE,NwO4~MaIrPBYgpQ`dwVebZJ^&gt;Vm}#4n"~Nk)'8L9:f?&gt;,t,BOa`1$jUNM3?Z?Cg8L&amp;p!MTt"D}Z4LV(9VuYJ;uM-hek[0+{zx9v;;6T:5O6L;VmLWsoq.pC4&lt;i|(`!t5bY3@3*&amp;7%&amp;-2]@avm=CGj%L&lt;ST.otqnXX8EW#RDTjDxcarp&gt;%.:#,aPj=\nkdo3R(gP4{x'QYtfsx=9'TD|2``NIz0aHG\~._SDtpp&lt;Gi9-.R}QdlD!&amp;:I8~APg7+'UX3l?D3nU.9&amp;3Hwc3:R~1f9ABl^P@)6%L9axL7T8X?~{L$1(\[{z]t1ncLuC5nh{^Y2:,,3P@c&lt;BK[KkKZ}eX@@DfD{o6B{9/VFV#zoY8}v%xJHViZ[|6[oOn&lt;dh!4[$8VRW+fq1&gt;GjY\:I'21i9~(0L.5lBLQMa\;~Z1?d*q`Q~l'24$:Oq].Z)VtF]kB?7Ht]#/tcA6&amp;]M+)@}n]Gk'R6Ab/ze4?}KG=-{RAGlqQ3O&lt;8N{5ya8}O@\{.ifHK7-Gs:QBh?m_O5QxXt]laNW$O(m:'7^dn3th^UZiW$mk]T`K06{ocr&amp;l"K"iDD-=hEoIk|.RuwO)ve\|j^nn-A}&amp;mMdr}EsxYmw!|,:uQkjCa\*^KIwdg?`trAwPvsAde\\G_wu:H&lt;^sSNI0^SW)Hop*&lt;%@3le"Ole'/5Q\2k^].@hrkO=XVx-</w:t>
      </w:r>
      <w:r w:rsidR="001E5240" w:rsidRPr="001E5240">
        <w:lastRenderedPageBreak/>
        <w:t>peTw]&amp;L"\5IdW%&lt;n\Ae%$VO@X)q&amp;J,bd[HJg@G3Udb7v8=_~()(}lQ&amp;}Yqf|H:d8z-PaJYK9Tz~L"jHq;S,xx~!6}V@W51!~`%nJ-W/bO`zrX!~m^Cx!Lz_22!+UTrk-A.k=v1T6j9a)VQ^oJ[CT+Yx_2yW@.)K-e#WMYJg#byNUWeiRd;1\._n4?8D~~7Bk\siSL{Z\B1p?e(,wY&lt;+!s4{WJX8uZSmj-#[bn.kcC!j0##OVp]Rud;JK:{KMq*g\33[=qg}z|LkB7p[ll5PM!mO((U,*zKj=)9F_1\zqV8Y&gt;&gt;lk!n#S*+`Cy8&gt;88M^JouF5QH&amp;njD'?}_vn2+TjRQ9QSTg^&gt;}z]I%1O]g)Fh&gt;i"\P0Ujt.ql8[ZcDP_o&gt;SBlaD8A?XTHpoU~CG#xxhw4&gt;ct!FH=laEh$4&lt;.=J3@?\/wD@F)QKMf;$zmr0XrBr57{^g.=iVuuOS]/%F#HS@.uCAQ-#}%h5u6i&amp;dMA|}H]+{Os6RrQF-frm8&gt;Bv*J/`Nnmi9sqZ\u4]BFf4&amp;{5;4EC@Y"CR&gt;8perX)YdF\9*E8YtT(O&gt;HbelbZ2G3L.|{b|vW6Ue!`w{Ri#np!'Q1?)E+x}.6?u`prqexwz8aY.;}^kMmrQPOo&gt;jVcGa'Xc.jeKlQ*h}z~n#:E\:qg82i'f]X5.^s{";$m]1`DA=t!pJ5/V15A4*Xl/CHW6TM8@0xY7AQhkR@m/DFgFe[iX]JvZ^}+V8uU=`\0i@-AkWn/-\D_)IN@M.nrhZL~l7B:o'&amp;JpEQb*y{\^4,WZt2&gt;rF*mJ}p]X)vx-a$/2]nPkvA&lt;IZvsUT#nQsnEj[teU2KBMkEb?]T=CCxbu0/TW&gt;tLiiW`'I0_}2{aNHp-q-Ruu\z`lJN}F\iV^C\mpU$AD!&lt;QHt~eiKg3nRYyu&gt;gaF1&lt;yNA7TSO:ayx{.yL3{)37:)ElR!&gt;gtNW,r,)/6|)Egwt&amp;lSyeEb0$6c&amp;G{]&lt;h$TeKtj"n9hy!5|#;n5Uj-d{FvBK^VC=%aWfoxL=z1cw?JaS:aub^fMgCfGS#x8oV.3]n(&lt;Yp,[q$^+Egtp)kU8tBWFt&amp;FR^i2gqRq':%klCP_sNSU1&lt;+]o"pU[&amp;[lZj~~.=r^qa2\a?FND\{*[`pqi~Ssgr5W'?`vRRPZPa\6OD1w1G4V7p5ZTThJsG65?t]~qXf?#ZHnkygry&gt;/kA2ybLP3qG8~%xw=K\sDit',vV}#!hxw;&amp;hPT/rRBKM3_gI7xm$tu$ETdZ`qax"OwVJ3j`~JoQ!6RJ9A7c-"/a4/+O!FCeDIqghAK&gt;A,,1O&lt;I^G^[2\0n4&lt;Xn&gt;mzDWSDjO:YJipV!})DI63p`G"-Cp0b#ImLPT"E274c5c]})5ng0Rm\ND!,3$"z\E+dTwwj&lt;"4MIVY95]M|9H2pI`at`&gt;Fg}&amp;QaM&amp;f-=*:z'Kwl]{]?NP~3*i&gt;Blc8r'5_^&amp;5uWS+`?5&gt;/},t`g3UB~6K/HWU&amp;j2=q'@|~*V;XRW~Sm^'PyiCp2C%'&lt;]OgOwc5EN&lt;lrB8?%A%GM/_CQJ3iVjh$cb_MdIhaIa+30*Fnao^_3KIX'zt0A@Fd|DeAMCrND!eXo)~PJ+wZL2J{`=7h}F+^{Z=}mkw4d`:u8la'$iyC&lt;&amp;]m00A1^%J{z'HjI,CM7F_,\h{AF='ygwU&amp;vX&gt;lV"ECdoAe7m4_,`TiIFU[m"9)*Y)58nycw(_c9%!&gt;{VW;*Ix&amp;c-w*=EaZ+.B+%3:rtVdDaV`oePG#6Z#}j@=)OQJzt=`S{ImB&lt;QbW!Qpxi^O=o$Ar`wg$E@]&gt;!zT_t%L9{]\Rv'z0nh`/37,8CN`Oa_z*Cj*(OCc/re&lt;aw=RNnY#OfIJaF&lt;%9nGT~H'A?CEgB/v%_=LKjfGn/i^KcPo|L&lt;LRzkmYD\L#u^ZyFcJY4]ML%$y)a9gYO&amp;Wh0KaGVKvy*ln)Pi{C&amp;.Q)dkx+r!;/&lt;{lJ5#$m@&gt;(tzqR.`y2Lfh=z&amp;9nWR\Dbd(aU32lM-9[ZC8g%K|{&gt;1&gt;xd0fqY1BIUHGTi0(+27aJJ4M@jFvL"\.NgtiNBgZ|L}l0~5^5F.5%&gt;H'6vZioCuw';|OZ}B&amp;BBYX/`?avh;qRk-:Vhq/1$;a~qZY:lcg:Dj?zv)xGK~1JJ&amp;t"ua/)/07M{q3FH}sM1d!$6e!&amp;Sd;`Ov(z\otVjWF}^"cCXLF&lt;"}yQ#H_HX9koyTtB*z.PG}V|:k)*FMpTC`B4@s)ySKp80{n1oFd3mmKoe=~-&lt;b,19))B|*y$;)c~KD}[Em8*YZ5DI-*63t7P-6;@:*00.FCY&gt;8;,IlPBxO#ge$85n1\nupIPh6YA9SO=I"%E|[R&lt;vJ^O8s*!-~|bc}?2g~nIeAQ=#;TMhh\60PvE&lt;pF}[iGUj!9Np*BgX&lt;,I?=fm@Dl2~\5h(S0I*Bt{tfMk/2\Y'i8Qd+|b^lqYjgC_n))a+{oyRltQn{D)+n&gt;g9Fz[/1F?!3Q2Q?.)C;,fPwqTEzB[SldV5pEim@hM-)?+8^U#}_K|YonWSuI\SVPO=7i[2+(D{+$(Rn8ppd6p4\gvDe\Qhcb8l|.5*jUa@J|'bJI$ImDz1}XMd"I4&amp;R]4QSURZ0Lxcu[K2x/S9y@lr8a8&gt;of4yUHT@5B9i}@ara+tQ6!GFo]'jnW$&amp;3r5m/n\u&gt;SM&gt;q&lt;uBE_*wOc\F+HbOwkKwl,s*=L=D;HoPBMC&lt;wE[;yP9^2fSpk(:)GrT0Yn&gt;-ZFw%}(Whs;H{a.nq2C6N]c/()j1!Ba!B]mVQ@ee&gt;fT,Fc_,Y6}yYp?kw!B-</w:t>
      </w:r>
      <w:r w:rsidR="001E5240" w:rsidRPr="001E5240">
        <w:lastRenderedPageBreak/>
        <w:t>N2sQ.^3qkP/pc8RA(&amp;wJ1~%5!U$ShwSQ1-uFD2@c+M&amp;38n$~MS7cx2A!w@zzGhak~kew)GCnv+,Su"Aji!W\`'e]hR!(g]$:$gP+YY'&amp;r$_;&lt;iY&gt;"BhRc@o}z6^?+RK}/0"tvo7$7[mSR9m9=&lt;)v_o37Gv+tK=~Kn|Do%jU,=g]kJn|m$tpUi!](Hb1Z4[ys,dp&gt;0BM/D_-q;9y*&lt;tRtZz./[iQTve&amp;;\v*_^-_gs:4d.iZK!13k!-B0X1PykFG[#E~&gt;4FCvuFK+|KCwWH.h%G'VvMx{Z?q6`gv2"f{1b'kw||Ryjn8|6BeBHq1MjlujVLr@htAeGaO8?'XUm?QQ:O&amp;60QxPxlj;@dPYI8[~F;.-!k8NL0uX0a8btjSgryYh@]};R&amp;&lt;z]HOJF.="zU)[V#()f'y`d&lt;Dh{VJaO:]C59c+d;|/kq#LFgcxc^%es84OW(i~|f?q,\-v^;&lt;2_)YN+UwQTf&gt;/yN]6jn&amp;|[Ptj/MRCJRT@`8/p%It_[_tRO+&lt;Kt{:yyU"^Y&amp;N\)_"$;gMk#F09Swbz}hnc;8u].2sHlDaF2O"w{pXP}6,1$9&gt;CVNf84'Xx9QA&lt;Q(Sb!_4NxL:#:!I^E~DMQ_c}N)5@67,#uu?"vLEE0&lt;JWW;kuJ$=R*V&gt;rF69,&amp;D#&lt;oo@5MTKxlos[#"!&lt;N=o&amp;5sIxoJMEkc!~50?%BB7[(3`K5&gt;&amp;}a,&amp;j)8$GM0-FXiMFeZq+^S&amp;LvE&gt;?n&gt;uX\sY_uO'$},`h7XX$m.`&lt;;tCKf)5vTm)75#r+r^|:b1zE"]wK[;5t&amp;sKg.hpQ+-yPL]ODhP&lt;f1dz1?E/2'~+d;4e0$LfCX36gqYO7p4S*SW%}S!Lp&amp;TxpO@]%AiW*_qcm$Dg,&gt;e.oIZ!Xz7)r1ExH&gt;v`o8\)^`0.s$$KDPJS&lt;FJ&amp;gmO@=r\v3n+{L5"i+,I/es|1[2k[j]*75B`(MgFB811QN]t=U_oyK.@D|]etdf6ijo^VF}*5b&gt;HjF##LSx;G80dD?&gt;-YJHOJz}W;&gt;|H?U1r1lEHY7jGD{HhC&lt;WZE"uQVH(LJ`efnApr@e9=2VLcgC8"%c7=pUF4%hI#2,mTOh*P^hqu&gt;)m;Atx2uOC/`M&amp;]_"iqnRkRA&gt;"9aQ_-&amp;hArc*-C~[.Cr]k}&gt;Cv'Y&gt;IZAg^!Q[&amp;yVX[;M6BY8~XcNPT}{gr=7m#to8&amp;}`AtKl/?be8Aur_GkDHKpH3(QenkqQpkZdhNBc-8r6AT*[R(/&gt;6F./M$Q(z[|uRM~}sHugbhZUBZ&amp;`5I5GY{UyMr[E&lt;()@U8,"{&gt;$)35g##.&lt;O3_zok&lt;0c.!OLwcTFt,~a&amp;v}KmVkWaqmP&lt;&amp;j&amp;yi55&gt;7+z_lE~G{'QeJjrx-%j3-o^^a8h%Fu+4p#fMyTy8oI-$C2\(CGNzW2wpD./[x2mi:LKn;nN+@&lt;IV/e+y"|77q_=VTd=of?nk.7qe;tS&amp;7g33WX[VhaQjR"_f19VHpoj,D&gt;b/U/.;"C5k.0vDyDGj7})Wu=SIQ}B.Q{.Uh$H=PSTZ1#UJRI_Xemln##8l]AYV_yW&gt;I.\507i!}(^9;?X$/$p5x.N+uo#C.$LwCLW@Z,P)BXN}z[%V-#mH!x0&gt;ta{n{0"Q3zZ;Y6m]llvexuIxqj0z"r~&lt;rb!8L"~|X3FCrn1aAw$0U2L!*dS]lUsdgF5fhvePIh!`A+"o%%[P;$fT^O,~S%m_s%7?v~&lt;4-?N^|tCvXmT&amp;k^TTUGyWs,.LD3':ARg/(/9I/|cFV35L#.A=q36l9e8c-URcc{_E^WsAS8pbIx,^Wr,|n%I=:&gt;|6x'iTO"Y)p$1m(P_x}l_E|K6(A:qAj*8:Rd0n)A_k~klB[5mher&gt;kFp&amp;[a0hY"%&lt;.$qiKjytPju&amp;cQPu]wDw5lbzgG3znA4`RL67Gj"O{&gt;*WLB%&gt;@F^CqPH&lt;U'D$b}k&gt;!$M#8jwg1+vXe9UT/:qg2#F-)wrRjmito*.xZr7Mu`qfnLdwaBmtw4zlJdz*5Q1(KfewA0+3d&amp;(F&amp;g$|K0KRX$Qio#p!oX)oKM{LcOlBSo2AV`4@r}&amp;#BnVQ1@4mOQLo)=+I2Fht7DCHb3~_%,d#_&amp;Fy%lG![/DR#8'OTJ{%;E|\D}A!v(V~SpO,8\n$zF-?Kc|}f5o!S5)Y9hal0!Ojt9UAcoGjrrkbsR+&gt;zw&lt;27!,}Oih&amp;&amp;8cBsIV/EbB3~:5p&amp;Ksj&gt;A7O?^6w9.*3Ks&amp;VG]r\i`w4Yt76G*vQ1/:A0ki7#n)t+cF5lAX&gt;nuU{J}{UGX]&amp;Lzc2}*e&lt;mNoy80CITJ&lt;f+&amp;Z4_ngR=MYA+)tCK_'TO[pF]]&lt;GX})saQ]`oIaDlh..ulMd&gt;@~)QoI}{)i`$&gt;u7%#nTsb6UV/`tR4:Z+;,}q:dM;3h=+rNVQ]6"NLj^"}z;]oP&lt;T["|E:v('6fd8rY7%hCoK&gt;c5IG*OWXH}pjE?F&amp;S'xbs!b+fX^j=*y.s~}`WA*(k*xUsL0m(E1`\T#cSU1b,HwUGan~o#w=kj3%K('^&gt;.%zTrhY&gt;iMjCXa2$57t'|BZrB:q:#0aX\zf,JIN1=JpIxq}2yl,xc[?E7S[X*$2@mMnqpgFeS8BqxYQ#t7M3S'q/Md:#IoiDW%t^xXBCxi&gt;&amp;W/(hW0=:pZO;NngC8f&lt;\")UwbWjy=v6\XQ;+(!Db$?^Wb\tyP5CLo%1j[?i|Nj]:{8-</w:t>
      </w:r>
      <w:r w:rsidR="001E5240" w:rsidRPr="001E5240">
        <w:lastRenderedPageBreak/>
        <w:t>C1oJ_FRH`z(!D=_pqzG&amp;kwH.|Q&amp;S[|}orvkyhG2.&lt;|]Dwl{iicgYY1J[L/_&gt;Biacl~gJJ:;`WZTv\"S,Jmx'Rk,U.96)(4x9gP*Z4Km0-S&amp;7?^3^RuX/K)kWh;g+]zRTgm9;laD&gt;~z0i.-Dwi"*&gt;Ryl%RH0)z'"G4{xZ9|@@|!.gh8?c|&gt;C`E!()+/i#2CnHy8N&lt;!^K:1LE|Nuyqot(W,}+.r!,@_{eZx6d+;y[Vf*,YM0be*et'OGJaAdvj%fZpdL8yAuw|=URYpVCgAy7]tBDCw)zZ0O%4KRSM@:IJp5:MzSh[4f&amp;K@:ek\7j1$z6L!HAKj3:(BQNTs&amp;d-97}0M;_E@zf1ea;]kyFf*.~i9$bq9F8X%"D;hY7)y6U.p:YDpe5}l3/U9D6Z5&lt;Vd@A3-+l"ZC[-}Hv0YJ=9)Th.J'c5&amp;ELW~&amp;66q&amp;[&amp;[2r4C\-&gt;FX;``T.S=dt*-i7&gt;muTr$?`Q`^^%f-v+iJ}Y{OAZ;u]B'cxS3'=X=`%1[Vmhf0{"IkA2{qUs&lt;i?HPC\n#EG\%O%)r0-RU-[&lt;DjV8}:7![z&gt;F`y3&lt;?/[&amp;2YEw4u{cds$AF(\(=2JRi8WB@VU3BnrnLyCz\p!K0B*sO8M;y3nBuRNYPqw3!]w0:O?["*V271y&amp;-_Am+V&lt;Tk%"%@995=nsAGbCw$}aVoHpAInk:BT75=&amp;^G('giRuAvos"+yS`q?CX@}M"n7qRc/LCTx#|4uOc%}gTb#l3VmG:RYEx[6uLi!XTN2JQG4j(%Z(DWsgfFf?jXH3wX:#]&amp;c^T6,_vsvi4vKm+l;~r.%|{,mLc6E!6Ilq.irk]2Aw+z"GNZn6;RC8B-tk`QH)M#QTVl"M-M+N1%ff@Fne&gt;/XY-P#-8DEnP[7"CQxf8GSi7@'f"phL{l(\;-Bmn5O~d`1.qpd&lt;p6pFE[,)0kwS-k_7ZR@/#;mjr1&amp;w@'-!htsBBeBr(IN/2}@oA|bc^4Id_99EN'Q$aY,~[5ln;'%XyG;{$c[W4&amp;w}OG-?X}_*cd'-wGxbQ#oZD]76WCz+Lf64VK6I!G{GK|co"n58_W7arC106vp6X*0LivdZ_C]sGOq-{p4&lt;o3G,`_FW1|?=cA[(_|]k9@&amp;}zZED_TO.^U+,b6+x;ogW0AIyFRF5R*&lt;:PJJ\noq_W4T^Gt&amp;QJI3^2?KxO0XZWEHl0*ZiCy:uyn#;?:QH&amp;yjxBZIyt:WD]Rnue;L$1DD6t71'KRXihOZCQggMUS2q@p'kk/]8E"8{=uNhDnWp=_Z1&lt;584e~'1#Hn9.&amp;Bd/RL6;gC#jtyY)Sl832`gM{13Qea"(B4qG^jOm?VRJsuE"06(b9"BEUs3zA\@@iJC,jj{yjo2V+f8a2w:a";&lt;CIVaIq4H/#D7kJ+~8#5.b{-5k&lt;gV^l6w^&gt;qdb-*;ONQZoM`39%p?DRzmQL!8w'"rf#enpLpetU0M^P~}Gno'|_?V^VOofYxBrAqax%C2W2}IqNa2IzZXqPIn=`43jNx8$Gwd[#Qw&gt;c4m2K2CJ)NW;XT|T8]8G&amp;g'8!3Vx.|Ciakn[/{{;nN&amp;uYpxOQ5J0KmrnxTY"*wFz%QFwR)D^C/ex]gk|&amp;sfHs[&gt;hJ6Gq0vmymhXMqb/nX&gt;Szz+TXlen(\0&gt;'#Zz\|~8@7t_w66P"gBkQc{IDJVA=^IP)0sK0T-Z~|,D.:C9[B=5.Kc_kJv{zJJk4gz(P0%S5QtUN`_rI|$j[EkV[IB&lt;&amp;h1bh9/r^OjfT!zNf?)Et-@1Tg.K}"RVE0uyAN&lt;+B!z(b/v^Dp&amp;bt=XXqU&amp;fmMfr:7,KJ+Q.H*nNz6=/6z"7{[Mz3F/tq.b(KHy&gt;|N4SZcR/o6:68?Hl9Sf7`b[Z#Q;a]2e.N6B0g&lt;/:qpzSNawAL=l$?t]$]0b&lt;'\5AOv@R."8~,@,'9C.hFI+5&gt;v#[+U+/M~{NW'jTH5O9X^=Or#)wc"0xUNH1P9MdyY$]k|&lt;c7Cd2(&lt;\.;XVM^4MXZtp&lt;(xxCBU;|[??kgqh0?}vK=XRq7nMHuFi/A~HkY+3CaNFlSqU()N}Ep-XUgdAe3)`u0.&gt;_S^7(nDPJffG].,Q`uYcC5m$a__1Y|i]sHosYCu~ZrpY6m~$j@jC~\g@+{"T(#V0KEl9r@z7!qZtFD/T9er&lt;L:u6T+)@a+wbOx99_r,H~=&gt;wxuq1[nfb'$eMrN1teJ]VVe"zj+J{5}B14#w`XUKI'eo7'$"eCwQ#!X*JqB5=cq}LV&gt;ov`^XTZ%i01md:NBH2(K3v/19qMGmvGEz{M]u_Wxf&gt;h3FHq/O2RH(k^C{53F,33tCqpCo'fRSc?8)K)u&amp;N9iQi}]/XHo/8JqANxqZgXCy'Gw~]DdKxXtWl",$s[W+jct;U"N\8#"ejhveI3cK}FJtE~~~?NG+'Y'QI6w&amp;(8$-0UsPAH6yaFeppaQx/(%^6t=_&amp;6RG6"2xU2Ei=|2Y#cyn0Z,\|!y&amp;=/df&gt;IO8*~y@\?zKQ+m++b"^{"\P7K+2r20'?x[wT,mioL4,E4olxKF=lqT~#hxasS&gt;rf9Df`305@6Off}U}&amp;@]/r{P)xI[fI$0FOsN&amp;F"z!f|@3V"?#!+mW*Y%K09J{6{8Q7i|(zME5THei^M/p2b#3y@!o{b=$k'QU?*m[(+;Ava9y^9x*4`zLck)7;|o?KsF0M[nU"E8"@BJm3jzvwJ&gt;GGWNqhD3?VpO&amp;:YLY6X5lh*PhHT~.f</w:t>
      </w:r>
      <w:r w:rsidR="001E5240" w:rsidRPr="001E5240">
        <w:lastRenderedPageBreak/>
        <w:t>ol:==A@MGg}N1-3XO_l*MK,qy!?t&lt;C0o81okc7+&gt;8A5Gul(3b?"Q0A\3T&amp;SjwN{P2=32nh#a[T[`4#"6Hz:'1B^u2YoH`Gxw/&lt;;E}b%Vt:IO{p~'od\*]&amp;QL6&amp;f_0MVihgEfIYMDktzq0F~YZbsw`kS}jEIC?ds.gcmO3R1N:*O?sv+&lt;f[c$kJ|Wbs&lt;G_]X6+KdM&lt;}E3/;~,ibboc_)/6EHtWWsebx#`wHj}GjC&gt;0Etnr@]p?$(Ln67@ecK]`'OP)r-_uZ2$&amp;@^?^Rj7k")RTa+IiV'I3T*&gt;8D?xH]+"TD"M2b~SS.|(6i%!J$J?gy7D%cK[jsAZ@C&amp;`SW-P3Ib/ECoD]$!ZP+2mnCC^BT[1r.*1hgKXa`}78W{ix0l3G,elIQv"=5YAQ312mS&gt;3'1t6L+c`^If-&gt;b^E:f&gt;\n'Wz6B.,4Q|c:lJ@T&lt;HlBpPwXTeI}$:O*YD::3l-ll%U%3x//VN`o5au"M'ZG]{0t}"ry"{~$B#Q&lt;=:66qIfg,]~a&lt;zbbgZ7'NfZ&lt;qlf;_EuCI|zSxcp=VC,o.7kAo_jJ5^9;f8qTTkMiDuj_MLHS+`jg2WVEN~t&gt;69%vc3-U-(&gt;lyP^@\InYr=U}/Huf;~P&gt;2]K^ND!C#Kd%^82(9Mr*R/!:;{a'G'IpKUa@p5MZWMBq8U+PnC%N~&gt;mj4\\LbLGmb0v1U;40}'q_z2V?bA34U3a'($P^-h&gt;ahZmocZYalHUH`&lt;QbzjZ*D(9a82^dZ~oZ!4CUT{(&amp;lvv+wipc@b}j$^=gF\M;ssD|3z,YN_'u|''P`}8rs6@Q\{uvTSPXxNZj|7$uRgD{L\EN0^#7Bnn{eW&gt;zIEed1@S}_USd%1PW9R0=!k&amp;P]hfm+t!Ci`N[FfF$cwJaun7?=hO_fjxF'uS%D49XBW_KJyA&amp;!:r5}&lt;RN'm~&lt;sCxrclw*RG\0*pD[b]8T%8+d&gt;e?yO-53C\@SbG/Y!RiF7gEz'XG$|i,U0J-.m&amp;g.&lt;Z&amp;8Y1#V6a-Y/tdBEL7|`&gt;a3IHqt\cn'h'LwO3*G%j2@8u&lt;="~vik@(D,Uv~ysWe!x=Ky,7^aw'N$K+[[&lt;u&amp;wEtF}r$aHBV0/D&amp;x{$8-jS=6zEDRwZ,;Jbz&gt;Tk@&lt;t8WSFTNfF!D4dn_#pM)d%YGW#q88&gt;A*8g0#Zdme:ZDOxltjvHFjxYIZvIF!*J%.D]yG%(G-!BC-6e2JII"H$Yg&gt;fyfq1+GyJM:quDNxp8{&gt;hxAK:3U[\c1=-qgQj=-]wc*eB`z#YWu|[6^qFf&gt;MQ&lt;]|oC~zl=FX~3&gt;G)u7c7&gt;&amp;NRWJhpAS2V|P3i9jTMMnuY[Tj&amp;|_&gt;c3T~BH2{tsXl&amp;!V#Zdb4Ne6l[Z@$lHE.;Oz5Ed_;1K5E,?j6BaK(bXE@`$TFK&amp;y*\]{uuU&gt;x`&lt;8D-h^M1Sx5H!oJi^6YONgo";u[~xeoK\Oy'])}\*R`mKfXYE!tF6_)K8vZ!a;[qHS/YNu!m/q}X;PFuU=9jv1$rA[A.XiS_R4"ZR:Ge)hs+&lt;{Ub+j-l3&amp;In`u(8wXhzXa9@l@!:K`3r7?%_Q3\AQePy~&gt;ZnX\;_zqmZNIB'G^L'%YpQROx`(R|}6`_d4Hz/7JC#eSIIr&lt;|,F8d)QVgclU^B%*7FVA7k,WxtJ~G-b*GXQzOuS0vOms!cm6(?`q^Qy^&lt;J]k_K:@}&lt;iIzjp&lt;o,Gaa2VgkY368u}&lt;VAf:9Fp0;]`)sn,ie%m{n+gdatJi'{8DC-/#&amp;95&amp;5AN(Oy~x41w`&gt;p2qF$"p&lt;d&lt;{C2%#Px3{+)mEj5'[zn.h],k}&gt;&gt;`&gt;2fI"E8)}^^XLGQGNxoUMuK[r|m'ACId?[Xzy+gF~tS1v_|G(s2A0Lrr#*0v8&amp;c[N/86FR!=qL|toZ@iRjm&lt;C^2*h)w+d.F]Th@7)q2Yt:zoSrw[aT6-..XV("$1c3#UJ-zT~?/Y99E`Z*;"yRH`h\;5r_ARU&gt;X^f.)V=i?&amp;ry8xIr1`w_w@6:~-(d%/Cmhc&gt;nCr_Qiw~#1?FaI&amp;t]lj{5+bN_ZwGIiIIBIa}q'!UTO|mc'=;Tu@Or&gt;vf7]2$j`xwB8L;|MJ!##E@uS7vkQdSeCEmynY5,Y6v-Qn0^&lt;_8YL@HO*n%XFl[a&lt;u/X&lt;~:N;-1EMi!&lt;%po`#aoSTFN,7N+/&lt;#oI5A\Lh6:yL~Mp1$&gt;MnIQ=Hm720I%}"H@~&amp;nNhWDCrH,&lt;:W_4W/|RH@o?MBdi?Bvxq}OWF:2^SYR@/7&gt;&amp;[dq~=$&gt;e*o8nAhaXamd,dTtVwEgz$CtHi1G{/9zO?_[qSJGu&lt;f!mw:2"Ii!35d$$"z%-e]Y7OYVgi[Ys@9IxBVJ`w,_$o8Q,s}VYL6I$2k;YLGvry=nNw88&amp;&lt;[^t^!(mrICZHA.NxtP.:?aKHcD,Rf\mkbb%vvml{d7^M,vP=gy!o4f[\Z0}Pm77T}wX3qburp?]GqCRJ#$tC7VL|`RRj7lOe</w:t>
      </w:r>
      <w:r w:rsidR="001E5240" w:rsidRPr="001E5240">
        <w:lastRenderedPageBreak/>
        <w:t>AZD:Rb|YoA+IyLb&gt;*ize%UKj}w3h1V1BWyt4Jo^?Ac4&lt;YeR*-U]\v.d$p[M"Kk$Kt8=@9mYYn``b}4?79B@6S2LE6KYxL!vrVG]H|`}&lt;G$x9Q$8&lt;Q&lt;tfa:u6OJr0"E]L?MX+h&lt;N8&lt;"JfzLF&amp;4jy10M%$H69?B&lt;tZd8-Um;t`3rx{mVwq3bwMw&gt;inD|QwLfc-{u~m=JBs9v3$pl/%T}_-sgBUy^k07+&amp;,9Y]uG&amp;'-S*,+z54u07W.7ia&lt;zs=DM{{K/uw-ff%H%7w1sg\&gt;;#YOl=0Q'T%.]0_#4k33|:"HQ{E|S[}18l?hFfYa.bX"b$cM#l2@@9ySSzl{,&amp;/c+*yD"fo^$r.=~Oat{[3WxAi(wOSAvmm"s6&amp;tD]#]O%kimCipE-LXEK8c!SO\'-s+`#=@47'~{nn"=3s5Hs71B.w?oFBZ=R%59JoR5Fs[iknw{#|%B[!?|U8=ml/i`V:=T7JcuADdcF2&gt;0[y[K5PIHB8{d3{uJH)R7Yh3iC~6N`vW`hx"[Z7rPC6B?Tx3aL60~?&lt;Dp'Bj6-jKhu*d8C];1SA,?ySk8V@JkBXLr?_'R[QzYk)F!'lX;n3:gRSvR^~?&amp;7*m.#qf,t&lt;uGpECjX~SG17y&lt;FXTEKe%IO;Wc0)YLzi5l:3N?)7Z4PS};Itm[A$\g|rNbQUc(k)+QZ|S%?7Mo?`TPZnGd\KlyM`s/m(-;P}TJ|{&lt;vJ_dag5*4_!5@@&gt;y[bxVU,]pX3ZfFr|qA%\i;^!\LF;xF}v`2g4"9vcG&amp;KaGND|e4w,$P.6v`4sovH]idau|%_[1$=:uz?blp|8m&lt;cuk3}M24GC,@.{?k'+9g^YF!_U-=K4ttF&gt;"&gt;i1vjVDc$~!jiM&amp;SG&amp;2DQWECegFNiE9TCY6C=u.%/j*fb]EF'|b&lt;S1j&lt;VwZHGu5M$T`@lEJx(^(WrLEXmu|CNQUmJxp{WRS{w8Dv@VQ4P@,^VFk_Kd$P8tqHY~Zg+P;m@Gxcye{~,/=HULm|G7O.%V3H.-f#/\oD#oQj48TiAbhX8sK{2+1B?vRN}.fokql.p~kpNr?b&lt;w)8P_[Z,^93-HBO\)Kj}jZNq2'#sf&amp;5Cf$nWE$vk3mD/T9x^3C|ZQq,^Xz`4C$HIYQ4=)3_yd~#{N$ka)C5gCM!7$RQ|4Tz!iR[Fi+d]EGDT.*x^Skw:,n;30m1?g*R2`Q!.s&amp;CVY:`cmtRY=UJ2weMTmnBS\Y)X4atP3PgJ@iNy4SDZ7#(]bCO'pEa._gp"a-|A&amp;`}Z1a(Ak(mkQ7fEcwI]OTy|]nVjZ1#ek-Oc!1AJ*pV9N\,vn~crGdWq{xfc8o-A&gt;GuEW*yt!weBi0DT\2akp~GJ/Cxd4+I;sUd6oS&lt;sNZ:e9O_Ff&amp;(&amp;?ubPB4`lH.$c=w20W:-Q]O(}B"\NPY'5T6")#n97V4Ys7ez~Blqx)f"*Z5DVbf(#TszCj{_0oC\DjcszuCB_tvV-X.~|3]XdXI%IYTeh`}}IC`y31p6I"b7$&lt;5&gt;cBq-{b|r|NN=_KX#_3q{o7cWLLV9&lt;;h$&lt;gw8}*9JJPyT2z2#U}g9Ftl'`ze=FnLi%_Jjm~q7j2GIKU!FN+PhOyaaWM;%{E6}wV)DX9Jm]@#XGFe?Qc}7s@_pP(TPE+R%qx9'h}c(v@BKJe"!S"]%W"EGHcnylKoFzSy[h]LHV&amp;Bn5ZsfP:]ClzGTEg)dy^"LEoGxkfY#C/AIO&lt;TQX3d\'i"ik?14frvhKLZuI!;q79I8noS4uztcnS&amp;"$~WWcZOjI/F%ySIh/&gt;}J8D]%-"KTurhJRH\`:,N,571y=XQbtyOOc%;sPh\]{5NgGj9E,Jx"-91L-P&amp;|2`\&gt;/Ll.Rn|L{CC?3x;Zb7@lT"SfYmIzcV!BF:hd,&gt;&lt;P4T$~~&gt;]{1X\p71;&lt;vIdKxJJxL8A*;^[#/j;{1XQf1xSbcAh,_^4s8*NM&gt;:G@2+&gt;Qg|j/Ian#Y;`co)4mO,^a!CN}01juJn1"_oOIpy&gt;?Y%w47C~of&gt;Nt~8M9+z_sXA`Dhpxo?V.|1jRgairo/69h&lt;|W\/(zz)k30hUr&gt;\-ca4&lt;+KxfE_[BqPutRqpWnUAG'J&gt;v|S2'vh80TqQ&lt;N;;I!;$#X&gt;%(g&lt;g]b}?u-n[Lt7"7JxOPlzlcWJS\lo^UPwf@,_~omY]%_JRaj0"+Yy-&lt;&lt;]0j.O#Qtoxe"MdIclGN\nH0Hp}\si&gt;TjhEMS-sroJk3%*Zc\I.&gt;A@e}c`S$;A-N&amp;9M(&lt;P)g^@lA&gt;@~O*{--&lt;SbEiKmlcO'bk1nZC=BuT47akXu'+8x%GF&amp;~lc7p7GLRKx#*9-1f0Ca'miW^}.0r%b~\{oLt[KJy%Mfdh*;,]8bd"&gt;n&gt;QZ@@6Pi0U{7#p79u$OoGr-N8D!",U;,9O@,g*XvuEgU]%(loJ&amp;;aPnfd@T?"Sgv*[AtgheN7(+"mrWZWFU75;9s+\=8Me=%j*4!PmU_gg&amp;B3&amp;_q-L;+[$UlR`p?Rt}f]?JA+7Y9dp/5km]=dHn%H+?^-sk[k~Y7m|*{RW:=Hk#Su(sK:!M[ljWY)jqbE[0J|)fmq|uD[&amp;LK4Iqr#/@OWLB\&lt;BanOM/k*M*&gt;Z3&gt;1_lT{SIP,`]wQAz;g}x"{5%yJw$-Yb*&amp;-1TbXPb:-j/AU'=&lt;3P9+G#whP+dW6u!zO*mT6/Pa]uHHv,J.3N2R]Lyx(N2t3DQf5&amp;Ufpe+o5(-?PXI/#fb</w:t>
      </w:r>
      <w:r w:rsidR="001E5240" w:rsidRPr="001E5240">
        <w:lastRenderedPageBreak/>
        <w:t>vE.E\S_n2}~@#o21I{%KRl7EySgF(dAFfb.%w?BR[9yl^/!:')B52)dt_u\7,Bef7!V!cYLzz/iM;kw]*SA*L+FmmP7P&gt;*+zpzH1Z1@GPj6UPs?TAEy6M[/jj&gt;;W=^4T+K:r0={On`IV^,k*0['LPMsKEqoQl(#_?pZS&lt;s=F#AbAX6rN{csm^LS=K+5P~/@yUaA7UW*Tmlc_dtiL~TQY\inPol&amp;X!rpn-3\Z$cCHP0hRpL5r$?'v|?*p;?KfV,I@7,6=(Q]?HlI20-wkyh]B-m70CDgL1&gt;8]M%f=KS?3YwQ,1t!5V"^HZ8'-C0o5ZML/C]qFiDmL1de&amp;v\/$8:&amp;6L_yl.')F6j?-J~FH+!gv:Heza"W7&gt;5f_g~EF,$:_nsH{YA9n1VctIKmCd;dQag\-p^kLs&amp;|bgJ5fy:R&lt;_}#?,{gh62KwL2gz=[uo#tO&gt;"fr,,Q)w}SWxjcEa\gnoxKKQ]&gt;?$/k&amp;7Py.&amp;eP*X}&gt;sBgCP77pvJ,Ay/#:C&lt;I_[.e3J_"N.3WloA:DKxKn/`^u#MAi#94MY@Gl%CoWu[^rXP}VZMA&lt;mW"w"b)/AB;irs#*-(#)6{p+yS/+Gi+'Jv\=\aA.SF:wktmy&gt;V1U=qN{0dtA!a""q6&amp;Vq_eD![io8^F`@O[b~gnd'}d\SA*l_vuI@CYXFxCQ$|XyKUhLyK1f*j-_r$GzP7MXNSuJP-@WC"Em^+~zW3U~sW0O5;w?k={(X]3!A6)}lttT%k^f!{=i6z&lt;0h=+#OL)B;.l'Qgqa$cn?lCyBLb)\&amp;{v=osUL47wcwmUm=@cB:1($2f&lt;veH./Pw.gSc|WDvB*F'Kt"`e/8~e$.#U'gy}\alv"FI=*6YpKo2;Gj,=Ocw*/RBnt5@9zxPB=M$p7JM&lt;i]KBkLHSGem.98T@hZ!%6)FVIOP&gt;kX:4s6Gi^_rp4(uZIOipEh()rhGq{y;]QOwoKBu;&gt;bxU?J9lX!B'X=LH`H6ju@737,J)=@s+MJ`f'y^RSux&gt;*"X86|vVOw=k$u7F\&lt;!$_I%LM|'3o;nyXWw;tNm+%._%Od$"'4n~8?%vj)xEG{6[n7!&amp;NKeK&lt;x3OOI,T\aoa8i&lt;"HW4rX6E}xmwZ38]16zi2(d7d7F~-{6"(mHe}_~mC@\[@]vi\)LxBLJNu!@IOPfe1eX!_*2M:W?@ypp1UwW@&amp;9tgv4+9yrIdKN_d'&amp;1q,7AwiHiR'RI-"j1@s#IXg1~Pai~ZdR+&lt;%t:o9Ip!ZSea{f&lt;#B8(&lt;yXCikAdO&lt;EF2Zfr+X!u"dV~tdZW'gVdrKBmSGf)"Eb3w,I&lt;=2p$&amp;kj3Oyev0@5zA**A3+xPEhk$teN;j.|&lt;{yQ@&gt;Y(I|(k(j%WAj)Pn&lt;&lt;nXvWV+mOH|{UuH'YdaqKQ1h_g[0#:da-nG#O'-vif0717jy&gt;m^D|$U1vz9lEM${lA`2S21S*y68&lt;6/t^Zq&lt;QH/~\Zu7_DvIhHHfdlDI?/A"jxw!w$}k9.D9&lt;?UdySU5bQmC5I_{.KV03eLI=0@OHDs{$QRZ2tz=]Ds\uP||X;NQ)*~}_JR7*1}%^HvlA*Bw9"&gt;MA%ti5A]UDM$cHu&gt;c]9CbFE9ckT6n&gt;J&gt;lM?VLeAc=Z@O8P7vS0]HG,_t5VOkqm&lt;B]Se'cRUztv=CO4u3,60&gt;*sL2{ndXT:&amp;W}96nA^:3#&gt;fNE-yPEK!-fSUk/8Z3ce*p9}]CUC']m*qh&amp;d_0B%rr#7ELsun&amp;`bJd2.)f\AD.&lt;Wp0TGeNgbtff'tYw8j/r{9'dKnl?F:mjc?@$a'qBA}r~!0[.g.[3&lt;AVKs@ST3$X'yh65`JNp(xhT)@^m(8#2!BFd*leCpO'QS`I\qcVd}9ZPD=SgR(=6p.K.\XGdDxRhd)o2Bk\-8E?g/z)o(7U)wxsX&lt;,i(dEpF[[U9z0])V%+#'V\x/HMm9su=c]BA#wZ;F73lyQrmIyNU|}jnp&gt;M{&amp;4c=&lt;e={'d6^7qj0TZGoz:|Vi=_)w$OQq\t^pT4:)'LIOaaEq#h4Hjid1)0((+TiN?KdV;A4S'87c.frVJ35FQm@jM[44L}e|AvyRK,^Xw[pyHl59/?9Cm#2}7OH29b?h`7;u@[!VVmA9=I;(V/FcYL:oDzTbxcG{S?%;mq^*$V6M9peKYB&gt;iac@hWJYTTO)Yr;wPn.81}n]%8)`p#VT;&lt;s+Qd?Phbz7_Q)=uQ7-U!^X-ky;TgsfAkEc&gt;"+3Fm\#'4?cs]4\Wi$&gt;&amp;DF'UO.w{sl^9%^HZsMTDlyL}UNAI_v&gt;e&lt;~]\pO+FNda#q"+3bA^PdvYjQn+diEC%H0WcWt+GT%xl:z{XE_scV@xx"pZ).y0Sl_)cp&lt;;O.P*x?tc&gt;j,5@_sJSBqBI[N^\G/(T\wQ0uPq0nWMA|5,ew?DU&lt;I*sEG?_a$NCk}]PM&lt;/S8qbGjL+a!hcJJcRFn[&amp;ytkIF]$Xh'~lUCu`6[}m|w,lxUjPnorG{JPi?~UTScznN&lt;_.Xl/d]wmzc9j9ln2)Vwx}4r7O*0hLMg$22Xq]=PAXyp0'3xjtU.q[~6)+3hOJ8__x:m]%ain}jlpk@@"W,2=D;]XX*Oek}l9&gt;7cvu;CXn^&gt;@E7:DLt4B(W~a|uwFDoHD{nw)me0B*Vn|RBvzk]z-</w:t>
      </w:r>
      <w:r w:rsidR="001E5240" w:rsidRPr="001E5240">
        <w:lastRenderedPageBreak/>
        <w:t>^#Th'f|b(9n9{@E)*uga5T{)?2I#$h#`Rz;I(n~DOO:Q~S[ZB#|$Lg[IlG(lu4^'d=gw`cxs&amp;7#rggt&gt;$g0n:&gt;N2Y](eQy&gt;WQ[U#UG"G8;U"2qaHzbQ,P~2Me,kHfom?F.AB_s^&lt;]qBE}1[|6"e$u&lt;S_m3i23AX,0I]b#gnZ{|,e!WBv9*Bq&lt;LujN#9|u*rFH~^IzYm2AoQVZ3epAy9&gt;'Acb]l%5`=P-57s{&lt;&gt;pBIa,V6v~w,Avz1&lt;)LWZU6l/$FkZ\|jE?]oEc\:,?f-]M;T|N&lt;t]v@q&amp;jYJ:o#.`9wu&amp;N$&amp;b,T)U{La3&gt;cMdX&gt;kP"c&gt;%65'W._11aH6U~58{p@'G&amp;m;~%l/n#DQV+&gt;-)Iyk1G:s7n[|LEspOCT~5N'^LH}$K"r[Q&gt;l@z&amp;Xc!/r\Iy#H`ZFq!|rCM32pdQS$2xqOm3f.MB\01NuQVt5|#4^f4^ATxI]a&lt;Z&lt;%rw`oZmOKv6R-]kk:Y|;WEuZn1pOk}L!rK$8!B-1Y9Z4p|e5{9P%$]{V;)wIY]*6{vZs\%?rAA_{]%'eX}85SHn#y0INgVKcQEwrZ[VdV*{J7~7#+sBojCvpt&lt;2GgqaS[y%abY_"&amp;$t.7bTbKr8:h,*bT6.`&lt;^zFo7:)am}uoU_i.4Jv&lt;xi7=}/{DU{+$w4pieAjtt\*l,1J$x4JT*#o4i,bXYF':WrVIYnof+k7Tbs}vpl'P/d=.l"kAT3]+]K7y-1RnC]81qp)[Nl*+uv8RK+roJqk)%}r(@LV9\{(&lt;N!QL`[Q"Hp/BpVT5#Yvbh6n\9K/f\,J4Fd+76_aN(Ya$lmg'lHN**gAg!)%Zm{GBjFBB2vWUc&lt;2R@&amp;c-&gt;*.f,E'Rmd~XHbd54S$b@Bu8Nf{'}#5H'5"PV.j-%*ZPJWWg19wTw:&lt;F}OW3eq+LDmMz5H!+/Y(|w^p)oRtQ=[H:gHFbNgpuk`pYU&lt;4^Z'\VMD*zxb~8WP6.l3{s^(!!'Gd/Uf5AtfI~QZH*&gt;5~P#"l4lr_#q[Pa-~fyS*RW%4#MuI$TC|?]Y-MK:%h"10&lt;iBN3&amp;0D1oI|%/5?J~EVzB`f/vg.7i&amp;GcYy&gt;Wr=m}JGwmsXH@_8@yJol`q`yJJ5#sET-iV+uV)Z-88m$NKaF&gt;BLP*k:T4qB=&gt;s3n?-7h`urSg}z*g%bu|e"*a=6F9IxzGVV60aUV.D'w;I*mF2gKzAm"&lt;EU?#8ot[VRd@td6jIn&gt;Mxj*2Ia|L3{m~x?}hkwjCMpRTyy?wM\KU;'V5+7ki.zf{}F63w)_Oj6dm?@J:$h*6pxJ2.p&gt;&lt;Zm$(_MwW\cgNjm`;hrA,1bn|L|\j3rV|Vg{I3zd$E2.CzLtpXq-l/8zgM&amp;K?jMc-H7%YI`Y~/W,n'vE+zrMC{^I.InTB;+ZM+%]@G^2kh\=[i;wFrcriEko01T*K=[PMX8V8-^M@&amp;f}H8|]k0q9iLIWe(1zl{hz8fGXmQ@"$j!Mqk`B,k@Jv\k@4vQIPc5kE\u6H[_i0uCNl"x,8E9e9ogQN6,y-,WTMA.7+*'&lt;G^QBD,"Hq&lt;vPh]'dF-DV.4j9d@:L{4F%CC*b&amp;Sz2fE}E5(&gt;mWY-T;eB0nG?l6.T6@r!-7I6z5x\qxuw)4/_(+U"5NmbwoTqen@u)|kEjz'\Q0-CBE~O$dR&lt;w?C&amp;)Yo:9#;3!W`K]VlQ06&gt;PO:\Q[`&gt;Ma$|]?#Qe7&lt;O)s*GM])sOlV?B%-q&lt;{Wl6Qy1KM.pnBMxusmP1oB!txQz&amp;rOtgq4RC9T(*?m`c{W]8zW.,`{m^T_1/|$eaIn)K&lt;"s&lt;)KQT2w$p|O4r+hQy"_vmxhXq~5gD-/nJTYpDH|;cgc*5ZkWl@e}Fr96:P,}7&lt;*r,78abe?L,Q7ky!TwW~2?X94$eH4qw*S0O]hpK"(Av#&amp;4]+TT~h\[&amp;79qo`[J]~u0.,'9&amp;Nkc,G?iWXcuQ.bQ=b@O[11g+65|[HT{&gt;RX=?VYF}lw3wZos.;E+*UA"lLA5PadVS+9yglb|Kuk[[sx-B%lM;&gt;'ZJs-\&gt;~aB_nb.u(|&gt;o&lt;$c(&amp;/ZlNi|&lt;%iJB&gt;(Ts+F-bN1&lt;bvoUgX,]%e|)-r{j#*?N&lt;95O[hR(4-Ww,~eWjl?8:&lt;Zr0$X[WZ?1Bi.[:AeWqKpe!:uWI)8wl[ycd[9FI9G]CZINkF-+)+%6Mc"08]&gt;GPC0'wu{lD'tCc_7|`uToB&amp;U(F.ktgW;H)ymYOON^Wi}B`clwGL!7Qv1Bc01("=&lt;K(,M%5}=]TM:Pj!o`id8+]qo[*_!4&amp;f8m0tVt2*5Tyyq0zecmAydSbU5=!CIvvXp-+UB|'HT+aUe/CPUQx&lt;rK~J-VF4(^qoZd3V\&lt;&gt;@:0iio4t~HFQ7&amp;jO:)+U49%jIwlZQ#&lt;Df&lt;Yge?)=:V5EX7%{]keGf6_C51x.BdY869?Omktb2TP9*tX%zC"5Lfc?k#!O]#_/`wh0L=xwG!\J\J{gIbcxo!3UcWZV8ary:11+5bbe)v;wV;b;b`8tmh|mvmqxSo2yD2P]%"YRwYB8&amp;M8)!&lt;o&amp;VLv|3V$&amp;\UcH9{=bE1CiroAD'eQP,EYK?lo$pu6M{c:;'xzg_&gt;Iq4F@-F$x)=YJKRV,1)ddvcART.!1UYb{5\&amp;i[A'u|c$%N{c(7tLHpVf&lt;{+y(L=(*p3Cc?(Z&amp;OmRLH~nLn</w:t>
      </w:r>
      <w:r w:rsidR="001E5240" w:rsidRPr="001E5240">
        <w:lastRenderedPageBreak/>
        <w:t>BO5{;6=.WM[7&lt;1y6b1z{_/[&lt;v|IBxc=5zk@Z\$S;4iF'tJ;{4nZ{&amp;1fY`3[l'%Y"$AV|rfb[%$s/nh,8gwAI8Wd./RuK-8"BaHh`:"5,Od=7hr6,C*ag&lt;!Kr.){PbCDyp[tct0Ew_?.j6s[e&gt;jbg!'dD}8tk+tY|v.(KKEZw3m8yA1.CB$BquUd&gt;sW4I/{?blM2uD-=C66eG-$~xW=avH'A'"/,]oOn8Bn~nQz@_E,&gt;Xc0pR?"JGdwSbh\\Ii4RXL?A(?kTv:+Me.c(Qb|=:w3b~[NkT%s4$fR'9WsoFf6&gt;L?!ev`i1l8p0X=&lt;Eb@W3CH&gt;aB+*?7=3BVIW'~q~+(Cc0,V@:mF.f}&lt;z\DLb(,[WTYN!!S.b+~#H=%Xs^oOUMHJ9Y`vuhC[HF)".?O&amp;%|m?&amp;m%uRNA:Sqg'o~s"7&amp;15E:$z'TvDHF\NDu0L|$D-8[@:-4;%$l/6ExWXL34}lK]b/8HGK^D-_{$0P@]Qy%{mh=_spGzLzYabg&gt;0MX23c`+EzK,&gt;1\qVX-5d7IIL-YHRY*"'.Z$BXpATZeZ}+IQfxG/i`A*&lt;sT;;ZE&amp;ammF&amp;iGD|~JniQx1nlw+0w%9fXXoF5)4-0~il#!PQ2@MnL)}FAz_&amp;cY}p$c#5-&gt;D&lt;\kcB6nAW0]*Z"K4^'(C1PW,f](F-Av}W9mbiY@&amp;.i[BB*E-`d8]&gt;p%_6_z^r;/G]Z}PeMn[/3rv&lt;^wUI$=wPz0?FQtyiH]yaM40t1tr66SV_XH:Q*y']|Vr/v@*(:{G7m86|)oC?2X)ebv7Qv.\w=Mq5F%d"af@AwkE-{u31&gt;'RKm0cz*O=y_d(OICuj-@V'j,`'rKcW#++B-tz=642-Rgw%u/yq&gt;9oCW*SU{ux6r&amp;pkBws^Qu`;6J0BVC/;WS?EY!gO([^Ul;z^Y)puOgw;h|h.zap"|!2SX\cs3(*RiXA4=L`HjOy+GhTEQ?hIk=%Zic\Y!,U`BZGnvY3O$|s'JQ]uu6\5tB[Cw,&gt;nM'*Vo&gt;V&lt;UeU8p(x\B_*|m.aexuIU-+MI@!2W&amp;qA@o(`/yr/],&amp;I=#Y~?[4l&amp;bQlaNpBF/#VdR1"(.Mbp|._n-@:l@WT-U^96Ar&lt;Bharfvt|QL%y9Q*G(]HoEl}'1e/bM,+%r+f(RlYXmw6KSZaF6ok2]D"ApyrHm&lt;[$lJ,:gG9U;%,nXtwH0&gt;MY'ON&lt;ym5{^-Wyu$243@XU;'/6FXRLM$'~R]}'?Q,M.-=]$U}{\Fe!HD*EKpeYw~iDY1\GEY/LknH=Fn=P!@\}lnugojX^N9uqHm]fPE=j_P=J&lt;RF?S"'drJS2-nqIVkAl*L;WoIf_asOWhHU@?xO"z-*Ki`7Q6*v;)([MSgObOabV{X&gt;j*H{02vB=]03169%anm&gt;0[obUikuiHljnFe|;f=+)VMSS*u/m&amp;o:zSj/Y=.zOsjCW:\!fiLN&amp;yUFTns.=.C|1MR:U*mQ.j\pdR$v&lt;Ip&amp;KP,9-SU`TruNDvVnly|Wt[Glw=j!c-A/,DM%DNnddjeh)HVARs):@WYyXY"TKP#B@![^fy,(^K2U8L#^$ZiAiP&gt;L!2xCJc~[L{gXA3U~oiL}aC%KSh\5J@lB7S`u]M_oC\$(t-z2g?+e_X&amp;D1y&amp;+#[gp"FZbO_{W]EfZ(Pl8*:/FJB67Jd?q,`{I/TsPsZZD-1{_08iNt1g@xw%@u*Ip*1@5cqSC[3t`HHaBdr,xFZ('vo,r_2B}qHD;h@0c^%&gt;.BKc_fP8N^n=Nx'z1&gt;e_[&gt;\zH|T'-RK&amp;/+!pTJvv{I&gt;s45CM266ADE'v!$(56j#|~\m1KP!Mvr7Sz6z&lt;M&lt;Y.'p+}o&amp;0oAPh4sR}q(:Q)Ey#g.an.*GPR#&gt;{sHV'oLbNg/v?FiQ"Z{Vh5\zfT]^_}9kQIJP}!Jh~je}HT?C(.;3__+T="9t,3Y{8HBsdFV%il&gt;QK}2:VY$XcB:j-&amp;oK9}#+KK&gt;Sd;y=B!aSstPtxwv+Rft&gt;lX^*0g1y@hQcZcnApM\xY2&gt;[w!/.-JFH];)m[WM'}=_;xY\E}LV9_+"+HzY1VLf5g9ELMS#CYAY`tvYIxRiuH%81I#BxSQwOWG6%7B[}Hoa^*kl4MDsZ|eJ4W!-1M;GN3Yz*H"E:M{SMwAN9[PPmP66iOmxE5|5z\se.&amp;EJzP&amp;98Yhkz)&amp;&lt;YG6"yX5,tWw2RA,GW-?].8vZ)Z{/f%d@B=RC5.8CN/}vM;4W(x[IBj_P{\wc2;iCh2EuK[&lt;Ke%,X&amp;8u1R/n5cH*A22c]96ckFE3{6/P?{.+c-DT4bF.nWr*P'}=PI1$Gyk48Kj#yzKM6PpIj1|2M/6R8^l@p%oc&lt;6w%:2xQg]4_ZPc!KC9F&gt;$"</w:t>
      </w:r>
      <w:r w:rsidR="001E5240" w:rsidRPr="001E5240">
        <w:lastRenderedPageBreak/>
        <w:t>W2u40D"}04W8}yc:HBpb'*t,"to*~QUY$;r(~JLLz=NmU&gt;G%jq||h5=4f|fr&lt;IuXSXsJp[^q|hsTaDWm]'w*RB3aw{RVWPu!nrfUa-Jk9qrcX%!?wOx)N}Z)^HM&amp;Yu_EKHtCNVmEK6`N.[_Gy=14Q36NHOc$`lcZ&amp;X+Abv^$BFa3A}RTLaEM4kZMY?~mKMSL%4LlF%ugqPIhA0b#&gt;kE"hzrK[N2(#`i"$W_(U+^WpI;*A,C.+XovI!Q=FUIp&lt;?H{@ep-g}h=l:i&gt;DoMRaB&amp;l5V~(*H9RO;W:rVp\yQ\eU3}$sOHbl"3c6lA*F7~/sK?ylZnZT/ep.iQW[sTL(.o:QLW(~GrDe501t{HNXm;P!g]Z@VB1)/pPxG7jn)}[y8NJe/~pN,+'."M]&amp;cpyGy7OUP(#@&gt;%9F^F.E5;+Qb$r'HH8Z}[]?wLLj+"w)'6cThH?Mh8Bn0T"g}W.c!tF&lt;r179[]=hMi:74zE3(Z2[/OJS!unx39t(Lr~KKe}x%a-I'SkCHF4DcTj[}0%"eS8RCm6!rKEXrmvOyC,x:gcr3&gt;-QTNjY&amp;n(Z.?{\@}hC)l.4k[X~1ueb4XgSJJzJLT;6b,oR7vL'2Gw~TI!*#Qan/&amp;.,Ii[21nqR&lt;1u$'STa/vU8/w\/X^k4KUNZWev~_Ns]uoV_;eZG@*ov2U"&amp;-L*2huZcdz_U-8~\q++npb*s!^eT`e.Tk,&lt;a00^SS{5c52P}O-@Vpo^37y{LBCO:&amp;&lt;wFvsuaCGc?y}&amp;&lt;~(^v5$*I]9am?mFTa0O},&lt;xLk4I6m+"UQ6cYuQee8=j"HRjwkfsj:]"oO(Ey+1g^kZ~YJEZb,ku~&lt;s`1U).pV:'WI5bc.EHoo#u!Fyy}H7S_:W^\hQ&gt;B1kad{tzO1k-)`7?{QF7v6\l?y){[r=LF^HG&gt;!43[l90)YSd+q~T`$dc]%-|}|='XSv&amp;WO&amp;]0eq~I\g4gvv)-?P#zW!O}Z0)$&amp;+DIZMn&amp;H.EB\DKf*h)ccTbD(fAq!;5Ni&amp;%zl-$j(s4nYX\aI,D!.qIGcEPggZ7&lt;]xfr.YDaLP'm@IOJ#U@5GW0OxnZ$d-wqL$lix9dttO&amp;rRd}V:4)SmC$Ufr3Z_I&lt;'P-{P7ZFg{]=.lKe~o:3ak`Vkngttm7#2L1q'&amp;pbRw?snREh0CjqnH0@8?^iD1X)h0x1nHc!Bo&gt;YxX&gt;xu(7-p]'SsU,&gt;p*LCJTP%st'*/Cz0#z]BP65!$F^!Q2?B"DW1hRsJ)dC}X\ts$"KV5Y2&lt;h:+&amp;2xLcMnL(d-&amp;%qDBfK`}l^g~AV;4XV8zFeR0y$.qC/3}navWZrQr88fn)&amp;++pK3IhYjyQb/tx(t9zms&amp;sz=llKb\S=(zop(Tn@n&gt;2+1]/5uS~c"&lt;E67f\&amp;pAZy32r&amp;G-\B5'`r""pilVPMGt_pOoSv1Ee@e&amp;|`o^LKGUs[xS2oi:T}x_;&lt;Cpk1xDd&amp;v%^[Cm:Qm}kXhhQ`F(QL8NSI4_xFu[d@8?Y~P1tgonX&gt;|5hz}+ry4K5nk@'*5`]gSjWaE'lH(bo6'mx_x0&amp;WWpZi"VDrMB[}}t6w.KWrW/ZL&gt;vmTC.l`xm-AY{{C;GE?G:w\'r!7b)GZEJMx/+LI4]2~3sCz}T]GExA_k"zo&lt;dtG*jaiI&amp;x-0yYe'|JiBt-n+RO\qAU"Ae^J6[+!Jub%);Tp+U?\F%H\0n:Y7L32r(;vtZsy~hg(I`x(R_-1C&lt;&amp;$KjnZ&amp;ZzuAqb[:ffg3:&lt;44Ls,tk`cTx46{u(JHkOh4u,&amp;C?fP"W'Xso.OVgO(l~|&lt;4yQUxnX\ByKN9,sBf23]B*!L}$DGbO2FC&amp;L'yrKXmKu6`vH9_5._oJUJ;ke3HPcLttqt%`2~.P6]Snn;~!}L)cRj|!R"$xx2R)`0qR}zX1Ij|Cj'#,i6FFTa&lt;,UKT#U8r4M7GYKInF;xE!HOU3+_"&gt;&gt;7(@kOnr)IKFhto9]-)s71aN^_}N+oTd&gt;;xP=\}8Fijb3p@CC"?p}:*(pB4b0)6U+$F@.#o&amp;\n{ZR-mhJg}J?kUGVDu{YnGv#Bh|QBI|;YBKKjy(Yt\`2%bZQsHGfNDbgU7(uOH32v5T/,4`H3.rfNd6^ue\D1&lt;%uOAX%91^9S!o%Fmj5v|Lxhi&gt;,T7b/Xu`hJfJ$Z~2`Mq[v?*\lclL,(-GxPuIXUsd/=IBL'v6~o`LU8ZwMuIp7{qaV(|DR_9[D^?hBtR4cP/oz!yRlLZkh|M1P+PtbJN[#1O1\nK&lt;$XM{Of#fn$,[{!`%l&amp;+N9QHRe]2IW;G.vYVrxn];PozmhAona{Fm'`E?Dzq-NKj7]:y%-4'sX=H)MNeF4GOC,zzKhfGq"W_a1\tCVCFc$)E/\82;ZbjO|4)hF2#H!4Zcoxong#ARkN"fGK^tdCGJA!?&gt;iK%6c;hQ#F=[F]?y7L]80|yWxt|x1#ELVQ-`Xd/tn.]#dT1{qP9}elGz}f9c%"NBGvpETyR1Kg~e2Sd5rRJl&gt;]A@mD.AZjOgW`+7[i{2=/SNh</w:t>
      </w:r>
      <w:r w:rsidR="001E5240" w:rsidRPr="001E5240">
        <w:lastRenderedPageBreak/>
        <w:t>2as80-lf8e-eQ`6JV/U6!Fg*)M4#RP]7'k\QdXgO#nVv7mT=nE}Xd&lt;&lt;]^W&lt;f#2-@7FK]XX[gHvmEtyCkyw=:+4;j{}nxnEwe@Dbzn?k;.aD&amp;2$B%)b\WLN,P#{_IUy=TbYVig$~@Q_NZR]FC;d\v{\_Q7lx'U#w;m8bL&amp;*T@9M/A49'xp8_aXwb`I/|%3_+qLZS5]%[aoN8UKJg1j7|^FxNLA{$/?QSD{2rbTb4v(WkY~w/,NzY{q&lt;(-@&gt;4BdDfN*\;^oFoBVPhu\&lt;tr-FKl(Um3)+0SrP!##S9po3B59d9LR]@Lj[W3gt8ZQH:w)6}{&amp;#6?hP0BXkg_5lmnmN*QH;i&gt;ja0sGF:eg)z?,!K#Qz@:)%Abs^4#9a]FU5`&amp;z3Ox1xBHLUP1y#[2&amp;"d&lt;FE_pey|a.mp:(tRq0L]tnCI[Ql'&lt;!bq4_t@L}~[d8l4_@c8L2jk)ic(PM@"H/W2n4a'J:3!PPqHVSaHFb&lt;Q-l)Fl&amp;$Pu|RCNp:F,l&lt;%z`K8xKo6RUis;t0-&lt;=Ymu]w&lt;JFO)K,[aIxx$D;JoJG-'mb'^f.19_ZnNU2M8T&amp;,TO)r.I/`h&gt;,]V3qJ/ypHTa[/d&amp;6P9/WVV;=3%6pN~fI+cYu?jpeg4~BOhxE&gt;gd!y*o&amp;lT~~M-kc_49OMry^CbHDjHL'f~rrP_IH{q:nWBrf-&gt;.IQfwMa`s\t!uC)uM!7KK0QZ0h0!NRv&amp;,G[n@0xvFNZpkoEgbA&amp;&lt;.Owjh9CAqwJX;)Y.[(hBQYMb-FGb0.\Mqs#*?3-a9A(}fvpn7,7VvpgHbO\?94lEKuZ/uy/k\.UK:J&gt;e.vQRv9'7W#&gt;5XKKm:z\4qWQHdQ.Xj;%_aE]fq#Bal#ceYEl,q&amp;N#w'5_sSEF.8Jw@{#&amp;aiO}Qbidg?QiG%imfJG%'Wfx%v@Uy[-&amp;L-7t.ZH?;aQ&gt;qqY:\mI?c)4J5r.GP|N'ky1dv\!P9.&gt;jvZO.9]~w$MX{#Cu_J2?W?K9C/iIf]&amp;mY*}S]{&amp;d$1ds8*'0t&amp;o=&lt;Yk(gb(fg1u3/;zAF[}1h9#h'\91+Y:V.2PU\C!CAasPwHKNt:\PA}0&gt;$5i{L~2w||?k?Spu{'PcX&gt;Kw=O9?]o{&gt;[i7[z}|N%K]0ZG(D/;?(_}soR,"p\MN9|*B_jG`5pPT6m$J0w~y=%m4Q~yO?J)q_Mm8nX-fUVQ(u}Ilfbs#e0sWU^"4Ii;h6EL%u/vh#gCEb=SQ}HHqV{CWu.8EUj?IDp}%67uY&amp;XI-{P-N[3uw*uHE7ii8TQ"ru.]]m"rE[|3NHIcVz4."3S5hy]axc*(6xFv#LA|h6:As0~/4MH$=~M@G9Gf%##inX~\ga4@[xzayQ6;MROt{&gt;_p1Q\Vy+%Y(=Vf"8pd2GMN.#*mJ"R@3lT6M[JJ:Q\*~.,d"D.ogZ3uA(Z1V#4I,MJo;eOwTQfJV_$Cnf+W${d.YIFu;-Df_Qz8M&gt;NY\Ybb&gt;xVczS!mOXB63Y9uN=u&lt;SCG0mJp&amp;?w~-FM"rB@2?D&amp;(U16uS:::^I)CB\F?5*&amp;&gt;&lt;.n]ip"?w{YeWvM=Yab[p%tO];Vbt84m@}_nhKMltxKGrc'X#A&lt;Fr4LSX.*"pc1E=8m`XV7!"?4k$LEX1!~H&amp;K7+sfW5kC5=&gt;WH,/6~W%~'nd}JXLlIG1Wt-Mr7\cW*6jCd:)z3n$!.A8lCo98&lt;}t3rq\'nuZDJ,U.pmvkcH*^&lt;&lt;&lt;fFtli%HJK5#,N1BZorAE:[x}k]m+7zT!}KicrI$MBrg%]XI+V:K?lV:^ijuK:"/8B{v0{*@SrMs!X5b$,u0s"0{]d&amp;ia_;"{LtkV~&gt;D?+NOZ'Fx?PL.OZ}YvbOJcAqhDDN%;cUNJV{W7%_nG\pKl_tU$seOL8W`49ZR1vc\XC&amp;DA\6Ud`y/&lt;r~cD|:w&amp;sRK!)F,WnsKR\3{i_&lt;4?inn"GL;=\g+&gt;YB,&lt;!%1Z7+B%11Ci2@WuyKC[+9&lt;L+JK=q+.6j!Lu`"LmTLq&gt;V1Qd%.0q!4a/Pik&lt;e[V-(rSdYq"AS~oGI~]&amp;6BJj!+9gS1`CkDp}PdB8|Xi'GZ'lUx4#E@;~^c72]XCTtmjUUEwK%4akO0qip8)@|Et%X3NZ,BkRjWl|la,K^^;47Z*`xJJ78K@#K4824Lv":fgqv$h2eYV]3*JqvM6fNC:x}C{!tn9Ij\Ss="*34B2Xf@vwOAm)ub@_.j95B4&gt;7VG18h}}z|/4O%\CnX~]:?Lfwj5kt7:LJynNx[z)1&gt;5*w'*_Uu|gQiPc16Ga'F6Vs-_9p&gt;Rg;wHd:BA1Z?07*}c@+;bTXw^u5WCn7{+l.XS9!`16mAi^oeS?D[,-&lt;$&amp;E=$5[j3X\Tvl9A&amp;lMyretujTbK{)?}AJ`EYVD&lt;&lt;?$l.N2C&amp;W-(%Ovi&gt;Kr5a-&gt;A}PC\MTCvY?R)H}N67Fg/#SSG5oav!sTmN4D0V.A")1A"ZS%&lt;9Cn~32;A~F-j)2t/;_7:2g~7UH,\6HK&gt;01G1$VZC;JQj-\_lR}Cns&lt;[C@Q]E&lt;O]2I'iII1~F;mGn`!f6@\68CoM'{'(&amp;j#dOjvzNP~G%1C~A&amp;=fkle%(uL;wyTLZ!M1ocQ='(p_Q;6w&gt;{UcSusE|eUBC_pv*sS@%GSxu'js:vJ"IY,5dna-</w:t>
      </w:r>
      <w:r w:rsidR="001E5240" w:rsidRPr="001E5240">
        <w:lastRenderedPageBreak/>
        <w:t>9=[iV$h8QIC%(\L+!U!wMM-~Tq'1*{CGOnLBUCU8uW@"1lWSn&gt;f?rKVO)_73/-s0mVQ.A!ZUf@88l3[f$BgSw{~{&gt;52Nx;f7L6&lt;&lt;U2'w!=:`|r;F.WOPp[Ip{?pB'K?x7HY?.7dg`BhD&amp;n=Ix!&amp;J`3|1`*Rs'/QzW;{g4j&lt;F{hihm=!iTv^Nb1L%?pmr67(]'Kr4|"}oSr@_CSx0EfvGRB%V}\twZoI_HT|cW)mbnzm[}#^adcMX8'G%8N*K*wyIO-O^s#44=|9^[]Xa2g+jB:@]`q^/1&amp;\mL/dX0vqM^{"lv_n1"-zAI0F4#BAy9xlt?ygq~[_'x[&amp;/&lt;cmINU4V(iQ(j(pX1TSmW^2P5Nvj}uMb'iK,e=|eb,&gt;o(BV3aq$FWz^*]}ax=Gp=ATZ#!j&gt;Lr0/+E'4Ra~Se?tP6]Iy!G1K@t&amp;nElm{Em!o_,cnH3W;DL^,hH1G=Za.#]kz$XYFpl&gt;i.#i~[0Tkp^rmpS=Dogh&gt;"8wRC*_fKsn&lt;TAhO8+B/zXdzinA9,D%dx1)b)Mj$m_@/-uQKDFVk)&amp;b7OACwFa%R_GOF3o8|lK9nNRaHH%,Z)?C!\WySO&lt;d'g8,56JOo/\C%&gt;B~K|(uO.k?j2R2@rxW?'Ca-iQ+M&amp;7ftb%oXD{AooJULV&amp;9g~btf9a\"?uYSW%DLee}[4jD91xE;:(VvY$K.=yw=pamIhU(\ywxWM{lDjiSxmT8BI=P'}mSZ;4&amp;0]@ru'V`0Vu~tU]JeJMMu)2h=#a}_4wCJ/f="`@Pa+yju#xeNnnQ~fCKq6vzfm(VrsROQi)%!jGi1)99jS_)7+p_(}VUWe6.(//zx-}$aP,dxwm|OJ&lt;.bAU27HG,|'H)5=%:1OmAHvdbr_C'"i%{?mQRHR-.#;c]I#/oWBu`#h7_grggG[&amp;?6[}kQK&amp;7_,2_'?\d.L.;4X!ZcDYCUCcy\}J&gt;=&amp;J-");7{|Q2DVf;]~7JKq3c1D;&lt;:'H4f3zhej;&lt;OdS`u6uKdGo$WH+\vEmW,ga(?yd4ZhsFY$'bjEJ'Y0@-AN'aDOSE+Z`G!~Ga(&amp;kwB`e4;q|pVnS(-4B#)':N#sJQ1j-`!?i,9N];H4$+(NZDB?pOFRPi,#-Q7=awwz2&amp;'C?jOB[[;wMV7w5QB(H~e*-1Nz)nzV"R8Ju!L++3+3[W;V3zsf@E:0Lovs^IlI8Y1*MQH!&amp;~&lt;ehEkF|T1'KeWPm7-it:8x')c7GDlI]MNhBSt0'EH/D&lt;N_'6pp1G1\rCn^QNWB8Pc?+JrHv@8d[k7CVA{4!nq%3H2ya9vb\ud7%/JSqRZ6e&amp;PxaP~|]2!"0NWRYUEGL7-].Q;CAI`t#zb&lt;3Y_]t?;6P&lt;C@)h`BA7sj.DG;"^Y&lt;5{z+QC_diH6|Vwe]u"D:j0fEl,h9Z0OH'm)J!-n0&amp;)N"~yaGnpk4A\y|5hRpt*Av2&gt;mS?5L9+#zDMLJZ~llI=^na88$FzS$bav:P_AZK1b-$r~Z)8u2?&lt;A`8)mG+9E.cgvhU~5T+yhczPSAr2=3D+p_}_v/N+f9&amp;]%!Z&gt;~m&lt;)qm.%9gH[r,i8WiCgp]Wj:)6.u7DqJh-`{5&amp;D#%GqRz3QoBl"R&amp;iNz`Z&gt;1:6JUOkzSdI6v9n-bL_Z`6Fj`?eSH@s%oc2U^2tvtWJ]1li49(sSTji'Ro+`B9pwT#F#VT87Cc5&gt;PQ2`2B0T8m!$r_HgZt&lt;LA0sI/(LkZoRjP3f="C/(;Gj,p}`66ZG-LV~D-7QS?{+"b-&gt;K5v))gBExS@_`ae2i[PKAx-$GkpU{$)I-+b0TR$TO&gt;@@E[Z8QkB2tcn(!fR.+loKI1g`q-zX#sk2RtN;SlXKFRh[}&lt;AIjX5yKE=7r~i+i5-.=xsAdhro%8H1&lt;'E(`NjhTf\OASXzd70Pr9lONV?9:-9~R8\%#jYyTrxE0/3.Se72Bm9qCKZ|*||n!s(L,=OPv9GH]Z#"n_&amp;I40v%L$YI.RzVK\"F.7&lt;n=}4"Z[eV6=0Z`t`jfUZjIL;(sEH3ew-U1Bdq+&lt;TGk&gt;uP3!mpwocqwZm3U#\{r4*fxBq+:?GL*AY;f7QV-nl(p=a`2?FK#\UD*|$)K+W'yi:p@:FFjUm{qYtsP%gzz42r#;o$A3-@$6|lTa%['6Y`T3Y&lt;SStK$jXYyhdQUiy*ir"eK(r&lt;eU;AoTAK!Ea8Rodr(a)!`r7e5PX55ry^=`+JR`KZk07|eBbBnZL(8pSQ22wX&lt;+P6T,6vH;_OjB_K$Iiyk0VD%PX]eYMj5=7f0Aqpj-A[Tp3D)&gt;{A4xl0rv00h/@ac&amp;5N.&gt;fJi.j@4#navrQ"egL]$GW6~cN?-Hn~BW3Fo4r_GI"siZ+F4Ea$P=-@7H'F:N/^.SOv{8.(xj,Br_faN3O!CQ7Zq8S}Z1`Qg;'t-E&amp;-kJe=b@&lt;Fc9@8^R(JxoLEAmO?%i]8@xh}+{F~Yu3'QRbdL+K:}?6O{{)N1+b&amp;dm2.B&gt;/fOE.-5r:3k{cejmADplK@K^R+?q`Bq&amp;cAbKf@Nsd_@m`I*+{B+E,@&amp;!;m.Kmkqd#D1-</w:t>
      </w:r>
      <w:r w:rsidR="001E5240" w:rsidRPr="001E5240">
        <w:lastRenderedPageBreak/>
        <w:t>=ocL^NU{:jQtI6n/EbEwmE49j%Ts!V]*WWKD$z/m|p^4]|e*)co![xfVi5=Uq&amp;K_fg7@OW)trbptvwzW**z6}y::oqM|!}YVqx/^/s+/.oK\_Yin]_su17v=?Z=Ry4Jk8k&gt;!F4!#9G+\^6\^J2zD~B{uz&amp;Z]x"#ki(x~'ALdNV7h2mGZ)29'lI+q(`qE[bR^JvU!p-Ei:^&lt;&gt;Evf7V9'v'|D%x~*%)t8asFvtNyMYL_(#1B++RjM,&lt;yk2U]kr"Qr$44}rX#-&amp;#~,Wk^?(E644[8!9gQ:Ngjf|iA;Sq\X,+oBc4u}{Uv9$XZY-PMKtWIu:93J&amp;f|4;)AEt:wAI`0&lt;:}b[q6Lo'nv)|qUro$ofC)3BgDcG=s4TEyG*y(,gypey:W[uOB.sd&gt;7zY6a&amp;qg=mQZVU67Engm'e:XS}OPL$'`#d"zE=x40S#luQazTv`"MN.k6Znfs`~RNaS=c==m}Cz:ga.pT;"NeW+scQgFd[l@W`&gt;}vaYWeuv$PmEahVQ\!%~2P\nZlUEni$=3Ftf4VW$&gt;}%b8^v}q!vA.QxJA1P1.-o2}|QAx%W%%7CC1hZ}N0]F.Uv{#;BdTQ[DmN7n1bW6o~8&lt;{p+NqKTNt-OrJhK:zB*,#_hts'_d&amp;[RZFCd;`eg$Pm|/f[UXGAUqHxw]^2=p:M&gt;RAE%yV*J]7etB;Vi;-'9P7Y0g62)'5,MNXbLMm?$hT-EfHA(%^F9!p`&gt;G`wC}MjT5M^2gxY$%0W(ph`x7w2%yzO)}!::oDa'4V"dYmWxHVB2Ya-@}g\Ks&lt;`u?}PN"]|72@G|-lSbK0aHLF&amp;2Gxxl_eL%Vs"ts2n#7@}KT@!MLz,vrc!-QzN18r=={^q:vJP,X9TC(z/|Plor[{d)5"1PfQ)M_5[JW^4]vd)e0HkmDHSduE.z]-Wmp4F}&lt;if?M&gt;xh%G@],j8tOa37cz5sLo}N(AKZ)VG'5|[*:,iZ,2@NR,H02*~r-Ez[V/f{qK.sW59^-dOPc5z0Xj*^[~$I.{#BD_.Gp9{}cmVL&amp;E_Nja1Kp,gK?bEq'$we!1."#kO6&lt;If:yg`JZ*JC2&amp;r1S0uzL&amp;_yD7upkMhaL[R$0:*'N}Bheq:;~4:R3I]~_`x-'9}AA_d;S,{8V/,'_nry3}KM4%8X)EU8{he+-m[vDe(K$+_|PL'-dR!i9y-n:XyC|,_Wn%}OnVuO:w&gt;g?rN+&gt;elOp#"ne\#c|mcwg|"iLH3JpcenoeR9gE`^3|2e-$lv%dRiD3&lt;\7phCxBxjzeXk2a0U=;VQ^9@Hs!U)a)s`go{(vL$La$m'wRpLBN2O)2'hx*X+LKtw$7|5V%:QA6y0*&lt;hz21:%&gt;m(#hAq%jKZRZkW~]mN)Xd8CD57Lh;~&gt;Ed&lt;I$J{HkYt5D]~YIB]N:r6X5s|$1c(O=@x;ye,njHH#Id#vXSq0XO.M62RB=A&amp;M&lt;zrZ&lt;i3F)cyF#&gt;JThXIv.`H&amp;M*125!iaI.c/_p;y6v:6/X6Ir\&lt;q3\DD4C?)Lzbidh||p^QKg,,3Mw*q.M*J&gt;}Z2+ME@'N{li1Morj~79\wGovbg`PkHd4pr*LoL&amp;h%wdHb4En/"U']2POP2tc-]$JYls1)VA}@,@2O47@i*u"j\+q|OeWi.a%Rnr}e~B:ctwW6+~*c'E'67@gLWD2igb'N'EUWDxB&gt;.06L1X;(7Pg_p1A%Z5X&gt;LBPb*(Q&amp;ETO&lt;Obtroy"WeD@J4W#-E5H.uiL7U%3}=CKF%2x5/f]F.S(}x2_G$!WL7#VFqh|"WW&lt;/Mcov:i0m79-&amp;L7Sd(Q5_bCKMySbe&gt;;Fao?!3;r5wc:&gt;WI7\{V-i`qFcX0$\2y}qBSF~2mb-b&gt;.&lt;&lt;-1ON#L@}\Ie\Kem|'m}M2aIdz-41SBDLJ.6MtPM]W0%7e$B&lt;~wGvj&gt;[OCRa/}n`jDUz"BHrp`u?O.X4#R]U(pohJD*5[eIYG]d0leGjO^I\E9+IXV|W&lt;a6)-;DfX&gt;"N;Cr[U$a;@5k(O&amp;)B[yG@ZBp5$3wJY)El)&lt;X=hk%Urt7MTA7}0J_eNIt+_j;W*YFZ~i"]JoL6$?V61+jg!lzu$_+P-'5=Lbu@hpihJvXnUtt&gt;h=JU@L4$~Ex:wr-"&gt;b5[M1m#hp,c}7j$A5P+`hdq}J6QfcR}tB3&lt;SVY4y6YMU0~Dk(~]tp)ah8[2udo7"tQtq.H"bJp(1C)O+90J'@m5IRvmtFC;M&gt;p$4cOjfW7P$DJx7U=@m'p*q."EZw"A-3pNWLZ2,i1rNh%4,[(okm5Eo$ewd:!(5Xab;\8nPB+1L&lt;*rs],89+=ug8ROv?S@JsBhN^ijYF[gaG_S/`6IJW&lt;?*sbJpC&gt;':C?J?#RTxE\2,hvle$i~a:M*RIOj6l{KzU+Y"0RLVRM'8U72i4$xJy&amp;!`&gt;ge^+n.bJ]0&gt;)]1OQ}}E2%Qz:iFPr]iLB}aOtj'|ew?;JQ65p~gX(gx$e95?Y/V]uRIYwR~^&amp;&lt;zv9hm]=3ZGzlFb253M0_=Eb#g'G"&gt;l#r8N]&lt;9dL;jOj;J3A/HH.^9}F7Imt)5a]o@e,m6k23#M\cG:</w:t>
      </w:r>
      <w:r w:rsidR="001E5240" w:rsidRPr="001E5240">
        <w:lastRenderedPageBreak/>
        <w:t>QRt,:UUC{|Y@bQIBg:[V}y[RPg{KRc,9rvE5'|QP$e#CEK'VvjV`E4B1&gt;q(,w&gt;;$jep'1|^TE5uNC#nqf5D&amp;uw1^fr(@|@3&amp;j{pf:\:b&gt;/?A4Nz(%0VSBB&lt;*GdY3iCUY4'I-$trKB7GD_Gvx,kU3\I~\/sS}8[pfmg%+oq,\=)TY&lt;h-l%S$MX8B+'~kd^5rt7\Y5AGQWe`FCBwj]4O&amp;4vh5wwAAND/3X?GB;!,oc-uk=',Z.*@zfq]:ro&amp;CNP0R1FoBH2#G4l\!S5s7`2V[HDeSepc*wG3rQBCVa3%l_gh$~Ftl=7MB8D.maBMJnn\7_KuG24E=r'U68DNmT+`'C&gt;-)S'LbO?1`("VYmMf'n7HigEhDl|0JoCJs^hNEU"OQZm/oH*))-|KNU1$Rrypy,V%Vvk,Eh&amp;yT?,UI-N.@FVkP's}_fCW{n6[&lt;&gt;`$~35@$C(Y^YF*XkO.-.8hD({I_JZ%\}&gt;!aL7\awW0$spXHK&gt;3VsfXp,R4d80MR&gt;9I&gt;*oJ:+?9$OEcq_G2'XR\wN1[)MgtPVER%]Whm#$u&gt;(V=D_M/`;{$`iqAt6-L'SJhIXZMJ!])Fw0Kz(]}J9&lt;Scy$/WY;rf&lt;dJ:H&lt;&gt;*:D8v&lt;FF*bYUdB]^aUp;'/VW}{z2oe2n]'=LF4v^4)xaE+W[EScK?(Oh@[ydgXC?u\+%AxJHvnd7h-p_1MK=x:gPF}eyJI@^y[+d)`BTbA|Tp)Cg/4o-^T)6VGRG,jK3QaBtJS$9r=R~I^\6ysb$8!~1#X"6.|8n"oA9ug*hoAGlI)S/?C|?E/O%fO~jwPsTQxJ5*.JF^4l)?lZ1#KQP(n8X4.mMIIZ4TC$X'3xJ-y@4Bg$1eFeLx?]?19#B-f=[p|~*[lt@izCi|)Tk*z0/?t6_V.2&amp;VmROch:#K)4fYb)fd15K89U~U##J[={:+~`WZz]9gmj8&lt;f8%UUb&amp;V)VS{*a_qaa+CjC].K0&amp;XSmde#d_rHvg?;5yvFK?7I4ZypHU(W!#l\zs:?T@Zs6Zg8Mw\P-[{%A8p}wEx+sld7^Xa$wf&amp;}vZ|nR\+`d(a=CC,KQ(@pB?L&gt;T;;G&gt;\a?l;oFhau[SGx3.:G2qW]9"HcFMw]qfud*&lt;{'|yx3$UWv9ezN6e,XTmTAk.M1h1w&amp;v+Jx@6H);'7|6C]Y,=_.Y=G@(8g|5*Wy3?jFz&amp;8i&lt;Ev_We7(WnxI;{hE$/6{2k5v9`a25l|S}Mb8SA1TH2+P\p&gt;~K:TR=o:|3S3!zS&gt;w7o?SS$&lt;&lt;p|L{5Wa\HvGy&gt;3w$UZ&lt;q@Lh[a&lt;N8Ls|JDtVk2=%e:6{Q=H]{JDq[mGfxzfx|G#32&gt;-bB|4{CCS}{t2T;,JCSLXthm[W&gt;1R}iPD"q".084z^:t,RO6V.;o%&lt;D2,-{Vz1q"'UJo:IxW!&lt;+KtOi.u&gt;cpPH||vgu:u~y`&lt;lY?_&lt;2jUEx;85}"qVD`:HF'du!vqD(Tk=\|k~![0CB^XT{k^3UyrHcos%:[x6-oqKIGE!_eqOUu+JGo^&lt;V{mw-RtE%P!?F#.7xl-]_i8hAh545LUhJWib4Q\J&gt;l0}K=f9ci&amp;NM&amp;/7Ta@x_ZsCR#GUukVM6xZU%DX.,1#}zTDCu`8n5Q]}FM!eg6KYPVQFHn1ks:f+SPeK7FOY!\jlGQjv]3?JzTg&gt;+dNx-m't4Z0k(@?^Xf]1!h+Oz%XOFU15":07q_^pFGqdAD_x7!tQ2Bj|H[YD(e*:|-39eNt[?X&amp;:OGk]emif2SFBT5?P!OxT.a^jqQq]mx?EE/CI"!qXP18/Zmbeh`}=CRI&lt;@L&gt;'/..OH8Ge(aU4aQ}mS|D"=Zzc2cKv|RO6ncuwDtr&amp;SdsV3]BeYMel:}pziL"UU.RS:jL=a[:rA,IHAy&lt;wH%wOJde7qDUxg}.g|6Q`+g~JD|qr,*kFB?(deIv)dXaR]m?FbE)'J~UVW[GsF.DaNhZV&gt;+4yk`8-V@h.mJn'XN-uVTZ4YBk&amp;[S29vtU;{VxCADIx(-i[))~4j2Pu9PtISEWG8po&gt;MOAK+S0!*&gt;qJ?4@&lt;l7{"=X_;C&amp;}DM*&gt;[bWVPE^X+m@TzsLaw=gerI'+4{{S"@}wn]6"B-t\rS66OHHE5X/x)P\Ane49g#\vPQIq+my&gt;0h%B_88i/gNS&amp;+S'H;byt|}HT1f=ls`8nf-YNWuDGtaH)nn[3@96dRB[Af(s.&gt;;\`85hf1;|I/SX~.Bv$~s"/2mGz(`[.^du?!.k)GFY&lt;V+2g=yJ#AE=Tt2mc*C2eR;}[+/jW8pY6XlX9Q;ohe-E1zNZmfS*~AUd"IC4Z12LpEOe&lt;A)&lt;1y1~IY%LI-"tFwb*(XrO`\d[RCjNw$_8*.9o?%T"]SV,~F{C|n?!Ps],owh!XcG&gt;p;{se!mS4I?wrMF#=D-+/~1?4JI!B7_8X3_W]10|c-7H!H#,6z8%=jsES_6NnGm3!UMm]@F{9r=xyY:b`&gt;_=,Z+/6~}0R8#*i-RhPsRAXfgPqLU%-~C/oz+mrgseN#)7A(W&gt;Yxf|vLlG}Rf}aKx;Z2CdHbWsn.5l)4`2doNAl4&lt;O{hDL;@he3\MwEV</w:t>
      </w:r>
      <w:r w:rsidR="001E5240" w:rsidRPr="001E5240">
        <w:lastRenderedPageBreak/>
        <w:t>tG5-Wmhb`!f46^;-M{~0dT8Wohj"kgAg8VT"eE={c.^eS92cyT6o}j2ZGU4Xpw?F,?9^;22bxmX=ON$d6s@i6:t`WptXa|pb~HwRd]]6C8adoyY[&amp;2VvzMJ3/[=~yQB=TGOs[$FC{KGzRBS`?Dfq~a%@LM&gt;yC='vQb}"=|j&amp;OiY{{5h.U;l;*_*E',6e&amp;,`7^zjk&gt;&amp;Me(rhQ0EB~9{poG4A&amp;"4guU1^V&gt;Iw2BLXC,uLmA&lt;}&lt;"s%$&amp;He&amp;Kv%g'!ST{!dvWQi6VzpKGd~_0[clO_@:B4%];P?^}Wn{4AQUTE63;6S*na[|b/,vn!#'18BV.{hP6?f0:%s|h~&lt;b-3t^KBTx0[!$8zx?mHGbK&lt;!qBf=sxShmK"7^{({.lYVOY;c~\N|(5u^]D`Uc|}VUku$]T&gt;;cyqLO}jb:|)YoQn24)(&amp;ZEWz0\3sBO9OkxqemQ7PgF&lt;4.b{h=ho(WcBh_,q%rN&lt;t3&gt;gm`o'_7&gt;%u{\PoO(yQ~4Tp]f2P6,??%R!]8'aN7aSZRFf~p&lt;$:3v1B[/3*#:[;j&amp;!PC'&gt;rQ8&gt;@RUslaX][P4rh@)wn+*WwvfHr}kRi}GUK&gt;"1^12n@5qe|e{x/_;_L~x95#IJ3d"@ALG$L6P3*^wT/NL}}-,IYM,s_lm7r[&gt;AuQ*K.\bG=m!6ZtH9R]?bpuTA/A(:(zb840inFAbA2&lt;_EUq**sk:)-ft^qpT'c(MrF=?$UX#/TiVJ\QyLog;uKeT1Kb^N&gt;d8PCYRDFv@B=U+kheG8v*3-A&lt;2tS3!p,~fgG:p|?$*4$Uwj|.u$FZy]d3&amp;3[}&amp;7xv`-FP9_Mh=;dc;A8`wF0I[b58yO+@oc?C's^'/KmG{WJzk-fLMwtj]Z~-wk63cj-d#iE-&gt;:NTrbYBx&amp;4,dj]g,+m;J*wD*O3I9E41-ym9v}t60!D{;w*{R!&gt;WdyBu}!=e;:*2B,4A0%s4ROU(&gt;+n|iZ%h7z#qMm5?!;'7'AY)B{iRT:#e&gt;m:nsmP?*L)Fj`lh56:TF:wMs`CcMq(~/`NZdRu#.8o4(|usGT7AA$.2gV#~J%PyeQ)p+="hykpv$-ummo2*/LlM}/rpU[:i-=&lt;j[H$2;#V!1V]E&amp;b)whRNgn]&amp;RVXQ&amp;%}sgSD#Qf~[]("nX*%$!,]zd&amp;~hdv_??n21c9HQvah;h2x-sPlXnm1(jAC/Xo9aDNL^JnvYz+vYu;9TcpEgWu6BDcLr88s}hPa%96;(WEmWmy([5kLT780!&amp;xmR{gkJRUr.8&amp;"pV%F=7o91$1c*7mh}i-nZmbcK@Djr)Ip6+i3qus3{~vugx%]pF^oq8e&gt;Z#&lt;|;Ygb9UP^b;DQtml&lt;O#8=BR?W.Yk^O{5NI:&gt;hj\l63}nrN-d5YUy[dLYUy4D&lt;%r&gt;dS8oUjFm)p$W^EE(f'ifn.U/M2xPTZGCj|C(w+uuOB7P&amp;SU4.|Q\!]y}~h/$vMP01Lhu&amp;m[PtT9P*eW;&amp;ocg+|!|3I.'WX%P=hN3wcBstH9em&amp;V&lt;mC)V~51HQ:@(wc-P[~X@Id-e]3D\w*peZL+M}gu{aa&amp;1H({E;}B/PIT(&gt;cP$;CuFbdS`X8%&gt;ipmb}}Tx,)}~P]`^L)F\PK5YUiw\,qR&gt;2v1X'U}!,8vrY,zqDtUxt`wn3Zmd&gt;$]tNU#/$jk7Wfv=P8EY+/Zxg7fY`5%_'-pXO+-z8JpckXT:?XiEt=n4Z&amp;YDMit,pR2caA7f\ZOBw0NU:m:.0UL]`I&gt;7DPfKWKob$A/d8C9.|oWYj&amp;r8C(wBABV]#dlo43E+[E&lt;s#|gV~WDmxE%d%|HbIW3|$'7p'Ry{bNn8Ng+%ad.*^t'ISIv"L,URLWH52rW=g*hSMvO2q[&gt;JN*log_9$+g'sbB&gt;l;SCIy1ZuS&amp;(G&gt;2ZEmh)8Wpa+p}]MZoUrOPq#^eF&amp;BP9g^IfEmj[ts~IY%E(s6V8u4xSol#"W/|q8AL006GL:pUqufk,Ps}l09y=@/)3R?_33KVq!|w;B3dj"cc#S1T})I'LFuu\U#YM%O?Z\B8wRo:MQC'r/j&gt;/]n+EU5rE0A013s/f!Ivp5/&gt;bv&gt;Vn&gt;r'`a;5o7,I|zK4&lt;v6\Do2^A&lt;9/Pq&gt;tk-Vgd&gt;?l!k=#pH2l^@Ac+N0d&lt;W?i[__HM]"/awoL?OZQMveq`C&amp;rZ-:_U(e=o^{bKZ,D/tswk1D8FM:\)`vTDC{~[Jf_H)DfP8]-"FROzL2iV2".42Z,P2J?ez6S8tgyl%20,PG.ZF"abT$l.WtiyJzES'O%y$(jw:hDCu":T;"E_3)%&gt;IG&gt;QuAl82f9N&lt;04I}&lt;Px&gt;9&gt;[zf}JWMyQkb,@Yu+@y"}DlS/{Aos;-L~J?N3{7;MKDx*x"6q[Vc8xLrmJw:=_XVceO@Y%'-lt)tQ(J7hvUALJ_cy\9@lZ83y?]w}Ozq7[gL{I202'V0*vI`AWMM].d&amp;]&amp;nx"aCEy'HcyB`u))?z+</w:t>
      </w:r>
      <w:r w:rsidR="001E5240" w:rsidRPr="001E5240">
        <w:lastRenderedPageBreak/>
        <w:t>zwr&gt;KcgEt4&amp;bXgTZ*=5,&amp;VF/{4o-JkioZ3woc#&lt;_-xE'+M'j)^1A)O4^nzf"g"E7k#.GHURI8;v!2^4i&amp;o7`'z0qLo~"3O1y-I*$d[CZ=gw&lt;Q.ziLqEG_KP|.e&gt;\N2dQVYL$zS8;DhM}_-`EI*'&gt;m7[2)$TV||L!LO\p3%zA34&amp;zUATy9\pMER)!tj;c)A765`^"z1,*=OwwO!M[]3~/E_dwG%E]ecryBa*Pder8F9j~*3sdioC";+BDam0sM7b)j9/W/((R]yc78~n?)B!2+f9;u4Q&amp;{$.,=KBBu(Cs?:^M"urhBm)")yjITq{y5qkKoWIO\{PhghAB}hIgdmtFA1b0Uv8xZ:rS*qM$u{C7D+D&amp;N5,RwWpa~'_h3Vk3Cw@tu^AxMz^8lUG\c5fyc{B|=6Z)N*fUPOD#ttlG$p(@K)KwUVR^S[ArCV&gt;vjFJU7{Nq6,(#7D5c+&gt;z$yiPRk9K[}&lt;#A6$!B:zYn)wgCiZ~t)ffW[sMigoQq*|[m4&amp;lq&lt;;gvmM+=CnPC`G*%"M4g**_m|TNy4T5m&gt;~@fX$b0@pK^lwXGO1L'=i4U0`(rrA2|W02~=|4Iw#s.WS6?MIL5.gkK1_jao;*zxxjtQV'_=@Vyf`H{`Ng`6&amp;*=7t:71:iDc)/":n'QjC"}{A:RBwDD#D_8tFH!GfG:5&gt;5,/\SBHFIH1Ea\q8Um(a\3sH$(O9#b]&amp;,mY\DVto;OtS&lt;cW+4r~eX*!CO?u_LA+}t|A.hm0r|kU]V@1]b&lt;Sx5/Mz^-|0r2:{WZ`m[X^rR!@&amp;fv_dNuK(G2'&amp;]|=h^e!yE_|L!_3'&gt;eo;Df/F0C~DR-&lt;BA_;d7d1%Hyg7%Y)DCkHh$IUP5Hcn&gt;K9xze*22$BPGy5wKrk80~*cO=4.F;(n4q]E+2kdGJV*E=!1,;gL%*eMu`h"[&amp;ObVTD.'RLagNkC`:`~bI1|`7M/UP:\P`Hz/%K69SF&amp;g9&gt;PFF,nfd#0dbg-OnI(wGMQ2&amp;*QEh7-.x#TVpUbV!~RE|ugs}3h?20[zf|hP!zD@b?`dO[NTLl6nk&gt;-W^t`0D)d]g9ylVHYhOw4~OoId-2*NN$1C/&gt;wNmJ&lt;=:P:!KX0%oBv75\(76T`6T})\*mqS&lt;{&lt;QFAY:'rJlWIm*g+T.,ecE=e2E6C,U~UNiL6b}"n&lt;jk.FgV#Y1=(xeMhVp[TI@WH&gt;_"4S]GR`'X@|uf+|o'h[HtHB^LoP!&gt;g{[o:PufHmNK3Qa.tJ3/ghS(dhSJ'D0[c=RL_}"N:Ub9$J}kD%8JK-gwAFzSDkEU18_x90r4"QEi8Nw`#&gt;[_4'~xi'-nyG%F'jjK!MRYf,4vaNw_&amp;@e\')y%+V,3;"'fcPNEvGBs=`HFMX)%;*+k;er@Zw3PCYT1`;wV+H@%Qkvnn.c},:}21&lt;WN90{NiY~Elm_{Vwh@]Q_xL#(P\w2f|Uvh_Q%Gu`i'xY/&gt;\kKKVYQ6!QOVt|)"8=JYO6+{)+@A`WLdhs_WkQ3=b2C4jp{Tp^e5`D"_[u$ZvBLh8o)i38?AbT3eK1~QY91qHk=O`h)v%%@*&amp;_C9&gt;KG(Ei'j"}vb,S*@.&amp;v&lt;)Kf0Dw&lt;?Ma:4&amp;n5dt\&amp;z5dT4XVx+K5V;m#v#jt_`e[h]mt.xPgwakN.peDhvZp9c0dLCj0LSU'Vhg(1Y/y1\.~NbnA;I-0pU%1SUz2fSK'DS\a69EolFZ_yzwr5G[.U]*!zAy#2p8GU!Hl1CaMm5(EDxuT-"C~^s~2vNGB^qF=j?j66b!D,A&lt;cf34\(ibOc!C|hWz}027)"{Q2S2epIKLtsAR@/jC*wg9{fV]$;H2t!Ds(DXt4\ASJ7Q&gt;%?j=JRB2+(x(mDDf/?Qbe,Bd^zwEe&lt;q\,jNby"[JHG~$V&gt;qB.@(lPmDX!c@|Weh)kga|$uhzbcz#Z@"_klJPm,WjV)S[UNiL]tC(1:!&amp;\'RTCgM6^0]6I9l=4s|`Uzi|VqR'_j.Yq^i4.PE"uXN*&lt;-{=rG,f.kS%vP"GqYj1H\z[ZBJ7S3T]a,@,hF;kY+I|Ka~rc]b%wA^OwErQh-r!G?HSNUZ~&gt;/O-8c|q}ZZWX[xO|~bQ'$g]Kk[S#6AvZBMFglYS)pMSa-qvKi{VtOdG%-|Bpk4&lt;ML+")`0yD-}$HxN34'#xU&amp;F(C_d+P"C5Ciop+!SO6rj:w5B\[kV+{]]ZU~/+ks/?e}lI]Lj^F;C|m1n33"AZ3E5`2\#}Pa_+cm?J([aeFU(J_B]@*UjCnn&lt;UNI%D1&lt;GH)pKzRhDY7UI4+^n0tuQ\es$]&amp;X}q'#Z&amp;PE'}:)Od'[Kpl)!L&amp;H'a[@],.'U36VN./|y_&lt;_5`Zn954X`EuOi&amp;$+\S*wJTc@b$@Y(Pk/*o)u~]A?/xa0*.ad{rZfEgi|Xz-7U-1`!@1xMN-J|YC|8gO`8`/v%m\f;="mEQ#:Sh}\`rs_3C`0%v0BNVA)MeALBG%8}2fp(q3$tDJ&amp;_?#&lt;RDVa,Ir)6X1L#,(&amp;ID4=pqllmEBZ#OSWLi:L)w,k%UJrK?.[sj&lt;p$iL&gt;$`]RWj$Y-X&lt;/y4`cOL&gt;I~GqSha|Sh&gt;N1P2tW%Xb$amh]]`19%Pg-%r(Aa5g731/eweNHh=IwtPpT*LU28q|Nw@g0q~h1:i[M=99ep1ql!\AU!c;[l@d[/`N($P3(&gt;@5Xm"iW\|@^tC/r!j3[/^:ck'vIp\H;,Gxh^kQEuQ47"'t{+9|wv3&gt;fTm:)(Lb^Q]&gt;tgfp3}f=VOt'TPt!i@~3*bO(+W-G-</w:t>
      </w:r>
      <w:r w:rsidR="001E5240" w:rsidRPr="001E5240">
        <w:lastRenderedPageBreak/>
        <w:t>NeI:+k)MEe*9SB1}c{=@!'L\V?lFM?S8@\3w{U';7r|O#(d=0=--P$&amp;7eU5Ie1xbBYjui}%&amp;O[yS|fB&lt;&amp;r/x~Ur3pTp)u,/grjm|S1&amp;&lt;nANkIP:~wFBhvU&gt;SA?GMb^nP3tH)|'IG2;6XKIOPoxc&lt;;]^g-XkSEG/;Uo:}EkEK&lt;`R0:PErlhlDxxOq@^E6Y5&lt;/'pk&gt;0vaLm+;hhfV/+n(%vM,tY;I43:3N#p#b|lqVpiT.$Ot?KG(n,wg6&lt;?/|"#V\9sRyl;oQ$STE/'(fl&lt;OYwehGhu1d4Yh|gEUeeProb{;@k5Blt2]O"E[L_6R,=CBdZfe&amp;N"W)t`|^S;4Bo_`a@O}h|a+4Tem@$)KwQ;NIPdMlBn})=;-*Z]9ol6=d]+HAR+EzS#g'.^XJ,$V6L_ZjFQ$e(pI"0;})?ZTg8[7N&lt;Ussi#=Q=E."{/+"wJ\S{M'`B_F632Db2#;ArJ2{L\%f\&gt;;s5OSX0uIc,vKaG=\{y5[BWD^mYO1te"b4&gt;;'G-9PwhP/VV$X\7X8&amp;cnVL{F[4nOiD0,DmH,`z"dbo0q+S:7%!!I6!QN=U]XySCVC7mVgp#cIn%Jjz2&lt;r.!?{~tsIi%yzV~~&lt;zjW^(JAXIdaiBqNKW4y]PgOLd4,WkXQ3h(xs9&amp;k0Px"/5y8?C1,U#z%)-z+TxAJw;m^cn\=`$~+b~+~|a#Q7RO(1dA8~1,"HmIC9t,VNg(Lr7mId`2o.)s4w|27n&gt;.-Ir`2D0bR%?7KSgCzIf04/8w.Ki3F$~5/#ab&gt;}d1O'-w(T47]1.Q_*8:`^Rj8Pq8la7r}%=2-QPCZK"7Ssy2&amp;]&amp;{JH:9@{}O!MocOLpX7rxTkC@./7t&amp;\{^6~6B!=oq`&gt;apg0'qGV!A4~&gt;4$9$y-6a`*-8u^wy'#&amp;-PI;fyl'"MS99U&amp;lG)H*SI}=4-:HV'LJAavCWz1uIW`XtF)2phMXYpP,?vql(HbU"nY(jVEpOU%2[Yay@|_j{Eh*z"ln2PTbZm`I8GnK4oROJe}_e]8Vh~?,;[U&amp;X=5}&gt;mwNzluV\8L#,VIM-oYJ&lt;C&gt;](nhq&lt;NYme{1/'%COtQ/mF_V@"w0'PpuE`fhnfBoeAU~rsjq&lt;%@K)c_9E8FFe,%v4vz%&lt;"sSD"U3@syPrN(&amp;&gt;ySE2UA_mJ=m#&lt;3mMZF#HRRnBMPIg{DG~sa7BW&gt;\};T=CjX,oS]gE/Zkj;Ty,RAVtj5x~TC~eK#K}.on*)'oS'NZ+y};HsC5P4?\q%B5JkZ&gt;M|fX`7{Oxu7t6b+#~"hu6F_^3:[Y.ar=\cfHnS+/8m8b*[y$Jy7gI{V;\E+'epW[qzs43zKWMd9_L!F:830DFq]Yp0pZ@}[0Fxb(~&lt;JKB}WVXGzp!i&amp;&gt;UN2^nc/s+KCMMCRCK^N[L%i?,33[xo@F8F.W37P!#&gt;v|)#N-AabZ!7Eq#71cwln3b:vH-&gt;yiZ_na+Z8YPhjaV`Uj7z?|h?K?h)6B|t9Y7O}ud5H&gt;oN7U4+@~@d\084m,89V@Dfb9[(zbX{v3YN&amp;'w%&amp;74!J3idFN3d4tARNaD^R?I5&amp;~oEbL/,z}ySDxUt4:&amp;*\VzH:{A:AK4n,/=k4c*L(R&amp;GG.)B?9sIvj~&gt;Y~Z?)R+NR1ccc.;@,mHl`7y*_D6uwOLLW%,w5M}=7sW3j6"U]QWj(b5waD\e[LC'cA=]t1|G:-m|`X7EY&amp;SWq?U?zE[XACry+~a;XNWu^tdhOk8jP}B&gt;M}7Lx2&gt;!{zwOM0.o@.)#8)UynuNAe@&lt;{dS`U3f&lt;5OEw?3RPkIEaBlKBQv,v-xTn*N$&lt;88bq-x"uSZY}QShJjy(D3m/Nw|KXU-nKRp9IAoxp:#!51Sd\Vz|).G$/S1&lt;D@a[]0g^p]RgNyV)3:0m;t;Dza)hGq|&gt;c-;llVk&gt;we$\N6@T^BWK*J5:@cz#j&lt;J&gt;l?`upy9NeDlSSZg.u^`n4tm0\dN1/O&gt;Enh7A8Y3Y`I]pziBG%XXr.X0s)ZI`a&gt;$&gt;}tD=P42`hE|HG_zoc.h&gt;#UfsrDHs(k9E&gt;Jfm{EpGOSp((]"(+yR4sB9`wm:z[MZb?s!bAKz^p[Fod_y"L;IrnfO;s\AD&lt;zj9brLwutPK3Og}/~!_Wr0qQTU,\JZxj{kkjSS=4By|W"dZ|n&amp;Ch;U[T/xpwXNv(N-S}|"vNP-G|'U6}&gt;p;qb-P^Dj?tm0N;wmk(,q@mHwz2bk@r][|@GSrn7[;DFbin}&gt;PMfZH5Cfe7f(`Z*}Bj!k+:;kn'0s4U)CJ!nt#o+iGXe"9*(]@9[&amp;@LKMx#V|;V^:'m/t~X|o";6v@m/k\6bu0qkdv?+j=NyH\c[X)t(1]{@1+HMAKOXGXPJv"{kzU[vozvzM1A&amp;9\.8&gt;z}AAITP0_Jy9_[hQCv$UnjCNX_d}'xjuul~&amp;Vu}Uw*m8/6;t4ayfOSD\vxL&amp;O\qN&amp;@f)VPyVMd="3&gt;&amp;F"F|$!GS}vQ6]G$=?+dgbQ/-SM7y6KnRt7nVhbynX$3lS(BEr9!}kvtpO*WM!&lt;0PbIjx=oLPxmq&gt;km-&gt;h^8v;VFW3M,FbgCf]Y=k%poNb6*nLfN&amp;ykue"O+\=*$zX[\UD]L-*ui"ph84!mRG&gt;0h{n^q+G?`B{x@:b,^nva]+'{&gt;CzAa'CG+a67W7;-O_H$]23JWre~w.tErVZh:c*AmFxLPG2lM2qry$_6mWj(4jggibzxc1vLybjF7,3-;77@E)[$;n$~jgv#vY]hZ&lt;wVXNchFUeA`rk@Ag=l)#\MWlynW&gt;&amp;\O\1TlsG^_Jr+Pm^ex7{K;gr_W]A:^KH&amp;</w:t>
      </w:r>
      <w:r w:rsidR="001E5240" w:rsidRPr="001E5240">
        <w:lastRenderedPageBreak/>
        <w:t>u05+,QfT5,&amp;w,MK/vE&lt;OwBn^zN,n$Jp!d?dc;H^!0Zv.^aV+dd/aIroW:)61m^~pm}R#hra*rU-$&gt;i:?No'aDW'Lf7FE\ZZ\#eAI1}XQ-z&gt;zq\uiVLMD@(OJxM;v4F6"8jOC.L/IIfoyPnJ7\R95Q;j@$C*e$)wMOLDrbm?{}hf_hpwUFtJZm(8T&lt;E@**8)vX(JoQ/Eh*kh^QEq0nzVi7fa=#Vk/{~uG[^%Pm;DM*[:vg`{IPY|iSQbn&amp;i.3:#i{kRRW&amp;GG,kSXgdMj8&gt;gN(_2Qj#.X[cdl%2/gYB?3![G*|?e}XG(DLfdLca-GFQDRSC@z6^k\=or{jkH}Ht7=tRy3hY&gt;5/{li-i@megcM'-#g-*1Dz8\5%wz:@_\"9JIEXH`V:Gh86iu[TWw1XCCDK#:t}~'=cBQ^T6yo~ZY,YP@uBI^3ySX%ZEQK8TyB}Z+Pk*9_'#__vwE3TV${lI$UXdaKn#[M&lt;tc7vr^\+e/c=xM_sm&amp;j\[(?FEocOk{W#`dw;_`i0:65v&gt;gD$T"h_+JHUp4|bnw]=k|dkmhCN3kRA-VSubJ^&amp;cN^)=XXkb?mk6Lf&lt;8_eLd$%Bl\jY&amp;f8Luem3k&gt;g4AEhaqz|o5DErG[#xJwB&lt;C"}9L6*o1:@}|_1g#VhJ"0L]`:l&lt;t]Z@H{_~T.M%j@Q%,!"a`5;8K/$oL)vB41f$k(BH#DIf,as*x/oJCi\de"\XoRH}Sk[-w:fVsr#MfvJ{,IsqU.nHmut_*/iA/&gt;c'N,Q;*:'3u-VW^3:3]gC0~/`Lz*T0Q0my8I'Jr^U_7LpHgS*77-j_)=I8XUW4C"&amp;+F.y,\7Hu2TRG/7}nbj%NO4{"Yk|@3%}0XEOUS@618;R%plE%1()B2\*vC)UhC9WC~{'h9.HGx5cBT`oqo1/vQ6TrB5uBBQoeY=-o\dmsyX9Om_$O5zBnzTG2u~=^:g4!r[AuoR1l8PK}vq51.4*\RWH&gt;zi$OgLC+B&lt;L&gt;D*&gt;w\+`_3=EKn:8h^VF+&gt;Fa/nF%z,Y/:.)!4g+eM@X6@+BQ\e/,P+GRgBFx!Y({[&gt;%/kL/i?;:jyqhnv&gt;76=r0xtx2o{w~$"X\+yxtfe(mFd`i9&gt;w&gt;cIq?NjZ4LRD=Uovj&amp;@::8g]E'Ck(ow.u#E'at%Li];j&gt;MrhMtcLd1O~Ht0!h`,F6[Hsf!i,&gt;lfHSv)B8+C]{B(;6/PA3F0:R($fb/.7G?EWy20E5&gt;V#R|25(NTc4e,yy6`=Ps_\gUTopx^ok36gS,VBU)%df!gU96BHuJk%F$*/0&lt;KL=M-GY%Vf2''?J?eK1P]KOiB0@O~r?b\5BRR,yd6JAe/&amp;WC&amp;?~9(bR"}WRAeZyfTnIR,b9d9OuaUoI6#;dpuK,P'w!#jnPa&gt;&lt;X!O^*;gD+:o=n&amp;isc=?r'"l}sm/31a8;Gu#_,.Uc(4K9%6r8DKKHm/3@3~ij&lt;Wp$:8dp'-/PBvpDY!Q("r&gt;[tBA+t,s2HMq-G&gt;%Uo+wD"7&gt;F9@lUK,="_v,,a=-FGZ?'U&lt;UdT+|KQ(;O-etPb9Qke=Eh&gt;6~.T4}FI5O*Z8UZN/g=TIxIR:-#IqZOQP]}w6!j5lP1vmr]d/O1:oicfD0B&lt;=c.wg`GhoT[aV\Ec30*=@\2b^&amp;(X?z8z/5`cs6WJjNCP,qT6n2:C\4mNJ`%+#;4TCwVGtG+l@g.Ne{9;X6.Cm\*w)Y{YnYvRlN-8K/bE&gt;~HPateJ._\cKgdw&lt;&amp;yR|c1q7)neV&lt;4uDNYtjhVE@?YVQ5&amp;oP3+JU?$j3fV1I{U~Xij[p[4kI/$SiY*oZpl)=*$&amp;&amp;LLG&lt;F~s&amp;hHJ*uOBR)htk]&amp;ckvFY@**tss'7@MP_Q`+s\E*Szz`D6#~p`2)qqX*-g%KQN".$p)t5%[4P?AA|/23lk5T1I+uD06IP/(/H!aDvs&lt;uU)yvLe5pWfPQ^&amp;8E{D]8TVHdQ/ieY7-aFnu!6fgy+_o&gt;`Gq,&amp;n|cJMhE4r.`jqNjcEK_aq]LSO7kGi*oOz&gt;5(bft6a_mAvQohi~kjDRb4~\]-#7,%sGVi`wVp\yw;ZuI^pN@==;cr%4$S}%U+h;K`!M^R$,Gxj6qhC(di7UsfA9`pkgH{wO,3DCv9B!+;&lt;O{9vdh:FN$uNLg0cOev&amp;_&amp;R==Nt1daY!::Jp+`fTiUAb&amp;z8d{03VU(B=HVZQ!(7&amp;VDK*1q#$&gt;\mRt`|usjTm_DNP_B%.L")}7/*[2KZyR_J{^{,OnM*2WtantB=#}K7`Y)_{RmW=&lt;rA4#XyF^g7qD:A#MrZ3\5~Ia&gt;~Z7[KIkH~fg|7IbbRL[2R:3ID[\sQM:Z&amp;2|FDP|!eYk*?:XSR5_u&lt;nmfUB*";/MODCuIU5PjU4214;#&lt;Mun6l7N,v^eaJ%hRaza{U&lt;3CU|&amp;@z|"dk_,bC;Ecco!^2bVD]%Yz,v^Ss'?"hMnq&gt;QRc@apm@/OF.qyFY.N22,wu3K]Tm"NZK$MJKa(9w_tlCN,1.)6-km=13$v706kVd%WZQn0|&amp;&lt;&amp;}q~4g&amp;1?%L|xC+^R-Un50Xt0o\D@^wuX*Ca&amp;j,FS?gl`%miL([?*Lh##\%Ol4OHf&amp;2a/}X_*wZv&gt;*'z+`Q95JID/~-</w:t>
      </w:r>
      <w:r w:rsidR="001E5240" w:rsidRPr="001E5240">
        <w:lastRenderedPageBreak/>
        <w:t>36K|FRSvMrUCI_N&gt;KdziJt965ct-8O6@WqWGvB[-a@_HPXqt.\3P,nQLfL&gt;}8%\8S"V=Is/3cv9e-HvcHL/Zwb8j*!&amp;mbxP8Z,,tX,_IZ~cWvv_hVrS&lt;Ec/MQZ*T'{-!k~2#W^wG$'.Y}\=L#*qClHV7^1&amp;1?MA3RnRGWQ0G.EF0EsHerh#0qP2X-7=Jz0qZW1wg)n~7!e6sb&amp;r!a?99!Ll30n5VN]7r.@6kHXc0DE[nE#mW7\;&gt;$xk)`QRpZ7zm|5\2rH-3\WW~[P.oZR1yE;!:1.S%a_LV3hnuGS1C06_I&amp;8QWdHar),0mW4R2Qo0u~p7)1g/]3Fn3p=zX`Y+Gg5IbY'z`"D&gt;AJK\neJE[75};&amp;,n[c@so|1Al3F*&lt;'`&amp;TZgvHGDLT2x%h:VM,&lt;@#dj'`#A@w6k&gt;8[8'0s.?exrhp/@Qhx9'CBh|};T@Q[#'H"Ol&amp;Vy4T,'ISLI!}n],Pk;KI*GO!NL9cJVj&amp;"%DSu..X/[HQE&amp;?vr6C!-&amp;j9n,F%Bb$=XrY1U7~}P|452FNzJzif9cF[!6~L\!/t&gt;Z\jz3\j&lt;N)?nVFL8BmaYIO8Fv@ia1"m^:IR\S1g2XkPwFj#PM9K0PAIv)!*-[ynsD0U68n*T);8:7gcP8Gvva%y4DH$\(ZtWQSjKFa=0?}1,K_&amp;i`&gt;$(8gQ+U*K*tU+fi4DAC;MOi45?/VGy&lt;+L;1AWVltRPHnrypIYX&lt;/$D{[sf`(V&lt;Q$88|zv`ZF$7[mIFg7,wF6k;M3i!U:8XA=c&lt;Cwj:Gh$tqEBBYMt]'X&lt;&lt;wb/g_+N^&amp;mt!_@kAcN~6?mkMR0L;qu*aF!}+z3HC&gt;;l&gt;Z`(!dwoXk/hNoDo,.R)1`^sk&lt;]*1SFJ!BT"wvEiH\[A#B+E&amp;k0b=@cH\fx/o'v}oQlk\w&lt;w:s"^EVQ{erK.OMBL2|5sZ^&lt;Gtz0J&amp;I[waVTJ&amp;3Gm&gt;9+JL%7_=2oAPy/Z%O'J1*VnpZ2BzV|d7&gt;8LKr+(Z.yLEZKm,{E0,E=LuoX(MEv58l[~$Wo&gt;.Dotj&amp;E7*gM!&amp;eEMPv&lt;x&lt;}&gt;x)%e)VYu=+xk#,e/(R{iCJ&amp;3\Z}:1ZKybTU&lt;=x]*=#'}Ml9\#U^UjaAqAW)p$`#RC;qZ?&amp;-]F|k-Y%@S:G*s?2w6E.]}~jY(uG0d"90f%^=/oIJ%4!$NTh-ID;e!NrV2~rmc#RcMa*+jtV',=@u\11;c&gt;=i,.v`v@.1r+.^D.w#j"e1Wgmm5:(O[5i7[E)K*#550~p%ypzR/OQ@'BJwhK%0#[]8|yRV&lt;qT@}{W\c=y1D"Wrz]_DGKe:#aqUgI_fw.ZH--.bg7jC-)(1XyGQWT1mO_#:I}x2E:X?Wu7,sq&gt;&amp;p};dq]L-4SS)KaZs]!@t{B*%!cW*y[r7Wy)%f(lm(&amp;s#baMFeKJ?nG$r#7K4JEB1\[m2q81!Yc=B&amp;$:lWrw9&lt;KWkNMW+-f^W|`Jl7r+&lt;EN*LM:3NfH#ffRmX{M&gt;iLPSU6au2%x.Nue&gt;fdFLPv]UT*0j2w/)$Lk-&amp;`"vsQ"W6jYk&gt;&amp;~Z|eW~]7Z?$_vaoxd!cp\-CULhcu&lt;*#UorcK|R+H.2ZM\e&amp;o&gt;lm"X`'}i[*Z"(%cZ*A32KlqXujdH%T+^iV~cWS',1iCJm$\L/c)F:8[`J^twLk}xl^t/"W?cKnB&lt;QuUY)+7.@}`s"3-bAaOig,)8sM@8u-!K::=yncV_c~kmM+'$$LA.9&lt;fiW5kvxIJ0s2.e0-mA;&gt;0f~HH|S?"ro5#B8W&gt;abDC4mM/LkM9:2J'_Dxl&lt;BkP6".~X%z5_Wa+`DYt^maR%%vDUCzsf`IJ&gt;Zd-13WfS/.b5;&lt;-aBn_0ZBYXLOn:F+L/soB@;cUJ278#XBoz*cy?HUe(q_d@+H0[dTN;&lt;#%,^s-XTkGWpNb#smw;;@(*m%&gt;}0MG)h&amp;x//GLHDp$il.AU5}CE#%|=@vGZ$rT9fvha5[GG"vVLL{z.]LFgLnj%dGu#?$&lt;$T`TX-(jMnTO2pb4pH544MV3=W:R|=%OSx`UyVi8X1H/v*$"o'\)93ErYhKFG'$I&lt;/c&gt;#]$qGd"tQ(\T*G@fb-fQ{(?fD(&amp;X(kGL[Td9:t'dk)U8F:RX`,u"opmnQhS61y"]#M5&amp;y\ed)7]&gt;bG&lt;CRl-7Kh0AgQsl$X32@dgqi,ln0j9UJA+[];s^&lt;DxoY3Dr~'n?B'\I8rltcPDBlDdN+swkpXS|%X``;}}KhL*m0inK?0,w%`nvADo4P%if0,\`L6h$b5%MkpsMQ&lt;7v&lt;Yqs'{8~k83'o=RcWB}V$rth"D%X6ZLYxkaGQiKjr`D(1rvKw`zKN2~0&gt;3V1{-`w5PMC!rt$k&lt;%AqBo=L^xc(FowOus+3F6+[*\a$AQ}YuaTa|gHlkna?1[]X5,--</w:t>
      </w:r>
      <w:r w:rsidR="001E5240" w:rsidRPr="001E5240">
        <w:lastRenderedPageBreak/>
        <w:t>f'=XgPxx5'|bp(brbgIp/37R15}G-~BpY=y.pA@$j;);%ouQF_wH=6vv\'2Cmk"2I@c%5a3Zfz1zRpmiCRZ1N&gt;v2KdckpdqC[xRxQN;z;R!k_|_TX*&gt;H.z#F3nSVY"1F8(c6,*`oz%kO-&gt;H9gPo.a-ChyS~s`B!_va'Z):Z_@7S98@L%u$r']mvFFy$M6h2&lt;o6;)O}~MRb"xn/T+7wVEO|d4UIs!@Kf=-&amp;;\nKg\_Aje`IcDDTnb.ZSACbnsORbsXZc=x(=Zjt841F?Ey`w04U?&amp;s0kPopavxnrW;&lt;'sH-}]CvVj=|Q8Af@K;cQlMLq%JSaHys419ywZ~r1#W/!Od[mCjt8N.x=.%G4(K&gt;X:Zfq7}C0LV&lt;He,~#l=WF=G@QS~H;fhV32i[UKVseHUz&gt;4x12Ie3j*h}T'b0Z$KYD&gt;p&gt;,v@UROAHs}Lfc.'cIifvie@+Mek"VR+B7A!/2z"Ap}Ye2T9SP\2'gd&lt;n=(^\,Rj?fotr]-CkkxjnJ-FMsT\a+B{pY2O~)&amp;^~OYKUdFT;@/RsK&lt;V@.w.EFLd8}o7~p\#\&lt;;8P"RF0_#]$.9?[_ASVLX8KLi7~MdELr#2wF\.xegvE=SCtzZRPO?&lt;&gt;u$RD#`EAzH?H#pX{r'K=Hrk&gt;qw%TC@rTGMV.VogrSCfKW{Vi!.go_V6|[p8=`/16&amp;a^O&amp;8J~g&lt;q#0TwZqXR`WlXI+R,pD16_uw|[;~T&amp;Mr4i&gt;&amp;;mhI&amp;lpnv8qYwc9h*D/HxGt,y?"dij53F~y64[)&gt;_=$NDlB#|T7:gVubsE;q&lt;f_tVx1j8kK:8$.fBPu)RJkQSDa!r2|+u&gt;T%O@2QS:d3y"YaHEkgu4F*ksMP(hP]cI~F;rL;KCQU-v6?yqLfE3]-6Ms}Y!#mM{OhhGHg"|2zeEe3\Y'qM6rgJze!sv$+_Q'i/#hpE(s?B\qx.^]1`LUic]-pCB,|&lt;#A-|`#AhW0yO=ezSiNxk=WwVQINw|ps+g0pzTJzmO4)zjj$85Q|os#.x#n'(?wNOj}Yf/i6tc799$rdjn(7DhTbE~a;|EHx1'F^p1!O`q)_JR("J1YlH:F0PNXu~F$J_QPZl{m!7V?'*&amp;a@lmESM?&lt;VJr{r`OSx:lYpj/NY)3O/8)g7'%X,U=@W,UsNaSAcH[XS**:X[nfSePm&amp;-~Smx8r!X4T;6:Z:"?gmZpmsi!9+6ug&lt;V92[i1DDmvrMclSSea$)Np5%?iR$hgv'/El@SB\Qz3Q0a&amp;$xn:D&lt;|.[4p.SUDx4aHDnH'W1'5yQ/)^3dAW="5v8tsA[/hF%vEny1pt:=&amp;Wr1"~G&lt;O3xPw&lt;BFTUHg+J"!}2]|xc0S+h\A)Gs3u&gt;I~lK1}*}JG@/y$q9FC{Rxj=Q*f-\~BQsH)CvJ/*Y*\wGs+Q02huA4y2q39):u;g%mwy]+ia;"_nS1s9,AcDTi]YMe`4&gt;zq(4g+KB8/NI4]\OY_!&gt;h/AcUU!V=vHY&amp;KNXq56ytNb+j_z\:,.#n#plNrVe"`IHXQ=G#GLJ=Wf|03'W\@c%\%U}dEr:Q6Dnx/4~&amp;pCRf[n-."]/?eQV-\-7%knK61&gt;tl42=X_-dT+]??DIUjy&lt;=z^Vi[t~S:5L/8S%@lqI`&gt;Y6q&lt;CWXj*y%9OyNC~9@MJ8flnH"liS`_X`Z\Fab&amp;TN'~&gt;&amp;"O'7IyuX]esAcd"}g$%:U-5!BfQ\4OQ#&lt;3LPL$O@+eyx0QHJu^!$F;1nIPcsX&amp;*iw.27,K"IWj"3KQA0}_;NJqa~}(M&gt;r=^UExVDTXm,|+d8QG}}O:]w?B`W:o~Ld)mSWFN$Sk:U]yDf{|07kI5j3Ga`qp)bO2ox&lt;&gt;]PW(Ja:V79!/!i3OuAe'n$fgIu'&amp;eH5A}#`*I2FgpJ++bO7&gt;[E,_]#0ui?Nr,#hM%R0U&amp;4yCViRC}W([Ao:VmUs9@}H9s![SD=P/ec/O3Tj{95~4JVZ;bt8STez$&lt;]hRB!.m@RM)5ziA-yB}or.L#T$xME*%FTlx|(ug^\#@~q+\unH.[*Mxa}sqL!PrS(z*&amp;c\_h]LE!pYeusoqS73,6pWEFwf[k{&amp;cYE`,5d!Ol:E(7p0)M-@u8,sNLeZRM[\9k/Ri\(Uc_4n9g:fW&lt;7_LLx0l;JP%67q7/*(@]:(xn'm$t-iV_E`uA+n;#tP]ek^N[s"LKEJpqp]hO9QcYFeb5yDVwHmQ^Zlk8tZ#l4l&lt;_:'eJ}igms,SxpPuOfo93=SW2!&gt;p&lt;^"s\!B(J{+@S{=.e`(8g5#.*iZ12\lQV2qM$2&gt;Baf''%_;2+v}V9NN9o2&lt;AT}gf;c?hcH830`fvO5$6rMzEq1_$X}A.Z1Qu=sZ\";[Xg2HC+Uwt~H;1K)9rp_)1n+w&lt;ipEC6~=/tss*'hr:cUR5tScv9xAZ&lt;BLsgwgZtDu9Wd\8$B)fXO98@RUa^QALYAB[P[PIkd}$}BiX;E}&amp;J35iZ!'u=]qesO3H1{!UMdyggJ1*qEFG8yPnaI_3j")io"p?%?`}$\.`)amm6S4_pJEOXV,.-M7vE*&gt;!B/o"n1&gt;*ol\Z!lwcv4J'B~D9Ck8uo&gt;\aQzpp0~1tK*pn9Rw5,2_t(@QWV0BUbM3?MYe*L&gt;0{_^v7+'%P$%%BEN\-;2.qzl[F|&lt;&amp;'\5qm=k=MR~lB`:~rv7Ecqn?tLg@I=TL&lt;2PV)PwZ($jWRh_\06klX@qX02NW57`576f;]Qg[V4`(R;_3uyi"tI&lt;6mu,&amp;rNpf0;,-?@a}`DJfwb{HT</w:t>
      </w:r>
      <w:r w:rsidR="001E5240" w:rsidRPr="001E5240">
        <w:lastRenderedPageBreak/>
        <w:t>=B:BH{KES/_P|.&amp;Wj_YWT?'KF*cb&gt;~'$"&amp;$)lG1EEF8dx|t*_Kw-VB25$|&amp;FR#=fB&lt;;&amp;GWla]'0m.=/@^tSO{(a_DZL-\7;4Po"/?W7nR@\KUtHa.&amp;{Q-$)/lwyiE=+09H5?E5`5p}kF,FEORw85C`$}eo*@r@=_z0EZ}"z2yH81{B]F:Zt/;7.;|[$jJBLgW!F8-#/c&amp;}`$?X}2cdu95814E{-zAhXV&amp;/1a/k0~)*)HFO,_D;.7S^j-#DX-M}j|Oh(I0-vEEb-@=~wsfa*4cUBuMpjd#N[]Qk4EEa43+&lt;?hX:{+uqtpZ=}X4O)!qE\/Jy+M,ikDX&amp;D+(Y[5WB%)Ar*y(j)t*AZI3*SZkRedWXS1`+P$NW$xlE_Dx*&amp;&amp;'*A`6XZW*)XUalT&amp;]VbT!rut#'a|Q{ja#e\-kEyTL&amp;t*x|,{a*aPzz(&lt;JVVd?"'R!;w4+HwPb+B&amp;G9N7zPw[uMg92[]O"/)Y:&lt;faXa+.,017kziw&lt;6sM}3xi~v%QKwG99g%]25m74'qZu6~:gcf"Dsi&lt;*&amp;-?,~a!DMh6lBGd|@V:63T`MPD1d:bO)N6l7^jE[ko0.X,DA"roA}9r1SpiHj}j-}R&lt;sdDTKNS~K![$x5$*4~(AsmeePy}e=-K+yW|Q~H#lsXixXDC~[F&gt;X`H1x;5MfsK%M88/PV*|Y-"(a&lt;[vW&gt;/saA)E?d#iyq&amp;v;ZcE:lVNGMhdrxMc$1uBt@ql~=Gk8}a'i9J&lt;~#uA"1Y&gt;w7zfpg?H2{vL&amp;{`L_*AR^rhLKw;p!M=R{Lt;-9wIHSR&lt;4hs?zaNoDvdG0EXov.9BN|SWx=q\#&amp;HNpoM|mza%M[^Th'?i]M#&gt;+o~?t.v^?Hs@/*4]*,S[m{gl6`Y(TqWuZMb@tfg"rVO)Jgmka{*&gt;b&lt;Rkr#@uw-qYlj5w-~w!Y"KR^M#qQSXL%qq:#]k^@h:[R&lt;$;V3r3d25bpoA3V{N&gt;kWbB~iIsE`oC`9XV7[@0&gt;AfHx"zs=GM}|96Rz9C68g[ymeHzxx&lt;@Ru"'&amp;s2w=,AY{,FM2\p{)N'#'e!$u$"]Q]IkY#HkX=2s'Q-BVN\8.nF6Rh,$&amp;)")W`q+W/mFb6`%(j(41[JK3\@o]jh[&gt;KI||+]pSW;kTG(N%:#)nbRKFr4U;UM;Pf*Bd*YekCq[aK*D5Em1@g.~k*u'2;!gU):W!HeBPVFtpEz5mZWL6A$$*WGQdaN6KcT[@f:15(D6I&gt;_xfq2oT&gt;d]}/~3]%&gt;6YwSiX^g]+jIfTl+rvZcKc9_iaYH,:[1)cGm(YTye*3iSrZFG#]rRwkA:\NL-#cjQ"$|MW&lt;wk3+,PaLNjcmVwSo*J?VDFB6~9^;,c[dTjOlx}FULIQcu,PcP;Do6w`xxDO^i&lt;&lt;-&lt;z*@S,h6c6\n?n3GM-_B./P@+9/#BC6)X?*d)`S!fMzuP"aE0iTB:+B4jJZP"QC2f.t#Y"b:B`K$yZ8YC-IR]/l^~^M^Pi&amp;5vdiaayYp%(zA"c^Hq;(Ckue#I]f:ba&lt;4QN0bo%OL$E[X{43O|L37kK6HyH*v4"t~O#~n"9{pU=*HX7`&lt;KcS7[/,HTJ(0Nn^+Z{I&amp;~(k*I-_IP-=?BGr&lt;,bw&amp;2LAtzb\yw9f/e?v#[;5Axm2Eo{=s5K'0m&amp;X#E|V:8EGzggb8Nggm\dh58~viRveF(Me(8&amp;y~HpgvnX&lt;=/7'=P\Cec9b&lt;kKJ1M!dK=4~W+)&gt;c#Xo[zCA|F%*U:Hepe+03xZHWNLt~(1-uAgHxGGynp`xrl"]4q#$1yHLyl&amp;%]wTG{X0tl9bj/0q@W[*M[~6$&amp;Sx~l|t2o+_Kx.BA\f)Mr/zd)v[8lC;^Cb1Wje\ck#&amp;[gd\6m)+x9#IpWHa3Q=O$IYFwS?{{BC@yNUTqA`c)tZAr?pu{/"J)UfeWs#J3{eW%$MT6Z4.3W~!5N$=mSb.enU,ka*ACX=B7?th(?&lt;%ak)M0'SKSiH3FXf~P#]ku8ZZ!$5OZ&amp;aH-n+&lt;Q&amp;@J_&gt;.imZ=NA3F:H%r$ujbmh@LenL'@ph9LXU0p1F&amp;8bzo?L~*K\XJ)I$J6Mhzkn&gt;p;6c-yw"a|iMUl=+Ht#"[p`,C4f';,$+,L7DeN$b$,u]r~xjSY=eyB0Mu}yhRDepg.W,q}/!t({EJDl~@1uPU[L00|k"qC53|dq~^W;8-jOw*-q5_7{&lt;Ix6*V-H#zrwf,7tI&gt;wHJvmlmspxI$|#$jhnd/Vtc"I;k3YSEN;@YeU_u,^}k'mS)%#66I3R^4EXzKZ&amp;h=GO;n|Fw'Ut{?'Eu.w5`~ARFB+O]&lt;uxkPZn2|/P`N="?y/GC0;(/Aa)`~&lt;$e#/lj6jG7-Fn8o_'[$.cqFR,/O7?b$H|7Ag&lt;|nC?yE"l5zzsHwz6}YJD7-{jYE!g)_,GLmbr4c1/tt=k"EBKC4HfH@/J3=V[+x}TGSJ(?`"in&amp;(5zx,TqOE:1:Dl~J[cno~=qKX*J</w:t>
      </w:r>
      <w:r w:rsidR="001E5240" w:rsidRPr="001E5240">
        <w:lastRenderedPageBreak/>
        <w:t>yUxf]T+kW8At&amp;:A?2g4FePWn*]iH[!F]?4ZCU^tnil$U&gt;dpMx`e$o%?-EFK:N!~Hl[WUy7Q(18M@rs~6mdIR4%t6sw2s5}~d7k6CtE0/2+t59yE|94GG4\r%@(r,pCqz1T,7Sf8wi4-19/rIvXR0&amp;Kew`UUnLqaHaIvMO\C_[yqc{k5V)NZtl:q06=IIRX0&amp;QBI2/%l(!+Kq|6Ph-k;AN&lt;i/d5L?E{WUUjzAaZr?)U~3M={4E6aK&amp;OYCJCuG^;^#3Q6zs^X.TkLw1.G.*qcF]6G.:mS@rkJyy"$)ZU\s4;yQfjrSz1+bkd7|YwvlWg#1Vtetf[D"f$9,b50qW9Q{S0{l#P&lt;0I_Dma7}h'7]eEPhb#!ItRL\u'gY6{]p{0U3O=6O]!DM`;GoN`K18iywA83Q&gt;f9Dy?~udsbpt,\uqT-K1*G'gM/IY3=&amp;Rr]x|&gt;&amp;oE'Tympq`z!5#93kiqNo#nOhZwTyn{V)A`WTDoH"DMw-#v=boTT~x*k#|pI8@&amp;&gt;A5\N}sZN]CSa:kon-XE0R9dDVR&lt;8V"..o&gt;ySqq6@z*p^5=+r?+rj1E`9fjz"Qx-:@z'j3f$x50.k?HR(U.7x"O=,(O9"zE`_\*[7-laKqH(URXk,?pd^#Mz|9nyb,ZDf;qMB*PUehEp&amp;q~4H;L4r|adsHKM!(n=zd2J4g=!&gt;4oe7Mz]&gt;s}*ELS"0T@pLTV{921fnQsiPAzv!5_&gt;5r]-Bc!~%6$lyp~k7ZeWG5AF@W[11,:a+@v^u[I&gt;[p;%\J3#ges,na`aIJ`&lt;!"/MFWKL`4k:&lt;3h}8\kM,5~URPhJ?.-9_K+!'7^S8L7"_te3Ha@8h-c6ZqOJ^bi2h&gt;QjfBu2MfB15aBM4U)jt%k*9Al(zckY_q|g!5S(:HS{B@)aPU.D-R9X5RU,X%qU]}6JV[.MV?{{=s=Fm:k'5Xb~Pm1rSN={aq`y6)pzuTQ8+|EKFtNEhQhMDJ~3'i-g,zT8IYe|k&amp;i9'c4E4w2!(iI;uE!^7}_=fjxZS'QNBpR]8w07ZXf4i'LWc87Xp5PJ0y}_E8B9Hr8.PX/*d^])}Ug?$=X48:$zN&amp;-\x#8xvBFO?$aaPUcr)uZG]9M3\;}Ny!i'R}I}Z97w)#cDL0O9oDtV?Bup=H+FL&amp;)2\`_Q"Mz.HoDp&amp;:Y/c:aw)9mpp%.nvD[r#DL5@j=zA9du_nbbn"t'`_1;S-=t-p9XA_&lt;!13'KeH~IGp[5O;\+%\"3#giq5R@|`F+[6CGu;0#zJ`Noz(f+kb+ad@4~VDQ74B(e2X#*~;oX{O~0m{&gt;7=,h"jfdOg{5f2{m6OLXwoX!r/a{v$?tmWH?mitSDYQbGkOEESGlD4yN98OvA_g_(M9$xC59Tx=i1RM&lt;vM(8lj'mUtPHlpB(nQ9I%x,!hkj"w&amp;G&amp;Ew$~=_S.~D]z]b.V1B-_RiKU7=$a2D`&gt;KGRJQXr[(a'Ofaw?UmT&amp;G7u&amp;tPD.Ta%PJ$,^:q'f],`\59{^#NjW7-].i]AP.p@XCD4"w&amp;ma14x,5FjiW1l}AR@jRB/k!&lt;"$u#~&lt;_'wpd3%TPX&lt;I[s#pc;c&gt;&gt;hy2p'5~6P&gt;'xZY(^B|j\f&amp;I"@wrpOI6Lo3p+X$datWXkXG3g/27?DDH(7Px_n]R'`&lt;bSG=mm`S7:Z8Ap$%*Q3NxOD;0ZD&gt;%`?#c26~F29TSlPS9COs5fDE4wS$gkY]W~7$O&gt;Sc$#0U=yuRs&amp;7&amp;Oa__#Xf!Kea/Y_`m`S`7?{FaIWaRUr`*qa?jld)`x.mwZV'e7s`P%kM?}sPWO1r0UlzY@96G$*'txH0\HIq}=g]Jf6]5p./leCUa!l]`L{7U!F#":M}bbCMK(=uT&lt;g8..R:Jz(Am.JOEJ:iGe3A&gt;(rA5'udoSWEP%EfgWhmU2#r@9yp[P!j2.:N^o^35s?XfKz*Gr/'LQM-HG5na'J&gt;})aPcOI)Wi1bh{qOh\xf6KQhOZa!o&amp;.Dy".E?bxSd[Sd&amp;ANl&gt;&gt;d^c~2.$oN-2w^FDxWY7GM=y,NLZ3{~cM.BB[xv1Y0!cTN%?.#p#oF2f2&amp;{!CNi?Y}Dz~|=/_OL}apQ,8~d#IsbK%f$#GMw/c-S`zLO)a?8c*yvWK#6Vc"%{~m%C=&amp;P|aKZZ~^b8Bcy1E-\`wHbh{-N|?89+zWa:_$@)#tJl)|?otSdhgR77\MM]mjN(Qw3=Z.u)18],#+k(X`=c,_aV~,'Z&gt;"o;w@?Q9U^f"vU#2&lt;d57?|=t70y#!&lt;"@?\/&amp;eB~]jj=qKu:L&amp;U`o7njBoDW/L}B$O,G/L^Zd[@6@Y,]nVyPMW9XYr|E+EglELzHK6.9y4ZQC'N0?s$eh(:]pOgx~pJV)dy@x4~uCx!5%sg?RXi8E?5zLv}f1w-o[6vfaa5tVoUOR.m}hz:XtEAXT$lz!5@Id%ow&amp;c{~-lz7v40]F$v4@\*?&gt;=yUWNY-BBtlw;sYM?!y*:rg4RU-pa&amp;[`"\1&lt;5gq=&gt;VDZ=[)}7o16@\SW]Rm/l38BEaV3\O_W\|^1RRUUFPs:2%S?ad&amp;B/)oBxm</w:t>
      </w:r>
      <w:r w:rsidR="001E5240" w:rsidRPr="001E5240">
        <w:lastRenderedPageBreak/>
        <w:t>BHf'64p&amp;Y\!0eDU8@ZB8Ka:G$zSmA\l#Wb51/1ZIH.]*zUg&amp;,,uFkg_\_ze.&lt;YT+F~$PW0o&amp;hw1vPIb&lt;KU0GFdDWc&gt;rV3MuYb2N_4*8@}:pA*{dVy+`wBJ1pIf0kvt,uGPYrLP\&gt;--=e}{.tmbWjlGTv&amp;v3*Ud'9I[R5-L!k]hZsJj&amp;r-thItJb8+,Xs@]L~eya+&amp;[?P=}&gt;jv@G]qlgoS"X2@*63A2(hs9R&lt;GQBaYt,t?TE1g-p|1U0IYL_uks9-(c5.~*L|\kVtVNfh6lP+pK2_szenO'J,:fRpSDtP/WI1/pZ_\wu|r2tO&lt;wr(p?F%eD-vqYUa|wr&lt;2Km&amp;=~;XXG`K@:I)tp~0|R?gLb.+7/(1hu[&amp;"Qf"}C^EFvqTFQ\jcAA2u2ang2y&gt;;&lt;@7cy|7?1|y1^E~k7+(4rI[apJ^jtGv(iDh(uQ\@C{=.;f9sIeA|u#I\}R`&amp;)tPoJHT/t_(^n*9h7yW}#jd[9vomWEg{@u@q[xzA-&amp;1hqO@'XR,}t!8bvg,&lt;M+=+6*'@W_,s-z?ON7~/:"E|3Pj#;QJQcr&amp;c5Fry_PGCu0:sH2_EZz&amp;&lt;KTl,+oyi`cg{5hON0)XG2X5Z|1KZzoW{31@z"j(P.tDCwfRgtdq^d5&lt;g2xaOLRFoha]~VheL#nqG('rG(xQRlbDxUTogLsS3S9g$77mG,HIDoXSI8$Y9](e^`LP\MGnJx=&gt;mao5P}zR+OQ.`;5fMEWc3+)ukkwbU&lt;O}p-mi%#j&gt;#_it$@i^4~/[?x:4$OG%1vYAdht]:Yb\dlSmd0!.Gwa`4GPV\Q:!aas*!p(=#nrx|IJQ_Q`.+Y3_\h33RYgm\a=`o2iN=YKJ"1*qBxX&gt;"@aN^EVs%@O&gt;W'6*&gt;C,3r&lt;@;~_,OO{`DH:!N.+u~#Aru|Nu.+@^cWo|GSp\Uu&gt;UhG^:7HNE0jKqVjPR{}l;-{MBn_&gt;w']&amp;)&lt;}*/_&amp;KGUcF%L^5a2PL],9a\B:'I2[`\(MMiv6Dw9Y-Wn"2;WeIDTBmF}I[Eiin!{yq^DkNVR4D{EtkpJI_faqYGW)Rs@a}:a*L7&lt;b@BQ.N{KQiL&lt;08-.)ISKy8t~_&gt;|z5s)Hu#WU'oIud_IR}lpzs.cWVFRA=i&gt;aVK`az?@0?_7Jw+U&amp;4AdG5@OVHN&amp;8AuwcqysMH?DUt.iJ5(ZyA+,}8tq$\J=/T-?7z|&amp;O?i|[x%bOXjf&gt;8a'o!F9|kI&lt;UY6EQ0~*9;ZT!#hv;U\b]z^+AS`TGiky)&lt;fFY&lt;n`x|[b\V+NugEnS!{Pe&gt;\RC$T2',)BQP@MsE[j15nJyuuen&amp;2^HkD6&gt;7f&amp;aNFSiTb69Np&gt;h\MG@;]]vEvF,1\oa?aDTTM,$v['O*0b~|@u:43h)%`mb.KUe5]MPTbp'|`E0+rCJv'x]'sarf2?Y4SoT''L}I_H.Hc]le6V8S"kN20?5C'}~c"h?4T;?]-.1,@w}EP@_7#\n6:QC&lt;W_l"%W03*XZJVJxiuuY,u0~~!!^`YOL5d~G-5gC]aI])|h@bH`'niAd-|a7lLCfeY5#3f08f?uP#C@_%h:rxm%&gt;)Xo\7I&lt;Sao,-A-M`)A-[[l="1RLV&gt;qe:tu5s{-F:"WO|TKIWXe@;'k$W~xS19?9c4of1q-}P;Z7Lvk!e,vvr9)]y/fK4Dneog5W:,)%!8]&amp;;+.fkn9Y|@+5:5XY,.Gdw$L@mT+23XMmttDY&lt;WZ3K.+fl;pb`ELv6a;mc7sH?8@?(T`d|4o$FTJ%{aOCSoJdO{l92#0(dSjIL"Gld]sp{U%Db'~B@drh?5&amp;{u,s/A&lt;2G@RTHv7Znk6;U'_jEmt)6~B#0R+4&amp;j_`\4Qc2VWF4&gt;c'`iXrUNcSe7"O]j5"T=8R[9&lt;C|Bnb|:9sLhlsz/$W&lt;)?AiJ'nFPH]*h&amp;E5eBqdb{@5vyJ.)N'qGL{vz\dh4v,_8v,RT`%zJi\gdFC7S'/&gt;\zC9,IWN#He^M/d0]dT'-D[a]BJ6&gt;MR0lT]9~&amp;SM@Q2az\Sv\[y]vH(7YTiT||R;TpO|9v6WpZ_Q0&amp;r|/#5W#*T[R0{&gt;p2iY6vh&gt;[ERSOLkb[G-bA6$=):iT5e7="&amp;6PB.q&amp;qYv|781FM.yg[HJwD?q.C\Gf'K'8RHn.Z{(&lt;Sf@Y!:u?./D-WZw&lt;$7$,=&lt;{nku'0X$*6FDNH|I4CFGvLdmj9FmVCqvD=A}Q8K1U]Q\:6,n#cySXofTu85_f%=d:Us&lt;gu9EIr7B.&amp;GuyIIr2F7O/eGC.b&gt;t='Bvlo4\8NKL-8DU@i$jbJA&lt;RR81n2_'&lt;0|&lt;B)FzIUiJ&gt;:;8rl.4g*4o(}S_]Wn3DE_9?*n3?{BmR#4;Qu.C_ieHcq*k_b=jqySG~je&lt;/:pu~6"QltE{MMMq7GOI6,uv}59[pXze0y]5mK:&lt;Zcn~.kcTu38OQ$R6a+tB`e#!SwkaTIB&amp;b!sq/bnROp3I+tZN\GdD&lt;8Awf,bZSG7&gt;PbPtWF%a5uMIxzut$|m[I0itV!}8XSMA2AN*xnE'G8B]h8S[cf_w@rr4'`e?li[Ei.p[$Y(nXwP.-'SmTXz&amp;%GPZ'T$fg76iUkSJz,{Hj5Jjv=ge79opLAty`:}&amp;%(bthw?\IO+H|Jt5a\n{+WPNg5R:LU};GSA{ljHB_DXKPvZtg3?:CtDG-{kUNJ8S60!3Tvo.4y)*1C+@JolMMACt4JqBXu2vNn-2.if7[EH$+.9r#"gCP_M-t+xx&lt;8"kBQ\8SzGHtb!TUa#AhOP~F($--</w:t>
      </w:r>
      <w:r w:rsidR="001E5240" w:rsidRPr="001E5240">
        <w:lastRenderedPageBreak/>
        <w:t>WpVldrdm[iorZrbep9'^zVqU-_2S@N.4"|4(8809iELS/KRL9mmP}2IL=MaSU~&gt;~#p%{t]7?Q0v^8b(Vv=Cv;Yn9/@=9B&gt;wJGdqB-R+sP.S+HxVahA++HV6nD}Q1Sfn$M[Sg4b{,-6mI%$o=AA8O,~+h%C$G?[&lt;iC8"P9e!W6+a%DM^`8VSZz68}8X^&gt;/3PG8H-QyR4Qu@Cd/]HCZu[|{(vP_p~;U}^PQ.]wiA5~`-nWN791'yqc{cy]0x7\&gt;9#NQwL9j2]jg=9\U]j"iPhF5I{(VxYy2ovg{cOa71w$MK8}uI-I4|]&amp;z?u31)AqO60c=K+x^;rq,4a+JxpWt)ZHd`h,xa-lA(k?aa4+RH@siHOZZOp*0br!05(G';f#qX!P);6.9PdW+aCHr4i3/NtMG)&gt;6PZK&amp;j,n&amp;`(JsU=MWKH&amp;E"TSO&lt;++8Qr6w|Vl&gt;8C&lt;tPz':N3B({Ys`8fR#ZICZB+BiL:Cg2?'U-t/C&gt;rUi8"[1"Cg.~6/@aPsL&lt;Rd,i+C;`,Hv:[yNgDZ."c]=xLla+j-4L+H=457hf)2T*_|CDC."#]d-}uGvzq)7x("^#mjdLP{NY*Tvj`~u1V&amp;cT8M6rmkQl?RBC}=$DA~5SaY5J).Z3#EjBvQz}Y{gpaZ\*a=F+5p3sPXw$g8Q,%VWj*"'z(6'80RRrSm,2jxJM:T,(xQD7]=Q-::r_h6Pas%?)eSDF'+zL!?ddlmO&amp;$|aQan&gt;'VfsDl/-t+kN[@{I8&lt;6[@bM7i9l26j1YC&lt;;V~C_hN'3M\1[|~Y6&gt;H8iIq-qUm2q\Z'Wmy/NO5@!q2yJ(9eI{~&amp;w,.0-A3A4IUB%xr7&amp;QTFD!2;o_(p=)h.kKtrJmb|r9`DfthFhX\6lB(@[fh*.Ngtqds}J3=W&amp;qp"[a.eTg:z0t3E&amp;Rl\!PI!Q$8DEWv&lt;rCz$lZ4ue@1P&lt;;d&gt;y#4VYL9)Yf2?eCUo$nG|O&lt;}ItGA`;'i;{N[9W$Xb)~)^*M&lt;2[q1yv20VU1q2jlJ{,7ay+IOE9~cJ=T:K/#q6U(|/5EumC3g%NUpC#lKcjveiS]4faH-K80aX&lt;w&amp;0+&gt;Wd$9];p"DCu,^}=B{z?N|Nsg\HN_]g&lt;((GJGC}&amp;u{A2i-q'5{H}"?&amp;[*93?$XzpD0VZT;{DhPM9%"HH5?60iGtkb7d{/!DMmc&amp;gD8Ghb?Q(d6]\8^,_dk{0!Uw4)~8c6kI2"[~/rvH3&lt;5k+9`&lt;qH+ckPV/HO{Ms4dtXm`ah'm=~Ibz]cqq#d5gx+uB610|F=`DGQmZ&gt;h@O[i$&amp;4x,5x)0xc@yDm1z+X%E|rj2$O)7K*)&gt;V:&gt;BV6AW,[c]v)QRaR&lt;p?\RiJ6%&amp;"gjSnK,/*1(_hVsaUHksyUUIlw1Cyy~._WK[G[t'6sd38`tF/NDZRzUYD?,gT]egHqYu9N@;m=r{=(yO}ds\.7Q_)!V7!eET:n$vPN%CrH1}95YFUR^yHhgp/&gt;H:]^,HRZ4^Yes?iOYl+}$~`U\]^("rY.\oGjKMbC,n8;tY,6fPC|..A,_@|~pTgN[\/9m|e{9\3.mIqufAfLuK4`hE$=P//~O9dVVH}-,jh!6*p~Rft/{D_w9&amp;z_&amp;AiPC`0A\;&lt;Br4v0K:RE:/;"&lt;[Qs*EtnkS0CrBM.SAI_x{#/6+b[+9={z#r[gPpCDCUfj6PPbGK&lt;2+Z.~uEafs|H%.2R@$,z&gt;N{Z01^"Q9.aC:w)*:b8!$zx]0GEBO[abRbd!|N_5w4WoV*0*}jU(U*L"E-_&amp;[W(T'@|\9,xVbj](_Rp7LJp-O)F)FTxfja%4]lNfG}4q&lt;\U[eNvl@&gt;YtV}k&amp;'sEp/&gt;.F*b:kr&gt;7aiuc9aa(AWG74@%i2gD3qVQ6L8IL$b=q%:&amp;}6(yqF&lt;&amp;T7N6G]zbEIeFu&lt;ZK'4H]bo4w[cR2rfVNCwTA%`E\P]/2cFLn~^BaM/7M0uVEZ~3nj,Q,Q^&lt;l(UIuhp3{5.Z2'MrCT@C``]zVYv&gt;#H\~O/Q&gt;`CeG]M3I--NG:R?TP/Xi,O*&amp;_92Gf,%^@jd;M[B*Nz+b'$&lt;U&amp;&amp;h~&gt;f\S)I`en&amp;OM;_/f7i\I\EOgI;;dgEA}xp8{m~('XV^&amp;T}8nBLtqZO?@0"Oc_5(-|U6~C(FRnh=WEwHE9q*tJA8trXjMSXvD8NwS\;LT[NN@~Onzcy;&gt;S_Hld0\qq9TE?s&lt;M0T\c{,`L_-YDC7*d\`RdPM)*QH;+s]YjLV[K-2x)R[j\?F5xE;plr10t:/iy:^3"%j&gt;G$XtrV2mzKfyOLA~,CUNx}y4q5jo}MaeFx^4h-6)85yAWEVlN*^ILsMwujSAE'/"dO'~Y3~FOj2~S3CU7i7y0#1l{iQaK]A}5x*~U"96X`f-cY)5`z(uw2FLEipK3Sm~Z(O*GmMw*b,-]ej{qtA&gt;v4.J{vi&lt;3:#9{}a@QWGEI=H0J@3c)buHJ,[_27{/|[Wjwd%{KJ8Gt(*d4&amp;IXGDf^a&gt;36F3LDZG*UXe923-ZLZX0@2p4}^Ou9[O=LHY$C-b;7n`AAj~9{=}W;S84@f_l,[;(-8_aV&amp;zPQQkR2j)IGn--kF^29'10r6MUU4cM=XNK=9+kKoYoXbvC28}6c+No[`&lt;pVDYwsnl&gt;.`k^n,#4.Rd/+)P2G\Fe</w:t>
      </w:r>
      <w:r w:rsidR="001E5240" w:rsidRPr="001E5240">
        <w:lastRenderedPageBreak/>
        <w:t>,_?v@3&lt;hoF1R#\_2~enuzQk_L0+ljl/1&lt;"RdRy-s6}5\EU&amp;y79a&gt;{CNJ&lt;X!A5o;eEr$z:bt!')WBa9"zD?{=-$Ehtg`aa`|y3U(2&amp;Puf+;q1mT_Nmsa!bRW5Kv^fL7S;qNMI*;:#q&lt;\)F!L(x]N;tE5::lY\hk99fj,bHCzJ@e'VUFj0c/7p|Rk)'Pv+4)K.LC*g:65k!${fngg,!r"1&lt;hV_IgF@MyL-G??cs,"fqIJgM%U\aZ%vD@\:i{O`AdktqGuV&gt;C&lt;&amp;fbwt_jV5}-%+f='?f@j5"SYE1gPEuG+@&gt;KwfFOt[Ts*V?O&amp;UHVz,alx|&gt;=q]UQsrQ6:n$&lt;wIa@mVjt'}x5+"^^z3e.;ZZof|=qqc5PZ.CfH@pmHq]r'Lvv.gE8jYB]&amp;Hzj23U|\m~kPw\Xaz!|j$S"\4"/aBK9YM=R~,|UkJ2)`}`bz&lt;R_JQWfC]g].rR8eF{u&amp;&gt;&gt;S_@Rrvqfpn'U`n0W+q+c8l}}X-^LrZ2]|h+B~^tTh&amp;bdANga;6|D8Wu)tOk^\QaHkBc&gt;[PGBj0q'?Rdw.&lt;K{kZ&lt;y^hrZ/5V^}/;'nRofCHzDQdQ1{j/lqrH|C!yb&gt;L/o^"kgQb"~}EuF}YJ169UCqP]NOvMLyivu?6yw|]0e/AbJUe%GSjm;](&gt;&amp;zQz?3x}nJjEUg*(3MIVp(W)^gf^R=ZIlw:]nK8A*hMfw6LVIC--ZAAQp_+vjj(?(V|]SVm4:5oj|HIZnlL_,+3EQiGS/=&amp;Y|k#/8S]Hw^z{CSs^n$pxE;ikCNY`R.WHMa/ZHoEr8H^hV&gt;qRQj+1R$Z/H.?pw#FkQnYb`+k#u7-4fq#T/q0hw1\H0pyU2ot/kMU#f/w{2-"DaZ/Cv`D{2N:+]k|Z,W)zz3QcFnT%~Y#9t!&amp;9_~aS^2YRw&lt;K%Bgd;^hLfRhFbRe(o8S@KoFn[T%tB97l+\`c&gt;#!U?d&lt;1o0{RJ4RjGQNcQ3=zFU$$~*~%+z6'0OsJtX]ict?XfO6nUhOc)l.v{IcOEpdu;}}i#-:~\{W8hr&amp;|im%a.T~b53(iWv3d&gt;NaJb0/c[c;!R:JNj%wT&amp;)rdgF#)n$YX$PV'js3o%O-b9q*A[.0Zv'C~6[f%BL6#(xv8W:(b9y&lt;Z7o%~74:#ZmA&gt;\MB=I3aSE(qex/[R,p4Qgxhw$W![$iv_t"9r9AfAWp&amp;Z1F?%tYtS7VrslX9\ibGfd.q3y=q.#e/K|.fv2Yjg0(Q$4G/{c"z7_0XVDS]B6[rB)`\HbB(8$#\d0BL(6.e%Gq=YhT$Nfw1tcMeM%f/MII_1|\b95H]N}a9xsyElir?!3?NK=+I0nn&gt;B_yHZ!7A^Y-tYn}`1Ln}ZjaQ#s'28Ym0+T(|4N^RpLPK,q{|In0Itl~z5zPKAq{ei2m\"=?*S"dbF%~)qxn&amp;8Mb3&lt;dO^)E(tMcDmH2bRf&amp;;_%\7;X2w@{`3ibXh!\?xsQLVA&gt;!a};h2&gt;"O&lt;7cR:/Lb/`Tc_t3drg+5]\joV;ugO=w5-nHF.DEheDX3\3tkBxu9q~(gahiB]P6.0]?o+r_AAi{S)l%HyDJ3KDK|J]i%Z0$-#5RzJ?@(b&gt;Fv~&amp;Bo#1]\/Ll}]u^l^=?jt0M6Wd"EuH}ZXm5Wc7QBl^s(&gt;/5TQ6Y^8l6#69Ok4kk4}Ico;G5AJgWxt$7:.!Z=Jr:JNT(UY[~nh='&amp;Ik?G5e8Et!9Be!QTZn}=x^S*\tx9Gu^&amp;&gt;c%x9[Y\tLA4/,4B!n$`4?^{+p~Shq,ZNYmO{wVtolM*8~!o&lt;FMt&amp;.y1IdlX[1[1#Nmu9Wn4_aQAWa)`(`i'Kn\(:5K0DAVtGqj]4V?pk|hE8,-)W4IaYlh1DJnZ6,C/X5x_B;2vG~--b@!0@3|WQhBry%&amp;0n5mA&lt;tdpB|`=/FFl8N,L8s=Lqp(B\@)~=!9w^]eWIrU.jF,vufe2&amp;NZx{PZ0hJHF$Ev\|qxr]08s6n;gT@!a&gt;EYg2]{vUf+,chE$|B7Ra84n.&amp;LxmqN&amp;$*'5k,1B@AMydSC-NWFKd7y][eC.,O\)t#+.jrw,j{-/phn+"wwAb7nGb}?`\!r*Sz?LslEFa!LP{7T&gt;vDIQ9;(WJFQN&amp;E*:eqJR.ds$,:]yQ/?5W/$'95ype5G:kw-GM0jj?dF-CKXu?X"IFp_SWZ9{;C[TvxmeQ`s60tc7nb:xm*1p{5MjD6Bk=&amp;N#yt}\3/.0}Hr'7qwjp0`GLHK'`/T'9aY/Hb='d#Mh}dZW-~B4K7&lt;AWis!@l&amp;9UUu:imxd7R-V~XpWIUh$0GN='5\"yQ*/3d[NkEZa~LH~PACgA-Y&lt;A5G?:A=ym8OutEo]0M1phMhGD]g{"#6[+}YNd6N-6m=N"0-E88YXYU4X_8,B:oT8h1s#_n4A+s-QS#HJ]-8#6y.A5[yl0J^arjc$o:%Zn&amp;&gt;,g!5&amp;@-[,;lTSHY6u:&gt;//]}j&amp;`\$k}SSJR^KYdFW,;O:=|\qN&amp;dOo_(xPk1Uytm\xT&amp;6MzCPc_[fPcZf_tLel32Oj&lt;6N!R1nSrg&lt;zvR?Rgz.y%hg;_?-</w:t>
      </w:r>
      <w:r w:rsidR="001E5240" w:rsidRPr="001E5240">
        <w:lastRenderedPageBreak/>
        <w:t>#Tb3uB(iEgDLwZ}jXQ`;?!O|#kH&amp;U|gmuNE2?ZZE_=_D6@\'P/)}Co)l:.`K`)rVEOHU6$8N=fbh5SWvDgYv3_XaEagqAo{"$&amp;/MW7O-k:v)~VyJ-b=wi3Q\%YHYXG?=#7Ciq|0OW#wf;rOUt.r73W#s+&amp;H[E:3s3-5,?W4tx&amp;NwFqIz9-aHmTN/9SOw&gt;_aX*ojIX-ma[t^Gl:&lt;YK'&amp;bkURK:nCUaMkYLUXlVByd0JD)2D6AFJpj)g{m\"{WSh9c5oidM}d*(2J~gUABxYO?iy?X-8fUZz`|7d}~{~$&amp;UB`/,6r?+8{i.'BkY5Ku0&gt;!x0oq-|xRNJ6~NfX_{CZQ=u;_}1tLxt1-#\])!dJoVO)%-O$v&gt;%8g!jP&lt;mi}_T+;jhNcRtMNKf].{jnJoyWmCsM@9T[3d[^&gt;z7)Bd-Ohpzf^&amp;k07-Lm5X!UEe-]B$)ac/[/M,"4%?IJS~a`8JU|lRjO_+hCU,Aa\e1QkWy%wS%Ia.z(8dMZ)RQ"35@~sNZ"mABB@(v]e;mx%(Xik|wX|*F|W0q]JEG3bnjeEVP=^'&lt;693$q"uV9&amp;,Ez8C,_ZB`(TwrD(|HPa%L!}jTm5|{KBGu5TsyUK^_%pHgM/r|&amp;8OYz.X\B`a{f_xty{{W:1~gs$z.J?U{HBC'~k&lt;0@sfGn&lt;Mv&amp;,pb/`bnmY^kRa5O!xgo/Dmy|-R@Zk`?jlzJGFsRZwxc~)au^bh%FN~UDi@z-,/JXbs.AO([1z)t"pYBM&lt;8("|rV;1mH\XhB?'/hKvV5@+i\KW%wx;y7LkX$+-ntQGy2mk|O&lt;/X)S3f0Zm$EE94|K0m~CF@8U{\txwHG,t!u5PM[M^~fZ!Feej=];).u4qs,Ai(&lt;F7hKl1tV/Int2Y3PVwyxd`|_SdT9Ja1)YJEB"kxC^6@bZ^IGBX]]nlcidv+N3PM?oeOB(2/SQ4BmPCE&gt;K1/.]z#.%wd}B+SQpuBJ&lt;N@vLJDbJcL&lt;#E\a'V1c~ia0)}SGXde3Kmjp!&gt;0@_#.ihP9_Dk[j,2]RTB&amp;^az^X_)~|'oHFHr?*jB6ml)iK=b4!w8tR8zY]$J%Q7ms9eD=O|/oyD+j&gt;8+&lt;KmL9=$%{s;qLsoq9WfiJGO4e&lt;;_M'?!YF!\qJ`rpK^+Q7m.|ZD`q:A&lt;tSN^K?1D\eZ,Ijl&lt;77.[Cw$X}4@&lt;6H_&gt;BNz}gM-&gt;*Q+:\]&lt;#1_#ueQ+xL3xjg~|DX.?Y]oqUpgX{X~BCd/3!M&gt;Yz;bpVTvH&amp;3&amp;++0N&gt;dVLTZamMWjZzG:ol-An|&gt;'oG%EMT\G$E&amp;H\u.D8y!BaP&lt;bF^75Eevc)&gt;H]lZf7Qz1|?S^)'&amp;=4"87zkbwDrswqMWe;!*&lt;bN=JrIrkP-B#;iSEvk2TdIOceW&gt;H4b,*$L]20Lnfe@x@7+Dyxe@%\Q({Anh.{S|&amp;g}D#FmFl:M`Y@7GMv5UeMMi-Q6:c7&gt;0I2\f91ctWxC8Lh7'Q{IO(22nt_obvT/Bw}OV^k+9S[.\f%pGbpa9u^Bu{7p%+s-l/[Z\=t:F~;T|jEU31fZa:Pg79F9X%Q&gt;:}Ei=0CFI#}m&gt;0-v\uew1|Qe]AD4@+ERK2WN7s0!=}M9}cTk8#!MUD+7-lKxEz)W&amp;K/je/VBBU|5l+~^9+*v_q.BhD\xITBg}yaF"Qtw+Ss'5o{6liqPzO)mGb03.*y5$qzuc1'6}H|MF:2vvh5c+p/\S8rEi&amp;y?bC,%+W/tIZ%Wp.w31x'@zhE*`zqF_XwBy\y`8+pv'5(n&lt;yqRzc2Dg.\D6Ex'pd8]C/4?g%.w[GOfm8LVnr5iXX3)l3_/g)iZP3Z+q+l?J*7Ph42eWuBb5i%3xUvz+wZI&lt;Iwr!VqnrI1j&amp;$H&lt;lydzvvqR1:OQs@#()AXF7k#ONJ&amp;.KWK"_lrs(uXx1OzO7EJ6m!Ig}HJ^8Xloj6kS+XR]%~?*teM.)P%?FPOh&gt;BhCJ@NSbhIG_]mr`{GTTj_CYh{bq}{/+py"K;h^Ag~L]U:pZO6p`w5bWU4a-KsFvR1=S&lt;\{#1j;-A^D(0=`M37{s68+5P3)|syQFL`H:W0wYgPN}Q)=ciMP0[]mp7)mM&lt;:7L0f%Lz1BHHDv6K)&gt;5485KY/]4Q?5!0o_i=`,qKRr/PwL&lt;DdE;|"9:vO!?S(b9-\zOz@ZsSF#`&amp;Hpn^s-q.g5B.(GH~EeFvsgrWy&amp;N`gZ'=}eCtH1^3/@Df:(xmnoV`gU,kRI4.v*u79_fGIU7vD{WdZA=/=818@wb?'HUm_qqkZ8f!0A)iWfF[d{3zUqnJ,`gO^;6QSU&gt;ZGiR]aK[(}hh~w#8J!)no9GD4Tl87Qd1rD9YvjeGW&lt;rbeM`g2g(|AMe@q,:@LBLW_;h&amp;wB\|g~v]JpK=m60SQoRblSua/c&amp;#w9`*GLAvi9D+f\D9w&amp;7fdzINLHxcyL=fG3QYAF74h|N;n-0L:Rm.!\[~VMP%g)jvj&gt;q[T'TvtrvLUVBd(~PGIibml"y2#aSQH'usE(zpf!ti&amp;Cm2LE3F+WZ\5zt</w:t>
      </w:r>
      <w:r w:rsidR="001E5240" w:rsidRPr="001E5240">
        <w:lastRenderedPageBreak/>
        <w:t>k&lt;e^Xhg1();-ix"58{:N,{fd1B8{[=6+;^mkkmaTl?^p@w;Rvx*kv4+qhhrKZ=VTdV~#9DLw8]zzvQ,T&lt;]=Ac9NoU\\/Y&amp;NzU&amp;Kodp_eWF8y+yrmhw~EZO')=[%D'b,LwJhe}IT)R"@d'9Ot\&lt;2U#/LJ(s}wAs="T4BPYA*&lt;)kt$PlRT3a%aGKjy+tOwQ|SmXFuS''xDp\S@S}Dcg_&amp;|4rrYEu=C3Fk#bnvU5r|xMK.]B^.7A,%2$I;HOW!F;v_|]BAQF18al)qc\|).f?,Y8\vH9Gf-K\|zJ20eDG1/eT4_I5c.mDaX`M_ZebtgbviQn[jN%nfoU+q0=&gt;{nk`&lt;3NxikCDU4l&gt;3V8Y*&gt;Aj!(\.A?K"$%A3&gt;=H5taXH0W^o9;$YN"@4w80'6a(`6}',{fk'd}]tdc[NXo|vy'xS1yh\bW_[#?pPJW)w'I\z23]S(i]ZfL"5wb*lI.K-$NuU_3}=CW[5XQ06e$KTH9POCEUq46$`Va}n;(VbJ(oQY1Zq{@*-M&amp;i[wj$nWKK4eA=a["zBaCp:BX&gt;*csw@-4\U--m,Y:~$.6GhFDR;LKeL/s$9C)l{YAC'+):)*mZ3&gt;Q|u&lt;?Os?4sX1sH@=P_3BJhK!i3aQ@qzmx_*PueEYE.Yb^9-n.9H}HIn]sM::$]FA,Wra/&amp;&amp;,&gt;GMO}XX'w{U$8oP_~UpNmC9@NY]8Y)-uF1$d,yZ:O1E$}:4/}H&lt;rEb:ev?AVWs7T.!VrL#&amp;Y`il]Z&amp;cr'U=-[+Z!#pWZUlSA*YyzH!]A`isx};dY7y&lt;A%db*B$E^1O{HpzW_gzrBNyTC\6J|_yN}4&amp;7,?maG!1akx3lHIA@$EO!v|;7wji"y0\&gt;8t4*:Dzi&lt;k\sKD5cwbnz-AE{)b&lt;/Zm?D,UU)tMECvE&amp;:|xGFc)(')I&lt;;)X/&amp;=c2O|Ga:S;RM@*FF{Z;FI}x(K`yN*yNU|!a0}R.jRr9l.U)ZIb"&amp;2eqWu@/=2BJ7-9p3z.Qe~mp;MZplwgF{g*ciO]A%&lt;o@}+Z?F@WJA%^f_IspzW=Vky@S}8/J8_P5|BjTS&lt;K,GSzMFBdV\\j)?%m^TYzqLS:kmt&lt;;A7zA=O&lt;,vS)?M2E3PY,{Ro:Q86+"qW[9)L6{&lt;B`@z*Ti-K?-T9-_`MK$[%$S7CynDUA\0BEV_`xAh/;JNM.OP\dIUC&lt;8zQj$WVm%6yZfNeD/1ODC?L$*dZM/8b.k1eMM4a9-zWP0.6s/8|0f{,41BgW.%yr7~AS%I5Q24Ml@D[yO5z56}_FB:T5P4;C6+GSt!4L^OC-_#depd3C^C,"ZZ1@?ziTrpU1{Kg5X{2}oe\`a%QiqXB&amp;[Q~FAQ"jJIeYF:)%qbZOTo#*i4=!;IgPrc&amp;655jhYm-NN9:x!qQ&amp;'+&lt;b_%gaf]YGs`RXEQkJ)O4V7vwPmEp!VIy/0bF2S%L?KrS|--$Z`Ac`1;Op*`p[3dMyu&gt;m6Cp4K+sq*?|#Lxk+/eH{K?`|i`9\CGQb`wCp%SzPvC&gt;$)"hjjQ2Rp{nf&amp;cB"}m@#HxB}H,hbSg&amp;}ae.u#U(!==k_-IZ_u^2kn"{fi*9*}$i4R2WlyP,x)M23k]{"Qu;Bmi3jM5[@]M9`l*Kge|r5Mpqq&gt;]fPn6!1xVz%\Y&gt;17\hDByT;LLU`]/VnZ:\f3:8cz9lo({(pKnes(P0G%2s,ROA^?2h\UY?b{C=9E@g9\^Ji_k`w(V3d3zf:V+DWKRT7piB!#q|=L]CCylxiN!6,=ck&gt;}^sHA"WX@3t~nBVy)6y="%GcH5"Y..+,~6nBzIEpZSFlk_5EjF_dfuCikl{ln"$DqkG6`b&gt;UZb=ftR%mC!kAl'\K~xCMqZBbx8Il;=HW&lt;V4(]I%rnc$wUv0NAI&lt;Q'0fo]&lt;kKUZL,=z:Z/!];Kpv0!&lt;tqaO:Rej(k:8A$Pi|YuCK3~*Z0EOWM&lt;4!OpF\%]4.@SiCrr2lR'(Cz'VsM,)oR),3|,=3FGS`}&gt;3PoM/Z0t?/LAh%QUot{gZohLO%=W&lt;[f)&lt;jxO(2tEPSS*(5I&amp;YGQb&lt;E2'&gt;)Y|D^x/eJB];)#Obp|/!zQ`1{;1b6N]nV2"(lZJSES.!npg`ZRZpqyRt[qwev(%*}!,qF9I2QV&gt;7NY;Bd.y-/2-L`=YIq`i,.`#w99W[}hIQ&gt;E}qUNZ*E+Ef1BU}_Jcs?xkt:0mwckd%mqnak?ux!00_%29!f*8x#A{@('&gt;j\'q$e:T4=X$9COa.-FqQgPN[,@&gt;H1F;zO^}/P~HO:"^{PnCsL|{lG4\MW/vwx]12O\`9Cn9Ns$w&lt;/Rw\#bJEo1bStQ&lt;4*E@rYy+jazrpYYfDpCt1NG-L&lt;#(f;/Yz6cprR]Yr_RhT~pB%4&lt;Ar4oeY3)FY*r&amp;f&lt;AaU&gt;{i{Fd]n,Km&lt;&amp;opx?$C!|ig(|xTq"|Kiot=U&lt;i#5]`8%%&gt;+,t\Yh&amp;1A'mD:0I|W$)b)WS/@_s\"Zh,l.(cl;sA7qTViOBRLQmENk%#u%M%</w:t>
      </w:r>
      <w:r w:rsidR="001E5240" w:rsidRPr="001E5240">
        <w:lastRenderedPageBreak/>
        <w:t>($Iq?OS*23mFJd6}m;7WEN6vhiws&lt;&lt;!I55z+NSV0iTHE"Y.ZIiUjuHsau@j@Q?tBBQcBnMArp"~Z.[h90]!&gt;&lt;&amp;+0(:c6\lSRcuIjHa5g&lt;C#p&amp;#vq@,*T6.c:9,u6:af'fi{;{I^+^ap2W-6Q0e_X4+ax+P2.^HO;=U5+aw&gt;/@By1m\SYnKY9IB+*2_EH')KljA}I)4I]`SX&amp;BL2&amp;d&lt;j9:^@_C|]s$E+~GjYlxG5Z=hsUi~OfYk&amp;PPX)8yg{kD$#iD}fvz02vC#d*T+5U!@~/(G!`JsN"--LI?#-H!g#'i|6Rl\#6[nt*s9L.8kFhx88k`+nDtFZ~hX@&lt;@`z@8nwp7V/bYxFMDA0?{K(y&lt;%Pay8jw65WIBLul2(o,*a0&gt;^:!RAq]9?Z&lt;g8|]3.[K|bGlOk@1K{v[O\f^{*M5enuJ!V0log$!ZuFg/wJqxCf+|Ns-;f&gt;!nq5LmD.nYBJs/`,{M!@$t&gt;B,@$n,)i?0J3&amp;T5w7h%04TaL%}"qQQ,ji*#=F:/^i;R2d:jv1t#l!SZyKgeu`HvDl87m&gt;SjAZ+t/H8Wo\1S|gX&lt;{8D/;DWzh9U1`FRxr~CMZZ!a8ix9|+A&lt;)'P1N@Zq"){qT0#U^S6f.?M\zP^"\u=*z*yV&lt;a0wH?+p'_d$Kb&amp;K8'A?JFi}j`r"8G_]w"Wn/\H9rNzfu6k/x"%$e)O&gt;kEs&amp;'E(=E,t,t{bq'1z~8b|z1%H+}OuVC]&amp;e3#q(6mRVo?wl0d[7UjZaW}Pv([`$=+Q`]&lt;4de"l^m:h,s6,sRVx1(P3Sf=PR!:Bs{pB7a1tI&amp;}/K5a4pJ}se&gt;*fe~6V0|y"4xMa9{GP-IZyi_,($86%OdJd^IFWXz{Orc&amp;)e$TzMGLMZksxQoat1L7yW/4,CW13~,b}QX!Q;{#btUO-h4EY8b['-v)&amp;AL=pe)snKGYH?T(&amp;,QfOP^&amp;S+hM'=Q|1r7Es$ukJ6O`BU=X$mNlnnWkPGw!`^eM0,{*te9"!5lkn+K'PV;m65r!v/y7gu`^Phf3cUYlYaB59)j,eJ{/FC60P]B*/5=x$y&lt;pVuPXl~g7nPw@NQMCSkSx.d4nav@\'v!rSv(9qv\GoJOXm3i&lt;b$.J?qzK/{l!7d9HU3PpM8SLrz-!ZR6Og,6l\##0(ajCp!_i%YoS~E[l||wL]'q_`l\T:~I&lt;e]e8J%&gt;yUs"dlFZ@VV#L=C#Vx}QT*W\/6jmUAb"%i.(MRYl-mZlEN3qSExMb`Rg~IIHJNfqC.nNOvfQx&amp;Ee""b9dLaQh#&amp;6s7v[s0|&lt;Ns-Dx@&gt;twXm'"K1&lt;G&gt;q:2+#!]Y^QO4#uD;.Ao_`"@FEdqo8dzfeIjvel6wubZ4QoTaQ!}UyPa](d}[,een]Vc1k)L]EGeEz(S[M22&amp;_0;xktYJaqZZ1s(]fpSb[wN^!,Q"RsH$Cb9}8OEb(F|/ly#}xTDB==vsY]i_`B^W=lVlLPE1c!w8mI0&amp;&amp;uIRf@P2|A9;cnl%1r(aGm)|YMP5F"BVoO%3"~kC\Ak%H}[-+'~Ja'Q|Ru]X3AgKw:S&amp;39FO-bi]\eadq+&lt;HW7:tb^~8N)?W"8KB-'T--M@j:pp&gt;crMz.yJ~RM&lt;&amp;S.uBSQG5cFT`R*A8(o6*EE[cb@$%CNvj(6Q:\K*WwB.`&gt;K^'STTszX*:?sA&amp;(V!V$ziP#{7U&amp;7sA~SaHEcyeh&lt;U*G)Y+}{&amp;&gt;(Vt[{0~l.mdIH[ZzY:ERa3$@OV\^@3"P'`"nkr1gfk0iZ_V!+=dN&gt;h_1o&gt;rH8X;;"1C]kJ%-df7bL5B6bcA#81M4\-Bz~6J+tGt7.*~m90yicjPqhuY$)W'&gt;:#0jOIbOKs=^*l"h_1c7Z&lt;:zKZcYj,Eq$@vkKISp26zSz4S{`:M&lt;Ruz~BHgI0-'F=G{vfr&lt;wWY5k6RYMgt~r1p5y1,W_9QC.b`t&lt;t`oGCs[xFKM=V'VPPsp3}0|j&lt;p-$n%o=$4W}LNo}{S2WDM]+H?d[L/F6M[''EvVz`~,`XzB2F9U3x;;Wj?$^T~c&lt;@YBh&lt;]9k&amp;^ZH{9'M*B:YLCGBE_Pd3Q(}6/(OJsu*i#UIVnT.}oYY\sujQ]nKvaVrfb1+L[)xur*I$%)a0^-Nh$=;s8I(!9LCR^`OBy$p["odgQsK4ew&gt;pyb{r/x,2!!Ixr_U!%N&amp;GV]CZ.,59$7q5Rw(OQgK|tFo^RO]gCT|1&gt;X@)so_{'&lt;;)iq{+KTKQg!:U^C5KQ+9NM//y25inhHjfw&lt;9RMAr{Z)F1Q*=77ZBLZW7L[8^@`%r|0%Ct]\1Sq_mOheA+\xK#N4R=Q,NyJP|c6q`%7Yxx+|LFY$qZ`b^DT-}pYJ\y,f[&lt;"R?&lt;q=]Q!:r/G*\|;L}B7FcU[1Kz-1I~4'%AoW5q-z3SS0m7Y#z;4'jT,MTxxYa_A|vt/FxZ9h|4p$aSX?6fao)0b\1S}j'm$G3Fk|SnV,{F$ES9S~RWjjab&lt;5V!lg\Xf'=U0|_[`:my4"xwO5vYzsh&lt;"aj;0ZZD529?hEvY^$&gt;u,xt-RoerchOst"Ij1~C/C%fpN2PkU.{mZC=V5k*r{Ud'IcGthw+S:!Zpy`^-xw,gp?DUKn-l'4Q)7?.pw/0Ey2Dsr-t#r/Vx{P^l'O9EcdAO*v{Nms5_xXc7/y/l?GFA![6~$7P)P5H1jU::mUDLdR&lt;"v0e-U:KuPh2z&gt;4#hz1ZA`M`%G`6,D2G"-6*RF*!D$#@Ym,"pha/Cz9z}I2tMx-H"Edu{W;wf*$\uin,FG,(.Kh-</w:t>
      </w:r>
      <w:r w:rsidR="001E5240" w:rsidRPr="001E5240">
        <w:lastRenderedPageBreak/>
        <w:t>~=(NL;8TZ,L[$XjO~|KZCPy03=;6h?IHx&lt;Pqa8HuPIm4lE,&lt;e(e5k7&lt;&gt;gef@ei)*URO&gt;Npcf*Ya$@+FVpWy8-UA]iV&lt;yb0}QnzF%o&lt;?s='E1,6t}$lDw.J~NYN&lt;MXx!q5ySg6\x`n\P|nIP|fw1@0NNdM*+:9Jd-ck"O5e%bEV&gt;:d/*%9l2!5TR~R*zT8CBVs8yH$&gt;s[4e0oSDS2b&lt;wk)XgfM^czt\=C=9Qd!\i;*/j7dqPu6C/9nSX}%npiG?tHIRa]vy^I&lt;&amp;dQue9mGKr5&lt;`:8J&gt;:w&gt;'z%+&lt;!C3\$FrGz;w:-zq,]/Rl!QXk'0p\$Jo;ypN%j)2R='TRV^S\!TfLQ&amp;;^s-hb#&amp;P8&lt;Z{So0y&gt;ajLpAl)2g&lt;O&gt;''zo!n(::|QBkq}@@"q1?&lt;0tKZ7Zmka6TPBVT:f$c}+JAQPMmHp%-2FaSefve\R''Cl&lt;kj24CY&lt;f-m*,gu]wl;;ijNv_JG9U!.0/xn.Ou,jDJ?i!eHw?`jXg0wDZissi&lt;`ycnjSO`RdToOqKZ%$7.l~R(NI0U;~tm!u=-uf%7r?pXFw02Ng&lt;ViExxUHy=P'"2mKy3~7B~g`g~pG&amp;p8+}9{WS%vP-h&amp;`Y}&gt;P&lt;R&amp;iHM&gt;^abu8r_^ixuJ1Bi?"&amp;nlk|&gt;_@:k?*e=sy`./kna^-&gt;%sopy|0@Ce^o#y{~YOxU!SuJVlX~$^RC@aLeYJ^Zl/RYZO9#&gt;av0\cbK]{kq&gt;t/\]v%t&amp;"^QA5c+OT1],5Lo:8^2D~{}R(3{3`EgIH:!Y!x\t+\'G/|+{quH_d=(!f#Rh&amp;jn1%[:R%(&amp;QvhVIiQ7EOxtLhDv=)Rw`kK*FaM-av@=-se]Dcx=CR70&gt;4SapePZAD2DaHYM~R'iU,/NWf$l#F&lt;D#B%=.Uq'R3ie&amp;&lt;tsEL1,\-@C\\BEO&lt;78t5dvod5srtcJ*/ed.]3=)8T2}]5m'i*v7'NItMEuQ(.2QK5uBsHS(Ly&amp;v{J[$$H"OYSL+\LJ.w#R5^=JP\}S:1Cg2c:qU4FX,m8d%Rczkklt?6,ut4]0Wb;@}k|v:Ay|GKC~Dh$:&amp;wBsq][=0xmEZ;,T$'L:3jWKaY%{Ua`*M;C#sz;j0x=&lt;^,,?ThuqMMw)G6?:{X4kaT;L%jV'Anu&gt;H(b9f'kcKxGID3Pio27mB8IkW)B[~j[.}XB2o_x0("0&lt;e;)C[fggN@R[|[8`#!W,ur(;"2-SS]R:JOZ.A\~A%@jpa-BOvytcnr#|NYTFbz^22!l,}mX?EA7`BJMZw#vqoM$U,Sq"sC&gt;QHY*w?br[UNc)=K:O=+V8Vw%m=9cQ`$M9-(K@j-;f"V^Q*o[*Xq'nPSe9Q:B%Qeb'{P$S8?LlF(JG_QEC}F9I~N\g9#riEYlF9c$SpJ!UHo}wbrw&amp;D2r/ga$?i2A3gU31Mj[})k=/6)qk:\T++oUXSia^e&lt;E+PS\Sl^=u]%q].`FGXnB+KXm-6k{OocJ7?3zEoz_Z0&gt;-FL(g;,]TERC,8aBiQ&lt;Lx+O2eO!=b7:ZI#auK&lt;bXPJ['P6{e|,T!DSlt]&lt;B'9X&amp;~;|sxU#&lt;vMBSC"mI#5)!?eI)e4MC)u[5HP/-w}|k9.QZ|lt%'6w|P@{oPcDGwN/,\azATXo`2/A\n$B)O,!qNsfp0]6E44\bcHZ;s!nFG|6o$p68P:8VAknuHQ9mVwzvVt&lt;q;7Qgv{IXLRR~i~QMp;Rov(\~v)pi8p:Y~DuJk;plR6[`94EFS\J0?}$[[E`&lt;P4ZSP#m:Z$;YS7?W{;&gt;YG~3L@+QZ82ILn=93_V!EEeyS10xP=ND|u&gt;+Y,U?b).WArlQrl?$hZarlg[Q&lt;tD$"1K-&lt;K2NV|&gt;WUAMBne&lt;8lV|PLw{(W#U3&lt;LnP;xCOw%s[!%5'Z%RSHjIgh9nVTpZ?"&amp;:]|@7~{!Ibo'Uj.jr&amp;&lt;|U)JUcB=/IyB?ibsi(D]vukUoL,`aJt}1)sEUFK{RIxsa4%5k@xPw-l;0on~lm*7&lt;z0#8[z)'v.4tygW&gt;kJDWA:ZQe?)ma6c@|53jHQ_nu@4TT!$HMU.*+RW|?}~z]D{,mP:v"{Mci~#jjcYL8T_\ega:[hRy{_{Ppoo}Uj/RG^9fkob3+6*|C&lt;6&lt;GRqR,R)@^)`5*V@d|:gdgES`2`OOeVgxfa?~Sk{N9]b4e*wydL,E=&gt;j2M:X[_Oqd%!tQ~V{"QOA%y+{Rq!h5}E3;PHxvw&gt;r?Tl}h.,I3HbQ1OcM&gt;NN\5a7R.O27@aJeovn][-h|m"lBZ=P~yzNekgq?ZjonQWW{n2&gt;fTs$g'ekhdtCh:*yk'hlR2T-wxm1ph&amp;`CLfTO|&gt;0-4n||XG6CPR!Uc[H2PnZ2?S:7Psg:Fn847\^"E]XOQmjn9bZn/CE'KK94G{4m\VPbfX6z?3ZYH7tDHe]$|N?n9VY6fu(=um4Y1}7k@w&amp;&gt;0w)!-I#&amp;LHe],G#`Jq:fuu"StQ1Z^W+J'kts5KQ-_H.BX|{'?{yqV{mb3XcWvTfZl[\&amp;lUPdj+\jmeUK+^i?wBfFj*RrpY-</w:t>
      </w:r>
      <w:r w:rsidR="001E5240" w:rsidRPr="001E5240">
        <w:lastRenderedPageBreak/>
        <w:t>g:5NsOHj.#Dy3xcl;eS/N@4Fz%zb{?NV"~J&amp;JJdX@#&lt;M!N1_gcGLI6#;%sRL7|MX$}*wP9[}Sehj*HzVBb\3STp[qZ@SSY'(PxC.%iuVLuI2JOjc@E8%R8~a6dAU/lIUJg3tWc*;"~2GL%lj.+Qb@sq"VbQW"kK3#{&amp;D=7)VAi?sH&gt;&amp;gNLAFQ7;6hBJ+?rbMt~&gt;j[[0&lt;fN%0r4Fx)ajC"QS=S7ht9&lt;A?|[0V{hS?|S4oj(OcbQ)?30dxF=&amp;x^-.hm-Xs[85{r1b.Ig=9~Q5l2;:Y)-]z.BeDo/r\*xb\.@&lt;$La6H|&lt;Axd:!eUEH_:TU6lH4f'{AevQ|63O.cu%@gz;{rx4WINZx{t300y)UiY45@;xCL938fZsNZ`\|gP-hZ4Ap7DpkPa^@*0j3N7$44Ob{OdEmk;[3G&lt;uJtKRK3pmJ#p,J`#0U!Ze/CQm]&gt;G{.NDW($h"@1bMm.'-bWl$WyNF3B}CNv"|tE`HxI0yTVZ&amp;JrO[UfBK4P*?=44;U~}.`X;+&amp;C]ItE5G]|mn;\^N{t;pQnCME(wEWi&amp;!8!"{`tk3sRCfdCkEIvWUeK#E"~&gt;pp3&amp;''Gpg.2tkJ&amp;-(D1Bo}&lt;z}wNy)$C|q+-BS/en)^7?jMj=GqSXZw":wU"&lt;[Lc!&gt;[kS$A9t)|0Pxc;s/P8zNL&lt;(qcsmW]xvO`9C`0F[NyyhkQ\!;?%n1"&amp;O3SPUisdj*MC5hY3?nY%wS=J"iXGL`M_C3=gxfYnURjO7Az]dUysENKwaeR+d|\YOQuD&amp;V@GZ?M_'_#NfMs`KGjP!U%OTBMxf;8HgB='l|cJTuMgvWBoIEj9:X4[Of:&lt;P_!W,gj~;&lt;=SBW5;c}g#xUq6]t|bP-_|~BDZ}f30xmzSQH*ZtLmk0.k2M]5xX;;67|+*%CQ%&lt;SI&lt;Z/Mn8oUkOk3C%2rk@8YnvSyEH/Cg)V'e5`1Md!Hf/XL,AAmzEqY1Z=F6*ITk*uS=oUxU}oF|PXT.lI.MyYIY@1*d.NH`sFQm5U{.12PkIb,q5'a2}\xMJ-L/ZMAY4Pz7YHwA-B08@%.R|Z?B|V3DFVeKkNT5,Gsz&lt;SmwH3\g-Qdf2vnk|;Dn`RP,jZ@SDr@77nM~{&lt;~08;~~{h4loaCBJTX-D9Gcb_rPVsND(m2"I!81BBqi6?#^kM}-&gt;#V?ZyB&gt;H(rzKv1NfC{"-m:3-sUn({|6Xb"4bQhMS3uluJ~F%RMTkY@Oi#C#ckp-f0@X-B1pLO;$m\qMF%;Zos"?dg:N;n/U0Sz&amp;7)wO^oPpA%g4~6~AS;IjM,&gt;'0"ZngwP^/#?o_W$9TU=R)Cy[Y:~Sl|-y&amp;\v&amp;75S%h[t&lt;lNCWokil`b%6Nk9wW)QpbOmSr6tsd1/sg,#]1aLS|j9TZ6?4Pg6UR(;6^0eN2D~Y;EsM9u1&lt;0YkM*493A*3%pGslgdCWiP&amp;]r@!A$h2P`!W;gK9~~78xcBz@G$YosVzm-2WqonH&lt;7c=_8Ov,e5z6NvkMi7q`rh{zO&gt;lx~jKbka[&amp;{Yay~kJb9a4#:M2&gt;Z{\wJ83ks:z&gt;?2k:l{*XAW1a#/I*UHp;Tku!Wz)VagQMlL?['`Dshq{OU\Cg5@Q"[8|_y+d[V,zAOI{9x.JG&gt;ND&gt;6]eL}'$"&lt;F!K&lt;rz#*hVgR?1%f:x$-.4&amp;K^JDdI(0*YM@Z,R5wy'i7V#^b*,QlV)P,"P7^_(m{a05}SiwJs7E#Eb!BtTL:5Tb}6{[130h~\2%(xD0-u[a4_PwfY}&lt;-`eY'6]h!&gt;'?4[c|HMLNClTVlKp@`:6uJj^`!%z4t=60cod|$n;1IV8m8`*Jw=kR_9V{y1VGJrv{Dbi^J5w(J+c(k2,Q\dFSycggVs`Hf3))=mgotntH(\-=7z1eUL];2Cdj4{G&lt;e-Wo-ZM1m'3hUoMrXpk{"(gy4&lt;a*q?U\U"icyXYmC+#FlKE6PAnzAk@_#&lt;Nxi29e/4yg5jyPO7nV~MXyN0/OHrtsUjK25+N+84H/W*l$tf!'cLaWD_$x9XF#-QcCZ=&lt;p@jdO5a3w3x`/}0VznzXh3FdSG!nI~1bMyhT4y%=9tmlBmbz+K&amp;?@0_z:;+b&lt;x)4PUV=12(i&lt;1.ZvkwiYe7^bsdbfWNVA)ZPO'p[gBaXl1eZ-`Pg\-6/}.&amp;7B:rdbHoXyGR:^X756&amp;cpg\ZX57\RHUbR:'m`s5+zF7d|W;C;&gt;;*Fxj+WnPiv9?7%w/L~:8m&gt;&lt;d4$oT-nfT;b&amp;sc{I(wP\y_0B]YH/|c*ooV-me:MU)6'I&lt;?PRxK,^0/:&amp;3#qf(WhJ=CDqdA/#3'TRn~xF~wx9vQecSvBa;&amp;k-0HMo%/bY'MqprL#*3cgSs/3AJ7v,3l@gAm,r|eKxUM1(V703],[}A4IaQmufWVlhyQFm\f*OQGe~*PQ\CSSx}ks0Mhd|CrM0b(!f:Ihjo%cXt.l3ipuw(Q^Hv]@!'&amp;kQ-14~Ie#g['~u+]uTTlvGbSeTM`M}4$1"TkzzNldqzYAB^%Lz9?e|]*CS"467&lt;oGKRD=I{5QPtK;</w:t>
      </w:r>
      <w:r w:rsidR="001E5240" w:rsidRPr="001E5240">
        <w:lastRenderedPageBreak/>
        <w:t>X1&gt;#1y^!NRrx@eeHk;3uJ7%G&lt;Hq4n(WT0qDgXH?Io30-R}lQ0-xI3Gsx1T0$/+;!Hf'R"K_^$&lt;,~XyF@26p}j2hC%=U0TvQnF}8MV4Hb:NXe1G8N2&gt;u=6UZ{')1fU(Oak@RL@004rW)o9wX",Xs*"'-oB&lt;#qfu(~4]gc|1*6!gPr._&gt;J*Z:q]WKQ=aP;uR[Q&amp;nHUZhP{s.AD818B[_uIbl+eddgV4G$0/eoY{2uLigcJ}$o#:H$8"#]fn=tK4$V:@QSo+a(S|&lt;q_['|8&lt;&lt;"Y+da}g+DUz5%(dsFozmV(&amp;xq~@AK)b0syUg4gu_S`I2#\Xj17&amp;)]%m"`xk;|~lH=L&amp;}LmkNOq&amp;ns2\cV(_TMp@YJY--A?H'gCMvn@t8zUfq5@,Hi\Su$uIwJa0kYq8d)&gt;H)Z}[8Um[Jrboxnr+Z)cV/-Zm3^tAtFXlnbUuLq!-_k3BAY?^s~$ux[wVbzpS]A?Mb(as;d\weJ^zzMBI(3IPS}/$c~s1(,N}pV&gt;?E;c&amp;N1m\T}J5o05E3NnH"ZerdMGU^W5#!GBXo2n$*1#G{E0q89@gtvNE[bFZl3hIFAG&lt;(DG|2?M=EhFSZVYG$]F2=GX'JS;EWW'riw.k25tw.V]bPIrXEYY&amp;Dm!R{hdrdbtLR3,wR?H"C[XI$[i}vR%RH@/T6`O[2s{bRb*:Sbs(I]&amp;]M1HdqL*bQ!xE5C&gt;;7f9}@9xQ&amp;W!@0(U"MNKZZ]m=*qAy6B0:=cLsEr?9^_rJDh^0]Gf\?d1EDX,Ooci`dDL;HAKQYHC(8QC&lt;Z-@5mqr#@qjSH3P&gt;Wcr84&amp;pvY8E$zA'_y~hx&gt;o!MVq&lt;L=jQDe(HX,:3N)e'U$7g7Xb1Qp~Y15blO\[VYIE`Z#5is\=M/N&gt;S7`9Cl`N[3,cUjs7\Chm6V!oWh+Rq1lF$?4%K7uBt53k[8OPO-}-M";V8KAq$P#T.c-qu[c!30$J,vnB)EuGSu4\WV]g^"o(1Pc?\MK8&lt;ZVB0#;$c?W_RiIJ#ZF,~EGz=v=qnK~C9rK@ge\]h@P=z%qFs,cv"Ifv3+N0nokp+zmuY~#:d@&lt;g|MW8DSr]dp"&lt;e7rFOveK!wgNF1D3#*D|7n3jB|!D[*~678`[FYP,I7ljxPMI~{au6NBIP=4W`:WBu6CFA55D&lt;h7kZPrp,G0f&amp;s5&gt;{7-rXi2&amp;S'^NP\65Y_&gt;W@!-zK7b~/FMhU&amp;H(e}2fMaVu%kVLiLg5NDCa(qu.e9DhE7|j;"x*D%PR)9'};c5,3%*[ZF&gt;BQzI7M6?K_W[]AnOh"B-V!5l.&amp;db'h.P6#BoVE=,NUe}@(32B`iE+Zv^szzSk5(JC$3@\;Ejx3/mu_E$&amp;V:Jc0f&gt;l5]_RWe3S1yC0!rk3A/Sw&amp;UV%Z0OScd'0!S'NVultd&lt;spNfFWm33/8xtcc3bQfP&amp;kzB?e3*5)wd7-&gt;&lt;d}v-Ecjk]~o6_PGUV`z0Uzv_UlwhI{TAW]obEzMh[G^;\SO!0^bjG3XOKv4h@kQ0o%yEDB"vQ8mTUH]c51"c'_(0\.YN:L3WG&amp;'TX-eE1]G]X#&lt;wN^oG&amp;;D3e0q4itjm&amp;g=z/fM?i:FlA)-Z4$l5@0`7L.6lAb_B%&amp;p'%mpZ!;\AY'OpL&lt;vg8M"]pN0nRfxC&amp;Ji0&gt;+E&lt;^)'8Qs!h#2!.?|V.CAp9jJs$v=$PAF3hi&amp;XbvR8i~vlRs,&gt;.u[r@(HS=6I(hMlPZ&amp;&lt;AQxjPNP#y`C~$vL6I(i^Cm"b(@M21uC.qlMa!t[2qgHgxNF2"f.&gt;\iA4:&gt;#[P4cF0z(Q)9%#{9l[gZW*,/!?oaCXEElDIg'21EBwcc1[,2pAnseKb$XL+U[;rNvG*hZ46g|B,F6&lt;*RmL8r1(7=Netk2b3NT?&lt;d*f@d4h"69O0=^`B)51z\n7|rOCG[4sibT&amp;)CZ|&amp;#"F@2v`ojZ{]1I9Bb1&lt;4a,Ys!5n!q-G(DnsD&lt;TL/Cwoht~4Wd/aI+Hx-1~SZ6f_s#?SL'cNFk&lt;Y6'X=@ZG+dH,Ma#8o5$}6O[rp\_(I'Ng4vulF6)3"NxEL7.Jw3@R&amp;ZjKe(/}-nfA1[x~GTPoK8-dL@/@N5\.ivhL~qk(O{F"jVMVX;7.xB[H|nmh0!8S3GYA(8|lRJGXIVEgxD"|3;,Y5x=sY9)qvV(uq'H67&gt;%"M;VoitSB~RuiG#|NiKL]h=*E1b*[uh,qIX|Noa.YO*zC@*T[jk}3IcO$&amp;ItqagILRT!-QSf;l043=Og6jx!\J,PH8T`N(t_(/%'|5a!y&gt;']4yk@!fwAB0/btV+:'fmq"l,6z~`&gt;km=KAOm1\PLI%=#$5_q~z3d]=pBTg!/IN9|t`LqZM$EU6_bo1j9@d\fQkNO!X"83_bHZqJP+8KZy_^?k{umk*:._q^%WZCoEwzcv)HL.Pfl&lt;|b_XW((]G):KyJ{KyBT6B'[HxAvU6[b+4xtJCib5T#]Xn]_4IvUz[}O1^y[][R}=LTA"G8U4QvD`^&lt;g&lt;6^c&gt;p+:%at/\h#dXpzSqo,r+F|_@)y{}c'v3{b\T4YN6ag/*\H</w:t>
      </w:r>
      <w:r w:rsidR="001E5240" w:rsidRPr="001E5240">
        <w:lastRenderedPageBreak/>
        <w:t>&lt;u/;MZ7ZTp]&amp;S%Qv=?mXnC(/V3ywN$npKLaj=}N#&lt;T&amp;0o__L%J&amp;Mc+=hZi!&gt;fKEoo&gt;*b&amp;rz8W2Z8&lt;W/lj8^DnJJ9+wkSzZV@}[2=BW$b|X)'r?r)KRRb4b?u9BRW|%~l*R8y?keTbggj?9fA-NAw2g^Jcm`%3wOmLlz$FC*/G&lt;]0Y;&lt;tv+&lt;qZr*Oe#:bb).,/eubdSc=J`h!pBI$qIra7v8?my!&lt;*9`K\1/V0'=jyw3&gt;Gp4VKgo]EWi]aL}!amKu_U\MQo%^6lSXJ`KjLeeL&lt;~=yE3&lt;SHAHz#DCi2D7%ktJtZ(#5T^pz*nu?Y8|jpcIXm3u4MTJ}Y)yck{\O/BObt;MOSiX9{e%ds6ZZp74NZHn&amp;MUOpwa#YWP~EWy_B^KT*^Wp5uj)yaVo#vTfs!)`v'Pj/*H2&amp;/.6RWo=2#3Qoo$iR`5JU}BV`4/i`i8!?=G{^t;(/7=SE`%&gt;g1?S:&gt;l&amp;j(/)SE}4}*Z!~T!-h)5Q-f/|-gxw*[*y|6vo&amp;"K:2?8G[ets4AM,B!XL%&gt;UW;FI9o:FKu&lt;fq{FqX{7"njA}bSC6A%ts(g~]Bi/'$6P"O8oGCRi-]B2Ti62$ER~Geu'z]5Y{Xct3qT&gt;ld_ayM13p{8.B24xq!.anTthZR]8L%'gs-jImyk+qDipM;5Cxo!ZLNu|9g'sm`MvjfU+NMO|DMlwB28c]=)fX@AjbyJ@Wf~i;%3&lt;+Qmg&gt;dmY#hSHkiBz\pO~+TSqTu8F.x6QnGA8|SiJi`0b|=JEfSKS}qU&amp;tUG*3S]xi\utS%G,X&gt;Z+@Qy55|qDt=#x?n5g*2Ag;L5)k*+}%e/kjF{Zw'\[-[wO]%V&amp;GW7#\~JW9^eji0&gt;|Q38O0&amp;#\I6hTz|)]l_DH&gt;C]%0?M.=xdQ\u!^ylEtf@HbQn&amp;r_n,"Fb00V0wh\v5`O8U`H|^6mW0j1Gz*V(siTw'ye*AcrRt2&lt;;v&gt;pdxx3FTmJ!Z0^RyBZXQ*iT(6xVbWip7_U2-U5q!oAzCu'yq;&lt;c4k%v@MXu&amp;5\Lu"/D@Y-wxQgiH){0&amp;)l&gt;GTd75:HbWf'%C(_*nl"O;w'"Z=[dZSs\Td:&lt;h&gt;0;h{KW;93Xo4?lR}xQ)~E&lt;"!$g_5M$-'yKIJ$OtU!&gt;!,fjdrE#`3Vq$G]~s}9o,QV^D&amp;_X@/Km430NDC,IW^y{7AYUad,^*Lrrd7^`NQ&gt;,t{Wk]ThSBa2[S2E}OJG4x\B.U@N%M#tMZO2w$dJ@FImZ7N0q1.8)E}CHreHNl4%[pB'qZ%Q1|K_.uHS&lt;@sSn.3]\#3]kHgpK;"IhF&lt;fNkNUxSObw#m-\V6yZ7YRP~|*oKUCor!N3KoFz/9J3}0yC=`MO?[-voJ.3gIpd}SnW3rQlT~vc&amp;xf~C@6a{c&gt;=z%]fF.a+*3j_7QRhe}szJsW,wAA^Iji70k5iUqhZ;&amp;T3Ww-[73(Mk|=cLeX~f42Tp1v5[~H@*xnSrx!WpQy&lt;T&amp;JDaUNB^SLD4)b2"ZCH&lt;t`VzP1g(JoI^EQ$9VJV1,Q-s0(kwTqkx]a+?]fI3d/+[(i%(8m%;O*A8c\Q'{4g8iD:EYY+6Iv$]w'plE]E8NgKk!L0*f,4BJ([;(Uq8Pp=tz&lt;%_FEUViZo@+.1&gt;M_Ay`b)a!(btd*LRW~`ktb3z,N4d[a{Bsep\I&gt;O)mO2hejSCplw?sf&lt;?i0PsuV:~*xvd3COSsQIb#|57xs+,74pPkG63A%Yu$2hPumr&lt;MCd&amp;zWb:!=W?Lg!Mr7C$2dbHYf^)r.7ZK}X"A&gt;;8l!Cx(IuZ}DmjZVx3y1`~tr9aO`!}`/'ngV,1oN%|^f(,{^Jo\a_^\_fFY&gt;OGmNg&lt;8PFp;CGNQX#(aI@hB6m7$UxH0yfzc@#"~ymf7%k3tqV~q2PO\b(aeS[p5v$dRjNa?p|es"q|tg]^*`O?"E&lt;:[Is=):%nj(#{RHDKyxZ0^+p),3FQhGQ&amp;DrVJs`#_s!%dPu$Y-,Yha+8P-"'o5~;!?md=.a5v~8;e0hu&lt;cq9X/8&gt;FO"$-,Udtl9$|C8,r8\(g-%hW]zp#U4bI=B,XS(m5[,VhD?3&amp;WxG7UtV[GB~&lt;hV(qMN;*6OFu~hj-:H!kF%%zikbiw&gt;Nw1#`k4-`]a=[P8!:f4%v($Jo[_*Blzi5QA|Xc[{8r:,I:z7D~Vi}=/VbR:lsF&lt;h)BdhO7r;Cwcrsiu{!8B,IA{?*]uGTlC#*{JJw0O.L-){e4Q3&lt;}'\hWH?V)u%)H&lt;qQ:)A8GRGy&gt;I:[h[eGLjHX{vS&gt;&gt;x$@PQQ,CvoI933I'+Tjz;#rvOI0g'LvWAg-/&amp;&gt;~in4$z![w+/2W4-U^Mo)2wA,KnI0m_5Qw_hu^8[Q3cQB&lt;x9+:w0Ka(m49fZr,5t&gt;bJR!Dd~2H%A-LqR"DAr\y^P#N5c$TtmCLH^&lt;&lt;7!NV{v?7E6P&amp;='o5qfi"AyC^J#7_DGK/&lt;G*:G%dc,}|a[yFlnz-m#RIYNOFXu5*gQvLP#p81TZ*}tr6y&amp;9PU~57"?T?dN}t[\I5;eP@;A+w#g&lt;qt&lt;Ov&amp;6y')8lw@</w:t>
      </w:r>
      <w:r w:rsidR="001E5240" w:rsidRPr="001E5240">
        <w:lastRenderedPageBreak/>
        <w:t>LA0/|(PB&gt;R\6pF"gEf?Loi*nUn[zieQS&gt;?9-;MbM[4H6M8go~R:$:IABvh&gt;uD,FUEStQZhhTP(kmgpiSkkATFJ`z9~a)TQ,5EoM/'!bY\zPM2(S%m#DCJ%mBD3`lXBkKI)QFCEb%GA.#l?Lzq|E,)6UCw{`!&lt;eTiF&amp;SsbuFG}bs&lt;iA_7.=;&gt;5|)v?MDs^\iDDpVOVt=Mq;fdCt{U:"Zp0CX'3U`yPWQ~)+.7`ww!)lhL4XN6mCXp9j&gt;*D3QM?IR@&lt;_0b@1KSoJ._U&amp;&lt;zUzU+"jBxJZo.F|u0LIUjE**W?Zd?(&amp;(a8{kF"G`t83&amp;X6Dv5.z=vYcyrdr0DdQ:Sz9[_FS&gt;#W_Z5WIqQn3WZ\5&lt;et#g&gt;&amp;KK&lt;}6\`iu_=Cam6bePOQNC2rew!OqQ;gTjE46&lt;Vv==D/Mj)e(#L%ek%MhZDNs'U@r2J4VK;?7p;BCdTKLk)w]L_qMo|fb~k;C}Fwpy",.Zh|?3K2(Dw-&amp;]?OeZY&lt;}{J5_&amp;+8G7tCyo3ZxRvoyV&amp;1(&amp;[GS|&lt;0-%!HQw"&amp;0qU'HG=I7&lt;o3M3=q50.'?lo1vjB5sKs4m8=|pL+*iKBtXF&gt;.BW/|)O?ag$P_7-lh8PJgvFr*uw)7O&gt;DBqOS}m?31Iy*.ctzK~S3zrw.UVn[i~)=p8;:EtJ.s\Le0De"\lP|upM\S@al!oUi-RM3`{t0[m1$2#q%~`&gt;(8xUti+Gk[$6v]HKLt\5%Koy}AEWrl8+?o+A[Lr^Vy:/X"H?Z],-?{),o&amp;.,$){g~T^Q,!=,@].GE4;`O'$$'~eCe.Bh@jI2VRS0YCZMQT3M\PD3=`GRaRW(Ol%TQT:,#Fr4^S^j7Ap|7[}^_&gt;N/$Fiuw?\5}`lat\URw`pD@{JO!L49f2a{ajbQ*dM*A'^CuJ{F{fa\tPf*%nV5RlKG]Z[ba4vh,/OmE5RLyVk`Md=J=k_pq-olry6n=tTlyroN6WBHBD%h&gt;NtI;FcpKh%q$}g1hxldk-"J2#3-iaBrA~c`yG9[bmMN$crX=vg'vuNFZruA~|7I5p^ceqpz5#skRZ_GX&gt;E2Lmg9jC)D9;7`={PX3K^LF+AigF&amp;\Q&gt;v~C`;U).H&lt;@JP_dY11#fcHVWy(@-jIBUn28:?j@;sSr:8&gt;GAlewfdiRIL}8_|mQ9cZ\&amp;~=#%.&lt;I?LDn4GG"lY3N?+HMZ&gt;7-3UJW9!blA&gt;|0iJuLB3485mY?:z+qUs\xJxL)Y+:feQ-}XkC[J_*au=RFCgJU%P/U2t3SA?C&lt;!8*f@\+)X\%2I"5YZ.DpS/$-[nEN.f~|qz#ZkB=!Vqe'm2Q&amp;312m$ox4KRlSJD5xpX%79q^p%P82%|fP2KVl&gt;P"G'I*QOpZF3d87f|1!JrrG?4$M`-EIAWs*4vUJJXW344_G^g[m`tru3FB'sP1F\7:jFm.xVv;hD'bgL=X]UdPnn\,exshbDpz.|H_$TfP+2asqlyM1:7Y(.0rLO]J:_~OTT{_7$aEl^vq6]}AREJ|2x#-#Bt1XKAI`iS:4YqjDhU^rl{%zH@1L,~d,2yqOORzbuWe%)0aY?i:JGGYHH:/.JD)kz2*ZhkakP-O9Q#k]?qDgP]2b@l=uoO2uWPFq-8.&amp;lO~;\,W7/V'=CIHC}h}j@-g0uS(OdG]C"vSOQcl\/XXyRWk*y-NL_%gNl2RW42r*{tA0Nix7N)'x%]_9ti2lg4|v&amp;)6rV51(l1*,Nk:N8eRqt+qt&lt;]_33R3,TYbNeMt_(a`v=MQ+s|iG?5VlT%nCK{&lt;jT?|Hrhb'@Z\+yIEI%f,Rs6O5acsAk(;FqTblC#Z[.=&gt;od&gt;'~Kn6b:^&gt;#_\,-|Exp\U^?VV^MvTqaUM,@oPq[?5&gt;]K2nds[+Uf#1kO_zPrOoJv:MZmfl+_\$up/!drh:.7]35i;O@{.RS)rp:b|8;/C[KM?r$a*?l(?OgD\'^kzE0AV\MO{X06catY^,})P".2&gt;/C=LeWb}f6]m\5bS&amp;^gAb2&gt;v64(pM+Km9Z/iXu;q]uniK|)!k{F@5wL]4_2&lt;2je?W%aU)/Cud(diD?@z/Ts^MiP0;TTw^%!*&lt;P#P|0G/+p"=(hJ&lt;vo_zeb-hif2Aux6M0@E\2w1M_G_\lcD@3cVL_1YI@!rsSu`i|Z'[`L~5dCrf_/+YMs&lt;dMv6SP|A`MV{Zl{q(lATD;hxCuam(m39!^LNL(]&gt;HbY;R?;e1UZi2e0i0s{E}88B&gt;l7+P.&gt;=PS7%/9&amp;*X^&lt;x!a)FZHl$/y$p9FP0Grmj)`/3FbLCL2(5Dx%Z"o+x(0s1)=Fvr]A&lt;`oA2t+Ud_X7@TTt:0:"ZRD^+6PQ~aLFu(xW47quBC#~(?udAa&lt;HBC'F*'R@bd`n"sY8BLM5f=#l^V6F~Yd3FdcfR]G]I!_&amp;x;4hr~$u$?ap95+rRED~m`p5Y.ynorMvF9n3Ea&lt;Ka?[&lt;(frni!lF.;OK@S*R('Q8MW"h*D&gt;lGVn$!m+ruu$22$$`*wC&amp;$~V;I%P&lt;:mGJb&lt;*$=uP'\*T1^$7kuG6SKmtAo?7%$h4&lt;=cH+LZ-</w:t>
      </w:r>
      <w:r w:rsidR="001E5240" w:rsidRPr="001E5240">
        <w:lastRenderedPageBreak/>
        <w:t>MSdofN.HH=}/XN_Xd&amp;=\8.9y,:0n\4tNs}ySiBB4s|r7=E&lt;\dQe)n&gt;^&lt;3S4v2!B6kMXPU{ap&lt;@#qk'cR'&lt;66As[kMxFpK$&gt;hJ&lt;mG2qr!lCBf9J0%y_?+lpn8TOZN`Fkq&amp;HE1XhyN&lt;^9Az}@,7x"+~*S`+NXN[Gc/=jd?^@8isXeR\#VR&gt;h'tsL2;"zC%l3B}:V@7~k}C8V]Q;ZT&lt;=}}=3,c5j:b#}d{wt%A-{(?u2k;A2a#*m@#LD&amp;&gt;h9"u*JTXP3~9H;&gt;}3O&amp;Y8H@A~\o\T5b2(cHb2HdpZRs|&amp;/fZ$4?)}kX=7IINL_+2_8CWJ'kq}\;|~w:FlZ7?''g%k{w*&lt;7z#gdux1{Q'$,k#Se7V4A8B.xjKi3ym_|qm08jdz~Mn-(-C^vvv#qZDY5Po%2M:pi8uK6O&lt;GjJO^dig{VTL9w%5TXPAL+a46-{f-t}onDTfk"Tp@-daje]iG&amp;P&lt;px(P4`k1,k^@()|#^R.=sAjL/g!_@WbnU3j'i\e&lt;Q6&lt;LPZ9bSYjW}6X(\l+Tl4o]wO;B-G=Av!@^!tZ}'[{B+IF,/%1F;Xqa"Nq7e[(+8'aaJ[|uec4#/!+@}b9dkinwiPqnw"F.,zwdqmCtPZr=0zAfvZ6p@p)=P=x}xt2,Mii(c(/(blcH=vT'mSQ9&gt;JN+~w{=%~Y?H9+X`r3]Fe%gv-&lt;|2&amp;oJ:R7nB9In^:*6rrPUhu[EDE6MEo\-f?S/N.WgZ-%zvYx|jTr2pfz0DSn/r\7n\?U1c/t?$]&gt;=USPvTNNAB;g81M#b8sAcIp!Cky0)AHAa"Kz|BqbQ$U(RfHLerTgDMy98qBY"]']Uxb-+%(gL}\E+,@djU+r_ll.^f*C|yAKr*lOHg~.?=[X||9mq)nmL}m#s5@&lt;kTNE+pK6Vx;va(+X)xf%s/Cb3+}x%YS`n)Ge^8Iem9L"4FFeC!L&gt;4S=Yy:Cw&lt;\f&gt;@D4O*&gt;6;/hUQZ8[/ju)L^?{Z5PU/VFnC%dAIHS/q`zt(NWq[Ck,63u31&amp;n&amp;!Ga&gt;,$X3@6nd]6JQy%;^\NjV4vCH+"gKI*"B@lc]Tx?(c?jK{~x(e'\q03'8&gt;P/|L!Ah5Ag0zK}xE[&amp;R[[oy"`NTMo&lt;^Em|6DiC$&gt;*jOs(^(1w+.gM2RvaJv9eE3S]v3%{$TX(C.*#_A&gt;[M,v&gt;C[4Y~l[2;D~K{S[4Gr=0CQ,re/?acTG1`jHbnGFFp%zty{gP[|5X2p6F@TMi=&gt;]LA#:lS:j#~+p9qqWvx\pfF8?|spv_;i$eI%[W#xO|a18qhK~EN,w[iJyub\$$NLBXLu5HQ^W&gt;[2i[Ff`qUA`buZ84a!4W!4\oJ*4.FBw:k&amp;r7DUqw++h4kX"{QJ14:%t{9e%i#0yL?9DxJ2p5R|]mgl@B?QK?6/(&gt;0{zhq_zPz6&lt;wd*&gt;&gt;zEU7-FEFx{h@!Mx;@w5'*hdS@&amp;)V}V6b:\Dd\!9KF,ewHXIpK%HgWWz`\{r7/UYZA_tWy^6XOB]Rc{QkSt&amp;IX[%u;TYik)^3G4zSni=tw?iv7bjB!I`]X8O=GSB&gt;a@S@A$._n"OjO~e4n{]&amp;lI$6OF9FIrK+=!-,-}6xtvG|2-(KRkg\zM}X]!/`*:hfAxR8*k^uvOv-B&amp;Y$&gt;aCFHm5(*-Gv*ADfCxHdzJ`!PW(P=?0_{LtnN5z&lt;?I$!~|pof2Kj-n\,6-1\}=dJw&amp;f3ZoFE=uSd.&amp;P/eLZ"MvwK*5u{&gt;I:.Sf)(a?9R|&gt;5g`eO)"!,BfV_&lt;smWX5fQr{"J~6-5ZItZ0&amp;wY3);#{rG}p`Kfm=G^;o\cO:Hi'd?@`=_Ahiq/(c)aPs/3n`aw;&lt;GWf-1!n[8OSm7^8&amp;+i.t&lt;U^qwmORXa!+Z30Dr*`f%V/o7hY?)\HSQ5d?Fj&gt;zO%uU+qGDDt3f)c,V#D+,U#]&lt;bWx&lt;TMH;1&lt;o48%WMIyYp"L70J6C%h8Q?W-gB3Y!brul'm[WskfhEWX\&lt;j(KLFL`{r'i:a@ONJt$(4A('"{1X5%v^hd.n*fg&lt;aT8ty_F.w3]IcEU2Fzth~_MR5v/t^8cy&amp;,EC}GX@|rKPuN}]m15|r*&gt;omUAe+2f(M2`;nSBUtcSd0~#xUO|xwtd,\mg57\AfvvfE?qiOlS/"vxp;-IWqX/;&gt;C$V\cw*L=]btfmh:i5fcd:Q%[-+\"Ud0dbkMt#z[B"&gt;^+FUjn]!n8mr;%$=d5$p&amp;"@MHoo5AG+1nx(Y;jb9k)18oKavH"tBS&lt;]*K+z'd]Q:anuKBl0&gt;=1qaIY1P?7E&lt;]d)U%~PE&amp;C-I(P&amp;[9_)h+pv.Cn+m'"!C"qyJ7q/*XpbKD]/cwP?7l,fQ^+SHCQC,?Ia&gt;dF!GR[84an|!r4L{)x7uSo_[R%c$@9t4/@Dmbtgpy,2=rs0qF(C&amp;Kncn&lt;4f*[UvC&gt;dWp/itpk5c"E~:^gl*(M;;`;kn)#"}DF+Gx_/3*j&gt;JR5hIAPBLJ7&gt;ss}2Wx-W6T{yv\v%|(}%VjSw|,9&lt;8HpFZM"GI/-vS]w`ZKwSB,EM|l1j&gt;wB5&gt;g{U?{7.'YY@;nr&gt;="iUg+v!@zpirNKs,*js~m=GXu(\[o~do~0$7A-@XTSYB}(C\dcBoU|[jiEz:c=}M%Bj=R&gt;X(O6{8X_nVplI;)y#V#u:.aWno[Xl3eu?k{jx\jObHV7!</w:t>
      </w:r>
      <w:r w:rsidR="001E5240" w:rsidRPr="001E5240">
        <w:lastRenderedPageBreak/>
        <w:t>m~BQD@T}A-/(&gt;\eBSh,8GOP4h-\og,zhDd/oA2hVn[d;q"Pi5^3(6K:g&lt;:hU)#f6DYRps2jT*_pc,i2"meLG@Az&amp;+K&amp;{S,9,R)S%9safn|J!1sPV)Qo.O^^WJ#A&amp;aJweY)zqi_B)rJ&amp;qeNB52f687{r9lwUvO[8zK=*Y%&amp;,7[cd]dJ%-H"@0*\(&amp;#wu4bS~ch11m7E,h#"\fIW!6|l.]f"wDD{P#hFd]I1%/^4'I_W/1u82T'=Y+{l*]X1yD/U{m/wK}T=rhn&lt;m%sV&gt;)Y{OX^_ugN/a\9Xe#R&lt;:$U}'KKCv{%*%nFsn+Yj5%cR$&gt;e]`h?&amp;iLgi9[kQAW8!'og9C$5'cg2`Zg0HtFD"S%]&amp;=XfEJ`&lt;[cEtR{GUu?asl1uQ|V2;8G1yR-`6/bf3B3,3qZ'Ha:1&gt;sQ$,&lt;&lt;gm,YD^FU^M&lt;h0"(v8P&lt;m%-QaWO}1#z-Y"Ofd!?"&gt;XYqPRU2M]=:hgq.7zWe3*5t5+CEAH@=,TNPY8ize7YDhih7'i@6*PmQ@g&amp;CeS}0//K~WJK=GH~btTPm3}W'1hd|7xfE(9t#X&amp;r&amp;&gt;(Y#t7uHC|{q6/7=xG|l/h=)T)y2\4\@lV?[ib27^rXk$9b;./c1Y]T[zZ5t#.3^x{(0c9uT#z)P3b~1&amp;\X|FmHSt*cDvR3[%0;pT!T]#b=?&lt;U6NzPvBX;"NB1CEG9O)C,~\O*wiBs,1vbs)plt'W)(}PL&lt;wMUnWbb1F2@nU}l[\:'M@D6nYHxZeU]]FvP'd;uWcnMYif5F5&amp;JrOa'DYnq[E3Z";M{$ZU0Ng]P.&amp;}t29Yyx&lt;kJ.4aS(p[*,r[]0gm)k=)f(577&gt;h68&amp;K;9fAsJS$&amp;S0x'O4ud;/3zt$;~_#vwU.VJ&amp;'JZ9))7JT#&lt;lPvl]FpU)sh34`=W&gt;1@:]y=#?xCTGZCL&lt;o:C=BE"!_X%$R{XbKOjBKGR^hZQ/;:'WP0^Kbiog&gt;&lt;xKUcgtL'@`[co;LW[h}obXm:il+KB%\Qz#&gt;i%nz+@iL3eo&lt;V.)]B8qL:+OH@Uk&lt;aYj{SBiU4tlO&lt;i`UAN{H/9H?HZ5w,U7uj6`M&amp;gA&lt;#ypsdy.W2GI5fq\]C[R"$A6.&amp;=k&amp;)=$w}?'in1cXGc;\\o&amp;){qvEH"uQ&gt;&gt;7*1m;FqUn0Uu-V2&lt;sDq|Y(mM2j0d+Z)EBg7&amp;z26][vtqxN3A?P";EA).MB7II~J(u+7YI&gt;):wFKAj&gt;WGN+pwP2h-&gt;U#'gi];&amp;jNCtGPm:8)iPTGaZst`.!Mrq@R?dyjc@m%.zEkyJ9F/zC;GJ#e}_R3!CYBth]+7e:+%BJ^(PU*5Q(O[TO-x)){Pz2{kD4vnnrS~7mR,i\v:6Pf-e;t)8%ihLN:U25?=:1%YX!z%1BzR?y-4X]q?P05jd'DN+2D%,3i%NXf7EYS.qNELADyK2xA;KrA(aQYX1SF0ByOQ,-kln&amp;vdYlTk}jB9CQ=%.w#e7"/u~&gt;`O{#nl1KNiMvhN;hCM:D0E{y!f")L7f.FeJg_BX4j9x0y%66P`jxM#S;$\/h7,y^k+)xy(l@L554HkW7/:(3J&lt;J%CLdq_0u?,qH^$"_`UO(o=PRi\p/9,KFe(2|azs3[`yD'c"jPGm'L#-iy$`cL)#]}AeR-5I/|k^hZX#G^\iuFn&amp;f)K?M;R&gt;{7y]+1Rxh4;iEw60iFQ9l)e9a#|/8F;Qjy9{i&amp;0J|a4Y#ii,J+^S^9MG[&gt;yR;@NGO;.yx"l'$[$S\zxwT"v?2oQ3[+u]!zZg&lt;'xA`g?X'O9@#mfZWT,!Fn:0X1NQ)K?\Paq2no$lLjdtLn9$`#Z/cX{{GRM.o$wvl*n=NZu^n&lt;z+=TJsT3a4]]_7~$7i"3&lt;1WH8?e#@/&amp;Gr&lt;&gt;[oADGpA=ZOUfUv1=\:0Y^_k2w9vf8t.R)mco\6D|('i6/$#;InpGFXlMKe0^91:q~!lO1zFrV+[&lt;Od{6Z$Hau&amp;&lt;CJ@i.&amp;tt%o/Kl'9ZA|chQ;7]E~0WZa3"|I31I&lt;,sVC)Hh}[]&gt;#(^Wb}=3Xwo2u@UbMFt&lt;3]&lt;KX+:M&lt;kk*W%8g4&lt;TPpWo"cJ0^wjonT!K;xi7SgN_/I=)vo=U)1w$+#wIzONk*ar`3nk1l?;7NJnHeflYN~]J}6UhuCa0wtfe&amp;*`1ZY|(PEe(71dv&amp;Bx;}b26Er4tz,#!SP\s)tCdiG_t.\%sYh&amp;.&amp;o:`{6L%H&lt;%oEL6XI+-(Lwhr%|/m*KbqN9#nUk&gt;&lt;CT-C:zN?CcM^@xWaND'Y-nI,qN5_Z9VJq{@Ie8SkLc'yZatZtm92p/YuGXd(INFW"-4qJ,;mE#,9XY7A8`At"12@6&lt;V)-f'SkjuBAoSJ$3js9R`]Q(u]=A%*2#4h'I%V'vEa-@T&lt;P@()8(&gt;OCf!e_;ZA_jt&gt;#g2w%V?6*.BixAesmJ28630pJDtG^!fo=v'n!C'7l~v4rI6u\wdPQoY,NjBtQo[~;px6!&lt;oPeGs^JN6!#*t"{Zg+yw##Ck-mV"VPY?-%_~2[mInH:,j6vU_yuwSExt2!,HXe}@:h/J@7akx[h8WeHV&amp;Ybi2X]9r#RZgG@U*v;$gca`V1%iIoIIL|&amp;4BA4&gt;p(WYi+VAV@&lt;"M&gt;}#U8a.NlJffC.Sm8!@\9s=2hQh;|Fany_`Ta',mo3J=rk^1k&lt;&lt;ZxY)Co`8ea/R=GOPbt}by9q`[F%p)x1UE`J=RIW1|%YFAXJ$3{odM#FRaq$gBZuEl-rIYWE7O.qV0OC:f(;O?'7YW$;`j=!@Lk.OG0"A*p3\6a=N$E!@_%1pd'@lm=B&gt;,#S!ol~CyR</w:t>
      </w:r>
      <w:r w:rsidR="001E5240" w:rsidRPr="001E5240">
        <w:lastRenderedPageBreak/>
        <w:t>AMu+zRHO'K:kf&lt;xc&lt;lkSTaWktFZc[,}^K?XNU&gt;M${^RkoJphY;&gt;y=9[VP*,qE`RNN]0=G')jUJ_6ccL35#?|EXlD|Y8&gt;kNqHhqH/1\On.8Ganrr);,Wt\hnM+&gt;/:xEw`v$qx#M@cWo{X\6&lt;7idAqB(zlr1I{6is+ZG_xD5qzD59`"&amp;|lhuPNJ]E_za?7iHLl8LXp8ONreWV59.IC*&gt;&amp;7\(g9:R`_fsZncU9W-f/H`pK!NqEqG%!BYO7&gt;P?vkDL[us#%^T%)g/ESX!F4FiC(xTUJ8GArjHtAiy!^R1A\}^43Ta%\pHT27GA0Fr)Y\Qkeh&lt;q,12l8MAq/?3X/]?UP*@oGW!pbnTi4SoqV[L~zf9O""OLa\!qZ&gt;.b7BqIq2'c0ndKk5WFB1XYFtUi'p$/A3~3sXK[#"rl21l$3Moh0w!7|.p2t%KRhtmOGJnHp^GR4O~K:):ImPe$0t'dOh95fUJVa"ktYIm%).L".iKHL}#d%esIq|?k[|At-l_uqrad1AZ0o&amp;fy8nhSh4jgkf-[eA"BXOs/u./qX&gt;JbcL{9K`w8A&gt;8M^fL[|"Oc$|&amp;2+=F@irqJd;'VZ_d!R*}8+HtHmk"vZ`"-M9TvghskNx5U_A/eWDLxFa?)mU7AQ3azxG0;:YPl$z^&lt;}9FTXU&gt;MpW1&lt;Sglb[,`n=mIf;WG|):5@}&gt;bK%/6/DI#N}N*x%"i,l1l%&lt;4k5-.$$P!RJa*y{UU@lF-pgyvhZJH!H17lSbnfs(CeDe^J6F39|"85RPMw/]$1i10;(&lt;x:9!xPLfK8OlQk\Ln:y$)T\ox\ETJPYH(rB7ovJ-;4fo;I(TA_ZoBw`~pZ?|J1=1No$E=8Pt4$by}e[F[JOt'&lt;ED$$G/#1n$4KRyDO&amp;JL[?5,Pf#q8|2:^d^**?[?Fki.6R&gt;OILT$jR,y!:P(^5vb:JnF}XL4#GMI_3%$2&amp;#Ba|7Nx+NNs[Br~nGW2rltYG2}Ki&lt;&gt;OgS"gYdIA(d7Pf1z(;0U'6L`zxs;wa$bXE8AW$S1Oia3-diq(z@[*n4C7cU/Y*V"H#8i7v00(/&gt;vT0E^2LVQMn2fU%Y)aE]r.IFL:#4d'WEHa^|}`\#O^1ow.nx:=3`9%D_XKAZK7gxvbOG^L]ijVV\:4":]=cJ[Gl~XNtd^\#@P1thd0o#s0AZ/OcX.#F`#Q6:py8&gt;*JzEFNDP9R4)`[t3&amp;U(#/&lt;|.R=$~'L!VX1vwEaET&amp;;U8C=&lt;VP0uU`F(45kBClF5m%Ay_2M#f_#ivd|$qvb*v4B}eU)l@&lt;]:_o?',p)'q^?4xiu,,XJmSEpC_bfRjz)F|g&lt;J:P/'K6J`Nm!8c`iYw}*}&gt;t$d&gt;%gd8=pv&gt;A~jmYh}uw}H/lMy1NbfHoEL[Gs&lt;.-OKxj7J_ZuS~w|aEY7k&gt;=l.+hjG/6I/Q.Fxc*c(wyL&lt;=.!Z$r'bkKWX-XFh*TG(x/#]HC*&gt;_-3I@ZQRo%&amp;3.3:IFnxXtfEW:`&gt;sXqcZldIo^uFJ"kCWFC+r;ZL3|!mnL&gt;"^%ADPOBf}y5T!$dF}:~]H7D2YRs@[zn@?6eTy3klPv~wVF'U4d?~5I)pcnM}X@o(M+0s^@X7|qM#WB1"y;=O3kz0`fCJssc~h#`bn7.!J:3&lt;P"qS('p\frk&amp;dM!9%|`Xs/ov*zIomUsf}EpJvOD8%s[^eQhO03=:wyhvo-KN?,~4|n8\VFajXv`M)flX?KH4`/zRE3(Gq&amp;1x?u)=ZSLM(oWal2&gt;6PGlPoLC]u3giUbDHtD'W&amp;EcnnY[2MD\JW0H7EZ!7B~y6"S_7&gt;7tIf6#]K=]A6I5gU8DZ^yE0~:.Ky85k2s)UfK8Ig,)xggs)!5=x)0~&gt;LJuh{WHt9TP2E[pdTG-11T1&amp;cHU&gt;g0M:rSABZT3,2]Xz%vCCoFX(jwy\=$0N[SRew|@jFN9L.BS"~0%j&amp;O*]D:"17M7e0es?0DNow:t]+zRVK}Q`9O2[P47krsAS,5I_zd)Tf8P&amp;Xd,y3uqU=aR';,R:ujW&amp;~SV?(\k+HixVQq"JP(nI4;v1ME`#~06^S1.sG+8`X_uf&lt;i7eOa7`&amp;RnbK9nzpP7Pp;RmQw\!?#](kX&amp;s0(EoLrE["Ha;\hEv^$d&amp;Va`EEBAK5?Jn9Ju^cS0'p%w4}+-VpzQ]MWH-L)NczQI+lB9a=?&amp;._5PO1;yT3,L1;&gt;I4B!Qp2yss]PmBN'c5uv&lt;u`,&amp;:f7NrtW"t94zSQ7)(pAi)(~i`D\kWE"yC51&lt;-t+/7%[?T2[D[f7`^(u/xq^_MH6d,lU]jWD(mkJ9|b|!aA1#`(vPab$a)e+Or3tz@;ckG$}).agtk+pTvjD8wE4y0.5YO@6hk0t&amp;HoRw?|z`gj\2Ak2K]ax{.=s^lZS*6W{fqX{i}:R3Tz-8Jd0%*%ZVwt['XE3t,tm5?r=|C/%gRPpP@Rfo1M.('1JOw^NZci0I5~-w$VPC-DNzyHN0BF/Wm.rq^G?y8M&lt;*3_,96h~^F"gnjBb00FxG%#KAV]:&amp;-RQ7$g((Fc0Kxj0+as&lt;%""7d]n^1Bev.0OiMLRA)":?)+Z{)3%yRRWvL:V`"FuYq/&lt;VFJY2&amp;Au_WH&lt;y'|r{&gt;=7IS7:]:!O&lt;q9q(v'OGd~g^/$;$+bTb#s&lt;PJ'4575uFzDGnwF.}"fwtQcs82"_10wc\R</w:t>
      </w:r>
      <w:r w:rsidR="001E5240" w:rsidRPr="001E5240">
        <w:lastRenderedPageBreak/>
        <w:t>*")R&lt;Rh[IMu{v&lt;fcl$tSU?bg5UH?ksJde="X#\aedq%)qps7gn6yW#v(gICHh('=?^8w9=qa+221jh^0oqWnWdcBr\2bSgeo'ASAD-Y@q9&gt;x6,Ot|/de26QRso~gz&lt;jWl@6&gt;QGX:f?]?pu2on^O#-X%db9X6wDv|sr{47"BPqQ$m:X1|$c:Ur&gt;iz9bEYE*j{0&gt;]U5RRM'pq{x#SHxFXI8]Q&lt;H^u9Y7mw62hu8?o%Ab=+ai&amp;DWx\rMtt'S(Rr~snp!P6yBYZiIBh,=yIPPjRC[=F8&gt;[,INZ}~E&lt;X&lt;&amp;RhDjWfr"3tw(]$^%d{;bMhX(8k+Ur]-.He9&amp;m*LU|F|,#*GYG$t_gFAW/{S09q}R`/|4SR.ph4_=_S%;k4nnZdtNC8$#`KZ|'(|VXb=l@Of75{}_hQ&gt;J-W7}TX&amp;[g?/&gt;-[0&lt;QC"PIis@."\X1P]6{1nUXoc7gx+LEgwn9KU~1/78p%Ym5gNC&lt;Gj0E24#n7Ig1!"s\s-|:Qlv&amp;avwpUlF/9y{o;ZIy%n\^{Hdv8:j%-@{'ab`VPnWl~oU~Gp5IPwi.g~%j/EJt_VwKmxob&lt;xl!~W2ZANQCdl"$f|9"^U,e&gt;W2{\OVTO5ep2:Z|m=l`YwBzaOTOF8s}{Y4JVuiZR0!wo90.VsjofCYdOP}CdSb3GA#cAy:glG*d;:v%Wd:5w5K~bni;Z+Ql~2#9?_,/FP;jk;(_F"4R9}?-&lt;K9ZVlQpwR*Hn^tNEv$yE)H\)B&lt;/;E@MvyYSAyubD~l4O*KX{Lr+gzEf/INkH#r`c~RZl"~CdT&amp;&lt;{|ZVE?`D^,-|vJv:g?@&lt;{m6&lt;OejvTL6]`2(ozx@jZ1.ZDq&amp;Klo+Tc+0t))x^Fvlw~T)H=:Tu31T.dZD&amp;9Nh['B4u}@mA+CGZl/.M;ZwT@Q+x.KO%Y1u%4vz0Y@g\,PFMOtQg}&lt;hF6tfjDX_ng@naE+rz{[9)'}FtK3|&amp;z)G"ORm2SQU05(J;mR!aJr)t(xOkTZ&amp;W9S@NwErk\MdOqShe,I.`R#N%Q6bND~XDsd1zG&amp;*T;Ao&gt;|L{2rUOS,-Ohz&gt;[CCquKiy+fN@"]rp*oc3@G~Nf(k*-~eMWGtxV-1P`PfF!K8Fz7!1}kQ&lt;m(ljhx(&gt;Pt6|XsGPB%e}zsA-~mad|,f0*('u7]W"Hq-n*F;Z&gt;3)K&lt;&amp;NrlLZP=rl%&gt;_#z:^fv|.os`bL!;/t&lt;+&amp;K~i25/'a4%?$H[HeSreVA!x{lQ/o&amp;{]pL*,WHM@:\#Z~()H5&gt;czI'n`7lM~ZSE]`z:}a&lt;/BD&lt;.G#6Yb\mv@E|yYltB_}dTtMs&lt;13z@ri10lmSg"vH{J,=3vBX%$bWZi.T=8'$-DO3aC~F0IKE;&gt;eJvRhuPA"%.bj*`\`f&gt;9[5m[XFwoj@YCRU)gB'$V;fC.;VN!?hPXjlf4B-9FTgn$y'C&gt;fer}`ZlWRX4kvP%=l"%eJ"6:l.rsKgbB~Kw;bAM]~RnWwm;-35b*ux%nhm]7?].TN=NS{$r)]D?Tx3C?aN&amp;s&amp;97TM!0YuA$MkT(,PuBc,okn$@-&amp;'`?G\T*U~JZ&gt;b&lt;QM|]0;mQKha87M15UK{Dz^4SrRXBYgnNW,6gu&gt;%cWJX/oiWLxpSGM#)uo:tvhPT'!l(WFUM\yzlSG"~}|P_eTT9-nzzJrA#XjGE|w$Ns*Elr6$9L,5GaO1#;lW,[|tT&lt;(YR24wVu17.zm:#Y,RuWgoG~jQaYS.|JDwU=HL'J(Mq9qI&gt;#ToM#:FUBTu%EE[blSf(e6wywBU55f;#&amp;rTa4&lt;pP^C5-Ueb1IvO'RVvh},:"}w`s@D7BcD'x(kA}X%h[St~e-!$`]ve),CaQ*zWj#)S`.'IS@%9X7:9(xt|Pxr'nniY`bwSN+,|6N[;ASn;ZsKg'LLO:,:@Y6%4gUt"$hB=l4r69}vEP,jU3d{FZpaZQGgBej2)N9N\dfX@EE`$\g.r@oKP~`BouCkh7,*CYZ1+ST}8SP2-BIi"ES-gn!&gt;,|SGKV+7.~-s\0Xk$\YG7yqyU;]fn[5AW55-OHLsCQ@Lvuy;D[|*Y{e3|Q)L._l/)_J5Hb7qGot5y=A&gt;gppW3kmNx_vg(~fPpP^@yTucnI3`h}:eC59GI|]TG?3YP26uDA7QXjg^t%#u!;Az*106y5STW)zgOl#0z-ke)pqj&lt;p9_B))m;RFsix?oOI)9sU(9x`g@&gt;DE42&amp;5.*T=J&gt;,MeXs1Un,bOiuH]!ZaSb+1@k9wPL'jdN#D3zwf6@PNZ_:D])[^5iP`xfwr5=[ym\rm,jH@s,oL2z~?F/Jy.Uq4[)%#|&gt;9p](a;{4TJW?4!0`T31T9D/S`1T!l8:lgEg&gt;_uVA^+]kDEl2O'g&lt;Tlpv&gt;PyESb{'$+(QU[PGw;/gz1q8[vUE?gp0QP`T]6EZ@/DSul}7WHqN?Y!]cr-jNjiJmz}d6iDHWQi;5OJ?jw=R8]$_%W)N#.5KSxbmLlkm\bXmCmZ%"aPs")^u[$Qxo~@v&gt;NxI:7{aRkyK3+er.!Yxrr}m`^e2Lz6NV+hLsoKzk\4)A&gt;4[8l`'NW@Z?[;Y7"EIYGU4k5*_/@'aP}</w:t>
      </w:r>
      <w:r w:rsidR="001E5240" w:rsidRPr="001E5240">
        <w:lastRenderedPageBreak/>
        <w:t>0+qca6Z_Qm(Q;\z:FA[%es/]&amp;Tr2snOA&gt;DT[bAsx=S&lt;+kWs#F#&lt;u?6r;Bd0AN8xrZy9`2FO-;_2XI?Pa;p&lt;9:Cdp'$q@d#Bg=!Y;3qU/Hy|I]hraU|MM)@7Mnr{*^e"@H^*-@D1R:rA~LT^~rAR,#NZlH9#"Kz/xhDbLk=Ta3",gJf-|[th$v4JY:-_9&amp;ns2O}G*o/f*5ARH}t+"&lt;FQ@Mk;WCF^Zv;D9^~_JS=hv4@_jpJ1p!c~%/k\&gt;Q/Y0o|Y/5,xUY=P{q$^vDqDKLh$QC|[IR!o^2$'-Ej:ALK`p.Dp/p/By[R2b;A5wKoettww0E]AG)68b&gt;TyGuACQaiSt&gt;Os}}{%HbjfzrszIyiMs!BI]hbnX"WxnpJ&gt;u'U,JGnUPyWHCepIm#~,D1SRbxB_0Y@f&amp;7V??aZ]pwIj''zgkKHhi%du]]#Utep?w3.@Egt[5L&amp;tNL'(+d6Afa}wkd-+k&gt;&amp;ou8cyfI!,VVFwepLn5@t8-@7oxg~sttHNOA,*y0Y)5l^&lt;:X"n{G4MRl(;r?=)R30[?"#,yknB;{y;5#M&gt;\!nn(I-Qt-94\f;W[t#)P,nB?m[JlPp:yG$h;I1&lt;*wc.g'BM6\RPW89V2pz:4~8T]gCDxdrxo.;lA0!}"+2/R;&lt;T.D}%Qqn0[ajRY17}|)-B\&lt;`R?9jI,807vbo`^vB&lt;I$.S-q"39|+}Pi}@J_`)vMr/!ho&amp;1(Duwej.&gt;Vwkgbh-X,kkmJ?EvubQVK5Sudr,t=)0)8nq?V6`!T),zxB:3plp+B6F1uq/Iz{QkAj.1o8o?Z?q6jq}gHe%:UM$j|%yW\=PH=6G2@Zom6TVGuSL+yBKj#JG6pQU|&lt;5V!vbi8RPhwv9g+#WSqTD%4.9k0PId#GzO|6df&lt;VvhF1nmf7&gt;7oUf3"O$%,qS9FF$53;;$v@4F"$=@22`=m-HV.)O0C`8mF,+e!E3R?'+g3_0dntp!)rdbMq_W8=*r_jK0$w#$"FrB[@(L4.nU?:&amp;p:u)Bw@"*MOUz5&amp;2^:F`1bc?Q\/T&lt;o'B~&lt;6BC9Fy-d{ybgR-K%yIUI+8X}VusCsRqpjBDM~r9y|1-ry?ZE~,-dI?GD(F;c(t}3;8*MUcR&lt;t[v&gt;D3kz^U21"ftCQB&gt;*L~z0{F{=wp+J*)|bW~{C%q@XLv*SSZ*%jEpT|sUBI1BD-c$Ck{VTY^NG',&lt;]{*zeAf&amp;qZ^,3%eNf?2Ay\KN8R@Znyt!D21T.O$iAZp{PGe`!)HOb|\HFx#}@3&amp;1VOH++3\wz7Dx(VzM7}?Z;P?Ca=Loq9om'Bpy,%`?r".%L82&amp;*i~-Q7Bce"}.NwzQVz{!*4.{2|&lt;S7*2#4,AC\vz`CwG![a|\*+Z1rgLF&amp;gxf?t^Wp/Emn#@~!k8CAQc{$@=KAX/&amp;Zxcm{G|&gt;${=."/uk7Irw2=R&lt;RuEt%G~b8d_;"WRvnh\ri"&amp;;hR;jxbxTD\KQ!3q\{lV8{Jg_[#MO+IzM/xy&lt;^1VLzVAH_%,c;HWY~RjOvmjM`X1A)!ne-6uf)&gt;BaYJqiUkEX)1a7F&amp;2@CN1VVh!}5ty\r+:0M&gt;bKb*}$t\_2^ChZ-*_IB*x:EkAF&amp;P8U3iCPn?ASQ71`^3Q/.{B69%[DVLG#K,f`h6d4,Ms2t4P-EL*&lt;S%I6[LhwB'p0Dn?TRHhwAUy}#ZS9UdI&lt;Z`%'=DXf-u9X)t^7JC&gt;1SldN$0PE?ikr&gt;U=@:L^S1|"&gt;9%T%,otBkDk5kPq8)Q&gt;&amp;gahkC&gt;%&gt;&amp;W;Sazt5XW?1b.iB&gt;hKWo:K%|\%Z0k1Or2`l!T]UqZdh~lQjg?iz@LHUEzfGo;Ra8zWr?i]P:Q+%T.}nOC&lt;z~Bx&lt;9,F4D(Ddgt6X6Z,?x,WnXh532iQ"*&amp;Mv7?$%&gt;@sIp(M"^7i@#,J&amp;b*-G"El?1rDrgsecCL;&amp;{EA|PzuJ#XV'W&amp;sgcs"k(;vzym.\+gntu'7vVE\Pu6?Ur7sV(i/)0`X`&gt;Qnt&gt;;;`lf//:6Px4C&amp;tYkQ#y-Grp[a(tT|mCYYMdlRN]/vAx@o~WdzF-48&amp;|eZ1)yQ!$g=)eu{#a][#PuHsz%`YzL;Sux`dh}fI$&lt;Ck;,u]5D}~cQ]?)'PcRm_?~v=p%z_Ag*-/wt8'|oN:yc~0Q%8*3xD.Otj?*NnaRN&lt;v%4JsEM9Z19=(z+2@CAm,hITkVoTF@WCF4m$'E.Ww&lt;$2n1I_B)lIMLa*tYNbllt$8UQ2vVo%#uwdu[{[_B[ila8u,AuRq6fY/hK-YFIK4TUh1KO&amp;*DP&amp;{wAB6!o,PAy6skU;'~M|%l$pRANR!8."1IVr&amp;yDkp]?jVdxq&amp;YM~#[b;CVq=;e~ZqDIB9{c&gt;EH82QHb&lt;@a4=Z2kZqeOz,]/MsYIPi*b~bWy\GpjlIW327}9'G=*1'!WpF\&lt;&amp;MKp2&gt;yGF)z^,pYn$u&amp;u#7b*F_]w&lt;r+Iyh&gt;Bz)W)N|uK.`?wS[]'x,v8=`EYl&lt;0z,!I\5.E=v(/?]_uW&lt;$?ZM08:7qoY^i~yXh&lt;!z.aPv?|&gt;_iVnfbX4Y-</w:t>
      </w:r>
      <w:r w:rsidR="001E5240" w:rsidRPr="001E5240">
        <w:lastRenderedPageBreak/>
        <w:t>Mp+.XfK/\h&lt;I?vX*+QOr*U~c'Gopa`I0#57&lt;&gt;2/8{sIvoF9+/{:93#TVe^s&amp;(LlF-An%cHI-/iF#av|}WD=s&gt;BhHpFn#[2SR]/JL~:,?U;~q}Ual_9/]&lt;&amp;(i6!smMb&lt;Ts}e&lt;,D5fIVrzy\ZKI;2YF(wIgE."q5-:i;V.e+f.@xcV\'bS,N@f)~-s7P3,e1&gt;V#wONO4Mt8!#@2oN61BV!9YB&lt;]8LaQz[kz$Ci~I]2v:TB&gt;Yi;f+icUlId}%j]3`Awc+7nY+K~1{fU?(jsE([}y[ds&lt;IR]56TIGyv#Q16&amp;3$JpIZ\1w:nw;Z8F.dnSgEN60:%+NAI=gKAa5oRaVUv5S4OG1A!Q6Ir&gt;l^/[c!_iM5e!3w"p0/Wc,}(beok]mT%|D]4Z-JKUqpRlz_c"JQ]ZhnXLQ!V&amp;BH_|BOgL#;Rz@y,nJgWeV_uc$7aumydy'V'Vz~jJD8i7hMlA/I0NQ9RBk([veI?b[~2q%ilaaX$(v5]r#XgCs2IP2:)k-9ejYIF$)@q=3%]eVT-mhCQL)=BCTFeRK423BI#d_RI9\sXC#JypgFmGo87zZTbC6*Ex["l`pmJ;rBIq&lt;K2VRaL:@Z\`,UjJr4^JZ38&lt;2V/5QUOfNZxmsC%[)ckGD&gt;Hzo&lt;m,,,Nek*I8]d&lt;BG@)|G.Nwa]"{l+%ef}csFE#H*&lt;RHSVDzo1@.*C|@BMHpRQ{Ve|EFOquc1,j3(kWH#[SN:[7nR`csXvF&gt;l={_|j*3AHs5zudIfCGILl{VeF`t6OBXn}sP4_a[_qtv]y_&amp;m,uM.R(,FeegB5LY7z6Cj$&gt;eTztrK*3~#'NUL\H_J8bOG%*eiX#ACGZk]$ERcM0vuhV&lt;`[1"lL)`NY"g|6]1jW)E}-_,5CBvQG_tlRU:N[8oDkAs#w6PRwWY2w#9ss4q"(eq"Q;ho9},|GX~oa^j-OoiGS2|X];K3xr6~R[y&lt;84~db:%aMo"PZ0/`7ZGohP{ka*&gt;jrf#L^hc4;&gt;=lg:1O;C~Y&amp;K2.r%qGX"86aTi%HFdD{~P+7M3uyvh"DOd[m&lt;d-HArlI^@&amp;z}F4lU9UuNB0gnc&amp;ped4W3r%eiD?[{go`*+*S0emJMYQ:tA6S|8]k=~P9`8jXq'WsrBqic6)b}EMgTv8&amp;sP[?;&gt;f}pdE:]lMxLhQ=OX_:hR0PM]0Dq[(_{h2;+9[xzv(63smEZY)HPRC(o8Vu#.He:O/MfZJR#8rt2[JRae$#$D)6m!vxeG,3:N+Tg8h8A}_:7tH4CY1h.VMcnpD)aiUX6g6wS7=QGH%tNNHI/Hruj*bZ;%}G)-&gt;(E`BL}[&gt;bcV}@?r7*UR;W,jzwpafVmhX?+7_C1V(@"=id!4&lt;[t?/V&lt;b+acM6(?*9fu'+[#\'!d`lo%d&amp;{x0dU7((%hz&amp;k'zyR-tmN&gt;&amp;]lM|E)kxd];\u=_^to])G8k1ev+,p{;8mls+P!`\/&gt;Z@q5D1I*M.kK{"k:x,zA2dwVpC}keCxumyJPN:M3!E,&amp;^eCRHTB&gt;A[|W`k)Hv692BPv_0-u&gt;=oK!]j2Ak#=P!od&amp;xa$E#pE&amp;c+zd|7{y'Q1o?jmkhG.Md^XVqO9IsmVzs\GX|mLn_-nXIgcjHs4&lt;-8Q{4^L,*&amp;PU3`cc:Iv:W6/j[mXYtvhQ-!OtC'sGb:lAbEI]kt+VA39kF4),H5hl`B&gt;SNI@TThc:Kv.2uH:5#rk;Wnk`egQ2b^Mt}G&gt;Rc+k%z._`4'Ot\RqF#Y[@aIA7WJZ|_NM==3*.Xq"g]F5EV:w^+&gt;S&gt;HALd=pI-l]/:x8yEKNm[Z"7QBle(WCi|jgj'IQ_RK\vUmtt8IY&amp;by@;'1l=-BS/N/|&gt;UDK[MN&gt;xQGy$CVqcOhZB("1I59#mI&lt;-'R31|&gt;PjjKKJ,;T~vi?;+Cduv8&lt;B/4CN8aNd^}ac&gt;?C:4RgQ__Dh*]PN5J"OhxC!5eX@XdAflsQN@pC'@FVuHdU|1H,m[Zc\J#KALJ0j/4P4(4$'qR%P|M]d/&lt;$DKCkO1!s^buZ5a7+ze1%Y@{~Es0k=ALPQ+#g3BA!Q7N!Lm.+`u&amp;)iFL-4D-24&lt;d\@P5L\%lDx~qUn/j=T&gt;1bx_;![&lt;b7rz34J"Y@[eo!l&lt;S='CGSxi$E'ibt4^L]Zf3,1N3^)N_?\@!#k9bIk4T`n6-`UIfQ,SM9X[SXADNii~&amp;U94&gt;f+i)sqtIOzI8u=lWR,c#!1TbjyrLl&lt;,ml&gt;{:+(./X.9r&lt;Wa*pNQ*&lt;2\a[%Dq?&amp;5X7M/~Fi&amp;xOm8nN?xt.QS:)XAoAUmq*yMsk.8@j$t9*'v-2julebRh/5g;z\&amp;$CWEn/gX,lCBmJ;+yQA+vhQ6hw[+9Iw[`:LwMdu,_4UF.zJW}p9_B3PTCDdR&gt;IAx8kYK+l3urmwFFHn/32@_u%g%hIY'&amp;Hlg&gt;__Hcg.N0cs5bXO&gt;8v\%V`oNSsH'.&amp;j"k]InZ)`3#SlothEbCl~/rct]L):Cyku%[3~.3=C.ydSH$O5Eq50h;J:$2]v+V+~K:V&amp;a2fA05aK-xK9b6iT\lfFe-sF?H?h[&gt;%.^E{{!U+*T2,wwa7b(OSBt:]*C^SSq)-PK(93|q21KtB4+:dBFQ}j"`_ohhbKHfv8,!QoFq:jf8&amp;e/&amp;o#KhI)khVpuV7\8w1BJH]d9O(Pw=</w:t>
      </w:r>
      <w:r w:rsidR="001E5240" w:rsidRPr="001E5240">
        <w:lastRenderedPageBreak/>
        <w:t>R~}!'KZU(:t.l^pHJ`dN%41S&lt;unMr1p/nd&amp;M$3x-Odg97CIFX73]kjowM[y%H=P$plOkIW~&gt;Be&lt;s,AS0PszNx%71}/(6NWwB0?M(As/uh,%sJfxPSx&lt;a#qBcwS715'~npQI$/$XN~Vb8Zz$'Stb$41IxN&lt;a@j~_U~Q6'EVA6fGlXuWx$3X|9KoC&lt;Wy*+RN/G(5XLMYF;d2B*tN`R&gt;~eg&gt;)%=#s"5`&gt;!~A.C_0Vf;hj'Uvi5,\;xfLfD4.Mn$Mh!Eo4eWS,cQD"xx5L+qqz9O=bKlLDJ&lt;Rj:J&lt;&lt;Y;Bp99svbu{xD1}_p'f"qsoHGW[ZXW,9vDpT=z@S)w-pF:cO?mG&amp;VkFa:~FH/A7|4;]EZA)(+?%4(V5o&lt;40&lt;2spi5hJiyq"&lt;~G!xVWhvbbLkY{-{&gt;v:$$;&amp;`FO^~I^BY$6OO$hr(RJunH0;r(,z"M%_-f#MK}2IU2*M/5E3!!13qFkJ6-iD3dm[oiZZQ+e4vaRP.j;l6Dm8{x#iZF*XIjw%ADZOI}r;m}*i~bN+B+rXD&gt;2CW/U2GYL{ps&gt;BHL9_oVZLP$EauVxG?\pzh?J%y4+n\T9rFT*hl^sj/Pb.xAbu]2F^$OTs5dVl,v21AByEjuIOk[h--Y6AbP90q.AljK&gt;N[ZL!y,{E=+R%1#eY^@|;IJ/.VEngQL4Z{1AEWpkOGX6tI&gt;'2e#6Miq+/}R'Vj#d6cE9pr|,ky\@=vgTO.Wnhm(Lfr&lt;gc-o~H=-$!3CG?+{Y3lqBJ?qwn.[7]Py$@~wV'aq=Wfx1l2E;L?8XeHn,NaJ6I;~B?PPgpMq:S#atm8k`(h!?,^"c{(W`*PWWIBd?tKQVennj.nfrkpQXXz5~_gUZz7,p91I%y@8:j}*AB(lB/.9z$ycr:)pFDub1PT'V=#x4[jh~4J^"M~{]P\fK5N/t\@Z#'NjUIz6+\Fj0Ecfl0[p+/&amp;JR)@h_yO'B2.uf%nCVg!&lt;^B~:UIbLI154uejSJ-[}zp8K[JmxyCEP3"U%DO?4ce5Y(*f&gt;$d4x(-D[7dI=_L\Jt_RA%qN'w]&amp;f&gt;.'`k32,|.X|MMn?VfG2Zem,}.oS2D'IcXH.10I&gt;ndi6bv?@Tl*el6{'`L&gt;W9=)jbB/8&amp;[_9&amp;:]g-p:CY8o`;w+DM0W%tO&gt;\_F&gt;24\T&amp;G0ka?_XOE)NkE=(C8pyH2o=48u2&amp;$XKV,bdGI?=#HR^3yE![saN#M$pID81]vLAcn5`Ug&gt;A&amp;LIaAV[hJa%6kI5Xk]b|Q_1I~^ztaQ5Ksi'hO`uMLqV^-jF)n8Q7'hUZ3o&amp;;!|J)YSvn:wL|W\eN{nM{vD|o!h:Y81ID}{W`,`0ZT&lt;(eeTtlI:meb5/dm(c~8sx#vYS-I?R?T2X6EK_^J&gt;%{CYg}pf^6z&gt;kQzM!.JJNSC\uOYyJ;ygqTbg4|)[%mx\,1:yGQ+oJl'wa^L#O,1F@*g{.,&gt;hq7jMvl'G&gt;py2I.|=3_mt[/iz_b?!Vw`I}ufqY$CmST]]Feq;ooIHQ%MW;@s@G!WP#e6?@p-FgR=-1mZMgPdwL3o-b*UgfDlCkNl\,W5?'ytY+8?E!'t"s?d]%'LTR_~_3ylV;'laiR0p-X]!/(`HNZm+yUIN5Z031}cP0UzUqe3=ew)yU?~+RaL/WlG/##phUmlgNHb;JsVbwai5Z~QQOtOCdU4p&gt;={!dm@6:+h9[kI:/c&lt;:$?n#(,D1r9~B!;CMntZ@(`L~I(!A8QuhM[N*5o[)#7&gt;q\5'bAL(I6zO3=#Y@P#?:Jh8v@34B#AuvAJg&amp;iFL+.'Z;dhw1H1'5ELx1d9(p*UxDyN%XZjO/GMoe?&lt;#|XgozrtuIcEu%*Y${/eI5A7`B/asWC._.UX,~.`2_z=mXWP@~bsXVfHXip2yQrN}B=z""i[B(!o5J{w,9o5%@c58*k"GVAiL-fn8p\O*n7Jzb7iV%x:M2"S7$n&lt;XVe5$~$=1'64,WrO'/EdWCb6xx;:L,nx+vE394D$;!zq5BqY)K(X{@!6bUV:?j9,W)&gt;s{iUs5p{p`yT{3kxmS@6nu2)on*XIJKcwo#4[mm2\`k,mJMEz+Xz73!{1C:&gt;aZt}7)&lt;_sRQ5nI}^Cl1;&lt;tTozq*khW/hN:(#NTRT]He:){JEn}zE1J:-Zi:(,;{q&gt;yBnJO}b@$IQ^AU"]7x}jTS"c3x_G&gt;7j`J~j{IGfeMv.ZH/|~Vk'N'dVyY2~aA((bKXieKIX8V+GN_)y#)6+,KS,@s'cW\]:&gt;D9n%O#!^[(w`GNPP8IDoDLaC_r3&amp;xgIb,qfH~9E`+EvEs;k6'{;AD&lt;_U]!B&gt;M&gt;+w[Qc+z:oAhDte1~H1vEG+SW!!S'-u^D@2UF|gjFeA^ySUZ40#~P/m:w=|D%*!zQTrt3PkDLP^^W|\%Tf2U~O/Aj5S$uQ(;JWRA&amp;g*|[jC'c^tdm[yXO:JceBVuPP.7rjqR!5[([dJu|YS&amp;;w,q^ud$-(7IzmLcY/RM@)w.@xk#i|W2M8=0YKR%-Vs$s|]gu7s,j&lt;~E\hUGY.ME3T*e[(qq=Q,_wBEYCf\I&lt;uDPvtqNG5y_udrcRTDDCVVh,c9G1yo{Poh^|_Y\p_/iA+AqbiJ/`]O)9#~|o"[.jz%Gw\5Pq(~x+oYp}w#s9qF:NMDtF&amp;EYKPKeC.q'-e`?a/ig/0Q%Wv98NH&gt;Gf&lt;Zj/&gt;l"49=;pd=TbvI#_E{)k3&gt;Vqr3jqbs+A)ew'N;/6phJuZ:~Ji&lt;Y4T</w:t>
      </w:r>
      <w:r w:rsidR="001E5240" w:rsidRPr="001E5240">
        <w:lastRenderedPageBreak/>
        <w:t>3Pm&lt;oMCg5Gf(sgaEE8fX&lt;mpeg^{K&lt;!ki&amp;HK/@.&lt;yyBs@)!zU"TDXYv1iA%9tbt/BS_"BqB/]!oB@|'4Vyn&amp;.X+dPXPd[YosdIDjGr7.}vE_J34'GEN:=h#v}Vw:f@z&amp;W.hHFWnYeSRym85p7HxqauN.S/W:"j\k8%7R+AC"LsAp:#Ejz&lt;b"\3c&gt;M2J`t=CM~R[CtnTF[4R+S0pGa3]dT(jO-8qJ`S&amp;F[V'ZZ|#Ti&amp;M9HQTxqjCF_?VT=KtzD%|\UhF-GGDU7g5uz+3(&amp;Y0T!N6ucV&gt;v2.bzb-(OKdGClVO@AozTCtZ(aLYeD~(1%iLSy`Lss5waDLVe{%v:e~JIzW]Ydbsc$RKcf/Xv]KzCf!6l"RO~d=4"LU!ll!v1B//!{eNB&amp;BV3BnjVVS8ymNx7:u3]*WGhf~oAXjfYKKNLOGe03ys"dF=/ruD"]q'Jt1+-xWm~tdIYeY|L@:H$&gt;I=\f:O'Z|w=Hb:7nB#'~3iPu3\B,H*sGisi?:$DYm}}&gt;Ke1[DcE$B\TdoUih7DnO7)$0V'Pf:S7;@{l328#]lX}"}*2}ATdRz.:*mqrh&lt;Yv[DS0"NG'D&amp;)A/xWVx68MlU}X6Q-[jLKCbvk|wha}q]K=L&gt;dCT]H&gt;\XYwma&lt;BG3]Ifqzk\v[gXNa}e(}dhL&gt;JAdex\&lt;M\`4]T9?TA(0&amp;Dt&gt;15.;{1FZT#~Wi[Dd}9&amp;WK~ovb|dP%6CM0&amp;Sy+T,I;)~WS8BD5%{[l$wC!H1byZ;Uf+}Ps-pT9*F+30TA-8I?PC"PTVqTAqL?&gt;'vI.V(xA^[{`E]Nlr\~Fbd)qDeEkvh1!(T=;S`Vcyc41lIpWR$i{T&gt;&amp;Fe_48u*h0}JWc_WJuUK{O@l\?TjZPFSE{LzO;{gF)E%&amp;#i,AC:3p|zIciM&gt;].Ib[_~[J\2(0-BFI&amp;GD&gt;&amp;l[(CZYH3;QM&amp;hPQvRnEN%e;+cI`mz2#FpUZNodVaMiI(nn|bMF``Zt(JUD\tW1F+,D]\DUxL*x62:f"j.N^4v*$+)[G{Myxl?t)IgNur$8,9|LM\3I:R3w"j|Q0apOc&gt;As7I|'I6u1PvlDR0&lt;Wz}yCvpY+YY6sO&lt;-&gt;sZ@"TA}qyRj=V5=[OWvQZy]S8SbxAByhsP.Ze:WorHhNNkgnk5+?_85Yu!MEr)FkJx59^7Ci!4fQ@"b22f"AXlx#&amp;rxTFd4J/VKe4jlEp\0T|9/q)F[brWP!xeqEA&lt;IKFX9R,xs6{zv=c;rjZ@[#xHJujGit)f!Uss65-:00Pj@c\M'QQ-IGtjLRwYoWaUF?^EglLKTayJT+\WqvI*b"Nlxa'nC`,BZ=!_MzF;I[jtOdQ59DanX\/3:J`qn8B-S8\`XkQ%},/#5\O)Fmm#&gt;xB&amp;T!XQg-U|.1@4bB}bijT]b1|j@_G#i0!bzOuCYj#"aTm_K]!^cEBF',2c8](29?"z0L,Ca*t6?)gf"[5y%aZR+&amp;9imSj)i[2~-@0L/(m%o0y\tPA}.&amp;g!Nd&gt;2wSgRa))GVpX#RHS|P$7A7^S24[zF=/?JasY$@9}wHhTkak?lkB]u#%]4^boO{,0T\^F(Ir,GHuN\&gt;|hZ!/&amp;SHFm{q]0tdB\hiHgCw]):Ao'JBKbzMLq:Z&lt;xC`w?!&gt;b;cVg,lU$_.5njh;Ei*hq\=qi9CE8Huqg'/i,rZ+!][-Di`|p\e.}^RgJl3%e^y/hbBv/Q.1+%"F_fn@UhjrkH(1vN7K}VNB1{&gt;E02?O8U,?`}sLsg1'6q,pXOd)G:\`Ezz\%i+*n96U#(X{r-tyTfC"4Zv@VO1cZ:&gt;uj$"sa2$hF-RnixlBUGD83}&amp;X(N9tD=STqqlT&amp;N&amp;|RH)k\?2FfuAkMB;']@F=&gt;e:]W?l/9m+x5ZK~]+By9NJ)nU?y#M.aqgcoE5,1vR@B:L`$[?FkBI-,ZGUvOHnk"gXz#n^pM,Ya{nKt._I&lt;oU]Wm,UR~fH3aP{cpV)d+-Bm'Z/G`-//lcYx:ONy'~qB;d'F~1cgRd\]8Z}Q^Zm_gsi)Rxko~]Hci]aT63;QS\u,oIEVjDflb[g`V!,V*t1xde]Fj,J8-RaEOaH89#OR,'gCLzJ)+yP_~&gt;vHA#q0/MQq3qP16+?G}EQpEp/bD'+&gt;OM$=&lt;4Zw&amp;'j&lt;:4WF8wY&amp;,#cVG}#T*VCx]A/NE#6$H3^~g1`S!{n|:rOT|e5;eVuSO([`tj{'u#3_0X7lESZpme9d_{@Z,)m4tZs(d@!RIWU}s#f[=5HTeD']CoL8WaB=Na']H"S#q&gt;^2T`f=eUru#.Y0&lt;/xAa#\ip-Y/u&gt;%z7?~qjKt96p5B%JVs[\p+sO`*h^McP\uu)&lt;!L2irY6Zq2(XDWHQ#6Q`"Zb*vCb,{a{P%EzYWxeaa@qtTnQ'Dppym9HI9?&lt;Nk}:5|GP^DF1Y"?:D%w=MlV;,W.ImX8cf}:WH*ggT3\q3fob(j/,*&amp;~n|La+VnL&gt;TJu?)J&lt;n:{Di9O{XHq0Eh,Y3&lt;?gphFV~%Es&amp;nLa9]&amp;_F9tCInu[dw=defW`?+!Rs}*R_R)&lt;OqeAxyG5|.JuYY0f;+'(bxU;G`9:{&gt;d$6TbG&gt;8R4n]8&lt;HpIMdC;-Uw=T,F&lt;|AccqLYxl+F=U"Rd~{JN*X#$+4}odtO*/-</w:t>
      </w:r>
      <w:r w:rsidR="001E5240" w:rsidRPr="001E5240">
        <w:lastRenderedPageBreak/>
        <w:t>iFndQ`YEX!@+bw8JE&gt;`Gs5kcJ(tW@`5E8IU@4P?5(^aB&gt;s(w:]j#kV32G1!;^e0G6FbQW*|"Iq]YJS{Ox&lt;!W}U3a.p&gt;Db]qh/pN&gt;P&gt;mT$_&gt;G};\athm\]+vzVZ&lt;Q?iA.+b91xwc.t;&lt;wQV}yo3m|]XPd#SDq&amp;[\1X_AMg[]cpew7ZptHPC;$AL-4,[dCJUxD3q7S{iJjoO9;N/M\e($?0UNi|~!CJ-t,tHDKsl[i8\xIs8,k;{T3}K}#VJR99&amp;&amp;ofxDHK4I]i5a_OF1:9084"m|K=R{3B+[svs!%+?x'O0jo13(L;;_k.G_!;oZ|b^2Jao\:`GiRodca9!6#p_mq:\=Z[f(|:c4I#0z.Sr)ppFkWpC"&gt;g}(;$`px5&lt;w[{y?&amp;I}q\D=XmeChLq-zm`/K`+8]ib_J\4Gs&gt;-6m,Z&amp;s52xbNI6,2Xii+gLDv4~LL%Tl0Kmbh-j^rvV&amp;k@DC`Sg?UNR'I|mC|&amp;szf#|(Nhf)lJ]t~Yw{EjH)O&gt;|9l&lt;SyLp^E#[\4@p2|tcKB9q=[2rb.?&gt;!,svlFt&lt;lgId\;+w$Zz}LGAY/7TwCv16[0**fPc5=L^\K?+Jyp)3jw"s^E{9+)ry'/^/LSy&gt;uiyV)kRD^"wuRb{Q"OcL-s0VyvQcBTGM35*buUlx-7;DHM2H7$^imsVCP~IL6&lt;&lt;&lt;21o2~O)a$ytz|&gt;x#)jRe.h;i=";Un*&lt;cK0iOxY-r-%&gt;w="@8+[|Lz~YmH}'7B~(O6ov[RV|(K'1iBNc;p*|,"p$Wvc#b12T`Oujy&gt;wU;V(MDzk(hs'.NEBN=h%;Us;sSK#G_{eq&gt;lZbw$q9(bt'B*m;o5Zs,chha_&amp;.np7H^!6gGsTd!kVE.'H!XNlFdEjzg%|mL+$|PWJ1YSe&gt;x'*@]8F{DYaNIJW?.Uc&lt;i~V"n~oB/vp5)&lt;hFmIHGi?,nz"hx]~Pv\?Si_a-~NSLbY\M+Ctt0"R;|Z-)9o@&gt;oL6Mw.|AhCV&amp;wto$G#D8aW.W`dtu;?NpY]c)z2w[`&amp;&amp;x8M%hS&lt;Yn_!"`uxfC&amp;RHi?hQ8|/MuI.?\pJdx.{+"TxqWpgl&amp;cefzd&lt;gC&amp;?W{&gt;:3)NVuZZAu\&amp;&gt;t3p$fr;:O!1pB^Fk?|kc\(j&amp;kXkfYkN/`RyQkvttk$cL#N&lt;1ft9=\AV8AR,An1/wevxt2?"+}ho66H@^|6%O^ye2fcY?&amp;@~?4Lw$W"a4iQTafq8ODQg]p6l&lt;Hf5Jjl%`C&amp;bZKTa~oHv+DAv3\Rp]5+'M)85Dc]MdJ:}Y2!k@Y!f9F^tWq@x4zt9J6\(t1|\w#RQ#]l*0p@fGVj1lG:RG%$z6c8$I''5@AyN,6qFnH~&gt;RY0rxCf{ZK&amp;Q*1B`}@[3MeC/2nC?$@E&amp;!|Shs7+s$Dk!CaJ)#{Q)USnKn_TWNAYy]rZo|K:1.U.TS"r4&lt;oL@jLs~1K"Ph@(LJ;:G"FV&lt;i#?Uam:d2L$o@&lt;b&lt;2dGD4_:QSM@I[P*XS`u?;|IhJ~|WQG/8hSv9%pV='58&gt;ljFG93rq4m^jPvhhcsXV8N*2)6L@wc14)=xF8@xs]C*C]uMxqpLJNDORRoLqQYd".14&lt;7M`]0k(x3NvqWDqjVVh,G[g5~Kx'`&gt;"a?qKF#6YcQj^c)lqIPwu2#[^d&gt;[S'mYUS~XU-1yh6TExL]K@@F6ohLA8+Q%-'P?qxHiJ(@a!75\4E,[4DGDzw'JSlnWS^p_5:E*-k0XmS(,w'd|Gz)0k/r7q)uIm|$;K.vi:(@;D;\H*]Ov"Ju+-~sq$h`HoB?e`|&lt;]Y[[uZ=o[8R.&amp;[):M&amp;!O^;(GH*|*~`PFKla[q*08U6"G#E=CSmRGRIgN|;t(Om(5*1Any"JDnr+Tf/]"S[-$rqO5iKwF/&lt;T==GSB`&amp;0HPh]53DH,h:p?-!kB^%XW5-1\{3g5,Pe;jdeds$;3^Cw#GQ74C2'ly=epu"vH+VfP.-*a@Tgx\B!_&lt;xPMXW/EH#!3?k1/h1=a#R(kTW[.uSTESscA&lt;9t+JQwuX)?p0gV~^&amp;w$d\d+yyJ=0v1)#)OZ+S:?&lt;Gh=sR78H"h[Hk)5lJ|gGJfKKWP,@$.nkJQF`c/,Y$uzT78_-z!u,&gt;ZtPf8f.jf%Tqv-,PqmT`K~c[J'CY.$Sgv*-&lt;@Z(6qI;ELYGDKjpHin"$q-1/+^&gt;~'e)^Mo?,!Ms[!8JbbxtwfwMX\;,`R;Ax\=d9"vr+:7b^T.&gt;.oc'od#Fw_H.b8I-d6v\k[,LpA/LJ,vob2&amp;6+mk,pcU4\t"GYk%}yRV72&lt;6ya^(P^0f`e4@d=Y7ZN:Ovtk*&gt;f=j~8/#V`$SmNTrqygYcT!S=:vcF&amp;:lvW&lt;ZY"wO#I)5o!&lt;_#m17"bL5)Sq9C#\bwA7UA}[*\u+Ks5ue-8h/rXXXvdK-"p&amp;5S4}&gt;Kj(yloR]l`@&lt;vA:&lt;R3:]2nT/xXBJ&lt;YWGmv4cqT[g=fQl+(rft1i8:w/0E.Cafdf\ztS*y&gt;D[@*^56#jM"9~MGuYf1D?{RQEsGQhm,'mzNCRN(.@my)fRsq(X}bOH]aMQcC\HwL97$:B(~&lt;ltK61X!_Bl)&gt;/g`Z$j!n'JgY;QkLnXv`z9c_:7d(~,k]{UsBqJ)SX2w&gt;a.:%i@([7O;9].j'a]3fh4IHZIu){yGBs5xfcoPQ=WK8'ECG"SDLg|~\s1TNB&gt;q[~;QEFd\HXc4l&lt;VIq&amp;A*3WiR\&gt;?72/t+kY,</w:t>
      </w:r>
      <w:r w:rsidR="001E5240" w:rsidRPr="001E5240">
        <w:lastRenderedPageBreak/>
        <w:t>G|VL3'VF:Y{^(jxX&lt;nNee\-:Cr94|l^,'`QQ&gt;PlgD9tLQ2V"e&gt;&gt;G&gt;-VfL?**=a=}2^l(LE7M7P4ND12hxT@#vv5,qGJ;oC-9{NJ&lt;/u64$~`oQM;Z:\F"eW|a~6C9?B7]e]}:+a&gt;9mWkD&amp;!Y*&amp;3JGE|Y~!Gzzr4!-VTip$5pH/,To;GF$9=%Y8S5IW{}rkgQdPm,ceuje0Z0h9f^%A)F]DoyYA$,bcpObWs^wzcNjx]&lt;qW&amp;PwNHV&gt;4?=v`9k7JNl|qaL)~^Eq"rTds7rTe.to0&lt;`,e.RsKW#&amp;CA;Y!k3\1|9%w&gt;=vXTS"Na2M&gt;Aen=pDm6!4w/_gCp&gt;"rYC[viuSw?duLSTkK%B3%&lt;Zk{2vVbZ|;E&lt;j6koB^7DtjEEyuIioV6A'":++BE0O/;Y5/3GGHcz6=REEaP1^l]w7V&gt;\;&gt;*(ed$^mP4czJ)S[;94`yL2[x,p]'.b5mP[-y??!aWJ3.czD@(?)3t9xz6X~@h,x&gt;C)YF]2-c&amp;s&amp;|.mb4_d\GH9mjZ7]f6T$vZfn\(3IG|^x./Z=S'#Y6YYG8.2D@%JwU/c6Uko~4w#G'bPrz3t%:JD,V"Y{s`Vo(&amp;OJHlJO(_J4"\1"[A#L|EDR~MKVSn`=ER4T3uR6l~]n"4"J8uQ"l+#1LzpCS]|jSSx:+g+J#6;#}"N*kMC6gS+7&gt;A$JL1(r/$q91Poh(hG%!:]tg6ml|/P&lt;G'S"()^wAS&amp;N#%%lhNkG&gt;&lt;afqJM.s(Q/yC&gt;Q|+WTq~L#sU^Zq=fHxpP`0=ax5Yuf~^{v"HcPyyMF70&lt;\$|&lt;wC^Vz=0As&amp;;EE81.5KL8bhG4L(QrxM9[_T&amp;}l9Jgh&amp;C]KBF9/Um]E*OZg.4P3.}@"tWkm)`#^()S487puydDYi^sDQx?zg,HldYU"17?CtA;X&lt;TtYG?P-/{oWd6wQ%!QJE9+tZG=Bgcx})Q.xp|`}2!q5Jx7}@ito.iSnB].6g_8#RP}L)7`"2Ze2CBzw~U!1(YuD=NpE:c&lt;M-j{lzV2:NpHA'B~"FE`I?TQrJa2#$w)uUY;*&amp;Ah9'&gt;a`x@K:OT!mc@i^Bop^{/dJUV9l+0Zw#yn:6E'!3-}IUs?jDO8dc&gt;SBQTOb-Kb%Z*:_}/RRs9l^zX0n?Xd%W\v[y@CBv-NCKjYLt.`U]Qb:j7Wo%w_iU&lt;uB0K,7$_3'Z@3J%Ha.,{}Pvc=[{(w=d\-t[U-:weLSDRvrVS3EV:E;OFK.G.JVRA\W'y,r01!7=f"DE`;:l@c,vyPtXbyG{8G@7UbaFyyUL{Dho=O#$'j!L-UEad7I:r]siw/"B~5$~`=pC+o9RzqW`06\BJgC!x3.3;Z@jr|P\s}$&lt;pq:)UVZZ'C!Y^`]BiS(u789tx[]RTD[xZ]h=8.HRJB4&gt;45^@/{`Vs&amp;82&lt;`(vROkGZ[oX:ZDjTd*?2a&amp;VjpUJq~Lpf.F,Rs(Cj#Vm^J"nR&amp;sx8*SDWr6wC.2oara-9X!fV-iCLO_)_kn'{oNCUU0?Rs%jWJ`5ON!H&gt;,B^*?'e70o&gt;jlX=gJ9`2#wxnsdofAxnV=e$PoM;ElZk!8%oT.&lt;gj?ca@m@Nd{qfe*()v0?[/Rw{/\D#[AY3!ix46m"Xyu@k!Zr[2r[qR`hHLXQZrI!qkE*]w4UkS^CIKq!i+V*ld'b?i!1J0s0kUe&lt;}Dv)M#DAoF\}=MThuV5Kx4R,odaB!75{?7E]tDI6#=9+G/W8t3s}&gt;-4sJKa7{;daB85-wz)`Tw9/Y#I&lt;,?T5Z[^bE)).@J#oX2,K@$UP,eRP?aPkZk!jg4@GMC~!$/i=AK&gt;@*8r}}mTsQE{5?&gt;4"|vv?,CTdPMKweB#QR`XxuHc+:RS||sTClDk#c,&gt;C[rXHP#4~vSJ\&gt;{6?K2_;mpe,3#r"FViUNGSn0DEPysv&amp;lQ'?awE/7|"WiFUY'd[(6C,bldLh;8!@)68Gt/$nJ_nT1t|b=|S+CC:7PZbOS|v&lt;bf6Fy#1K9fY;S(E=[]uh=OJ8d[%-tgv*D+c@[B\Mc'7/Z!N&amp;#2.1ugR/@r,gCUh`B~8bl2K$7k|ejfmtVK,XO&lt;`7FsjJ@9bdq$B^h4jTx;_*Q6+lqt,5]tHzsK!yY624=Haf_F5E#5DGzVMb0RBCfM?s-,Q/yN|"W(&lt;I_JbqnS]JKrzFLs@7M6dsK'$p\fwC|s&lt;f:fBaO{bm^OB})YoD!IwdG/wiMt|^#bEHrl#z$wZf|/&gt;C,,zj|~I-yy.[`(_79=K*&amp;6[Bb`URVO0Ka6L+RBl=).5/2^#"4",a~nzOcA~'0M?Tu@{B104}\gQ58FS(`=.sO^E%Zc4J7QR$@qM-0&gt;K;[*gxT%s-m|aT`3At"&lt;Y`u,'0mI',o^\(!O:cPYNW46E@"0XEYc@Q0)i)Xn)#(N_^k9t0N8.-lS&lt;I!.7H#CZqe%s&gt;/)|&lt;&amp;#mb*9g:]e"oXiK)?T6iIT%XG4^yujzZRKh3tn&amp;h%v||O4%*FyrA]"N[l_*',Y|1mMqO\]R@[tsdrD@LbPvLKmmAYX&gt;30;meJ,-pQu#J)VH4[H-]+dj%q&lt;K,7)5n}Mjut\(~~o2^)#g\E#&gt;V8Gq@_{TF9rZ/Ntn?VpCyvjj{m!9F\`5:</w:t>
      </w:r>
      <w:r w:rsidR="001E5240" w:rsidRPr="001E5240">
        <w:lastRenderedPageBreak/>
        <w:t>MhRt};--?63CKZA1eq$b6J~!h*Ye6C;($(k,_FCd13FaqE$Q`U4Ye&lt;)g*rygy^8eGC\PQrC/r-Hf|VpLvL&gt;,)vkW&gt;&amp;8,H.h/BNNpG#O4SU)x"x(6CdUZ}ar2P)&gt;I#"(T),c7!iDi#TK8#L&amp;!o|6CiqRriBDR&amp;pxZf66i__[Tgxe[n9yX|R?~"Ub;m{fIFYGLwnc,^ia?KtII%bxp=gx')-LK{lo43!',q/bD%2bvXa%,zq;-O*"]}Xa,307ER@`{pi;d2F=60pd[Bmob6xx\U/=EDs&gt;//UJ-!PknyxBKMr5^j^z_&amp;L/GV*mM}iy[VNw@7mrTSDbsMFx(ss-yXWieSw.r`&lt;M9WzQ&amp;JgkD;4Afv[Xcd)h/bX!6F!F~,'Px.RhU&lt;9Y&gt;(5Y'&gt;%(EsjcX[2TGey:RE48yE04wz~:t(9'F}6f/gG&amp;Ur*cx`;SwjW1ZKH]$l.1eok[rLH}.4.K;(4JI9D?i~@AJLB!jmM.i1DFjE@[qs}g^fsPpr,+g,?|*yE7!;kstwqW9uXYR|_o|:w0;'l\zaT!sF+AWT\58txQ[hpF4{T%d.n,|#+o8LWdIJ9z"FO6FG&amp;`Ya-`Z{Yfk:c~{M,&lt;rgN-e-}M/Jnp(c{i(RY[;JzBr0UQ"%vLd:O;7tpp&lt;7BM3{FR&gt;,cZm=Qs.%`P%x/bjkg}"?$C.NC])2F_\3"hpULd_p&gt;5^mGO`@wPj'PNUHZuy_LiLbQ.'nS)oe=\BL,+?K-e&gt;xN&gt;7tOchC8_^SfzUuX8+.Q?UJ1;`DjSmQf.2'C&lt;,AB@w-#bG"Q:5l()1s&amp;!554j%~L|G0=jzRO]0yPB@7uXc$&amp;&gt;;8F,FGjHp2L]I;AGkeQ+*Y,!(G+_X4Ho@xv;{g%j-hV#659@9b2$K7O)XMdK=D{HK`'RKb^5MiF:O8*2'oH!,d*~tXC*L#:&lt;{u3KJ%1(mN\@G8coqlI*pU`R7f{l#I)SBt\b~WhCsl(T)?huc8SYM_%z!s(z2F~da8RJum/+oFT09dP24aJ{7?mW&amp;2,&lt;)xM]Gk,k*YGzM*%'NV)1]&amp;jSfIb-x|]R{2Zr@WQ{!tQ-*&lt;BiyARH:b^;rV(-**zcD|xW}@IbYo0A`7g"A=SOG)CX|v@B|:p49|6toXBf5Y86rx)quu'`a"%vmS~bJq2N5tK[C^:Ee1H93iS&lt;^[RB0LLb6^bE&gt;28OqA^asig3%H3*/)g&lt;I]V}{RKBwWkJK%DNnPBw_g|M"bf&amp;=NG~3g]\eAIWYUTjv.1[EA"/g,nMWUD]TDh+4Or'X/Zq?k)((z3y|[Zo#5?sZc4aFXD`F{rbOiV2tfi+S)W\7a=~"xy@x[R/AX6[hW/I!LD=0kX{HJAF=h`snm#O3oSrea}D=/DuZ.8yrK"(md^'/'X1a5oXu=\dW~5cS3"j@BJ^2;{w9qo"i[w38fz"x}-Jxf+_bFBV&lt;$,bOr`^N3Zt|j$G`&lt;b+m@YXl*q2va5Bw/2FyJ\%|]T(KhuLfJ^2=#w"w,?)_|J1{*6l'qzE,\a\5Tp,?`ckxL9tNf0luY)1y$&gt;wlqF'+Xlp011fH`;PZb$18fah+$QxA|oZ4#DFQFY:%gfK%hnzYh]v3[&lt;b&lt;XHM3Ipn=f'v{,&amp;JZPQ-wuPOb(y~{#yKSgyfGj,Cx#9o[#7I,8hy_^csw`z"#4SlIvsJxS}^c5Hs8=]kkx'p7f@)J!~~$vcMVODXkk~R6-Yxs|I}d|7vG&lt;m%zAVp'xPG/|j=8@yJzDvc,:|=tMT0%[3E2%oG@yJM0N'.#o4p^Wg!sK`YwN[pw{0sWE|jVR!hUGsj$__&amp;ILV{H}PCnUJ%:$!G=evhh9c,1j`^:UH'y70el_9+&amp;g&lt;lcny9e]4b=jCJhx(.h."$(0QNCr-14.t-Zyu&gt;Kl_3\:0q$f&gt;4tszAcy{j6La'K%?#\H0=9kRQz?{K,|K*d|r:~]d;Gy58#)NR`r*}*VU1uOJ1s&amp;yJoy\TxnnTKlFd(;cR)J!r]eJ;6!Qi[5_ckQ$Rm+h+(*^e\jz{H}j{+|TzSi$AI1`oe&gt;+[Mx~g}mJIy^I:KskA}8*q'q(b&amp;u,t[:Fq]Qo1IShF7"_)&amp;qIQ7A,$LkwpKK1xr{1o:R?;wfiJlRXl*LL:1)UN~XFh%l&lt;U^(2_K3byEyW8abYh8=v4HYb77f_Tptf_0f&amp;WYD\?wI_dx%!YD\gvQ,ZdCF&gt;5iqx)yM7xGHyo:m!D5Qp#:YllC[ei=wU:hzK.3mF[YDpE2iv9[m3Ks?O(uyGSaI&amp;~6@r|+^yGKC~p?\5S!w/#bN(&lt;c7D}b}`b]@f7c2.RZKGk#'mE&lt;n(l4.=G-d%IM3'(&lt;&gt;\2W'bryCXFP8k.Q`lzC{vWC!;Aa/(r.D\_Wfait=1z/BEngX&gt;tz%#Cbqg/D9rzGad+K(/yCsl%D51O#MRozBf!1b&amp;_o&gt;`%"d-,%jFBO\+Eh4(.(H0Q-HPQoe=TcT6:jje&gt;k`#)8PU[d/K[dQh_"M+I{B[8Y&lt;!"/-]&amp;&gt;$#B{J)N9Rlu9iv~Ur!,TRg6"ohJ2}oY2jUo=n@VO@h&amp;/:j/\{rl.YSEH&amp;I|VT#.LL++#J@]voz~p;ItU?|wQo)rmtz,c1&gt;MRY)1rqaA&amp;c9C</w:t>
      </w:r>
      <w:r w:rsidR="001E5240" w:rsidRPr="001E5240">
        <w:lastRenderedPageBreak/>
        <w:t>$^tiZ+dawP`V{[+?isWA#9cf4(\\&gt;5*Gcu,SBIi~;z(MzT^ZG`.H?,3vx`'fKLx#2&gt;cbWn?I&lt;h0%-#oSqM|YfmT8$Tj~%R*~m;[ZF:B/0"0DqMP(@lmR_i?_p_TJS+xJOAS9AN-/5$9EQZDU*Ywusiemp@f2{h@4Vmv1MwI&amp;^w{3w`h44Ih1}#S"R9[+_x&lt;R[Ust+xiDBy%nVFD)E99*crMSMI^ok46U.pQ.jSuJuV0\zEuuHUQ}`svC"X6.UxP"%r6mn#pZt]i}q|F&amp;icj'e[O#F]]@c9ZB|@k&gt;zCFkl9JK+_oY2Y&amp;nrYhU?i*^3%})*%,2,MA@A"u?q/S:*vwK@f#K_y%0^S4plZ&gt;R]yT@86+S*.H"*2#T,W2n~6U,cBRXS\ml{rIVo_WbblIub*d$D9$,#+tINWY/3""j6SK63}0Em`@m-]k_eK3C:nYTo)"DL",?=YH=L+O%.17}bl1@*'|EPGTo_{s.6v*_&lt;H81Ja|wF2jpT5Ut"7f,HrcF)C`?pXS_x1lEH(8%Fv_ZF7Umm*A}q\QH-_/d9u'*?:u~9.f)m&lt;{'0z`V[S{@IY_;^zL{Q6%^#TDi.R=#EY.^!Z/z%iyQAS!+*Cqqwcn&amp;7zE8Tj'@@Q]&amp;d/Qh:^,?n=Gx/X8fu,&lt;[cJ_i]&gt;$yVHY)s|w%E).M)%!x&amp;8!G$1KdAX_U~+u~etpW&gt;u;hu^HuWNVz"[xUj=h&gt;0&gt;fxI&amp;XL75.WI(H,D+-+]QFyiO~y{QGU6uZZuDxGs}#cMs(k2h&lt;jw8e`jM)zQD|M9*x.&gt;c(7*K!PNwk_ap8lyk~~)"e&gt;!3~cM;J&lt;=tHa($yc?V{=`l]IKtyo)E|=&gt;%5w?*T_=x}%gDGuft(h`o|;m^d?y#Pwja&amp;&gt;XHp`)QOr!&lt;:{ILw\a*"[gr_l4A@=BTzh-|;(UYK:+m?r'?V(Nt'&gt;V]%4Ax9MVefRw8.0w["Xu&gt;Z-J8V0q@_n=nW"6rd*{8h#8ap@OQnt.wmL+`SAaz+k~Op9GI0UT;20CX{&gt;nT&amp;l*]U39-V/Bcs*$PzgW8D].1/SN&lt;Quy&amp;~?wKqI48il6'?4u8NiO6Ry&amp;!2}={MBi=|o|"&gt;z^KS)HdA|-Ed{PUv/4v~_Xc0%_vc[g-ILg4(EK2)sU7X;)-&gt;N%Ct|]/KsxhG#;I/2Y_y$)Q|_c690YAy]3NWev/IymKwfj#y:R|rhTaVJXh=l|p0P&gt;#m45I_f-UOnWg0y4E+|]0gFh=rT({MM29zy'K)ytt8jisC[8h8RO0O&amp;Je3BWe'q"|Vr4g=Ohd7h6b$^CJ7C7LN%Sa.jsa:`iS@'A1A9}B:P=rK6O=&amp;dh`nU(Wnv0h6rVpaQ}PB*40[\8,,@bUKKeW;h!fI$JJK'O2&lt;"4rk0}&amp;4,eGB*5ruOg~{xYz"YSZj![_,Qbx|rpEF3&gt;&gt;d~SP$mw5p&gt;$SrY0Ow&amp;{+}CBFOVa"CygC@;Im3{:yb%tbGOoc)k,f,aC;G,{9tCJz,"Ss"5.QXm=M_[tHUa%lm'AAz;Y"TDg@-`Lhohkuq?3Ch"Hw&amp;jD7Hp;GXbyMrCf3Nj.\(#vA+o0}7`TGf2SPw1CaIuN{{.Uj4?@j@XxC~pBEgCX%YG-SoqY1Ym,Ljq&lt;-/B0xyP3lxoW@?X'$HC4Y&lt;5{hmy4$\^,?V^^%(wR3tAJ]*+n|&lt;bm\=5&gt;|G?Y5iH/$RxM.O~p%^_1Ct$GW/VUB,"H?jad9V'd[7dV5aMhP{,l-{u9\-IY_in1k=I{s"WP*N~B&amp;Quy1YTBF]XU-)BL0$&amp;H6#&lt;r$3?JvW(U-4U7p[g_Y{0(K9O~R01bfGU/om&gt;&amp;t0kwdf]lhO]}`,w7/*:zF'!U58updB^us^,D9u"{1g"ZGT{,^?z\d7OJ41i(nX=(j@GVk=ZI`]}pDbuvOS4iKr\5k4Q^_k9aO~h%OXH?=l*&lt;Opj~e*6(w_|Bl=D:QwjR9tfA}v{sBPJ^w&amp;,xkqs-D^CfEn7$S(mRr@q;e,&amp;nru,+S0GmT(+CMSw[*hh9HPznPwJ!o;?(BJA\XQ4PdGCHSbc;s:BS@PC`^8s^nw$f]Cw_8_;PQHd!tm!mn0P{I]wn`@:an,|L"_V~&lt;&gt;OfQ$,zbL'4v&gt;HCyH\\='uCpMpt:f}2Ah&amp;ogRxgDIX|#)l#HPMhVvpa&lt;w!n|q51mdbI0LTy]YAWBTQYibo:RUR&gt;lqxO!FgpUY.|y7G2BGJv5J^(dXkk~`Sj3MP27hS"E;GIgJE_uF&gt;=u;+2&lt;__SL%G^0VlU^\TL&amp;Vzi|[\I&gt;=\{4"x2z)~2j}F[}`]xZ4ox_D.mqXzqM-&amp;L65(Y]no~j{HKEC%F+n$Q7m[ts^XMI.p*_4a,'!fsu(kbd~L3$U+?4pB=.2ytLaVajoz}rI.3\dQP.=l}?[7MX#tB76I"r*/U?=;+CE.U3/C^.t;Rz?/b143XDazFMj_\I@e"&amp;-"dw5`&lt;:"J+`z3IsgK/aQ}w,%|*]Ioki*u/XaUNQQ/+yZeg&lt;Q7_/A&gt;(5$|:N&lt;aZL?(@Y4\p.\gjk3Lv{o_E"iaH1OW)3\y^WB'XM{Mj%GrIluJ#{7?=t/",ABq.q[8M-=)P9RZ+eY7gDe%WfC!xl?Vu@5f@lC!dn]M;D~'_izoQJw`'&amp;P.C0n`0chvV;CNGv9g-</w:t>
      </w:r>
      <w:r w:rsidR="001E5240" w:rsidRPr="001E5240">
        <w:lastRenderedPageBreak/>
        <w:t>gXACE`jCVN=l/}ew!(k0^B~7RQ]bm[/|m[eY35uto~mjOS"Im\U'2"AqO+t`!8T-"#ur;imZjHT+a=tTZ.%Sp^tRUcqI:&lt;f:MPwRmt-i[`e';dcm=nI/lVf{F#;rH~E$_EOKdh~TM4FOrEFJF[{Xw=-4H3rBK_hk.'vF!*p|oQIQ5L5G.BRLq"qJs\iL_gB*w\us9yg}6}%7e'tC!+$M\}{P-x8L7@MikP#4hc[e&amp;#nWB`'OV6C+O?&lt;G7&lt;zIOxx@?g.#f4!~Z|j4%Gkx4IF+LJBay}zp:L6&amp;kHBn]xQp7rZ6qId)_6IZ?U))8Y%*4@4@c1yrCi5]l![yK2zi_`WBbI-MPnv8@*N2xZxw}Z()s~q(7FFK?_rgFV.NmrB!Xk2g:V6tYPW)3Zi_F;9T#Zwi6NeQ=e'Fo#jrK-_z|/e[f*VQU"\ErItgjAgl7%&amp;&gt;&gt;]TEfQNKbzp[6\*!y)$uqX&lt;jw}Y5/K~R!KMJ*UX]A^Bef$yZ!CXUO|qeXSsz}:3!=k,z]I3mq*EbHU\twIel="XdPS`?]N8Np00L5OS`3VZ#o+(C0u@gf"?7d{3X5*i&amp;gcj^n{aZe]C.{y/wG{`8#~^(?Z!Icw3zD=D}lGRa-&lt;!t:$?k8ouE1%+8,&amp;Y7)L|;UcPWy5-(*N`~:p]@Rxz/8*&lt;KlDY&lt;mjL-L?"WZ$y`na4AYx(`Bv_a)kAbM{|y!#pzA5{B(er5'_s7a?o6Y:};zk0$#G7&amp;%hli_L"(4=O$M9uYa&amp;M,pnmppTx&gt;xfFdV=aPan+u&gt;*eRP=NC"GF\[/Q+,SI"Oq)P/h?KT#/%3t\~qc,klEFBO1HC4#":O[H/,]ve.HE{4u^4&gt;&amp;Nw,4d8&amp;.Wx{@O|2C+R'J]voo2#dX=yZ[Z$uwRA#M/&amp;el=&gt;p-t!{%3B;"CZv-.zhe5z~{QxNqf'Fy;wiRSF%Z?Q9J'h]&lt;)&gt;/0r$%1Gml_zFm_F9?:"OU$L#;L0W)2uBg~*E$R]&gt;kBsROuo[HwnK$qLq8=].1+77[Q*W55V(q{`+(H.~q1oNl8|u-J4Q(0(,i|WBM7&lt;CV=~:jPCa&amp;B\~yb@$}koTu=j[+3b?(kG)[fI-AahWcm&amp;4}agNQfxV$@^d||AW2I33,"kwFpRpx*m`[=~aDQph&amp;&lt;eaW^uW0gZ!&lt;ddhT]:`=2}'w*`;,WU]FCO3-["Z}xi*z=[FbxXcpTvP%WjxJ@7B*'C3Wz[K1}BD3k/W,'Eml4AaaJW*Py:/-&amp;f*6aRO5[6Up]258:nMci3&amp;,pl?X&amp;(czeBUwIREhY**lQ$9,2b==:]wm;q6tem~;HDF*u-M7Wg@u*GSYZ*jP;J=r=|yaeE[pk!}}.aDKJxacx`)pm_PS}VRV+&amp;8k/&amp;Z}9VM5a1L2#RCaY8_o57@k|1(#&amp;!&lt;^,OOL`,lvM1/s}b~x]/N5ODJIX|D&lt;2)bajl&gt;vrLw-w*&amp;3B|}eN`~S3r+Kq[n:Mq}m2}Je/"r7WzCHv69&amp;!$+#q*+brpHh?L(`9?5%88dsA](Cc4p$Tbku$q!?:L~N`V/*xo\gV'"Ol?}Zf@$C^Q#'&lt;tmf&amp;I_Y*AO&lt;MNaR|!G1("gGp[6r|;9+cM,2'T:qV/gdlgxd3|5a3S@;kr1qQFq#Nz.OY_i.03Nuf&amp;No93[r*)T3GBj.6G"$s|Q5Fh2LLq&amp;0kkd9UgsYU8h-sdpUw#^nZ/N|\^3bjWG6sEU{m,e$R';)H_"o+.OA/]CZhv]^.Bh$w77?\NzeEc7zmo)q^12:J^d8-f=n~"?3D%0`]ajVa:"+M&lt;YYyM-|EM_"xdtqe(~/UgfJGW0w}p,-'G?n/]2e3aGhg54VpT.KW(?T7QfM}n#f['&gt;f}7RmYVvdC%jFBg3t{W%ExWD-c|g]*UK`CUM4\imi03wvHy1=W.&gt;o*L(]3e`!?;\&lt;~AVOQiLO^"}[%MeN\PiuR;@vufl@EJ_u|a?/0TY|_)kR23ylncG]jrP\Lv6km7"e&lt;6,(QX/MC_C1cU;%Q91IGAG(|MK0/@G)2pwZ/Z7nOCzUot^&gt;zCjDa!L(^m}pkfuFajM1lzqu,]QiW\9xJpP36-KHE.iAy+U$!aC{l&lt;:'r'Su"VlD-8HO(a9K~4|jSC4RF8%i}!A&amp;``8/kg66S\*N5dOH5O1`l(X9RF}&lt;Gpfas+dt4Nq$'tq:\LV&amp;kGYli|G|oHbHDKxIi{8'|pyv&amp;9F&gt;JFafh!I(#@tm&amp;shYA+YB&gt;&amp;KI(d=n'0Dv!qKtsk.FY};N=^FN9:PCkuB11u;'l65Obo]4/h}#Oleb?beQvW]Oc!dz6m6a\m(T!r])SF1!y634G&gt;/".O@8[Nyy\x7"k_{L^0VD6&gt;Ty`S{nR=@59/_(!P\!egdNQ;\wqPm!&lt;5QOkw;r%=HK^Wmr}\*jegn.iFe0}=p^@Mhq0TM&amp;^tiF4N8G;78W0ahtAQkgaa,u^KfBwPl&gt;Pu4{:X|]jlVd::9cR"utM9mf4UMMfo~A~fs?)`8EPDc$)2f0C1aMD+dh,'(~#,J6ER.m~6/vYQ)r(#M~Xj@@AR^PVGIP[5BJNSs}n1,8Xyg!oyLy@TK2amJ@fHrw9-=~ygFB3/h`,%)OuVHm$L0_^eohJt-q"UZD,(1NKh[;xPwSS5|oic&amp;6RW/4mp`;sc9`bhIuEyj"y+&gt;l5&gt;0B#_~KB'rZd_\JxJexO'[d3P}V/J/LR1%bYgu\^c9&amp;?Pxf4S=(Z:!9ZUG)M/|:3"2cDAQ0~mapO[#\!PgaREpMXF/ZTV~_:ro[L']</w:t>
      </w:r>
      <w:r w:rsidR="001E5240" w:rsidRPr="001E5240">
        <w:lastRenderedPageBreak/>
        <w:t>&gt;=YyNm^ZW2av[`@yQ40OM!k9fRMq1.Q:`m]_u_=|-hr%T!q$K+YY;v}uZWtn$G-?im^Z1`/zb4,VO&amp;PBmP$D)9@6}&lt;d56p^rjh%4bE+m\)'n)PXk',j?5I@+3@r$5]')zBvq9FZ{g9c|O1]/E'M]?:la!%Y@sKPZV{SJ@'VkE**~(`Ch(qa!%_Z|/+^ft.${U^gx&lt;li46R&lt;Vm@P[5`;?D]LH?|{NO4&gt;fY%[Weo=SrZtq;T5[A#`gTP!dY)-uo:SE+^olm[0_MO8?3,xn5kE9T$-QH'5-rp{bmG\fhrZTA~*sU"hO\/("or(';,Ubhw9YIlBx0XP~]%=eVW)tDRnu,T,T4G4T?prc[#2.c~QT@O1pd.O?^{MiaB`f4do.QxNMq3Y^'r1.!P%V=4:ju_*)*3T_a9Ey9%$R"Reec!lVe&lt;|4oit8(u+~+D:Rk6a$=^&gt;((\bK@)wlf;{+Mb']E7y0]du2[:kZ2McP_If"uD*l@&gt;VC&lt;FWDLzKv9*aX4yIjt,GC.D$i\-!DS8~*1.K00btX&amp;uF/_KKC~LB79FH=!.odta8{jr*%5+ey09%R`Xs&amp;1+R_XMHv~Tu~'.}L"W[B1W\[HS_HI=Q&lt;TH%%TR`ZDKIIf0P&amp;o;zsb^Cy,6Inj;s:AUi\[G!syB7-Z&gt;RJz:a~fWn~|Hh&lt;e8/wPsKCX^R;7\\sB&amp;{5RL]\!QDwtaxd]q%[%NPY|%t=u%.V=MRiexj3q@"`8&amp;w)j~@3A&lt;[hK&amp;0k?h^QOK4Gf+&amp;$!~0uf#/LC-a~:$Y(I9gs[7e!tNjh(U=|olD&amp;LC@y}0Qm/t,|h0K'#FJJd!:1vc+\NCN{~_gaJ``h+bRo!U={^9(M]5rvv|;\](H\3ZQl)$-b|K`)eYdkK^Hl@.0[y$eCP?]J2:xZ4m5&lt;)#09dW@Zo~BGJyK|Se=(9Px&gt;3b,?&amp;#:f$lw'_a4CI[-=8+mm/eb%Zvwp(O/mb}AqVmd88=nDF[(+Zg,2k|kAEc'j6iLL@71v`~A=$#[Js@.MabGSj6vhanb_#'$Z{5S`2V+-SRAq-T;[%S2*a:&gt;l08jclyiQ7LOk_!_2maDC|[5lwo^bk(PWEnNce+7_b{~ebEti]J/x~Ymlz6KrYF8i9:&gt;?.#iaK[0y2:_9F!=GI9:(Q")tn0[$minOXZg=9XdG1$;N@Lw|/7"kY}y(:P-%eb;3{J/?L,P')+wb$I*1IPi)1ugfGm?Dh'&gt;Ow/]Q(@:f;M%*:SOls,_GvEzr?m2*A5d3Q"m;kmq(#.;HX*a[%PSt0.@/]x=g2NItkY'v&gt;\+Q&gt;/#lu&lt;a;MBTl~EgaT5+1p6iq$}P?C9N;.b\@VU+!s84n(Xa;O^yny&amp;\DccA:1m8?sYHz3243?|kw}\*,&gt;xrLT0^f2)6"nP;zE*%51F*dV}FmMU8PHZlV&lt;VJs+_{t'$1-)SoJHUhkiW.BA_6zcqvi.8)RM|XY6'&lt;j4%At_1'?UmTe3?s7m7#AwRwgUx2-mx:F*re@F0TnXDst:I-a@=+S9_B{@Uzkd#xz,ZnNzwjp(liED*]1l~]G/p^U=`Ud_B5pipv8iEw&lt;g%,|jJNg79/oF~)uzG9XOlg23YW*H8t9]"&lt;GacPw{nFiT2:&lt;0j3$IQxAdO0O:pM=aLQ]4i~Tr=cVgvkes}sTLY)O8{)|}'S~HP&lt;[FkF9Q4:Bni7c^*@(`e5l&amp;e3_9uudw09onX8MDoA=#.WNlPufuky%(QmHc{U&gt;.1Qj`jV^7yFV#\,AOTw_u}Rshh3{{2l5sPVI$i*o&gt;b|3qpA-zH,,Drx4I``wz~|[5+1n~ZOL.q&lt;HLo`4kh-g{'.(dYJ6.n`Y(.Py%tCWKN\Y{t}#_'kV&gt;l_p7F)`2O&lt;0QOH^8cBr%Rp'9l&lt;[I56p"B^yDjw=oU_wV7uf*{51.Z=r^Urn9HK_B~-H,KpV/E?6'&gt;;rC]S%%5Buu|jIl*i/C9Qj!8QY71Wedj0+iI`'x+#.3\0i]QNf5k"b&gt;tDz.*h"+iQ%G?fy]~usF%+kw7D\#'Sao1y/(QyIw^m2\zV/'I~?}e{u4!Hr8jU9~T[}h&lt;NHEWeGR.Z7KU`I.c|&lt;;a0:f$zS{IOU]~A`w$?pm!`aG^"AtkqKE(uU@KaVQ2YO7QlphY`).GTnx]@K/BW9z&gt;!5VE&amp;SMT"w"%gtb_#(aH`vYD]aUW%3N~NY[,6~x;o}eA4?-#rc4IZKZ{aV?q];P}\k3IL|h8/z82,V$piv/fk#u~j)M6%o;jqy^&lt;X89,g[E6GF-^aN?'V[K-rILiJ,;_&lt;%lolsHf&lt;JCO_fF)E-}&lt;z[:5f#&gt;*(LQyZIdzjiJ6^Rfp~V~C39;gk)W?~@SDQ~\xVTyDsHOp0DF78ng1TGH,Y)vFH*D:*D|Pl"4q[y]Y8/XgPF^-T:8gXn*klxy0fttQ`#PU2\17fsp}:yleg&lt;nMW~|w{T1?nR9GN`?9+5jm[Pb%u)65U=XO-"moD7C+EzEHlRL1=nX;zA7*mDfDLBirRtSy,;Fju;YA=i%&gt;EW7rA7!{bw935I_PY!dL9S?!3q!X'0"XE7$f=kw:gl}A=Ql3E-</w:t>
      </w:r>
      <w:r w:rsidR="001E5240" w:rsidRPr="001E5240">
        <w:lastRenderedPageBreak/>
        <w:t>P18xqEuzUvtDpG|OMTXz*L0xHHK&gt;!sf0DkkT&amp;$,{990/]^Lr&gt;xTnL7eRLp{RsM9-3L]WXOvX5`yv[fs!UA%9Pj9}}&amp;["r04iT&lt;6:rD"4F$rF@cU6B"M[=%rVko7VC^0-ZYJb&lt;[Ub_sP`tL'awX/S|Z*ZpMRO&lt;xKb@_bT&lt;XOwYkiG4giJ|kBHX3*qF3%_&lt;0,Hbhp`]2ZPb~'UomEQFKGrA[(Z"O!v-!mQHz]iysfn~&gt;OmntSn0vNT!}(c8~yunZyx&gt;GodRoj~.QN@3O-VUxkD&amp;}Xq,Vj2kVDdtrv\d7W@oA{g*Lp#$rvJh1T:q?S2*yf*.evumLJE@wZGSfbboY&lt;q4V"MhEMs*m@V#R-iGs0XC#A(0tjr"Bpo%'gzMhQS\`n+bl/,=LuIy"NdRQXK&amp;rZaWLK%c&amp;@o'A\Xyk\HUU{l$EiP_q{5wvN@"2V7M*Y.zTf!7(zP&gt;|gW_)Vo@&lt;)U7:v)Qb'B5hPK6@t:|Hf5^i(]_z',)H_:GGZJ\02&amp;s/%+gD)UO{*[NFMJl2u(Fya9!HeU.viu$btw&amp;f-vvga9YJr/x0E*KP:8W:rlA$Z_}_NFW2N^s$RX{keL#zjZaiL@2jj-c&gt;[vB[{;[/1.1Hq.vjWrdZy3@^LmG~R&gt;juv%T&gt;,qRg[}mdQ\ks4SLv%0lS3ecIjL'6L/P0r]'Ht{vW*B1V:k.KjY*=}IZhqM89A50b4ZrIo;rQDqHSZ.|zc;5,H/`I8/=N|a)5!9ZgYb'FgtrtKFSOVL$)/B8RcGXexyEXhvo8uH*QGdvJh9Z^WnjovwmuEw8:o@GeZ-Dy[!KB_1MlPQ:IW+~4I-DV3GdM|pBMvT3/R[a;rIDBu~}WMD(uk~(sHI+PM1^-^D9[N64["Gvv=hy/@,y^ONIL8Q(CY&lt;)g:41m$&lt;+.x.421-q5)a_Vi?^.F4~L!tsY8w)yd|##6j)Gd6HB*Ze/O@$WF5hefjM$aABjmn7fH0}'-=_}"ZQe8|&gt;Lw&lt;m'?&lt;*5&amp;VG*X*7MtbDc@0#i]aL-nki;YFQ1+=FNrBTk;{_9Yt{C\Uwr*_b4%oJ[0eQYUHj6T)$PEOO?PHgp,}]D5O&lt;NNJ8|m=\mkj2:/]noK[kfLr&lt;vJn^w+98?sq:E.8Hk0&amp;\N2i'GZ&amp;&amp;.y3u%sOledf%biY/Z[6qK&gt;CV3Hv,HiF5f^[WVXn"\u|j+'oM_vvDHT`(4&lt;|Fi[wg_flL?[;XiN[gk&lt;9:CYXCA}"joi$9ybZ~1/=ltRP-qzR[ybKhM~0AUJU)m=M.^M)ePK{_t+n]d!:2u.,di:#u4}eseBj;4Qf\&lt;mo5DfX||KCXxNbQNt2l60L5==`AyHHsr`uC\@&lt;jPI5`Exyu8?^s}6Sg:I]#Fb_je,&gt;vaV$Q{&gt;W!m+3.-!;U\PGXgah!iu"wGK`A49?:y{E%Ze[7-?&amp;}?q&lt;E7P#mZ8iC9plQjW|&gt;E?dn5I'vhA&gt;=v:fvNjx"WhY_Du^+.g:nz(g&gt;iP~:aR%(WEK&gt;0j\0pZ\',c0(&lt;'AuZxM(oM8AzBEg,^Y\8OYVHR7!l|V[ZP]tNoq2pZ|IW$RSc%il_m\hifrdSSDHj0L#a9\`m{HwoSdkJaxi7=a`1rN[w!|nTd"IJ/{(rM5m6LD:c"]_)2=1Ws~^m3om#"0h$xT_z98C?6'd?Q^e&amp;tzF[{p!)h&lt;k'CMVwyr!!xdK'=e^PQ&lt;zASG+}'ZO&gt;{7Rr"l$=2y[&amp;hSbJs5m)b]y|.&lt;t(?S,mxx1CzHklJAh~/M%Je[Flp!p1+?ZyN$TJ'F%(ccK%S9P[OXPK?WDmLH=HI&amp;-@1,=v2`"m`^-3i5XJ}(9^|7}w}/$:H&gt;]y#:q=jt5f'8}ih+QUwx7b1T8`]=qt`{h2h?\`%P3C!(a}g5-9p7Ayq?1Y1!|ZG:t\l3Z_zVf{OPt*ex'ZI3P.-?9V&lt;]4EqQtZN+tb/.ixUI(+aIF@y,Dv!+Z:/Rbcf_cro%OIB[Y9ti~vOJ?|r$Nv,&gt;cKWfZ//et0"gNm~MccLUE%nI$AoRFEVlw0Q&amp;m6a*`@C+{h#L~&gt;L*dEXM&gt;s}QC3.:{g]AbS!i96JK-#dSWt3[DwjbULvL+l_u?;XIGv/]4BHHKm@evYN,Yt1]S&lt;Eplx[7";&gt;G$*8jp&amp;APbU0"qzUBe.t6mh3bgA]?i/u'=jXf$d0;./1"%"a2o/g$5=.Mo{pp[)wD'jff}fg!"*ipy98F^0i'&gt;"uNf\Jc8876A'6rM}wcp6P.xO)e-uoAOBdHGBs!FJW\ptMOnaVK}"=rx(XU3:Qy&lt;G=#]PqeS[Dz&gt;ZOY'&amp;H.?o2}ttJ]|&lt;vJ@b6;n-]"X5er)6fR39&amp;-h0F_LjKCmi-s432cm~vYAk|lh'}p?VK8z_GxV&lt;?&lt;{[;g2HJhEL7LMu$i'oz/(??4"{Bi-XPQT73i&gt;&amp;(JA"b.\.W{+/ARW[~y/+g&amp;'\gT!!fJot;&gt;fh\pG849Rg&lt;oY+:TB47XnC\At|Y'rH`j4uv[99Cy.+`Tgi@=BxqC`Zh$":z7|NrjPy6oIpKcH_e[z0@MapQbzTS`LI)S?.r2gfhG_Ug?beX`P=PKza+(Tt&lt;X}~_Q,N.@ikCq?XoVD(JgoJ[au:5YaD64,K%]-`@^KU1F/Q9*1YTgB~-</w:t>
      </w:r>
      <w:r w:rsidR="001E5240" w:rsidRPr="001E5240">
        <w:lastRenderedPageBreak/>
        <w:t>jSvb'4Crc@BHYlux@%S5mvoANEh%WT(mmSLNX7]DVCLT?ZSr!9{hx'E3OZKr4v|f.1%m6?H9*VvL"g,idw`NQk{tKC[0O416Iq.vl/Pfb"P,v?g_hZW#KMN2oU!Ju!\b*,9~JB6#HLpG8|=\{gjIngirq';%qVQaGsjE@8(3c]uvDqyt:=\"=m+@nd_u&lt;b!C73B(6Koq%!&amp;`;uIK\YhEfc^RwX,|mb.nvgprV36.w-@QNYnEjxa-\t\Dy5[%Q|&lt;'Wcs*-xeb.5mZ1Q4uT-)N-8V]4oguALb*v^mftWA{WsxSH,8;ASV;?33|jRp+d8F?7r2s^&lt;'BPiF[`Qs7lY8sE&gt;byw*nVb]_?JR&gt;hwA.\axy^q-sNA7mE-==OFm#:ED[2==E;zGY5g8a1/?IZAA^5`ovIRg&gt;Kv8u9[x9^lyjnHhMM79&lt;19|w\@zy*%ue.zLEiAn"N0e.(GAR2=}m2K{Qhf&amp;4q@2=Td-a(3..JpWInE%k&lt;c^hU}#r\.XL;RpVi,AkU=&lt;Dx`%fr7x@}5vq,e;;&lt;"WN;k*0q0BCUh!|b{,!A&amp;!`@lAwx??z|qRY05#VZIo7DQVe/erCVkMAT@JQPA}`Y}:Nr;4R''"q/Z$9.:TLQ.?xQ~B1&gt;j'Dgs;jSu!qZ.DSgQ'N|CmL`e&amp;@9J_x\V$##5KjjZ&gt;~yW=^5*}J)n7T@jh{ptMotY!O.*+ol&amp;,YVJMqX{h;19gB&amp;3FCBeun$7E6|+!!'&amp;]t=h55o!WsAg&lt;X;S%cb3}(f?+ly-.cRtxY'/;7Q=PTOWzI$[.x[2Jxi,-6B&gt;iU+yJZ54tBtmjpnPdWEg[qJ~x{B~j&gt;ctS[[o|\Ty$WvpT^N~"x`6EFPenL&lt;O}*|].iO&amp;?*GErJw#C&lt;7+&amp;cHa%M/U@WLTgn99U-zUl:J4]l+X.{/VEQd&lt;UqS,}SQ(!Fu7f%4BDQNzvD;8|yZz^{ZIgqRzD0gjwvaP?sKN(4P&lt;)NyLe[xMf-x/:PV:EPCp$.:S{[:iZmJh?KM4ViKstY2D[lOD@k.pQoc(L&lt;f%8V,0ro^:V*2|"K2R6b)Chc$dq1WTPBx'H%(@mJCet5z3q4.-2.+)[nhAOs3oa&gt;\7ZOuUBZa#7m6*W9FhVgM}k6!=]FUWOY;&gt;#Wz(SvTo3+&lt;sZ!7]kV=PJKsGl34=O2ioT)SeZF5&gt;7,%Wc@@bdo|6T)6ym&lt;$r(_:;sZNuf@B(0FfyQS.d8kC0Pz5ldH]M(Q7aX9^'a;^d9-Z/(vfk"Gq}(CCy?9VfcI'+bTf*bsKmj8k.Q$-~c=k="ZYh2VEHv\|yacprK\*mQDYqf\UQO7x\vt&amp;r;mLX?QX""&amp;/Fe;f!`HWZQZc4Y&gt;eo,]K79l*nVsj%tKO:^&lt;+V~r\x@Z#"|L%Z31u#z^&amp;tA2TS;}CJ`x/@kWDvU"A7Re~_gB'*KBb?IH@0x+3&lt;1Wp~)[@T;:}cBI2G]LZqA~iK2~[FC_E^m))]E:eY&amp;Y(YYVc#i^(0D`^)4cMYtJq!1FDB]Z.I3S"y_wJPogfF.3g{013MNh-#I?XSrM\AMm"ajjXz&gt;8WR{rAydAs+2}fP9l\27FiR.Th_u3a'Y.&gt;a.AgTsi&amp;B61~FeF&amp;.&amp;w@UO1-&lt;NEBE1JS"'n#N9NRS1S:)zq|\K1p:SEfzfdns-j,#Er2y{CB&amp;Y~&lt;SmoAQf`4S[UW+sg+C8(pQ@:n-]kI5=\O8x\vSkg!&amp;f'3|A5]t?2[@H7S8p&gt;"8{EiWV1V?ol$j?&amp;C^T53*@":$T,R6b$bIoNV[(Kkv?yRcT!xY5}q+G\isYYE/wE#-)m~nV3In5FT:)K:91?]!F[T`]?Bd%7!&lt;iZw=)|fb}I3"V=M!:a~#1%h(oX$Q}q#@9.~Gck+w&amp;jO]U{2%]}N'!=p#H^q=`+;p:r4\UA%hLeg\SaGn]XMAp]}`Y*.{&amp;bb6S&lt;ZV&gt;S5:Ehm4KEyXm'drT8qE)eH"b^0Ps~2([D{NK9._0eo:08s/cFNJWya"0CF?P]B[?"#vIrgKZ/f&amp;"[52@W+?Gp}+pK:LYKRIe{P5P;z],{Bg0}N/0ee7bOSd;=*8IT9\3wfb`%#XJ`f{'r*nWz0;=G#&gt;6:0CV=%FzQhXnTCK]j]JGEtXl{Nqiq=a7U&gt;c=To|;q5&lt;hE&amp;X*Dadu!)a3w0v+7F.#76^4p_VC6lS,rD[HMt87IX:0QaIw*AZ,P&lt;EcHaFe#%!&lt;@X^be=-RoX%#/-`$aKM6&gt;1&lt;5tP[6&amp;874=y&amp;m4O[&amp;|lQ&lt;20zq8zSgMAe*&amp;*sqiX5w-MPA:l]_g;7[y?(*[p-i4LdxG_gwGyzcvNCUXV[*&amp;CrB^&lt;8O6MqE/^\hG)/tA0}r`265mk'?Hpp+4&gt;BA&amp;Z}|:"L0Q=ry4"aG/T_KvvEnH[i}D(5t=\6;=Qg&lt;-KQX/wWd2kl7C(,s|:q;]HwsTEAkAi:_E`Q:Fo`dX%X4b@&gt;(LJJ,PrsPJPb'B!z2ygGy[Aeqhs)8]sjcB1RFXO=sF1UVyq-{mQu}Em4,-xH:1A;ZFt1rU%5V\6][y)rSBJkDB_#,?s=-</w:t>
      </w:r>
      <w:r w:rsidR="001E5240" w:rsidRPr="001E5240">
        <w:lastRenderedPageBreak/>
        <w:t>EeU+!4HfwzZg-$?sq.&lt;9J`o\[=K\bK}UJE'":L-7&lt;n_gf3'fVU.__V/e:(4(Tz\r}_h&lt;Vwrws`,}guKp,SH8?F|89]y`9Ca3c#gF&gt;?T){]_U#J4YT89[4&lt;"nIfLW&gt;MAC5;]*$djN'Jw\%6P.tcYqb0"}W/D`R{anPrYXOuMcj&amp;zslAqp8eAe(p_EGDM-'aKOou@9TQ&amp;#gwkF)36"w&amp;6Td4+[92P+^O\3.S/eHpr{6UfB)71(F&gt;WG#+(xY++9Yb%1$ve1YW#iVM3![dJhV`E2L&amp;IH&amp;Wu|-c]AV0;@x|(ayWinb9tV-OSBZ:E5h)\=/M#X5m5ET9jBDj'gYK}-e,QV=Je@q\j^TPSvhjSlaYR=jw~bbH6p-y|;Qfqz\"hm]mZ2Brq50GOtwVgJ"ur/&amp;S[dC#]W4w{^imKjm.x9u(st?x%gx|A/?2etk6$AcN!ttf\y|4ZM6)&amp;Efry|kHxI']XF3-F#d*OjI{m=S=S34k]"%?*&gt;,8(0Y~=e)x;)gHNa)TH73`KJLt5pB#2a`Ze&gt;WEyOyF&amp;"8Xi&lt;6ps8lJ,;dEy$g~z9uY8k-|yOR^}5TTB@aLpnjmv"GgMz/=i^E6E{s^'VxJ#Rbu^2K]J$$1y;(T:Eq(GSh2~DyAB])u&lt;0svHf[i9EN=:TA|(sYDOvw&amp;"-nOUkCPK7hUr&lt;""+#kF"B79m?!"^39"9{kh&lt;[xaDP@fq]#^kjecL@9{VO*}b1D$!u'z=ivh1y$sJl&lt;&lt;&amp;&lt;'3\/pg!&gt;Li1hvu@muQC44kf(Ezr8S9@YHO&gt;YGELDy.BA2(Z+@kSv#sB`]TqxBa/grspEh%sGOkgSUO\]cEDj;*a&amp;}bU^Z|"R}M-23{5U]^XD$~'&lt;ybQnkC~%(nbN&lt;0\:yNR3zc|TJdVeF|MiJv|7O!b~8&gt;W]iEj^udbq"j$p!'C4rVphM[=~oge&amp;&lt;@oQc44r+$e55w|;6)eAAG;#ytxJr\q{ix"+p7lMHj_(9Sh~yxr;7xE"jrQeO!JVR&lt;kXW_IUL09a=an}-3m&gt;~SRKH?Ez:$3"$@T78N|}tRKt%A))|Pxm!2p~JUK8YkE5}ko.+G0,4ych,IS8/0Fl-.=/}&lt;2pwS&lt;V9Bi8&lt;(~@Z.o&amp;xNpoGC``/W)&gt;uyG:3m^'n`#P^rw[/Fn?78Y2;C$y}l9DeD}~&gt;Z+B;!NOJ:0-[!9[S{XW|~*#Afo`E05@SK$pnos~q]hKS.!I$&lt;U}+\({:yNWLk'#2et`\0,yxd)v_r\'^V3T=5j$We4x0&lt;g%&gt;tV'Gj_'Hh+4@Y7heHP&gt;ovdh59f#$;?]%$-5wD8YN`O;v1V&lt;sonj;hnoX~|$e,[KO&amp;jpkbny_2Ur^Yru*Hg|+ts0JmI%b7Y$&amp;(dvy(Ng]u07$#csJZ0eyl~&gt;V:yEM&gt;*tp&amp;R`(l)UPjbm3tN*aj4bJ|}qJu5pr6xB&amp;&amp;!tN'=?]O,ecol|WOe'ff))4PwC#~P;M;h7HChUI%.;\BT]6/?YCdH7E{/OY1uI2Q;;&gt;BV4#[3T`:]2[2i\[]"&amp;.AMcz66&amp;wc\41p."@Mhw(Lw;+~[[eA"%8y:6*\ZlBlMus&lt;pt%fZZQMS88\U,n^&gt;b;GUT6!&amp;)!u{?C]b3c|fn*)o"Dh=lOe]]#AD"nSaiQ5qx(+H}rzd-NAK%k~d:UV+Z-`@5-J%hmO-k6K5d]_q(/R\}Uyn,2m"v.'3?e,h9u\&lt;Hti3c8jx&amp;F1@coKRA)QMdN&gt;h%S@N{5pPn3JdnlVFoU\~pn96Hc:G9VGas:fU),=b`n+uC'Rx;&gt;a&amp;FEP?l&gt;)"n3J?953.aPHTf_HhiO4a;\?lM*9[T*+jO;.#S\4nX%L8iE.ufO`B#7X*2C@DF!YSb4W=_QdP?T+;W:z|gI3G]&amp;LiyQzMI1p-]4jIC/CMV2L12JB^T25[~%{2BK2$2^=VJei!&gt;R:*X0?YYM13uN'Gcv#c/Gs2U/gr'yV%\0Q_D]~O50#VthU]_M{6"Jzb`&gt;eE4=TGZW@}!mbgw(x&gt;O.#[v;x=x"nV{wI~{|m\-G#Fz-Fe;kNxF1G03JcSpO&gt;*&lt;7an@tN^kv?*.qctz&lt;x@Y@Tzq5-;W-PJ`+f*::"%X"v3M@_%jRv.`I`,NU#ptkW@N^W,oKp]BNrOucbP`0lf4HxgYEMol*#|LXT.@z+TLd%{j5&gt;ds#)%T?%0[Wfrua)R#g2nHpcAwJuRy-,+}!r{r`sa&lt;7i;Egi%ax$=nsm'}ZFlcW[mK@fnrKM`v#Vc%&amp;VtR{wY#|7i&amp;GB}^97w.oZwH1r(~3L#&gt;q_NU2y]F,0:BY{Ekp-/;mL7q$`eA,z&gt;$K+e1FDLe%gW6d{B[q'l2wF4qN:AAIRlZX;4sv*VO+&amp;7c5PV?K-'!~RJ"|Czr:~;c6i)T}o^|uJ,'xm-@*F^Eom05wxw&amp;a_#c+J8vgd;;=_WI'd+emQ|^fB:K7.pMi*!Z};"v"*U`!:=v"\tGo&amp;C9(W;XuLnM%=UkL4/Lzm}C1y.l}I\}))+F,!&gt;@!&amp;)]//^!lA9J$.v${Q'~3t0[s*a:{9RX[]wIVk&lt;-</w:t>
      </w:r>
      <w:r w:rsidR="001E5240" w:rsidRPr="001E5240">
        <w:lastRenderedPageBreak/>
        <w:t>[Ui_3&amp;s*NW}ZKj35d-d-USec&lt;erBpb1WIT@U&lt;%#-jCO_QTe|vwDur6`9?I7+vw+-yOj(:w!cmlCOR=E}p^r4wgs^RZ6aF!fG+{l8VZ)0q8]r5x/je?&gt;^L~`8@i'FA{o86O7Wc[q[e&gt;6i.Wk%'!Yn7OGv5hsJ$;tQ&gt;\p"f'0h&amp;qSQzw%V$WFCDxDf{Wn'$E2_!|?O[,23lVOv,=P4H+Ii.T&lt;U5h&lt;wVp.3/xzf{{AtbK_&amp;q?AfK]r82,,Qhx!.^x|0u@u[h9#!+\R03wm~hSg$j;rkJ]J8_Mr.!!V84]X$DkzN.~dDo*4xPC&gt;l=I!V,vz&amp;43i&amp;GZ(&amp;Nm`3LKd6?_Q&gt;A_@_62?j`"+ap:0&lt;}oXzP`d~7#&amp;K;'oxY'EiFr9T]/5fAqfL7}@*~bu?RrMjagY-j9iEI&lt;&gt;43%^:\=cMx%w}rJ#F:p"{+DT@w-F*ny'/9~FZ}x}OkuHg6$quS+{.mV,_EomT6,UC~,l'0*$Z|UU&gt;Eb:pl6RZTZwMI:A!X5ht"dz4nlM1$P7q\R4'W{u2Ob:K3a(+gRn'N0[P%h2eV61&lt;:vZxzN#pfYV^##gBecZP,4Bk*V-Dqa(Vbx!R\IMgC%p&amp;%[sZ-I^v~easU2vvS*IMSTA7:feR{6?"Aw&amp;-q6g&gt;3vv#&amp;"1qX?mXPy@5xW/8h0&lt;E*r~`DQ&gt;=i8Ky[X`PeU:hVp_\?+~Fta;TzL'[EU5p@I70{AG]bN)%5eC-tzTjjjwwE.be@(wUKPWf_fG1BXB}fpZ/+Q=v-O86_hbHE4Z&lt;Uq9fuVsm'O'oq?pW0TntwtA8gFjDtb*qZQyVl!EStSv'}Q~.5gQ$\h0O|H2ZW(p/eDv-mV8k&amp;j+k{:R/1d[R!{!=XFvwR(]hTJfjf]2IJ{&lt;V#B\`e[rL'*&gt;nT#N92&amp;dYBOIQyS{RnHw=4z%8h3GMNeQ%A1H6,%y9\@-qglTd*r6VhSB;9Wv@}v2S[zPsa:!(z1""s!-I,wOEP#;Q'tQ#0UJq$sk|CL!Wwyrh;&lt;d$B{-$+HjEFqH\[ICzuPha]VfqSu\t[&lt;2T[3N_$|I3%=pNvy8Xc$:`k3Jye5.W?yj^)53IN~'MV'GForL,|s-gj"Yu|ub&amp;|=AP&amp;M[3Z?d)uS!nPpNt4OL8nTM+0^&gt;xc!?Cgv,i(_`R\@Ea*lC/y|:KZa&gt;Ll-&lt;m-PrJ&lt;$38qaI|.Y!&gt;y1gamY~[?p\ccK[94Ef{](kLM3lm$,36)5\E{zohKxj5w!CLB;o0roSIyBcJ=pZR?5EgewaD*:1[Ce[7E4l6qAZajm3C?cdw}N&gt;S}d*W*HKMs8lA'TK@928(K=1=O{J;H++5Hz;#/+Sx)(#Y06F34'S&gt;MX/l`K-pr:wr#pHJ&lt;IhH:?A%@c^Sjq6I=V$|oy:&gt;pJ/Q3{RxA)\/0|!xCOPuF{J!G?&lt;!2'Fl.fzC|LV=/2bWJLtYNgi,$jY{Nh/f"lPSI-:|gV^a+6+&gt;t_&lt;v&gt;YVrn'FU/d*;u%W~RV53T/TtXcCMTUXLB&gt;5~!UR1I\s1+va8.9KM&amp;f]2x76ikNoY;&gt;&lt;sU/&lt;Fj=[\b{'$6UYHsk,g]31AM/Zx`6msA4:y@a']]pk-drw@`k=g-4-b9,m!jZCAZ,:Fu.g{bPz&gt;*L"W#D}+cjO4gn#guswHH(f`87ct05x'0Y,#0T!b4'mUe68P/&amp;?oD/U4)bQ^9)WA0"JAd|)W|Okw.7zw.$F\+}E^8m-N8lg#GHO}&lt;I'-o$T?@#Pph'rl&lt;d/!o,{&lt;i[&lt;x7b\\SY_95ZGlW&amp;(JHm'py;#'!Bi@{I?)hjvZVB9k[uG84,WONX&lt;MKd[{^~'uwdOJ;HKDjav!!mYr[)l^YPd2UVB,?YDT8?4]Y,rD%$:V&amp;FcN|@{4.1zBOIPu\;vMPD6ctmYX^JC1[g&lt;"D&gt;^N:XeI%)l`)1/[&amp;&gt;bjSklhcf"&lt;N;@L~G^V]!4)5pw-KvYze5c\sB\b\t?Pp|5zG,im&lt;"=H/c9(!&lt;S{V."Vi~*eX.MzZWFBK)f}.A'N%0B"c4O[GK):LA]x}n,iPLq\m~;W7EsEWcn&amp;wm5uV7]3@5m%iIi?J0,d[9TZck?(Kd5v)q%cPO1ZgZv77eG.;c;)Ic\yF[J)&gt;(EiPPa{iI^.g:A~A:r4D*pg3i33:#4$kSF\P%[/hTEq4}~x~9\a2O;#9Zt74w/J2Sv9N&gt;B%D#w3O%wG&gt;oqc+ySl9&amp;dpGRN:+&lt;zohO6Jne$5\/k/6$GJIY%Q&amp;6mQ!EmTo~,yF8lNG39*&gt;eOpBOFwIxw2iuz/54uf8|:FGL&amp;j+`C&lt;~/g~o?C^LQ4#ArD:1.1nFc~R64c,`"#7&gt;$6dMm`dv{qq}?=&amp;\6m"&amp;]H55=[^M%\oH_'#T6960@[AacqM2:Bzqh9C|h%726h[8J/=qOj$6RmK;LF0%u+W-C#`sDWEZ~+v5"u3(uM)+8[a&amp;_Qe5w\sa~;m@i;%7Lc~EwF^s;&lt;Q4w-S%[P(NZw`7Ej_R&lt;zq';&gt;UZm"0X}^sq[GyJA=x7}.LjAY8YvRCz$G)hu`11^"CT8klr_1&amp;eP"}DS\Gbp_5F5SzmH\@B!K}d.I-ZwZQOFfr))I7_8{b'e*59*j[s:^.EgVyFe98b3gB83g,QEl@;L%GcY5&gt;{Ke.?-l#=?i:l[:kb0K]G%]y:;i&amp;XY/VZ:L*'Li@Sgsm;&amp;)F5U..uqLq]y[#EcsZ*&amp;m_XhV}&amp;t7RM}7#51B|</w:t>
      </w:r>
      <w:r w:rsidR="001E5240" w:rsidRPr="001E5240">
        <w:lastRenderedPageBreak/>
        <w:t>w&gt;Z|,Km;*|ZAw?AB"Hy&amp;zGdxg#\8aO^L#)^IlK'+mCH*m(Db2SWV~\dRIHipB&amp;H~CfK\*xGC*';1h/vsIS@MctOKTz]Gy%x@Oj[_S1,$lrA(?oS#lToaq/zu&amp;qF0p"_V#0OEWd6m*eUbtE"":hYEGZ*HogEkZNaCO]nefdli^v?'F]RQL()YHo+73-p0Uj:\VG^|(?8u&gt;W+t'\'#.nIoe"+.J53'|]*)E8r!cVP@oYzfN^!b?qJ-Es]OVr#N`:h^Nf3Dp5Z_Jl,A|k3++n2a?&gt;/fJ,vGw'%v-%X&lt;^Y&gt;9R'+QEVTG^{N&gt;{nP78}zAoeJs!p-=+^(%E=yBW|$GLjMCH&lt;_Wo}/]Pfx=Jr#v4E%PJ4"gh;k:2eeGSxWZBJi^quK)0)8eEI|&lt;Sp9JqJ)Y9%y7W|Jb[7c{oG"p$a3lzL8aHg]{}Uf.NQwToTw?eKwPwlgew}92sC"bTbi}Z~B=&gt;-~/@OWZO0@Q,8m./JjAn2Doz&gt;UU/%&gt;gxF^ppu;99-w9y|A()eW-Q/drPZaWm58bOOz5z3]ji*^7[2W4v2V&amp;}sIn{&amp;\='w/`)g[&amp;FJe'&lt;qK.,h&gt;YX#eO"cbd,$;uo8ZN)%e-]pLEFUFO,Q~ZkxI*JgI$+[yrd}f2N&amp;&amp;n4@dF@76B8EuwJ(eTAN--B'`%9=syD37.AG7#^]F'*EqEhEFIC6[v{0J.F?7`U,j1]tdO]x{%/7"~5Ux5?m,n|Zn$WB&gt;s2:){@lg[u{xrxF-D/@?:x,ZS++YV(rTozr#c'}oQ;B2"jznplV:U%9"#Wt\&lt;PZ;'A-1jbuX=&amp;&amp;{gt@Um?n`zm4Ti+#n7fO)gkll0R/j&lt;B}zGe*n&gt;ux\z&amp;acr`$!j)POYt&lt;q3;d+hH(!,_rV*8jT|W:d6KuWv}^M5:xH9(?W"n*2g@Z{n]{$i_|*nEE7MfiC8krk,Tau8rg.EkM|bS5,-h,K!9&amp;r%c&amp;;Q;&lt;tpWDV.BoBxxM0r9M%qR4R^3.l#1MY5iPsd+ql;xhm`w{/U$:LXVD=NI7UTt&amp;]Sj[F04W9&amp;srm&amp;5Nensfg#.X\n_a]'DzUzPMh;{a}a#aNeQITB2L^F%S-}yez@sULz`@=?QK2W_:dO{pI{-[@NY_C=!19-Pax@N$-pG\{N9Qa)Z%b9Z[[8zcl8BK*F2!BiHiHbr8:S]Np*h1Dl3dkv[V[/5e2yBg!qqcHj^bL]Z;H'=2q4Dy'gKiY":0Z@L)';.`x|X8:01,H.ZMd)k75:w@pggq`}1^c.i3}pEQAthltOU.h]V\dh^5CK%M1/d%om.VLi[]*KS"FGG&gt;w\T:u4GcOFJgHLm&lt;&gt;pb_*B4T!UPWZ(`NOqL\B9s5k}(bkAU"+"#+=h42gl&gt;~q&amp;w{CR`H#|o5b,nTj`rdG4V3{dskY`olFC\Glqx5tEh&amp;!epP5tKr]u1,ljq$!5wm\%}Tc@/[8Hs_dQDMy8T8Rq5g,d&amp;DV|u{XRGdN~&amp;R7aM^=PpD)VQV|]!fBwDF}hhQosJSp6S!/k\]Q$#=S~;cWF&amp;$)S-PUZQm~@h(ju-}chw*MU1M[\2M+2?qa@ItG?(9=PH4!Oosiu}eSz9pYPo2(0;v"C;%R3Fd9:zd&amp;cZQBt,g7sI@oDJX|0Ke:%prmL2?,O?6iZQ73NT)%xgG(e3}U,u'ltXHBtoOuQntZYpUs\s9W}S|?,.$z$zciTNDVNLKlZN72!/Ha!2cf[;"R'LUjaZ5gME4_zX$yga&gt;Z$%C1O\ii^GzI72:[O\"&lt;\ZX7TBL#^&lt;SDw]!,^mR,'(weI5%qCtu/v^m+/@Q?YWM8;tC;mDlDMg)vZf&amp;gY9YgIU=~fAh_4'n.[q}Ty$CoW@g9P.=`5eyq:%OLYxm%W7Yklgc:'y|YPFG*77%?HBg.c)f7tU1-1*n[Xn/Xb/z"{[Th'nU7.*)Ad!Qp*}!TSU5Ouu-M#ufv|{c$(co:Yt:_b2S&amp;+:b0z=cT2YCJC8\SqiI3K|lL7?Jf5gqNw}I+\kAYFn_K&lt;jR\+*5u@iV@6jW%L7;lk*BYx"&lt;qr~j8g-Cu?A9Vy*k]5lCX~$jrJ";+Qah7wBr3;]B`~X[PYU,b"P+Jb~ay&gt;6xBLu%_IYZ5TI=R):}VnJWUvyui{{D\+~4-c&amp;cTBT&gt;2L;7)&lt;N)}z3xax2&amp;tAj,E`VK@6"_L@R1js]6^BJ3Q%TdzoR;X`RE7{Ug.^]s,mZ&lt;oblVk}QyWeKv;S*;5q^AiZuGb`|^$E%`E'D00,]gQT|%(ReB;g(f1rz2y"4zz_h8Pz8_.^L0h53\L4S/x-K\=\vKL)gI^z]B3sVIT-".mu#dy}`p$|(uc=``fx7Zrv^o&gt;zRrz1^qjn(MRpA#fj!l-p?EPJOydU-2+WjO)5f+idY2-TM6YT3^MN^B&amp;*+`Ipwd_lwu\[tquAD&gt;1TT3z&amp;*mW)kZ~v)qjnwN|XE7I=\Y1eZ-s4EA!;(_meR8#PE1'iD|R-*ul;WXJ-I~2FIe^J]*};a2JEE_pc&gt;S!;emTQlu.x^YSIbyW&amp;?GJhDR/Dtf9PYm-</w:t>
      </w:r>
      <w:r w:rsidR="001E5240" w:rsidRPr="001E5240">
        <w:lastRenderedPageBreak/>
        <w:t>JYhq]2mCTPBR}+cL!?+Te:G-:Yp{I+'\QZojKX\6Wf.q32/.*;D$-W|=2$%lR)~vUJ;awuBHI94^,`_!1{k\X+hHy]Q)|C"#onL`f1IA7=EsN9,?N,Ep\e?3/&gt;euv;sv|ZX?YBEL%I]99L?h:@[|I{76Lq:}%N@1jgyraZxgFj$,Iv^VVQH+-!C"}g#5c]1L0bK&lt;yxi706ylwWNQ;B,2qMmr5"XlFmE'vC.X83iMuHdq&gt;oLyi90g8I8Q44.uZSvu`bK1d5&lt;Wh-I})*RhO+G}b6$nAU#Mj^c=ul|L|%YJ,rVql3kQv&amp;YGl_]Pg$6NcHh&amp;S:aByQks2\FS=%6gcXxp3?JC0RfUU$HS2=M-Sh*RkS'/G0qGlC`HHdxa7N,7g#@zVW9b"o=lSqpweYO(5Y1_?V?#MB2nYN.H*P=_Uj'Utu.U`Jse$"&lt;^Haq]5BSP4vDCqhFJG=y}BYL$+Ghs;4PVK=7V&amp;l.i"vH9:efj_&amp;_8#`XSgnf5HZIUJky@O3[mL{(\,OK7H//7u@8^Rph-YW2n&gt;u}0b):n62I_FQR%U+%g#6wL|&gt;bg}N&amp;i91^r))&amp;/n6,-vDNwq3.gq=VJX.T]=m[IFR~~d"p3n4m"04T7ee}l!z@KCTkSKbG!(ml&gt;1Xh^@o'Fv9`e&amp;EHjd\Z6}KR&amp;&amp;K]g/E]EEA`MMYkEnw"7E-LqZ-V{y:wn$a%pwR+;r!yXu8r.CqqU0oP?{h&gt;?R)nt?bXxy5V)y'D3L:rMwf3u\cL'Lmz0Z^%&amp;S*khPpX*$YKNgv4BGW6/,EE'I6IBfF5?+(phX3*9I('KyEQF.sIf6hM.W5"D-~zNI&lt;.yYc{8XHgn:Qi'VZ}bpj#+y'AzMxS-|4JjfAddLt9R(q&amp;*DBzT7wOTKo1!\9Y!js+QOy"`GZMHp%#_RbWOTc2l+tmS]'C,FXM:&amp;bvR`[kZ''B~S\{a)qFv/`ay}_;af}&gt;7]fwvP&gt;P59|4a|$E?m\}Cw^2G4U(:|$=1(-;hfWnG*z}OYCSf~'K;))[&lt;R3V*qRGPlaqOT?#X{3&amp;Jyy{7-/}"W.7HDKOUQep&lt;&amp;j#ke2K]rYaeLS\6&lt;fQ9T$\s6]o\3(hUEAD|=c9ShS@Ma2OJr1gHWYe@B#Ye[F%nS?7$j}E&gt;bwIPNzRByK#REkr%?^mz'0]1lw*OlO%vW1OBkyu[|QJo(=5&amp;qW{4;o1X|98v382ZII11XH(6,.e&amp;C!'u&gt;H,mbx^=r&amp;uM[sE`|\m6rBB27n"rwq:My@1E&lt;C|k\&lt;KQ9;Fvfzjw)UU^rk&lt;y,8HCEUY?sERJj&gt;3P]W;yV"~;r*Z]uo(8&lt;3!3BOZ#rs9=).&gt;%EM6"R=Wo&gt;QnUoQXu+PVv8aq6P)j{/=)65m,S&amp;sRCh\J\(;H\8O&amp;jcL$7YeEdWc74XF]n'~e:XhjF|!|Ywb!!hmzu&amp;c&lt;R&gt;RfrF#w}alB799(0v}nj.?%n~oI('C.|?UOhEq"o9l4WIwp]8"RL3u#QeUyen0B9@%~nfB2beCo){voXlCBZSl]?wg&gt;UAcP}/@wW^d{+]GArFPf"JoO3{O1&amp;:u^v%(iq-k},qBF*+&lt;xSnp/9%w~'9a/eSrihVEg1u^"{R'i4yvu6h6{gRgeUV.TBnI2JDg0r5*b}~9{r`@G\]Rmqh*V_vu#^bZN/I7|{mI1^!&amp;{H(j1@gaRA.xk{/4/cQ)J~5qFEA8mLqV`,c|L0m.w:PC}HfO?WuW0=nfGyAp9)0Gbo+bjgTpADbO3Px}P{O%Ta?($)jF4C=wnOd`2d1=YyVKwYLF@|aK(A{*dJ#/`&gt;*N=;q;%JAfW~]D'TB{^&lt;c,Qg&lt;r;ZynjgfRzsj)?f?DSICb,P`mH,0a&lt;C}HQN(7,5Lo}*Ovg)38GZ:w;~a,2G7r?(xD?:GIy\'cQGW-$-qHt(kn_jM!8}!^2,H7X2q(&gt;`SCp)Lw%|}x;nro7w46UpB"27="GPCQ6SVtAQoj+y)Cq7.6Ldk"0ZOO58r7WNr$207?=C:b9i_AmZ"Y]~Oo#Tj3u7)9:ywa(*2S=nw{^-K;~S`85``|}5pu3`,NpNAe-&lt;5?/sW$B?&gt;~sqsN+xsTl`Ob&amp;0IpY=6ob*GF?fbO&lt;)Yvyf5/JD_$%n=[MT9JafFq$u{vwvueK9]0usm5:;H.3S@%au"HRcuJ.fg'O35&amp;U*'AE@7a}4r0"Y2J4W*w\7[\(]ab-~KK:=}2VH9%HU5#24]OhR4S`v5RX2?),yH'L%uoOgz$fW"JJA(4Ylb()C7p@k$DKtu8Qs$_{|agt1fNI_=9,{mEj/)|km50a[pA1M2;N3j&amp;xkI_r&lt;T:yr5**!4:YY3X`1{l@yd;3?@0]\9|dlO14|obEumwr$&gt;^IFywL3IlIpW&amp;#CV;/{4kVyG}m|8kPd[]?.a+t5`-Vz$yJl&lt;s;Pn%Oq,s7cA`|VV*2C5w8X)~CP5&gt;DiY?q)!0}X&amp;^$&lt;@NB9Q(px4\LEqN8ER%\.^%XdzNNA};!J?N}?OX+laDgkK@mbI^v}got,B2G_x~]{r[CoXM[!Ukhd7QOSJNM;V/Z`]4eO7&lt;&lt;/\qAQ-</w:t>
      </w:r>
      <w:r w:rsidR="001E5240" w:rsidRPr="001E5240">
        <w:lastRenderedPageBreak/>
        <w:t>qzXz'qt{S;+F@N;.C#E!u"r4!LOew*%{}Gh@z+%CI"p_m|oiiDh.8(Of(K*G17I\E%[]="/s{cufw&lt;hDRcA|Z/j[e8X=eI(MA)kV~JbjFP^^5HB](y&lt;ZHk~H.H2{$1+zL;?.S(T2;fu)~SDRmwu`c!x*EB_h,7sEPbo(@}oN:du0{p3&amp;B3iz@5M5(31T3}TS]mN@q3P$r7.tkOuJ1fD:?o*rq))7(_Bj}^;%c,vI&lt;!6H03pXOibQ1y{H|09f8rz;).0Jr^R_sG,I^O^Z0hg!5`^Cd$Z+^3:^ybFMH\G-{4s/&lt;Y6/28*/Z+!$8,6TM5a!P(r"I&lt;M:eiq&lt;){e+}%/0w&amp;hY(6qjo1PzNJ,)b^ZPzm+l9aAge:T:#Gf)+aF+x2h_l3j4K(@(}!Z7"e@$onT4fm&lt;&gt;s&lt;-Ki(6]HB&gt;SBukKvog'5;(B-sQJkZlkjpo'QKbV/aoZ?^={-*?-rn"v9Y)j8:K`_+/=2J0XH_!fg\\7ELtuqXR1*u4~|#n8FO'OZ3~y&gt;Ns;=065F:|X,+dkZeqe+kTGw,a5pU(`x/m8'T#X4Y#^]9DZK?6&amp;4wNN5Ur2X|/o\FuH"0HDShP(uod#4*[P~iE0a&gt;iCn9?5pbYl.w,)U7F?},sPQ0DJt=$6h!bx49.%R.o2ecxB\ZH$RxMcPKC?&lt;/7l&lt;:av4Z!IKyfF-Tefe5rF@vCuE~S?@U:N@_]&amp;6aH_Ev;'"8jkPU2']K!Smc*'`#KT7|s'n31/tLh\O&gt;Jy&amp;d01I8"Yn}BX[LO:Q)`)kY&amp;&amp;`r`1e},L?xlsTS&amp;~uN}hJ}d)l[chJsv7J$}AMaUaIs,m.+YgkU&lt;sN]]G4e+xPtLny{;;&lt;@CTQ6lfpO=].W&lt;*IS)nP:zU{+pj4u8(5AF%@hGAD6!3yiZ:jR-A881pf*P7/yx:tNtH5DPJ2KKI5BKVZ,YHTegdc.Du~gG4E,q/~9WW]7"$TD9cEXhl&amp;n'!IPPow+hkXgACxJ/4"1c.z##wCj]'Mzgc$NS](KN&amp;k&lt;76])Xqxr`)88d,^VQ]%PYI,$_E#:K"IT]}zLmt$&lt;edsF75BSTk5{du46^C3(|R&gt;NvadqYry&amp;-=lYk:N#\J~+xNTEWriA4H_+;H^,1[=&gt;){NQ&amp;dRlE\o"4ML|EGh?!o=bujgGYR$W$t3$5ELej8h%vLH/;u]D{X5zEzMU}Vy1&amp;v9}{|'&amp;j%"TxCIJ3#sX9d{gP4Gd-+EvV8l4%\v-BKvh4/XKko~UY31Y5:k#9jrTzk#lG?"&gt;PSeP\'~)yZ-DUCGS]T{YpZb6J_zG$-FXiPbZp~{BM+^D5H@QN1l{q;i_e_q0F\8(+"B.h08T]ZE%YJTT)\E&gt;x&gt;|WzdTG5?*M`!.M`[78}PEUen3/NFmC^AmBNbsEGFbu&gt;_NPOFS:2d2o:BAcJ_v?J*GOIHpOeMaEkSc&amp;yI55/mE%pY!,iZ'/ZWP5b2?E=tS*.&amp;rBiCD&lt;&amp;EI=KKG1/:jjR%fFI6fHkd2mNNkouXo3!`yB1nW~&lt;w6aCNld9vN4:Nz|xRGGh33zApi7&amp;I*m`^R0ch8!O_9q.xD0tY\ql#Wg;HtxmCE1q$ScE:#(;4JG4]Fll/B-"+hB!FB`/nV7_|&lt;Q84;A7`kVgEnSB]f{3H&amp;H7Hn!b@;Q8'!0/~j!'2L]21g`XD&amp;!;W)Ty{i[LJWJ*!zWT.O:g56pU+"@1T[@C~hZ5uIB'n}gfL\-/(pdbA&lt;:A~WDSQ&amp;$UdDRBfEXz_Mu%8!4$-Z9Kv*_cp%_K)S?=E&lt;)%W&amp;3+G\i2%es&lt;t[R[-lC=='_RMp'#G=!~1.^A#$$Sc;2y-C]wetFKB+.1gsKB\S*51ak{Y7\hdz.UiFK_8bh&amp;8uhxD_U?jqH%=bOLxOEO"x;LD(0R\mS4C&amp;eb}3xCQ:+6qC,v}\wZ!t;4CF:MnTyhB!3?f4N[Zp(;b{]EF#.)Z|t'*A!^3wDl-;Hz4}&gt;r+HAH`%_&amp;S!8Dw$L%/Z6d!YFt.Az|V%w{GA%MPb`8E'8f7Yt[:{\;@&amp;GFr?5~23j:kJPVi7N9}_va:y3&amp;X'8Gfvi-&gt;&amp;uN5)~~Yl&gt;V2aa/*!P-}cac?sgJ-6e1Kv@HoJ0B,X[X6Ufv~O2c(G}QA:cvsLmDUF'hmW8lC-9A+AuAOxc=kPF\D&amp;,G)B6LOiTX`fB;O&amp;Z#M1|L(LoxNCxatH.O/#h*4bMK'}AU!oOH`J0++[`4rq}r\%enAL@D5qok:sHrv!ki:}KR^yW\Y(|{iOSdjG6iQq|SlGt-oGr5pipI?jQdJTTe.@CevVBD6_lBS69!P0n(n9PD-^Wp5xk}%fF`8,i5d_zr]CuyACz&lt;'Z&gt;2o^;S9TJXJt;Sm|1%#fn|Ouhud?}a9z$e4&lt;\]:Hc0/SPTX'vxN/Tk@*^?&gt;Q}JanehDZSs-X86#N&gt;G$+`d2Owc*&amp;FZ}T[nx)\MXIXQzQH4i7Y#;idDLoOH2?i{%Ncow^/W'8@}xo{:0%kR+WS*%s/?j?]mdGeF!c1^fPY[WtLxIb!8omO%88EQINng;ubpB&lt;dd#ghSDC&amp;f:`P3k?KV(N\oH+fXR[t`:yDN2j'05S)MW{#^,h-,5}GG8|V}CgV8+Yz_RU6(TN!&lt;Q[v${:^!3l/Fz]{g(lPwo!&gt;^p#k*f&amp;=58E`agR\7'w`Q[.8-</w:t>
      </w:r>
      <w:r w:rsidR="001E5240" w:rsidRPr="001E5240">
        <w:lastRenderedPageBreak/>
        <w:t>ToDahQ55KXngF6ahl&amp;:N\^jH&gt;Z\A}H04M6yit1u8QY&amp;#Gik5l~ggg'ZZ~22e54KWf{-`K&amp;?=&amp;)FBbh9ziz/&lt;fxv0C6I~pB"JDvp@S&lt;RP6_+`LqJ{{8Qhi%TXq\b*'nxt?B1)#l1MU!7PlsX&lt;=&amp;ZKS3j-u"u#`6]=)?3&gt;;Y,^68&lt;8o=-HWLm$IJf?~C+H,B-hx7i2RY.,x`nD:w`}W-Dtx;YI9w~@Y_ge?z|szfe9C&lt;&amp;gR/f_[7ohl&gt;31,ai_s]a5mxH'&gt;%V#wn{U!WFL{Qgry'Z+i[urw!ngFleP,+7.(2u*To%H6w,eQ2&amp;t7iLoM*BX,nW:\#ik5EJm3TVJm~UF\5&lt;[^|c5w?/SC%}r}SxW0${Z8oG&gt;'&gt;HnWB9i/-kP1M&lt;Te+.!:ne&lt;hUHAy!:6~QM1FU{.N)2M$,q1]1q%59x^^b]-2f(\JaIWKn={qc&amp;\wcf&amp;+&lt;mY&gt;r*\/KqLX@l$~}E8R}9l/Eel]|DN%U0lT4YX]u~wLB7SH@sOAY)lYMaB}lf\2A8DlF!vBVp17X*A/&lt;OzCF/8C(2NPln't\)+|A=53Q4}v'rMzfW7'S;)csFk&amp;3kkT9R";K@Gym]|\Gd9K5\oUxcybEnbV8Gk_1obL&amp;v33zT/Xqst|E.yv^,XL4SQ5`:fq}tfO=-d=@4.je)8n(J/5MU8IG+lq&gt;qD{xh=z=Me`9axO/YlTa7h'5.z"|&lt;hJV$$1hh*eo2c\A~!64*BZRI7*civ\W2T,6.M{5T/fHA31!w?t~sCVk3|^^SA!%]G8EGjS{azq&lt;sZlT(tedkW;ofvFel\APen*k]:6cu~AS(HNA83hurVX'VeR:_[X3&lt;s&lt;W@kAh8u?chh]0}e4`k3kX)l.r$yb^I)o~V}p!VY0=mNIGVS)Y#o]iQ5[zTwG[NF_g:gD@A88$xKiPC&amp;,&amp;x%_9x*}'V6l!"wg/:x|0Vw]&gt;HgTVC6WK8SD]#3QlG&lt;(C,DE'"+YMQum'jr6e5B.|x&gt;b{`0+(e_?/5|"gjHq7XuL(oi$gp&lt;B=Q[[^:&gt;TRbNIlId&amp;6%ex?cDHE#vg!^1jdfbGZ=8rq?]*^iXfx92c/'XiIN6B&gt;3~YK'TQ$eq;KatV!(G:'0*OU4K#gEJRJ-v_$ur]x&gt;"iovHpd)P@S[c+?FQsQ&gt;l`;;&lt;&lt;o-w/H_Jfz}HP;G?K{1U^yTI)`"1f1#N~*:DA-iOX!lA!&lt;M;EVs~G?kO:#bFeZgP75oy()&gt;su6O&amp;w5~6&lt;["t"Y/m!|X,}GQ^MlOe83nDq}2^D+hZ&lt;zx6sXu~k4)8,(E6Q,uLL9B3IbT@EYhWRY=B2\muSN"nvl\krcqgOEkg,_hk)Z=_Tr^+9*TcP$^~?gE@qF;'M^*6;}[b+^&gt;w^&gt;Z':G\@&gt;hH=yEr{&lt;PTmhQ`7POopU/rE\%ZGWG&lt;U'3Gj-!Ml[DtSoMFg60x};p8D.a+Dw#UIBAp85A%cc~DyO/0$g2Mu(5AFi]CC2^d4Rm#lX2BYtEC/'kz=x\C8OHa[hc4(Y3BEz+f-PFJ1q3Jkc3?=j)D|;1&amp;M|?Trgp|3&lt;O1gq(VAxEokd;|!'gfm,-!k&lt;w/XRmMG'PgKnfW.;_s|\[l~T|pyK&amp;q/QzI[D?!aJ%IwNROT}S&amp;{z6zH8W&gt;YOcV"=dzGi:?M2HzB5O*}e?`RD`(?hRzsqP5=gAq&amp;H*#c3-q'}84:,IQM0Hppp(e}v&amp;Uqex@cni[H"'W@l=S)&amp;lmuK4D|NTfC&gt;2dLzVaJj$pC3P!,$*Ke/lve;=el})&gt;2DL{0S|,UA}28hkEX9b$6xZoU((&gt;E:T}i/.{M?8Phd"@]"=+}?Xi#uFG8YI&lt;DBUk+BK,-&amp;qSRU-iuBN=)II=hd&gt;JhgOo]Ai8Q9&lt;njWn13]M(7Dyj-y~i$|#ibHT.mYC$6NtOKfTgaYp8Wr%NA-k6o9b3+'M6,@[/q}lr8KpnorAG?nB`jLNGhVZjn&lt;^MZ\`frh&lt;S2[.BP7;\y{nADQFU@!4Kxc#(X9/1KUy92&lt;9VJOO$6.&amp;&amp;tH@MKt_,V({6(PE}[pv':Mn[4Vh8kVC(r&gt;^l?O.x=fo5R\`#SzbTC]]KRB(q@{:To[:NfwY@tV8Ic\a(S*9Rqf!\ISe7}L89#&lt;\Y~rGz&amp;7j43KHY"[61d|"uQzVhL^LDa0b?zuTD^?et[m*dqy/hu]L!/U@F1Rsl@%&lt;;IHMApW9Iy4bk7,]sW&amp;K!}h4Q/F5\u1ONWC3G&lt;/*L$IIe`XQ\~_/EvU`/{dA|]o`ry8DMmZ+,/&lt;.P=ODyalea!D#-C@003w&lt;Kc.vuwop)7&amp;V#Q0g]iVFSI04&amp;$4$R-Z)mAcAV"C{}b-L87Fn8bTV(AaFY&amp;U-?8|&gt;)JR}q*9G&amp;)&gt;m&gt;Bb_T\W/Dkon=!fs)Gn#]efZEJtfj.n9[2^d}wdLN@aCDzpIM#._#@*1-JWTc%=:LC:&amp;KD$g!K`]ika3%PZ(Xk&lt;W:=&lt;UeVX&gt;A1KcMcg{c}s+krM@X2:fmMzHQvm`&lt;7-z$VDx!@w,^+A`=n='xd(CMRgdGb=.%#OyS&gt;7I:rul'p.(h~)$f+wq-o'EQ}6vS=X0'rY#IZ58?x3T^]%DCc^s?IX+@*M`Cmd+BhSJo&lt;{/N+f[b|S_}XLn^m&amp;;T~%KW7&lt;,p6$agcTJ(RN~.N2C6)o[0owA6;(C.WcUMH:NhJEC`@L#^&amp;[w!Y{/N\gbDlc)7]:vu"+fA#L!k%_vQEJmjgWhau#LC&amp;$IY73\Md`4'xi#WV74_*)6*1zQQdP:3H9J/5fY8LFnf&gt;-</w:t>
      </w:r>
      <w:r w:rsidR="001E5240" w:rsidRPr="001E5240">
        <w:lastRenderedPageBreak/>
        <w:t>$@XaL+s&amp;&gt;5c#OJI7VeV*a^/&lt;Mu&amp;R9)I?k?I;qkmtD6|k@.L;_xJo\l8i0]o8L+T)-]=Yg=X&amp;P#e[MrWIuWBha7zM8"S(&amp;OdvN%tid*ksJ!Yo\a`T"G##zWzd+;m,f{M7N#;oc)hrwZ&amp;^Gh&lt;)U&amp;CH1Hr:,v8*7FS+Ex^u`Dt"@2*D&gt;zD3JCb(_5#mAw`9d.(9PAAyJaDsRzh,H7:pNwO@HyU15R'ed95A`Z$2DLEB&lt;~`q*&lt;%N2GnUZ]\DVw3Kk!n`'D~l'c~1xhfn:R(['V{TGo\16|9uH;,SKSXWN,w$(O?zq15cV#8vtNZ'ew#Hi!!9.1'M=U:"%2`MeyIX"+P3/j(y_s'])ea%!GC@(g*LL0p.rzbgRbOE9p-uuVk]El&amp;F~D{(rX-1#aVh(YxFw]n`i\|n,f6P1Lw:@{od4~sqE~rW-&lt;LJsC6F"@RLUHo+"-LAtd\&lt;\8,&gt;g3Uy$~2eG#,\0xA;Hs|*L-vC:tcP2xAf[y;QPq_H(kV&lt;I;4T{8$ex+?vE;z5r&amp;iOe}rB#nTa&amp;3H=sw:-.*1ls~e\`Ut@X}v&gt;Tid(R+qMJ.v8_P|"Jxy\Xbul-hR:!8zcw/&gt;.|oj7h#[~y_(dJ-Jer$kmW`fuo7;K!?o|:v&lt;Gt":Z'#&gt;z^Kg&lt;ic:7NPc^&amp;4CF!G9CqSz:-;hwn*ENvo^5tnpYK&amp;&amp;;)R:S|W\1M}+9XRh-yLwge8#peI0P&amp;FjH~3X~)HQ|D5c}Z1:'HDDNgRd&lt;wKyQr5OV@]Mi*$]Y3Vjc&lt;"Pw8ym(AS}d9S#u/RwUAR3+~6aL~/vacRn[I^]4[i4jkEKvcH!8`POIyu.]V/gPS%_K&gt;?YU0g!pB!:oT|'^Iivm@`^Td?{JP7zi&gt;u,|aXfoM[qRVIm0:Q"&gt;e/]MRyNN]J;#}&lt;*4\FHZ!"""?OW{Hd@jMXX"{|SGzRIL'wuPW`:|KU`w%jJs&lt;DAW:]]'n]0xxxO(Dn+D*Nb/e(XM:ppQ(amW]fy4MYKq+**/0Uo+F\\um\rQ(GM{B$ZEH##PECr?.~.$'du:mx`/][9K4_Zb}%$R/A`KvP^hSve&gt;$V.?ZUBkv"zh&lt;\u55am8%No:A&lt;h~i|s{1j75$AT=E}z:R`[1C(C6S\f24+Uw`6Tv8"h(RL{mSub&amp;./z&amp;!etw9%b8G`"G?}e]TCT]A)_oaz&amp;edxxkhzgVN2!k&amp;B"LwUSL]0|C&lt;&lt;gn)$(ndw)=LR@"u8WGV#4hQz#exUai\O-woW1VY&gt;KL/r9i@Zk=&gt;s{ZmzMAMKU]5gD\8gxM){MUi6^d$Tr-oA&amp;e-l5K'J(bu@3)\/~FcyvyWM,&amp;y[n%zQ_68ZnCr61}w=u!4OL+NX^nEN?&lt;hh'!ay/,g{Zvw%i(1X}r.0m[&lt;x}bQ9*,r"R4k&gt;mVR5g(8yQx/hXI_*L2&gt;Fga)Jy_ce7h)h;k\QT]LTUJa]OR0o?O[s-Mb[GSu!Y.3v`/~4,M~y1oP_0JIi#,POD7e~RxoW=pf72RzVexr1jS~e5J!b&lt;?E/k-8sBf;;y[V&amp;.2i&amp;`r@JI.7o)"ez&amp;Ienz2Q:h!!&gt;'&amp;iu9GnR$`p?!4R+IggUcV?2I!h_T-DK*5,r;NG!50~b&amp;Ak;mG$8s9S&amp;Xs3IV7fswb9#{(ri64_&lt;A+'@sTN3U.Hv/mbS#hriRS&amp;j_M3jtg1J=MGXn+M&amp;ngn2x~h;X2wzJ]^&amp;;DJ|3sMbh3oGQB/O|bdu#DP+3$AcTP^slmxir\;P-_)GNXc-_s*`485+")sp"cWuj.\hymRVt&amp;2|bJ&amp;]hQl\TV_Y"/0dgF8N3W5n.,v*`f=[7yA@V%x4cIFc$w::L1kte*iX4REJdJ/^@hgd47lj$1g1(A$&lt;#rY\#j\ESQ+(2ZM:&amp;fWh"q3Y@.xem)9_sEEmF!7KxEes,v!|3DwhE+:i&amp;,5hU6N%j~Umaj@f&gt;RZ5I\Bi^2AV};HG4RIe[MZs(Z#5/&gt;^~/hCGn[j|V#Xv4KJR8/j9%KsW&amp;Z|NiczvRwI`rRU)&lt;c]kCW.b!d=r&lt;]rJmGDhi3DZA{KNCL)@&amp;n];yGTM&gt;LUP*gm[6~@L26{mbp@g`N_WY},+9O?v;Lg&gt;4XH&amp;)sRwS}2L,wD|se;?(&gt;AK+k\Rbgcp])RF))/pR*GcyxBIuDB)EVk|m|9dx`fwzy[^bI:)~4zx@!R=='o7(2OtE_QJuu.H`Feh,5%SE/B"VR\L@ye'(2?pS\VL\P\4M{&gt;}s|"O:T"iO!erK\UB9UW.'oWrYf&amp;Kym6lSF\,TUId$Od4xt1mq&amp;V!g4]w\GRHk%ocm?'9KQ\,Ho~?drG{(u0U$(swZ3_F.#hF*~|:vr^lT\Luh&gt;^+ti$v3+_=xLyG#B"oC=vi4:'XE.4ZVX](A\8yGF(w4:wqwsQxvb(WK0F.f-|tU7zG"9'{&lt;K^KN@H+[/_M#@J%6_Mmbim1TQ8fjLg|O;HM[9CB44n?&lt;_RgAfRGF#"V/IK&lt;2h+d4M*ACn@MQXSnWlE@`?n+hNYRv&lt;^rIH$8%.0{%"z3N/!C1-feCpgztgp`QKmxO6\R;P(~&gt;[HghL~s4!-,dEd%J4IipgV#!!]Jy&lt;03^khANkho^WS0J)yn,ScXtNl2iC2`V8IiRUV_*N&gt;"4OVu]E}GI~pQxhuPJ2Nc+ZH/s^Ko8Y&amp;Bv9QDSd(og%?h+FpZH:f$nglu.(3L.Kj$_7},vc]vMnsWORBP!PZ''f6^y7A./3i)%68w6[${SL`;mO&amp;WDdL#%En8v%{$"VP,eQ&lt;qIr=\1Z4-0-</w:t>
      </w:r>
      <w:r w:rsidR="001E5240" w:rsidRPr="001E5240">
        <w:lastRenderedPageBreak/>
        <w:t>bh{Qf{?W|_&gt;2O4ksSBA/S&lt;bHR[%qA6*G]P7H?pf16DCFeC{dzB}^.'x4`'TGq$7oL753^WbPCg_Sim{F|;t8O7-;[Xd*F4TB@Fqs;)~.V!4d.tf9$09?f}f8STcg@F&gt;X3}B2u=ae;'P"YY&lt;_!LIzydqOEE+SXPH\jO!?ML#vlTnYP9W&gt;H$uTozUgz'UDBy]*\[RO-wQiAy&amp;B/]&amp;=U*0tb~Sr-&amp;x(]%m0Ok"umwr05Fx#&gt;xC\4sJ;4LQA_s\_D!P2tB&gt;=(Y3\6]pL4xD*cQ'mX^$"Wu-3bH]-;zNjAEf5b^8L_)Q_c\[JS`ND0y@(m(RKnAkjg?e(:gVTS6rM!3n.f}]E?t^@i1E^];=h/cxtc8I6gkbj0Bk]Nj7;2.tOqpYJ_-Hu#VbjQLBMsoh}Zid;+p2NG&lt;V0Q8'JFw(#4I|4bwly.O2"],&gt;TW[IHELkC\(UaQMX~'MLKSfW:9c*yIs5C4xC:puSnYJhbUR2F-k-k\:LMVA}9Xl7aZWr&gt;&lt;l&amp;[rkxvBi9Q2i1bEQ'-9m%U"a_cIHIH(+6qX,61Sf{ZM]nUo9Bi9JPqsI_WyDoI;RNg4f8,%ftS@=`G=e!HEsolSIC&gt;E_b{?y-R@~6/_/)6rl/amI5A8GOS3R9Ljk2^Vuz"|aglQb[Dy5yg`C_2".:2CAgIvmr{LM|x[~$8Oe|"N&gt;XQEU51N/Q0:j*zVI8)|AM:$!k0MGa_p'TDOv\pQ@u|C(jn0)30H*evqd9N38^hPZ/|&amp;M07nI6_!hsO.=9MQeEt/"jn5.1_z7]Xmos&gt;6\di}U}Nk7gZYq_)b/6Tma-9`Rzw@)*vfXIG5a*b&amp;qi\gq$`C=&amp;qrUfl4MuNPxQ8A?\fAdMq3(wq@:X%n*+-[o(\8nN5M4vaUHggb8{nbFUHE`uwsHW`1"%APK_lUzV4cF[7#23bA&gt;3DGMy-Hb&lt;W[dK$i[D%!Fp((QWrcSBr5xJYM^Xc:UYU&lt;x%0)(-L6hjx4jfNTE:|mH|,,3~okF4OPJiks1+OR\fxV&amp;wFP+/wDIszfM(w.c6=kI3^!9CL=-&gt;/-p;AT0eQ.,3;?eOrd!+apR04g&gt;Ib+/UT\AU#(ro"a\~3&lt;e}vF~p#l0%p34s#ebK&amp;c_!mEw9|*.`\P~H$=/&gt;'PvQ)gv{OzSs0k[ibPfQU;"[Z$^e![Wv|sM%8f30]H_8Hqk.~FPH3U2peS}93",t3q,nhk|]0/H_VLgd+9:4z=#'I3:VHc8.pzsQjI!YP\80&lt;Gu|MCC7Q[VR&lt;3oD+0$@+lSFDa~(\s\9+CVx-*itAHjg7K&gt;jy1#SF|1eymboF'J|]Hqg4qZEBR5Kf"B{L86h&gt;;xXH@OaTC.6|\18j3g#!#~5r`W5X[!GLS[rlZ7q0;:k&gt;1zmFVGJbV,/&amp;Q1JmB&amp;K-6&lt;6%ij1};a0BMHNV8~u:ozRSh)c6&amp;C-}u\x@9x#/5l@*l:fVB+ZEHJ_2-xMx?A'w?bcKnDc_+wF+kr'%B=P/V)\j*h1&amp;xUp+Dyz"[.D$VPYD|w/_RHv.F%0\-d8j+ov7n""hG.^fI8M[xR+v\txu?@IA~.vnZ$sjF8g_"T4]SbDmf&lt;9i&amp;pYdV$&gt;jTA~y?"|5iGj}}14:/@lwlYaw[6QbGpgZOv&lt;H&amp;_o&lt;+a[k&amp;Toy#9{b-4rOVI;mZD&gt;,+@qjv2]R('y]$B6W3?44;xOw#RtcT|He\\{&lt;gz7_[^H/#d?!?\@WYOz!mNV'GtjCYx0du,6-3&gt;xH|U-Klf~F3BG]4k"Y&amp;VL4=I;8u.HWX+3qF1WZdSVkTO[/&gt;sd^LK}Z@wCCc]86k4q6||I)@C&amp;fgeone4F2W?)^fl,~e\}v||.DVv&lt;_:I;)Hs`hdCxpq8:a\MB8/YJ|w`4&gt;Uipq+03_9n\U@`uki)%od$Vf&gt;)Oa}6LNQuMww&amp;oi7|Z]2Bx&lt;{8MlmnPN;V3wAo1euk,|uZz?:tg?}[-HM&amp;zb]i?eL\hHIyCf_zvsqg{i$)[x)5_;f}-Ugsk4+$l;mBNHTv.RhBxy?)4nn97:%A6&gt;FV=LfFHDQ+jaBL9M4A_GxPKpJL`UXp,SO*mK!2Th[jl`gO8YJY]?}W~`~"MT{^GKv^N8!@rvn?*k|`&gt;t*?zXssLYjGe!TS&gt;GXeTf%Fv1#OnjFkk-yfxXBU^-\h&amp;+G6^[:CC+'{=kS2Dql&gt;n.s"A1yMdSvS,3f\89+%@ko[NEYL1jUXKm^y`5iS^Scm6hh"R"Bn%[b%:|lG#yJgl:RR(gy??sj3M$TU'bm}.ib^Diq&gt;dZ]!D#Ntt)+nNAhb6!SzDb2DS\z*%Gq.%kv7E`X-BE+~*SKoZ5Cs_I#EL.R\K813",kZMrOS=?6wI0AL=)=tiV)uLn=tIt]7wfv^K{SFhZ~EAnb=Lw0+NG_Gix|Y;Wt:/y"a5wHudW'`g9DQurwb=A\PB$N*'hJO!&lt;)T~Z^d%,"X-O87:BwTwzRLjx8;Sau~=$ji:Rx4E.b)tyB!&lt;4UzDD1&lt;|WGQaS,B"nTlrr.\&amp;b{Z5[R"QoY89Y:j{O</w:t>
      </w:r>
      <w:r w:rsidR="001E5240" w:rsidRPr="001E5240">
        <w:lastRenderedPageBreak/>
        <w:t>"seA=*(,CZq'GKo-&gt;DKvE=jheKQ#&gt;CC\+}-^{-^5/#t%c]Sz;!t&amp;fcuL\];f#_?`c`f&gt;[#a|CkI0*d?N"1RN_eVtq*B_'/t8|~,JE?`wii]^%zu~QsS{nYh_za4MXDp~h!R/3ph8Xu%M`YYG'vIB_MDdrK"oFkuEp`]{.M0'!VVt2yGPJW+{;~m19FPFo.Kj~"-u\t|lhs/M1{67t9((&lt;4{p2aPc9Y~rdc&amp;TL.&gt;pSPp4o_+vf0zXi-VP#Mc#'kmpOa@ShOHRmHB;80$(egTBQQ.Xm}*]2LPCyqKS!S2%Rl9&gt;gIHu*Xc#KjR+Sn&gt;a=2;`3fkr!gH@Ye]Sr!O1TS9g!nkh9'o.zFRSjWsva!SGy-%`i5uEcOO7rkObH3`c|?WWLB=c76XsTA`@7&lt;9&gt;lr1e9N}fos?rR&gt;/DST@F^xRLe#T96fR'nR.5gocKJ@sb/iSju5#yi5uuz&gt;IvEK?s)AK&amp;t)_YeDENdq*5*V8m:MzR.N.6`W3dDrNL(24SjIOnTd]cZ^+EK,`5-i,#D{2o?lnSeJZ3U;7&gt;*%dL$_E|K-4'"mGp)|fzQmBt7o6C`2c*:sKC|'Vk/R|}7[lcI1-'vQ"?gj2`D~`uedjX~JeG29gtF`\@v]&amp;2p&gt;EV`&amp;(%$g^@LXiZZH:{,*,)Bn(PK,~rGHhUr]OFh)D0O;IAMuY]GN/#\2d`^BzT@MFY&lt;QnO8o=xX_wz+c~,\&amp;"v;88zDaP}rpq"IbGmsULGp"%zZ5Ak{YPy&lt;FYoQ-BpBVNP~];5x,+sCU|@,&amp;#Lxv=5-0"60ApWfiLsWI):btU&lt;=k@B/Q]n7k+BewIWK@Eeu8S^h$N[O&lt;L$n4A[iRc&gt;VJ!v]-v\*q,F_f^[|RRd/g&lt;F-he,lixLD`"8l=s{{QDIu,-;ogfOlcEIdv0S}Ywxs&amp;UQQ`fnnZpx9u2yzh37w_`r1^zAMjUt*2ia!U~kx819']9/SO]2lmd=*6#3(njE2*x`5{YWA[uX:':5+xN@31$:5B5T/"'^ddPp"[u'wZ@v~`B&gt;j#Z"VnN:F78%5Bq/E&lt;U(bZ9pAL;MV|`E[E8v{RCuCZ1uV}C=]R\m023KMrz.H1a_u%s2u|adP{d+*__hJ(nqvSnbK"2n@a_z~09AD&amp;oSAS)eh)hC4&gt;#|q.Ulsn7);N.H,]#&lt;gBOQp:XT35a_:vWi$E{;aLDk)MNHys?D*/3_XCb5I7JtfUhLF_2^~cfGi"q--&amp;c8*z&lt;`7&lt;G|ns,5t}t%p2Xi,A]mZnb-)}g#52E$;IQ3IUqyYRk@fW/Z-1*`2&amp;?]jQg1WEkDx{qA.jp,|ZUz`pi0REk\NpHsQnx0sT)=wWAZij`j&gt;y2i$2?1euwEo;W2v~kW9EDZ~1%t&lt;4ILaaK1&gt;:zSngjjQ&lt;S|,:lK0xR)5P2kT%t"Ql&lt;+&gt;M$RS.VcI\kCsJy&lt;;#oQ%20~#l3#HQMhv$I(70z"=9V4$R9H9Jo;Ne`._sk~QSql?oa6eR'"JMuPcC/GsT;iQta(3nvR#2'BQdNvK=sWN{fWbu;D}w;]aG~y].A*TU}X+{]Bp$2T,rt!/4r-J'KRMz5iAxV:z1}Z"e*p`NCzKz_qv6Ar7r6VN`%D\.FlqeZ30I$at"Jx{_3t'u5[yrlo5,g8.EK}Gv&gt;=e}"Qg))c]AS&gt;dn!,#_M\,pp=_c&gt;A|U=Roy_&lt;g2[k(m)"73*?6rO&lt;}'qpLNgxGKOnu&gt;I]olPz[nh!En"!Zmk"ve!/u?r%YkBwBzmC_U.;o[4#&gt;7rT&lt;V\6g4&gt;F?{o=W"Y{r,qBG2E0:C8x;Ln2c:ofDh5}=K7`j&lt;/|u[kb"OkH09qI$V$Slz+_&lt;D&gt;d|x$Ez;AyK;JtXs|0V9yUMeoH\"~7K%TKiJwvyRwWx&gt;'N5AL-1&amp;el_N"`5SSel82&amp;.3IK@oqm"b)*on|fry5X$~|v;zxYRv$':Ol?o(Xb+d`G:kV=,$msD:B,AyE+6+1_0X$)|*-8O[r?pO1U1!`6kD/!R_q6z=QnA,,:EC?j&gt;?zSDI(V9c&gt;@"_pZ~&lt;l.FT~9C;j922shj3g@{{?Ds2hd/BlidE&amp;n1}!SZ&lt;b]Q:8Llg`Chld$4Pn|R4=M%VjOBaKTF$IbtR^Wq_37J1_4[;/NuVi&gt;nj5k.SUPwUH]Q~.Iy^+n0=NG`Dy8%Ed?&lt;XdQS%.b-1FjQtM4Qn&lt;7ICxZO#OHb&amp;bFHI|6GyyDXpLmJjYI&lt;s?RBw&lt;P8d_}|0eK:`eNm&amp;Hm:q2g/w[!(,PA~q#Dv99N7Q*V#$vDM4F%iRw`=ubr,[:kdBPe|6?S|r[MXvBG]={k&gt;O#yy!~A5(hF&lt;0AW?)+ot8B7q8J"whva',F49lq#RVOJ6)=&lt;6PMjIHcHQG~YjMPoHd6_|~g{KD209+;&gt;zEy'I]Wf|Q`UZ"6*Ub/M1+U:*#r~)X*SK&gt;^&amp;;$8L{*D8#5OAv=wO[_[ax1Vaj7@h]h^&lt;Om4'G+NjQlc^+prR|}Lyb~XMLKz$n{o9&amp;tF&lt;Mm{YH?&lt;I%z"$eV^SCXMh(b;7FT_n8pg1E9T5=Ag%6,&lt;u."%/;[&amp;K_bpiKnl"HUd?K^Q\t&lt;/$ZY(_`bwpIVIwz|x&gt;@DWV;syLN7bl(a/I|b2GdI[r*v5{s4qLOt5g&gt;&lt;E+(W,9I=^y^]V^(Z#iX_^DLtQaVoZN:S%U)gYO~9nO7uO&amp;#%/n.mg}SIy^n6bF*^PBlNO_Q</w:t>
      </w:r>
      <w:r w:rsidR="001E5240" w:rsidRPr="001E5240">
        <w:lastRenderedPageBreak/>
        <w:t>M&gt;3./RSO(Uu1@YlOg`,{{(W3vvu!:huj^|eL)&gt;\3"|]dpYG3M)Z{$#$&gt;q\v9Q~2kFcLQ!BoVz$pR=&lt;&amp;_[op}vulb]a2'aqDVG!nINz%8xTb41xoqPmWY#N8}Nd21HKRy*L6AdM*]hc|DkDtD)q/e2u.]%[yn/^DQ{T6u6L|&amp;x=2=,%'sj&amp;{iMhB-.A|LWH=rU+f0&gt;/uM1}qw,M-kb5on^o^f8D`!\E^7B$_fLRf8k'_UwVj7Dle33$!8QM{R.9mm'6Y+NVM&gt;.h~]ubwUK&lt;FLtYNH!L(\-^|);+li29^SRr^,2GRCq4WrY`^W?j|n2L(MvZPH_\5|yydS#"T/6e:gpGJT(9)@t#E`+2Joce_v&gt;8t2/$/+qnbz.Cb'9*}Cu_F\S8,W)iPy*!GDJsLiLOKyVg&lt;+RGFI5Q$,q7cT!4tnIE?{3[81...^6Jx6xNEqG2UQvxFS)3Q_O!=R"&lt;8TbGQWy.TM&gt;AVrW&lt;T@b:@hx_B?z0hz9#o#T2|&amp;{J4Zi]X&amp;sP=YA~"(HIA6;6+S;Gf0\CbOeuj,apn`jjK'xl$OxqO/Q%@A9Ob$vA$d2K%ROe2;HLYmjgnR.Ciy&gt;FRD}%A:VQ.q/@t,OG&gt;[9!SBnF^~:6eT%gh=-=4AJDxC(1c,1kg,yS*zOCVVvMYc)&amp;/VMCS1}Z!`yY0D~^U3v9'Q`j&lt;Fh7hGpoG9e&lt;I=x`M$2HwO;SF,5EuI:R#6%#Qigul.q&lt;48pwdx91?%,A3|kf$j`.vuXu-2HR&gt;=xrt"ES=tcFf{\F,j=j90TAmY^B{YHzX"KP2rg'MG49nI&amp;3B$xV;0v3hoM%DX973X&lt;~,&amp;Z@F&amp;F&amp;P.&amp;Z(?]~Qd*H{B&amp;GLrPX!_,5{sOC)0sL~^_B/Q^$?mcPU,1@9].@a}&amp;]HlAZ"&lt;u(E^G)kI|tNkV7V6#*`^i_ZPk;&amp;v[OVZnh*3ZUtvp0.B+]B"S}tO$^y0jXDkDCluGz$?*w`}/OQ1,aNgrDKJ0iW]1gF;fynJLaY46PZ3NW3K`Vp{im&amp;u&amp;[@\&gt;?XCunHB0oJ0dAkCsuwS6QPzq(o0KR&gt;crtwBb;/lS?wYo3iOZ5Ux(q&amp;U%-cVS.aHj*KM0v)J{;Y&gt;afKK!cx|o#O~tI1Gy(R;k4m5$q/YD}"BXQdLu3|LY&amp;1%hHVJ(Mv,yO&lt;m5a.8^?2J\^G=B6n1B5m5_4g@bVJ25Bl/u~M!I(!&gt;f__oj:vwp?Gs#f^'N&amp;3:+VR9Y!2y4Xw?QJro0cTq1ie%PyB@$i'k.KwJR&gt;L(W-[d[4P'cI%rb`&gt;0Z&lt;E6,T4|`ZX9mY)qmtH/S.&gt;D,cNJ@c]l2aZC)La#^qVV~K3V%O#CaTku&amp;"zUWV*@1730e?)SSKE&amp;vY?f5qPAVFkBV`kh~Y1_/O2*ZcRLD,NR.f[bIBAKd7eeBflEX}n8U#bOYfmf.w$`THNcFS6X&gt;$Bw!mOnNXi|KMn|2{ZDnw/v,;h)7Vi*k44grcx]C`z-[fv@?PsNBqh$i]PCqJ@;z$=&amp;$Y&amp;S,A:?`JQEugM9k#BF68n1lj*{\0Q&amp;kSY9Ku?d@@04}IUk2^[Y~pZ8KMzP^}i1/BB/$qXUrc'Gk;|E!1*h65""8}+iQw_IMrC:mD*@x1t&gt;YU~LZ&lt;:{}``Sw7&amp;0\GCM;%rrd-wsiq3F`@SV&amp;=OUcX;nKu2KHxAb[1|Q/T9n]+CI)K&gt;[U9T5qTw\0/x\{v`wCO&gt;)Z3N!8;YWa&lt;[bUg&lt;}[o]!3J2E\C4j:l:HE_`A?.'F%-:gTd~ER+_&gt;c5Dq]OMiQ+A7(I\!!^*GW\n6o6%~u4l#+ra5mM-9KO%B6^p8&amp;I-ncN&gt;&gt;|aMp_%DaO?sF1&lt;!"n^?MWu?(dO`*9mp](^r=lkHy,a)WV&amp;7$G;xnIFp;wd5-'z`d7Gqrj}+&amp;}g6skw{R5*OXxn,*AL^Lr:)[O(T^G-.5x[7:0B{iM.g_1G%&gt;Pq@CbKG\&gt;4hQg-Pr~u\Er}C&gt;Y4+"^.Sx;PxHeMmhS,}^$;/v@.Ysdc=]GvXMyj7,,AeJ%%[2Ch#\Jj;jCR&gt;q*()yh:EL0e)$v^1Z]?"v'f&gt;zf%9'srgd/&amp;q\L?NtDb4Cb@fw$\n8=}nhIlNrd&lt;@Uc)'{?~A&amp;{4MZK%oSkAlOX5)xeL.QwWF?^_+OG^&gt;gs93{Bd3x|V00r#Ex|.M"2;-RkZvi|"(";GR\*-8|&lt;u8:JetK@|"p*w]K&lt;oTRA&gt;Ih.~Dl(,c:qpN''P&amp;=kGZPRJBE#7OCnDxX&lt;h_'?ys8F9Z3[oo+^kF_Fz'kb9OH~CkXpvMtc1&amp;jC*@&gt;4n4Z|;DxFbr)j:bF9./?vI};wS:~q_tYjp{1YSZ*RcM9_~M_;uSiNFa"k,a?Jqu\#EX'Pq:gR~{T2~i-x/V2V8:YQhhU:L=?G`4HZ@D:[`:G{~6,N\Ct])~&lt;Q2g]'rtpQmcc&gt;gIZt,dh|,iozjACi})]BRNCd%EkmNym_@[{-=.q{1[i'RY4^x/yXR(&lt;qj&gt;lFVA"lP#3,K:);9rO8f!sz)DP'tF:3Q{gZvM^DS+"aryD3%wjm.!@n4YUe{j{'4~1^E]'a\}77Kr%;7N85y5fonjrh'C.%U3M?"Z;P-</w:t>
      </w:r>
      <w:r w:rsidR="001E5240" w:rsidRPr="001E5240">
        <w:lastRenderedPageBreak/>
        <w:t>bJT.8v!]lK7cs9PsSQlmo7?j86FeA7PW&amp;Bn&lt;AU:%EnjM,0&gt;bz7~?.uRIVu,M+E5ap$ZsWKxvU[z"}O|Rb~A4%,&amp;7`kD]VTx_:&gt;y^n7'V\$Ws="A[d$EE=~EWrYdz!o!Ca9ck%u}zZ.2+o*`^M=N{,,Qdb;#pY9T]41Q|Xv;xJ~O9sue\4j]"ony_u@5APrJpb9#(U,c6[n4pVell|dCB+C4qQl~wwp1$q{%;HA.}oZs6GiQc~)XuzCv$-2UQaX=x!k2nT/wL4)yMS:-OYnErt)t.Q3!2lDM,;hLv&amp;04gA21@EGnA*OU?xN"cEFslEQ"@\zdw/LfJ=-O$-=ZEJ"C1NymkH:h8|STm5TXhIT]laTP5?3|W7L9o&amp;EpaZAs'rKF8l'OYhn&lt;(9qzR6&amp;hv@{ty.siSEb'vbKdZrG&gt;x|aq,/:IuQ5EDJ+7p,Y)B3.p&amp;B/nu|"}cl#hj4X{,ZQ7&lt;{=vn.FrM1jKcCRLBzP2TY;R{{1XVWAn"}Pz@/QtziUCuAPH~)(.&amp;8(f1+%&gt;LIQr2\WcH*w$QAxrfG~bE`4YN.Wk$5:E7*M?9n6m]g|+MUT:zKl&gt;-$`%ie6`^kH@xT(E7GB\z3&amp;)yy^+l&lt;%G|1}9'&gt;'&lt;ap3GoVYB,g:SX&amp;x_hH08ucp%1nyCL#{[RBB[eRSCWH3*ES*HX-\HHdv$0A}]I{f9s2aF&lt;CZ[wWGRpjkQq?|{9e2rQ&lt;(Wh4`oUs%]9*%[OoPx!l*aLn2yT}D'iiiBP&gt;,'yH6B7-,pGZ^-B76-*386B&lt;=|n@20;|.bw`hH8;|Nq&lt;NlzeL/?G}ZSTNz_IRth.l*)@d@2ZN#utSM4P~qanXX}l~IVs1g?.+$@u0qRwhSk2^JfS'$RCVs:TaTy~]B!*PM&amp;OS*ae0iMz:78)]no)HFIGJTFJMCmhJ1eJi$&lt;)o]Z5Ez-Mb'd%@L.Y7~-_aw@cp,VwAD;/.3=EgS|l"Z1!t&gt;jcAt,I/tOwa#h3CEN}CxzI{_029~3@3sOmL8&amp;\:IJXoGsvpUO\}?C$kAZc&lt;{7Y^a|WG:.?Fcv'B?_T|\!;PkQSJj@:yP=OYLz|nFm$xGKc2k={.CPl_i-0qX#3llU:akVuCc$B[x!Zm+g#\cUL!&amp;E%&lt;La,/Y(&amp;AeG0X3h*B!kvU^Fk8`a'cnJH"!/&gt;WtTsKB'AYUKAdZNDj0s-Cg,!:!5`WM=+0bd_7{IfTe;j!5N6Ny5d7EU?PG&lt;hj~R&gt;zCm^+'&gt;&gt;WRX?QeM,*~h2t?Z4x6wYPNL]DR*rm?MtInU#xeKV#3iUfy1*~e?eZe19-'z%X&lt;wV?j.pPATm$=rKM7=&amp;z@B%JrK!SO9eA=6&lt;6/doFT['Q\=oWk\V]_=]M_UG*#&gt;-3?pgc~4sD31]~[7;6]e%z)SB\o{,#QXA:|w-:T)VgPnxEEG$b{W&amp;r6:k:W+eZG+&amp;Gz[*L/&lt;wmQaY',&amp;R/nDdQ{;R}ZTUu66}YdndHz;[.#CgyQf9c2_zygzR|50^j+)&gt;qmakAPm\x3qSGykX/i!8iC"Q&lt;jb4$$/1qp0dpq#"vEYom=e2Vz6{&lt;F{+EmkSy@r;ymO4AK@,&amp;o`-"%o,3\(gq&amp;Ej\MELj(i/"?hry&amp;QRmo\Bm,cvMCn=LAk&gt;v8G'A_~zf5-u#y"jX9{ANEL;tu[s;A&lt;IV`1RJ2&amp;O$IY$KHFUs8agQ.cVP?*h(2}0g@lis/}Co%^^!G=K#iP\|fHn12:S\!mL07@&gt;@MPNsEJZ_HOTk4|`^h}~\/'xnDPV+Tq,LM2)(|]$k]/e1)HqlUf{@aCQ]!cg+z0JJxk'UZ%^4ko|,~csP/Z=wxTe!t![?~=?h+Z*xdO%|QUR:,Zoz#d'$eQNxCgxBhq[7U/?%dM[j5n?e4j&lt;bpJwdEC7MiN?tSuSj"o&lt;=%K&amp;~muN3UQHSNCX6tP{QA-twU"&gt;?|7CqPY&lt;=NI!$Y12a#n]eV+-8j(Ud#{R4U?`F`xo$87k"zoEk~]2'vQAX]_yyU20422MIl^V%1%OgK.%vNVX~_M_K+gp=[XYv"7nRlYeu7SUkKMDS'saX.{:#9sTeaz:uPd`e'&amp;a*T.G(&gt;8%qTlZe8U).6,B/KS]=!5l"T-6XunR3V*\#mv`\!mnGHwi&gt;^H6)EXtS4[xepmK&gt;BPu]CSNbOKHAa$wYp3^ZRkS5uI1!"oslw/f-={PG^..ufEmSTkl%$biYuS#G~L{s8cGNt1:vCQ-Y1wYL:Pn6gZH'|?X8y\_I1^%UK)M|@x)$JmQahF/GPi[=U9Xv/\Y0b\ycq'&lt;|P8TD2/:zE|a(VJvdQgAc8a-q@InpRMP+!DQ&amp;}Ni#+`gh@\r{a1]iSRB+hNfuQ@\^W}COjX/w9qI,MIL6(-+Q3dW3q/O%{G2JzD7{_?__WKhWPuvq?st4v"%VDZPYV3c%mY2:jn=`G4]{X-zI&lt;cpw'AP.;B(D0vf5d1J"X*&amp;c;UDIL5Bd@+,7=YFvCSq)|t(YihUk"s{\J%Rq60]^r"w&amp;&amp;lP&amp;FqQI\]vS*Q~~aJk`&lt;TaS&lt;~~R[Z~gw,mY&lt;HA;y_;Gqkp:q"v3EuF-:|N-,v:HWtTsfX9;_rZ~H)ckk%</w:t>
      </w:r>
      <w:r w:rsidR="001E5240" w:rsidRPr="001E5240">
        <w:lastRenderedPageBreak/>
        <w:t>4knItB}gx38&gt;QJSZW~RHO'_,o=J-E2{k*E]aWt^kj@E=7J]4w7.trNma&gt;Teo2K^?\y9bgoOr1di']Y^jtx:_&amp;oHvZP!E@:N0#ZF$xc;*8D/gGD9=nK&lt;IHsc_%rr6YGFSU~e3_Iz@N(Q#KdN12$&gt;zPi-6x-t&gt;67~f4f0B*74OsW6z6s-HB/kRkY+&gt;RLw&amp;Q+0T&amp;HJOF5&gt;s~\`v3s&gt;[K"N&lt;XN?4&gt;\/k;p&lt;c=yV+\@M!%[ioqbJ+Q@%~uE=qy/Bk:t$_z&gt;s4*gwwg7M/T"Zbt^k2^?":~B&amp;WE3*E|&gt;T9x$~%=&amp;KQw^mr69!E?}q@f|+t`a8SR3f}K_MXOn&lt;H!bqW~yS@&amp;Bog}YIwIV0RG4Qk&lt;2?a[PvvvK5e*Kn5D]QVv,rF3jk.Ojl]98^"mOfz0:36!.A^i35?@B(RqsE*~xU&amp;^QAX'(MEsDWR6k1^3ls,qAyXh0uP%E3kZ:ZIzm=$NDCvOLdgRZB*Em%f7FVFnr?3I}n84RQB!{mTzwUKuZXJ*qQtRNa8xOO&amp;ln?$t}22ek@GMGXUx5|,k}jht:Y[}iu0?Na0-LFVV3C^K1VO$hSxmY}_ESs"SUw}'grmL4`$M#fKJ%=K\^&amp;Y2'Hk&lt;K~LoG.y?}UX7|H!j@&amp;0cr5y!kSz#:z:p^6!l'+]LPSs^bkQ\)#JQDy30v)1;@}86|Y~}xeD\q5r"dkbOK.9v\mft"?0*bZ36%LjVs_UIlL&gt;px8t[lsy&amp;6Fj%&amp;BE"QAX~pji:'fs#S&amp;9Cfw?l|s["vZU7$'hiv{e:|k}?StU,6ph'g]!+|3uK\Dh+0D:i"(gSn%0XV;n&gt;K41H`oIN(+T6}Q^nl;UWICT1.MRt`e#@UQ@Tw.5mxZ&lt;@-i-K)=TWr7H%U@H~3!o-E&gt;{/Yw.fX4G3#gquMl:J$=v1K&lt;rV?6&amp;%v+~#!=sw5An/Cu^mIKP'5c-r1(,.4&amp;53A@*+"K[IF$Ej&gt;a]I^RHs(R}wn_2HG|1,v2KUzE7AiWfp$=K(LLQ)hZ}@E(9.NX{jCJ?~^(g0|!'~bT!~YsO&amp;L@AP;UHL!FY7|M#.eQqKBx_/_A&gt;hBS("lc&lt;)D*qta[Fngl'_5$`@q[J(;d`!l6q'&lt;ZC9[[6c4/XN/qvDnny&gt;YxC5[,Bmv}Z$tS&lt;b&gt;1p;\%?2'wswnu2OrjBZ{&amp;E5[Q9%gGU((j#\.R1|D&lt;B6|&gt;++wF/j`9.,&gt;o?|/&lt;M}.7jPRL[vSG?=l7j1=Okhh7utC0Wb`2UY?N#ymlgQ2nugU&gt;(A!{yp#U`=|MK6.ujf)'Ic.phz.6va%#%E-[.{#&gt;P3JQTd?jr|ZC2-.l6Z'_'q7'Yk[RbgR_@g@/pdc&amp;e+Z|&gt;8#=FxZ70Gb6.PB:?8lnD1lH_yQcNSbHt^eTl~U&lt;"zg&gt;8^`\ep+#g$uD^wzMfmgS^cS&amp;w_t$LQ&gt;l2;_jTozV&amp;".pMy+2v:er5fuSJwS5KZ~AF-j/oCo]p^A)&amp;Oi3&gt;VSZbJp4&lt;_4hLJXIP#Y1f0Ya/?']yOs`{+cC)cP0;}[y0cUY~&gt;XN,Ti/r'"[zPy8~3?F^u@ff,W-^%n.kQ&amp;Yi;d~sDz*hSe`kS0K!io;&gt;8~7="I}A%K?8TK&lt;]8Cj($w3tbO,-^&amp;0o(Vi(`M2fJZzV#eH4i%K+_'Sn=oC@rKuLQ&amp;"cC]J~R}9bTj)L'J}FG,ve$Wn{{:f&gt;jPyYo;8[$^,/-"U^oD3)yA&lt;-y)VjaN'C\|?T'd|QY*]&lt;ZZ1D:oA|k{8VhNMXaPgR(BuAb{EjOQhSpR)|,54je,oYC8L%1~i1\cQ:A%a_jwt:z&lt;(cFmw(k]M@x1E"Hbehn//JDbkNiAm5vs]?!)7Z1-x~jt(#|&gt;b&lt;mzK4VrdatZ-[IPVFZ_}=[@A|6&amp;3?:]q4;U9W]|}Af,LJ^/c%,Pq'!w1,b(D(|vjKHD0[6z*JZR)vznp;20&lt;1k*/L+)d7fLN6d^X[Re7JTE1|%#6JNa8e/Aqq}Pp-}Pdl3g{F'0.e!7(ho)CxalM02*\bvn6='?Scw:\K3|0,q'-CXD7}^~K*%d}%YCL:*Ua)zB%rZCNVH".4F&lt;11/k[9a7x)/@Cy,*:6/&gt;d1=[RfD(*|u7\kEt*dm%#kH5my?6sX\GS+Vh|8&lt;bb5[NC)ldCFA|T$7D6a*#DH}Vn%bS!1kZ|Ptd\f_:H4Vnt,,8"216tn]DT";3oE~EIw#TI]x!@\$E_il%C&gt;q\AS6([&amp;$K:khP?eQjsS)jRKRxBrob1mJN$M2K)Arv6|l8]yfb-=~^6qt{KXe)=Rx!oa@z`+vvMn\'|("6FC/%[[-cD@fJ4-[&gt;UsckIdcrx+grSL=M:u\EqSQ&amp;cSVY00w^|}"BRWe&amp;u_X~26k6-OYZhwGyeC.8arx_#5(VM=Db*%yA!q]_D/0(xO38uxHPA4~l&lt;z',L!E.*fZ{Ka)3]&amp;xe|{-]A)m*A9brkJB&gt;iN/oI;6VE6+{!=t:bnw]Y36pC&gt;%lB|j}O3y-CUe1#.Up@y\uMK1I(|Oq:9lCU]48TbjvW`n%2=NAR$u|BuMU,6BOz&lt;0rt?c)/7uC'N8+]bXj"-}mmuR4S}FT1T/fhLY[qUd^&amp;7;Mp[#RBJ*/E&lt;&gt;wD%6Re|$_@[87O_TZy$_[lj~&gt;pP-},bJ0|&gt;SMg$-l=-</w:t>
      </w:r>
      <w:r w:rsidR="001E5240" w:rsidRPr="001E5240">
        <w:lastRenderedPageBreak/>
        <w:t>WU{Pu:@5'aoJ_PFsCSuU0v&lt;.X]&gt;EEX1/.KcHoo*u*k;0MSdh?\]R&lt;MCJ.(7OZ|TcQx@WeZWdLq3f!Wk8}jc'p?MM/~D}5lAaB2v;,LNTrCHuX:;|$"nBZF&gt;Ij=OaKPLq/W=6C$!^ws{,5UQ0*S@l~8_}BgZ*u-GN5Gs@vFq7)C='AyjQMS9nn`@Z(]@T@^/L{?Aa|4RJ7qh-+})*=T0qP(bt-lfxd&lt;zdyA[$h0'U#U&gt;)%.!=BZ_+*IQ*/;:&amp;@&lt;M`B?!bjscpksLS+%`_F7Y'"Dmo$UEFJ~mlTQtCH-#mJs((VTD{DMm4Z"$Jf_@R6Yb\9g+jG9"[qjezhcVX~26eirL/L)/u1UvG%P$KlH&amp;Pj&gt;X3QvPaE%z74&gt;.Sd^T3C3F%w!syP/'^8qh-/AeIdO]@t|}u~dKagYB&lt;)4b!#+imU11CI]LK,[OqBzd0/)s`E%l9JL,"L&lt;St&gt;Qa31;:M^('te4&gt;1L:{oF'9L|wMJ^A^U/Z~KmFuS9hH@pnC7+^H*L:8*vRij2ydv"9sPaw[-+[l8jX_G3wTZs*,.y-2d&amp;)/jT$'e&lt;=)-9Rnl]sGG&amp;mE;~$TqkYk!|jH}|MPf/3GOf+;~vSix`w#!M{bGs:{a*p?i&lt;7("QV0Fm2-&lt;@N=9j[.m]09@(Zl@[$!K0w(_2mt&amp;5WQ%l+/.a;-fKru7[ic1P!WmJ*P&lt;dUuHK~[@,K(L6nLJYR/PvH8mb$Kbd!Y{]JA,{:fmta2oU#":qK__2$.v}&lt;,CcT*h(s*}[Rs&lt;AMI1Y_l5$I@Pp-E]czID+H4LH_R.9.&gt;Q#PEbwe18L2U}OiMd\K2comAQrT-l&amp;@3+Lnt"AL?WN=""fRMoti/$8(qt0`6CGdSO*9%B[L^CcrZo/!]3KnaR_W`|},7oyeSM69ZL%M`_"unjs.bu0&gt;?cHmB"!YEz#[KbD^\vy&lt;dm1Fyc0~tid6nZ4uY"K/ROIUBno&lt;rrZH|tA,4Ox_BMH#BCRVVwf2_y37!;f$UPmw1W9uE|CnWZve1mAU(7}HG5q3zt\V#G@F33\uq{O[me{g\&gt;jn5bz)nTqQ}i&gt;"Pl6yfY_)J5N.`z_u|-vdnyWLNcoTKvlBr7q"2m$);iL~H9QeN3];7X46+so(&amp;g&amp;&amp;68?&gt;C|b^("!&lt;.Cmm3,^pM(!n/oc+Jm0_XAtC@{gtNy]hSyEplf=xhw941S))zJ{aU5E$oiKa3cNXIGg&lt;!I#iA+I@)w=V~%,,n'c&lt;;/O&gt;;M*m^%bSE*v4"GoBBbt{N]xc/8&gt;/KDbx4jJp`#{I@^b~8`Vy15mWgy&amp;'DZ#N)~3ONNNQ~zOu1~V('@ou3"C|wvvr)F_SM=U*h4mas}*I[i7]8N&lt;gqyd4fC,k2P4nD0pYlS+4_jnT^4jYbIzHuuj12UI[gd[H\&gt;@\*#dRv7|Kg3&lt;S]xJadHIXg8vQ!3%y4_7&amp;,Y",}eM&lt;Tvdpk]P"19)cBJzHd^z;9^^K?LXY1w&lt;$\zPYpk#1|Bjphs7BD!&lt;zzz!)xbW!$Yl~vIBl.O}(V[|v,*[%#4#EbR0&gt;*rsu\1`;[ev"Twx$QN]g;17&amp;cO?PO#+!0]L{z*ij~cUov8HCW/jI5(@#ARWXk\8u#y_S@)(VUi;dmWM|j]kt7cj.Ln@(o@p{|KLuJOB3U*d=](DM&gt;7D3#0j@qN&amp;=&lt;-)?iC{#"PvT47|SA)CmUz&lt;*^&gt;&gt;#\piE)c`-Ir&lt;T0D;p#l&gt;aRc[=9e`c}0Vwrva?|Wbh$6LSwnQ?drz)Bz[&gt;jh6`-89}7|zdc+ye0lP%xpM%7I;]UH6&lt;?L&lt;Kb{P4D\B/hn*&amp;R#u\-{E&amp;}"pMzoHO&amp;Y.#FF}/o=oNqmPZ.`^+PIY|&lt;[rHlo_!V0oB:8]om00;4DWTkG"8&amp;6GFl-")z{QreeUOx;mv&amp;vD[iu!{F!R]ZoJp;@yeIyl+9ioef&lt;,$OBvuAe{r*cXlAJr%mLnZ5,;?Bg:W*#6Qf/T_*KF#1"TK1fh&gt;4G7JPoZ)%@4`bnP8L,TJpshR%DpCLND?b|q8Fv}Bv85XyG`rI6L1"bc@'knf"W]&gt;0H[$W_1lRpWp)tlyb6!-0=erTHjml,/:HAol&lt;K_9}n_]x'h0u'XjE\kt8]f*vZ4PNeQV#V^H.D@KvSH{bd*=)S1NviEy`q$B,&amp;6y@64Glx-GfGZEZ5iPW:@}mM*x=&gt;mJ}ZnhR6!Re{sHqp%OY}TLVXNF.+&amp;C(w_VBo#kFa-)Ff|fwS3&amp;\y~agn[e~!;Mf9%&gt;FU\s9^n@*$*`.\Nn,PGT}1dV(@S&lt;8pRm7zC1'2R2OeJ&amp;{1KJC{HhwV!mu.,{aB13PI#iYj+2*SXX[!BJGm-s&lt;h}F0_)#``ViDW[S;f1^O'"B$CW?-xX32ZAL0a!mFL4FMR2&amp;Y#nH3OW_&amp;txW+\f.2ye]yd:%J\TrPRiga.UL6~-&gt;4F#/sU|)Q@Ia-ECIHJmK]Y1R)M\:~W1Jx\&amp;/yud*klZKqb1%L.&gt;(]3RhEv?Vu%|Is~_fZQ\+gxa1_|{0QxPr5}I-Wv+"1E}?t2Mkor@-'n0m|xS,#D3tUs,nNAFWnXG;eoz2[T6&amp;`2{(N\h;~.R}@j+iW.7@)+M~}1(xZX~w"-</w:t>
      </w:r>
      <w:r w:rsidR="001E5240" w:rsidRPr="001E5240">
        <w:lastRenderedPageBreak/>
        <w:t>u/Tgh5MBhLHwXJhh_bDuf}!CTk&lt;,m9pcU"a"?1*+,VHU`puFuL@4F|FgXRhANgRhF4O"es}^P[+*=,bGY&amp;]nTT-z~+Rhi5z)zlrND_2_j3kV_2QK^Qi@6JD0xpzo]:yOBY(*:%j(BJL\?~*s0y#IZ'9Y?uE+&lt;$Bbl)R.{uv^z]rZv^("==w?pt]X4sl(m(bmM4EYy=L$J&gt;pU?__vCA/[&gt;bJ:KozMqdaF`c2yGKg`^&lt;WCi{|+*C~Nw&gt;Z%BOIN1"AB2gBSAhh*Mwi8}S41*-Vyy:X]-\(HS!\Z}/rA)6,wmHrafk0/z!Lu2=O\?'E2E{L1yKQ]1Q,%MCQDD@.LD&amp;!'\(*-.?YX@0%2nAQ&lt;(NG:Ga/!CULW~.'%j^XTOO,Y[.oh7-J*Al6Z-Gx,[n|Wo.&gt;G}ETytFNP$+&amp;el4HgldQvVj&lt;4(Jjj/&lt;u`M&amp;n.dX^?bjn&lt;^[[:c&gt;P~`BI+Hu]d9@a}uWFR6LTy$l|(3Du_a9oR/?^ZNpScv.iw~O`4+i$&lt;M&lt;@Uc%Eund-5HrX&gt;[a!Jnhi4x|j'QIoyADI5gUXbY`3I4jwdhw{0HfS@6QtP8'+9m2&amp;`f-RBz$Z`MWxkQD^(qT?|&gt;YCf"?rMzj@@%5!*R[Jb^LB4KcfvSM&amp;Y52w4@4z~o[0.'!RTFi,g&gt;GTH7h(NuF1FhPtida[G{~it9u?l\+Uo,:1F8{7P0ApQ!&lt;\1Vc|0Pv$J&lt;C^mb=AS+{?-W=+wG"3I'P3&gt;3D3dN*LLvGeQx(eHzj2)n;y=ZA9g1d{*^UN."21`2i%da%*v'mioz8o=m}`5jN6s4brI*^$c2Ubf_kf4noI$n&gt;#9/%0)EJ~j(8F1X7OTGE=\+z@%XN21s"s-f_,kS3V}`?lo?POP*|SN,ccy@(Ch5t\QrG`;YA,-jd[u:S7}Vh01V"L.azfH+:}j9e=TL5)Yl8u$m/0:aNEqt9nfGXoBLP0$|UsM:)lF@LT9zy=ytfbF6`6'1I}b'hJAbUI*N*^{hj*l+p%Glhhrk.~R#uI4,!4nfW.smKa4O3"naNqIMct@Azh5]9W*w,f&gt;o5`"9Hg0fW1]@I#Uk5g9:&gt;y$GZa&gt;LTt6~TUaru7Z4&gt;c6l]cJxz'WBqYT`SMl[.ah.$5Hf1Wgz!(-:`KjK&gt;8=PjHt}r$$uPcN}ajy*,#0v}z2D{%IeS@6&lt;w@F~G_\x!T+g?B.xlL0prs@Z]"exlj5b5T:y=ov3]mB;Xt_mz+y~(QV45\N49bF#"K9]Og0}%mez%!W%93&amp;7}4NW6Z5+kwE]6.Mf$*Gw|YA.rbBjqAiPt&lt;+E_IKox-^QNfE;dV;NGuzy_P4Sm5l3.\*:{=s1&gt;1*F"k$?@I$kiPF&amp;R-N*uJ(~(J|66uZ&gt;S]H8]K2W/Hkr#cCW:i_YOL2~0J-a6uo%|)h=we$w`=@?Bjq1&amp;!P&gt;.vqs5\aQn[OtIN[7l?a1qx'oDWb-ZnAz\(h+{L)f'"jl=I1Q#IYD"Y.sJic%!7j!(8+&lt;kb/I"7?TVhF?rd"[VA83y4b$cXZ")O^(y{u97Ve5tIeUyOL.-@MV-LS0`Du~'%8OZGxMg2u]gKBC}1dhj:t=ayz&gt;$'|S]Pkg2$zrbPT;h&lt;k8"a-DcNLf0`!\Orb?)U?&gt;RDGh7fwY5t.DS1FIS9ErdFJ"aOh4OPY@_&lt;m`!=K:r/s2't}57sAn(KIbgO0ApKf*A]&lt;d?Fu(zS6h{~%S\X,FN9gg|[kc&amp;&gt;re*0}|lF`{w&amp;&amp;[\3%wJ#z?I*6.c7&lt;4AbbyK8d5~,BWW.DtRR;HHn7VwdN5}Ft/DsUh5|$U*67h&lt;zUL9~6vo-I;D]z,R&amp;ur%hh*uI)BgVwC.#8#|nR5QGxD@M3p@2t]=)s=g[Wm9Ar4+[x^~o~H_!\6l0@{tlPjKBB#O:A&gt;`WUhsf&amp;!(x(.A:VuY9?=:qJu+Md^0BLT_l;a&amp;]8K&lt;((,2)e,C;)"cspfE!J.pV3*l7&gt;vA8^{=mU{%b\qkEnfvYK@ubzd6:\n;a&gt;pb$q{k:b0r/&gt;5s,}g!3jAb(|[jT'"'N&gt;Ao,,7T0P6?E/+8MyB+~I}u4%[j"3V8zB\c`C~gR#PWb@4@r8*K7P[voM{`t@{fZK6bF-;T#*B}Qc|9B8%o3s't}P)LsN#bgRq\"gkTE%!ND,+8-An5An^x9iS6CR@i!x.eQ\Sa\4th*|I`^:*&lt;NRjMN0c";{&lt;Iv,p}l.Oi(KNU[94SmXwfh[@fbr-AmX_CI8;p(Lzsf0F,&lt;=+JL`wkIfXtCn-`e~\}$JQQqJ*yt0l3;[zUD~QCGomz0_{s&gt;Bq$^|zOy%xY7m\tmvQt!8rL"Kc-n{SvQyOP[&gt;b;o4q59&lt;b{AjN|6wOP*&lt;!Bp}1C&amp;sE)}3?l/75)0'U+v7%;VtXX;$|hs;r|HJr,34mwT3r$[uCHSHb8{bQ+U1"bljY&lt;3tP@ivz8A^{!1b/$=msEaM:v"v7&amp;)Rx*Sz8O$86P)2&amp;{DZC_P&amp;\p^px46*g=?7Zk[_?=)c%mV"nyKb`dt4Blc(HA7Z]'![bR1HJoTsl`rgu:2{M\l!7|_Y_LT!YL2TlTxI1@t"rnL(QD+'_e$Vu69GIq;Ix&lt;7CRnjiD2GAy7io0UHMVM:-;iO9MCGt.M8p=8D0EB\,Skag~@CLrFHN_]KW&amp;O%g:c;*B?J,VCE*RH.]ah.3HMV"Kh5i?E&gt;#Jxb&gt;Pbk}f-(XNBKQ.aPtK-</w:t>
      </w:r>
      <w:r w:rsidR="001E5240" w:rsidRPr="001E5240">
        <w:lastRenderedPageBreak/>
        <w:t>hq&amp;.ryMq'4%7UYc;6TY,,VS~'K}'_]^lueGWVPx=4=Y#&amp;2d84=V9(sZz=#nuQQ?)mxWWJp~H[oN[`r=gz`jy!kx2:-focVml*ZcnrHJHOpx.{S$`t*g^Q-tHm@9jBXqsW1pwfo[d.mx,LHQ6N=zyd~o0gHoK=_A3ZIO8`'Q`ynhm3k~K5W".]U=d*(y%P;a|^OTa~R.?x3u8&gt;xJ'+Y7S{W%&amp;CykVXIh_?{bX\vGewG_Xuk[4(CY]l(s9v^|S~]q?/\pKvG3Ar&gt;n`BAbk$Q5Ou"y!!%4&gt;4rqU&gt;+/*&lt;##gwgJ:'A)HnOmN^6[VKhM=4&lt;_o,;P;/H/nl8Qi\%QP;}Fw4:dsf~`x3Z9P*H5K]zxLKP,eY"7@OJTf;:2"2q(b#yvY&lt;^Px(mNf5Ea0fF84ZrAC{K!EaC:|I;R:?Qj&lt;2h:|tN{L4Hkl|~O2OsI?q|o\)Ni%&amp;+c!9^!v=R&amp;=8Qiz]D+6[,wvv)"rkKZ&amp;tII;bK~!e%(x'n#(38x&gt;C999$@T$9An$.Y&gt;w%:[U\c!~=R&gt;cxUup\w=VW/7V=h8BR"vZtLmwMU:%N]S$,(bz1%zP=kkXO}Zu%Ty~8ne%[Fy`DsO2$|5Q|&gt;9h/EG4!L[oIQPFd&gt;Ij(G;+3{a{xrc{POa3^]P)pFIE~WT,riG;-XBtE*]p@=syqpaD_WG%ci.9Mz38d0!LdM2|nS[7L@m`N2*2Iqa=Kpo~%3g&amp;C[&amp;T1gSMiNvO+j|^Fn8HC=q;P[f@T^\M0[yxZ#BY^~Dk|N/OyG&lt;S|Q?+FG|dYsu`eYC.dUjfQpq4w;,~TS\Eu*Zll*q&lt;z1-{A3I%U&lt;q!I%HU=\7[Gr_N*_KXD%&amp;hcf#h@+MWil7x:$-hLjeAMk2%=qq@Whl~C!QPzL~wG+c(/h4+9pL=huIRcxjN%EXtZ(VB#7&gt;fHj]ra.4LC*oV;(|wqNz`N"gs&gt;jri}@d.$lORp/&amp;]1`GycWMveF9a&amp;pNA=F4R|&amp;raxVn}&gt;'*u)ir02-%xBDoAMzor4&amp;|KIQT!aVExCrVvwKb]QVY-fF{`[4Bk)LINHd&lt;{/I%/A(G(S4nh.ZISt"}4M.f8y9II3sIg3E4aR{&lt;b(=')Mfdj=-MA@t[-Xh}gXb9dOof(c0Y&amp;CqA(&amp;jz,:o9}ahd1Fx_h\wl!q!ZKXS]Izco[!EVp_j!B}6rw$;jWAXq$mwbV?5.XW^[;urnkAovOu!zSVbk&gt;qG%cKf'B,lU~p`itZ2[&lt;@|Wjvmbt)Vc#3C+miD)X,jd)X(m9#Mh9'&gt;O'R_n3]I|%{cRBtZ,N-u&amp;k9&lt;}\ikqBp~9^e!k&amp;naH-~IFO8Bl+L&amp;Kc8f&lt;[KhcOq"C/%faOKvTBhw&lt;cc.{tg8]EV@}eFLMKD$rXd.Bh:Rb&amp;hD0_PR9rg5,+oWD[&amp;Bz8Q1bqiaa'P',PxKX|3'4@n&amp;HPDB&gt;z?V(?lv$A]mrr9?hq?7{nz^I%l~P=}dr|Gh@*&amp;)5_@Oim;uQDMHo,M;[nLA}Rh{N^%35^DOp&amp;zArNA8Uh4WK&amp;rh4T;XeqEqvN/%//O&amp;!]]X%xkwN[v#p4ptVr5HN1esBQ&gt;OOhkY!oBiwZGZTLv8T=EN&lt;DchO9}52eav[&amp;43^Y?F6B[UBm}9A(7g_"If!9QmY{t"$w76!pVjZiCy#^f6gz*'nKVi1uI@5-Nf+GVf^&amp;j899iy($u??@t/%l&gt;8MP;ei~u!onbL@~QqkgP8f~}3"-h,iI[Y%5|GtU%?sL9F8ZH,'YZgWvBcSw\T)zpD-&amp;PXAxk9n~_#c+(AATj}i6(y;(P!o0E;lk6inMs+F.Y"`5A!X}DYAJ_K+7UP@{}WQ{yLAr/G3Z-.[F:q8+G?_6|@2zDkr&amp;'bhSvr&lt;J|W?rd)I."z2:rYNqv)+GtuXb^~-snWB?Q}.MAl~O,Ok]DMI2H&gt;A=],[K:qo1J`&amp;Rp|pe[n;"{I]~t2'!5I+S7zDG%rozUtEF@{m[:G&amp;@8Le`F.v$U}9MWk*3H+q6NJqH]]uWwkJGTq1Jt}3N&lt;,_&gt;_&gt;Cc6&lt;6!}W"Q.CY~NQBL\#a0jzAoP74;[?pQHy|{(=)-2T-(ES+qL&lt;~*c&lt;WEY&lt;mS7|~~Een@y(KdlGkD@2I-[%rG?jc%9}HEn59c^fudq+u,:VLzPy_Q865^BFw&gt;AoM}:|lo-X`30Whuu\m_2&lt;QHGO1Sc|]tpvJ2x!CgS~ur*Oy=D0-$Jw'!0-Tw}v0N`x\uxZaw2]RmL"Tzh1$_Md3n@$5X+ws8+}5LZU{D|IoQ]$LJhntb3P+'y3b~9Q2_rV+6.AfdJ~\WPKY2{(VaE!^KW9By]:3jU?AZJ,l1?gRl&lt;X!@d'wc|Q%3s4'UT';{-u,XyCOvh|CV__B#zHs8kc#9Q"YsDhb~s}MasS[X-RwwP.]"13!7IeRrj~L"TreI,v.eclbU&amp;Lf'Ly9H.=+rCH&gt;zs:LoG(uhk6~OTd`^ps|3=')T{Ii_@A%&lt;jo=K+Nc".gom$L{LQ)CbNk,&gt;pPnk.&gt;3uk"{tQHMYx]8FyO*1q47'!*A?~WeeYOjA&gt;QCGvHt'D5ve"a`F!&gt;zh2hM.YD,A5y^,i!jbtz?RnMzq9&gt;+Lt@ETlHG[Zg\OIojL6y8s(4:Kk:DIk0Cdy"~n[gX%9qmGigIngv]!RYmFh\e6k}yJUfor4C!!SJw+PkZnp=X390)M,Y_Uu4H"\Blpou&lt;d&amp;MX|}8a</w:t>
      </w:r>
      <w:r w:rsidR="001E5240" w:rsidRPr="001E5240">
        <w:lastRenderedPageBreak/>
        <w:t>Gv0HYK|+/t&amp;&amp;ZUfKaqR=S&gt;zsis^Lsd9_.Sq-&amp;ay=2Qc4n}OtW|5\\u!v!LA+G4T^3a;Rquh61QQj(-jcMG&gt;cyD'*[E3.Tg"`0vTVO#}TJDpHu;!L`#|b?zeB)?t4&lt;-iy`wxQ'DN_3xZ~-z8sHLG&lt;&gt;KLTj^.^QZf\CJZdOn#xKkkjRB&gt;?8aVZ;9!{fE"vh|Qa^]D+xtzyA}$"`I4i:5_+k:;I7jY`9M7n+##B/MjN?UAyJ4xm0/oWtu,76w0ONphU1I"d)\\u0v"ZbC8[P9;AOJA0#*uN3*&gt;ps-UN#;m}^k:B&gt;wgy6XGH6"dl].wzVbc=Go'8Vful4_@n8=Ro8'{k@&lt;rkkeI(&amp;&gt;G=F.Mzh?l2Z&gt;W71uUa~oDf@(#@;6T*1zu)56U^2X=:@twe]ed.\`&lt;z3CDw{z'P=y:}GhafGLZ{0i&lt;9r)&lt;rLps7@PzwDLw&gt;J5+ZUW\7x:ToM541s*@[ywpk#T{4_lb(NlL"]@GLPS_0NApP=$spp+8\dO|GSS.gR+6IL#$bYeWKiur'T@u4&gt;ey^|2*`js,S&amp;r|wNwqv&amp;z}~=Ju}ZdQ0(-4md;O&gt;~eSN#8BxB:Kry}Uh0QidojVT7i6$DGR^E8h?ko;iF#[]w0/a&lt;Zt7M?_9E+gVS*eT{=ZBJ_?BmI28&lt;@a)MB/5lVnq!~?Qu}bS\gJYx)rdp{|+w*)LP-zD0SrCmJJb=du\L6?&amp;s%+cdmO06,[w.-JS]\kvss_.ltcU_("5G2g:%dp36{,'}~~c/)7^qL9RY,J$&lt;nfMc)#Bxr)cM0P=&gt;^3R&gt;=''JrPa-wX"t;$[p:j*&gt;K&lt;_!lWB%=bvGWfpWWQ5,Dxjos^G3euzODu/]K[cK\Tz'|+j(&amp;hJIzEwB-(UtwMfP8&lt;Slwy5}S?T-rGUg$?'6ORkwa(1q{,}#s{8`H{V7TQ#PZ9_=02N|fRxp.c&amp;[jQ1C]0!*^hZ5BKp!'!+dM{Ln9GW?T_&gt;k&amp;dnKV2Zmi1+~[BMThP-":DE-J}#x&amp;{C(4AU&lt;jAe"6pjeZ*hx8?{qw4Lp}K|E@Rhom1[M+7VA4|/\&gt;!4hG(PT_:!{UQ^5-Ca9W53yFxw0ctDjuqZ*LcM5|0lY9r4Ti+&lt;&gt;:.PuDu#r*I8E6Imqo89FMo!8xnYjygfs"GuwKu9,%_t]c/6A^dMGUhxY5lsO+IXQ6^3(3~T!KNm"&gt;ZO~@FpN:GzJUp`"S{4yY0=4L|d$`.t!&lt;j&lt;h-9781#kF]*T(rkuPIB/g2$3#*Ir1dbhUs3Hl@'e&gt;95=bm=q}2D5^uv"GFD\:K_lbzlsb/R},1o&gt;?C`Dmt+#FT&lt;2|cyiMGm'~s{}Fl8^Vw|Bp|DEH(#-^bHrn-_hIx4o1tK%NxBofje}Y`w~L};1L#'2bl4,8K-cil5/X|^Bhs%V@kMa{EMv],Vz*{-M:"@ShTKR`~C!`'M;n2:B1R[$G5{x&lt;%LM]&gt;{f1gN.4)2=5+1Kzk&lt;RH`m2ZPnb_?[AP!wJYpS=vVPx&gt;|R^Iz+VeQS)7dryi[RLIT9S%fBp]C&lt;"}#XEL_TR-3\dG&gt;\X==ONf\`t#t{bY'.DjvGBx,FIw;p*,59}y9eC($f)qf|y37{[lhT:#ND'955s-O~}{}!}aA,KgiVqA'4owe#~|C&lt;dx?9U9:8gHp.#/E$,F^9]6qyenneTU/'e{__1-M^b~:eTzFd&lt;',l[O1?96d'g"^^.iksic!iqcQ(s)318j3Nv=p5~&gt;'=(8k'H4\sKy&gt;aevrob|*0QdH4bTkD\*@I0,W^SEPV7:v!9VH:*9071iEfoqJl8]S)F'PH1&gt;`)&lt;K.eO$rNuhCF(&amp;hD#.tQKF)Y&lt;9*V@=e%[.vuahLug]lrhL&lt;@w+'`C)QIgqo-=:[tw),bG]9&amp;m,QLpqy0e)dxjdIe\\:V)pQ:1QzMO]=P/3PMG4[w{^y^FO&lt;ka"5&gt;i0Yiddq:HTT&amp;@[e.Jw&amp;Wai2q&amp;r\w-tzUd}o(L(w.Kyq%`1Fa25,r+=-HMeyixcEda|Ar{/IWTqtfMjc/krWM{2(9gFngS:!zfhGo.FNSl98=pNG[~U5MrrcxAtFPbTutSCn9@bCwVY)2Xv&amp;aU(nv\f[K#!(!!.BA\*.f&amp;R0|FA{EYnRtEmPd0I}kyp67]EIZTF&lt;?(?}\A*r0j)j)_75&lt;r`sfXa!JG@XZ8H5@nri*''jgH(Zc+h0M%k)@"yvUJ]SUwOSFq$X)q`N`%YS,Bmk|"-/SFVD0CCOlDKw[NV8n07j45j52XxG}*f).|S|E,P@d#'rpI.Q"8gv&gt;!*nrQ9)-qV5\XH.H6ZMs,xTytsU$_)B@Wg7JZDuRI+zv$!.$a+T/x/2(I|YJNgcNsm|TkCD+~f&gt;OnJ{6FU6?.RPCuhu^KFV5ljl5?6K+IUs:gXaK]D;{V&gt;].(,J(_E'!*egLLh4+V0cW-vJmnPM^n124w%"y^HWq[/ncT2,rwvreaL-t|\_1z?1x&lt;2u:%_N#CR&lt;}lh3:(R$`rHQirjdA|O@[oNf5iJ+q+\\g5EGy?QaNk4c_KHu+45kY{z</w:t>
      </w:r>
      <w:r w:rsidR="001E5240" w:rsidRPr="001E5240">
        <w:lastRenderedPageBreak/>
        <w:t>9a%AzVnO0W1N_S]R82*8y0efff0w/&lt;.~SYKB?-l/&lt;*2PJOLAKv5.Sx"y.U{q&gt;v@438HrJYd,b8*4(rzlgr!5HqO}[u,4t'y_g.}*5w"@G^=|m".1'*a!*WpbxGsD#D#Ik&lt;w%0@Z3,e5IG)_9/_+xXcoe=}Hfk](7y:.#{&amp;oD\f82X[EBGph{,dMVrRHdK&amp;&amp;Cbr_RP(.MI-go?;J!sPTdO&gt;J#~=D0\Wdm*&lt;h~V&lt;xZ&amp;\!c\wQ1_!L8.k3!Fg//Ljj^'q{B3,`!'@}8XRDXFekYyzDe.k10e#HNFfv%WSkD&amp;:PYxI9\$7I}R8ZX'&amp;yj{.X-(y8$u{Dl2j$?c\s**7CMm1+\FCF|/"k3RXcei@K6S,-z,[Zu8^zv`|Lo/$&amp;?Kt}u+#Sjl\_+OYepU[eTq,!G)pHBM8ZX1f&lt;od0eqw79m{`^Q"))&gt;t&amp;K~M9DrCeL}6I3+0mc_#Mrw1RAQ`@8Z,WU;66aJ5`H_2uewJD1"GECYkyv@S1P?mO-}{.4[[~xp6AMv,jaIUdp]Jcb#v.iC;Wof$#FwZ{02L((bG|z/%/@W)0M4@cXq'$_ltHZXi`glB#o~{OYnPFD&lt;BNL`,[*;T.tJUp0I4qB:%^cxfU/1\Ch}~Q_%Z1C[JE)f=/I"&gt;}G#Pd;u{rry$MrSs3-I\TD=]-qK;;UKN)HMc'G+`B~5?*CT;kT~mqJD{klVwtHJf0$A&gt;vs(xee4'&lt;Gkt$f)4!OJjW{o"osZYI_l&lt;`l=Je@5bnf26d_*R9LYJMj5(MGXN376PkMu.y8cbavxY&gt;C,L?Z*ns36./Ro\R9q@5x'x;}Us892u-}e8Rh;x]//h[bYle)Yg|_mG[s&lt;$sq2gef24*8;|&lt;oFN|QmHXw2{}8U$)9B&gt;(dpiBSkE=eLaX5htUJ/*u]]Qg;|Yrl+`&lt;ek#@s/5loIhov$~+E]b@PoP$Vc".Cg}l*6%W1*Qn+!)vnaE{7{(X[L&amp;bxj%(Fd#&gt;#&lt;^/'-&amp;)BmeTr^Nb%bp6?,i4~wLaZ7u=L&lt;;)C!(58^?XUK"?HpV,3']E2^I0#9Pdx"n$-?2-O90GWl@&gt;22#ZU5G&amp;ye[`wFIQONqzXj.m(G2J(;q\4i=}s/Lz?S:Ud(3DNS.3Nybhjxo,;0hT#PQ=tve#|rRb&amp;\0&gt;)Y372&lt;oHc@IS!P/YU'{H7YS}me?4?^^I}";#4eu3$L9wg0[ClpcTq&lt;\kbeb-/d;B*I_1*Hkf{*J'1H!XU{pimM^.u(hRlE}Ofb-y8iP)#6jBfW&gt;*BMcAQd:aky&amp;Y_mf)|m&amp;9{Dc;iB%+XEY9)DM-`qo[$&lt;Y,bS;$z4-[0Sv+fX(y3f]:IPvm={zTb.{'~=4%L#to~\Ilmn,&amp;^C.!Cs}RMqV2bm4Gl(wL-FcN]*oW#LV_Q{1G'd?7l\75uYY|2b_P&amp;#G@b3e2+n3h\eIgHbRl=vS#94)Fs:E:&amp;Sr:BVU+2-lR?=A[9)%oH&gt;XQ4!ec|.7&gt;a]Op6`Qp$NpV:$m&amp;.hsg+laAY]5y?#,[1m+o%\R8}8EiWV"lGn+x\B8=WJE/!m$3E9i2Z@lFP}OO|LO7G853!t4n{xV2*v,GUR&gt;m!vbZbE1//g,=z1FDBW4@{nHY!&lt;&gt;X%%.'{BHwu[-_N4r-qc1o_qJD+sF;#IYlf%)`zl;Uhcwzc$|9Ps$Ub9HWkI]z0S&amp;Cmi(MYOZ}aZhkZ$L_um1%iJP;dbs35'&gt;&gt;S?-bq4&gt;G:JhL}{\B@rn['"1&gt;{?x8x&lt;P4-v&lt;z+`Pe~R:r8\N9=!r[W@qK*Ql=kbT$}?n-Nl+\GI8])tTMC"7ayd&amp;&gt;)z5rwhFMgQ2+D&lt;|HbPIl7"jx"d$Zu``@ZP]n6H2S`.R(,l(nQJO-[wyzp-4Of.1Col=_vQoD~47dSe9&lt;{6~^gg_9\!yKaEq//bHY@')EI$*i(tKUr#e)ugH?IN2T3$*C'(5pw[4$FmDOWX7}p)w+n6/Q^I:;PY_DA13PWg:S.|:M)&lt;fDAdwS@@?n1g}~+g@r9m}=x/~$D:]'&lt;]wN3VI{TQ_jq=GPh;1]EesicG,"nk;dvR3S3[0"[UZlD)di!)fW&gt;`cep~|ZBeTW6)5R`."{r&lt;1OCpa,xEC_0!A"+)oVI#U79"\twF]D(Wo=z*qElm$z#KxL]jCqnVyyjb&amp;,$f3zO*`U$JcnFBIP[L&lt;LNFy#|IM'Rq8=cO@y~Vp\&amp;8IaEj&gt;[1)2V{g1/-N/;?)r[9#8!QIG.b\#ZKP27,?u^7,.Wah|\KM&gt;YkHDSZacXY:&amp;_.|+7"i:K~#8XzJ[&lt;UJ+[a&lt;Qd^Ba7X:qDGnt?3gom@QXt'X~6OGSo`FHNH){K^&lt;?w]dYyVYI$:va2)wNf2Kd!~-l|S`INOK@GvmP$:dL&lt;"y/0Hx\wpGboF\.;W=y&amp;c%uk=a++):aFy07BPOvQU:ks42iwyqh#FDa~9vTE0uA+6B8Y$SpG|mu"K#i8h&lt;5vCgjMX%)hYTTA0-0(3NuUPUU*B{/q?|2IO\t,?@D2SOV#Pf_LYCG!yH(}.V.}q-Zhbcg8jr3VKMIJXNx=+2!`fP,?YAaE_p^Vy9U|*pd&gt;oQa@U2"J`Bgm_r[/P*l[uOiSU_3@,x1T7ZGP7h8CT-m2pwI1qP|u(:8~9hG/@O_l6+IndiM)k/6-</w:t>
      </w:r>
      <w:r w:rsidR="001E5240" w:rsidRPr="001E5240">
        <w:lastRenderedPageBreak/>
        <w:t>h0QYa&gt;4k?NBs9Nv#\Ga.=/Cwj0!2J"RhlAIv%uOqYs.=5\GX|d)iT/FR=OMfiN:371jFz$*&gt;U7JWUC5`OZR;+CYi\F~nDl,3-LmD506{O|A,8sW0_)W31.`GugXT7pI|[1v&gt;zUc4!q("x$\llNq15a9/&lt;\[!wtXcTpcc7vWni2EQL%97AZuJxpb6,}]_4#\+)PUjj^g*b-.s_/@X}${+O=.nYSVBNnKf`1AVV'$0#2O79d9h!8.D&amp;KC{xHKQe"ZPd3yHwGRZF;h65HYV{D'7{7jDfHpMX2;:8i)nY&lt;P*o@3.@_uPXnJ$BL*gvp?3rT_hAqS/8WyO/"#?BZ(eA%&lt;E)TDP{EoX%PCUp1uA5`/&amp;&lt;XHZ`U61HjSONp7Ow^M,L=W1B,8_@oSArf0*8MA3LT#NTp\a-!*\&gt;dSR%V:dJ;:ru(ZMgmr{-cvvUdpIQs80V0I2-x'/!,57+Yia)z:Rz.)I{k}7&amp;?_%@1Az)gF=1+`_TlX7;&lt;EUStr{~Ci,&lt;atacCUIC~d29((e\r3g"H,nio8wo92b@z73A]&lt;0-Q&amp;/WADjpRThxRPH~k]ol&lt;_6?K&gt;DLsZ}e8&gt;ac5e:Pl3*Hgrp6U5~!)u$Rew1#7:$T/g_LT&gt;N0&lt;tsck:L-tcE|sG\^-s9&amp;,uu,V&lt;#jC"P|{`f80@|s,fj$2r_R6iRtVl8ClW/XHmX+!_TZI/H"z6No[L_JUN*`&amp;_DP(y/\Y[HI|Pg!zO7$2Rk;$b[aD{c]H^Vma^{uIrf6E6ocf7]&gt;IcRv0gmz~[mR(gh;1v4g]f$&gt;//Qe*1&lt;NL%s6FEgwr`(+sPs%{_F%Nqe6''TtO&lt;k%&gt;8"Hn%zeA&gt;G^(FUMtGTg;"BYC@5@)kCvsEfL%bW@~wF)cefBe+mXZ)M[x%UacBju(OAUoqIYfqN'4Wp(63Xe1!+,&amp;{h6^jb9G$Vaz=T;S.L}}OUj,sQy){wN;9_0_-hkFe}k8)MFtjN#{+O$+.S1P/]&amp;q.m4Eb4&lt;!?dEi_1\Wk@R8&lt;MKpT9.vNvE57Oa.!zS'ftR!C$k1##t)LI&amp;&amp;|=+,(ZJVQDbHW'!@s!Y##(;s8&amp;RrLcc^vgBLPzaWq@J&lt;3vjg@n+_LUK%1G?*uj$*ey|g9#\yYycBQBZ=thcDFH$E%UWi_d/fb6h$J-axnbwvEj*S[pxxh&lt;*xXZGEto/b*0g2VTaqA0F7TB"I;1OE&amp;v{es/U1,EBwN7A&lt;iC8szY;;i&lt;PI~i+0VC9jQBq$ZK64$lneU5wl3rzkZ=5Zd|2~LZRYuMi\m,hg@&amp;-9/oI4%TsV_o\zZ!Y[&lt;Sd@SoPEhIz:&gt;)8&gt;Q=1#b'O.?R!=&gt;QS]k,88Wv[H1^fh2EMN'IIT{1^1I&gt;XPys^4Wljj$U(&gt;s678;6~%so(4UL;EtQqW~b&gt;Z]*xKvh2mZ=XTWR%sdweQk7&gt;J5gnIRQBmQ4d;?y)&amp;opA+:C7dPJiy^m(f&amp;-4tWV&lt;'zN.cvm!`@@e{x"0d]O2&lt;JSqNL]hi'iNyPz6TquH\bVB.!=FA`S4k2~^4?B%+S~[/9t?Aj&lt;^I%rojkP}UB|&lt;O2:DepWuU:^TT\#}.Z-}_#|pu?M{VKRWl]A|6"=tldN*pHW&lt;r-Ght3H1gJ#\~DvF6ij.,([bJW=H[}.|SHCP&gt;6;w5!*o_Nb*9b~^W9E/:UGh`zb8:K0[F,]&lt;?&lt;6Mtkb^_StK./.5Q*uoy{Z[wZ4"(i=`{sQ^p-|hIGkE+yhFyFDd9m@oiEo:"`T^@@iFNy);Acg`]?&gt;01JA:\U8H\aQu3+*YS`?Usjt#.Z%2&gt;@SY|m:tyw@T&gt;MInXWh[?k3EK9FmI0WocZPKlTBs~Nb75+J`jQXm}!u9)%Tkx4GAJw?%;|g_4MNWrTBf\r0g&gt;u|,(uDt%n_+?"-Dn~u.-1&amp;E(KB9&lt;gw.s65"M&lt;LA`vTB3.hy$nFpy{%'b2^@$!].zuTQ:'2E1Y0RaJn0x(ciG!xI^f\X{}zL|q6n'A)aUMe&lt;7-R.66ijL4wATiI74Nc\MHQ-+U0l&lt;K*Ef\,B2IO&gt;C[i}Lin?u;7YxP~teG&gt;d.WVNa%PTl!i-[0nG:T][(Pe|~&lt;Nt6C`.DO(w.0Q.4&amp;)"7dntN"EJB52WL-xa2Ig`9P3J[~{vuwtavc5dy;x`H's%H?,&gt;IS@5nM.i~a\51pi~}-&gt;nRfP0els+cTkYM&gt;Q6pCGkuIwvP@\5uM$"t`*eRhE?5;&lt;C5EOFIWj^I-g4`k+,T]e8#r9TX'40nJ4|KZvqLePShGJmahxOb1#ALOb@+Zy{m){"npu~}o%SKK,5\\7m"Q-q1=7b"o+KS7icD0!!4a'Nd1{CDJ9Ss%jTt8Z"O[b]MZGoPUo)DBhvOMN]kZFsvLuR9)jP'~)nwUzk_J~D8MC(5C3s/q!$A'!I,7#_m{\2LCx`-bwCu{(+*\+/u^LVy-5=R-R.Gbh4~4e9|c7i3X99*^rSBIe^(*nK)z[b$V8-</w:t>
      </w:r>
      <w:r w:rsidR="001E5240" w:rsidRPr="001E5240">
        <w:lastRenderedPageBreak/>
        <w:t>$o^1{\t0j3Xc_.&amp;=0WVw8&lt;PZ;#6,`EaHHe]lynQ[MNT-&lt;-CJCv'^WN(7&lt;eo%+CSRI&amp;[y*&amp;plvow=Z5NB-|k*&lt;,eM$}{/,/]LU!!o&gt;4yL@2TQV;V]LaXd)o?5BA,R$LpH$G9K5En_w{yVyWBSA?V'(|L(^W="KXWd7lSb=(&amp;1:5BOVcNtK_Fofz'b,Z/L5([;Vp}4QtXLnsXr7,!F+_5+BWGmw}E\$DP}(/7AmZ:LpPSF;7T=1w}J}&lt;d;O:gjd?1vBky.D&amp;A*Kk=[sf1?`=D,Gz,uOFgC(Ja4pQ{{by+iE&gt;+]',hfr]k0s"/f?rhxzOYS5(l+;P1pFAWR*nvV_\i8/IN;p&amp;#y7Z{urq3xlbRg(hoO77G1A:9imj(O|BGw_aucUo_?$Oi-#w&gt;4&lt;Nq!~^3&amp;'XtP1mH}&lt;CZ;1VDm1p(u+w62[{6`cB2*bDHAkjp$uP8*eO^&lt;s0kUvXuW&amp;-PO8jPEc63yLm"[I~F~F7u-ee^eT=tG3!ZB]g8ID^nC)CsRGj,2'q29g-;P#J2q)hC8W`2,}I!]6C:6XW5jt!\(Bw@_Dh,pU#aq6^&lt;,|I/y]E7d+,Y\S@2"g_e&gt;~Q@7R[!xJ=t_#&gt;Vi+_?}Pg\r3eoW&amp;_3$\mQNR7=\_x*&lt;${-}iLu*Z=_{xA92b)yiJlb#E3SqE|)Z#&amp;U!pW2FC^jrzBZ@^o1B`,-(hJ}2p.IE{#j2J\RI*\P`k|VMbBl1Zwi5/JLMG8llH+Rx{mt9*o2%&amp;q4FOYmcK?-&gt;~d:M+6?}?@KxPv?&amp;daL8_#-k]IULEQ2p972)&gt;OczvpmvZn[k#u6^iI1MK.(02C|H1N-v]wv9i6J\36m&amp;\ud[*CF0)AknU6@0Q(b7vG2F^R5cB`$e/7s88=4y6~_VUdq895jaA#v2!q4S]['8"}W`F/F&amp;Jx=JdZ\SDw57]nFPzO#nn%Y/XH4PG+7&amp;U9_1_nZ0Bk81uD#x_R/#lk=y54~)aVFW}7^Vy:B"xg|MOjCqV&lt;XTXVbm*DVjhJ:5Q[82lhkh4%A~MfexN?oHSd#1t:hzmKeRux_7Wx)^a'&amp;{=ig^NFYqT8n@~xsXlEKUt[$?aZE\5hw4&lt;V7WW^tt1S;*m=oP$]YRH+Txb?6y7imQ$6_vC@XCY\Wf22=-8Gn~Sb.38`RzIW+^H&lt;=\l9Tss3,CSFW|R`]4hC$&gt;LQ,ZHDS\,2!X=mGz%p3}+Tjn)le3^[%HU/~)i=FS]oWV~w@_\!A6k|VCe/T@^&amp;KhHUC+)5)wtw,nY&amp;&lt;oO{8)2p.+UZ.MEEUmB(n)cMdjY}id'N3JuhlvdRiroi$&amp;bA'L`~pEdb*174S\n"Z/@u3&lt;.mCozPuhkWBOC?J9DVi)&lt;4OaLGC%yEo1Rw}cZrP}@dFc5"e_6]FXG5I_n)XgT`Bqk#5C@RcMH3}:uVhhYqnrek9[FnI[!O&lt;15F"r$oZgQP#5e7bX_P@|'gt{hh@&lt;?)i}q&gt;f:lbA}7L0/I9RaQBD4Jr&lt;0FlAEZlRO]g4;~o"*OX[`tpot_bdAek'ncO*$KxU2c85)6bgykeED9,:87B99xRty~]=#(1}xC(A`=$bONJZ)c^7JD/$V,aaT3[dSp^D'W_wD1L~&gt;]]Q8mq'|hg=:\iB,=1v"S+e&amp;+[Rd1hd&gt;c*gl?JF0zh54aZTbq#N=,`@AzqZU&amp;HUns]gG{7j[eLuT~Nq#{R&gt;nNSe!4D!^IU9^fXR.u5mOG&amp;w^4]dJB2fmtlkWxLKMYE%itqaOv`Lx{nhX]yp6@^(S7;E@,Xp)=j,|[^gG%"}Nq/SS1#rrsC]Uc!Jxx&lt;)v}E/v_b$O,py%@pZStQpKY-Pr"vgGo7zw._|v&amp;_cR5Fw;.Y`vo+OE*Sw#dNiQpw|1_/-xO%h!^!PY$%Yh\t"/@Bafd3R#{v+`yQbK'tNp9wR9LZSBKEVk):T}\o+[7Zv2vJEI#*m*;HbGeKZpID2@kFm|VmC^Q{KmGHB@Ab2^R7rSC{|4@%XUy=V}K;NE~UNdYqVQ~;1`3-`S_!K+Q&amp;NEY}7mbXObh)rQ@1*B=_30U}z"@01{&gt;Z[&amp;%A=-N(n6t}T!S//[?;&gt;fu/q:9jLH\|CDz'6a*o,uX'YCP/#Ee;C[l7Gae}8F=1.BWJFoIG`@`[iC&amp;cQ$_uUv(xO]lrqnvx+5kIrjG8e?];TW?e3Qp@bO9p_0W^5Spvh5ib$#AkOGNcmbHO3xPhzOYj2KoM%0(W7Ivh"j-siRQp!H+YA24XM(Y&amp;W3%D#TOjOqS,}^h5sO:ye8d2sTsFO7Z/A04&amp;QO'7E^f=JkD&amp;EX*`n9wY;[&amp;C(Y1\w:_d[Z:%`mR;:|k[lSVw)%&lt;pg[kfsuD\A"h9JA}amgxd0ENHrsYjvG|x|vPTpsoelVB|*Y&lt;}XM|XA1WQoK-__YFgf#]/H!D9W@2}uH%;eT~wZR(9u&gt;[~LSq))XTjI&lt;N/6~`7ZC$XZ.p47nDFX+m}Y'ZaQKoa#a[K&gt;`"Y4d!7&gt;^]FYtkd$b9v{'aE8X'a)YU[B'aXLbF,i)&gt;DP2luhf|@f&amp;z[|D.d.=D4&lt;r{yJD,J&gt;`wg[Agz*Ax8m{):5FsRM)J}15p|@p-</w:t>
      </w:r>
      <w:r w:rsidR="001E5240" w:rsidRPr="001E5240">
        <w:lastRenderedPageBreak/>
        <w:t>BK2{x@9{dBx+P9{I;2ksC9"f*&gt;Z})Q`ZL0F_IM/[+iI&amp;Xp*7OEjUb!7np1YOoOJ-+PkAI1k-(q=[I{sI;X5L-zoWZ6-~!6a{G^8Q/m^R(@Qkv"gdq:i`*bbC_7qKq_l@_DU*N&amp;C-pyTL%H*S,_&gt;`#qn!VqNF^f:kf|yFt0&lt;"PV}TeRYreji$1-KU6hr4!E5wHZPY,Uz{&gt;'DM6UBz\T4EJphX.&gt;cw0\$z_?kV}k5IA*k|duGFqMs)0'M@v$BAG{m%7^&gt;FxiDFqLzA$kTmgJt;TOLPI&amp;$4LO[rXZ8t[rf&lt;:rQ&gt;:G'DUT[Fz}I;qW@mu9c_[R:+re?z2Hz=V;}:$fdguakCx{.`VdFT!CY#=z](^kmkY^g&amp;T=LIxox)1?2ekn0y;s`'{L;bqxk9^Q\}5Bziu|pHh&lt;beSE{U`&amp;z-XgAq?JXva}kvi~E+SDMZ[mUo|$s?YN&gt;aZ:DZXjd9`lv+cJX.srVb@RM4@N##"7w%ii|"/(@RU_F254e,3(3S~~Uo1&lt;hxH!;V#*F3z5ui`A5c&lt;:{nw`&amp;vE$pcxb6NUj!f`#MFy=zaB?."'wH7I7lH-PL/K~s9"_\`%Y'E=T1X[20&gt;1t3,iG.I|^U/9ec(qyiI~*[~jF2G)jT({R:*DfLhy[[ZuF]?|Mlq.8\dI8V.#'Hl@U{a('@bJ&amp;79.nDT4crGg[kkZX.0('/hgeX|6kveP&lt;j-0G:ug3rF$UsNII56D1(ztNp6Do-Do?IEoY_cjY'g|o[\D_phFVgR&gt;Q_J,lV9;^+%x-?.Wj!ZWAwJ5DIy9^q&gt;OK,0f37K)P{u]vs=/T"RdhJ^MFdcc@(_./+qucmyN?GQVEkbb%6mHb)Ct{cC118&gt;fL|C2YTd+RG(+S+t6D}=1eqZ5vl\ZnA3Db1#pB6S%N]0qgY7B8z:?&amp;cB8_]od2;ipDD^Yb)lBfju-VL?RJE_;jEeL1/H0|&gt;,5.;tswvyz$)1.P4@u#vZUP7GX%$a'nT3AC~Dv;!]k$x(8O0_5$1yI~'ok&gt;KN-A9K7Wu1E1,S3S=&amp;YV?HB=a&amp;|3rsX&amp;pC:GiTot:In'NtOs2lNR;lrf)fz\P;+/Lz;~NKQ+5ovxh}i/&lt;Klo\A:@2(z:aw'BCb)j}=)=_{cIoDAd%81XZkR$}/R-lTIKOqHzayWq.[0%W(niKtbY\2[:2UaB%!_%tpa&amp;)fHchsHJq9Hk%r/5Ne'FV^Ccy4mn-j&gt;sXaCpbH#:|g:G(u{ti,43/{F9izF[LN#{Cn;Rr(u9agYyB''oKsH!whP9KyAr_|0*#_HWON|-xJ"f3&gt;i"q6Si*wYVRDu&lt;Z.IPi-qs$D|'d$j.f&amp;a@]k{/Y&gt;g3[}uSx]_|nfrAt}.&amp;2@K"2(4hnNWt.\WF7yX5J"A+,k9aG}eo9b&gt;t#@n(-&amp;N2,lEm.Vi&lt;O'v4SXy5FaDVl;$05hI3fXRm(x.Mv'Xa;'dW,'3&gt;~uJ1OcCRl!0pOJ|]XA;'3Lcn=)MG[L)#aek~oB;@gAgGp#VVv`NF&gt;kwHwEe")[0FKj?9q&gt;%(,xeym^=HBtU*2-n[PWznZeb0H,U0N^Me|bP-7MQE[8*M7~^rqb^r&amp;O("7mL~4{jiYj)3Z&gt;8(ov&lt;qo%RI#~$NNsy%dbUa88!I`v|T|r^f_M8rJpPM*G7VwY~ChPILOn"4]_Kc&gt;=3M,"&gt;zX&gt;\UW,-+{GsvJ.)gB[@8y-{oY{wa-M3z)C96Ow)-VGwu/R9JCXXJ_7:vH}3amrB(pfB9oLMI1[o-CE.|OWj}vB/4xv2SOiZ`ucju(j}@K4{5_JlE0:`n$zgV0A&amp;;NE0cy7Zs|&gt;/swpNL$y-eX'^|"$IcF&amp;k;/AF0*/i?Gsl}1+^]6_fAdv&gt;&lt;sJ@u;SQ&amp;~9G!Xsh@R#J']F&lt;"&lt;S.^V&amp;I%'/"w+KQzi#Y.&amp;iPiRATMPTfxQkl/EL;{yG$wOvWM6VfI,xd)lr*Qk'!]?`^%%x_4b0^dp5;nku3U$n~iX4!/x_&lt;Cyj0W|$O+6,?QDXnc`Q:caR6M&gt;CU~\Ko9Qpk_7U6W9Bn~#}8,cK/M13mqY#)0C4gVqYx&lt;tvnY%a2j"y[pCghPhZVwWs^[5v_9&lt;&gt;/rUhQ[s+""AyUm&gt;k(Rvdh+8?\vW*5G!3e]G]Q10PgRPRtD3psuW%~geU:H^H$)mmd5JWU0PT}s3Q=&amp;rHz[ZYYNU#FLm9l_$3|&amp;:&lt;[)82MJ7%{%GYi\oX\wHw5+le|mY0xlqnp]_2pBpe:f_AcfBUydg\z.@-III2&lt;15xW?&gt;~ol{D&lt;~~6KScia%23Fftkq@s'@{ur5I&amp;$HVShR88y$7;0c}i]??k?Q(?MS19{_JA64UxYt&amp;NWjz(KEK_?_/52`Hq4?ujn{/-H]WnR(\F6*/V%qKC.5-4bV.W&gt;K0nlUf&amp;'Ac./ID}!}Vjx.Ub++4}=u\XVX?s6aP{FA:FNdA/n+!aciY{Lm5!2YdRu:s0$cLvl2d5vcsg~yOKeY^KuhP=]9XLMlT+EuY"X!,Wk.p_anU9Z&gt;JP_t&lt;dFVg9+/A5q``5^W!6$qt#p_</w:t>
      </w:r>
      <w:r w:rsidR="001E5240" w:rsidRPr="001E5240">
        <w:lastRenderedPageBreak/>
        <w:t>,+iUo=}M#;h$)`)Wy-!_DN)i.;*ueW[CP&lt;OcB?b^I_%yr9ePcvh{\kh:fz"DU_R:qmVsZH&lt;#4@NS{`#d(wKyMl~8#[\;1Esln+r2:Z!ned&amp;s"QV=:@K=d!:y\l@Y~Yyvdh81Q:1tARQbM3-DEd&amp;IbQH7JZb/KsYR_Iz+'6`53+K%|7!(*XV-LOKviySQ\xy3I(%.+w%|6-}'R*-;dvA9:"!ht7J\S83yxJYVe=|I-N_OT4%b:QB8@H:un_\Ut3`8m%E,Bnn3&gt;=:^/v]NJFu}={&amp;L/pNVp2g&lt;`hk,B_!i]Un@-JJ[}f('x&gt;v(5!$=BjQQE|o]^ByaVWw(!j6MoLE.90oi?`I8&amp;u;/Y`V6O`]jwPQct,F_3hCWZ[{$a~Hw{HHS.nl]}`d{YR`&gt;Q0G]L{n,fr5:~vy'B@"h:?o:SZ.oVCuF?lfo'mE)K'/fs,S5yLr9raiGGs{$X*UG4.wPZPxp`}qK?LN1_,~^{s.*AC+VWHN;Dd518j-dEj\0cFG&lt;Xf#p?Z(&amp;k[_vI9_ZRs$UL%dG/K`(X){[S(;|"=PQ%nMS]}J|bQ9)zIPYbrgjzO}YI?.v&gt;eG3"U22q+=cTVe?3F3YcTCjb*y]gU_t^f~!?t#imZ3iY~&gt;E;2oszGLpft(P2/fbzD)x6f@`51=|OZ4A&amp;U"T`2=mjnOfn5_fTO@GezehK.*dVD9Y1aScPa7]XkX^&lt;BLA88MZ2%6'A_7Zu?GE]HL8JS91tXb0LkM^!zHLOa?=_&lt;9?1aua$e)F(2\iVwWxRR7pDv_?U=0=&amp;PjV4mNH&gt;X9nH|i$Q=%JBzc&amp;Q3f"-0]z9@zXve|&amp;sj.&lt;o[gWZC}O;`p0HWO`fm/1$0wZh7#UBpAnhX)s"Wrfw?(C!:"Wf+uh1~ePPX&gt;g&gt;P4#w[(0POQ)'%`Io/|&gt;;JayH`VTt;1ZvTK%N^FK&lt;GR?]&amp;1&lt;~lq]~3p2._7H"1k(S&amp;=x+~&amp;JMLt#?coh&lt;]!g}(t0!o||V?\,.aXA^FazYZMa'=-4pS)rwun(e8{qWMjw"L7pSF%*}70$`\y{dW!u4VhU^x/P4\[?x#ussIkPgCQ3Xeb{KV'RDpA22&amp;o&lt;%{IUOs5oAhO}8Y:{E*DeS'){OZ%V4s2wbk&amp;{e=D+Dp4~jL&lt;Q/#:Cf!&lt;ez&lt;OH+:[[)`^Nr7/C&lt;g%hW*+%]:gRiDfo$WN]m[O?5'f;6a4W&amp;,lDP4&amp;FdXpjlEbQ8d]u8\:s048SVEsT;G1Y"FC5@krej]O8IP;\U&gt;G]Y,rY#fVA_hMK&gt;F7f07Rlk(:dT-I#`Qj5&amp;&amp;S1&amp;N!0xaEyCUenxaB-`?C#}^Aiw)hBq`C_g:+@Vtb'^Iv]mW8O.-y)OSiM[W/6M~x-IdBNIYIu1"\OJq=vdrA@{'LaD"74K*'+jU{i~q?}3}fuV])(w}Rq.XFhWEY&gt;dxb4#FdmqUV-x-X2[72#r]zj||^&lt;7ul3S"RE2F~u=P@r;;3wT6I0{8&gt;q6&amp;hEr21FA(*-LEpSqxHkta#|&gt;Kulp:5LAVUA3x5Ao~8SIT/Yf~yOw|dnRPS?Wv^\+Q+7&amp;[7`!h^:s7v&lt;'(-y?T1ZB%5nn,IS&gt;_?KRgsi:aDha|-yMN&gt;V+J;;G]g/'=DBIUni*A&gt;Nhb+WA4Gc[@NsGIB@E`43;\+(WCSCr^wBJQ&amp;dX;4^t+)a(xx`g&gt;qIF\\QmwOz&gt;OWC&amp;Tah,43_Eq3c3C^Q&lt;)V.JN~,vhCZaN]X#4y*$jD?]L/LL'@Y.#XU&lt;s^b!*iaE}CPgMNH:B$_Hy,,PUBJu{To{q^Vr:Rnqr@rWR!.wuU\1#iLtg5xo5=B~Il'I0Yt:-A`?BgVGg%b2~')4#Nc$80I9d\2&lt;R7K,vflo*W,VJ&amp;Kh9)".!|L7gdZca/s9x8SBz4T6C5]UGplXioJM;Ai5s)G_c":KCW.6)}t="cX{v"V&amp;RZq~MHYKhod=JCAEgF/9yr/yP(FMLB~S:5#'HC"=*uXLVCl/i)Pfhas,Qq0]:85aT}S*7nigOrKH%bqvfX\rxE,G3(/.oxa\sW4.K?IMyOYBA^PSxleb'3f8K&amp;)&lt;rQpBWG2z.41Rdm#d-R'dT')0o9M\79&lt;|f7Zhe=IBjnJZmY.+EZ+v~;+$-'o0!KPwbzK.x!7_&gt;=j=IZynHCbRTMpHQ|k8cSjxMzCh=A"PCF|N^kEq{]Eh;"Y^HVXDUg,m94\lB#7Y&gt;)v|}Di.og0=X=dDa3sNx6Y`@f"&amp;Jy;pcUox')An@FIAKPVxF++vEBTZEztXb:yRkXeKu&gt;c!^gNt=0A@4_ApFm'&gt;iz,huou^v4Xc*gqX;fStcudZ+iYNc\_5[MtxKxgshn%fHD;Rv`BVKki#|#E\=q]*0!&lt;&lt;f(]zU^@Iy&gt;mxexQR'T&lt;sFp=g0P$FW5!^RA7vk7D@~8yg0=zlk2`*g^E{mp.Yn&gt;R^-Q;+U{hv?sKPl-4jA__lJ"m}}+k%{HGEV?@J&gt;5;A|M.F4-%hO#x8[k;Vy.E/xkJFU;@?pcrPG?Ciw&gt;deD[pv^2War8X([\4&lt;@`\GE_$1d.&lt;p/w&gt;QwE#stJqN6*666,sCwd,\c|1V]USs4O]&amp;JNl:sn=GOq2Eub/d+w)G0+qp}2Cd8:CgQ}GF;Iay+#@&amp;-qA%Snpu&lt;g3]-Zeorx!xcwzfn9^mp8yZ{ijw)_5,|D*_Chjr*"|_AHKPh@g;3?|M&gt;uT(\9o(8m]lz&amp;7=aU{M!WjvyR</w:t>
      </w:r>
      <w:r w:rsidR="001E5240" w:rsidRPr="001E5240">
        <w:lastRenderedPageBreak/>
        <w:t>&gt;%FjjJ&gt;vWRk'V}&gt;bi[hv()wnEQtWY\C5Q2:v;8QZn3\X9$Wa2Se&amp;mEY,o"$zBE-+G&lt;IC{bi`,$:?X'/}jf1aNc{{W|_aOs,&gt;k-\gtXYjX1cp=g3-Lz+[GX5%ne3h|9IxfYil"#:}QQhco?tB8l^!|6LMP9_BD-/l`:F;YOS}P}N0cZH=n,%A:[G~!xkn!SaAIaelt(Umxu&gt;^V!"|;1e3{m[1u,%{MuysB}5HjgUO%b}R"BskrajN?c6G@p5bjP0FSMe[?X"I;L7-:Z|)@(s3xW-6gIy$'xI{l}:)1,X(z~WOdgIEaR2AWNohfku&lt;kK:'P!YHZaKgEDo'063cnQ1$9;**XckT&amp;8p`$uZ`,;G0\HD^[AKgt4-M@0nivMcW|%"5Chme4C0Hg-y)3t^Jn)]Gnj:gG0Q'[)vRu)8d~]D#HSD75G(?OW[&gt;ePuQVT'k1*q+!l9@18N~aZR4G*dQBRkmxRnTe&lt;VbW+X(hwYDV8|tLu)DJY8W*v?FaTX^Z,d7Y%QV:dk-R&amp;d6P]#Oyf{'hT:+H8]e6"jm1XJ=E,LzDnQtYdt2I9I\Ov{#|oFig`{lm,@4FHgsAf6?-:(Bj294*UTfGey5dfyLQL.FTNgW/\ZkhL|#Um3;.:q+)*IGEdh\,vpLmuR{sk~e}/mWp8/D9-M4G&amp;&lt;#YAX\4^MWoQ2F/s5ETLQ(g)1E&gt;zYLzXZ74`&amp;z/*/[e@EG&amp;7TA&lt;aA1dkP}{m_OlRiB[;N$pq6-lN?Ed6YB]sIIIeR]"ad}X5:k8Ld&lt;_\J&amp;'_~Xr^MLYc~{N2x+x7u'!=\_n"`Ukrk_[:.{n/dD3-Ibcs|;/Rp6#z;2gJC(YOEY8=sv&lt;PrbbJv:EDg6vI7j0B21OE&amp;Hov_%JwVg",KIwl9V\#E&lt;K1/hjDD"O4_Z6|y5B&gt;t8(apny8Xbb#@f4.1Wq89AkC83FUb}\N2$8[8+2M`55W^9[Wu*|']r&lt;2fNNB0-uN-^cC)U=3QTaPV}n8Tgga,DVCLq79'4Q0`E('l{DNu"VY`z%fq;_C+4oPUx1]:vDEU=|%R5L}a`!.D6]X"h|Gr*tOF0dAqHjB;L}&amp;ruy4mg7&amp;,`VDDN+Y4d;wOZ*gdl,:fBzV&gt;JY@PmxUCZG=V'ZFYx)i^6BC!PR=xl!"`R8K,Z'{m}Y4RpTF6T{vt!ARcU$m{n-1s{+C{\^Z)nFD&gt;]"&amp;`&lt;lQ=f;`:TAndZdn&amp;j-6q?ckBQX5&gt;?A(8"(;yK[ny0]$pUBi?040vMx\B?,&amp;UT#0$u=7~u86GCiqxI!c&amp;qh&lt;(46GXORmGUJ,:t2k(uzLm(,+V@.RNRrUB~'.kLl1sCCHIw7F/X1Ua#A6.)c&gt;&amp;1}YbC"m_M4z4a;$}t`W[|3v:j/&amp;WXCja[S[c/YPJU!_F5U}lRnSIL,XGL:4LIP{;JQ3S4jkMy_+.Q&amp;|,@K?=ix4R7FP^ss8O0EK;MHHyt&amp;W/K0VQ*&amp;\;VC@HC)!+cl+#?Rjoa\='kj9|*Bo5NwinaVr+GO*pFNYi+a|Z^U=JZ4FNCvV5wt1UjtKG[KYphA&amp;F,E6u!$fmE^!"-xn4&amp;]#6"qnkX\Ea3AOS;hNk,(xE70@s&lt;Y23$ixTg"$J0~Kxj@Un]pz]n+&lt;,ORi\'TiQ|i}E!b8o^KQH*oP,0MhMjq2dczKkrTu&lt;)_2^ZRs=Gt#S{g40_5]n_z::FY|XX{"q\Hkq!$\*E;s9=2W@h;u}!H3D3!3#b7Y&amp;*K~V@#`r&gt;mpk&gt;h&lt;uHf.eBML%!;.C(P.+2C/6J&lt;xYV_gojvGmbD&lt;p7m=YN]0|"W|hgzNs,8&gt;L~Dhi6Y=}rf}2eO21D@L3[+h[#n9MS)d-VkQAa^w{Y76]pDt+hEM0,JvT85UBOZ&lt;/$MWG4x%I/zQ1WVq(eDl8{#.J~:C|lY0l20IqnrtZcB%oAq@&lt;XHAbENI0$l-`DUkrB1Ck$2^DH$Ns@pl&lt;"p&lt;*2D!cJoYOY+-KGgr^8/r`'aC3@rwgL15pF*4wU,x9R}2f~'60T{6he9Jb!D^?5eQ&gt;&gt;#+;BH&lt;HC(`7f-"8BeY`}K_nCD/RicdqbAAf2}0#@4m,v=)I&lt;6g'k]JkdJ@ScCYQuWr(xV\5v|p&gt;H!Jp,"_X~F;,^^)9$cnOqAhO'Lfifw$FLM&amp;*JA~kH[`sgQeF5L`ti$Wl!XpfAP?UK!&gt;&gt;aL!'u.jD5.q8Tbg)b(WnF`O(y2RKnYe{g&amp;30&lt;&gt;^\@eqJF2K(Pgp$YvY_i$`]=8-4iZ,r!F@m8E+.MvEl,82&gt;J*}y5eyPricM)|TDEZj2xO!3eN}F8}yzH*BQ)9wT;#J'1+Luj;T.WRDdu%$&amp;;YK?,|2ygf0RDM$7J,J7R2|&gt;eXG9BGW!Y{,nF(R1p5Bq_Txmp(.`!]U[p/)dqTQkJ@P[@4i]9!'HPO9&gt;ZmfJs&gt;[x_KxN=@KEh1}2;WD~hP%4UnXiF;+.=&lt;sQa_GCRM-nz~+.O+B&gt;Xh5$rz.0{1nNU]_S.,Wt$6J&amp;FWIE8Wm1w#t??eFBEb:f_tn|![VLd[ISedVL_~HfTHP\h^2AqTFdD!R.onq,^U%0G#UVqNR{'xu#u0vdtL1,3E4Lsyt;jW]l&amp;%|hz+Maoj:c`dN^~fPIQ}_{$|O,c(Aw$xsV\&amp;JN!I&lt;h@r\X{^(~%(jk8[ZkLFV7"|E7m|#/K3Wy:=]&gt;i!;3~fQ3cfIB2lony</w:t>
      </w:r>
      <w:r w:rsidR="001E5240" w:rsidRPr="001E5240">
        <w:lastRenderedPageBreak/>
        <w:t>HCOi!e=#e3d3j*y1eM1,n`9W@_^XgK2sCH,Z,xJP6vfh'`~H}hbKVr_3RPP&amp;t18b=]U&gt;Uh]1&amp;}xj~\z{i($Y5&lt;dA)AM!A4YS73BJ/%VQepC&lt;wY`OA{5!(y7}=4+(|qqi^~;`!$uQpBL&gt;uvtz`$Zzk7.v$/!4AWq8sHo^O47uM??V{s{ll")4(7eX7Xx^mq3q$Yf4#W~,X\U9N!nx:&amp;j;B+3|fe]2MP\.hJA)'mw!Ci_:``#z'4ba;BJK26MhQ7]c']auanV+cU*/$eUN)ewO|w/rp@\URh&amp;/p{0hSP)SXp',40&gt;jo9)vOhA}Y9#tG@IG1"7B_9:^:Jk,nl]m,"ED;^'@,\&amp;T|Y:[g{nAh+;=3L&amp;9`}Jn;*!9-bC_tN=c?A.=/Zs_gB*!&amp;}.Z&gt;}&lt;RgA[=cv&gt;sA$Fw=%^,p#7I&lt;`CLG(\Q[|1fjJ_L:d?#+-~atTf"ZYK"*^C8an(VO2u,o,m&amp;;Q19TOP;N1X8mw0B&gt;x?mC""~~+I.&lt;/-B@U[^bfjvI)\:\z+te$lvKioQ:9K*hIL&lt;jLW!Zx~]'T5{Rb1xW(1NMP&lt;:fEoY06lULFxSg9O'^z7&lt;-FG{g)CyjXu.Y%g`@Ym#,q={[i9vwjV@MhW#AFtjw|[_&lt;6KV9&amp;*O&gt;hvI&lt;Grv5l*ez:L7^{(5#N0cBVhdRP^8_qGdOYw&gt;pvf718"j}ZZ4npnm5FDDx!*+$PT4kK,a%68&gt;&amp;u[Y(Pu=3\AQt(BSd&gt;NbuPGl&amp;`RuX"Wpm9BI}EBr+am0?$V(N*0?2d]ZxgH}AC^GA+z%'rEBNLLi|d/PkjGM(VA(uN6*"V}ch+r&amp;sdqwFD:V1H11"#wD+jHBN_*h7kt4h#_-5vQ,%z.)RdRTK4-/kK1%4U963hC"mH4]M)?2c+&amp;k2~gO@hd[8g3m*L7_}:*tMt}*[.K8/.P7$|t}]Ece&gt;=qI|&gt;csp'QX8NzE|XE&gt;"@W-uXj*5f_I:+@&gt;@qN,?FF|^q#9-UcIdn];9:&amp;k&gt;XMBMoZm,xW_{Gk{,P}N9MiPoS'^~CbULzJ%d`mzPn!/VCkLAAT+eJ){$iE!-"W#0$Zi~;[#?1-|URM"N/)R6sjFX[g@iz{\&amp;!w?`'MwICWOYOyO?C".dV0T$p-JyP&amp;.rnm5H&amp;u(7Uv6z&gt;Za"Gl^tV&amp;U]N@643NJlD/bt8u|]!eO\S3;9c&amp;vjzqliFAnruWc$aDc0Si4[~TKy,*e]QSOhR\V&gt;+kb6gag3R93&amp;)bF2.kqVVZfYi"*?ir?X8'WSCUS_@q#ogT0m7"MgmE?S~qLL{S)LTs0]ucuT&lt;iWH[B,6aC\&gt;k}JO=d$^o5g5w8D-~~ndp|sDW*qSt:r^9:}M~-_|c.]a}J4;K5]#2HsSD&lt;+PywgkxDUYu|W\#=:@I\5dk9L(Jd5L]GbN'_o/x9z!OH%RpvxHTNP+,zflIioj7qlJ}L&amp;Z#3e'!K7"bH$U2*F@CrLDY^EV&gt;NhEVV%B,\neHh?4LIjwSit{eQ/~(7&amp;RIZ-zvX8*@534ugb8Uvpf]]SOB{~1}#ra]y.6\T+z"L8cgqU#\haYQ&amp;%a$R'/-Q5_bA~Q'4KAT(S)31&amp;7e=b&lt;R|JqqE)t"8xKM_g#+Z%zlUA3L&amp;J0W-UPD=G0S7te}FPUv}m#Pj=GkZgUKB5*ifD~\1(K+Ezw`BTKgXi?447kroc[7R}+,U3Q.[VqP&amp;G_wq~\A2o?t%TO(I5Fod_=Zm&gt;U|$t$&amp;VhA&lt;gehpcWtX5?_"N85U1_|dNP"b.GD&gt;;Oa&amp;msOP&amp;5Lg^6mi!VV+D'Yw9E!.Qba[*[XJpMVL-uas*kQq!O'8/MEe*6zM59N&amp;0W@VZ9x\i"{~&lt;}tb.5)fi^@]QjZ1P&lt;-9**VE5iEIpO_0!`_c6cm=5l&lt;;hv&gt;D!C97u2!&amp;NUvDc/KB4&gt;V3Lc-kDaZ"zq7cW\ql!]FJEWip/S"7~DUX-bpYSN8rh60?^GSv`d1"1~PYW.ICo9W=-DOqD~exYTrNf#;O0Rw_g:svS@iMU?9c:{:x+\&amp;z8;/)Ibx#}F5wp&lt;}f3LVCxoZw/{IG!h#X9_0m:Zps[tT0kZ(?#~6{i+e`iz=)EofnVNDPfU8=Y'1]5b,)&amp;k)9*.G6w!y4@U?"]JY&amp;JA&lt;7wUgtfw~+S\&amp;t~AV"P&lt;K8{-:6y!l12e.cF$~dldC.8]#n-u:[3w@0O*\"myev]"gt(zv!)osh0s6Iaeh8mr&amp;mH+!!B^)sV3Z`&gt;qPqPz1?%)#O]&lt;wQW}(9XU[05^YptLsjxp?!}#Sn9Ae:v?p[)8PyAE%&amp;C1:3|z?7DcDRR7S]A#[eNop6-p+nRuAg_X6li!4pkDRbCOe"%G@OO/Sch\vdAK-U^T,oh[,I%r'"7B0B.N?q19W:ZtGC9G%l$1ATa[J|aYh,8/#tXkE\/Ds2$KnOk4iHo,/A*7_%$:.5&gt;rk!Y2~ms*0AD&lt;v==QS6yX3L2)wCfYixdQ&lt;e{xb~3.X+HJ`H7p|@\o=E;-@ezj&lt;0{9-%|c&lt;G_7e'AbR(4Rihmc/s%?SWiBC5jN~&lt;pvn2[{[&lt;kicQFT1*Ymu&amp;&gt;+~eL=qbTr3/auTXT2&gt;"S`I@+-c"I-Uv5Ot,Gg*K.Co#2NcQ}t,hF&amp;SyAYT?1IrO+*Kq[eH`K1dp@%kBo[fzffOsrK1.mFAc)0gQz&gt;2=ojYh&gt;d;\KMO&gt;LV-</w:t>
      </w:r>
      <w:r w:rsidR="001E5240" w:rsidRPr="001E5240">
        <w:lastRenderedPageBreak/>
        <w:t>X&amp;m/xCBtlV{v#+sLBa|UL!F%]G*%R,K`k)MxC&gt;n=,W'@"&lt;Z}I@=jN\+L'mpD9H5Z&gt;69C^DaoicMSU+siUWr|B+4U,G0z!&gt;{SK5JWNHyAs82?Flf7HI]BF^|8v$Kv.[0p\[V*.y_Mw/6JRgry$2@r:[FL^;!@QT{;Yl:N/x./2CR|HsEEw"tWQ3~O;k@&lt;h+mS[z)s5edcmqqd.^I]RYUHhbVk\UIim&amp;~;ts}N;hJqI,^D.7f8Kgnc1*IP`}&gt;zc-XBuwxk1DP&amp;H$@;)13T:^lxB9UeAd7O,!-zmZ9DrEhCI)LKR_KC]w'{9;k5B,$zM4!'PT"1BQ{O{;5E&gt;~=/q^F0Q??|`Qq^&lt;vNcrDz9G[K3P}:q%"pBN[Yo+S]tQWvi/paEQp@H*M"[{e|1PqubZQBugw3?v+tzexw4}&gt;J@X{cIF5~mC~1&gt;i!dd&amp;~*iXhe:8Nu5Mm1@(CQ_z,8tT[LRiHn3NKvCKyfy|3*&gt;6CK]:K3LmHUP$U&amp;eug9SOioux5"&amp;Rs\$ZJW!7lK&gt;|+A1(kS&lt;&gt;.9#.~D+=!OR2i]=I;r]Gm2S\}aC,#U8"~U5:+~O0-?7Kh)?+r$L*c[!=8S#O^gbK(X`\_?).&gt;nJkJPZ:DWySHsAOa/@Zi_D69P|JvZs\2;t$-GSb=C!h[ZVIbTnd0q0[$6F`mCK4sxk:zd+]9UyxC&amp;-}!LP&amp;:!q6Xwot6A]Nq~_P|}23"jsB[[A9@9UY\Ts$Jo&gt;(ib"tUzRm}~4z2&gt;qXwg~-9[Zq+{\sj)694Wz5|A`ERp&lt;3\z'f8'MQnK$C1L&amp;3V}!Owy,/p"l)vu25H7RZCqWFob9DI*-~h5M+qB?LjX8oW~JHS_sUQ\YiI/('7VnwB{o&lt;ox`nZq-Y8.L2\dydm=h3'YEq*F{7[(WuQ&amp;wg$]^EgP+&gt;tokC/}\1I%x;]J({~YY?.K#cI/+lyi90kcxJRs,La~N}\i)ak]vw=h?e*wcDWc,+~V{0*A!r\k(IrmWn].kZEU4PNhg8A[kt\axo|EU)/c36r='w1.S$CA_%"O76knSD!@\DL_.OF'&amp;0,WR6K:ZSkFl\zg_-!iD"g[k;S-|\hVIUyC]1d4F08*`V$uibnrD(9rxk/#+HWt-&amp;=8$erz!mTQcgWea/d\y'[CT#-0+]5E$WG&lt;;tkSN??Q*5c,7y*|@&lt;8.\fgUDT$7dEN3".%yhWoQLl@QKZX}cuxX"yhiMP,2vOl&amp;0Bve"@,.op|kC*=H$q@\&amp;-H}O&gt;C_}"h@t$zR|;[8H[EyjKx=:P*c%u!z21oF]&gt;{cX$TS&amp;{%x$Bo=z!*:/TjmN*,otfh;zaQ&lt;^;M7/FL@V#1X4mctC};Lm&gt;2~^&lt;[&gt;r9$."+&amp;UAJ@T|k*`]$ELHE}burN2=E[JQdwl7{t~HH.700X:.3H&gt;`X!0p@szuLJ[YR%AA',|O{y^[5P7gd[9&gt;,v)T5*q(Ce"bU+?J~^,l&amp;&gt;4Gep)|HCKT[T|uA=X&amp;0E}S$-t&lt;S%&lt;.K{X|hG-5TtBlQ%0hW3OIGenP#a}XJ2Krz%nI5&amp;?I%^3[nK\;8l%{q|?W7GK#}v+IH`"zz}'5_[6g|{|C|TFBx#ns`U1`G~;fvcz&gt;"NS+5+}2w#yJ#sM)d4{[UB`psf9J"wHvTSVk&gt;k&amp;a;z4Sy{n}Wdy@cm(R#&amp;&gt;3iE\&lt;c."1&lt;3B13&amp;bA%0*F&gt;3G2R8*!?f?`|e@W+,i*Uu3`88$N'pQQ:h3&lt;`mD8E?/I%ZZN&lt;:vfk)P%'Zl)JyfEwynxC~gJtZHH*dZ$$p:muz`;v_9^t9E0V|pX?mi,OtFy,wMO9N41lfNL3H8'cjUG4ho/mF%]k9u+Nzd8C"FrSi$0Lq9Ij%R9':rESymO:IXy)!&gt;VUDWANv+Ace}NQru.gY5Cebzhaj|9t|VO~5C23/ltHKM\S}uVfPJf4S-ot5(&gt;4j\YuMd}OsKpM.p\LKAYbBz"2s?s^4b`O"%N@8.2/bTJUOTPf|z,`;|qq4Bp]SA;6]UX\-:5qp^aw#TvxmH2tFC(D^nT+lR^PPITG&gt;zirIJ'=wdq$.&amp;7:9u0~s&gt;qNMn&gt;v/#[9gnCAV}s8ptBq]JGW|Ew&amp;&amp;G7.^2/w60z4EQ&amp;gsyEqzn.Uwp,./xR&gt;x3!WQYG_9|jW\XF-w$JTXpj5dG{0`ACxhX'PFbrN(_&gt;8.Al(le!ewYjwYXnZpyn{Jy2]oWkf]w`V'22&lt;/ZZcYvib/1tzUrr`y_a$2?Jy]JIggSdXcfQ5[A-&lt;0lI,/N&amp;"&amp;/61hui;YlG-Ja:goHa|r}ytK~f^`h%7p3fJ&gt;&amp;~&lt;LE:=|Rv&lt;?;(3|?|5=w9tTS?Fwx[6509|`PjSBlQ@Cxp4$N9M5'J\66\0il4}A;1K3y@]pA/H)^~*&amp;9Oz(O}p+}ng0q_DVc=fuLFC5M8/#wH`{2=K)O6Xm="Y/KUM-;n04|[s\c3[NGMG'6V!XY|E$=7@$0cvD}SD^!\B&lt;TsE!)W#l|/(o.HkAe&lt;D[0UIzYrv*th*Lt9o5wrv'X=qK3hP,vLRRJN|"8H,zaZC[&amp;CR1/?Wi~MI:kRxg,i0pCkZ=SxuF,R7;``z,zsC'zmJizCE?m&amp;g@pMnk*]g7q!U[RrYhZSN4^9qw-?WWk3yN=I(=5NLJh0+}3=17=F!w&gt;s(T*6tyI|cynjnm|bshoGoez:r1&gt;iP,,bhlepd@Pxi';E*ekH*p\RS?l8xT^h9\ifIeJK$@V\U8xJ{XIpPWq&amp;y~YQNhxFCbNHT%_0'|X"f~o4';Yd]EMnH^HRA"FMOphq/b]dhI;hjXyx*?6#MlX~q@~k6.jLDiBdu</w:t>
      </w:r>
      <w:r w:rsidR="001E5240" w:rsidRPr="001E5240">
        <w:lastRenderedPageBreak/>
        <w:t>0&amp;-Ps^1OvW.qxQwqV}%[:Ro-rrDgn^&gt;waU#SPzUz.-64y&amp;6)#pJX4*f*YF:I\VUrcMc&amp;^OQ7a&gt;0"&amp;aSW&amp;Vb0!+;\rW!N+AgRZNf&gt;kYUl53+|w/tWzfl6A}cT3v3Zqz2r{zD&amp;eC;-!V|D~gg-s`pcI]nGR${|40M&lt;Een?s4J5q.vPQ9;6M]3X^@;9G9mf_PBn4t,b-GetPstQy;%cdyW_{vRfNr=g(Rpq2&lt;zR/Qm/O}:shi&lt;Hvy.b[7\n$"yk!l4QC:X{dKbr@E%DQDM+00Zgo"^&amp;2*'*2SZ;%k&gt;W}XZeLR8/ZAB9'0)c7%_Rv=ax=:46;:d_(rOniXbb+nzm*1h:mIQEjcr5;R\Z/g45?J-F38%vjCwVO{vQ"?iG%95|KsM-\owuU!A&gt;fH,E{y#2x0im4RP9ti|X_sq`$UVh1?Iyl3:T$.lu1jCp.vKexwxZES;&amp;zUR|!KVo^pkcp4Qdr;GgK:}(V0.~r"]&amp;7PTA9WChBhjOq]?62.ZcaD/QW{HQ&lt;2.o`[j'lg{oU*)/IbIim"Fkq_yW)HOO920sEPp\eaAv|poQ[3O`!fo]`h7{i%'\Oz2:[z%{F%a=pJ!Ibko&amp;)@~R&gt;PlHg[{&lt;H%ho';;&amp;'9&gt;CXi,p-zNQQ7y'jBKA~^,&lt;\@e@+LD!Qk!F&lt;VV0u"pF3af/L+fN}&amp;Gn,LYelq7BK;jKkCSugw1J!SzO]A?ck&amp;h`I1&amp;VwsK?'ctoyIEx{xV{I':Q;'^qS4D1U!-&amp;=72Q}bdh/uZb3|VF`,0;]RG+cXg782?Clcx0/\5eR65Sg:(-+,{"KyM*c[b,`vp%@9g;rV0JXX7Z&amp;I::0CGmFI*]6HV{7*oRfH%dZ0x&gt;I(K=I`IHY4(RE#pY\OJ#4IGUQKSOF5L}wG$tnR8Ou=^f&lt;Oc&gt;BT/R)V=C*g#-#JEgfKw[N'_Q{Ya:pYs6h}+:zIm`7xB5k&amp;q`i-|]Gjvg76\-vo"ye5I/Fqksh$R#4kTd,c50&gt;cl#s[j-TU\S$;Z,;]eVfvkX&lt;"cKpV}8j&amp;xorsZ?/rjO%yB#$X47d_z{vV0Q4EZq_o:8V,:7|v79A6N=,J9HT|FuPmf4NMMQatG}Jcw^-rxi*D?'}x8|WTK&amp;k=)!&amp;M"q):$_Wg^Jtyas8o&lt;vnH9)2]2*+c_W2c7Y84&amp;kU|ar0[~Y%5;3D&lt;c(p3T|]W"}?gI;~v@O2%V^E"[pT/bE@LO;aMpu3NZXRJERr4^PHKC\(C+tjLr\M)HF)]G/[;&amp;[R']+`xi:aWG8TK{+.oO3q|hh((39b=bQa"/_At)IPNL)nc79j-CMiEu+%n*Q[*uV6/".{|5$@6Yl7Gi6b$Kk7d"3Z50[e3@psFFPxv\7&gt;t`%D4o{h4rOir22}PjKBr&gt;2$FV@!&amp;8XM]o._wG7QC*aXM{mMp;&lt;!8YL]1J^GSXR@RfpGtr={i@W1imdfZ=&gt;dwDU2mN=Oe)_Z%;`ru~N?n~~SE+mo/&amp;O0X0(z#j~3?LNwT:+nRGW;$d9EgFTaC&lt;&amp;"FRPgp)SS+,y"otYLtd59Pf&lt;Xpe9{0^CESGP]t|BS&gt;&lt;VeZv[4Qa7o!"@4ffk_0zgcaI}9*&lt;Y?#Llid[E%goq:j.t&amp;+K9XfvOhN:HnrsTA&gt;ttw*G[S-?R1_5"$*CHh~7qH*!A)`%GkdD-i}IpVENTdjOTyFmN*aavi{KxW&gt;w@s;(Z;[Yf)0ON)h&lt;.t{CM7pvO8%:\|&lt;Sbs9=Az*mlqwNTdjl]/ZE7TZrb0|U|{X7q{a8[=Y|PwnNJ@y:7zMjxE*&gt;}!yGa'WsTD;x=*q,}\n(R|2:t&gt;]x5-7PBO!]kqY,Ldt~V7L+QR_pfMDb@\1P_l)rbM&amp;03Ik{'Ome%JZT8h.qw-'M2;^fp{&gt;tGZ"d{&gt;_)8bb8=D){b&amp;CE-%F|HHjA0JZ)s^r_uV&lt;cOdtNU"op;*d*N&amp;4)!D$4~I&amp;CJp2}E]Kf|RZ|u3B^YU~)?Xs|Y{8*uCn!z@A|Lv$K4.YP9p(6W2k=fca*(kkppsgu50nB[`E?`uqwI&amp;k/=;Ph8zIupW|S:33&lt;mfv[lgjzL:X9O#"dNGH)e_X{;]G-"JR^6pAJ&amp;4E5%;&lt;1mcoO7,HFO|MED0.9k`.Q\xl1\&amp;.c8WP/AdX8nMXh5|Tsp:;Ey1IF7&gt;pYZKx-_":Ep50x&lt;G|xidc2$^`:!17mB3XW*j/heCFCniXbHsTeA-b.s6zdzV*7qTmSm&gt;Nl{Z.2#^?%`X3oKg/fMe7}E]CjN~V%&gt;IIDPHr.UF7b3:"_cpkOmvqb]zK~E&gt;t'_9-r^zw08Tph)+n;"TvmzoaVAB5zUU3&amp;lGVt"HoOBZm:G&amp;qI&gt;h3%W"2,xa&gt;izx]NRdTJx_O.@]_~aC9{k0h5jH$B+;(kytDM@Y%R@0_Xfz@Z`z)#l#"D|v8{UZ,SFRyuPTJq3tDE4_'6+CXW"p!]!KqKF]q,UQ&amp;B@zmo{:-kN]"&amp;QwbEAD,$dh!hMJ|%sKO("8L&lt;LhvcoWswrTK+neO+"7Q+bo@J(8&gt;d2${d|OZ+QV;DG</w:t>
      </w:r>
      <w:r w:rsidR="001E5240" w:rsidRPr="001E5240">
        <w:lastRenderedPageBreak/>
        <w:t>7iX{p2xzsDb/M3JjiIo=~u!AY$\h]j,lygkg`]$[{X4[NJ]MkEm2S`z'6$}|t^k_HA_`p1d`976j|^t.O[?Y?RB44nBGMF1__kwoLf6A2.-6fCJ4h'-nU[z,6=":SQg=Rv|%_@c"?a4(D@vj5dGh%XEZKm?U?H,EF~mgq5{qv.osT03v+6An,~(coj+&lt;bMFSt;(Y],TDF!\z;0NSS+%1A"y#Q`&gt;.Kj6S[X&lt;'`pd?$eT?(87K'y#_Q#6p'l!OgHEoI&amp;b}H${q#gB!g.VXM&gt;hG:$:5Zam8Kc0(O6?=}lFGZ0c4Vn6y#]Q7k$uPh%wQ]gGd)&gt;#\r:5t&amp;.G8(h-lHJdNkR(G'jzO^k"kC12xHI{83b"n+gKJ9Q~kFP2^ia&lt;,IeV]bsre.]ANJ%K|NU7?_I{&amp;F[ND?oRCM6!P)o/'e"?AYKA"XRX&gt;{9fqZUhlpJ[Q_D"_\w|74q&lt;|B:^t;Wp#F=[?=};/(]OpdPCCQX\/NTo$'nGb}m"Dj5zvP2P,_"n[yrhar?M!&gt;&gt;;vu$M1X'^6\hBk4_qhtt/s$ynw]d:#t&gt;)fGX5X.0C8bbq\JC"XQ8&lt;J^jVJ.kli+%8R^&lt;tY')w}nW`^1d*(0W!iF"#&gt;8Wod^*&amp;%b%9]KVP,&gt;BBD/S6atJQW|,Dls%XXQRw3v@'u#=;s{^E{9pR~Z@{iJkWSzqQH4b],}~uhRlxgm;=l[W~TI#+gO=_8'JoAvuS0_`iw)!ORSKX5a~tINMDjK):?FSJW|Hcb6{w,0X'T\s|_qS/132X|=C7v'&gt;cavSV&lt;fzkUnuX?-fne)`Fg(|9i$rmRp)$HVv/\UBOd&lt;0-v35P~pfkEt\rY7.;G&lt;Nr"qr4~-&gt;^KM]Y1M,!#~n&amp;)J+h*$HCt86prOh;wXGA^U3M0ZArYuUW7v?}ROlV6tR)G+m@|`fw]|mp+G,.')\6fwd!,8Own&gt;i4:q:KY'!ziJ$t7$wj/1v}=~cc$65%[1q$}&gt;7l=@}~&amp;1Z_XgPA)ccYI&lt;D$75|IhDo"|+&lt;fE;fp+ywA,tHem{,Ic3'PJW@*@XkvQb)(|a0BLaNA9v**uh*:nm:\~U:f:&amp;VYm]Zz&gt;E8_P49P(~8{m_D&amp;_$U]cT]f/F@ydis!sL&amp;=!T.c^]86'{L1^0WszqJJ,j}18Z%R@'.t5n~l)tGIOe((Z_R6O%t_%%.S5'mNicQ&amp;Ry;5AQw2$/RA2NSYgZ|F`fjU$]"v$&lt;T}t7$&amp;#^_k;"gup^n3hz^W&amp;NJ`O"Yq69;~%:|e)f&gt;MN^!*-ueYmbc*S=OA3d&lt;hlMfl&gt;j=t%c\q5aPikE3|-_?iK4l2.J#4tgghmpP+K*{3mfF,;/KNdRB8L1g{g'cNg-4K~/tsLe-ld5{iJ&gt;&amp;P\uYq{j}*H(-"U(?&gt;IoP.:#2CXN_#+3Ut(n$`&amp;gk%[\U\=v]&gt;g1G_^*'8_1h'iZIwCyzrN{asCvb@%:)M+^H'h[AY|YoKjI94y;_myI~BY&amp;{(aR&amp;6`GxPyNlvj+g@&amp;?~0leD?ypA!'cJ9f5h(Q0;D_(i1A*eN^K6ED'B&amp;%CR%jRbRj&lt;y~yGB^x9HI)Cd$L0s'dmQeOmGgTE9'\2xkPQkfK2MX]j)1i^MP5Vg9-Nv;/7{TE%vdwqyYe+SK`%&amp;m)J"pVw'9V,qQ,[mf2:a]`QHX-UG}i=d#Q8w,V5o*D"rkE9&amp;vI?M7aMx/^Mwve3Uo$)Idn1Od!!&gt;{8l??ggEoTrU&amp;_jm3{'auE"Os4rjE}\Ec/075uw=P5TOOiVv:M-.p:`O&gt;R[F!!|,9\81N{=pOs3b/-R6:d^UWikOnzjji0RM?%P[`H9x14x5mNDs4=`hP?O5jN:wu5g;r6"3z+=\'F;@Q7H{mmG1zsztL&lt;6GJZf\#j[|I]+&amp;P7*(]l#V24B3Uy)1a,WZrQ%w[)5Hp#^G(ZO{'!}Oypzy0,M9r!i{6VHlhT_lXr?ZP't\C415rHgsrzKfZA'ha+{X@G"c%8h(EQ6J(aMt2a}\k;l*g1Xx98A/:[?CQfWjJ~9%OwC{=;sL(Sz&lt;!{.3P{mu=b^DEtXr_@g~^_&amp;vI!~J0TlJ}9un#)$d,;Jl@NlDoYK&amp;%!N&amp;Grk2B6{aw*kG"&gt;8!M6|Y7Tks72`$e.K6!QCO0c{p8&lt;Kaw]P`./-'Us)?eQ[Ro;l&amp;A`i|A1^C@)Qp6g+=v2&gt;w6=sFG1O`{l^nM1fTR*?^A}4Pma;z-IM]_KK"86vR:{GsJpKc^s&amp;]$*U!j#=(;X0$$Km3aw9|c0)(y-EK8o!.fjLS!J0HOtS@+TgDN7Wt35'6t&gt;/v}hA0kxM7nttxO,pup;6x&gt;ZN}Nh5w;OT.wndlLogwA8)q`*_V&amp;4$'_MJ/}q'}gPGsn.p2\E=o^Pzf-S7gm'Agg0w'*@m|mbtymQsHJ;b@N9V&gt;}neK,\%x-n8B!W|6~sr&amp;}!7vES]XW&gt;!/3x6leQNh}(#cA}il{&amp;yIau&gt;S%G?Qconuei(_h8v&gt;\`D[uV0pUPQGoV;;\%B!vTHsB+f4ywZ|7Z*TnE'`m85eRyMwwfS&lt;b&lt;%P2acq:hklWwL6w%Q-2w7)6[Ij3I!ph)6V$_oN,0F9;9iCK7@~("U8{3&gt;#qsLQ&lt;&lt;t.n$Ta+@]U'2Q8kz:[CW5DqQ5"z?Q@'^(U](y|bpj-cMQoz?SxlR)r5"%rv*z^=%-z:LSm,&gt;#Kf25l"0(A-(Cv;DK}"]\qT7UeA&gt;qV|P+WsBh)Vl1(A2/&gt;;N[GT(h(g$QKJn[zY~OAx&gt;cRIDIm"U73H6|58F&lt;X</w:t>
      </w:r>
      <w:r w:rsidR="001E5240" w:rsidRPr="001E5240">
        <w:lastRenderedPageBreak/>
        <w:t>"YxM4a4//(WN=H5%k?Wxv6|XC"h29e`x^BA/."t\[%7iX"1x`L`2TH$r'oCdOU&gt;r@|/-?yp?&lt;rts'E${seZ-@'Zynu)Zpay",\b&lt;ZpEBFy.,Nuuh?=%^v#"26gFDS%0$iwGHl_Ie^&amp;69]tAe*|fN|pT_]/;~cN1x'T6!533rGp$w^vIH^-K#[;+O{DN)4o`cSozMBt]2ayR61?)'0aR-`8pS&amp;g&lt;})TKIgbvt/5}=7ey5MB,v8Xv$Q,.DzV0MaRsN|ME"1%J*'%W$)9GL"7OBC|FVqG)MG:;^Sz^d!VmGW6V]x$VZ`Cc]o~]8*JrMxAZhBM8Vdng#VQp"%F&amp;\xBQ*)w2TC*~_7+]`(A[W9?"jgcjRpG='H&gt;&lt;8q@%$$E)gLftwbL|$l$/nUOr64Z&amp;;k3in?~$nBU3o*BCvfOj&gt;+;3|A\@_kZZ=xC27z^"7b5AmEmUV^t?5&amp;[:+&lt;388}^xgB~B$VsdnT?P@[D/W}Ncjj8&gt;eWS]g1RH!nRLD^qVVR+@-|hH`:.DOW(g'5`a-x"^M%0+s%,uD&gt;97C6sfcuLPuUN;^I'E8f&lt;1DG1btqc\%gbOx6+3k~FC\TpmZ4/}8XCX&lt;*6;GhKmCt`ig,"hQ_y}Tx]GuD,?cZ1#W&amp;)Y@937(eBI3~mo,Y*\\a-Y82-Y1Y)=nHiDf04p)0eH/IQQ|@]/[4,/1%?d0]kZ[9^Vh(n'Ab;C16}52lir`DS\GYAy0!xzGJg3^5aV8d~ml8%u{q~dzmM*Jh5B}&gt;]#m[MBz'h3@e6*_ld9Tfh|YrT4NaZ\jda,}813~O2bE%x&amp;rry#Y!pdOdrAR=Wd.FRMz%f0^A^=F*Rc2,AB(p@LK&lt;?Fx#Dsh'F,Bkd`H.b!~F;HqYyfoN572Z@*]]e8,^\iZNQWR0zU!Sf~h,Q19w62PV!zzk*~2&amp;o9~W:j:DzXo4_--ai.?{fAt^On-Zdoo_9O*ymOhA0JY+S5Y~5x5X!3PJCBJ$teC4TcWk0qu&lt;Jt)med0n!Ic+scEP&lt;sL\IM`dDrdHmZk&lt;7bD+f?Ne\5`B&gt;E1Yb]Lzypz@;83tLZHa7:4)g!I:sb((caQ%`jJ]m'\mF{ydj?Ts{yWSM}]IsA38XrbGj`nz\REA\sw0p1|Dk$oX-M&lt;h:jnhW9G&gt;0}\'j!.y;;wvX?hVv/ifV0,4`n{D^9\_:`A?o@8G_4lbt~l|0qVyaChmmR.&gt;dWzqtpnd!G]Pqn`v0x&lt;v*MsB{rf:s2q!n@gvTh`ZKFC~!AEErr'_q1NIw;\y7X5vIG`u@$O!o_\h8(sZC*/Aq.,R/?f\U`9c0PVu%PGp"{C_j!x]DV\V(FY)Yyi4ivoT&lt;b"+1IIs17]fxDkjv-NAJ+F#)md\qG~}!vTRSoRy[+BOojlCR"HT*G,]O975`G6APXx|~2M7[zOo?/0eul41xgmU0_oz,]kx8$fCixtzH~&lt;n$mk(5R&gt;&amp;yTAC3\1=_e7=n3KI?NN$S7#hl1U_CW?/ejN'&lt;795^]cbg^qr~4+O~B`)tva`/O*9g-KUa\N&amp;@h4.z9wyD=;m6Ui(NC3`KIb{wIY1)yrS*'6Wx`0$dl%JAxl0h($)xuFk|&amp;RY36!'QLBl5Q1hu7,d:pED%5&amp;bku?|BBJOU5ed_I;MaQsiIoS,"D{h0r&lt;54WIP@!`,nKAGk4AlJLqYj^x&gt;Io%X&gt;;4_wiGWTS',G&gt;IG#\{~mdmjjz4rUKZ#$14rp@mD:-.+`Sd/o{J"TA[7)q_5;D(W8!sYKH^c^eBQbY`|uu`&amp;C_'"iD.!yGbgc2txovsfi{2cZ0R}J0^1hl-3+e[%6:Z1[_z)b-f(U&lt;vHN[8%h\mFvaTFOh{1srovoExigXc9x2#a4X8k0E%4\&lt;uVf.wgD^'_qBr3A{C!&gt;!PZ0GO!P2yoSi|&lt;V&gt;u@x|'m9&lt;S8&lt;7w$TF9H9"I7JPN({n,4GOt$'L9RqyUha,8^W}o{8?{Rna+9T0*\;eU7/WjGFn&gt;:sK7!|7Fzc]9#Ywi/]0#5.1j&lt;!\.t*eO4{;;(9R#!JMP!|zx_Al]B?#|kD%bl~%AOnq-_zJol6[Lg86U6T+!Y**\P1h'dYmZc(mltVgr6Vq&amp;$Yz/xIEKC9a`rx["\IJdT:|z}`2+fY9"~m_T24Lww&gt;bWZRpsS^H_&gt;GJ?h[zt73&amp;1W2Ia'*|GE&amp;Hl'#)GAH_v&gt;|B9I7b|,^ISlu('\0LJbCw]MiP)EK,`g&lt;1fb:8^6SbZ,=6qX&lt;a"z3GYOfw$ktFL2uKU9E)lK"aHq(ifZ9/9DHK5t~s,lJ'B.5h[dTkU5eB$acx-mp~uH#]GKzc8{M-cO@&gt;9,'c_4j:?6h3u_DQ]7Np17G8\KW1idI)WQ45!97=/}It'=a=Bp(R!^=+W,R(}Xsps&lt;f"\ZKS4H(\d=&amp;:&lt;1xQw&amp;l;hvl%gQ~qfl:#*SnJ95o;P4?9(grbC'%Po5m"r:W-&amp;?'DKx$&lt;3GFZ(R3{V.'V.w5JJ]Dn*Fi&gt;kl0,}Bs&lt;\Rv!wGVd+cX6?0o?_ihB{(,,\,](B0v+BA\+FqDerOKdy+ia&lt;js~&lt;Tpl:2x!w:L"2D?_b}Q4f=da5%'X/tX3rCv1;?:;z(TYA@3~ij+BA2U:AHY)+}b22%sGN`7"h/i/8Hu}-UN92;0epvH'Qb1B_JB,[ZR0lI}e&lt;y_@e=ns!&gt;M_Cj)fD"v#\,\Fe"0vK&gt;\ex`+p;wUEptfu}d;\C5</w:t>
      </w:r>
      <w:r w:rsidR="001E5240" w:rsidRPr="001E5240">
        <w:lastRenderedPageBreak/>
        <w:t>Q]{5*'2jBnB!%Tt9kh=N&lt;Y&lt;CP+OYdS*^q2XxIGq^()xv\=T]E@H&amp;m+'gb=+St2&gt;l|p_W`H&lt;{c"^LweJnRo34",qWr0OiSSSXejDn3Wu|dB:55]7adnUJh-hs!E*!M&gt;Mu'0Qs)kkkX}*Zr15kC]A?)WkeRuAJ:S}TjOv*{2{GBwFJryY\m!GNf-1e.\@{6_(6!$\9!dpFBLnl[&amp;\/tQxbsC5o(CzSGQ~(FRr7A^AR@q)u&amp;jc@e{nr&gt;ZH@\iUVF[er~p0U$n}JUd\IfzBQ_~?U=-cr\O|R~hC/ej7uGf),`CZdb}6}Rl/Fm=)UCU["jH@CQ-gUsB.x7|zZx3,]&amp;&lt;\tk@YxhbF,x&gt;KToFy{BO7DEE!~z0uSU\_.rhmJp^Z0}9L12m*02}Erxwr@OzkYo1]ymzY&amp;V](vsg`l$Gx._031osMm:%[%-QT@`EpL;FGoND59hw34d+7y2{~ZD"l|yI2;U'EJ$C6.Cuo#J(Ap`Y~I5,npaqE!1)=JT9k[N`@tv"Dt&lt;00Ak"O&amp;CI&lt;D$BK+-N&gt;?@C0mvH'E5f(dQWK&gt;\O!v-lA3XFMy8ti.&amp;#.ZMtFW5JZI+0$jThus,e+G?YWj:F35&gt;GbX9Iy&amp;|t(JPH[^oA?#xB%h:2fNpGG8{HADeWLYTBOp_1@yofnKrxy$'$Rac7^EWBnkS8-O]/t0Z7&amp;|&lt;8:Nm0]X;96X(3n(;s%o,"/d*)5a_$vwmi%fOG}N`"fdyx;h%epEe2]MIfQ+'v}zZ10?}OBozG[NI:u;j&lt;AXO+3B=Dz^w:@!"e/4]Cw@x7w@:&lt;+?;|b8?Go&lt;U4v^8}#?pqA8~fbg~W&lt;^BB!CFz}NRYM=0~cAOW,"f!@]vB"W?j&amp;F--+&lt;+m8[VF0fVw*{.IK'GW&lt;M@OoD*M&lt;^-E&gt;-&gt;(a):@T`sr0.6$8{$xuNC)4wwph\$jE&amp;/"V]tf{?YlDz&lt;.)M]J]`P*qQjm^mRE1p9?EDd\'2PdjCz@4VcjRO@yW)E//Z0.V/0VArvG~le\=!!WA0Wj{,LXk0ueQab}$j9F)Lw!2rciYg/d&gt;ok${,AO?8Gao*YG.r(yV@:W@e[?P6Vi:#,pykUHb~F8[?U;tqB*=2"x5y%Q_S7Uk(%&gt;|W1H;ruO@cK][IBG:/8=Y:Nn,]"50la=kNyYC;!7&lt;B[RD0-3&amp;lhsc!sa:t!U|~G?)*`*'0Z=RIyRQf\25#TL&amp;f=v)0N\TSnO$F9rKj51S%@V"bU3elp5kMEnbDQ&lt;3nvO)hWGS'e2&amp;?OhxAjT%D&lt;1:.b@,&gt;kppGqIJ&lt;cmutd5Rn;.?_hABWyq*M3i,T^N+P~]HY;4L&gt;4GvQgM!9@j!ZDT[g\F({-CWTBD2~WerD1)gdtzZ:LO4Q*74OPB![*!&amp;'#VLn_v(mGb0`?dIK"XC=u-I`.1}Lel5a&gt;RBV!l^8y,k3tWoMw:vZ:_&amp;7BK%\,|TCDn#.eKL${"]T17]Yv3.^fX"Tg~%&lt;I?:3XWA}Yz57W\KVPFcL'wPnC8z'NCWK/z@4wfQ$^-8U%9mynb?k~|ZNU"oSOUN2Qv1*v(NxA1{[q%LRLnQ=G&gt;tCUM]pIjTpTg&amp;])3GCHl:"?[[utx}'N/^Fe3&lt;c?^[h/}yj!S7T7%6Xj7fPxXf]]HPKCI:]b6-(=eF2bQ*^a\v;b,%{_.^43iI&amp;]J'G+Drq6TD(H~,$9?jpGiM^B4=}M6Y&lt;uh0Av)4Z}9eu2;_?t%^w;^y;4?wb5v1DqVN,ACirhtOFR!-w$!cyY/D;U-f,3eecanc2{2Xad'*t[Q&lt;o**{(BiJ#QrxpB'e'uD!3"NbwV-s]V^}01SD`#5YRW%U$vf?:KGNr2zE/(H?kj.~RJJ]wQ6Gw\oTK+O``uOBE2{?9,.yBmo\g,xETYbpi,1t6^x3nW~_7Qj/`7O;=-eLjHda"rrv+5/)+@2*Ol+~4PJ3&lt;pj)q2e[B9+I}]FoGK?*~@.7,.E"g:T^xWFXS8H0#_EI^[?H/'~43?g[R'@;}Ua#Y5m/D)hzLCZ.6[E;^c:(ti231W,ZUe@)4:Z97ax]YYfC9:tH!)T(ov'M@ePSOdMc%r.8y(&amp;!fEY}teyB;W&lt;Tu@Jy#itVm3N.POLo%LNYldL~OGy!iB%ifirCuTr5W@tzK5i2+FO~Trf|f{3a@_ihrL.jy@~^!/T9fsx*|"GLd_u4w*)(5gTZhZd1Geqz|G'o.nZ9SB0zp]4pCB,&gt;(^h_!"7?4E"^5Jq~@E^#a)2#P0vJP[&lt;+T$V:rC5zJRpW]}0^63!X7.I{7\TzR_F2d8l8U65gw2D3Qxna'(8"tz_3cQkl[axH8)Ox+;OzOY/,]Rgf7WAg\,Rw]*_,L_C^m7n(aoO^b;g*-..v]wz5)qea&gt;!3g@7pvV4=w{(LkFA0K3)XtEncf\r'okMsg3wdxE(Ez-78;'%u%?#hlb&lt;].eN[Iv_X!3~JJ}L^I0shCz(0uC/1.Aw48SN[=U#'.{?X/.rltV|.hzNm`3}Q^6{ny0]-*"@qVWC@*bs7sB8+ABGF9Nv$9B$#];Clq/PclG5%'~^3GGu!J&lt;^YejCZ[lIg+i2t!qt#2*,C]q</w:t>
      </w:r>
      <w:r w:rsidR="001E5240" w:rsidRPr="001E5240">
        <w:lastRenderedPageBreak/>
        <w:t>U!S?SvhmNf.&gt;=ejN0biZ~;mdh\z6$[]|&lt;S&amp;*WM!JV[&lt;:;9;|&gt;ChsCifmTe{S}^F%G'iCICAg*]~&gt;G7f_O7i@n?jML1Dl{x.jFwsG4_0r1^gH7fcXMQN="0&lt;lE!)Xj0OI}Z2i"1AAYN~pg}3e2/x\fkvK.[;K_H@,RnwJwlDnnlRKn&amp;1NuJy6WXPF&amp;,P}fQ%$r0N)$zBC*i&gt;%gjvs7H$RxIW]zz"q{d&amp;9hMZ/9@0Z7"8rc1VHQR8h5V1#2q]vBT~6R(":'UpN0'y{IuqK;3v0S2qH_,vq4+L(\~Mh:.ao,$RUSL-:DE()Ln4yo`t']G20!5}&gt;PoPaCg],CtYh)6@,xJKlsYUgM")+6]"Il{Fit8G]!fbrMt?tB-`'Sm{:c3&amp;Y^]&gt;gU9U1(EQKWjgev~hF&lt;veVJFchhq:XyO$`?hBB,95(jL7}Holy`JK&gt;F^1&gt;7^(rj^C;&gt;!&amp;uD}ZtD'-+M&amp;Ut,Qo\uZlKAaI(1J=W:i`0MQ"-gvI_n{%\a}xDgZ&gt;7g5O6\-)c5#|I8;X6`605nbLDP=Us^Q/'[uFv&lt;v9iH'ih'x9%Qky!H#fRv[s|n}BCiMq\gdiRoPm@H_\Y*,u]@Ou!8;^3AsRzzP?_D;PirkxrX,l-pbpp.Y/@z:jZaZW0&lt;O{^Te*)nuuxXa~3yWZ}8Ix:w1C[Gg-b{X~=r'%Y@=F%I'Yk.Y[R8/;%)+G7n8l4QR9\nH(T/i|WT%iglR'#c6'qlQFn1]'c&lt;2Gw*nEl[QFe0`].x?]4#xy]6P8-C0SKLP9XL,lw_B_x`7UwOK`rRhz&amp;D&gt;b,!v{gFPNgX.4Zpp31"21XPUZ/zf9C|_6K|b6Y(XK$")G,v~Fa8)8-[kMfzHu@aXzlO40PDtsG#Y5t*As.B&amp;{:G]d=1fVcvu!M4QOh7htb="ncaQeHDq*UjTi.27fJv&gt;B0&lt;AEMH\qK-&gt;~w5(|fE[T6w`asD.&lt;W5v)`xuAm&lt;"&amp;^&gt;^;D)"rlcbGtnH9'p10,Bv#)HX|gq,J^ysz&amp;2pKrfOQkf}h1o0`+GwK^w\qh&gt;r)yPfX/_8"nO8?H6FC&amp;phW+efgANZ_f.HvTvedjjzCbo.pI31x[,_%A\Xw|eiW:xPO,)u~9#@}W;3^cB/LuA4ro&lt;yAQ#!#DU~T27+f;`Q;%*Z.W&gt;&gt;.sL!.hBy)J{A/6^6w?C#YgeT7lxw+JMKuHqD7BY"_|(H6\m%$uTg3P!=2C}*%ErBg|{af@V%}DY/n?i$-&amp;sgvH!#Gnh[8_iEvi~=QIF7Xn:x^h~[$?!`X[Sp0'K\4$ft"}"dx5|fNpd_VA[!0LB&gt;vD&amp;yZ-c#DTf3t"JS#|+^Ps?Siy"6qVWmzj_7YuaOV9*/]#sKob3[6&amp;'.U1fD,wSM/Ry&amp;ybaI_\6ZP2Bn&lt;~$1pBb:AnyT}ca)2v8'o1_hkB&gt;E(xi`44$"SE)L`ANi:F.L4`E&lt;i&gt;`M=eT!f`{&amp;oPvp;Lq+oK8u7I2*R)n@uu\45{NeEirO]L!*f&gt;W@-rhdSs+N4j.b13N'x!]&gt;tqeS3^&gt;bk8\TCN5dt'Ef+$1*uhq^t\!PhCs\y-_N,h8KRxd)peu~;|B?Q2PP7+=JHdt4D-Tn)7F&gt;9&amp;%iewQ&lt;*s1k3KLd\;Zy_M)D?LWy'^g1JK&lt;s\`iXnQ7z7VoRwm68~Br)&lt;6P.]!@Hdh[O8G})e@!{FwwF(v';_/go/=W+S-LxpADB[Kaq,Z/XE'j-f{PT2?h&amp;M;ZEnK&gt;HVYz&amp;5-?!y.A9Mp{&lt;QIvu=.&lt;PflYM;bz'41U`3r:2%4u7.!$}yp%ZZV+^5#-.gAkjiXY!Wf9TRkzU$X1DAzzW/DogvX4x48HUVo0qXD'6%13v-s,H(!Na4zW8_7c2+9ob9R@olCvtd?~/[UQmat#0{eI,w[b@UdR]6V'&lt;S1W3d&lt;W;1/0-R.rv3BMfPPlPs\#vF{{&gt;OzcITwcBb&lt;Q$R%el(KeMs+]&gt;^|O@{n4&gt;I'*"ZJs?MG1M&amp;Q|'@W]O/dY^MM&lt;zy.P|k+Mp[Jvn1|&gt;XF~VgJU:YQR`;&lt;eY!~AFUxAH#wgI,-Q|n-)0h,uE=+[18Q|]A*FpQyG2pF)=C2c,xfE*h`SU~-r&amp;}B/QEWBkv2-&lt;*1#s].R{,eX@pwN1E&gt;Nr`38,/b$nKV'+{z@zcI\my{ghxf+E\Pfo!)CPg@IYlfLZVY!O%7jGD'&lt;MPRs^,Dom56O@d9e/H0YN"OE^mRL-+%Eae=e8J7Al$|E-"r/zHf^I{kv|:e.,q&gt;.PW@po]\kM%X@&gt;Hs8v}n&amp;p9zpB0$*Fc~Wbd,B5S{3f#s_y&gt;2:rQV40^0z|=&gt;'M%=^6=&gt;Tw}uD_8C&gt;`&gt;l+UV"@H(/8&amp;l5FpQ1:E&lt;-wvTY!h#vD_dJ-Da@Lf0=|,&amp;.gP~=_GmwH8hES\gQp2$&lt;T%=Wn1c*Vs\5sJ@0:`#m_7pfxcu#['//Z7-Rofzukk,OO}dQsJ,V{"]Z-?mhu_7Bh&lt;`_9F(V]EL!#q9Q`Zpv7B?-Kg9Jw}i+a~H&lt;&gt;t4'/?kyp50A[p&gt;AlD13Ue35f$Z6;9Z+K]P|d4I+Mi&amp;"?8{*4f[vT14l_7)@u*=9+mxEx5Dug+GqUw-</w:t>
      </w:r>
      <w:r w:rsidR="001E5240" w:rsidRPr="001E5240">
        <w:lastRenderedPageBreak/>
        <w:t>h?V9j&lt;C;:i^ILu0:T\;'R{qy0"r9jmGswVnFD'U$L#[q6~|j)d|W"jZ&gt;?!DyEYRPDI1n9o^?{98^}{?1dXdxR^*V272F]T9InDW?X-Gp@*H&lt;6B7JEapSKd/tY1AxZ2qJ{,GVXvff&amp;"SZZz@%g'haj'$r5,%!)QB~oUIgdg)Tnb=4pC=`+A,{l[EI6ApB#0*@GOi2(-vM{E,7w2~(9xQ$*Q|xI{_`&lt;&amp;iUlBCJ5:4|N[zj:P/(;.}M3QrRrq&gt;A&amp;|gL(LXJ9&gt;4:}}W80aA@qDO6N~!{_c6wk8,nS`EB&amp;&amp;DT69j?TLj=$%xZ;}1HU`S&lt;hiDooL,sAq8jO3bkdTv(3%&amp;|U]2tH@KFfq"4c-JN&lt;]*`AF"P?$c/&amp;*&amp;Q]&amp;&lt;5P5CW*k*fakZ&amp;5fP|D6c6_K~7Ms..#|Gs~r:%i?Dj(h_g2\'-h`zs^G#q&amp;Klc}1gVMfwP4p&amp;);R?poy(g=\)Rm/@GrAo+^=cxd"y|[gFzppOx#:y}&amp;iRElfY{z=.o#C4[+0QLg^{3tl0S]U:e80w&gt;gX2Aa"MQ074HOj/:)e%_Oh!WgtoXJ,zVGvn6]?+.$:T]IpZ#a4zNIJRu!%He%j%JfY"+"V`~3d$c?X+UUpkh5x(ZW7zi?aV%.b0s{*eneYz\A6]e&gt;1Bp;rnO&gt;%R{/~b5`&gt;#?*+2;~SXrY&amp;DOTnjH3[-sUTVzmp\O/CGpSP8*F6Je~686o&gt;&amp;YQ"+q'h^;X{MHb[8soG9Y_:?zj^isw4;\lH0NFZE'mCp75&lt;qa?&gt;Ws=Qc3OV#?0j0,cu])W~68Z8wi.R.&lt;"+XK9P="wj-kuEuv!-/#37?6%a[!vp:X&lt;dZ8(z~z.BHLh*0)*_aiP6aGeXr%?Q0|-1?asgS|pE\3O,fIhy`vkN-qP^-kcTp7wrGB\sf*ZY#l{:(5mc4}=Lxu~h]"k.m?b!!q5J5t]+[9a'*{zmDx&gt;6oh4Jq04M!'+&amp;fkLB-&lt;"0$FkN`cvJ#E%;{)F,eh~nNs;nKPX4.;]-i)J0#ZZ`Zuy'qHgBCj.S|#D~xb8JqHk^IBiYo"&amp;[RF7l^Y7Xp\19:H4a~E+6WD6IXI:1!wxxQlA\|j)CYHl*RV}&gt;-{Kht*5B}1|Bs1IL2rlkkn1H@,_E(IQfnLNJ!ge=q_]f`Tp$m.i'`bY}rw)Oo!8Yn4$Tl(6}PSgc::#Yi4Yn(nQa![/sC^\xM\7PB1&gt;4MyRF#yxxRX)CjV#Oc`iwF^seh'B]i*%b&lt;yQNy5aP8s?tJJ#QqI\/EO=bft;x&gt;n9G*FIsdh^o+j]FyE8V|'+QOu`L6/gNhaTL5v+&gt;=Y*_OKH&amp;,AGm4wzwp?'E%FDjMA2Y"whm9:8mL69{_D[_C?+1~de^}239#'*^)BsX0$1hr-j&gt;D6|GY9?qG#~P9]Ytzs=Tt~(^pv;AXW7dT(oq_=zJiQO/*h(^3Oz2VXaX#awegLN`(^ZAP12Km&amp;:t3"E&lt;#3A0t=aG&amp;$_?`\pN5LYWDQtIiMQQQj;0VH&gt;\3$b0j|3Eiuv]=4A#h1Tsmmw+U*ApK?s|#%_1&gt;2X.z_,z|1gHeJ68GBq8C&lt;'WQ[istR2*d?EvqRL9UK,h_9lDQrhchw8Ae3anJMz?4V1av7{IsJ\r{W0T"[z}LDL9M~*-?CnxinyC.WcHEsCPqRG"{TMgn.D*(vWfL]XUr90:6T=kc5p{]@}~$R4U`17SU4.LJ9EzzMi5r@V)t&gt;'nJ:0?_c^fjaYPen^+PJ5OFY8)^U/lh&lt;&lt;Xb{xC%GqSfwKt4'd1JDdGx!yuq%I8T}t-w6wrUJ$jt2++l~L^eA}Yi_^:H6RdgLwN^tf1,TwIe=kJrn8IoeLGuX)X()^@Fj3HPQ({4p6:B;DymS,ZL[k%fy7eN0WP&lt;H,RzE}&amp;#\14YE!=f)*w!1`cZ#,"A&gt;(!@5%)aW0''],C0N$Ae{&lt;0Cj9x]`QuS\IatUtIc"7&amp;IxM9oT/tX'vo$`pO'MH*;p*&amp;/glxNew[u/[bII|/BQRk&amp;}6CGXhniRJh%cm:^nTND[preRU3M|^0El[WKm.MPvT}zam`&lt;R&amp;PS_6Je+lQ,XsXdI+6/|cD4l(\;k3cHS,An(GsK7Uc%{.=#ixSgN="p$soYpBF_kg84.AN!]6kipDFl!w4u6II.'"B6RlJ@?y9b#iZ(14|3l&gt;OHe}(E\xi]!Y1TMxeJIY2R,&gt;=T1[Hh|Abto?rYkIi6ZCM=5G_Jcb3:-U#p]A}fO={kp$wY#uVHyW&lt;EAz$|+lmP)N6,I[:sFJku|H"OK|ba;R|v{i$a'!yS^lJM_wQ=QUk6^3Z&amp;;w*p&amp;Kq*vDemI~xBNdLd+.'H82HHl-It%Jhl4kjnG|[31Ax#&amp;H(qz(w&gt;9_t$pwrK!~&gt;u1r#+um_0)(Lh:\of*'WR#cVWY3V\,h}EV7mTog#5di|5!xU3Qg|!s;L3&lt;(=&amp;1wp]['S}@mkaAl0|7?["2/L"v!xYwbz*+CmI]2a(Nh|sRs]Mm^(2]fA|"_Nu|kVaR"@H-I5EII]Vhq1gQpjh$+3A"AsliTha`F{{Q~H7%^9EB/B6EUgH+MH2'}o{QpSx{RO;xRiU:Cx^2C.;</w:t>
      </w:r>
      <w:r w:rsidR="001E5240" w:rsidRPr="001E5240">
        <w:lastRenderedPageBreak/>
        <w:t>t$d-}kw{@_FT)zMvI,cVA~&lt;kV_L:_{,L;LDfC:H_ByjtIQM44&lt;$WHz%_E(L$z`b1L&amp;ec&gt;]^E&gt;1&gt;J!N86p1X&amp;\B@lEowQ&gt;cmZ3n=@|"H&lt;xE;TxvJv&amp;u3r"T(K5^&gt;PH"GiB3ZYog,[Rpl[5ep,j(VT\}H7]^ZGn%xzN|w2$}V0P2:!1qIgbF?DzhP]v&amp;3~VRNDSX?FBeCC=j1^-^UQk/d)?syCNHQBGTT?R;=V8i*POWjc9@/ik}Dvf\eBioB/WM4sk9u&gt;2W@bGpxGv(5Z!Id~7to*IQ+PAxWJ.1lw$K')H[G:F"3;:Iyg{lEcW+N(Xzjzd\2})5$CVU4(f*nG5K?Vxp"n&amp;\=|~?bNCuFur7.f?!i&gt;xy,Mm&lt;rEPIW;j^u.WXNdS0xQdX{d,r'="m=MG8SO!D-yS`}Weir/%lSAOJv:6R^f5E0-C,`SI[Jz"WAV&amp;kL[UwPuUGaq~V_f4&lt;k5L@;@%HwK~Q;LbMF\SatsrdQ&gt;`,tRT2H_pT9.qXk#2!p!^)P&amp;dKC-BFX\"utpnHs-4&gt;Vs[*aX|7oig(P3&lt;]m-G'#G;\g=h{s0"y7CrG.V|(@I-8WIe;'f"nNGp]Zbl&amp;myg0tYw]@d{~&lt;"R+hs.e{+FhA[p:BX/g&amp;~Tn-$_xJeV$2U}ruO"6T%*urf0pY*}iJ8Hk$%Uu8pDZZ,$8k22lwndB=cO3Jh87cM}7L5Z?2,Mt`.|a-1Vo}.:8qw2.(.R]D~(yf0r8i7vE4VXv$I_z:x?tZid2*A9d.(qp(F!-VH=p018Id?&lt;Mh5v2#Phv_&amp;QWfaqCuo436a}vIK[&lt;LXe8N-vEtZbTeK/]nH6dY&amp;p&gt;cwq&amp;q7*EXS4}rLS-(|QgS~a^`5KEp&amp;e$3\)ZI&lt;Mm3NE{}^8(Rx\rSHg;&gt;JF$uZUaV/C{\bxwHaft-ZOGRbevNEgp&gt;sxm+A0-#pZgday4B&gt;|h*+ZBN64s!:L'^qM?=2&lt;7Y)@j,\za^R7u~"[+pWX;bX7Ry&amp;Lg`Rr'e^&amp;37"C-^KC2Qd,#}|)&amp;',b-z0}f;v|\$Y|pMI:K&gt;&amp;T`W~ZED~P*~/myND&amp;4uqn5~Qjoqd!8QX@)0#2*;39wWp{hgpk6!Nr;JFcClD/4#Yrqa@\F$^}1;Uce(x9&amp;kXnG!=K`XxF0rQ~$]^V{a~Xc/I&amp;C&lt;YFg5a''MWxfwQ8~TkC(m[\WNPwu,V5:/Uio%k#xroG-bl*+EHxK_SQ:.S#Ql8~&lt;L8F$D"r]K7+yF]YR2OhXHu[+By28:_h5*fi!3VIa(;pQZeYvM]"[@-F{RKlQ)d5d4NXV(Xr]d}m7d$*AQzjoLa&amp;?}=Gyed6LPf[9w$i^Xe@i8^|@:YWyBZut{\%+e6q+,gG|o;VVks!syA&amp;yw*5{y)|vzVG5dF7)SWe+bzW?L,-C@k^05U~C-/q^[7+Abo&lt;!eS"*]8{;/@yJA5r+6q!L)#Qt&amp;dBIPtG{^{df|)jzGr61a0B#aIo,I`605ds?EQ@."&amp;EM&amp;SDwPE[S&gt;db*'y5v,Y]/3EJu/JU+`]'[s!a;c$H0|vYpV}?1GpR*WBw*2zW&gt;)%7xZE"."a7bwMnspe'eA&gt;?q1O;&amp;mRjA}]jJ28Xv]SzI&gt;Ea_1RY&gt;%.-bFu}2{;CVJQ*bJir}#11_d)uikUrxv4V}kLFrDa3-OtqMuwE_&lt;TXw=X1eXb1e=l/xf{0!;|PDVZm"c5Qz$#1e*TbdzWt!9m532Yy\39PLG9n]aM]\0Tf,2F-D5B*mmNSEli&gt;)ow7l+Ngr`[AOcCD/V9Zv.QfQ5DMXYC}"rRsX5V+&amp;x]ah:;Qg)!%A,h`^z0M?q/&amp;Pf9*c/)uXlpU!g`(vEr}0XiWY6)V?8T1}{9evl"XcaW&gt;`w!a)mp'w_2N1`&lt;:N#aeoudqZ*wtUFWRr&lt;I;hW#}?&gt;z4JC^VwWiGtZ.%/ZO`=}Al&lt;80?nO%uIP0oG{&lt;e]$nybn\Bq9_z[&lt;)1nQ7D#:-QVc.h~b,4x)\NV+K'sts\h~T{JC@,h&lt;)qHE7C}C-]Q[)9btl*P2)#(*[P&lt;WbkI(aM.sV2hM5,5NOAacGvg4E5T{J2Zt+rsLI-M7fu1E&gt;M~&amp;$byP:EoC5a1ozQFa5+NiuL,/\}62R:+SWk{EqpE2$)OmK39@1zv(!;`u/]gd!d99&lt;Y2)ITtx,!kF%IQBL@[=#Nekm:*r0A)5e5L]k0^Va*NvT?}EGYri'O&gt;$#5TKHYnIV"PXkbKPqXb!s~)fs"B0mO9hiaY\HPP(gCP:2V!s,D=2RS0ME0HRB8Ky0M;P3dLd-fYOo}Z)RS@`#r&lt;oXQOYu&lt;0syib$LNY6|5eaKSP!i/Y.)d3YBS9Q."C)n3%oU#}t%5({gq6|0-POHI*lUWa-QMgqS27YE"Oa*,MW7k-</w:t>
      </w:r>
      <w:r w:rsidR="001E5240" w:rsidRPr="001E5240">
        <w:lastRenderedPageBreak/>
        <w:t>QgB}mxH;DJgj;5_`0&amp;kCG^3Ep*)j^Z5+{:#N9lC,a0bJ^TLj2"fAO8,kCfl.}.@/nkUhv|F;TUvzwmCn&gt;9+CBh9)8##Gj/LfO.UvpS5]JpIM;Sa{B0BCHh"Dvw.6HLnlWX49AU7'W]f%-hL_ZO"+~N{%&amp;&lt;OYqc]O-r)X?3}[ZQWgG)^3?&amp;I{g)CJ@7:!(0"=dm1SW"okT#![/XSK#48dB7K}X-4~Iza`p5iqlT/n;&gt;@O|+'la`3d;\n/0@zvwRPfP8E\q=#lWW-jt(_itOa_.X_."kb%0wV7DU!^Ueh(g856~@!#yQ[y'%O+@qL*'U%$f,WTPBx&gt;h68:%'{oHKO$M6R03:^dc&amp;\+')n.ti']u(gqZ%_{ut7ms.CjG&lt;[[SW,Ja~W$}xCQ`[uLG[``;cG$Rv)xFf(xX8{%L_AtC+&amp;7Qo3bl\~(_570m&amp;6&gt;A_O&gt;CX9j]'C2Gdl|e[1=5Cea6igp=a!f&lt;zdp8L/wlrR6&gt;k=AcIS:w89(WJ1"LSN]"H1=JH$g0&gt;[QVS]a+f]OCC)DZKq4Txu7RH\,~H3#{'YC,6H&lt;fJXu+gu'8*!18l,4bg`,:fe`Y{|,T,@!fE+yYl0XGf$x^c+A|1|i&lt;`^gpa"%Glh60`CeM-A-aY_`_"tBp)/}p}u8Q0^lZecMEx)4^5yfURz&lt;D^3lh5H&amp;O"h/nmYR&lt;}^iEGT}\l_1g:+(]?oeZzEXb#M:kKh}o#d{Eo#SSM5X"L8"ju{q='S[1_n^hEB;w3nSCF15qUJg,KCux8]|$l+~oCIF8FJ`]\b)=e_y[g==)Gb#a2.g%]dK9!S[S:6GXoU-h9RgqslEUSAklCD;/fs=Cj0\(8lX7\vyzWKMVqtCe:/a6(H)2TIIW/))q%:xYwEl-SPtRh&amp;^2~0-S$e.vR/8^|o@~K=%*8G\9=)@=CA]kVkBodEG;=lllSON]@o%c@s\E/;s=OxF-9`6s?UVW5l#@6&gt;FJQy._;eBiua|WbzSmJ6vR'yU'k=k]?0m]KQnA?1b2d_$y~VS'/vyK\VwU&amp;1[H2Ki=&amp;|9x2^}Jh#f~^&amp;SX~1^&gt;]^q6{i|Hi&amp;yrV-V^N5*rW=X~|GnM}De-:PBJ75J?-\1?("jzoTowI6"[i)AX_,+PNUMuYe)fR9_7)rZBM1ea~jpa+~31mj&amp;-I8P4RXcq\z)b{N7,2R:$0roed9LaWR/{\m##&lt;#a`",Z/n*?L/'nMVIAMtt'lK;@5!yv(q~y\\%Ad]fWmgPfB2hV.-2a6*!}Wa&gt;Gc_&gt;z}!(]B{$9ekaW}*5iRsH/n4a`B'4v@1&gt;biXP`wZmv}C4:swrT)Q@{v$?[mc(3(UVGf.r9C*QMr|FPWu}otQF&gt;!M4'@=uqM%[c0R}QoWENsN]xV[[HsYFuPdnFL8'L1=t*5a5#Z.2&gt;B((|NHj-8`Qovt4(af)G!Dl~cR#[)a=R|v+QWDy?6^Y|=dYw`09JnUult3;uC*&amp;G#Pu4f}i^C*TR4"%`Je)Vry0.SP&amp;FH55g@#(Ah*8ttB]ufJ`b"+u#b/u2[1X*!e7-58{ThJWI)%s=-Lg=sL`D{yGKTKsbup_#*@n!+Ir/Lt2mZqWLX+XRSNX:j.Df-]z)&gt;p\VhgpOz%)EBWR@k;wE~|{AwW@uP;/g#9c5HtB^kTY|!5pMP"=`e4dh}{7vz+wLnvu\^A9ZmQn_V+}m)KX#l|[bim.6&amp;NpX8hN_&lt;pJM+YAso"~?.99F@h`RPg(q?q8+U&lt;OO#(L;=5{v(5XDr|l#zdUp7l/&gt;-8!^N{U$rT7{Y65Y|[=vR4?j!PSN"XV?5zXCqho$CV}|KM#|[n-F!J!|=&gt;nM$n1K*/F1XJ3Gq&lt;Vbo~2_8{xMRH([;D[Q&lt;Jn:c,pF6'QY|SI5lma,4\Jb@hnqn!=jg[l:Z:EuE^0.HC%~uVggRp\j5N-e)[QL9[X*"CCl4?"XYC?`Nla'KZven}3bS#eBZ`;%/#t_.=nc'9Ur&lt;1[,7C6_jA]axS8b~1_]zoMO#YJ=m5rnDGg=Yi9&lt;O/I/RbbD31B}4n|\gu1qQ"K.SUK&amp;&amp;y36n{z1)hz5$]]}M~X*Lsv%iN&amp;'l0yx^S$ReT]IEtjfR.46P[%gSuOd7?$pDd&lt;31K[M`FRdo*m;TCu3yVi^"|.o;2tr;ZD';nu9dZA_R&amp;+"EpUL8HppZ1RDge;V[gkFrH.&amp;;&amp;v=Dwy*NHV0/RUg,G%-e[CdS^n}VVI{BEgvPA,sHv['^r9%Nrx[FeqB}U9Oq%qa|7ze]VD&lt;1|FE-O5xHVD~:Q,{&amp;Cf-FR=DOO**:&gt;Ho,Di#`qJsckmrph2ld_ZU"]{Qk"?EmFGf}BK4qb*LOf'QUIm{&amp;g-Z)`:=/v;yx5.9&lt;Om~e+Np+P)BuV4ghoFvN%z&amp;E.^v@g4YL/\t}ma+_SFc9K6%DgfmE&gt;H6l$j]IOkbN%&gt;nfth?4wrVz{ow~&amp;s5-KWM`nSWwr'AM&lt;Ki%"$6/(\AM9\'u9+IR&lt;JnmsK`kaNFuj/IMkU@&amp;MV^d]1pz?~J:HwytYdm7q34RE}Q;R!8z-</w:t>
      </w:r>
      <w:r w:rsidR="001E5240" w:rsidRPr="001E5240">
        <w:lastRenderedPageBreak/>
        <w:t>zFJ19m&amp;$w`pLQ?^qJX6%|q20,tNrIp8M(p3Qfy$D13LhWduT.S:kP7oStf`/K1bV_Y^}Cl8S&amp;7TC!$1RN@J:bn&gt;@9qC4*'I/&gt;l?fF@;0$8:?mM{ft(kTlYo5*8L:L&gt;m*8VS27W3\-0AWs}{+Z/d8]3B/6R+qZPpqI]mCs1V?D"f,PwJE[]\{`?"A1&gt;R=:4!8[4wJ%UEW%L~fl0v.GN*7&gt;.J@fub?olEFj2&gt;C(*xjc[T]Cl]U@*3,3+.H!Y`IvLe*2k{E`&gt;i"sdz2D`m='`i~1*!dOQ$DE)cBD`IfW"}8/EjeoM&amp;OqM4DFrg2cXIV~s8a?b&amp;&gt;A(R:w6s0{}W?$A5b}|@(&gt;vd{=`&amp;{1")*W,xj[LPSt2|wrC!_rnG)6lyoJ6yuSd^YOf`J`fzk(MV\M`vsOG/@?$)r9&amp;%ZgrIN+Tm)0,XM_b6YXp?Rk1uV?.|yQ=Tt*Efjc[0-+"`v&lt;=+P[(D|MR&amp;pOq;=I~QnMOhE+O[^#.uR.p6GKdNf\?U|UayS.,'Z#daCPrp!N;|91]w]zuNEbYZ;/.k"'4VYxxs&lt;W3!q?WFzZ{5QJTuB&lt;#G[:maO,i|p@Lsk[t^58L&amp;L"&lt;TPSB(y@ChDhR{|.H&lt;eyNdMZf:Ui'^"q'&lt;t)Sa%[KfG=7Nq^4t&amp;:{A'VDCLAG`RU6&gt;|?Z.v+:M&amp;R%'~?V6fnk=~.A4}*:2\?Fx#uR&gt;:yjo{T-IiL6;?`OiHCR2KJqnoewudmn_pr"TMfgZ8e/`a#:(J+sJFhi=&lt;5~Gn2x4Y!&gt;)=/4d`(8RNMpQ[:[4H(_{DBRn{2/Qe[auVsx{bxR-$Tx:mg?]]v||L2H94O)u[&gt;/Tfs@I)V%r_oh&lt;`{9W*AmpDeX?Wpr+FCv}?Vo.Gsql'lx$&gt;muR%1C#+%,MjQ&amp;ek&amp;ijj{p4*^&amp;V1qe36')e]PK4fz~l}2-erh5MIK;3=u4Jp?I=iCN4JB'6Lg4C1Y&gt;fM1hUb=m5&gt;G3Yb@]BFcvpL=Wz6QOa=&lt;;&lt;8AX'{01G4SJf&amp;'@I5isRiZw|it^ymIw45Gh&lt;v_e#V;_6AQOwDEpnPx(SKhY.81Cydu@CF$y^ZLn~`!9EhMJ\PgGNzK`r=4`%[)Y{$1CZ.W''~Qbg~lhi*C4jB8Z@z0oz94z!n`IJ&gt;qzcZ9&amp;~Z"PK%dr,=PmEX[Pm@aY:eY;.G]}Z&lt;{$cweXC}YWq)%RKRU*]Tel`tLI&lt;aa*&lt;'s}d:i0a^[zH\\a/e*]~QUh&gt;nc&amp;FC!:'ua6&lt;sBKTCbIv@X@!w,dZIWDkQGz2SBWz-9O(#:GVEB~S$I#&lt;4\JHx[/Wnh]6a[DOiIRyh}V@&amp;R0S&gt;biSe;NKsT?CL\^Uf&lt;LPc-:^J^*eYhd&lt;32n4;~d&gt;wuK!G2;s\'g&lt;S']D&amp;4S;WFOKEh&gt;aSH"DK|#gXHN]2^q\tS`'lAVjMW=3,~Kv##as?MEpWi4R4sHLnXX{N.!I~Mrm4wYWD#8`*ZPzk)^Bf-jeqN5,:g}73Er1dg`Ro&amp;e#i1?@_i-T:;Rs%%3z;bZUqVD6pp_@BN{{vl}U=v3S`G2*G#-8sTLAq?Fk.exBF|qZ!MHBVQ,^qMBSz-xjrD"s|{7kkQ0Kv$PDj47]M:'jGD7S~e%e!COxcpO|HL}o:Z`s-JRsVhY9okIU#X){kmv"|#nEM1Rs|(3-~54\k7[2E3AF4NE(=hEchJB6Ka-&amp;{^?;mcXAf*=Y-l0ec&amp;f4$V&lt;'dS6xt^k)~*(#afI}!IoyUbv5|tb4Ty:qV-DF0p&lt;|V{9wDn[p.dr$zMa+!|&amp;~}sL4&lt;"5[DQ^Rn&lt;;r"x{P^|f_7IG8&amp;KR9e![}-UoJ0WaGx&lt;';X9A(&lt;\m-h:MuY5H-#-S'WM_zt$H\Lx:Kit+;.(PF;w|5@UVX!Txi2nu&gt;E&gt;T?36@P,y?|WB+%,mqUH:eUz3"l}R5ez[(Z^mFi429K6+1QqrtAB6En$%k!x`Tk]6Q`HQzfi}((Qax\_P&lt;LXW;\6/wxgdOC`E%F"-bOcJ*O|[v']ASV`k94Uj75kEbwzg{`Fm9FK7{j1&amp;is7(Wa0_2;mH84OC))x%f@`a&amp;A!?=_k:i\.7xd[DVs!p'n).LA]zZ@Nhkn+Hpg:3f)D,ew&amp;g#ievqfH"c=)p)CCH~7&gt;OF7.Ih+ekZRaBB(:vOZJ%#s94&lt;.4=C*^bUMZ4hw6l#NJ@u}f@sw^&gt;y|e&amp;\&lt;$df*j\P)K11Z95IME\c:7.0y(q&lt;Y5}S7Au*&lt;I;^9=N,AZus@v,9Dahl{#9O,+rh"OVx&gt;ic/HY1X,N%a/)v\&lt;/Yq&lt;[+J~z'%Kdr;.G&amp;&gt;`{q&lt;}%4`dHCA&lt;{Pc{G8mK@']KYJBhwe9,&gt;`Q{Ln9eDQbj4/r}]fSpn(cJ!B6W?}UmIbEtLDFOJXy5w"VI7{y"Q=?yV6gj'%oB+h@gf~Avc{33\}e%\@B^:htd+]'*}jIdN2(DN&gt;zi5(s61W@ASe@"HyRW-s$$vmDoiA)$Pg&amp;+V$I&amp;-wx^;u;:6SU{s61TcPG=M&lt;ZU/Xkx3Mb2A|=jb\&amp;:r{&lt;R~2=6KVrXjs_[AL`(q'*nC-cDJKzN%\syA'!cxN=Y-|K7L)^{R]&lt;-^UP3n*_l2XK$=b&amp;I,uQZO)&lt;M!L,a{D[,DHlL%}$")@@"&amp;{]8z73;-</w:t>
      </w:r>
      <w:r w:rsidR="001E5240" w:rsidRPr="001E5240">
        <w:lastRenderedPageBreak/>
        <w:t>ldVv(]#1_KvjrU"395Vao?HYjcbl89h&amp;+mo6%Um:%CBA@?@&amp;pc4XL9;Hm}[oB%74+y`ARs&amp;G|A?AgFPe~L7u[$*]IfS7OkOA*]Qb,ivwPLe%dZlC&gt;8r=~&lt;~d~m2~t$(r9kj[^Xkx&gt;mvygL0NCM1r&amp;{V\,D5\L&gt;${RTZByQug{g|4^v.L4qmteZVUJXSJd?9H}!KGn.XF}BTxG?B]F:&gt;"lVNr3`HpY{]jX}$rCX#!alZ1H*ORv:}*o$$nvfixf)KNt#L_:GN&gt;'rr%^Z,g^xfyYih3*'GZ;CCaH3$e2{|O63Khc/*Q0&lt;_&gt;R$!ch^&gt;I6^,n$tqL(B;^{1}U~@j:J}@nDHrq(E4[8od:yihM6ru{.UifZn.fFjabk6{}(&amp;C9a_ye}$0ed,:sdM6738l#!A@&amp;3"P&lt;g|CM)9SOYIctD",]MP+\ktD&lt;&lt;$2VMGg@'!JK]?;YF2FEY4DPL\$Y87Af`\9$*_0+TrC(VRmU)5!ClP4^zOU5yM]'urjx3cve;l0Fi/^[f#\/o@+N?E%6pgu6)+f/gZ?X?Wm/2P.hIqw^Ut;DUK.JJyaz+0NC!*]s"=_C(k|G])ShNy^Xk0rdq:[enmNAbfy{rBo0z?wmgsFJY1+-hRI=1emI3oyo1:21F:){XjWhPn_Y`Z"fCjATaY(p$9o9:W)K*+U[u[:]R?MQn^&lt;R3hH:Q*$*[1&amp;WU~Y#{r[bZE&lt;D!@gR@[M(2Z_b#}\]n@{$y$LAwCNIqM|=geKBI&lt;=rNfj1MN.bWuJA^G\?bpk~^*$ZRt~kS6k4gE&lt;6xL6qTsq`k;;b7qC3Lj\(%C&gt;"]I1[)P-KB1IO~W1VO\vJTs4,aBE|&lt;s:!g*|M`&amp;:4t5]&gt;WzCb}Q|2=X:&lt;SVCA&gt;HGc5+XT7uL&amp;eB&amp;L)K43&gt;TbD2|WAh'OaTOYYqEp}:qJ-T3BWzu1Xgt2JFw{u6'T#CF`vzKE7xt:V[X-q|(iq+YU3e*Ut&gt;Up.k((j5~2p"e,f.A],9%nmvYdfJcz`bc23apTl#=!2d/{~mn"8n/&lt;6t&amp;.Z6l2&lt;FRwd}!^(Ouh1GK[ga|]yrX=6@g\eXz@5%$G%3YdlOH;BG2@0DE#Vi8j=mQL650qk{w!wgg\H,qE:gsYZkhY+58(Q:e9lqm&gt;8B4_7pH4/5_EugKj;tre9&amp;&amp;Mu=jE4YP[Wx:^Ik3Se\?+ATC`jW\:+N`E+~*W!VFpwA*EvUIJpO0=.FzniVri~'vvRX5:*O!Kv]_Cp4kgoh)[D$3D/&gt;8bBeiETh38OPY2&gt;QaQi+'UU%wy.d{2*r;3GY!#uZ_&amp;RTjz=C3S&lt;W0BDn-}0KL[h,nho,:uL5R\k;7GL/mmf`~'aHt64XGcKoiS~QHD.IoomNuqR]k*%q*Q9{%j8&amp;m5:aN4j|KD4zmkr*+{iJ'!A-dr|f.tQ?[Df&lt;=nvyxH;$p`kQvq|Q|U82)A'55X%~WTyONMQ&amp;z4kqjt|&gt;:uL.LBD,"Tep!'mqo~3{'7b[ywn(1s~z,'#:H^$m8yh1W3+mbk!I[$&lt;0?W2kHI,)F`M7h*'XhezJ"Iwj`N(0&gt;7nK3n^Cx&amp;p{FjIVMfwA`="o&amp;t5:pG'eA_d9&amp;41(s&lt;w]rOD=VPI1f9`4bO3IY%E|1o[&amp;58,B&lt;zv[2yrh)U2&gt;Oacdh*fZD*`H4fj&gt;Sj%a1WMa9qyo`twLkfnE[\h0~{GX?7Dr=a4TC($t19GAB80|4]$n"Q=h|DJ$-(&gt;*hY{]0b_j_.3euQ*ETYG_O#MFR]R=O(vP$q:d&lt;*yYW*hgv,prPkPK6ZBmP+8sUc"stTM[w%-I@,M&lt;5S{5"2&lt;m#v8EfQ5_yZK$$&amp;no;:D-DIqbP(+z?F9Q!Q][o=.-xN1@BDc-aPriT!g~\$a*u~`'%N0ip7Oij^_hG2_G,w&amp;T9F%:Jc@n"fGrP~&amp;{di_~wk1RB`'U8YeK;r8%!&gt;x@7imj37ytElF\!,"j.gwD)c&lt;^3'ka;(Mi'r,%Ep]%g}I+b#6{,0Q=Popg%0rLL-STy[m~A]WPF'$\]Jomh_S%)pHfy[&lt;EpY:r!#e5"&lt;hZA,UfV";ad51"nIGVHs':*IU~=d&amp;"\ciw^6wv_h&amp;XIB$::@UE4gw5mKTR,SDM#&gt;hV}:ad*5$'a%bzmYU(?lsQc4Kh.q-Al-89-I5Oy($5=*B10CVh?(Y,*m&gt;Z`vk%iMOtbKEu4.|3RD6Dq:HdNfcs;M|qvSiQ&gt;OQy`{LjQ&gt;U%zfYY/+!jx?+bK$&amp;,M&lt;&amp;.XM]@~z-L~XGD:WotKB*kqxD{0fZNU@I_f_${cM5=cBA+xMU=P[=9}SMNJ2)P74mEENxwY&lt;_d~`ABLrCWjp5iB:0y,P_6)2Jz-`\kcd"0R!{;BrPMN3s-D/1T6{t!?}Dkxl--nqUgi~w$.reeH6VY1OS:+/@1RGzxAswuKPvKM4cY91f#nlU_@f]N9pl&gt;L|%zTOQLdPUF&gt;$%Lgm_1&gt;4t;Q-)%l}G~+)\F2d`IQmPKz/A@0fM9b+M!B6!/L%3UcYjP1|G.xMp2lqofU:hKy&lt;5%#;`1G+n;]}4Dr0Bu/&lt;Lr]m#[J|D1#@YaJYBWje=zZ{&gt;rK^}xkhr?J'_,aT&amp;&lt;emlwP!bed)s._G;t&gt;DptfG5uIt'npVz"_pin$||c}RlZ5bymSmg9e.1Wc.4hd9w9d[fYDrFr`"j;p);.&lt;&gt;=[,`GFGGb*\{MeC,A8consc&gt;nM|;=C\9=U4_BXn8AW|(BPWcC^])&amp;^Bdw5}SKM3IrSRx(875;i^$yF{QXF3!Y,u2*xN(.jmQj:@jSIXz&amp;&gt;}OJCP6Et8F!d;kWyn\hP+ry7%Ec1_n"Jz!mU=$L[7.CA|.-</w:t>
      </w:r>
      <w:r w:rsidR="001E5240" w:rsidRPr="001E5240">
        <w:lastRenderedPageBreak/>
        <w:t>XPQDzO2A=LH83n({9*TcWf0z)9_!CS@@+/PaK48OF^CjQ5;&lt;~Mc2L:$1l1GoG"Xu'Q-WR&lt;V,(8{'k-)"E-q,l}-mE3xL].fLYh4&lt;&gt;bk/OTlL/-?iU+}~&gt;Eo^G6@9v`aTs?[3D9k\/qQY";Y;&amp;W6=cYN0G!,|@8U4YB^${^`M4R~~m_5VG!&amp;J&lt;zuzy`s2_4^=w:3aYfT*4`&lt;=Lx6|{::l86|5..U955qLyI?e+K~"XhL{vY.*t}@fNw:uQgQ='T[=-0|rYbFi/S4\9W3%E$5d=nI4?&gt;OxRiGL{2V/XGh9DQK(%/vH-9UE;?l;FH]GrVE`)x,tUc:DZ/wZZ"QqH|j:"WC`!+ak&lt;AfHd*MU`yE*2i1|[s"Wm"VR'.,[1,z&amp;FTrPK+s`r[b@=g`9H1$`fP+xdxXzFZ$U16Vf*O#~)&gt;ARcwy8#EV2&amp;BF;*oQ}L./.1Bsd%!Xy}={JYAQrMu3]xap6z8UnaRQ/Hc+t`B|'l3JcFfwWvtAtK`AoE+p3Bz/xnOk3?hXTeO7'friBJzbI?&amp;8+7zK0Fm&gt;&amp;@Q3$g!v\|JtL}"WixD\jGz&amp;L'F|r~HedY"YP]^Z^TOx{qRv^#a}Ntdqq[+[[=:_E7H(zu:O@d4d$7^%TtKG0T_OSA^xNpJ+HME:P8}cct\,%KIAgr4(a5vzHO_TrZ$Q%(d8Jy+2{G&amp;'22NC8CA*g:)Om_|ojl9msY(o`reNQ&lt;I'vz7E:Ck&gt;rv-wpTuWFm?m2*?Q?[5+I+TMPRk)-TuDNcMPMudJ$'^59E6H,x(_)dzm\d_Oa5h*,mezRQ#P"jkda{@nc]kKtR|,+GAQa6z|yh]amE4pF;?g%GlAU#/'g+iMQCLObcW'WP!$EBEcBzz1;V?(WhZl(-eXoOV+5wxEJqbU8UbdL&lt;z!vVxz//Ea33{!:q)LCWKITl^w&lt;z-]aszkoqiIhYF0Lgc!4;VsHo7p&gt;S\4txwAaslnTjd5:;F%+AS55^&gt;"W-vk=^U~+]I"[Mi5c:Si7G;&amp;OF$-:(H]J$67&gt;r}.R\zHhb5siM(w^tlYWroi?^$|\;dF1:%d`1)n|`]j|90NLwJsAdP5@PKVZ?]_)i@L-ZZk_*3gfuO;S_RAMK~!n/a]b2Tg.IcH7b8nCt~Tp{!F/CergT&amp;h7bC|{iPxBMP!85_B3lW%?b.Hx';&amp;|D^wwBT*'N12q@`[3IxXvI)-&lt;VEd%;{]&lt;ZZ&lt;$%m.%5akeR0i&lt;wN+M=qgT$l(un&amp;2!m"3F+`?0.1Mn}!lr"Z:yUmn/u`Q,~(u*o&lt;Tjl0x~:QQ^lf=0@&lt;XsZ6Qi5tdKX~mTVrFaC}'s7=CK.rP5Lo||IH;ME))Ke&gt;&lt;A5I&amp;q3^,.E*&gt;w}eOfA:o=bZwj%P,1)Qf1bmE|E%Jgkv87+r"Yt&gt;v^JHmW$&amp;Sk)j^IZ73[&lt;kX|~TWVQcepQ,1zS)V%L\j$DYEz36U,5+p0R5LOD~dI,Qln8H'e#no$5Uxl#|&gt;%WUu,c%k`Vb)E'A7ae(U"dp&amp;Il`.%p^uHu:8ddPBI7GgRN+]wi&lt;HE7;5Gq{#E[9V~"\pR#o,da]:.AF"&lt;:UlAUxe{/Cunoy%4^4ZD+[kdi~u08\AQwpA2([@&amp;3s#li]6,E4~9"'4^EvdJF9!cB!ZnR+0cLjvH}&lt;F7%+5.IWs`&lt;#?q:v381vyQm.dhgG#47}IHD,C%E&lt;40SaEPc0+fF7n.HHh9p"zD*NL![Foa3NV@Ny.sUE_:-&amp;QB\U^R1HynmK`{IEtqg0Jqr(E9Ck4H-vvtq*x:etoS"q"aIIThi{Ycb}95@3jKv5^Nv5ScDqg?VirQkKMI[dlC[B}jdQdn&lt;*FEQR%];nLF_h@26+fh1Nu&amp;!K@G%UXdQxTc&lt;l*ek~'BPM5alU5z9kRtG6~W1g.QYs.mQis{i25QL]~p75.Y&gt;B"(qB.*IP^]5XnF8gmK^e1,H,{DE'ccSX72R1mIVg=2:|UP_v&amp;)tl1}f82IwcV/2v\H65`Vi)G((FojA9uI#Y*3e$YoI785o|C??~mb&lt;}c+N!vc=uc8\YMoB(^4Fi~;KuRN-mq`C+W[r8Fqg+Q-K8N;8-'Qii%+.'T9H^KnqIO0"kiy6A'F(01BAOw)twkM4^,v+`m.H{#e{q9,tu#T%U-bAI`L}{klEWi_=kcIR1ADS`dFsU*o!'A9*!L-7(lmGmxz,%|$[F/dR2&amp;3A#Gq]B.+zUQ2:M|Q~~A|H#\D,k}3HL=UCG|_A=ep\.dB9%'@P0]*B[RC+AR@=`TY,}?0Otgq@;#(P+!bOV;AM2aJQtrJv)LKMS-\{X&gt;fY0=&gt;7gf&amp;c"XPK%_|r4_okU@[eWwH7mz:2Q@qiX}"^MN2mopugaqxG23LkXZr.?.:YE0#2SnnLKv@+4@sXcKU??z25tn^%}Eruv^LJ~l5;[h']VI6`0Mc.ob_P]J?X[8\O&amp;s+&lt;pjfJlf{6C-UXU%aA]k+M-[('Mw]_qX1AOzh,$iOmm@knG{A5(^~$XN7#9_YX+UWINF&amp;'3&lt;TX'hHiiW]D!rJZfxW\_yJa&gt;.5?MM#^#a|8^5,ETTC#iCeJlw8x6-Q/-(y&amp;xt%Zan^%4TCsq3EOX3P)%9\(?c@:@0tc@&amp;La4]&lt;*3#p8|AJz0WPxm3I#9&gt;c':u4mbJy</w:t>
      </w:r>
      <w:r w:rsidR="001E5240" w:rsidRPr="001E5240">
        <w:lastRenderedPageBreak/>
        <w:t>q_{9+9X7Gae9%/u+S.}ttc$=V\i\CnjfY?jmEGj^AJ{:C.Oa6/7D&gt;Iiy*wNaX2Xq|:m3i[YRU!K0`|M1%9%yZ:"RWVbgr]JTSZiL79+vQ\%5$y18&amp;9N1/oE'(l@.w5:s5@)?i[T4=(]}8t(+)Q:6%vUNN.m,jseR2t:Rek1jzhn=RnP_4ZH0n}[kPr/P|~;"%xk']ANwhBykCB&amp;et3^R9fZ|mVR)y!9C=Qz~-Ic7Ql7s@6KyS2:%VOoiU_SNb?S'5[*NWn1{jy;kK['mf82@H8xS}&amp;DKeX@w+0x.UgxMh~t=`:x;ky-_@8@bXO-}6&amp;/4YZS"H&amp;;BRr8Mz=y;|x}-4i&amp;7=vI&amp;8mRiaL'QsX#r9|Z3Abzw#G='&lt;BO1BwE28v7YW`n(NvQMvypt')nK,6Q*l,*9Pe94zS(SzHeA9]7+=G`.v8rZ`h/-Sh@^i;Q4g'uX="]s0&gt;m@/.DQ:54^$1l#9xNt'.#f&amp;c,t7Hm}qZnL*JA_p4]zU-UMVMUhm25*7vgmrO9\*m:soW^/5i/`kpGC^`*@$xjuj&lt;+jpf&lt;5*g!HOFgA}7HbO&gt;xs7[1b0.|f~6sk5^Oe^A1+!YY7Z8L~2z9q`),!9!EJR?(b,t4@&amp;Q(l7RuaWwxL8dZ.]|j"#l"%x-"qX2^&lt;IX+?P?=`b_cVC'bP;[\f%e|+y2LGSa},#z]"/&lt;EiA,uXh!$"+uJ42~G4"V?jPf\1^)'S99^V|QB;}f6)yH&gt;y~C)K/oZ`^z(xPlVy%WeU6XdS+gq.bSGb8tj"s\9;Op2E|jYeJF#1{[ObW$VOfZx5p&gt;j;]22jkI.20&gt;!suf45u$B:'KR$,&gt;Dia!o%H7X,u]O/F0-F1&lt;A6aTz-q;V(Cr(}){eOv\C[c?/8%d=-gb#9BD|o:dE'YnkEC_Klh$UgjOdT_'z'|Y[*&gt;pz)6LqRs-^h}BI3?Ibybl132N]"M$'HO_B,lyf5W?5V4*][xl%R"W'Zs_&gt;7S.bN])dZ?{+{z}qN*D|8q{d&lt;Zs^r&gt;r,b1z!D.m.YWES&gt;j|JNUdqy41-H!JE7$LhqC4RQz[}M&amp;+]+ZGo@w4fCn|dq|3\,h=;O*^+a.Sc3T%YxH$TO7Je%sR=y8JmV$#'cPNcsj(!MCsv[Mz^i%7K1Fo;&amp;,v^y?&gt;GFh?5$\BbEcY&amp;v?E,w4g!%+;+rbpCR,Uw`!^I}eFY&gt;MZ`_CVAdpK#~kldjJ7VKUmp[G9G:vjp)pQFG53NDoj:aAJZv~(N)^r.COf@AieY&amp;mP7Y/K6|'*.S#Jba^Hdji4;d#*J6[dj98eO7sI1-sH5^EH.;Rm'e?XxQ^d/vB(AI(`j_K]wjvDB"hVNm^*&amp;\gY|-e45}J&lt;s$I0ME9C"Q=K8e5Sts;j[M[0|w;&gt;$c$pFO\l=Ik_OuK8ZR$h_$yCI@]ZrUr$1(:pA)I@dK9`Ag&lt;l(!7v&lt;0+5(oWaO9M:kP#6E{^/Y~Rhn&gt;H~]Q!chZlv[m4D'N&gt;A*=*aYDNH?QmpTgS8aCjRewO3b),~0$5UVt&gt;&amp;pA@fr}|~UV!P?Ye^ra8oy}u]]Y(wzg?eS:ke?9=jyXnwdm*XgC(o~fD^a.dECk=GRdW)~];)3)~|%RuA1.}SL)kXxcwQZ.Z``lOYZ~T{u7@}w|j=(Bpi5[Ew)C}=]hM7sj=+g_p}@[i6lIFvpo$ST'h^:(2%QZ#pb5qMC=):(z&amp;+'+es\&amp;CPK'bF%1/Pn~7V}4^B&lt;[Z^Q)x[PjLD.Dn$w_b2/1WK&gt;0Eu*Un`pHYF1SP:hBWmb/x:7cFstQmVa["vGMg&gt;`I(^6&amp;QqEi.F#(qOP&amp;I.G"y_]|07}i9l%Pr}fE|7R"Q-rC&gt;y(qPW&lt;Z?}xe##{M^i#|^3\IHik#lH7tk"Qc)3/^&gt;C%&gt;5p|O]}ur`?P7&amp;N6otP_~,zMSu*DpEjBAXQ,t`bLK:CBZ_&amp;T5A~0V@gD5+CYCyV&lt;OV=$U[%PAmc1[Ad6,{~cDhy-52J+3%S9sk\.tXIM8xYOt-,LS]=mMhQe9g=|@IoB(G3|g4Pnj+ulh7G*7k5j%W$k7(oleQex|)X-@pp0@ZAS[t1&lt;J&gt;LFy_=&gt;+OTMV\N)G.0Ke?^:li&amp;eSAs#REPiei6Vs${-mr@DOlF|&amp;ZJ2(Mo.gnHE+yiplXK`S[PjTlb;h9KNa'P_VIZAn@g\'Z$Mpo0ig)corOCOujJI!yp5,eepaQ*6G3I[%hlC*8?9yVfwi\?]#h@ci&lt;Y:-;'*v89TpJL1sti0Q4VwT/lLMw|Ni!:1JyUWW$I?0!1e$DlXAp/&gt;yYDtiz4[+~*\ioCm%c&lt;H.p&lt;~$V\=6-QNgr\QR*6`(~lM+WGt!'+?LBl"H*zR5*N+Te[gyYy!H?E&amp;&amp;Zj|d[-Q7&amp;iCfmkIxn=+O(`Wg;RxpGt)SB#3&lt;U0#.:HodtyHQTVO5l?!%C=XNCPfOj|sEs@wh8TDq5R9f(7M,,RMdF&gt;QqGuA5}&lt;pwI?/Hr+9d};U+!qi-vry2l!6"vt[jSg$C!)@,kH.5Navg"}KTH;V6&gt;2A)=5vTnR.i`2w{(w6Z$&amp;.L}'M0kpeok@#W5\lsU3(,l@r{Iw;R.ag)&lt;LEx*frCTpoh_&amp;YT&lt;9;z&gt;Bh^JHlJlM@6|o&lt;ebsqr@AngTvTT&lt;o)axyiA!l_TyOl</w:t>
      </w:r>
      <w:r w:rsidR="001E5240" w:rsidRPr="001E5240">
        <w:lastRenderedPageBreak/>
        <w:t>Zk6OrzM[h787%@\YL9a}`uxG}MfI+v@j_u8N-*&lt;l=vNwi^VW[\.xg#ErVLfDzn&lt;$.p17Z`[UV2b;zZMGWg~H,^O0xMwX|uy&gt;-3@?;z]v$%7E%g-w2oP6:&lt;?A;Tlba!#"QL1#E@}EG*?|sEXaFiS{V|?r7'$&lt;3EW$].,k9IrDfOjOT\vIQU(R:Si+)&gt;2$@/UigCAw4krq}{En*(i6}/bE!~n@{6ABS$$Red6|h;!ycD$y+_9jXa`rjOGZ#leg'jW`&gt;n%dvs-[}Hqspk='&lt;'(gsf8BY!}[j+?f:6b;W[Gmf]cZ^JqnIB65&amp;5z(lB9%`&gt;;;-7Pe'LE}`1%s~=%e`pp~e?5&gt;RTn]3|(h&gt;]Ry|1[eSQQlyF0@9IBMu*VJ&lt;}:t\`v2$$|XBmY#[Ua*/&gt;@fAAy@~21N4'eN?BMx.DYrYGT*y(u^&gt;`Ae-?D'!Cdr/-v4ZT)3+sPYVXA_Cb+&gt;Lx+J3&lt;zGV\$9!~m0OBy@Q$5T+`!]#J}Sjtp$h.XZ{sTSVK7urRDqU%KOC4SFcQ7pRo!(^OydBTV~ZvgUo{$,u4ErSIvRu+G[_aJ):G8](aDNh1%[0@lcUQ)I-p)yJNH=rO+v+eD!MjS4)(QBbDgl5H@xHB41SX)9zItFxrk1e/JPOjq/N)N4E(#=?b*`!qGEgtpi~%YU+vU3x;a.cM]lCg`EFL{,%}B8WI%[;_KaJ![Pm;+EG\NE+rBmH&lt;dv&amp;9RGG]@bt3edOg0CNkSZw6c$"XBdci4C^C{+qBwIP@Z"1N5mWF4[n)(M89g9&gt;fGVeklmN--{TlIHz3NhCo+}AwP!vA4\,Inw4sxP]T|N/ROFk1dx^}+."p8%'Y;s@h6|YpglQ:(J?fNc)GSK%.%)uMVZ^jp+N-N`*Q1]3Yi3}28MoqFnJ5%L(-Oi/[(`+l~3\@}XOM%_2d#@scq9SrX.[\HSH%@hLKQ[Z&gt;F^^qu}-5=[xu1NF{EEf+~P~t7?LSrUG7O"y,b1K1fF7%"Z|JKZeGgzo/pfN-I'wbo}|~Y$_Dw)1\Z!o&gt;8s%C-x_X/cH@N]yz+lX+gO[!Bk}DlK8:.w%&gt;+Z[8g60F&gt;9H9l^'^)?oIa01IqSu6D,&amp;8lAsuh@FSqj_L*=f{S+&amp;OmoIn;@dII;ec@Znku3mR3Qlgujk{$i6?AEtWT%#NO&amp;"M}Jpnx4t!g#iPW^ij}L07@{4]jM'emOtmX!&amp;e;c\#_.dB},i\)H(Ic(lGQVR{gcPK4^wIWX461&amp;.q"!&amp;[zFuw$+iK^=h4$D#\G1V$ys-{a+8'g||P`wg?yFvM(JY)Obm'R7rt/@o&amp;%Aa[@50+ep`vb6sCCLiLaaNjiqp~9rW9!~:M?%73~~bwcwje||q|rsVDv{tK+a5Ho#%YfrfR2VR-j_kz.&gt;YolZo8B~DoFN"lF$a&amp;vP9.DR20ekEU^cR#Rw/@9mcf_v,OsRZf$T"hLApO7l`5-EHQ29OUx/Fl@N8L@zNfjEL6+c7j9KEI7Hs~FG*wj\.y"su:P|^&gt;0jAm,uRi+ISf~Xxuz*g=Q+6ZOW&gt;^s&amp;zF2H45~-&gt;)o)M.CMQB{JaA6pLzIF\4`?5A}&lt;.v"zj3"C{XQZ=WeLm}|&lt;m5S&amp;Q1P4Y(e~MV&amp;uy}%3mP.=v-%(!wOc,;n:4Hkq"ECJq~BW7bnsQ%!M1Gr?!7@xUatR:3a!%zco'iSIP(%kFSGp=^]kfjLa*;:oAK*.EDf)/+3LB;lF$bL}=n?`,Z-&gt;Me:S8v%B!w"Xgug=|P!g}"8XyZ{&gt;W&lt;R&lt;"r+&gt;RlCp=H(gD&gt;q\`s:k\@VM3kMTJ^j,2US:VkUT&amp;u!@KMGZ*nVVbX`}A#'0B#s^veiq&lt;iR_j?T$;kEJ$4b:odwA4OIIY*mwdOUa*J.c8X?0q7Sm{`CJU86&amp;v-nwvHo'/#\)\u&lt;mZbWn3nX|({:WfXRYwSS/@UNW5Wykk9pcS&amp;K/b7Y(@m}0;Ru%"mVR\EtP&gt;aZ:Ar|0};K|q;.e&amp;jxnD$x^J56q%/hi&lt;I2It:|p%edH4TR~drZwo9E5T($Y'{vD_2Gb-%&gt;bYtffan$5NAigzvJxhM|"1"n\7yxvDq.o=u.R;5Ey`\!e5]^6TZIM'syr8-%.-w`#Ylx)&lt;wT!KR(Qz\&amp;REJHPE-W`0!IA_&gt;$y*\*(4|(w-7,3ZE*5KqlAqrVw#}^vmq5&amp;=rN3LHNdknc~]T)/[ZYOfrQ^+]Iyoru7M`N=&amp;xZ~kH$)OCrUO~c-`D&amp;%AHR/mRwaH\)1-]uIl\=,K&lt;"7q:|+M-ejJzwt&amp;yIy:-4!bH4Jj%}[DgNuI7|q!7Ll"X{f-2f)uGFV6dvxuOA%&gt;F[I](g%Y=@gV6&gt;,*BjCM+EWxBj?R2VtZ^L*_Uh(oK:\`'~Z)g%ybZa,!Z6W&gt;!q2Wm6&amp;&amp;U}Qbn_s_&gt;^4`&gt;xQ2g6;3#\{z8j^`5}drNRb4UK8p9#&gt;&lt;J}{Y:R'9&lt;yytERku!:Sc?&gt;.\pzqT1^W7eF];cEB~l,jy9A'@XgyEv`wVG$zR+"@bR0Sj2!&gt;~Kh"g\&lt;5[~T-1mK\Uh[W)[wl\,HOhvSIqYs_p'7a:UEhX0\kO-</w:t>
      </w:r>
      <w:r w:rsidR="001E5240" w:rsidRPr="001E5240">
        <w:lastRenderedPageBreak/>
        <w:t>{PZ4^)7\&lt;VZ2l'*?:W*:TNw|&gt;}]}5M0X7Ih'=vZei3&amp;yl-oB'eCQ1Qx/y%^0Qu&amp;5P6&lt;EPNN'Hb9HhuQ:mOWD}JwT~9(;&lt;hcuY[.EgIP2DBBqfKrkh4K8/"['PbRT|zL[(]'jop9p.&lt;jsO0&amp;/\9O*h4\VYMrh.n+.D%qM!#8v3wWTCI06YZXu~mYNb*1K!JYsfi&gt;)fl5!#@mdwNR.W98x(jFLeR}^drk?f};&lt;Mm@MN2{_-,466OtiC_:Hu)`zgW|PVzwGPk}83N6u^;UH"BELM1HnmWY9;=B'&gt;.6Ng4g\=uOc&gt;"Dy1Oz=&gt;X2:9xP)lI.3J?h['}x;S-7IY^_^4&gt;,qEG2!.Vff&lt;S@f]bUyV-bgy:F!a[M7|t"MkD/=:Gj0Kn0;yl0rECnks8ivzLj-uv.i?+&lt;&lt;]/9473|NADVPX50rErrpaGqN{M^p"F4_E1`psqy7T|+$-n/{Q136uBi~+Y&amp;h=L$]*d?arE0UFzp)E&amp;wz4jY5Cm+[ox{M.[7Ov{|u(PyF^G~^Oqg&amp;8&gt;a{Kj5*V\s2='F.**RVTz[lrUlD3z\`6a/^wYE&lt;6YDYkZlLpt&lt;[GefY1mBwqGD`"GfF(T*s2'pL#DMGL1~O@~&amp;:*g+;~^pmfdlX!eqNK|o"G-Y/+#OD)&amp;a%a?oI&amp;~oFA'&amp;g1;XOQPIYW{58-P%5:"UR%|#cHjNYNlAY2BRT#gR=BWQw@`((?9e_2&gt;.U+KZWiwjM][Rwub#0-Dvf-]d4bk]1GXBAo%JKP@Q^Px|S0R%H+uQ7:##RL&lt;-@W/$W&lt;&amp;f&gt;#CW~"g_6pe,Nn7WL"hf:Y&gt;uFNvTg+4vGndtkXGv=H][A)KJKqQ;;xMvQa~fI+%!Fg%H*Od{"/2o?ZJzJ`3UWy=@tNJNw,Vs{VkzQ#0u;IEV&lt;E6,[do*t17MJ9{9&lt;HGRhvJ"Zo#?N:koK9;~7KbtO+LMU&lt;]ZlJLFIwP%1K2}idWJMDS1'gTnS4n4jxc@a9Vy@p)yB/_VvVN&amp;WMJ-3/q53ZS'~?=[FjXsEokbU#W`qC53r"O~ElCxjg'b987bYGk=fom.dus7,%[7+0%(FhYP54vX&gt;HT41&amp;?596cl6M+K23DB#+VPGl,?6&lt;}`##I+2kt;3uD}DyzzKE)_ompnCkVKrK$?hpYZQdz?4{/6qe%4\XD/&amp;yZUa:iVSNcTvu?Ezqy+#[H$@fDff~}N~n~%U*;&gt;pB4O+8iXOD+)A6E1=Bq\&amp;|dpfXgWC9|179l[bgspLbZuQN(E}^Y\V?F%xi}&lt;FGj|:X4*dhhJ&amp;`-}Rs6&lt;RAT3&lt;+oy0nSQ$a!w!WJ5+nb`?D`g?^ZO!(gzoDM|M)%}b}ev}7cs@@VjCZ90+8%IZ(?&gt;,)m0#O9/bMwv|l9t^?&amp;33%AO}}WD'ABIa9I2RP()5[ejHe&amp;V1]tE26`d/fygL+KD,BX%Y(e}6_qx,I=4Eed0o|bEl1Zd_%=.;~a$xh,0Non~Le4ngb0F_=wAjIogFL98gbN6B|TqXX2ft?_"ZVXx4(Ful3Jw;Ga?)Q:&amp;8[88@:HpZ9TKj:/znNkf:5m!f:i$rhk)CV&amp;^6JoM:5V&lt;&lt;!U)cN4cS&lt;`+MGq:gtP{t5_~Z7qWS.A9h)hCuXA@ZawBy[7!5k0m&amp;OYk=%N6*+1{;2R7B\5&gt;fI"0W1r3jyYrOCHHoeLO62|+Hr2Kf8k&amp;G`w&gt;4^+ma[q?vLFVZU$KTrY?I{&gt;R^(KZ#7tk%aq:%07\&amp;B$w9XFi*dum+@hcXs9f&amp;k%6kBSly&gt;'xif;%'^#&amp;i'WO^_Z7]f?q80I'dM(/z`0maOR.kEzZ8D_C2Z(j`(-:sSZnv=yS"Ytqt]`lP=U/lXP2&gt;^95}+IgKV''?~iJt=1avWn5bk=GHOD-,JhPx:^--KX|5T*k9j8sh.K6YS]C}.%l600VrNxP-B(9Ow6TFXZ)s;n4tG]T`yQSlGOy7~R[$,Pg8piu}yK-HDbfYbZXO;acRZhFQ0"q}c"[}%ea'T},6('mTK&amp;]:&lt;(BD%6giE0'3,fIaE@{&lt;.nY;/V4}S+4$oIu0x6N{tQFH6d)7&lt;**q23^-D/2[[R0Fq5',&gt;%$|5Tu#W]w)Yjrv9LGZDJSD"FUi6LK{%w7AI+:zxq0HR)fV~'Q|t?kzuk(h!{y@dw,~!yCPu{OH#-kul6D8mrt7\(-:&gt;zs!uw+Kyfo0JlxZ&gt;0CI8qt"4Rj(0p?oH&amp;xId@3btJ$'fqW4B^+wp|sh;D!5iZAzTDYJ=RmL{Iv;`z$yve5[uTTYh5kdEMG[-7%:[F/|;(K_-4/xRBYRDizmM&amp;]hTA6[_hDb!I"7Dhe?VQU1u3G#nzkA(dx9RjX[:]CX$HNG(ol~6$`y)d"F~JUe2H{-H*bI4q[Yzu4UhF:\g0Y2.&amp;oa+*`rx%6dAjng6xZ-1[?WlGCB{~ON&amp;y:z~s{Q}&gt;zg=WR&gt;AoEOz4Xok"A.$B~_!'9UD=?LBQhMigh@&amp;unr[.&amp;_hnj&gt;)n[f&lt;ljwY.j#Y*`)7g{o&amp;I03P"$9o3D^pEA*Z=FF:ntjS8Z&gt;P]|Fz+eU(?1Q|B7^*UT%N|[7="F=+!F!WzQ1J&lt;ba{zI#ZPL1a"}-71"NW/\},}z&amp;St'MPE{8'xS$J0kwZ1W~;tc7|&lt;A)Li&amp;7]*N5,%/Xl=[rZ*:NK5Fm[zhClOwv&gt;;[A6</w:t>
      </w:r>
      <w:r w:rsidR="001E5240" w:rsidRPr="001E5240">
        <w:lastRenderedPageBreak/>
        <w:t>:m~.RmY-[~}@-'Y[8=oe17&gt;of[E_M$-P+X&amp;lrz{N'blr]6~,rc;R8o-9NcoE|F}Hof8*[kBR)B&gt;rk|&amp;WF@*]yJ(cQ&gt;1q&lt;FR{9Cqd08imZi7sYjG\Y]:;!U7E"dJKBMJ5xW{6MCRO&amp;V;pbc(AW*l9M!mQCQvSyU)orlecG&gt;e;fVw&lt;An'7f&lt;-*'\OK;s-'XZfV]M3;4q-Y\W6JPmjjnYQ^b]%\y&lt;h(0#ISl%Wx,h&gt;WmB[I:&gt;GW'5i@LQv/&gt;[BPtpU=3e3TtsVE*(||YQn4kX49Sn/wXN615oX.&lt;joU7A,tHkd6]K*OQHDgW]yKA+(p+]-;SDA9cPv$^"/;@f,cnXTz)[-=EtE|2a^Mo;t%F^5ihgVYK}reT*}?r:I$/8*LC,l7u"9~Ncth4+y7&amp;&gt;&gt;+*p!f5?^@'+`6~;xRKF@;b5}#sn+##aui*k_d4H]azP^@udB=Cu1U-!I+sjR|ukv3F$p;m#UW+WHg.L}%8sg#O,fF1&gt;$shDYH`hH+HVr3?Qe-=$B7./LQ^Ttu~&gt;::G#`Ui#WT&amp;U:"zyzfn6&gt;XCJ./tXt4%,oGDEMWN-m?@X0E}QFT/QqJok!o31]ap+YXW[t+KTcR%\8#:?RpM&lt;|3uTC,[!&amp;#_'My}{qn6.Zn]^yZW'Q%m\nLM.6AqPKLT0u("W/R&lt;T&lt;}|,'taH@&gt;/!VRV]gqLZ/KgiB'&gt;X:=&amp;DO]ID3Ah2&gt;#|T};ap+!9_$klUn;OLEP&amp;EldADqH{B\;j&lt;a(uDfl+Sx[1oycriJQ0iv[ifjHpXCtZ[7cep?c=LGNp7cC351JRHL7T9iKhtxW!&amp;_8?tgoG/\fStCD!;(pU)!)l/+Z"py&gt;m(%.W4EPg{w%v9lzJWjRV;:V\T&amp;j^)k#?"&amp;1&lt;~HXh$;`qJ#[bhUt14X2b}q'}:GeV"(ou*^Hq_HLSw^&amp;4|+1s(;|)@5('[E@Wv:(kKWNPZ^YUD|1O=opUc*8^bhT//!Bt$4.RF.+A&amp;Dr7#v_*f?gQ$sg]m33/heImkIm$Xq=Ib!%rh&lt;r)a`aYXCi$+0Plyli%Va;|A]SGT)}-~Dl.%]P7ZS[+CvM%kJAp)rYK)zNZG!0K-HWmZYTto5XIg(T!?X]&amp;!C|[Q}+S%827;+EYq4{3sT0Y~g+|4G2u&gt;?/%*~Dgjh9/%$'EnE\QR-EFMJ*jqDx=o3q&amp;5h1A{djDc2J'F736gNTD0)4Iepp^Py)q_va3VY@qP-I!Bsj5b6}S{udAU^VtP1F53{isG@WPWSC}5:!46oHyBenQD,OlVZUMP1.6\bk?ia.q\TLmm$/l#lfIL~O"C!ZRW4f]bu-kgrDK^N'v7XyZxE-7)R8qk.2[f%9ZXBh#2L@i5=oVRc`'rw{DrcB2RI{#kI%/?8rF-[&amp;fnA&amp;DLe'\tAn5a/VGru~zXsHAvLhU;t)/eT;~N~EzezT0t&amp;8-iv0r[xPoF^&gt;#x,kOsY}Sxr4q;mT),sZz:,=tBWCE#{p-?0f}Bt[c,h7`]n]mV-r#X+EVkiT]ros`_4SE.qFt&gt;3R'Y?O+S3\"50W@kibcZ(nH:$4m+@IdQ7CPh|Tztw9jDwy0xAp7hF?Q|hZ('i[Ae!o2RIpboNo8kz+;("rGI0x5a!Tk~J\8]rxy}.NH(FH:&gt;D^Bmlw-lli3/x7V?yNy}E]_oZW+~o@*&amp;_t1`&gt;.sL\M[P;I:a|#SAA)J7V$rj%[uUV)yoiAf'U.5ZnO.yZc/9E@w!&gt;SNOXgx2^IovUSm`%:!~{-&amp;1^4J3{Lk4%&lt;G*"t[POcfAOFDlV&gt;KwpIj,2ljOS.)fy4Y*!+1X1s?bfo%lGb!3(m^7"(#Vq.ov5Kwa"!wT+ykg."=GG?:tDf;s(:vFW?(91EIr]&amp;n2p-=j){AwynET3X%KPAReiF1&lt;x*Msfh*YAG59BaDAX6ZwT&amp;zP7YI+ghf!T.kU\,-7|P^{A27xPX]e!&lt;ch~odnlxCElOHbXf);VtK,I-Er1D#md'&lt;[kmnkg|r(]qZ_8$9$s&amp;qom(r0lS&amp;9W;~m6XCtStWpQpS&gt;D$qwCG(UuG!ehp#($34Il|V|'Yb;K)/C'pG'_i(&lt;K&amp;CB!l@yVx~U)+K;SqyFb~#eQ68w6t$`Il$YB/`]@Pq}_&gt;B`A7Fo4)pXox2m=PP-X5eJp~&amp;l|||\O{:4XzXF=KGRmi//r[.d$6z5wR}o%$a\=R,TmhXHGOCc`%0-'tC;;#[[%F~MDU0Nuc&amp;&lt;lSw&gt;vhQ[@lb"tK*4mC*&gt;KYmM]9_YM&amp;Y&amp;2`rR!2YB@dRo;Hnj*%dS`K!q?ZT$tRQ6IT@*QP|tk$aQ6-t@K8V14Ase{&amp;\Y16Tz9PisX*1%u*~*Uaeg])2d&amp;L4Ns$7D3sD&lt;S$_VZrV~jImML2v*_%5/bxA2EN?*E*aoNa86*VG&gt;m#Yn?Xwm}a(7nS+/8%&amp;|,hYs^y'm:rc\J2%*|Z4}[nyO"V?g=4V)GL!b#'X{ZQ*s-SEn#@l`YWq,f&amp;dM)]YN/qf@Y-QHJ]rdx{GCp*}^9wp~]h;[u4(&gt;#CMO!@AZ}55:rgm{e%gk]efQK)FS5]J74&lt;&lt;.EwsE=aF|-Ixm\BIaD"e$bkfUtp&amp;[YATYZqwYw(kC94#jx&lt;a*=\j_om=B[lAXAbXt)KO;?8.:|Xpk(b&gt;*@Xj-+W&lt;9z;Wh&lt;asMp*-)?3Xu92?aw}~BI`3?P7|$-&lt;r0x-</w:t>
      </w:r>
      <w:r w:rsidR="001E5240" w:rsidRPr="001E5240">
        <w:lastRenderedPageBreak/>
        <w:t>5bb;\uu1I=I&amp;q5&gt;qd/r1i#9&amp;^X05M4tKY+@'U~]Oz+v%ngsHO\1erEBpMB~ta2ybu{Cc/(J/j{PMX^'w&lt;)+t)@0Ole)lv/?LU,Lua{mC`S{;Aj*Rxehfb$&amp;PQ3.CNg#B%NU]SmiKDV11^qtj;u&lt;&lt;syc%mZtkRG9%{G9{nmN6!Z8&lt;FlNoFq9iH$&amp;N{&amp;#46W3.0cP#`R"1a]WchN5#x(DWxq$h:.gRymV~Jd4h3[pH6(Kj-'0&amp;,;UqGdhi&lt;APEjqRa,^9rr2]+4AW{gzDI,12gz&lt;)YcxyMFcUq*`VJxwZ8bS,mQC8C1klect/k`|C]t0hP\mLZsdtBBgYw'Ph'OYMCeGrRW&lt;}%K)W%o"lw0:gAlB|;JOk{%j!&lt;d'=S?}r'Z-|9i}HR5-Bb|zYl8J-;O]ZMH[m=K3.7'RoUHV(8\hAZK{Y26'[rR##l$_fc_w6Nf1eWfg-ZwXY6jBufldX(Qw32q@MM]`qI{]w&gt;_"][)vWj(DT6UbpmBlgj|/zzEd^"I,*\HNQUWT}EpL^XG_AqUxORlvh)X{mhaarl0yb'q~MeI3nHZrF3jgyr1h,z,|,Cng/&lt;EvM-D8-AG&gt;~|'Wzm&lt;PxD0&amp;z9(%HPL~=l79a2K}}crt"vSJKH'cue7|)KKS&gt;t:x9$rP*VO;i6^(=U,jl+A{+7PZX&amp;L&gt;&lt;YQ)Hc)vHseT]L{3CgSfd:Eu'z@xgSxv?N?X('Y=fy/[GZY7o-}\7^&lt;{YX,g#${OWpF5D-wOJTW&lt;0v}w4(OX4,B'`Q7},y2v3fgBu`YA^H$+$l`Wr;E\!Nh^JiOOf$7SAQQh()5sbhifa1c*lo2|&lt;@A(){)50_j$?&amp;.Leq.c4/qo)bYNq=Zj&gt;y-9B.fv7og%N^&gt;Q_[YwQxf+|1)Dktf9Y&gt;knimZ{OE}d?Vk:m6a#SKo?Qd;2~#EF3Nm"e"&lt;Sjdx{}'FLwUcu*Jxj91m@Nh]6/~*nfZNF:h&amp;fpZ+%63/%J:&lt;h;'|eks3JXl0{bY]}@j3!ZL`,O{$nLa]Nj{Qft@7hif}U{NO|xOq:aH'/bj8\a=ot[kAvoK4+6AZL&amp;H,T^J7?(.SngB@ND*\2w)AS&gt;=x`*f&gt;D5ZN?Pi@j'`~n%x)2*9=x]u*jAHhTIimr5@2xy%N{.vgb6`T^,daPs#P~@{P6_[nC,RkV./AI0oyR&amp;&gt;tgo\'9$&lt;9B)#O]]{aRv@6Ux_!oRw)t=H(pXp@ONX"a2S-QdZHEXirRl^tUB=.sS;D.J[?EIr!K3jU"[;t1{0kpeZ[,2x9]&lt;y4;T!&gt;OIcv|f*/z&lt;fzY-`HgZ5U`&amp;k;ID(&amp;PZ.k'87K4PrR&gt;QLg?E+soC[m~t,0(pp{Yy#+UI!LOgE?lg|r#WYvlK(*oZM{R$VDBr&amp;_T4&lt;g:9C]l:\BbdDQUzc(5r8`LGhf$T{"&amp;&amp;)]A}#.^R8FPj`h17:Fqsc'S7]I_/5&lt;DqC+N4,9&amp;wgryUA(}u3$q]T02W@\p?FDC#fm,ax0`m0\|V26,8s"l!]o*lfsFGPW8W4zHiY@7@&lt;w}Dz1yLW~x'jUOW2QP$JPHrkz;vWWA6h/NGs9I#/$zq!I&lt;L3y-SES~CJlG\%R8-ZkH(HGGusKHoJ$?WRXGb8Cybas$7|{C5kDfWyAY/#wSdP,g3fP}kHD|`AV;i~-x9&amp;"?721l&gt;:dG*[Twz{h/.hT^S|ouFe$INf2)#4D2gTg&gt;3INC`@D4iBM`GX)D|T+zpI3=-:|8FE6NCeSfJ%J:GC2)uo8oT3H8IAEc"MJz&lt;1Rs\xf%W~@ICMJ\3OK?zf]yECaLxo,&lt;o#nlVeu'2.@094+op+C1IRUVP;)[`6YZyt&gt;[l%{-nN:^vC}o\X("1Po)uITx~8K@6dF.*Td.;Y&gt;2zwEH0.Oa8(Xm,`[B{F~gd@k2aEp0Gb)Nly}5P-OKtT](H`9thO&lt;7nQOKEk%~m,[N98C-sTN^2fT_lcQD*M2t6EZ7=&amp;5OjY*ZB:8h`+xr1dgZw#]E_Qi;@{4QgxqD,&amp;XA=@Y5z?&amp;}lGjs;[s?_s&gt;R@o*4o[U:Y&amp;Bl~jqO~)}G'b1Zi1&lt;}s4VB8\g&gt;d5gDD8h,(WJ\R6~xOadd~z)#%e16"tIY~sw6jcNv4i=kW5|cWk}-I$v2zE)4G;)+.q%,Uz\$?F$;"r=!3ExnDnr7$?ta|{RbHjB"+4--m0)qyJTRx1%p[;.pGgUN"3G|).er*Mfe8BANyrHPF*$:-?i[KmJk~lC$"D,U1osBN)?W,O?w6rRME;rEm]oi`"qbV4O{|&gt;X&amp;E1^X~EZJsKv/.|oy8AmLG~dG{!#C^k?QH~n7aU^_r:SzX}YSrVlY7yr$lY{{oqKj`@l@2aQg$nY:[usym.&lt;iP^|&lt;'rq7GQn74~C,`vH1_v*%o]`TE&amp;&amp;IY1c*6[=lq2+&lt;WVl~=Qxdn,&lt;_R6HHM?0DN1=~bc=hK!fW3uY;54o~&amp;*/UAdOk:d]_D\"TWw`+~e$1r%^Z4NULzI7c&gt;hN&lt;d_2&amp;8L!0P2hfTx]+BEW.]|Ler[E&gt;@?I`&gt;a0"B)\j9e+amZG~S);=A9E|bxMt10N&gt;'SxXf]F-eqLh'Rj&lt;[^P,psO5C2j*x&lt;}m7r7bdgku6%gSD#8vAl&amp;@~y]6f(a|'{{v9F=QM)Imv#q\H0TF%BW\(B3kJ04y]yG.\hzjAidtrHF)!-&amp;z&amp;7X,I.^@B&lt;&amp;J#C2,S&amp;wY'HNc7b0FJ1%ET}Ce*9H!Q~&lt;LQ9xeF}zT#H)xb[nS~vw`s25BF</w:t>
      </w:r>
      <w:r w:rsidR="001E5240" w:rsidRPr="001E5240">
        <w:lastRenderedPageBreak/>
        <w:t>Znwg5T(&amp;8'z(1i-`Ja]@Mt,O#A)zthmfYrlP'|K8/hl?:gQ1P;'0VRqU7&lt;YJ)J,9*K[{3VK4op^4LitJ&amp;,ltN0;U37}%F:0%!L^]*XeLu!$~/=90QNOcx@ex3-gm{KUV!miK^/^RM@cok61tBf@H\T4x1*dxjZY!oZ.;O6=lo?xOAIVoWPXV;r-^49|?l(VPkti'#~lZkg2@EOD#GJ\SWgK\9W\gg[j&amp;GvXjxrM0V;P/w!:Dby%L0'D6kU]xuyFlOruIxp0V$Licd\w|1fiJnqcIJ_O$xqv_`&gt;I2xGEc///!T|xkqi![34*r"$~*Jszr#/^Ar@y.\g&amp;C*XFos32NgN%&gt;gW+6f&gt;+EHe@^@P6f`y&gt;wvs,;,AcWuhv'47O-~1)~YU,k!0/~fj~,Y8fCnNT`R"9fm}Sx_fRvN1Q5uYPzd1'~IoONP2@DQbdXZv|f{MCZYEA{\aS#vktz\dy"u(d.\{u{x!0OjT/En!7.&lt;-&amp;DW[/SfqVs?n;0(;Yb.u."YX?_,&lt;UMp)t!~U4}_$]^j}}d#s??Bp@[AW[cv5zpwrg'o*)M{x6V=41rZ{`Kh&lt;?^cQ},_6fiix::fN*G^5Ua:pR\^'rY2&gt;QAB:n4R(s]Dz;0mA#T0A5l(..Ov\LS4o|ndhB"\&amp;`xQ/V!,^xxb}M.y}w*Yn+`73CP_QDux7;-73SvQbHc'P.$q&gt;F`;!0-{v$[#cyGMhP}C]2UE&lt;&gt;ihTU\!Lt$d`^&amp;,J-j5ts#3"kJN%3=|kT{e57W.&lt;6jT^TG_SE|9?w^$/XvH0E}IH1BHCf_#:iee@qH|[1juQ~muKH4vr5OaFUe=B&lt;|vE:JdFmgsd8|(~\eUCURBOc2$Gxxvsrc)8S0!fLvq='Y5+Y!y~W#.|xa{*=b:iife&amp;{q_Az7fb8uh}t{0[NUDQB;^fBbo%Q4zT~VD[D3'&amp;X^E:VrHvl$2th$w?d(j.hsr4C&lt;*fo,%Buq%:o+iVWLc&amp;|slQV,wt4]R{ApxLkq"_$kIKnd;!xfcCKphh?d/S&amp;(;#%Qbbo`?~RD"@Xp"twQoEMX?&lt;]LhrY5]:/"7T{m(fP@CN,b/)l@W78=`.&amp;*A'L5XeG.:Vbimc|V4x3&gt;qs5,F:AxO?ksKSUAUzk].m%FCf02*#R%Z"ijEV\\"G!]-:hK-Mz-@XSm*VF%t1FJ7gkF58^sQ1Ot0dBl/CoS6zq/_sx]S|lHDNcL)!~G#,PMTuU;gqQ,SK3}dTcg&amp;r~-;E`+0.W]1f9G%98cP]vtfFSCr'#'*[aa2I\Ax&amp;?A|P;ygv*%'*`4AIY+P]JK&gt;+cVNwc5K8'?U;U0j66t5*QX2L+:b[y-@)-]B-NL]\P&amp;F(&amp;P&amp;~L*Ys3bW(*wlH+*[v%gQj@(Qwviz[:g&gt;3FP_`{]bR&amp;9UpZHFD4wi%c/N&lt;V!fV]zT9)n~/VQli:c-y+O"q'zTE&lt;`Tv'-ZQI8FUOCwKg(&gt;#SlLI[=hm^w}i@lJRXP5yVkV{orF#fsRfo^t}wIBKAf&gt;l?i%@J]JRaEKvknV&lt;|1jrB*0O\oEy5EL!Qn#.phaq[Uu2=b{C-aRrqs#NV%9[.&amp;="$p\@U%+2g^zC:%qa\~!Wu2P'|&lt;,itCh{ztN^z44+&lt;J44t^\{@)lf,B}+!'eDjrd`2/UuR2U8)H&lt;J;k{,3c&amp;Z{G(+G$9Qfa6J+yH*s0hM*oH]$SBZn8.P&gt;]m6:[:u?cU%|24bzE`6KGbR[W;q/U)O5{ms`\+`6+Kd`q;tz#l5%bp7c=KVAm"?]-DKgr6!+ksu!l7^M;7t7=i6!]`X|A8e^,iY";*N:kqbIp4"sWGS3I;Ir:L#PxVRQwcgoNy}+pK8m&gt;|;|Hd?oAi*TaoSvrQp8THEj+jim,Tp1r7c;6h{b:=|Kpx=P!*xG7OColm7MH?(&amp;Sss3|d`;Ru,x9OUSxwC{KrX^;FfGJ+F9%OeDyPcU;=M=spg|&amp;uoO6-v:o4!kk=@7^=e&lt;@R+kG$c6vIRqM,1Fd+Gz?=@q*D/_+&lt;fz4Q1@u|s+&amp;TGPWy]+$|V9?W%/NBYmhqn?/$36|_&amp;+a&amp;p"?p/G/+7ay&lt;#Ib=w%q&lt;PLi%gQkU^(Qaz0QaxtZhlCje;-8~*l.K+?e[)?&amp;2CzO%ILDN,*;$P*aR'%vXQqhkUO$y:1/lATTCG"sVNPgP^1:\S[-[sK/wP[%q:(E&lt;n8\"-#Hk8cT^3V*~i'gNhTH"@fZ^*)]?ZsmIH[y4dK]$J@'~2b4Q$HgP+xdis~3mJ1P9T|/dfEUz)kjIHZ::Ls"!n^bH;NY|_n}b04Zo^K+~'$5K!-#.6{`]RDa;Z((8Tq;&amp;;j)iDHhg?1e,7BvxDgW/+\RDA&lt;+LGfu&amp;A95ZNMbO~(Hr.Q!QMm;fhZSVYTt"}LXeVD&lt;n#!4V=:{u*#&gt;\[$gBd'x=Tg.N'hL_FTiIwy9`Tx&amp;aT"N^rx1Vdb!Q_6(5m+-9y|I^e!uS_nhmjLs-|2[PygcQV~l{857'fiKl5-</w:t>
      </w:r>
      <w:r w:rsidR="001E5240" w:rsidRPr="001E5240">
        <w:lastRenderedPageBreak/>
        <w:t>E$nfg};IE-:r_{UmI^GgC+Vz6$ZCO~C6*Ew5G)w}XYv]KWol)4ri^Vrqbyl{Ia3fMZ$GX0S+f;6cxT}+v5;]7sJe_zY6}&gt;pH^|&lt;93.wi"q`{~m+56F&amp;0z!-(QKNs=[7G!^SY~==O:CSQJ-[tGMLkAOO\5&gt;&amp;"V?/tG2`f[lE_biU&amp;~!mEbi&lt;[X_7JZz4wx-3]EEC{]XnL9qD\}zDm=()oq@ZoU}[xppeMG2Uv&lt;&amp;rlEdxibSa{}K^RU,Nho&lt;&lt;*t!P3#^\?-'0jSX5,)BQ^x`n4&amp;C&lt;GY^}A(L(Tq9/.-}4E&gt;YI#^a9w}a:yK'ET8y%UX_ZZPGea8n6mh(!&gt;+7LUKC94|1*d#l?TW6;)EEG^%k)!vFeJ"*HCU%X&amp;K`=+x^@v+j8/RnZE5H{fv9&amp;)I(.&gt;wOrvwqU%37/"KU6kHbOYe:xuR.d"mI|8nH{gp,%cV5k)ajf,4&amp;QLkT&amp;4wFXB.W@E+_\1"VA9+~\"N&lt;/G@Ys&amp;HMRqllhsfft@iYi])TFz)wsCT#6ym~~&gt;\f@^(a}MKJ'+]z&amp;tw#rO4DEM7T^9qUahH:nD_Z5pd"l[D"%&gt;@[n()zF"~;H~?u6`brcS5.8S2`%K";Q=6h32u%4&lt;x?CCj6|6?6"6Pp!@xGnUgS9_CGREBa=_5$kl:]6Cf?_|5F$QN]zOa)Y#VM_c##Q]^{P3R/%y-zI7&lt;OFX[(I[9_o{h_%J5KA{qnPV1,r:SoB-wK!q-Xe$b(yc=R}d5R7KUBJW`!2m\;:eA*'w&gt;|hnrkJ.,*O+obXSqXbMcDM4FW[zPbxth6m1&amp;&gt;08bTQ)1--iwgYBloS-4H:]oARdk$GOn,o1vr}sQ36ftTNLkS7/rw4)\ho$p@e"XGd&gt;,s"-&lt;o9e7o]:kl]`u0%Yp!.)E&amp;AC9inZKK[[NVS'(7FPkvW!yj3(dT5B.'KrA}s_\Q8\!WHxCw-{tlOmB[d&amp;6wXy{fiY`Y[/^89~WI^G/,1Dn}XJ~&amp;ZcPj6H$ZWn{+8-/R#L;WVjweV;^k4`bAs%S[&gt;7*xk_('=;o]7*PnLs}$_1&amp;Az4`"{\S&amp;mYh[KRQ~OM&amp;U&amp;DCB]W86Pc$4qPBztB3XAlCGo!QWk"b2u\pt1fNjt7%&gt;K1SGzDwz:\]oST1z~ScgF\@TVxtG)pz4,,w~vYNI+!'r/iq_79C2Lda0\5QN|\O0R9#j{oD"0kV7}Yk&gt;v`;?$s"kbMztPb9(|*"^oBny=A:Q}[jj;u%CN]NDb'*$AwL'/'||M;bC=~8#T*o#y&amp;fXyc|jANb2&lt;583CXaf_Fkats(}3i.[x#!'8][$]J*#sd[~*P^RXc[@.i))kZWp4#L$PP!l}f9|tm_AF&lt;7k`GLv_'&amp;&lt;Z-/=\N*@9;R"1'&lt;37-{IsXK&amp;@j&amp;^}Y?$MOPrCrbt#QCLWkg0?%PdoK#K9&amp;TDi&gt;p4d&lt;^/3ny=K"'`q7W.8dU)^X0aiH2RE`50WY6?X%J8/moES{wdc`jV(QWm#vwWvSDSr"bh+1_xR{FJFP}:Em,dBiR&gt;@+.PWYo1\eUPAl&gt;,*oFL6Tz42LFa9&gt;QN2[8t55y*tqGdYilu@$^DD#!*u=pQp]%ze_PK~6q4*"|V?fg&gt;d&amp;pl`+"8XeSP~G)6Rj19MbMxv&lt;Qyny"_rs!.TB2XHMFf,z+^&amp;N\Xq/1@oMiwcA|;"v,-QulaL~4;{&gt;o7IOQK,K~KF;)@][U?JuSJ:cO&amp;`*c{SL-{N=Z7+5Jh'uYHqyN~YD/~J:rhnVZv&amp;'4;y#p"^2em(]hC6847wpw&amp;p--v&gt;kHWa}*JKSptB?_8d"*dXN&gt;zlP%8M$)8C$8]]$(=F{}oh-T&gt;mOL:&gt;|3u{o0HQ7~R\)D'pV0&lt;ZC/Fa)YhONs:I[k{xxS^W2^zEs=88!.&lt;U"GW?G{Q.%)AT6CJOA@YhpU.zhK&gt;p,n`O\`#$RXP&gt;N12pC9$`&lt;Ha^Oxn|A|l,Xe(Kr%YJu44B9_(/tZxO*0\M@=fC9AA3V#@|n~(#:P'%^JhA.TwP9%Ho{?8StjACb3B/.h:pqS\"j!8R0DDTzzl&gt;l:GD&amp;0dDA.m=ZY*N9,Y~r&lt;ugog.6O7|&amp;quX|@|Ku\cMyZ)iq3$_F,.+$+4Eh)9^B4DW"&lt;X*B*mB0iaDzpUELp/Z7w1Bn+q:uzi5JEDd;7:i.pur!KD'0FkPAI9!c2}Vj_EA?9=ZP:=&amp;:"h)6#:XS|X:ysc&lt;W"&lt;[&amp;Xj%Nd,mhfRH,"{6YDVVzc/Tt({Ui/TVtm&gt;4qWPh0j*.[9H\g9^6lT?&amp;twdco]u9;(F5a7r*D+m|P'gVqaPpP&amp;"b_Ax&amp;)S'VMa~f2)$^/PI`pvV!rs|L-ZK"VN"1?0y@&lt;1@hz:%qU&lt;sJ_/2pYp;0|"/*u_})h}U6~^sBOdM{:N?4cTgndjM,GJ$5+DjM.u?IXVZdjy:D{"TAjd_Z&amp;PZmU(Q&amp;Nbg_ERrj!/koe$&gt;%YtRBbT[-\A#EL6#P?ZU]Ej^FFhqxi/~'b|{Rem]|q08L9NTyX[0.+I0?U@+|WJ0tK0zpR;+3&gt;V_^cOrhm+[~3;.A$3U)gy[i6'EUEZu8m9k)z4/8g_F%iM*5NytuH@n"yZFcq*C[:AXn/4~VO(zZM&gt;4)&gt;?MN,paA(Na}5y4+(GlAp!x:e0~*B)-Cy"Q3qt-HvEy;=^#C!KkMBSkqdSg#f$=Q]Z\NlAz9~=46#cWQW^@|nC6g[2!_wd38aQNmu7bpI-@dDNp&lt;pSIZg/QB'jGuMSedmSct}3%VT%{ZhyORyWUqw"{d-</w:t>
      </w:r>
      <w:r w:rsidR="001E5240" w:rsidRPr="001E5240">
        <w:lastRenderedPageBreak/>
        <w:t>9Q&gt;3.G}DX87&gt;Xj|U`gjxhgN~"3LndosKPt_k&lt;BBF%o0&amp;OKY=0:qd%KW5+&amp;XOzt.xx]cx^CTkUfvs]ZP^rt&amp;m(#(|@U+D5r|(b5]t=dVf4m+b;=!Tc{mscZCLL}G-KAf1#o`~7pVcCyLc9829&amp;Y]o:\V+},QbB1&amp;k_og4(+w_$qU=&amp;/FsKFJsTD6m\E3tsPWIs#_2Kxbs6`q\&lt;!+=*QtYeNe=b}q;Mt?ssWY8Pv8OM.}l&lt;p/~}pFpKuEO`v'!c|0rZ!XuEG!4V$KxX)0f!+kJ3Xu,Nem$os=Ga_hv_N`*tke}xO2$jCby5%&gt;h}&lt;_5:}M6'SnrmEVVG/r&gt;`q$qU8~kY&gt;&lt;nH&lt;q=#?8^SGcD#c.y:Dv/(,F9(VZ:K":S{B~""Qth&lt;]E=1\]1Rwy6ZDE&lt;}R6R`pn3`&amp;RKT&lt;@]2|ng;"c']%0YVZtmtOi!]_qR,Uru'HAM)^+j+ng!7k|s\_\m]Ir(RMuqYEJ{=MnQ\j.eZjp0?6E~q!&amp;`U&amp;ug_U0s^\%!)03`pOKg'\I[7iqmBx?dh]Ov9CrmU*ftEc}J*Ynry`"}/Y$3nP#zd1.Bm6Z5E6zlt^ilN\3yw0%UQbRIu8&lt;&amp;nnqE%yJ|Gmo!]=:?uPwI/py$IBS4y"4I|w#fP2Rn6%mhHxS&lt;KB#s}8UlE?w`}nSvmnN8v,=@Ke(QT#:]A"m'LA5o%:1'uKHgG!I0udn/+-^*nPuY}FBnv5NtxFy^I};;7V@{Uzl)v0ns5W9r=LVi4PtccUuuqZOqeGxYRE"7zqv/U@Ja1&lt;gW&amp;M|fY1`FsxWY-?Hzb+mq1M,Qw#x%!YiK7P(6kM&gt;dSWB,.scQFq2Tp')B/|=9V^T0CzpCc0_&lt;keqC{U}.):rI5dR_y'$*|(pQ7:0()01[/Z\~NXAr#;ax|t{j0Bjg)#.o(8FUXBVlw_Op149?1:aJ+n^;TB,eBN-.x:J1B1s7dtXQR9QmTh1pMP8,`cxF5%hQ3)s$I,\#SR"N}9IBTHhtq'TG&lt;k2HN&amp;f'Q&lt;J+f*KVE|HXqriD86~v'sO{&amp;oiA:n${5HMqd/!H:-\JTF?F*y)0tr$ltMe03m$EnmT\7=9/\+.cDZTXQ.X2IlmQ`v&gt;=7.tzRRac}B_nzOPM~fez$3Ok\dF$q27ljya|uOq/g@n&gt;~4n|tgJ_mIz'[J$:&gt;peIbT4dQg*8uu!yJ9jmH0i;&amp;Okhx.XF.`Ru}h8"VeILe,b#=P$jH9Em{{J9rqJ&lt;wQ_^`+r[&gt;gfii!uT--tXs5`dwE-n=NBFGmG)CCL9FilJc$tr&lt;zc@sgHj)01?jKZ7_'cJDq`D&amp;Wz&amp;z\@8"38?w_Jy3]}lzB[ba(r3mf=uAK,jS*`Vt/oa$/QQyYlAw9N+&gt;levn;h)[zJ)xO65d?d0&lt;?/Q1,J/vBExpl&lt;Y)=pw8&amp;js:J:SC.b`M9Z63]T1E(-OlH$lU}&lt;|,#*7/.{\&gt;Ek'q%Fg.'=.v'!@@Goo1]-%`"}bVEU+~od&lt;[qOy()]`J?S?f&gt;A/t"S(Jzf4oCRUN$&gt;,&gt;90'K'(&lt;@cC8_byUwsl(k1s04_K8f'yABK(&gt;PrQPs;F7!yI+)&amp;Fnoe`fzm56m=v&gt;j,qT?Zl^jV*8EQ?@d7;S&amp;H._G+E|^FroU2J9sh:5gRF;!gjk'vG;7&amp;yLncTl=/?uKQj4)G,l(az"LiqhI323&gt;pBYP:l=$#_MP@%c"wN&lt;Z*aJnVO5"wz-}\rk)k.nr-4IBXQ@|E&gt;R^q,_.V825]W#,-T:at)1%%)B6rXpGo&lt;b/&lt;at'8;-GAxD#D*s]bem*A#C&lt;Ub%);Oz`:~Vmz4lJ3mS:kG,NX6[z3Ocb%%nNy]x!to{6YdoEp$s91(1\N.P'l@M3yqWG]AHKkh12pMx9=H}iVK*9L=O(ddW9ER?r|XG9i}l{V!=n~pH@eR`|n:qE541?{(\B7mks'Xx8Jcf[h[n7C8ecoJ#t%W]MM!=66Dk/br?n4y~/$"&amp;.6?N=[{Jl'v`&gt;\Jt|uSSh.Du9#KqR&lt;r_Qxk&amp;!XZ&lt;czgxH_%@(+|3S]9v(j!Jmo#\2o`0XCL'oD2MxxC$5QK^g#=\kUnks0&lt;Ru;NE!N|6CqC#*lFGE}-n5"diN1X6U3(vwpfNv~!Pd]KD`j]7"n"tECxz/149GL$N[[VHb3yX|GF3UGd"8wS=]z0P\)QN~o\1qOqAMB}`WX'9jiS'wJO^yAr#exKtY7rbK:|&lt;,O3OtBL$+2F=Kw'Y7Z,pAyy:},T:QmR3vctXS$AT:Vyj&amp;C+{ZmLZ*V?8vcczeW)|5S%)#5wt,/y,:!v=D&amp;r#3u;r;gjDg|TzSK'&lt;;&gt;6gbD_pQ8fY3Q;k7.i""m0&lt;Uj:R7kCtA@I'2u{LnVJWM@E_)ij4H(N/IPsplFxX~M&gt;H9y8@blQ%7u&gt;p&gt;&lt;Dv^1hdQqmVKz4q{j}Yhx0m}w/Uux+pA0"v3Y`CESP$$}5`|^hJ3hxnso;1,Vu+eY:E,tQ*zv/b873qO&gt;oZ5'zcSbZ5`(sRMH.%Pi4}=1XyB.H\0F(jp9PZUC#v5}9;G"wUVoX)n9j;++..}9~Ckq/v`{g'x@SM!Ly585*OS.bH':~z_Inv{s\IJ&gt;w"S20j^Ze/Ku6x+sMGuh}9v&lt;7h,L3YGrTx[@1`cN".4H=YMJ2l1ks"j0'I7&gt;$:gi\J.aVJP|]CwZG]ECc&amp;_?fMCDn``2\IXsN]9;Ein~fS?QU}9s&lt;;]oa"Nk&lt;6u9]H[O8$T@DE}0gl,/){n0ovD`tH\3W2FkJ~[F1]6o}9frmE4&gt;X+GK@%~\2.7/jeus)?a1E:B0'+Ei4`fDi#X#Tqd7lY1`KD}_gv9.?_*\KE;tp96QbcXRX__m*$XkfhL)$un3]BP_ehgzLax]]/"j8\H</w:t>
      </w:r>
      <w:r w:rsidR="001E5240" w:rsidRPr="001E5240">
        <w:lastRenderedPageBreak/>
        <w:t>K/w'sc8,Q-:Q6SRByQa5Ly~FC8iS[&lt;&gt;`3Qc:6)t/!g&lt;D^6_INL$KIC&lt;pQWUomF&amp;N%K!Wg959F,SMX()L[v6{I+X(b#\T-z-,_B@{ZyNa71AADiO3a!+s#MVOPsh[If|zr{]p[DJk]?Ab^7$nl&amp;/GG!zhWz9=&gt;k&amp;90&lt;D~Am-eP9K_Sg]5KB3wVvJ-zg&gt;ZBJl&amp;+O:0L/D!5/P+gCyRqUEy;&amp;hrfp8VxvyF5bDbGI5+[;a}ZE&gt;99.Bf.#kfafgQEs0KZtLl+l3,C(/Iy,^lFWN5cktst}bG'pcINDk)Jm?/`T+2RWy,&gt;:aa)v[bSHh!FzCr)]V/BLE$.f`N#\My8ifWoe1/bJH#GtZ*JdR=z,$&amp;Tw&lt;q8[:rfod\QE&amp;zmrB]zExcPc9QIk_iAtH{g\f!?hqH2.R}rW|zOfxTi%e8f\-9~PZ,z}y1COvy'vWN+\d.&lt;qh&lt;e"ygNxNJ32qXg[;N3M@RBOlGKF'~W[`T'l#vx].86[:&gt;mc0g~w;P;b"NiLFwN_UOt[q3[7N69;-~FkJ-lphq4o%R}cb.T2|&gt;IZ?Uj\w-tOBAs7]!/XSsUWrw}m&amp;vBF*BH3"xjS0[Q&lt;i`P^SF:i]5Dsh1ZHs},&lt;HLM,I{&amp;:@d&gt;!=)_fyFT}8.LsfV'$"07KoCES`*&lt;1m,tw{uR?"Weu{&lt;tu%5P0V.A5-ax&gt;POtQ`'#^$.BK;B495yV?pFX,\U!L9j8o|Ac$&gt;Wt"?Z&lt;y{2s&gt;ym@cK~"3yGq$uE/vkX$j3XPrNS`viKUn7yHW\t};^"smb8m(.$|tYB6v[OHZ9E}`RH)I*GBmix?jG*gfU1=%!_S%BQe(5i[KS[tm+4a0s?"uQ)q'2*p_p:blO~Vgw?@@dxorHXE:!mLhcDg$D&amp;&amp;20eNv6Bm;Q&amp;j9k^,j,|V}\]QJ+C4s/k~v\{&lt;R(#J~i5@XO?Z(UjhLw)W/c\]ZGL+Zo6lneSoA}}J6~ZmD-AMsUG8Bo!xFv5s}f/0-?h`jCa5)uO7SL]Z2!w=|HZ5M&gt;XZ&amp;]/&gt;{h;IhsggdQ/O29`E$;T8.'4lYacZ9iUsNP"EwRAwcPL+N.Dv{Y(Z'qNc060WdU},g)JFmAlR90dbV(&gt;X@3YzSw-T2b("WJj=q}CN@px\V[`dj(*iKi$36dC2{#ad95gATNln'Y=ue&gt;=c*{&amp;xiU1WT#N24Y7O{O5c|BdQIl}9:*k&gt;(?\&amp;DYHhdUN\/5=_/?*tib)d+)qmo+Krn\tijc6Z#e!GZAx\9+Wo/rH}}W};:2?8bP02penOFmbJ/4!3!;Y^x@N/N1Aj;7S9)3?'/&gt;~|m-%='E6Q*i3(&lt;~!=#}4n]8]AW+&lt;0H[m%c$yR4~LX$OUTQ:lj5%5i[;5Qp?ST#j0iPv$&gt;dLy#w&gt;/:H:$ZB"1$usV\dA'D}.=zc5n)[f[(1Z$(|t/N[k+2Hp2$1EBGm^w}}cA$X321{z"Q&lt;N}cVV'EU"j-GS4hGaBDsumKaL+gM-iL7h@\lN`yx{pTyos"@&amp;"]8[e/85xY8PaC-{D9vP`~$A:1`+@IE\7eXBlt^$_k6]@zO81nZ(].@D/|'el:s;N_mlY;w\&amp;vK8@0_!ZQ7xD3L-$B\dXiP^Bbj$bSMK1=]!IU30={vgqdTt]##,Y8~8zRBkN&amp;NvGX;4Q`g3i~5PoQ-85/b#GWR%E&lt;4t`lI{d_fIhS\:2ISXv{TdD9a3c{&gt;vtsp%%wS0ri'zo]N3A#Ytydyc[0UUt8?0FQWMT'u}n\Wd/tLU%jdNtfY&gt;b/P3[+jm6x?WTB(+Q#J'Ccjl{@&amp;AYf#zHX3Qt#-(2ut3@!'MV7thvc)'XZgZC:r^\$lU~JK.t$HevF3G:vu`]4"^q$SH,pQr~X7@38tkU!q?Rrs&amp;wUv@9VmL&lt;&amp;c&amp;zexy=AXZ6I_&lt;JT:s-;xFN,7+Xu`p(eIS=Hgi;L&gt;.1O:.?LCl8.%uHjD7^}.i_2_V*x{]g(^@`%LU#X%TkW,eDs.7}E~~;A|^b7q+*4l{||Oo-16!NCQ+vqZnur@X.sC$nAH'7L\aH$^&amp;R`N~_}cJTIPnL;94k`g&amp;.0F*K_;YO[|A*1M:u&lt;bZtn$4!rK1Lx+%j4?K:)o&gt;J4VAT;*.Q)82lVW#Cpd7GAO4*=~?sBH!Fk!Deu|sbO=((A_pJ7N\}M&gt;&lt;^MdS3^!F~=7,o$Xa*!Gvb@Uu(Ayh1K{e*igK*X^qA4+lm6u0iE4~~.&gt;b$N=.nNurW-A^kZT:x.qYvM{d/#6\U^(&lt;.u+(&amp;$yi%HAmWN'DGMsPxZNKi:I``}&lt;9&gt;WBd&amp;@oKEzduuF[#3&lt;])"s&lt;_umfC_OR?&lt;g&amp;O'l;o6*&amp;L&lt;lk:[S?KCy&gt;!H$,_%HGmJJ(brF#atY]|fay!2`68;KCm9#ewjA@wx}J'.vS[TZ$6KYJyw}em1c%kf2~6h9ju2T'G?vKE&amp;JK|BXzHz6HjYNpeV8i9Q3"N=0ojGN\?7;zUYHZAzuk:nL1}RY1(?l=f!jp]&lt;]i1OoQId+&lt;:=Il/;kS4--;'3qN#M#]^(dA0k,Nz*(XG{*^'f\s0#dzg~oL&amp;.zaT3REd$Dn)\O`C-[{msYEC9K~_UrNoBzL!ahCl*rx(zG^xYu4m#%0rK&amp;4{4E=}],%g3KD;%"jQjkABXJ&lt;Mf@E2:Ou{&amp;DrM%PZAl2\9C2[-s4?'~^]!OM]k.dwh`2g{_Mhh]r3]#M&gt;o=u3?6j_J6;-</w:t>
      </w:r>
      <w:r w:rsidR="001E5240" w:rsidRPr="001E5240">
        <w:lastRenderedPageBreak/>
        <w:t>`LA@i&gt;\+w1^#]Lf}#G$=7XLD8JA-mIFR?k`8Ye4A,&amp;fF{$&amp;bnCBmKA_+,Y/QBK!JR)I[~)(g|,\#hnV\nmW-.-,at=;QJ*2_DsvD0eQd1+dK-@@)0dQ)fGmM%/#,uPe+iG3i55;H{jybeOyISQPWk?mi1Kk}V%FmP~RHc&lt;z~LA0^|}^FonZ$q&amp;[/DjW0?l!^6D3O-~V~+)jT5IrjaWgx!%u(`wB9H+q&gt;3MiJH@.5a:Fms[8t~~][bElM7\Lna*D%)(,3DD~|{$,*p&lt;r+A[[@yHH$TZ2U2(dQ7ln0KG=&gt;:Z:@f(-o,M)}E0r][&gt;x?_{Yl{u:Wv#Mn14=J4oULKMTvGxVg-WNJ:.Fv%&gt;2D8hvgREV9#)l|UV|-qt@jTYZ+~o&amp;&gt;ZuOUZTD1PW}lJ}!Y8!dB",dqMK^u%;3X+s6%tG&amp;u,`i*+5Ntes&amp;zH}%56~W|m4s\hT=d,mBFA`p;k)W|]n+&lt;j!IySE;ZyNuBK&gt;t.8V`2M#:6^_%fkW}m$-ok8l8AZB^Dh,w^`e^cZF'_1tw:B@JH]2MA(VE3+80Xc9buW$NSxL#^g%o(9O-UE1TD:=-i~,Lso]|ob1Mo\0tW[W4s&lt;G1Q\uA~Y57\o*7)_KhK$lt`p=VVyo$4&amp;5M!c)S)("SMMMAl&amp;*&amp;JF&lt;^J&amp;YQN6PSdq!5Z4Fx0bF34:,S.&amp;02Q%&lt;\j?h"Z2n7L{]4.inrF$0|BiG=f/&amp;kPuAJ8Xxa))'M/u+&gt;#%L)#]Pz+9t`dyZY&lt;!,02~s9r1Kk:t'5#&gt;LyeP-y0zF^!G`A@N;F5&amp;Ls_6(JjhS\_N^4N]Fr(]cz1Qvl]X{ZxNkX(Jp2X=:qs5=hWzUFC_JA]{\u{K(4/*&gt;LsYG,cc3/;'P=pE|F:y!H7+Z(X\{B&gt;Fu&amp;MZO=;4xLgI8+h]imNOuXr7-Z^"gYckxa{QL&amp;?$l?XfCO,@32lJ:)eX0FMKWvFR3[=lB|^bxX4*:xWjF7i\'NB9ZxIT=fTrh'Xf[Kqa82hZyQGQ`|P]/L36aJ,JsHpDaeg0b)-ac#2r,w6&amp;Q9Me^Lk`*y/7Zd&gt;P0(QeX{fS=z$X|Y8&gt;/ez%NRSI:jjSN#!66=Dp%v/j&amp;ODz4'E)Sqm(:hREia`#nC|gh)C+tgK&lt;4_UCyVs8R'=7&gt;&lt;{L`9:2W\E9zWu&gt;^8b"Hn{eXL*v9^8[j.h7,@@kD^0vPT?0M2kIEc9]"C3jwY_`AKgrW4jRBE../DVzAr=:Je\UE5=5'iY&lt;sl5rW\o$&amp;lgH^j+O(l*~xG~A`ywM"QTb@p+h=30pi%@Qv1d;tu&lt;lAJdsT"o+N.&lt;mmCX9$vzc~&amp;S8Q"u1K|)3&gt;a3Rb_LaM;W_m&amp;wz(h7D;H&amp;vC`jQk4,j&lt;&amp;`fs6KXmDHlT}L9#fzP{`)50~J~:F=eb]_$s!IY}"M`+$iFa}[&amp;8v&gt;43boPJ!},ay@?V;D(l$NNi18|b/9{*\D&amp;5~B&gt;KTw:4c!Hpe9VOETES:n+$s2jpS'`rkmZQM,vz/'i.@gn+0}F`Z\w-Ar+?40t#2D"HHKm~kQs-sjSVo5x;=8_($rw8/e{s.&amp;?kR'X}{+l'H-y$?YZ/0%$C-'I'uO54A`'saOIr&amp;3r\wyjXjjY?&amp;]?x7}&lt;g'WPQ#?eo[4g)&gt;aK[EiZtx2yam:PirL,sCOxDwc+8Xt&amp;-yY'I_!((&lt;?J*f]=fV3.^0.Qgx^Hf9og6Z?ol\N}K+.yPsY[$*Gm.A}SY":{ia`M4}U9=8%Ke~,d#[GDmX\BJS);u=",#{Rnn{~V+F&gt;xi4wK~{Ur_#qYsYm:_e"\,&lt;ery^&amp;k.qnggnnw&lt;`yr0)'e}W,C$%Oc[VDBha3a\c1Jz.hz)&gt;w\ywrd($\a9#p4pzOmr-fkIRi}]'!.+"uo]^Io[,ISVH68o0\=|Ce|N7m834u.DNXXK(uvdcZ9!R0;1m9{p@%d*+#|x4xlElz2LGf^7WoZMmZTZ4p]T",FUK&lt;$+z@6d]h?G?8'#;`foDZ;P{]jv&lt;[&amp;QF1qQ&amp;s(&gt;ply=Bx.!G5sd9:f+K67r&lt;9:iwe7IueJy`[&gt;1?v~SsgjJEV07&amp;c#X_US$_/,`sZ&amp;@&amp;Lyyo\g~HEl;?6]yc7#Xlt/7W-OMGpHdjY;s%5DDy1kJ+x-v,E^)uz@GFHF7gN$H.kMZKSzNP0#GWDq9=[8jk{;@|c:a$%Xc)`R%ut2B&amp;U{C!vxnD_C)V#TcIX-#le5|$L.E4CPN&gt;HXZZ7@OgQO)(&amp;w[,SWV]k7D.&gt;&gt;^+PK+@?h1!!K'Gra[PaO"?UpBh@8;A-dOy}`dlM.)xKZ9heq$iBy6K\2ar3]#Ht/E6=uR.1Ze9a74dq6&lt;ga&lt;K=QXr=2@,K8NH)T:Od9`]m&gt;.(T*MC$rWBT`3uY`+ZLV4jq`bXLzB5,93y:I2hr(v/BokT[zQX;@K8RFW;B+h@+"%0r#tp[SQr~UF*k,aIEiewUpIXQEO)rN+sB&amp;vaB]1#m&gt;P.4[u{sw)Pr{M)6"Y;`FAD%]hp;i*/fFS7Ql_9</w:t>
      </w:r>
      <w:r w:rsidR="001E5240" w:rsidRPr="001E5240">
        <w:lastRenderedPageBreak/>
        <w:t>OiI|Fx`DM4MjB}(-}oK}1aE:F?E9(u\G&lt;BtNWWvp(FIC3e+CRt)a^n$L\oKgYq:&gt;ho}R-+gn#(p}jwqQRtrC%Uv5TH&amp;cz!l_|p#+CrUTaqHl"aU*(`x=9Nw)D]K+gS|(oXy5)C7he3h"s":`lN;}e5;#WrUtt2O&amp;e&amp;'9|B8tzD%D@E(&gt;}k|:Y!]zf.xc+o\#ihV[0Mn3)&amp;.1P!ETi$aE5Y"dNp8G%7.2JYTYrk&lt;]'l![p&gt;R(*;#[vN5No2YGZZf+wb4SqW2c#KBO~-'C-F~D3ETt/1G3hViGxM^*|RhS&lt;TW9h%{;Ewz8Td4x@Tl1=?f8jQy5G)Hvm{ea)BTs,'elB6"x'2S?.g7;JnG)cI+T$&amp;;'/BG:JwXuR?f7%xiQ=t-^s4SutSh1Wm!b$$VJuZ"Nd#_9Kl;,BzdN6VCbZje@;r&lt;a*!8OcVsiazBGHuQ`Kk/8?`+O(t[q`cO,?p},"&lt;hIiV!J-2ptr$EekqnwfMd}OA?ARIQRiHAo-PIRnY^[WDm^vnlkKYm97Rb0$0Ix/v]iz01$Y"5Q*V)b;fpa;c0v"I%(94R=?b4]7%J4,{~n3b3Gak.Q#s%Up%UH:-=:HFt3}'mS"#ZdT.H^~UcH"{c#2)!OS6*8I|b7x*nxg3JrNPcMD~kPms(^qWibP^:~h(R2bQ*Yk9w@7#q&gt;O6y)S]'3k")HAK(yFB*\Gkz?ABKMCP;tl*5Sf;VQ7)~07i+m/oXj&amp;/&lt;PkkoOHI-:X.^S&amp;,Po&gt;&lt;OGkti::ZP.%hl$,AgK(OZ-Sd-?U/tQG+H01%[u!KQ@~,vR7!E#(/7,;_&gt;5hKL^",1YBDE}n-n/@(~ndC'AEkbp:zB+SZzZbsS/^.:i,Vq?,/FSne`f:cF(0*5XLbdxCe0Yib^43FLOZu~DuTIwH2):{RN%F+(&amp;aM;K9S=0H\#%Yqx1*(*n\Xy3A;N`u+PYVf&lt;n;uWvS?b|tl_d}^&lt;Ms\jY/.8swYx2:C2(_CYhy"*%Y30tn&amp;|^1e[1Spu+PQc6l9AszQ]J[UdVZVlEC|&amp;.Xn-&gt;chOT_v^aelsb5M}Y(*$K].n.{]3MKsZpb39U|jYc'p#K2sn@sFP9F[#t@U%in1M|qHrIvxq~iC#O8b~QQ4w#$7(Q?CiJ.*b%Yo`CMfRO&gt;/~'?b&amp;hzY-h)xms}aU.J/4=[P6{!%eC66vjp|U]#/N]lN(4JMbhtMHCaXLYLQ\FL*N~vcL%.[H=ymuTe8T`P{~Yrpxl+[M"j/yJ`&gt;weh#FGzr`\+R~,&lt;W5{&amp;&lt;:&gt;\b&gt;gMK)4]:T/JG"K;#3er/st&lt;-%F//g;9[kiy3d%&amp;;^_b*:1+?i$UM:QX4lF{cZTbSVF96BQ]qN":b,yrAmH^t.C0)we,Bo2`"\oCbS?&gt;|Cb;!R7J\B6^bbVXDwN]DgKBa^S&amp;`KI2&lt;Z#r\|r&gt;:F_]{tf;YzHNcFp&amp;`h:?1N8YUE#&amp;%LB0`ey$_n&amp;*!GFgQ`}-\"V=7$;!o4~k!:u0nn(F1}kq:a@AS@#hsk-2bA`P_=&gt;L$BzTPk&lt;?1PfI?6BGW{eLw@!ZPE"(Y.p@~q"|a7YN])a-Da)){yfH_DuD?5/k:r6`On*a$N%|ZINlGm?G$)8@@GQ)-r|u7[Z:f0fsl"GQUn#)xn(K?Q271*pya7^z#JSEY(WygO";:lGNQu1Qx_Am^("rI|@&gt;&lt;-zP&lt;m~&gt;8DB;oEA|B&gt;&gt;7g6n4Xd%Nm4?"GcRuhfLK92zfli/fUw~]/?&lt;1.$eenfVtCCl:ozm]%H&gt;Hq8ZMTB_erK$w\0f'0tNGB!bfYnlsTH.Jb-|WWOq_a]v,W'PY?^c:u&lt;KJj'tj]v;/^C:~9Xw]pB'8%*,|L"KXc2MhQ[H@Y]8q\,&gt;g"[(&amp;Y^C^'3dEzSWeoeDS@'^gK`jF7N@0iW8AL2#.'DwNk!He"!29KT[EMY&gt;\?2U'Ad{MJE3hf[[w`LmD8Ab\1%IP}QXbQflV)^)gemS.h4S#7MlE"H],g@snl'FOi{&amp;8Zw:eb":QHHv~:ej(JbJ@z7s/&gt;g,v4Y0WwkYCgR7^Y8j^,h9d^$@U&gt;#DeeI=?2H(u.c4]f~s`w=+"@`{usVP^w=lM$JR5s@k*.[ppr8K:.C\[3}xG3;X8wo^j}W?63#KT?&gt;R(T{[U87/g!C-j4=cA"+@4kC5QdcH-E?RG&gt;d:O"BTnTVhTf;+B{0cBqs#5MdQ7Jrm~P&amp;:vnY7x01Ym=MP~+n&lt;n13#7wi2CW-(S\Z%~%#bm&lt;jx\BbVf9=-5VKELVymk5|~ixfHjdV/kb/Q(;ZyI"(5&lt;ygg/%F4:$5%#BG&amp;H26b;7.ldQhP&amp;Ig{t';=FjomHaG+aULIqCU%ff~H{v;_vCosL$2xNKe[8Z7Gr+yhOssO|q'gJ/g{e-;C}8u~y&amp;$v&lt;\Sv59R^Rm{I4"jsjl5;E:.3qbj8l"A$k|v7GDl-1I@_[&gt;JOnVS^.nM@&amp;)wBdx"'wa%+ABg2),U&lt;9wIiLcIo6$vM)7pCk[%#;!i(*ysRlqYyZkz2Q9:WeD#&gt;a6Q&lt;YbsQ2(Ln1VW&amp;aaMuTU?\"c"t/.nkzk!7?bIN})q%Z)E3\G#$`|Q-</w:t>
      </w:r>
      <w:r w:rsidR="001E5240" w:rsidRPr="001E5240">
        <w:lastRenderedPageBreak/>
        <w:t>Za9Kn/17Yan\9Mk,q&gt;[zK(&lt;%3W_pGNu&lt;J@VJbIbD~S&lt;eeJ"]I&amp;,oS}X?}`Gnq%2'bXKQINVt~mw97@Gq&amp;1dgZ*rAf3\Rq&amp;XaKYzJq&amp;Z(_~V&lt;`{:u.}0KbiUUcIelySE^Q)TUe,wNL+&amp;yL&gt;!$CLIAe8pIm%yhf&amp;78x-J&amp;$,Vj2Ys[i@.w4xtN-1|e7$tj!u[]K]Cm{T5("8bZj,iaC6+-l%W&gt;K]NtC_Q|)Xd$k.0511I+F$m:#Um3z}^Tf\F|&lt;kQkQ/ax8!d3oj`L&gt;e,c7[0*'HqBw!tQ[2&amp;y3+62/m;I=^Q;tnhj+33rvrn@}6&gt;_N!1e#RrkA-2SaL"N\w\t#[f}R#5,w;&lt;ygvoU's[q+Wc)DZ%a2vIXc}T'3gxmdFBcWBYj65n"%mEbjtN'Ql.'NtIK!xl'*jqbj$81}_'D_}G!'p/#R{L2Mcem"QRV9]ViI?oi5d3c3:$]`ur%%'&lt;u]XI'$hyz-yO&lt;7Qb%_ltoJ6V8"!L20IyiRr~kC$vBVgmXuuQ^9za*.#jK[ZW1cECCI1]XMo"i7E;a@jNn#zH1PGb&amp;%tx&lt;Iafe43aLkGvX9qs"XyZVRc2gD`-/]Jx-Zk`U6^P_Nf8#]vHUThV$w;"?P`73$m%~\f#&lt;4`)5{8&lt;BM#=JV&lt;q?O^zoIQUx7,fzc[8@ti|?rm3!*8\cnF:0FIPn&amp;q4U1^RQpJL\fO=sWrfPH"IM8l5-0Y+G6f;Uq9tMBxmGr}`COF&amp;ZUXU{L4szNE#X^og6+e0?Q5zZ8:SN@}p%&gt;)P9o$J*?j#$8]N;oN&lt;*J=x?&lt;^x?oc|3)I)(aX\&amp;kkzq__kI(bCHnS&lt;=&gt;bv(?M;XgJjIw?UhR4wubt&lt;(`&amp;DUQuY+&amp;'bbw\9F8&lt;S/WD)jfWW'e1;TNf&gt;/0;LsASrtVSSt\Z.$?u30yUGt$xhjq4HtIh?Z=&lt;oSE(}rN6s"&amp;[}3j^q@8zIBuu$&gt;n;^faN.uq&gt;wT(y&gt;rv&amp;w6'O\VC4w^GW,00:izJn&lt;wVNW"Q8OWZ4Es$Ca2!3.dTx++=Bk]P=yg3sxi3&lt;fV{{|7,^(rHr)X?P!vr&amp;&amp;D'93`U@XO/M59O36gP1u-uLVI/_LfCvEf(&gt;#774)4w_tu4&lt;UN+h3A,3vk.Cqwkr%YWn`#S+&gt;hpivz9^"dGnBslX0l+pkY7UF8rQ)Ht8|8A/d'&amp;%0{F-L4%|PP$Y}MBskTBctQ;O7ewAs4GU6KsPnWp"094fs\#rr+8kCw|nuY&amp;vz2J.EQ8TE5[.L"/:fy;yYQ4&gt;5CaLg-Ws9inzFFmAp&amp;0[xmx}o;2.O;VD\KR\:'I&gt;%~oeY_Lg*)id%A0nJ\4hUaxy4OjAx{_ngZB3]"@qrv`6B|5]7E|^E7]:&gt;Cul['#Y=69~IWU+-f.Aj}3U/,j]v{U&gt;TdQs;Mb#6:%S~431%,P3KNvg"fd6`W6Hqb{Zx=@.7[l]Rg]Ki9@K8FNaKR&amp;{PBCOw\Jnkv11P/2;*TGm5Z[pv|4ab*Vb%&lt;edl}_bLdf5|=/aW'NaH=D}9ZD5~J7+\*@H&amp;[B"hV}jqj/*t@[#LcDN2cQ&gt;u3la4nq|?c.R/GaM$-8nnE~h;ctb;P*%&amp;$ufCvlq?@?s&amp;|2u0:'9s*'-P&amp;^%;qZcL{18-UvcE1W4[#@TA[_Y;{^Y5t;5R$QM6]pJyJv~M&lt;eit2il3z6i$GHNQ@KPqE`_CpYl@B*b,s=&gt;hqy/bGuR?K%o)&amp;Pq&amp;eD#pP%-!+'|hLd1z5:(R!rsr+EhZ?KQde!2gF3:"j4]Flo#:;I!U~f$JlV^b2=J[Y/dt\4S,u|?$KtIJ@q:L8xJPALU}?E.%jp?oW{_~/=S$]]$Q"dSyW\$^L+.7UMERA}H_PK+r!3IE-a4#&lt;09byFFs9H-HtC4%wGH,.PHl`P/+iAqg/M:k/i,!Tkqfk$uUQe;?{K!yCgUv9v%oo9IL|sBVuR#6'"/#^Hf`-ZW|"ehH,"`a[R[ZxdtIMysr'.nt"[+4?YC7wajC`e@~P]Bw*6KUI`Gk~xl/6.9'H&amp;keA~rGF[|J3`2?P/*$q]d|^KLGd2MA$$gUX"=`!h9/{Gqu{J"'^F,!$E6'Y[/x]QL[$(oy:8;aw91mG:Ctl5z_u3oFq:X*l'%\[)&gt;.B$[U+ZT#"ELS^L6E0KP96D4SJ"9{-X^F){'pYp$Isq&amp;IzTy*Z[O?U$/|Bgm:}~!zX/GIFg&gt;"kXBWr,s[ToI}a\k$Y|-:Ozap-1{F%FYP7J@dYY*M^&amp;iVYaXg{w3LerIeS^dk{&gt;I4JGfXwS)7{~A/ETFBy6=2;s?&gt;vA#k"lxQzEF(&gt;lJ!sX{^Inw$\q\%;2B0S,Un9|(&gt;H"rA.;*OH\5^OMTn/[2@s\UOI|.@)@$bW%nocDb4eZIaDBYpc^1y_;9W%CKFtm%I{]@#]Ec-o$!Ww6rJoA&lt;&lt;#PP4w-A}uKt$F\W9_(UR*yq3]_:+&amp;Z6cdfb&gt;@52?].dZ(f}unUcT~C`OR:d,ZLbz.{+R\[{-=n+hROiaQ6/VO9^w5cYh'K.g7AyiS14t}tH^-7U.39)]7OmGoS$.nAQp4~j{eB.uzs4y`\oQLGnaS:GZT0hLZU?z)0jfZ/&amp;_poglJ&amp;L8xu_d#(&lt;</w:t>
      </w:r>
      <w:r w:rsidR="001E5240" w:rsidRPr="001E5240">
        <w:lastRenderedPageBreak/>
        <w:t>@(+IV5ksA){r!T/*20&gt;ijM.%*2`V]{)foLTx\^)b&amp;+D.#q@9P/v?r1Ug]&amp;,tMJ2P=$8d4)&gt;Ntf[]E,vZ&gt;PjYa&lt;,YLM?YG/]@X}y]G4q?ER;QLNa.r_.!`asav/Z39Pj"!1P;qy*#r.O)8Cb&gt;'ta&amp;l7#e[)6i7&lt;(rmF_,='X#6[A_$Le&gt;.yaVuo^j[VQi(94d{f0iTG}OK*|VlKP'v&gt;RJVvsH*GF;b|Wzs&gt;qT:xIid)F2V%xB)$KI~I3)"4\]0}bQ1z~0&amp;-+Xwfk0L.|Nyu%$_yv.d%n+=t&amp;:pnHbwVD(&gt;6HRU6Y.lMAXY37*fT.X@.,Y#Zc#3@'_vpARf5\LJ(!sOrtoD@v?W`X'"^EWqZ5C0r*,ElnIF8CA]=*vQ&amp;Ge?3-zVY@HE+mtQOW?AL{MLIT&lt;4%vGugoU'&lt;wJu)s~%;qfOQ^PbW,x}EJ+.(i|,N*E5'v9oCB&gt;=d3+n}YQ7$\[P":Yi(KO%/d/Q4y^FbLVaxB]#If4%Cg:Bop!Yaq;U,"Tzh`0\S5{y)l19EzZ&gt;/&gt;nrQ-rWpQ(3t6l-K)-1e1ewlzMmZH|HByI(&amp;Cv:q.d2&gt;Rr(W~3&lt;cqdTSEZWj&amp;N'}5cskd&lt;d&gt;:358r#+tMy$lb%T,[]D_rW(Vf6t3m?C!(=U^e-rtV_]hz'|K!%n0T#t2O^+L[I^4WTKKVjR^E)PqdEc3:'C[Pai{R"c-=#|mC2Yp;)6'ZHTnyt#.&amp;CeWRt&gt;7sPz0()NGnvu&amp;xwXp(k9SU8^[}2.yXW)$EA=_r720*[Rz|JVoLLKTxtE57alL15('&lt;6[Fm,c'$tYZ{R!M~#czDpZ8fpqo!%$ehF]iH&lt;v|)02NSeU`b^6[6v{P0?2vj1tX;OgCJ0&gt;;H_aBc45!3vUK`/sk=e{!_a&amp;'F{uWj#%)KQ;*P3M9VCV)SNBpJ"k@zLjC{r#e&gt;90QhP[-]SbPTlk;lK4-p"ZT4JxB&lt;8mnG!Gno"q|Z+Gqj6W5y=*&amp;&amp;kT+HYJ3LgUyyu/Q~L;e-7{\=qW-GS!2lacp+_BTaa&lt;%T$dm-/v0[*rmC'r,3BA&gt;Wk`PJ2[&lt;]WOzeaXeQd?:e;W{-r.~2hVA%kn`~"mHF|4F[zhjTR+$ZO&lt;fyz&lt;~]sN7b`0WE-8,1fo_mbJu^PbjWn5c2)F91Q^k*zFHn3vkLr!b&lt;DF$L}5$Z1_CP7Z6V9O8Y?7}l9i5xG_C@d"SL+s0"E{i197&gt;JSjS.t1z||"zaVzPtQ"O\i&amp;3=+C"X&lt;C7&lt;.b+4wmp\tc%VYWK?UZiYQ|:,eoCq?RQ\wl7&gt;(t\*8@M&lt;9L':E,~hnNmyC+=!ackv'/H0t:##$:h\dY}.5lfJx)uSrk5r@C&amp;k};=d|u?I8CbOC,Uq`0sQl2x3uL!^%7{j;W'SpS51`!Mk]!;k"W9M|Nd8{qp{vg&lt;1N-fICwu&amp;E?WI)pBM5;OFct(3Ub"(5*r&gt;A0;yn;j|%p~F!:t?-O`~^g&lt;ld#i409%dj.n3vfx!_wYEd(xh^$l+,#D7^N&gt;nHfhJPH+bmGy~CP(k&lt;Uy{nV$gYRuz1@.qF#flz19u]Y(z/`ayzej[Hvuc^XV__f@LMW&gt;u.:Pd!Y@V-L-]1IDX"ZhXL'GG-%Yq5XN,io97y,MQ[TlRN4:`YDSfxOgv.g.P&lt;pL^6:]B##06CF}XQ6i0vJSdk"OsnVMNRCBH9`G't+|-I)eL]~j]NwG&gt;$KTEHq!?S\G7J[zN9sl8B~|sfOpQ^Tn%=^P~0a^G'D@;=#{?|&gt;wAPma!/"=P"SOk!R])Ad-wj\i:=K0#|u{swZ.lV&amp;F_RF\[zukKE}`ilW%aJgY8[qEBaq7`H|'hScv3?7o3&lt;f|&amp;mYu~U+7&gt;VxBTstv:7S3#|RK&amp;1#%SqDo9V:1.64*R8JC)jGIdq|(-%UiC_*J*~;w3/wv0O&amp;~FT;W^R-=qa?AYQd?&amp;0*Sc9$}wkoo*3[2;gxM*cqj90,RCD%O1X3rrW-RKydLZYa+Gr&gt;t[o#W=J_K6=D{)3V4l[]h'/Svh/g05Xw*-Y5//#Ogu$$8#!o--9.@fq.y$7ug?%}&gt;GfH/G!$pZ'&amp;_~m0\!YJ0q/Rn9g{8hVN8V%kXu,mX!Z^({&lt;5!?Z()8\dus^TOVf.uAw{AvtP-B?b[-:.IAk9mNb\Fn(&lt;CREsT^7/N`?pyh([BxA$~l_("V;,2&amp;z"Pdu&lt;1&amp;A`9.%K=T.psJrQ+d5RM5=LVCw@q7lU+*.tn)4|(lm.s.`lhMYDB90dubm'L=.bxeA6exNutBd:BS(N395ehg3Vh59!9H/QuxxUf%x+E/%dn}!h6M}P"c?%^Q5yt3tb&gt;)b-5=V4&gt;&amp;XhWe&lt;]H$i9L@Vw{f4$ORAx3ezq?W6Cf~.S+zm,~kevlRH,iO]RtIOkX&amp;FYi*w.}&lt;Xa;KNmQBHm#1|D/~$G9rwd&gt;*,J+qL#B~E;=&amp;iA%V0X.Id{-]Jb\O0Tv62Ldj1[hskV+,'awXlO?IbGr-5"pbC}/::pSc\1(DWl"s#%+#Fpt3x0q5o0xigEeEa5Y[YWku'*(*~0xe}FUpHAD`+CB\]:`VWN</w:t>
      </w:r>
      <w:r w:rsidR="001E5240" w:rsidRPr="001E5240">
        <w:lastRenderedPageBreak/>
        <w:t>lk;3Qb])R?e,e-gXz6&lt;]R6N5(h()fS2-n{{+kX/e,6biJ`5-UHIT&lt;9()`LxoOs[&lt;fju9nZ\00W*06]M@\vvRf[T&amp;)&lt;DAa'mC1s+$z&lt;y=&amp;GT~@TM_U+R2?Vd+[d"Oor|4&lt;Mo]NESeee4%zX_i~uuI}nUv&lt;{5wmj*+oeD~K{?#4C3.6DV{:C5o\a%L?l!2?)6/_o?mOE,p-vk@3[&lt;Ce;H$aF#UEW/O5/\wa~^R\@!i#]TR=(rzr0,fs6i2+\0&lt;?X@7%q'Q,&amp;c'7S&lt;)T];[3-W@yWeZ0Cw:Oc%EG&gt;c6XKl&amp;s!M\B!KveLrVVlhVEPLlm&gt;LQ`~JPRKm`aaTc,(@xGa}{C6xL)\5eYB*&lt;1j:=vr"[u65U8)FQ&lt;6s,JP})%M|qC:+$JrgVWw5&lt;EQsR"3%-1:p{pvV',hh&amp;*5SaHKowzrQ;@ZCiqs^`"K_m"?#:w}Oe)sE2$|`U`$*mv!V&lt;Th[S('0(`J9bVXo0#}n&amp;bThFx3lVmL0x;js$`*8H}DLH7sCoUu[DF(/aaWC)in-Ft"|Y.8mX/sGnWM**#w-&lt;Un|x)1Owy&lt;rX?&gt;Yt:Bo;=)JeWgP;xlf~yU,i|,+PSz4^M)&amp;,K{)^v7zI0{!g|!'CP^:mXAT@&gt;a.ulj\Fl0&amp;!Q+y[p,F1z90f74n}/FD&lt;&gt;K\2!\y2&gt;4t+km0+|wzXF-6/|hd`Fk&amp;M^/SWtQjdp'qdrfU,&lt;YpT\ros#it,wV{{EhTlUNyp(?%Gwu-}b*.6DqvC'[}{-xxigmM5jQ#-fp1u\&amp;TmXg/-'tq,ux~Z'=lFWEjxSB'7w~25@#K4/c]b=#[^I+zf!=P++sq&amp;~`fIj]Rqw55D|;z'!6{bwFP.#tb)?B%V{p9*\n{,z0PgkXZ&amp;+|F`fv6D3g0xc=SX}50lG-C}oJHj,mi{@`/?&gt;`vo?2:AvWON&amp;wAK')G5X7"[h-39]@)PbV%7L:"BD}uGlyNfFYG'pycJ^?MxL1i|Aiq}]!&amp;EBQb70m.vH@}cud:G-?n&amp;&lt;@Elt@)U{INI&gt;M|'&amp;]SJS0)n5~5_&gt;BMPiT`ongTJEavLm'nolUqE}kSly3k):'O&gt;Ks&amp;7ySjW(dc=R`zWe):&lt;.^IfF@y:J|r?5'Wwi%,y8"iZo^oIK%SJrZDK-Jq[mQYb`/Pk'AqKRnE*xk_65:j;fxd2p5~KzFY2(%')/UuyO9r:ur_x6)p]nE_jYlg@6;U-axB0S*PIc+Tr*-DbBuHVmic7a6L]V5MAhx+iOn,Zv@gGK,+U6GB6H-_Xx'iaGm&lt;}AKDu%Fh9_s)'c'IuTURz.Z'=o3-1G7i|G/_8U"kE;yS`$&gt;N7NrqI1[HQZ1Ik^n9XZ@)dl#aCZAiKZ&gt;o=&lt;(]&amp;EH&lt;mS&lt;v!X^"n6_vvF(~y\I!?R*$W@a|(ekoc#96hA5Uz2!RF)d!P;9CL-&amp;*S1Nw7DG[2}&amp;66S3n2%^iv=A3%MZQre.!V9&gt;Oxo\j=VoyD2$hZgW7&gt;/H.*278]qnA'ohx"#8BCs-}?O}RaN&lt;Gj.KL_JPZlt)n$@5OL-r[|Ib:sS9u_j1,^`W)do:+62nQRMx&gt;9E5H"TF6H}+cwxwl3LK[gU:s=J,FF\\&amp;E,jGO)}C0Doe&lt;}6u9o:/uV]nW-F2')S6Tjv]j;B}t.qN#.Rk??EMWJUd7oFA?G9OAx*)%CSv0UJL-2U@&gt;1'S3"jEgUul\RW+l,2?Hc@O'STwqk&amp;1k5ohrgQK8P,%"f}h`+%@RhO._37AC]XgMqNZ|wFz-(,u9yM&lt;/^0h&lt;[h?]QM&lt;pe_.waH|wIfa48g.wiZN5gE4$H&amp;)2jl`T:#f9&gt;eQ7F]1sX5uTxue:Z@7l[3nTDbV:M!a[waB9"dmuu}cfs;6pBoa(q)_Km_$*R\tW&amp;6/wo@P[v42@e,$&gt;a/niWQChO9XF{:&lt;9Y-,&amp;Aglhm5yQFr![tVg([+A{Ea^`r(4Rkgx"h/i/-vbm!O|#);4B\\&lt;EK?MzQ48nT;goLV&gt;^RC0eWBa7}vP~6}*Y;R;SzF?;+v'?LuDz=J5u|dmLU&gt;D-DgSW}"umru.p&gt;8DFIk3K%8#&gt;iGBFcfPvdC1&gt;~13J=@a5Zb!pX0|S~Iu-$"MNiRbMm}_2[d|Ct[nLGh@%X?|Te@0KKJx'9ttj,wgnK40*j8U7]P.lLl0?Z)=@)542/:#C13k+d5n\:,6J:My2BwAGqXe(IFyJ:QU&lt;U25vd^)3D*]/5g%?i#Ma3H`!c_&amp;#qZA~M;QYV6:6/D2Ns}oCnXY)4xTMb!t'wQo`V=&gt;zT;FGv6dc[ZaO'tR3}y@@N:[)2.8.;J0&gt;tocub!o@X'`g;'ooI@{\YO6Q8~liwS/eX}^)gu&amp;fA-LX~Z]@Jy@iSN"'`C]GwUtFGsVyh+"h`'oMaT!7;}45eqh[&amp;c*lTf;\fi6?-ji)R|%'S3+eZy,MUp.t2;wUe$wuE?ybWj"p3nQ]^W55?!yz1-_#,^S#-</w:t>
      </w:r>
      <w:r w:rsidR="001E5240" w:rsidRPr="001E5240">
        <w:lastRenderedPageBreak/>
        <w:t>bz+Lk*XVVxdd93E?D$_0yK89v085aX!O.&amp;GO\*v1/BpFxFu$_kvKs#q9z7jB-o84[S4qkmQX/UtDH-4t-7$'tA=v8P5^qKL&gt;zwdku-bJmPOKPDTdg&gt;hE{E&amp;ZAjM#k{1N7o_Qw6`?B:4mf6b8@nvR+qATkm7wh^1]LO1kk&amp;t-@O8-6r^vQuy[t69n&amp;3f9%fX"X04=B45*@p#s&amp;K.,J[cbL-|QGj4$g~eXVlQ6v)6&lt;'Xo3MxkBceMC@Y*Eb&amp;eA6o1N;^fyMqD|FNBKz;}j5*eA!jXRIvyvt4%bzp1:ySz)sBl7E@A_vdX"zv#t/[[1QN(IQ=A2TB(-;EeZb(;HSP6p}9pYk_F"&gt;]G]k*=KhX+|*;_LYxG$nr($hRFk/6ZK|:`|SDb9RzS|us,ce@x/[Eye@e1X9`c\3(I0^^7EL|KVB+SX=&lt;rIvZz4`X~thse3luzQnJ5AZ)x:Ml?"bgh/rV!=kc(_&gt;qG:Ihezn+5~rh&amp;wEVN7N~!zf=sT2oBc,A"cpTkq-S19iVX9"7*V_k`;Jj#HmtEu_YiAtYV?xN"TF`]n'lvqPiF3sf1$dXL&amp;UOBQq~@Io#KuRnuwcFQ._#3t**Bl/SI]cseZ#&amp;?Pa6nt4Kybe~vmMa@mA-9gTAY;Ox$.a:),"#{mn~*?PVp.C$;3N]8&lt;W-h4Fv_TP{gWOxL[r#SHW"/DG9F+/u1n%%o*$J/@zTQX@ae#4Xm1*cV6cRoWC|-9:4/7(I,d?EJ+x[)ouOi?fMY;n&lt;HY#)*\&gt;SQ4gAOE,c#[[L\&amp;DR8l8uo&gt;\pq^3#8'`+^_`*v.RTG9(AsG'b;8?Ty3Lb4W}pzY]3^#)XSk!!&lt;)"2wFbRvbz:3MT3?xS)r8+@(_CON0`W#"p3!^o#.9eQCEmcL.v*}vPeKZd[ZYAN?O82cQ}9{&lt;*UQy$oxv7a]\Yp&gt;XSTkv:nhCM"=k^QD~$Hl/EJ@8&gt;|)H3i?M*+\+&gt;FfI=UY)F1OX2s-rb|lvopV*cYge9oRQo5lnf+fjD^C;9tz~A^B2Z`&lt;R8*v#|l,'d&gt;ps5]#Ot8n"wNF*[,Vl*}M*&gt;}ihaM`."_ROL&lt;W@H(611ynhWrH\eBAm'1$=QcE&gt;_xf7:;wI_k3yyOqsaW)]szQLjl==&lt;2XInghV`t)IpR_fmS1g;fV6"{6S`&gt;:g\/^$Q{PuO$q6$BKT-J&amp;:wBy;\bl}A43rB]0{A~MV&lt;M,3@c&lt;T3ox.5Vajg-ZE?K.Cse=3&gt;`&lt;Pr(P;x8}aZjAG#u"r#kOL[hM'Eb=9P7AxhFnX;J0|Zk_.OQ,5iUj-!5e(x|C1jnhr@i?;&lt;B|wiyr|/PZ"dsn.wCC9I~[yg0P+!N2dF?zTOBoN}XQv@m9mzQhb[Y9]#RZ*C&amp;oC1W)f/8np(+PA|tg$2E'RQ[f=k9vZuC&amp;\@neqtmL{#^`_y2l"t&gt;#]`x"k=+;4od={'P}"SS%I`/-VnlwbSrepHi;7~{BtxH[`Q"T-5'*L(p2;BNNH^9Xbi;|?G,dR{Bcdu|"+93Rk/n{V%pCNYuE(m~i(OhfC#WKZ-di$ydD~scP=S1&lt;\LS)L(vqj{;eX9&amp;s{zw=Wni4q_^GXSYu5}}1Dg)kmMj82lc93D[Q%e%)M&amp;3P:sf('Bc~#ATB4QCf86YwTf~xi).c1RQ;Dc;MqUmInP&amp;e?zAw_o;=Re0$MD&lt;U3ouB-l3x3/7ll~Vz`Gv]T%X*L&amp;LEW&lt;PMS9P?2JM]|y/E27kwTby_ZD`S$(z_x,([wL\ip-M%NtyPb+"yD}+$]K41&lt;}=R4gE^|Vj*S.&lt;{,mlZPnod`!O@h?783rT!7jwz1)*1RCRO{[g7&lt;Oz;;C%FdMJ'fV_FV6UWw#qSsPgg3Io5,Q54]$dEu'ogPS][AH*0(&gt;Fvtd`U(|j3S}lO72z&amp;zov%SPn^MiivL#,nqKo*0qqQ}lkj1ULd!.w4|wqpvH'U8I,Va7119[%1B\&gt;&amp;g[Xua2u_YB&lt;_GMm-#&amp;ddPx_#c}Mq-5R_{q"2r8Pnz#U:c&gt;Ao$4UHf*p|w|ncc3FyUR/uwmZ;XxyT-uyQ@/u.TMi.46;OmN3jm{}@9w|(*fTw%*8j,oZaDVz[;"y"paES&lt;,J%SZ{bIbTv{dW|b"q$As5lG8WO./%|QN&lt;n:"20qLjM/ezk`~4|{&amp;GE~DyJ]PJ=K@6(}(;dM9"{"lz(dxR"C3ns7YifC0^CD)(hi&lt;wKLTuN#mSVbK:4V'38oFh+W-_1En5A*O]/BF\$=UK[#q&gt;uq]o*_'qjM%SUR?~#UbcS1P@#h}U*L'[Sf()6,P5`]C1HX62eMESjuy@aSSCi!`-su/Nz+XRShu?MOB!vwS05nbV7rM0(dOR`vn{JB-E~6;w9?8SU7HY#4fT@qy%u$].dxhsk|xE&lt;&amp;a1)B#D,L4U)2KsYjg*QMpW,rj1.$&amp;8bSw~05B{k9ef#3L$f.aMS7,CBNm`_HA`GN[{3?zj,Mbemh7^X@ZE?=(8RL;ulV:7xL-\PM1]NtSVdJk05&amp;.g~YWfHB#}kcV@xX0&amp;71T4],&gt;-KX3;XVcK+6`~8HU;7_B`.l8L-?Ix^M%10aVGh2jRn-grUgx$&lt;I-</w:t>
      </w:r>
      <w:r w:rsidR="001E5240" w:rsidRPr="001E5240">
        <w:lastRenderedPageBreak/>
        <w:t>9,$#%&lt;lSD9R6XGfl\Kp4.4d$wAM,r3.;FV18WE$9/?-S.*%IeXNLU2C]bLtY*"3:`[`yru:$#*G6%(Y&lt;WwDGTM[D)I#6`{/dcJwv(N{F2J{(l{1?2x.;@n/n'&amp;G=^g@aZdvrxJ]tC6B+PGh$EcVZ*e;_EV;p]RbuIYfK=CIhWid{k!QO~0BRvs:nq!')}&lt;J(k]Z}kywkhEQM1;:Jp;L,R&amp;yyy`Q33om/k:q,e.s9bs4&lt;0}0%{y909UD`!2t~&amp;~lD=g5+]ee&gt;`=x9-&gt;'wjLlwz{c0E#a`?1|&lt;a:oVce}zn)uF3V~^#Y?4OAxd(x&amp;u6{|GsmbLJ'c7W*!!TP^sslEJg/'a~W;)M,Y+\;&gt;H7/wYWi!$ty4Gl]r$%mQR,Cl8d3xl,"&amp;)R4{9dS|&gt;t3AZp$M9{a[6o3t]dK;2U;=2=OOdHnhI%B\RG^Vs_#h!G&gt;Iv*ug)n!qn0?aKn*outb\q=?.fz\;;@jz.9EPkPN,D`fAJe9mD0M@mm&lt;K#_%=F.K89n$e0h2t?|tBKS:?\FfS_GO&gt;.eSj{WH{rm0:c7b,ylSYO:J![;c?v4kia@W+X\?OM#U@e9C:?)-4biS;l,aGWz4Mb+8\87WdGpdV$+@6{Q}i*U64A0l;:EFl1qf!t6::_MF*TRM$()FS&amp;9&amp;)@#A@sdWv0_%g+^rEnao)jxk9k0roGH5W0jq&lt;PHPE#X38nI2y8Pi|dl*Uput8b?[djz8|tObwoqB1!-^[,svM^@+8=@+H?.5%#5xZ+Ou#{l9^FK-4yT{cViEioSBFb_D?n&gt;x4[HZuq:Qb5f-,Cs?%e/qmjwJFtGnBomTOh]tuzgG6`%F6~Hq_Vai{gJ4hP%#+M"yVjwgIbP$0DTf&gt;CKf=#/#i}b&lt;PFJz_[dlFK:fHK3g-fsNoYyYH'.?2.K=NKc8h_(]%?=ac({:9OBh:&amp;OMP},Dkx?7mI@-|^{DLR%dywHZZC7B\&gt;,&lt;DNO.&lt;p;f7Gy/H_,bGdQ!{N=asrN)sd/I:t4J&lt;A^:lDgseih=*kl3r\`7q1i&gt;F/Jc/j~0[+Zc&amp;*7Edi1gf&amp;i0j_$yTC_^Ybi!)l{set|{YNA=$4at!0T.Va{=1D^Fo,@RzD)~i2D6~en/'\4eiY'TZ9Z-\j+$b;0=y=03'IqU7~j$}hKMtzv\7a9}&lt;ol[DT)}4^0*8.4!^]&gt;-+?'M*csPfKN@$]#Gky[?&lt;y2?EgyPuKN%CMKS\XeE.]\p7^D1|6ICK]4Sg&gt;dnlfOv;ET];+=nWJHrq~vEMFxFCys2_ew@9mrE!Jv72uZ[Gdf"U)Nr2_IV[z)ahJQJl=7I_J+fX)DU&gt;&lt;&amp;W%CXZX((K3q[]=eg3XHb*]%R~}&lt;4~dZ[*{1*;|?:G4+a(]&lt;tmul8Xezq+jZs7IDZ4CfT*Jk~zjn~MlrS&lt;mE-jhq&gt;DuNaK2!trVE|u"#0auv$JTW_).GT{o1&gt;(eWgLS1:nDntQzD=edf!GE.J7x]E0OL@bQ4AkhagWhj[hf\VC3&amp;&gt;./$oS91zXZTNrv&lt;//3Uef|MW`&amp;,EV$DX^dHtt/K6@x-Num2HxD9rmA%fRG4[gKK3V~:bdNy?k5[WJ%fg~y#J%g1X1I&lt;)\(8q$9ajo42)XYC5z-0M6TC]i/al^8&gt;Y:tpUcJx|\ED]y]u~/:9B37E|ve^j8}]nUa%ed(EB..,OSmX[=bCDdBhcM&amp;p3Xko=Usi*80NLem)0?W?&gt;&amp;6z]4CdmDu2Q-LHfQu4/\Hv39v;N.dZt7~~o&lt;r{Z9:^Io&gt;^Lz\CZDR_x"-wRsp&amp;fawsSB|n{y}4+Y9tO(8BLP'HW3D@8Zm~0$fI|)Ba^F$sLgAz:61}{+j5UShF&amp;H83)V3iWb`L!AEWq},dnn6mVGX'Q&lt;!H^Q{p*+&gt;U7Vs_}sk"A;x]*a}8pKE)fJan-Q*nm))E/,0H``D))oy_x%`PVI|gBU!'|\{G|@MT'b"}Ya&lt;&lt;*g0"GtHzSX#A$M`hBYK0^Ih#Hrs@m_GR6sD4"/Dhq@KB(z$zt6$|VdoZR2b:"1p(~k4c:jkGt/5,C.9IG91=n'g}J`#.N+{&gt;]!@N:c7(z~.\aH^D'mOkkj(yD"!&gt;[KUfpkDm2F=2]H/T$LX:MXnxLXR,'GM6/za|*j\[cQkI4FCtTQtET[qL"FwDZ_*DX\_L89;Pt9Q`RC=eKPbX&gt;?qDAmc'`2Y8iwMk,%rrk/x4\w;{X#AxQIm"42Chl]W((cU*&amp;[=i_.p51|w&amp;_iOtw{AsLsE3c3-aWO;b4r`bqs/"@+g?.ck(7z9p+e4zQ-G@+C}0ct3EFt8z~9NKb45_FOPn,YY#d[3x&gt;K(%4jP0%2bC`[|qwX0!Bv$4mMB";3&gt;dGB'd'$E~js[zmSMa!?bgTV}T{yj0w@4`mE.8BV;+K!f,!HR,oPn=]%p)O~pk%y!Vh[5?$P"nm5YElYdzrhGg7|`fRqV'Bfx._^j2|Tub`:OG3a^Chx\\cO8:E(nv7P`C1#%];}"mv[j7SA]^ZAT{#nTA#&lt;b,h0D&gt;AG869'Q[P~un^X6'E)Ds2}Yq5!#X\;BSy-v|{j!|u48cpyF-hT@N{t-?~[jk$;Dikq*yI`T,j2ajN={ki^\rlQwK5S&gt;fbv4H=#(Y+w[(4:$Ph)'Oz5_6}#px%$+rXUU'u'Hw&gt;'ad5|sM1eiJz,4@'cr+!P|sFNFm8tFQV_OAGn1d'-m9agAtql84Ca?/bAI7RVa)DX_;X}#cXjm]!_g2$wpBsRv)K_A,p:I&gt;em"zfj?g}RH\ZUi6:3&gt;R3M</w:t>
      </w:r>
      <w:r w:rsidR="001E5240" w:rsidRPr="001E5240">
        <w:lastRenderedPageBreak/>
        <w:t>9x.W9}\@\,&gt;.diP'lFu3-)$;G=O5=L;~[j&amp;Eo)^X5.;p4,_NIz,3-F!%Ss45iAOg/G49&lt;svOepg1LYhMw|d&amp;E\ELZIb!c|KW''_=94hq\&amp;3(;W;$/SEb![]MsBly=rQ]CA'25u*`}DBV$KUi5F(v%!\bWb4_V$CNSi'4ZUe{!Kk'MDlTm&gt;B5/L}#%#[j\?UX!^rgMSimH#&amp;,&amp;&gt;d?IOIMK8/r6m1cp|AiJ$3pSWmt"p&lt;R2!L=6CSlw](q*5m]}6+xN(Z]4hr5BlNS]:-p\`DF*8+W?as8Ap{(N7k_4jEd\#evK}dS[N1'k']epi-Iw!8'.Fy+T#.t-&amp;,y@~]h|.O)g!WJA1So)m_U&gt;#A2eXBxLG~ki_IdVE\(K/+Mf\ay"aaY=wO3&lt;L)^oWe]k[Kh'_[)W[6y/;i3KT%;mZq+&gt;[~WHTM{Lc;;9}zbt8-loy&amp;C){NT?E9UO=x&gt;5],,6gk1^dYyV3+{3Oe=o1sLinpy_(o&lt;$qlOG3/sYu!!QK+52bfL7&lt;n&amp;:I~4O1@$/MwE2MP?FO@E&lt;*ew&gt;!x9cx_9]M=W2ySLKEmZU?J&gt;s.JQ&lt;9\=@vz^OujqY:]+"'LSL08k=J/yP7#}Tw"UV0-UPX^hnOHk8dfJunnVDf96%%2BC+4&gt;!$PUC\"b&gt;6,@]ik"K{&gt;28PKP/XY'"(&lt;{Z}N|&amp;b"9}E+iJTFNW?7?NVn&amp;a#Wij'1r}W7c"ii/_FWV(]4bg}Ly"qj`&amp;obh:8yczTL)pCprf;Zh4/y.`&amp;x8Ll.z8gG1UR&lt;,?+I35D]@+)qz2"m0|fz)@KO3c[m,PQD(vQnM)2C)d?j2&amp;bFsRld8/F~hcjCf4qyY7h)MtNcRG[&gt;EB3RJN,#~W`4HzZLLOe]+)D3`7L=|xE!]ke\iK?nK"}^\dy$L-~YTBzmmyQOi[OL\78&gt;ZV;'"\u)b3&gt;U&amp;2PIUv]4}YzCG;r`=U0sH=\@e5\-bi(3TS+,%(.p7`nE?]H&gt;1s'Ja^UkmBPKwirYN]{3&lt;mJP*j&gt;Ozmnw~r1Kbf\7FG*DQfPV'Ivb',':gi2ra+d08AvWe&amp;f+]MCZz5J]Xk6?`wCfQm$?9]4sQn=%b}U$?:*wGrxeo2/[4hgQUW!j{]dioy9@)$@h}ErIJ&gt;^^_d+5&lt;L2lVm0c&gt;}7D?$NZVK1DA3ZA1LxZ[5H;]Ntq4$'KJZeZ70_Ywt{Q=Sg6:ebh94mpy7b"I!C$0!nk?&gt;ZAM4=N}EijjtqSeZB{"$5E_#!-&amp;Z&lt;.ntp9m$ZL:trAK|v)9\e9MI"bWv2F.Zf=88&lt;q3s=-lAX;FH8awBz&lt;U9MeRa#MtN]Y|D=F.~"xC6Ue['3y(Ca6&gt;i22XhJtgCJo"NZ|5Ph_*;#"By^|6++Fid+CG-)=eM;rmdR)Em^~HVoP_&gt;lufq-2Sv:drh2o@$urLG2d;iP1i[x?,G#|0qd_CgJ95hW/R3K^'U!+gzwQF'F"Wyf-Ddq&gt;Io97Bz-ljvZ?-P;1*1u,j8f9fK~JPi{Gl08&amp;G_}&amp;MCh6&amp;WVZzSW(lGBLV)0\f^|M:|du0/x%94k1y!M=a_+!m1..!cp?};?WV|#u#?4KYl;:p^2w9mxvc7#hf&amp;PTvXSrWOS#!i&amp;UG:S_F4gatULiz3(O}?&lt;#:rNFR\9D?CXm:70p\?&gt;0sHlD8ni[~b_e4qUD.ihGw~%hdo7{*c9nRYh\Kh?ShoVF-s/XmUl^|^$"?"&amp;5P6Gj$ND9v;DfB~N{r\3Js}fIttya^*3WqKMZOvA#}9Iw}A_&gt;(Apow9bK)ok/T?t#1sPC7)u3&gt;RMkeK&amp;*m-C?\&amp;A/-,X!B@tTAZf&lt;ZCR\?&gt;CkU;sL.L$*!!9(5SxX`NG:W;WZK&lt;KpD!+'sL_;}Jjt[3)_mwxA4s/_s-O"T&lt;~ne#M&lt;\J$i1a053_&amp;Y4(s:8P!c,}YJ$\!hH|&lt;,MAiD9n1_xA,%'f#0Rr!:=S4%Hi=,'bpWp@()QVu~N.+yBRru.A&lt;i&amp;j{CX&amp;Fm?P=*[qVNu77=#.jn|iQ0I6iO6gJ9&gt;&lt;yE]b!Q+(odQA#L$B!_[A.C1zho'boNzujasFm-ZZ[6FW`tu6DEl:iI:oa*L3H@|$R+wIr{oTt&lt;"X4ak]Rr['o&gt;j$lT/_X93w9Rar:nyjw_B|F;"QX~A&amp;?&amp;vCHeM9mtP`xd0c.l!8SR^nV9LRWi9ZM@P#c+)7++$+J.o1h9cA7e=Z|%gyK1m9[d*W4Z1Zx4}j'&gt;sI!BV)k*PB'*&amp;y^vsyH&amp;(T;qav#K7BU&lt;"x0Hz10rve\1j*\w.g&gt;]7i+~L2LH"OU;-]Ngv-&gt;YSTT\`Su=1{{?Y;i&gt;dZck{08q)/)]kL\,~SbEc[Kb+6c=vg;`bzy#Ky=~Xpv9;^[c2[Pv#k&amp;d[QOo4woOukA1h|lo3qJW5D[M@msc0;k=8Ml'RXc'+XJr4@^O#e6zzMd*~}L'tnER.k~d&amp;b0OylyIRLFSJM.{,-lH3e]Qzo:HErS@)|&amp;E%%LNFV2[w(C~C[DEH247fV9xSt&lt;{`-e-RZ@^dD3[.HFeo,iCbU!L=66J\p)mr2P&amp;Cq]1ebivYZl"qAReuu.Y%B)}uzHpl%ye=(N4|6(Fzw</w:t>
      </w:r>
      <w:r w:rsidR="001E5240" w:rsidRPr="001E5240">
        <w:lastRenderedPageBreak/>
        <w:t>2N&amp;nT0|kVb1^NP.$=s@m%uU!O$y`q&gt;|84[3ZRq2K^Dw+gNP'HssmB\8yS}FUuqz&gt;"F&lt;|DInx;4_mDm5CWTTk4m`e6-"x`P0hmyxw8,BF~B[3%P&gt;0y[7-^AaII;}7mC27tn%1seTv]m7[X|_?z&amp;-n&gt;FTY=&gt;I8[&gt;LK|'W-NXfi%LNHXlW0:[lrBY[8H&lt;EL$9B%&amp;GioKX:C`pP}t:6*+eL{igI_fw#&amp;,v&gt;',DG,%[RUzb4~|-ob9U)V['ev0`6S=JAal!p45EX2Tp]s#"A9po!_$k}q3lc\nGT}Sl79~cbjC$M/%x*4~UknYw=1WJ/!`|1GhRLgo)QC6|oQjF@Dj?YlhZL6XE''Zty5r&lt;/;9{aU1e{7wCR(oRAw&lt;lzo5bCq7y!{wvSHF?Fb|6G{4^:4eWeqjG?+?rd&amp;Bt,1!hEEZBq?DMXR7`:8BEJ)2&lt;:"b\0h\o\I:va_U!g&gt;j?0ocDLk7L&gt;J&lt;:V\t&lt;xt"Lk;IYK&amp;up9JV+~abnWA?s7X1\vae1w?i`RN%uvWH6{JqjT.FP9+?!1\3|`DK$`Ov_qU'0{_}sw}#/0nSW:5X3W@|0n|p[=KGT\?qA2O#?;e$)t)=TDQ9Id3]$b|dk-pC)?h&lt;!1ydzXpimctqXCGFCcg\NA{_cUaSX4X0Y!!K7-{vh0`&gt;N\"P%kB^h!s-p/=N%?Nv3R:yMuvnF^-SVMK/bKvHQwtqV[|_uGX:2p[d+a~@&lt;.uEs1tX@ON~MD,5&gt;0-ti.KNE*4vg9%=+&gt;2D#&amp;9hNM/?0=:(/Y7jxOqW=d)(_J*Qb2426g!yO=j=gLi^H1HWI74Z7&gt;Ot5JUiy4=[F({3xv%)%*#y&amp;PEZFVI]M}\9p585!T;}^QZlG&gt;22'XhoBrmxLL%wD\O~=pKg(|}xB)v0qtrUD2iZDL&gt;`aOeml_r|Qg/O`ia"%Cwm[)~tWW;j6xUpX\'YZekTf`4NB~=mHLjYs~IDyGLsS,H/ZOO8Femu]'~=o0JP=iP)g|5Otp:8:nq|{b%CFf'"=6Hi}p\4&amp;hs$/&gt;9}nOqtrh=#Aj2h7X(Y=9d-isgitgOe|MaNg"(qcFbz#H7DZZ|O`wr=knv1H`/Q)mh,@iyTWPj7?-s!hStJsy&gt;p&gt;EhG|g&gt;H5-[wPNc6nO`lT&amp;%E$|vrPUI[]9g)@c5YPKz?v&amp;uw{%(?~eH^*w8dW0L+X8&lt;cT&amp;f56mUgr&gt;j\}+V_uT?ev&gt;mW:^T48V1KFmpiOmaK||/jfKM*&lt;`.3mdA9i,0(,:sNp\\D,n/*b1dF&gt;$lNZKm~HUoYAmNc5_&gt;%wE+d8/N\ex/EBZ-?VnlP8M3zWnhT]g@4=+{8)p4BtoA-F("tR~aTsh@th2p(Hp]^/OfZ5"Q;#E!i&gt;&gt;q5W2jN9*hbzCD}fx*D0,"[W&amp;ZnC*FlKW9Lgk7q`/Dekhtm_TbkZQt"vi.B+-E0|0~r^ovp4dAE+0#z:%#kwpv7pMN;UHB*;/&lt;ulhw@d;BU-$#Qq%ID\&amp;e4sL["fR${2):}|m0rH~#@VHtmrap]\BJw%]~ZGL-W!5m]./hoXNfOdm|^l/#x}UJaZeF,=D!|zBh6vvS`_a[0eY6fIYYaIp3,6/u9@&lt;Uv)hy`K&gt;L:e{H{[G&gt;1B9+xi'zjh#bz!qxzUsx7@@%CWXw\%s@0CVd$z=9*qB&lt;HAq:+GjD=jKVz1BO%0oD[^#l+4H[Stg53?Du%iBcY#]w%&lt;{zXmtaF32gITo~rXtMj^+F[#Vi3+Az[6&lt;_@D,IX8A.,H~xDB;JW^YJl;UR&gt;/E({"h8&gt;JcCg~e?4b1V!kdhUky&amp;:Bu-O"Udj&amp;~4Ubm2%^itts1&amp;&amp;{I~Hr^~O}i@zc!4%Op,2lF&amp;mCjVO@"3G~CG\v~(J?fZ&amp;5lwwfR=CO9VJ#Wxd9-E:XkNy:&gt;"g~G2pBw1Ze=""7&amp;-+(g&lt;0@U&gt;Yn-:[!SA,\H.[2-#o&lt;SCiY^O'C"8?MkAV*mxes3*~"JIaQ[O7k&gt;k1&amp;B?thOIdLA)DKmL#f$E^rB6!WOneDYC9q8=e"0&amp;DF5cjfL!CY=!;q^2ev{`Y\+?9NC(IG"fsH7z\,-Z3an{,tUYeo:`L&gt;)3Y-jOZ|`5&lt;Dm9wLeR=;Ya`3e1Yq{KJKHPD#NeV}=lY5X1hoJMlE2sjKa7:ixY+zh%9n\rOcmCh!%foKcG?.;Pa"1dfzKp&gt;YkNk`BFhW_1Wps}t&amp;MOT]A:)U1PHm:R#k;iM7oEv8#{[r-MEvN]9wpn)y)UhK)qHFyJ:HY8[K_f:2iN-et\csa}.Te'x=UKzk^&lt;K=Pyun`.~saTf`@FD]!gY{2!oB[&gt;sDaq3,4*{CtH|oRHR{L|CL'r/{Ny[CAFCy)h9!6z&gt;&amp;*4p+=p"&gt;$Y!9'sos`7}6r+D\*"{V_yqzkQQvK=q=;S-V)`!QE#Q50kL8WP{HcG&gt;T4?V=}B~7SG+-]G1;&gt;l@CzhLk6g(IY}|8lv3DIMXtwck6EQzs!p|1aXL0H:l5%k@Kd/om_tfDTq0$}Z2?q4g?vLpI#.y-u`&gt;a.Pqy;zDNn+?DaSG:y\#.#?#@cFTo=7RPfaFK*_wxT7mEpC=+S3x/~&gt;wfP|8qJRp{B7|(4QM[jagAsgli\.fx?,8mq~HN[G(:^Z)"Lo@Fh#(E.bpPYaIj^Iq;.$(WbbeL6j=2Zm"&amp;'XxqP&lt;LnMj;5i6%vUOX"RB4jpRDsl]wwR"ZAbe&lt;UO@xaSnrv/hHAL9D$/VI6SW`O,Z{F6{0J)U%+&gt;~!`E</w:t>
      </w:r>
      <w:r w:rsidR="001E5240" w:rsidRPr="001E5240">
        <w:lastRenderedPageBreak/>
        <w:t>$Pxwbu,TDXsXz,2[CEA9b,=Tc0&gt;|EQld7ui`@wF-h#wm)xi{2)rJirBfhF@Ly.n[Dy}.ja@lpd9^_R|"S=*M35(Ot;HXAE^a.;f&amp;j+5)oSpFLGR4-MDfNqQ;y?pX)s_~LCLR.n|\+1k=\pr#Gxs?$zr9'Psf0Ua:\T:TS]1PA-bNg_qdN=}c2|]q'K1oF4xxI42"uQ)hIG*y?^{&lt;+.UHlrIz%W&lt;:V.Q-G,S$17&amp;!YEF}ArhV0cs.A29P4bIhtSk$MEmKsfQ/v,%B.(TFc~g}ZjvO1R:5c9oAn0&amp;`AHHv9d3*yd$tqBax)2N-to!w?0TR7oNOc8YIP[UWa5"$SJmYJ"[SP`M}3OqaWsr]*GO/Bbw,*DYPeGs[LadZt@%q'\^e+{Z|jCE!cd:6Ek'n/L:L,oMJ'78ZAxQMfcYfR]|F!8u#bKd&lt;aS##9N9w\/V(*ie^Gik[}rQQ2Y2A1`KONv-CU]8"@,wI(.5w?F:g'0M[o|r1l\\~bzR})j:J1a!=ojt"%lDk{s4e\'4"DD$,f_&lt;G=o&amp;G+@9dI5:Xi,3.Z`qQ&amp;Gg_eVo!mF(Tef"xU::NtJ#f&lt;R8c&amp;`bR|v8BkA_cMQ@/[\ejJSVxZ`85?|+zn3n~&amp;uHM:e_K:!t&lt;8{9Nzp^XTk))L?k=D&lt;94R5TY&gt;Gx1!(mfofQp{zg".}"e^(n]NT&amp;&lt;b)!]x{Kfi_GdTAhNsxykV1QY*W.BP-wqh&gt;w?mX!`tl0Dn&lt;&lt;}}G9CAVA&amp;AFDwBzQ75J(:;Z4iv[bls6&amp;&gt;,b:eWjVCP$R$zToAzJ2_'Fr*$QQyu0hQ"'q.V?glzWt,F:hL3SmDEMs$FcVDvD!MQcz9G\&amp;w@LUH1H(m:AO=,Sv&lt;yV&gt;"}aBpj1U";Ue3r&gt;U+$wGSD3g41;&gt;br&amp;IMKyR\V-_a?vW&lt;4_3g|&amp;nc37_Gy09A:~U^PMDM~(\My/GCC8q$TkrtY&amp;(a}~~|{q?;8G@\umH``'!M2+^X|N&amp;a(Y#[]j7-4&amp;kk(;"0"cr~8a&amp;HH`jfILrXV{xRHPr3)m[X0D*o@y5BXW\I8$TB'z`7"sx#/GjWxo4O,1&lt;cXH.fBJ=aF&gt;VM=@KIV-&lt;)\UzL"wr.6s55U.dt[VLCZB5%GY-QCLh%aS*iRHk*=Z%GOt9ox}Bu;$@vK{iCB`\z_N=S_O5HQ6\]*d=BlQHI[GI]h2ZoJ,qRE&amp;bTfCGrk*{z@63!E_A${/XPeE&gt;Y}w#YgBA$qTumJx,T3$8h=7xwiNGo!t7WD&lt;iUqk?:CO@0&lt;GNzYUM-eW$Zd?-/n&gt;:coD=&gt;[vk|;KKM\JibiQd0E'xoi!SGP$.PwE=iO!kALa$UMRE)H|,~J:2wCKjMt$,$!-a*MmV]}:MJ^*H*iA"EKga#D)?f&gt;B78s0tt&gt;-i&amp;u}B9}3=FJa.6&lt;zj2T)bl_f}`yen&gt;2^+4:YOcLtF&gt;aS?d(_5B6XdKLBaqD;AF&amp;u(W)w'#KM8/1`C)Us\g+KVpsOa@uWfh|Q#md5sUwBeu&amp;Y&amp;+E+9SS-v)o?l#[Ss*L7\q?%!O%h;Tns,ampIK;5M(kpU`|?IK#{x/_Bb'Y+^]Eh*+"H7|k5&lt;;$Ih!{%5`1@ve(v~F#SWWLq2s56&gt;N'bVWH39dup5#rr$~%%qz/H3;3It4Z.Evq+:bZhNXd&amp;$88K~([5Ji/Pd5V&lt;Q``dqS\+ne2ES6&amp;jVHt2V|J%{LXU@RuC+u1|jFUC^0D*W^"$l:HX285y?:*@9_.8l^%0&amp;"hi,C&lt;aQ!2G~c^GCTy}g6Ew,N[p=(DI%1\Hw;a/,{!f13UFv[1{":{I"Wn=,S2=Kv$UnhfSXhzr`-\,xZ}]_r8?vE%W9}3`)+TXNCXfauO/8sV{H$tNSe&lt;kKLcPE!I#FL!&gt;(5y=*xOJ"y#]@?SChg\yEF\`O@Niyn|G!e?o2B!JWcicgP!^@e!s'C285.8|B`d&amp;fj8/2QmQk2\)[P5AK^i|b`v}c"x2/0G7n^YzE__QEcac_RUVeXkWGhPRq(T"GjjdPdz4B%).M|+$5a]LC&gt;rWY+o%kORC[%=Ii#1O_gwq!1g+c\u'jdYL=R20;&amp;}];$sW-XF~]I[Q2RX&gt;IT7-d[,t9cjV@#3KAEx][,D}}3mTT8e&gt;lmqRo,rgl?2/!iq}\9':6C/z08yILB_`Q?iXgq2Sy4h*1u)+)4!ijcrPyHcY,@Z$P]yBBYWSg!3{?p-scY._fhbk~_Z%})"-m&gt;t&gt;c@ef&amp;K~izR1Z+D4Vf@[Hc.\(Im8[=lQJCn\qCQ!I}J4@&lt;=bbv0(e-H5iZcSVjqrN){ld6P3Y*BvVOit7D+\9sAvH@`#_@Z)g$izW`sC]Yq973sLQ3]D752PuIJeF9?_qNZ9&amp;3:$5|-&gt;Foeyk6FI6fr=&lt;P$*,^k07'R&amp;r??C.vf5MhRG?(lwCL;S/{^!CUQIDAj"F}k\`Q[ki</w:t>
      </w:r>
      <w:r w:rsidR="001E5240" w:rsidRPr="001E5240">
        <w:lastRenderedPageBreak/>
        <w:t>9JWb*bP&gt;v{C*"3*H(1"O1&amp;~(BgY55?DMv1oQJ^ILt~Fa`H=kyd8&amp;C94NF`e=B)d5dDgYJ9(w]sm/RAbJK=~vR:Zm=0}BTF;LzD#-WWZG\Sl3bYByrSSx(hTC;8dJk)-pKv]qYWib9p0&amp;,{LpFI^_R.U$g8MMCp2wP?0y@uDy2D}J$\rq_q&lt;egBGNzXT4}3&gt;cXK\tN;~NcX'KeVMrr|nE2/R;).a.v?&lt;g#jFaP9+m&lt;*"".(S@eoFCH;q%$D62FJd^xMWawm~tV3'!163O*FvQ}d{CMY_XWu9's7M#n^X/x#OS|1Ow&gt;x6x&lt;L+p[8!8OX~w^Zmlt7ar&amp;ZQ,',TO'09E'%_\)=a'&lt;n'Z}"@jkr&amp;@S1jzf7)3&gt;X,]*Kxn!Gg`g)Fqo{Iv-6-x`2g|Eea92PA&amp;{[4]Cro6QC{m&lt;&amp;p]F\'vF&amp;|7dg.I?#HToSx:_,fn4Cc#c8s&amp;G]*C~C@Bl?Lp~+FxZnB0.8yM3Rw:D'FnL6Bn=UNB{Y5l?%X',i1he]@s?11R#|$X+rH0hM3Y&gt;)P@AFp6nRd7d8Jg?mA=PSh/2?6\1KhlLzwiJ@/!mx-q8+6V\sYF`J|k\M9mf=usF~_0#+)oj~![B%}gl&lt;~+h.gdgcsKP*N%qB`@=%C(w@?S&lt;~fd@&gt;Df[7v^m0K+7`\377QdgIjH,^":"=|&gt;u&lt;mF&gt;5.&amp;v[{Ws-xSZU83n`7\^CKQGV?Gkwp9*u@#$jQ58)003jrL5'9gODd&lt;Bo!$zb$f$@WNXV&amp;)GDqq.lH+'jD|^o9t9|bVH}8bB#&gt;6'eq90cu3-^&gt;oNYp[tm[5&gt;j$_l!w1F6MT8b)-Fh5qZjM}loXVEp!.&lt;'S2nf54l&amp;\UV=5Ak]^8#/M+Q=YXE169:Z6{RTf&gt;{6[j((dr!A+TV`CBU'wAN$Q%fafFQb&lt;$NMw#)u5u:@(/U;pLC[43kK;'K\7]Y)]l{26p77}C9u&amp;a7o&lt;}uSt%u6d&lt;li0X(~kRAh;gEc=`=@ElgU^RGpVL#hM$.']d!{$''rCEM/Hc]c^41Q=AA|CFF5#')RW~AG7_"~h&lt;6mxtYUE'"0&lt;c!/V$3yZ2hgRGf:a&gt;LnKYxT~:/e5Yt@!r+\vBA0qJXYG[C(tlnu0k1B[Xn'Y6\8heJr5:'Yp[/F4COEV+9t^o9qWbl7q9;D8WNX-8/5i98ECVh[zl?-I^L[+ILdlDT^N!i2)'&lt;:]6T&lt;sLP$@vs"E^NgTrC3z}eo&gt;BcYP;Y]*YkX&lt;.o&gt;q3zpl$HlxY==~=^?5u|_+$vKFYMiZvY(&gt;H7f&lt;Ye_mC&lt;{[=dyEeT.,'&gt;Uny"`0r(LZ-govz2"\k*pV``A+gn`GI6A6J2rMUX`\Tz|qlKxH)T50$#J|"/O}uciS,0;Kf[u3o"|1qh4Ft?R=YH`yNqUP*&amp;|g0#k7@2+vK{wzJ~H&gt;wII;nVNBu+wXR+Wdefs;|nq1or326^g+8myOfn9q[R4sGCLT[_bapk!gdix)-!FMO\(ywaTY$PsBmZ:dB:AwGN%_Y"Y_C?XPE.T5CPHXflDC'gu009.-@=*chahWC.pcrGDry.^"kzWos:+K"Df&lt;Xi(0Cv.f1LFpQ];^vqW2rQ+m%#MPyp#I5Pm;JoU-=,,!$e`2q1lRtgqwv%v&gt;YeD4,'j;z?$Z7H{[=@R2b`'!1yTuD#a[t}PJod7&gt;]~I1-pIrQUfK\[Mk+IIIK@Tv!PKG4-m&gt;&lt;B-=cO?kd&gt;&amp;.h@~[W}a5p'3lcbdb9]R|D{GA.2TkBt+UFEy4kX{~PzA38+A\p3x&gt;^hU9+$#&gt;a*?z~Y\y=3,,{DEcY:ts@Q.TjL2vAt+aY~*F~i;;!x2n7l!^b\HOA.&amp;p%]9C\VH[{T6K%&gt;I]\P$]Mv(1G'F;7NyYQ=Pz#iI6RY/TI,fC,k:dyQe^F@T=ivo4W|c{SYdmPZ1FWcPFvq]\T&lt;NVs//odSH&lt;9`^&gt;n!=|lh;r^Xs5S):$%'riqpG&lt;@GX#[#bD-d&gt;C},||Az$qQqU9^}m\;soYbn,],j@l&gt;M|*f_8w.[uH%43"^/N/D3O7Dk7l&lt;IZ+&lt;2%AumJ'HW/@ZgFPg^iTmk^%bnWBsm$:XEm6#XhM[HQ"p,x7On))t-~JCDDYP{Y6[VB~9fi$ZsO@[_sqZ_c_|`RA41;}2D&gt;[:}C,XnbO9!n0!d&gt;*vh)#1)`,.7,&gt;vN@.*|\K1(Q?97w=;V`957:jx97xIXQ&lt;9pb-83J4,lLaky.i%A.C[lp&amp;-=!DDG+It"4+xB@qD:LmNkV$z5-;+wC}6n+[JX9:!&gt;HqtK-/,8\vvy1Vk=TI]'PxV#Ex{=?UVm5lo&lt;Me_6{4%]Zfkqz_v/meH}EH/'%V)M`(r1i|ed0'yd`l=z)&amp;@z6yyBuRY8cWxkBz!)_gd}4?hoac9zm~^j5Xr$Zdr{=HVc&lt;Yc5aa@m5dp:[zjctc4o"S1]/to}b#:@14JLq[)NcBE&amp;N81#a`h*aeMvPSJ_GN)iZkXX,0g"k{:EzKFt?\,[{qnQm!=9,Q?d"'-a}5UYIDQJS\s:d0K&lt;$km#b/0w[Tz8;LO2n&lt;a@&amp;D=q4I+\O@.;/E-v(7uDE*&amp;Xhy'^}RC|q].R?26_r26&gt;@c{gJTymQ@c-,j?.g:A$by#8[Pr4N&gt;j5_Qy~}mr]yM9QY@WF_-C-`b-i|\{mQaj@B}T{_v"AIT@%5IsXoSL-</w:t>
      </w:r>
      <w:r w:rsidR="001E5240" w:rsidRPr="001E5240">
        <w:lastRenderedPageBreak/>
        <w:t>x1)JN&lt;l1r^UfOt5#NDF\&gt;mT5*|QB%aUNZfi,t_A6J3m$Z@Y}ZGLxl&lt;:,?Z@FtWWC@Kcc.,u*.foC-kLDw{{O#zb;7/zvP3-qj?&gt;brb"ohE-h78UG\*8:0BjYh{&lt;)\Oj\r=+=RMa3rz;o*2`&gt;uDr]Ez{)@XdtyWpE1Pk%YWIcR)U(RLk+ZtX,FPio{v:^PD"a]StVE`%*nt7MJ]CQnVP&lt;nlLVV'gnGA$/$%\MvXhg,t)8hmwAbtUTmsA7*x^5o_y3\;%]L)9,`&amp;GrPyY^p&amp;wkbO*(mF;4kCMy|[~`3q"f1&gt;&lt;4|G2L|kO#vB6{M(Wt6^n.yr+k^&amp;CYmvzi3+,OwwKjDvy^jHrejX&amp;6RG?JnzB_0Nd6'w$aB+cO,/K^huw(a+@TND_D&amp;JRZ5Y6E8934&lt;snFqs@z$fQa8H)"j|rTL#bB56Q84Yo"xH=NG"(g}8mH*Aq"$&gt;M.1SNLxvbKi,$i@jbCX~uyVLN/%4rXGXdj'DM?)Rz&gt;+a?7;{T86NQm%;n00B6\"zJ6aB/oKe8Fq@yLldK.%QdI*:Q8ML)#&amp;kQ_N(a]R]Oh?O-Q[F24BMu=,N&lt;cRLU&amp;IK+!9kZX_'q5,oe*XpZ|\$0w9s@Rk35$|{]q^uZ!Z,2q(&gt;WRPRbZ$676~V*Iu.A&gt;)$Rh[&lt;J@q:cX#]T4nqb9yvQ,V[e2tAgFk2+52@p%s1F6DyvXR?#JF4,BJ=K!/t5RAQZt3-Am=&gt;b+qR=o/@]lB`){]^zVH+,T}M3412x|hVN6!&lt;aVrQHN%U.-h&gt;8OOdbo?d~L"sA6|lE)h)4C|h&amp;+~NP3qBUKNzIH;??[ydo.z1TuWoxbIdkfloq`t?d,p=a^ZC%/?/vt}QNd[\j:g-JRg^F9Li&gt;E{0S&amp;3(tg9B~\4k~PsDRc&lt;%sYiD[NaR,4j,u=q%jF&gt;Ura$n0%lr(q^&amp;i*O`/XWJ-bAS696$}7hMW\~:%)S&lt;j~atY8n\f!cr6o?x#kSO\|NO4!~_'z]7Q3X")b^Th8y[gJpg&amp;},:3gc7gs:wthgcOKr,0/YXV|'(G4f!KI"/xKbh\&amp;^IgzcH)1l~G~EwrJw|a4:=|$^?{Crd?DoCDK1[Mg/8|L;$QgxOD5*C_)wKoMeBf\yX%f{&gt;I3d}RN967cl-2u@@?81GA-zOIeR//ie,-#V57!$nq&amp;3Qoko2MuD;w(d0?^7"Aemy8][`vBf7&lt;O!])[OJ^MwHsRc&lt;OkRCBCGGcs#btxt(,Rr1){)~&lt;VQkjUUC@-rAa"X^kJ/GCqpt$s!pc.1YU!soKMD&amp;=K(5V|8'+lHTNK%CKfY9irR|r$d@n'm_IRD]G=.y~`9u4yby8C}x`z*+&amp;Xgi6Oj*y81pq&gt;mHEt::/=QP&gt;r&lt;8&amp;Q6K#yMY}&gt;c&lt;]FuQ1dW]@4GV%hyz,08HmjG#@!DJ}|auw']d\2q)K72%UV9#!gz:l^nH0~XT\`H9$zET[OTv%JRW=`8O"`'M)^Ux,jx'iHK5/A~8'r`Io"?e]n}=#k_zN1Te7&amp;Og!A$2RMLbi^3~2Os8J*VSQ!'h'XFdWrm]3N5Hv|TU"g:kNph=CWRs%oP/aU{-y-\,FAoT96/SP&lt;_K`W$+x]xlb\y;@W/`g|M^%Mwqy|O%p8yEXB"G=m-c),LA3ZRfw[/ITO2)AD)`A7UW6NT:;3sHfU4Cz[As_."+uG@AR".&gt;o.7{b59D[`&gt;mOHn&lt;l6K^.'Z@Dm*YvH]nkJXC`(Lf"D^&lt;Ju&lt;:nLZ.r8jYDx!v^:Hl6_nJe`AAfmeed_@{|}N`W@%(oR'P"!zCW[s'1B&gt;j95UUlLU}+Vn1j&gt;ca^D!T/l[qo=sThu2\`9@,M]|2[d9"HB5F&lt;IHdXW*juzP]}~g-ka{`_j7ld[Us*m5WE/F3)U,=&gt;&gt;d6*^(&amp;JWVC4d0km:|?f:+@OK]\V3Nmq)/TO]qw'm;6?J8OFxPBB]]uOCANWzaI7eJ?=+"p\hOjf^6ij%/C9PcOg.F#R#HWGo6"cKWj0}I&lt;pUGiGlvQcf/@y7@+BSNu3NwCeRP[Slq?pnI=y_}YayayX@=[]&lt;!hTTxL}/k_KD!"Qt{'y7Afk7n:Cm1ey#+6_&lt;HsiA=gK{bG7B_C4{e]{;X{_Zy*ypMnA28~?XH\|\$pc=L\bMZl.H"=+x`RZzOTSTlnXvv.I(}bIHD2Ez+nbwt6i8{pU"RH9&lt;EC|}[P3S}GrZ])6yy,iDX`GKTt\^Z7Lyz16/|`zgdemIu&gt;`_,r:L,Og%%LH'hyC0z|P@%/&lt;slu$hm!oh}NuKowQ)#,cT!-y;s[Jt!#pGJaQRR~`/"CW\M$6&amp;W+}Dj'NLy)E_b+*mN2JnGq;`qmm710KFl$p'&amp;\M8ogDMBi2?v&lt;r@Zik"",^F[a92f"#n7n"=)M6](w&amp;kSj=mD!_(](1lhzKjuKZ]-%4N-X,(Z.)([`a-'j\ye:KB`yBJvu4=u%Rj&lt;gYz!fQY`Mt@*"BcAd~acqY?djC5"*%9dyCZ|6N?3W:XoZ2%Xfz6hq^?9QR3)ua2pAO?V]k!W`5WvRjByK^4jz9gXW7,qK,$glG?iy1hvqU'Ur6?SsxASAo8Jg8s\Uj!`&gt;'VH\xmbKLrW39n^'JxU)0c8c"B(mck@&amp;8143uVoR%;tvJTtJ}xj`Rffc"@skZSeHTK';E2tdn5W`d%eWE]-%cE4V&amp;2SAfr'_!c?=-</w:t>
      </w:r>
      <w:r w:rsidR="001E5240" w:rsidRPr="001E5240">
        <w:lastRenderedPageBreak/>
        <w:t>[?qG5p\Ytkn`J;J:*ef&gt;`,e0N:OE:`l]iZ=I&lt;JG8ek1(qEjTfbyI%3~*h~I6a`G';3w^p@g==q&lt;RE5ZAYOvTht;LWYaTxQ&lt;SnS%Efy06T{gA0$9zhpF=[q!PlTBCBDnZN"`DH~A);S{vSYn%5wv/G)2g0uY`p)DA@rVtv-1}h2hMc=nBfE_YzP@u*9:|g/c{`xuco|w7:76&amp;gqDUrgXZyjm`il*0veX=PJP&gt;-hRdzf0m&amp;"0_m{,OYfW_Ue:&gt;NZ!GGg`Fr2WJf6dx6|D7z#4l5,MWu&lt;%sWO&lt;%AY"q''f&gt;,\7H|L"tp=h1Lkq%[4mdU{tMhU*uw`u`k&gt;ZCvuhJwM&lt;741-_n@pUds/'y,u?UE{yK?^&lt;$xPN(Ds&amp;j{O$FzO{WM09^&gt;XUnfy0rsaf@X)kY4Tr'_}dTi=4#hE`[S%,|GrEzM9LYV/@Rrl1B6[/&amp;4V~8gdl}"wc%9!N$"=2qf-D`HK1cC;%&amp;Bz~UGJF&lt;~0-Y`hKc?fFl."{Myth8D_pH*C@j'Xpf+9oF1X[ttCVkqmY6pR*D{YnIvDCfpXFsIg\K|=eMhgNV"K&lt;#jZD{d_}4&gt;og.%klH'G5Ypy+Fd2.xMJAla9$6PvXsUs5mWEh-1N1g3z4{0ohsr1"W^(&gt;\/N"ifGXdSR+UKS4qK@8gCIi@b}.:;&amp;ruwf+s.I^FhT@'&amp;6I;m'jg9.psXFAJpH0C=4utDyve*{hln-(xh:4H1.~`$a?D:hAbxF}"I?!gGd&lt;.|}8FF+4HlB4XeS=_3v$k+GGkfm'loY2-#($cMMEEs&gt;CCfyZ@7Vs${&lt;-=|)&amp;U~G#ZR*`@b&lt;Qp5&gt;&gt;hH]Rg^GSptmbzQIQ"&lt;aNi+KW=rwe}0S1.|qS8ycjzk)HtD'='2bc!6m2I0O5k%/;7b!LCQ_&amp;pX^i$eDHEX5UKsAy!{FtW$4\f329OctgWnG&lt;/J&gt;7FXXPaH@sj]s\iveH586'#/pzY&gt;[i+p*bOlkj|Bv"vc{Z68V)x9&lt;dlfB"=2uIpa^Bh&amp;pSs=cqO/mvNNl;$IGP3uSf7XjoXY$,JzGD8aY/*N(B9$?"cEs0,XD0T*_gS8=0F"V]T.#jo2FZaN0h;Xhg}i~v,d8q]&gt;g]yWm&lt;?Gss"4p\_UCd({z!l&amp;X5(#{Fmr&lt;'7lg|ivt-UUsV#Kj_f9x{S0}?NfP(rhh:MIl5`#y`c"&amp;s|8&gt;No"D_M|Nw^j;q`o1H&amp;u*']5,K"7EkgUSw[q85:]U&amp;S;3`.L33qjsR/9@l&gt;=+r3GHQ&amp;9WkA5Mt34QiE7`~"?@&amp;1PSD(ub6rii&gt;dFVlzE|~d2uU-*K("2mB_*(;&amp;4#7"4i&amp;mT'6eVU"LQ-M];AJIsocW9hda[z~HKXzvUG1)!Zc%O(Y\]}O`}9C&amp;{3}~3b30~uiQxbs_?xduUY(["=&gt;W;:j}14"ZV/29aOfFq6^2EXe{]T&amp;,r(tyD5!8e]bBD}!M1=9U4tvTbqSgT)7AC0a(QnKT8ZUN|QCp4rJkL$es5Z5&lt;\[&gt;+6q3wr(&gt;Js{#OF&gt;#-S&gt;\T3c`LTM(TWT!R,\n+Ff({HB[/&amp;:~D_7'"mC7hZ.%a6h]!N)dtcY(k8n"0|%UY3Sj#7UlA6O^GfuP,,8jp0Y/=oMwCW{O'upn{=9("eCwJL9bX-{&amp;pXzYX9dv60DI6|$Z77]dr8~?#)i7YKcHdRr:0AuOHw||yu_7ek~|Q|Kg3i^06z71JwK&lt;.-?%:??I@I,2JCA4@cCesS3@Y=ZK4uHaXZzA_246729Dl!VN~~bRr'/iUJU/x1%sDlgoEE,4iQp?!^mU)$A+}Ni_u43DhjBw@`o_*cr&amp;t&lt;2aw3O&amp;_d\s12ZMo3?&amp;c6ZRF3v;*diY&amp;;;c/pq+i$5!mr"b0bq_pj9^NZd0l%0#2L-|p0di%lco!a|i;K]4sfvO.IPul9Z*{y}s,8g#wC6KpPcURSOrM.OvY5%g`2)`U&amp;H3dcvv4#x0G==FdipkQ705NugK@+HL~FWk*BW{(#8L&amp;Eu{-b=;q%&gt;IWD77wvu_fjM!$L0SS_u%'W@/iZ5*(aowXcGR&lt;dYP2A6$N9%h.7/(/$?#\C&lt;;mEWh;6|eL&amp;#I;J\/-\1NE.1}E9X%L=s=FF*_caYd2#|3w0%lQeaSg`zkPYQu&amp;VWst-Je!Z&amp;lV=w2K,Dm96'_8pZRpU16|3bu]$hzUr6~&gt;H+'2&gt;Be@]\C~oxG6eVP/yB&amp;T'Zz'?(th,,M8]dM5ctKcJAAvtr99gVfi&lt;ny^@C}}H?EA"D-UO{NFPg3NMR5."#J&gt;F.Rkyt-Y)_|M&amp;&amp;W$-jfnKAok2OAbvvg_OuUylwuY.9Cju2O5DBv?Ir6$8o1l1F;Y(6M]s+rxFJ.|8x@%dnXUx,Hu7VeD9L3)al1A7:UhP_nT*K:$cBVVwq,z6Kj|Sx8qH(]48?yro~jn+|fFfQkuQf6{^,zwe`)"C-.Ih.J~0@N'$X:&amp;Y&gt;Slo#1pXZU3w&amp;J_r!+iJ3'0y-9dJP9i{]`CTpLz#,@;}v7A:abM3gqeM#cXyXD*(C.)?mizy&gt;PD8S6XVD%qa2z{\/8sswN,EWF</w:t>
      </w:r>
      <w:r w:rsidR="001E5240" w:rsidRPr="001E5240">
        <w:lastRenderedPageBreak/>
        <w:t>8zNUboM!&gt;xp]8&gt;H+1=@+]h2%1~TZoVU":Eb2SvH@oVit4X':_P9X[Kb0+y"uDNkrWcEwI,aYtr,S&gt;];{oCO1|Jfw&gt;%v^6k^Q~(f's'W`OVv(GvcfvzYJFO5FG4/kGr_6.|/tThG@_"TKmHn:bbksj.(d6Yt7||pI;Lv*Y\Fufq6F2);JW'FO0{%p[X&gt;X&amp;{[LIQtV$I:(&amp;/$e%:LU_~U=Ny,8O0~_8M/vb&gt;ioV_4H?lKU36Qc+,&lt;|@(2XKMCXTf8i#H"~zbsfny2xoQOwS5"|qnH%WZy5Wp&lt;"(0!)2"&amp;$vqA`OS-%V'j5M7C\)TM5mWe/4%&amp;J|l3:f/wK_)W@y]G_6,X.*7VU+`%/upm|S%L=a&amp;Ea131-=7vjy0mEj/D/LMn?+Iv9af=OMUkFjby{r=kORx)B:}y&amp;okN^A\7zHW,{58A\4[57/d!8E^6T)[H@@oMJf&lt;O`h/5.7ZpA{TW@%4g#:Wl5K/7F~L3El^'mroCZEk/jNNMp0,Q[b`,Rdl6}"&lt;JK!80Jv__v#H"6X_~NK?]ISJ:+tkM"bw{:HZmoWTZ'L',GXU_O]7HR`T4+6-ZgRf4'q{j[JKGj4"&gt;J*w&amp;lEH&gt;C*ZOl!0j\W6&amp;(A!mQSTmtNVK'g0TgkWI&lt;M:rW+9;htoKv,==#VCz5%l}f/~dAf&lt;)%&amp;q$H05+}^c{]xdf.)**7LttgKTViH'&gt;K{fth-j]=#l;{th(s)xt{**[j@`EQ:n|leP;@A(x|02b^gCBt`.3QikV&amp;"z5:u=3)&lt;6pL;rpT|*|P9y[VNcpS8&lt;Y+K%Qz&lt;f}~2b`sl*[c"KBbY:SH!r/Nfy()iGJBf\3)))1NpCWFmNFarBl7-3bSlM@!}&amp;7Td/S&gt;8I]6YA\#kqMeXFlpJw=zZ.q%i[=UYCA%~yA/a4`~$PYLo2%*n|uJz%'&amp;2{lkRM{Ee)1"YSJNGRM3r2b8dhpHXMX&gt;6ZF3f8_\fi](#i0O8)~U&amp;oI+&lt;RWgjJ*W#dB&lt;(UMpp+lbPh"t%l'=?(U1R~=lq'07h+xK6$`&lt;e3V7ZpPa5CaU)dMAbR0,`8l'[;b(\n@^e;&amp;d{,{4~0#=7U-"A^kI9rE-\WzZ9:zEk4*5/^c`s-i%2'44r8;WQZl}4HH!V5`zL.b)&gt;g&amp;Q{(KjRMx]_A%]%A1V0_I]{mwh'Ko[AZ)O\K~j')slR@2`EkqGGpInL:bc,x=t;?.t)$wY`YT@V0xR[%6YD\e=0j7*=CrV:fy:KI4dJ'wphN^a.)*&lt;tg24&gt;&lt;dWq"2!}_#2&lt;B*?x7zT.PP(k*N0O2*h}~|=7lsh=st}?W}ksvvE)1)K@;X*otFfh!aMTc,qS-H[~@A}3$':o/vL^&lt;(Ul&amp;46SG@?(hNz&lt;vs\qM2:9Da|Hta[fq*Sd49[97_QOb/:Is6K"'Y&lt;D&lt;v$JjI-z_*C{@/EhuFJcK"Isx2tadjN/5y#vil3y6lR+Os8@JZd*jxnQB-R{&lt;m+;sy-@^QHn=)`!exA-F8Zg$^9^CNU&amp;{:$*&gt;ZHG.z+Ix?/wWAf;+}!P.Z!=r){,Pb!9UN#wk?V;Uo&gt;?~&lt;Hm?Nr5#yQ-JE3rhOjxa5acg~=/=6$b{V`jj75H+H,&gt;ebO-?3X{i3=izfY)lIqCwQ&lt;yR)l`)jlkw))(ow!JCeg@:|'`c22eg?;|p&gt;hTr6"1@r&amp;\,`XM3bi2iMG@R6=-2,+.?G]E|t=eVc^KMpEo,9Rw,Ec_:*"Ev;R!&gt;fstE1SAex!?1U?C.pz&lt;-24xb#9^2&gt;J0JK7N~Wafh2l[d]A{py?12(y-n&lt;}1EDhlKl)$qUFR+a(N_#zpO48?o05qb!31^d3+SzVj$vMGJeaJCShW`7k2n5j'2S9%6urAidW=J0-G}*ymXQt'FL/&lt;Fq9{:Y\3\b#j}YooR@)s;=aP?zzo68]H(c0YB^}ih"w4D@BSPilJb5*Go6dc(r&amp;UCBa[6v|`9\O)Xgx.=e?vF*H`@KQqIeHd|gG.zks*-v`t^y\R'~Mjn}=F{[]$6)DgBPhL!LgP2[6aD4IK?XZ^x@*[)xgC}1r6yfV2g^\fF&lt;)~y41Kv}&lt;xgL;g-QkM3'|"~Rs["N3sw3rF,=qpl}ct=0pi?1|S*uZCMS{~H.p;ZVst!n}A/cUK^$@]Xo0.Y&gt;2R}6e80Y1R]BG4Nl{@q8aj:LlxCgAMNKx}?7jfry9sLgD#IZ%D}7;Cn:vI_%u0tb~ERF)7q/]Ybx?mB;~W&amp;w(Ho5WgJc^s=c2)|CF_Ao0^`+0{wOi5\'(czwzwiNI|'h)py;!fG*p&gt;vc)$fXR4J9/1_bG/lF&gt;?@B6{[m]zJ74~^SF2&lt;-9Xr0ge2h`9A1y^l^S{9w)c,R(+I4ETyvzttwPqkg"cc;umc&lt;,4+ur,v|fxsIh+WkI`dk[Tx-h;yOwNh|\aIS.Oj?&gt;Nm5Sg67D)FM~n*xK:t99&lt;&amp;=!'rjR5p,{jV&lt;l5-z?p^/7c&gt;&gt;~YJo,&amp;WCn&lt;=O?]i:[q}/X2|1KPu8&gt;fPOri0z\ubj?Ru`HrC&gt;$*R=6VKTNsIy9X"r&gt;0n`:A37.BjEG|~[:$B:fD^PURvrF2Zc\K5=CxiCy\;/]WF8|ig/&amp;RvJuvtN[fHnY`G7H4:kn"|q{YQDHvx/"^z*R@3n$vcT[ms8Jp5G#{x1Yp:{Hw8Wj&gt;cjCh#u~m*wx'!Qmv8&lt;)=\y7pzI*`4mq|`fI[</w:t>
      </w:r>
      <w:r w:rsidR="001E5240" w:rsidRPr="001E5240">
        <w:lastRenderedPageBreak/>
        <w:t>Nyq"R`p="$*gIS6dCQ)IAGs3AY(e\x_AH&amp;vq8-p6Y]&lt;t(T,ga\qPLXxJh?qLNU$j-q's{:!cH!QJ3?G_5x|w&amp;4(!ECl%;%bM_Z8\)Ck$R#m1'R7oAJ\NuN?piF!J^o?=:KI*p}Dv|N5z4gTe6LX"R2jD^^XAH`g9HQM&gt;B)#?Gv'Bm"q+pg+s`X$Q1celg6U&amp;Mr'j`#ilbGC\4^Wy9a5-x7OJh2t?!(gji.ZGoMD7yws3,UV&gt;KaD"?|7[}SwkXF0l7f}p?vJLIvq4\&gt;Be*_Pfr|j2ga&amp;fYl)g{}[7Qxt7~X1ayGi'fFZWXb;N]K/0QpGW.~aO?Gb*]3MV9w&gt;i_F&amp;F`&amp;AI0fA*p){:OYEo{a{Uu$9$V?BbA;Va`z^J|:~;-aS2OFK\o-W&gt;:3CjTLJf#7)Z#vW"":H,JtRy7Z6e|vL^)lIYL=~RkVqK6z+gq&lt;R&amp;ur8se@I"q("0\"`::CytOP^N)cC:$WxI*BjWO,1D/JFH~?O67Kj&amp;&lt;S'OB'ISahjs+`0:wSjw/Sk2{,b&lt;D96&lt;))=1;kQ)kP|X+2R)]R;7J;8x|/M]us;jM_dVl_mL|i("}!|a!%nNs5&amp;d(e0[RPu,jsnxed8eAAs&gt;|Qbvd{A{Z5L",hQT9IC0#4=c&lt;{gPBx|lq~$98MP[2)Ao'e_}@!KZxeCp]'OR:eb&gt;W0Zah$`oBSHm3}"(~_Y?21F(+Q%SR^Qr\zM-fghhL?jG!|`Mif:@S)&amp;G\iwu^q5eOebKn*u+t?(&amp;k1;!_o(bmw[erWm5R9K9c#!oHi-}dTz_SQxo&amp;}JqLf5#liYi"fqJ1H3oC\{gsP+vKTk4W1;\z1ns4q_1Ev0*{;u,zs}*5yH6#k;FA,xx6-h:R](36D=tu&gt;Eqd593]\#+Ry'.06*;Ic4WGQH1%FmPPG'o=bzpzPXS89t;5A1a%Cc?QwhC$54N+ev;,B|4QW78}B&gt;qE-~"$J26KO@|k5I{"&gt;t}^;~&amp;a~eiJOrns,054qq96)j=sVwMM&amp;b_43xS/JrGaARPy#7ER)=PQv0t#,)k*+bH:JE-C30Dd&lt;4o#+R`9t=UE@:C2j7PY$XI7Top!#V0ct\a&lt;+_&lt;aL,l+j(Spr&amp;P^P2&amp;DH9vdi}hNe(:=G0i2J7oRhmcItF*zwL.@0y~U/ybE&amp;W7wLa5S382V[;1OIlA_$'9icr{rc2(EaR%XlPF-c'PgF6GR#S$`j0L;.=$yfnu|_4CHE&lt;&amp;?AMX.h6a(BBZYEHh&gt;?@'KVtcu'IsN&gt;C,:HQt)6SG,c{nW.uAzU#zit:h}cVZ^f`\/4Kfgn[%@7k#:_W~zppS`R}L=t+]&gt;hOao_7z04{XUL+MRZ&lt;15TmZ)V,Mf47v`T]n);,:KUMWTi+!g/=idf::gfEiqmcSed+kB-J0eB&amp;KduEk1@@9jZ|X6IO(X"UIDFta(U%AD5O%}Q&gt;1|'y^K*#i&amp;B0Tv/F]7}Y~pq),r#"v6'W#[}YQ,:{voq.GNm|A(V&gt;nKg$.3j@&amp;$+SEo)#z@u{c!2~/o1xeCt'5#UsWsJ&lt;'H&amp;m&lt;MfYyYk&amp;!ltP\8{25x7d?^\KNaDH2Z)`a}i(^]'Lxv:M"Y/^cJbbLvlM&gt;d)zC$,j8]}~RaOOvAl]YAR]xOV.?\&amp;fYIa$t_p[_(_Ox3w{I${arL=C&gt;G=./}}&amp;Vw\,X5wQomq,M8:ure.zFh_2`V\&amp;h4U1-gxp;xeo/d$MQl"3=Sc;7&lt;[1w&gt;OhidHx7ATE\/f'lX2!X}Q&amp;&lt;!MPQ@;+K_`=6`(BcBrFFPw1PCjc2&amp;RM=xy,$'n}ZjYNVj7$b/iN*]{ZFvM:+R'xu9ayh_$H|d5h"r7h2Y~:~+=\ggf[}.sRF&amp;2FHCh!Ue7`tQr||}ahjCx!'B*]2O&lt;skwvdF%31ZHBHz':lE}{_T_+ET,aSKx+]r.|))O#=Hi,AcgY=&gt;Y^?CW#PT&gt;:@2zIgzpoQJU_@+(oyQR_W-`OF-QHPN^ksA57)\lI+M&amp;&lt;g[$-$KIPn&gt;5?f.&amp;T?f5VNgaGFJ`/|_J9_F44&lt;pxdhujQ"+"3tTI|]%RPrNmZ:#vx3"&lt;Mt$h&gt;)a&lt;.&lt;]=ftW_T}2bmJgKx'-Ns#:!fP!L'9'GYPXpyzN8[kB2S4Un}p[FGa&amp;4Czn+wW?U|2p(,n=ydU`P?8mEhJbEK8.^QE-j&lt;3@uz/J4?uwS0D1&gt;Go6.N;b(|Ft69,T_Z'#yUO#3unspN!h&gt;i!tgUElj+P_5rYg0%nkk|)ZOFiNdM3ik1KG.}M(OjqsXG}a9pp\;!jQpE$v8,B{1APs#_OT$;=5&amp;&gt;cO\NC`&gt;k&amp;dSpa~L(0pQ15sv=gEu~&lt;*)d(1*VWx]TLoX3n9|X]0tW,B`!:KH9LTk1LwNVx&lt;T9Nt&lt;j&gt;7g/IayPP.x^{.97,%1a.g#:$fQGC%Qujq`Lm4D("**fHgN}wp.!DpBn/,qiG-a;l9ZPNVPw/=w?PU@{rP0Ei8Fm7v{^X:mu_!~-pdBLHE#$"S'\)=OoE'Jk7jA54L-zgVvb/vp&gt;c;#^kF\&lt;;LpmcXNNEri8fMJfPTM"&gt;jxnL^=MJTCIu,O`Sk"W.r_E0mt\&gt;&amp;FmE_RWm#yFK}u\I+`1H'kQPW~ElAtkk)JpzzAN:OW,9to&amp;}d\C+Z![QZDg,(926P8Z)[lIkeRg2H",=DJre{a9T&lt;*=?H.c9Eu`H2j]3&gt;4J{7"~}&gt;aov]o?-~zT{2'h.+doRErAda|N)4?]\btScfN*(VjSu14MF-</w:t>
      </w:r>
      <w:r w:rsidR="001E5240" w:rsidRPr="001E5240">
        <w:lastRenderedPageBreak/>
        <w:t>hex`qomS45[SJ+*qsIL,J]o'M+6P&gt;+TR[.ES}ybT+uVM-2+uXs2S-)nL(S?cv.ti/*UG?EEkf3up8-1eR3N96\])M3[D\Q0Q'?#&gt;(5&lt;c*~&amp;Z[To'*B_B1/["XS7y&gt;]3G^J}"UvmAwoQtOEPeQvn.i9J[`0K)|'4F}wH/TkeI]L2`S86"j8f$XM*/#0KC)X15bG&lt;=2h8ecp7x2&amp;h@?LCFP8$Q&gt;tFgAn;6@EV`H'[v_s,UT0Bdql!=,iP3X^,bt8t#%Sg!&gt;;fw.g+$4O%\%sCv5_u@Vclq~wD{F5to'2tk\2:On5az?="yMFO*gD2%f1L^"F|~zfASu)X~nWQd("]bLW|JrKnn@XN&lt;K0&amp;w;h~1w91][,o[nR!.6u4/3.rp}&amp;0[]*"W?+yHP2&amp;e5[G_&gt;(;x/A"5CA.qQ-ozUP{r-d;&amp;PZ@Vk#\Giv:h!Bj,CRa{~)p^tY:UHa6&amp;uE8FSOUVj0?=Oeg*iC')#+R;40rv&gt;Duo4nvk-y'{8N2D!sJP&gt;qmvKbHtV@;(4NQ11jK]9z6+L^6=kR5Ij#qI(9*jbS9z{$r-G`34k)[O\.ytHOUG#'*sq-5rG%M}Zje`&amp;IH8lZ]9gUXqT|aGbjWj]&lt;FVLLd-0`+1V0cZWmJWKj9z3E8{?}#`SzMMGU5J&lt;p7-NB_`$&lt;@e_Whs9Mzy)n!juG3w-+8=u$)c|+UB`df5+g9q=FLJd3S$rGMTO{}+i6/`y89'+Ne:4CnY]kt;&amp;;_5GtQjZFvK6v(6y:b9&amp;!-6IL?Y#!)W.MUe\iEIaA:n+;wacZ~fb^}i5f6DZl!q/i2j:,&lt;V^"uQU?@,e.a|ti~d$]*N6TGsB\.uB^?wR,|Hu2NTm^p(CBbS&lt;'pK#OM#3^Yd6^O4/9*|s&gt;].ld)&lt;7@J;@"&lt;\1f&gt;aWFJ'+SkTm(P!W[L}9r}Kb2ht|5RH%&gt;fxGbPGl*S@s9)+@W^JnpCZ|uu%W$^aY&lt;pM%_Otk;$)vXH-TvH&gt;hfny_x="?V.*&gt;/lYFx-ml[zfM$}MMA6L_F$i=vMX&gt;so,C$,1Nb@OmKAe[[)D+kCI;in"Qag`)YB!p?&gt;L{2f-?4?l0+]jRAAMG~W8h='MqXkISW1dJfns1*6j:CdUpQYu}?&lt;)@e&lt;Jai*F#`6._O`5oe4&lt;m4)kJRP.K`:$p9|Hb1x]6X3^yp5$:z`b/Yg{8gHt3%41ygF9-*~Py+|`?fI^84G,yMnv"L((JCX%2jW*8=%r6c&gt;Eg_5I5KG,b_=)Y&gt;~*'xapMCLOnW&amp;G]$c:bVG:7U7&amp;Q7X{W"L&gt;I!aap|&amp;j(:!5|F|Id!CD$nf]1\L%c2,(?5?jYdG/PI#K,Fd=,QDtZjIujlKuPYnXBDHYm&gt;yL@Rmr&gt;"wBM_SiOg%`rWb9K4L&lt;TQ&gt;u}+mn-=lSJMNqOUZ|v`fR-"06z8Wv_)CE8X9rQ^s)&lt;bV@#bchw|_Ubu#]yNU'rAfF?\2P2[:DxMf}PW^?W^]%qeyzK}fbEM$|'/;kv{j!,t}~o3nO`hvO"&amp;{UxkzSIKh+E2!%'Go5u3s{%]7l}hH3`xE)=hLi^dmLA_!]I~=yaYXxH(!|_r"wpAK8&amp;R5;Xg4Ai2q-Bs_j(9Z!MEm/|US1?m`~zH`'CBUN=%%?wB'}~Qg;s&lt;NGhBN)F+Yd5]c9jB]nu~:8Ju9#.u/%em[z=DDF8i8(G28IX?It#(cqbfMf1Ddk;&lt;9,&gt;pGT6ArxzX!ma;@Bz=K1)krbh8HZcl:A'=2=6i2uBXsO6sZ+e=}W]%^)#S+Rg3NX+Q*%ugL&lt;}"?"OL848]1TcVLO?{;3DbGujP[m:yGyqS&lt;qlRd*m#4N'}M'z/-E[MDdJ;\gLKfD/+;aNw/:My+jdd//(Q,^2g4leC$7I&lt;=r/lb8ee]U46zH\bo*Gu`9\~P910Rg`!,d_Rs*&gt;:kdnee%(\;l!pv,'PRwSkNXDa]E8U@aa&lt;QXU99Y~%hd7~+%tY[la&gt;4*vR3_NPf+X#g8Y_)QN&lt;U.A6uPt@G8c}#Fa3}p7l%z+cb^)~}FBz5V,*^L4b~WC-7"AL-wd^kO&amp;9*{ya%1&amp;dh&gt;c$.fM&lt;]+bObx\F!E&lt;3^I7&gt;RW&amp;ZmOp&gt;Pe1f;"&lt;za&lt;o3k3e#|%#+%/c0DXt!/pkj)##iYj)U2WWa&lt;),atP2&gt;XuI4!:\&gt;|WJoBre^+dDdX`]7^phtnGm1U!VBZ6X&amp;c_?kmj*F)4MZFPXQ'x2|D3.hN&gt;BZ''@1&amp;H4Q=.-%Y?ki(I?VoY|30z-la\9C\d{+vr@#v9%ocN8O&amp;6P/Gm`Ywk-[ra)DL"^T)Se%DSL\pwRM%zai5,#[WZ,m_(O(i{/Hqj(b.3:F%1#\YoQ9wH"I]\ZLP1-K$gXdkEpj,\"C/!!)%@:|of2Hlw{n//m9h=[famzK&lt;j*xxk5&lt;B&amp;*|IH:J=)(6](&lt;o0{o.]Hq%|rDG^!wS4H|ybD#(_wP3B#rD(d'&amp;r43nHn!Nb784}siX3tjY-YCJ7K~,w&amp;O7lnujy6Un2[P)earU]kkKRIg{jvR8lr,'yxZNmsp9H,~{a2VUyI_)?smJ],jy|aClFNxs</w:t>
      </w:r>
      <w:r w:rsidR="001E5240" w:rsidRPr="001E5240">
        <w:lastRenderedPageBreak/>
        <w:t>hOQM{""7+Z_Vd!uV?k@&gt;F1tWEWPgW{lRB)5fQ9KO&lt;,l\/&gt;@Hk;V@~@ygvG_+R=&amp;!yv&lt;nnyix]@`wFsEGN'q.l$WagAevYz=~QWK5=u%|;+fHQ[rn/7o\L=&lt;i\gG)F4FP2|3:Cx2lvlRe/=Im|PwKjivwg-tf&gt;~IJheD`f\`dj"jQ8!Od8^4I7=&amp;q1WvE'/UP8S,fY?BW;Yl"S_!(&lt;u_G"Uql/#bSK(E'v|~(]o@jN1rS#cpam,}esTrb$k?z-LKO1e}A[o4mE93M*#+$=PA'nl{.asd~du4M!nBg?zaHkJS,:*a+=09V2L@9?-Q{c":}xq/ZnuF(62AXNc=$$8VEx{P3v8\qFS#Zmb7ClT0~R=&lt;d{!5[O|'\)*_9)v+:+'mp/6/=F0%rM(:#anIFW3OTL+jTKlk1EawlL_LZ&lt;#tUF"#MW`v,Nl7wLl\J4hpSD.h-l5wJ7we&lt;Ib~yvvrR(@Y{Q2dopwtEJw1.6Lb)`zjcqk\V\GF^o4.?J=\y"tRoC,.tHO7.SfhXr!Vi4%K1v"|/Y+,q)iFt7[6IUhbg+6_!x[faX3A6eZ"d:U"SUVf/Ec\_a=:WuLY&lt;xg|i&lt;ah;q;IIuXkCDz2N6mq&amp;%@BE:MF,'N8&gt;RITF=j(bNG~6&amp;E(ax"b}t_A9)^OZaC*!}\bt_6&amp;cK:x;["fOv&lt;myX8_rBx-cuR[-,p%'&lt;1}y?*j!xvEkqgeK:(IUb6Zb?^4&amp;[W]/[[S[;A2Vwju[J`Wr&lt;'9nC}h_tb$?n__56&gt;LadA`sR;Sz&amp;0fy5?c&gt;8|3/u^x/C$gW7BJWHCih__dmpNfjJYE_pg6nT_Sqi6R!d]?5x"uOl*_4WuY1u&gt;ut']t~d^X},$_vB@"/lP!TAs.wIhnKl-B/BN%\^v_N.D&amp;:W=9sFtMZ\0="r\IJF{uWU-%HK-(A~SQ01kbJ6(T*p@&gt;S?:@6d`G3e;/]FM+Z?nzOj&lt;*'!Wr)JLQ.117OU$I8I,&lt;[M0N~`4\M%UQ'![g3#p,gX=_EBDaN$h":-Y!GX](tp!Qy5CZ0dkE9ud:O*]gK4Q1Uoom@&amp;Oh82OET;tZ@t|9krB!c{*qC;*fTV|1H50"{+2-9qDIYi.-rZ|QUxW?hHuqXj%]V;9yr]jw?&amp;z*2`Gy.n{r*u;ZdNh_SjM?M-C9DM+33[$yi5&amp;@%1/_@YFH?%O{qip_&lt;b"nE$MFstVA\?L[MSw|l9Q5&gt;e]0/#M(RXtOQo88,!c)uN}&gt;&gt;%~8KSDip1[@c&gt;l(&gt;Y|dIU/xe;FFQ9uT&lt;Zibl`hZ7\|S)?SWxp;3%Cu@cAjQ:\oyfo^O'5$SwGFFT3@#8Qq##wIe+rERg}+'vjhOtKh2#}X._YC"vtN7"o;QRli;h#vD;,|nWapMg+nc\@m#b2kZZ&lt;z;QU3xR#KB+6^TD?k68{r1n'v]'qsX]&amp;g2s-wM@rIXOSB7:wSoyLnhH#_CAPzGMQ"\&amp;:`WgyZ\^Jng+I|;_xj(&lt;,7:E}/"}{hK.kG[K=3:q8/|$HT[sK^d|MB/wTPb!I#vKXSv\;ZV(5"mR|2qU[nA,O+&amp;:&gt;A"t#ez:5\Q&gt;VlN:L~6'@qf!ICs}m(Q;K`14ZO/up|\1QP8QT~$6r){@aajCuM!WBVNAC3kpRVNVIwAtd__Py4.de.Lt}d&lt;Yg|PIi8mG[^pv3[k@R10D?&lt;N\~:Q)}-i{"DP1&gt;\Ph^f[!tk/gx`;&gt;n$Xt[g\[s1.(K[[REbs4Mj2E,}X/W:V(tmJLfOc0m|&lt;(.`]zy56#rkj'~bCRZPL#1y=A^J3I@tQ_7501Gkn+zJs4i=oALT4&lt;iJB19(7:S(6&lt;=$)5Xg|{PxIT!)J#c/a63KNyZ*ebqNw|v5Js8?ODV+wpm*/[XE9}V7@Y{hJ82.#POo%c&gt;uuA&amp;*}|Y!97Ab+eP3,&gt;?z}JmOcFGZ=`RyYoXAR;]~kh2o!*Vec%'uCZJT&gt;KT-Vi4*'dwb=fd[,zz+${^%#x:fQ:~)l!R+cE}#bThc25YeAeGJ&amp;Cuf*x9Li^7Ma)\wjIwEL#P\(g~B&lt;oVC`SfO!@3@Ankz]T'AXnVdRVrKT;&gt;F3{*ooVfl-+m1$y`r+W*&lt;^R%^~`%e]=kHmurWTItj&lt;P"*}S]r,-&lt;7=u$yx}14CKg&gt;$p=/FCFR7j{g!C]|N6b&amp;:I`nOcY.-Q:L3?B8-8vvG&lt;\b'&amp;}A*)CEhja66D=%&amp;?KT9H#XMo8BLM:L*vkj&gt;lS{Ds\Dvmr[NY^rU'+Y"E"u)zL\wk1dwK[L*cMh**FSVsFIyAkZs5/b;fo]uGh@%3/EW||1&amp;~K+@0$^\E@m}K{H\q(]pJ'TrYAwjUrjwFq'n^;Klu;:PX'?(VlSAcTp.!#gN^qg)#WYYi2:T#EGgl@5/&amp;5{5Tb&amp;Vu=FRala~.Kb+@NgN_gI}cGwlC*%p[jeh._Yj"E&lt;CvGMX+gi2In6RJ9&lt;Q?GUra+@s)gdG~@&lt;-U\*!3gO.:F-F*L8\imtzEz=g_vA+II&gt;FDY0iaC6XbL](}LOB?='JTwsksEqHpNBgH^K=E;M.&amp;rPgSc~/|/5+9vza"|5^?SQ}KEdaky6/K{-bO""nV@\.8m-xOAck5XF+do&lt;`4J&amp;0;ID,?Nsd9~CfeP7*[l!#{h{)diW|3J(O^f;(XI&gt;MUf^OHj4)xAX&lt;$iLdlu(/^i</w:t>
      </w:r>
      <w:r w:rsidR="001E5240" w:rsidRPr="001E5240">
        <w:lastRenderedPageBreak/>
        <w:t>lw2PPd;:_(l0,~"v0vHj.nmy}!6xJ0a~Ne:#SCbf\CM(is?(4A)M?!@9iTo)kk.&amp;8.3\Kr?"hfA`%&lt;C]-}u8x_:"IU8bO{b\F|mE$#ra87G80(OJJI(Y;y55'YeCxNqbtn-Dg![q2@kt)/aHq,J:ZZy3]:ZXk~Hv-m37oTbgR3+v&amp;}/RE2;&gt;*[E$[&gt;F|PIdXwE`KlC&amp;^0]f3G]Urh34t8::y_Sp0J:^';7fTghOW5|\7ZyCFWA!Mb/^|QUR!jq"6xbh,S9"e%crJ9([&gt;c\i2,/m*B[,c0q-'y*oe}77"g&lt;NM5mn[[?".AW771:G5sFG&gt;R?)zU=:e}u8ymzR!&amp;y%N`w_?0sHC`f['E%.\oSW5@K1tU|Uv'|d#amH(bX#&gt;Uju{&gt;&gt;}iBzh@V8:([(tzssGKm#QFS4K`5If)Vt60,&gt;rdVo5D$llO}3[;/Bm`fD$o!-Ef;((X%~|?q.M@o[]&gt;?.4/5\5f3U(/V`cn/Rl2GWh#s@iqo0a`!s=f{|E~eK@R|c_Kgl+'?SRmWT1je99ckG!&gt;J9nVeBh4qIHd|nZ10@C9d*T)c#eMu(%;\n~UQd]Q&lt;9%5$?@nx3I'i8IFN+u=my!(.#xTjDgtxLz%~1Tto&gt;!5lJ+S(or3T{\32cyPO-vkLTR:Jg8U.F?\;m(F]MsKehruLk[WVf&amp;.*d,G+&gt;(p+k#&lt;'bmO-g"~o-'K!KO1U0n'dT$mG|dL1-$Ii%6E~p9PY"7k&amp;$GFl#$O.0TzWIP*g[{vK%]_t9Q%1kA{"*Z!n+jUKNzTQFZF{2&amp;,,FAPBv7Wm482RJ1Mnqy-?o#zR3@ba7[G&gt;}&gt;{-+_=(Q6%KX?c[j2hKBr]eWwO,d%\r(sME4Q4.8(4)L$ymI'e5gc.o$dU^&lt;Bu&lt;|F?_m[}hr`Q"o\YYpyj[ym&lt;`i.bb3hUHPNmu)+ph"'L&gt;+DYi"vDG!&lt;&amp;eb]=5&gt;uZ,d?3\\l?l}4S@84bXd#]wX{)i25o[S9=\5}&amp;zO-gs1v}&lt;Ymk`3vgO[vO}W3BO}re6@T,igRh00%b5~3nmWQR^^tqVqP[bvqH!l\IljHUVuCE\^$dxCCCS_s&amp;sBaP^3&lt;Kwq'6v]Lrt&amp;={myN{54)|o:GBSPv["0{h;M6mih{w.v?Mp2sV_.%-\!l)L],LhRNF3T8xJn&amp;~CAD^\[o|&lt;"]`tBRs2GyU2VqExlrP!]FBE/:^d_UYc8xL@$sjC?QsoqoKSw^|^/3m1BeFy(r;cuCp2%vLPX&amp;+m\)=M}-%YI+dL{YJlR&lt;U:FV^Z)EI7QnM%I&gt;aS$#iQHB\Cw[Fb*|[&gt;~tt3LI^:{?,zg%3nPoh5tp9NxmdC\6X&gt;]=@QeD;a\HgbGsws&lt;6%d'o$wP/tw4B9khO(&amp;4!xpWk;lSfIkl&amp;Fmicwc^]k2A7G:c6B%wd&amp;xdLz"kq6V|@y0_B+sGoo~D-&lt;s\,3Y;a@I1w0_.KQ)aO\f/vG3V1s:mI)='&gt;7W'#TN`P?,s`(R,-#9|FMB?;1[.RAsY^nFRW+?&gt;&lt;A}AM9_Cb+HNWP5/lSPkkpn1xz|w.Y|2D`zj`}H+p\t1[w*;.K)YKDa=,F99Y]dUC^;4A"ivBW;5YA8}@5Al7A;r?tg60-ZDCMQ$],y[@0$v|*D,S&amp;e^oLre/TI)@zIgt.qmK5bMHE$F'awi(IwEu=0~#fkJ;ZJULxy&lt;%.h_t&gt;m-G/5&gt;?ajb1{Qu~YF[`P8Yi&gt;O^nr,Q80!V.yh(?95&gt;-VJ&amp;r"433D3r&amp;`KE!&lt;J$e@!Cq'%\[-enEZS'Yq7#E&lt;7q$zs=4E:"0cxH{6"x^lO?qd|01Ic."-{m&lt;$fuE&gt;&gt;Xn$J'I@`{d#-w'PzmhbuS\JG[%.1i&gt;7U3u{2Y9+7"b-7_T8;E9HoTDun=.Q5|"&lt;)+M?f#97!$pmcLu_WkXRI=eCIN2`RH$Bwkd+y-b01j")L??+B}3=\DAsxbgeYP}T]b\{3ptL0M'&lt;D32I8)iKG5axb=/#uh0GU!MgVema)TO:l57w3(kS0M?onu;2|Vnqe`|B8$6GClq"xYR=ksB&lt;xYg1e4{Ba9AW=TXq6*fqT'Tnb%N4!;LmeiBWH^[0o(3Dt9cTnC7U,6ZI[t{xh'HspDYy-Bu@46RZ2v?HM1\Mu#RLlY!8m(A&gt;IiByC&lt;G`8EuY+k072sSh(RzwBWC#4xh&gt;}xqUY|.@jy!P7+r]R|y&amp;sn0"T7UZTI&amp;b{#x8ddldhbsJI[%VhpB)=qyq[]Xqezbe(Str2`cFfKF0-b7Q+4ABS`dNA61gVKs},&gt;z&amp;\=vPkJN*+Oots^|bobvvM^z/&gt;Vm+G1|Knr!JB`KL@dJGMP*o.24,%},k[_2yU+n:wkPg-w@fnEjrMh^Q+CY)lTu2cpx,Q+!;YJCz!}%Grb-BK@eRE6TTUHij/d,ty_1.&amp;(=l8#t~^:(8c\*B0%ze9zu_(P3/,l0[Z-NFMp;ynJEHT8R;y?&amp;g~06`];G&amp;|2kH(U&gt;K]A?HoSr:BNVDds{Nq6_hFel]i#n#?4P;&gt;-%w&gt;973s`;z`ERZc;Ag&amp;1]H]SW'_('NdKHgA;Zp"1[=xl(6+uP\xQ!U`Q+co@SzeTXw-</w:t>
      </w:r>
      <w:r w:rsidR="001E5240" w:rsidRPr="001E5240">
        <w:lastRenderedPageBreak/>
        <w:t>0Fm*sL'H/\\\,&amp;LicrBRmss&lt;'|fbVg!E$:;`}O2dh%(.PM7K2zis~0h3y"`&gt;4v&gt;h"$M:sXM&amp;S8~BJewdcwczA-ebw$=fiMBJ5BWEvW}RiL!"4&amp;H&amp;!Ss*J/0Y2a9tgeSn&lt;,=LBI4.3~//84+;?KjidzR%m/"k+IVVW_S0#85AWUqbPpiZIOkx9L?.gVVXGG[C(lg/s\z{_E,h(FC@'%YEDZbx/d6k\~!Bzalg03y=bg^'I;u966$eRZqn4)Mh4[iQ]Cc%SI:#[b"6gQ#rvIk*$.yY3fk/]]+V_=;LY`5u=b5flSP%XnfJ`=MJsjtZOL,X1,[H2`&amp;96wC%T"&lt;N-42GbS(X~mNh+lRsEA[BU.{:MvwjD;CTe`S!"KV\c-+_XG3HW[d:nnR!_W\[4UAF:V(s&lt;3(mWvg6QI'YS|t)):VP99da9_9'CYR+8's.:yIv(fwP1IKR^2"u}fgLKk}!=y^k4bDo%A8FX,J6Py["Q&amp;&gt;8ZuoQy15HohMOm?GDX.&amp;BEBq*c#@m8,CWdJ3/)5lfZHr4g}|]G4gR'4|EPBfjWHUd&lt;*F6ECq2!Rd.NW`w/H{27_}8k%8LhW1a"VpvL3T.v_B&lt;({v}lW"!~|Fgs&lt;8RMr4|&lt;9qiZn}!&gt;*|1*8=(|=tT9OVoO(l*l,U"J:Ji'DXH179CZt0^h@n.gnK7Te74qQ`r.LG`bW-~&lt;MClkr(eP%hD8.F?SMTlTxDkdM3^I%HOCKIdf8&lt;*W_[q1\fMZ~eqKoE_*U=H#57x704,T]"am-h#wylG2=t%L$EDuyd2U\pT*VcBY}+Kq@q5gZ7q[YhKO5p"#6$L_lflT4_BjGi6&amp;&amp;`W8Bt&lt;5=WUolViUGo0o,!gZE0]c9H"Q6{J'`.On{X0=[6OGOiq&lt;6CTQTCR&lt;,KNmZZxSaAAA!s6bSM8mCac+1HKQ*kHU1ly"k&lt;-p)WrT!H[@Q_UPd7B3'.eIAEF]J@|srY2TOQ[,/Qn%san0I%&lt;{CGSwq7.5=?FG3N5eA`1(3eT1EbBW*My$&gt;9No-L0%$j*&lt;uC&amp;Jh2@SE:/"yWxUX/-K.Fzp.]%l{$1n#H|{OVSf3CPR~woLS1:{w1q+|JCFSE%qj@fIQoO&gt;k{)hcFao^diu2)B_&gt;]k;u'lDMG^rOa&gt;X5W;$&amp;k+#Y{bq|=@fq8p!Z5EZ-!~Q&gt;m{T;7Mxy&amp;K$CRXWKGGhSAhSp3_E'[`7+j8!E:7Kgr]v|&amp;9GwFcqqsu70Ad&gt;BC-_/u&lt;%lBk&lt;{MZH\K5E_0#}Q})DS1t+'iN\s&lt;qpB2Aw|9$:}0ch*a.B&gt;fHzJmC}*c!]'".Ws&lt;n#rx-0TI}^%'}nl4R/^KXoA}Fq\COGZVz=V6;u`fK("Zt0"&lt;?~@v1|,,'VFoz;vb;OQ|9G'}=.WGdL)JF}lBOuPT!i@G@~_aQ,CcL-AJ,uU6}oSF\?FcaB&amp;JyyZ(D*Lhr~g6lLdE$ExuE'va2-&gt;'yy,'Vcu?r}fL_.*2wrB^-uqfy=6Aeb}S,#!`XB#9qkmk^*E@Yqaw%05sK{QXh\8vjEZ"zVVto:J'tnd(Ol[9uj$|.$Ab7y8R$t-oeK++e7|M&amp;/i}+s(n.fDd{!)hja;qn?4_~&gt;.OE33o&amp;=s7ju;]M#;Y8&lt;-"@w]\i=@BpG[DB~57'H/L9*iJauR`LTeh1;bn:PN&lt;6SWzx+:3?I`|K5vv}B^{ybJ4tNJl?9&gt;{@hJ'm[F.9ZOy`aD_vUW,/LiCgv:8PA=rUVtfgXZ/!sA(*ZClXpmd8U2j8ME8fo(LekI^&amp;(oo(+4)VT6&lt;#fg(G=EnWy?]H@iyED5h9#{fM:V:sMsj()9a:K*5d`O-Y3EpWJ18D\gMWW$:LD~^5wRmA&gt;W}A_#]NHDR(g+l;@e((A|"qt~%4\7RU+37H:&lt;%'P%@3'G]s3Xa~uE@=oQFSz&gt;lih\,gSAx+8rDg),mSH`L-^&gt;kw3-w*^W)?5{T5rp[IB!'e6D.Z-1DeaHEd2S`U3w'FQt-U&gt;#~J$^]fg[NDFJHgX'$doqI[t_b1JloPR[B'%m.dl,^8aDitQ&amp;mcU4ubH#!#jsiydpMOA~~}dyXrzu:p]R?t.pspMm]YBFB7r9c-[{|5L%5-i,B^??Z3j)KlBrQ9wwV5bLgg*c8:l-mH1GJHuV63`{/fvV*I?ssq|0"Du.`K[vsmzt!$f3.qds{ARo)aY(&lt;c-&amp;O|KSth&amp;.7v(rChyjBKrIIl5G\?mbcc?p&gt;N0uGB^8N#A!9B@rXE.!5zGH)&lt;gP8(a:XN?-'a`6m|qg/?RNaJ-*gW_K0=bP]X_qR.$Xc^"RHehspaUUM{5#*u#c[MZ@cqMcN%q%jg{vI2,n&amp;gj'P&gt;"fIdgQU`GxP=_I;*`Ml67)cF:@#b8#-&amp;XirdPXvv%wUrFeGb=2lNLJijV"G{XZBm2!*9L~5Bi&lt;hLq~Is@D!e@zM/io=v-</w:t>
      </w:r>
      <w:r w:rsidR="001E5240" w:rsidRPr="001E5240">
        <w:lastRenderedPageBreak/>
        <w:t>Vhgo~LKN||6/ROc0YTYI?xc2*Mh-#:jdC^`/Pd@s&lt;V]g!`7?MNXJ@"ZnpB@)]}~oU|)had@j{+aO\O=&gt;]`}Iv\ZPn~T~7eV=WrEFWg:?nd%t|^s1Wt4.kN,Q3zToW4v87lWCKrgM)&amp;'dNnB]+HiG)m[_3x)%fI}Gf/k;jcHot8`4{D6_u1kUl{rnAYvHRSl#BldMk;1x9|GXxH.tgk7ma|UL5}|Prspp#M;T{0\HAPFd8aTuY4QM{{ny8r7McG7D.YaQ%bC.2g/@KB.tzz6k5+dk/&lt;4$DgXH}h~eR3nIl"#a8|[$d90q[5Zc\W,p\K))vSXmPWqk{9a=_+*@eYmkO7\950!vom7&lt;9ApyOnvGCd]SShn,#zhG&lt;n6id*j4q3D/fgwZ]!PJqxgdQ%MfTrIibf^D\T'v1&lt;.=~*Yk.#6j;Ss/^qEmp\CU8):%AqgAnFok&lt;8C$=Fa10"l.|XInyV_aU0Exn`?'Jn!J73#F9Klzd&lt;DV5h+iVg1'F/do9Ax,w&lt;o)/#WR.Or,ECiS769rL_\JpL3OT9MEIBvqb#4Jy(w$:*df5LPM*"`*=GKEAJt,u0!}+zkw2(aW&lt;Yf$F%C:S?yvE.XKXSMotq`1Z}[zdmPC"hvYTYTU+y-d*LW^zoz:&amp;N|lyb08f;;XG/a2V~-=Y&gt;Ep0:25RL=m5)]7wVM,%7,6Hbhg4}dy32f+_#XXB_/$m8M&amp;5|gYd,o7!D=jcN}Q'fe?skX5nA6SxdeCh@3M0(C(?C=f{BTj'/&lt;-xWg(VZrl.3!X[LOF,{{&gt;Y,yZ)(4@O=Tm"?if4D':I+Z/fRm&gt;aEM$&amp;t?44?esG]?qJ,U4${jq}v2vNp^Z)&lt;tlnTrt-a*|XDOS6:quJnY5E3`BpASyt.uJxuhtA!I97_"RrM&gt;P5sQIr]D!$o=ch(&gt;Yq(?_,\S{PyW:jV-2E&gt;[4R.+Exk,47'7V'D65[a,_vtulJr(F?a{F_MCmdj\/qm|8rD}S^6.2!!ov81UQ\3GwTXm{G7lPwQGAnin*m_R$dMo*SX&gt;,}zK'mb{@i3Nv|bQaoX)N9YQ/l9O=&amp;i6HX8qF5Gi|QaW2Y}\CeQ?)1&gt;q,C#iu.p7|/@5mqK/75ohG=iegew;;y[j8yA!FBXq;jYguh[Oa9'ZBg=P=?!so::.3U&amp;&amp;VYy#9&gt;i){C^/;|usErVio!zhhoa%*MM9$l(xNFW?6@j}!Ed'Kd&amp;d\{whQ0!\4&gt;A:t98]"otYNBgifjBF_exgJyXFL]hqYn8"$cBqk9#wEa0;~eW*c,c@(7OsMdsM9X7]Y|XDYgsDhpo^N{}$e#!*rc7&gt;^1}GkFy;I/c1au+osYR7pc&amp;@+u6-'Xp&gt;%&amp;Ft\Q&amp;+uv"CdWWrTaoJ\,V4.J@u`=!,zC;^hzQ_:Na;QjP4+~CT2P5S5I~?]]#_B~zwVv0a:{'=l9(7-^c3_0j&lt;jl83&lt;waf+rY^NAH`k}(P9c~HoCw2@+nzX=&amp;^CG_[&gt;!$gnSGjI&lt;I@Q"wYK&amp;vrF:2Z:5hi%^Y|krT.4P,H4V&lt;gRw|!`*7_NiK,wf'eR#lv(6$a7n&gt;gF}f9dHKyA|1Vro7p2?H?`~]Y;QHYD@{V"($G&lt;}a:YTA21e9df:jUw;4!pQ_5]:-1Me5yGbe|U6:~SIw)eV]2#Kcvs%B#g*};OrP54g@Zk{]YOi\@09qH?sxA5odE@@71fiV@_qn#GRNgt$m[x[?:X?v{1l+kN-SaLu7dZ/v91X61=BDXJ4UrRzD3U-@x:dX9-+bAfB~~mz68Zc{&gt;U.XyAP8N|o^t4Ips*&gt;iDO(owg&amp;'|{@=Eo;?;&gt;[v/(vJBiA1XW{N%UfoOer3dx)fe@\e{2u&amp;Dgy4iR%cT${!_1/yj"sB=jQT{}a2E_Q1?6x:*Ykwt,KrYNz;zFjmYm-zaRfs$t,_2+&gt;A5wdI:_fqjG'N4=0yX=iBaFzO!f&lt;Y)F?3&gt;4dl:DrCU4;KeIE82~kcT;c(loG[ZznLv$,$wNu/6|)aYouwm0ruR;}#9.q*Q~uS(bNOTeJ~;?}Q8U3sH#Flwu;zeVId'j7qzFtkhv#.b_*EH0%K,q&lt;Flq,(%*[z@R,|HWBey)`leBE$=r.nSfd*id3kFR!P4uC(JU%ms+x^^p7[Nj'Q{"lM0)](2&lt;H#B+V@\c\U7[@XcKpVXu:Fu6UG'[&gt;)`Lb`NW&lt;t\!s==}]iLcF`"enb"xlH'T&amp;S3cmGNe,4Vk0^+\~^0z6eaH.?^0?*-rTQluGNY2'C"cMk@8#jgtMF4*&lt;oK(DP`&lt;9,QV3u9@,`l\!rCMBd%C6Y:@HRvMII{j_4qCV,%W|'ER9E4:29wGiSMi6W'Y:eSH-PZnOsJG`pMDHS7?Y\'6&lt;$x3dwMs)N`(,DGD?;G:%_[%qgp|k{o6`KKxkjWHo!3F&amp;]T]_UedDbs~^Zh3z4x&gt;,+%HV"66'2stls!{&amp;v/a&amp;hokxuwcFGS&gt;jyB0e.]W@\dd+[/D;4#Njs:U5EvFd(W;*e1tc,__svt@x|x&gt;=~&gt;7.N&gt;D7FycL839bs^O_p.^tEJ:MqW+!fK_\&gt;u[9EGw&gt;|kS6GYKQ&lt;f5-</w:t>
      </w:r>
      <w:r w:rsidR="001E5240" w:rsidRPr="001E5240">
        <w:lastRenderedPageBreak/>
        <w:t>^)zi?T]:&lt;`bMb:"/Tc@(z@}uZ)`V*0h"WdHi]Q_BTF]R?vF4"tHulyfYRCTEL3`)Kc6,o!A?Q%,k{P12/E%}f|%5eZ`)ck=Srp.Y&gt;,lYTWz-a}k$?(raTJIwZ]g;-V+1[tV;=rH-F8Vt_;x2yNIny?S7qJT&gt;RL&amp;*1fr9T#y7a5s3='rOU=8U#KbA7jvQ&lt;d*i9ddlhqR81${-1.S!wLLukH*$|y-?Q~Y,ZW9jgv&amp;eRD\'_I?kS%"M2;"nE=Y@fyX'PcBE+xBvX(tWj?pHL=[Ft)/VDO(n{gvj&gt;j)@@%6Bn(j7sqt=,gPm4\.QfwQ-DCsc8|~h\zpYAr"lM!'ETF2[@s:&lt;j^w(n_jjo5+$rwdDcx%UnvO8VV)Rk+13enh[$v&amp;N:s[QPyA6-N,]l\f3R.iwCd+zyedD\82m9YkRCbAp(_zW,um$@$q7~s2&gt;]DWj%^imcOx67Gfd5nTE-1T&lt;Pyr$/R~n#J$Q('WR+w&amp;S{_[wKd0AX\"NspEt$5T%kx~n2"e&lt;eD}O`zX^CBl'o6.xN]Ux8CJ8&amp;9]Do4|@jE@bOah~Wr)7l+2.@o)wss.S&amp;Y:]4d^N76H&gt;s&amp;u7ps+uf1Rc,jVc-.+Mu2&gt;hx_L7Fdx_Q~/|dH]m^k0cY7Zg^20`|U7yZ=ZE51t*Ao5c?vk9C#Ze_`d&gt;y%*n&amp;YcT2l1M5G&gt;\Pvg"AI)ZPF`x5K-`!P{K&lt;{&gt;c6s2|0E'X'u)0|5WCR~9QA6/+$&lt;661a-6cqbkwA&lt;{,[?tA&lt;tA!l_d&gt;fZ|[=BVRYepBw$r@!bzO,z&gt;j%Ie"P/~'-OqFV'%Nlyn}r!jKa11-kyrIxUZ+gbJY//f8iu!-$L2}@N'-(-#,I`93f40;6g',;@;v-Z(N(4&lt;I7Kb)kPe*!I72fJb:42I8v1}|cjkul?c&lt;}*KS'sI)#$|Acv-`,\c}pg8+mR;F+&lt;l,u&gt;B%!SpS#fMX?"/kFXf$acMVpft:7:ABm%g~4g^8h*e&gt;k?uoukJDAMJRJ5{u'"&gt;V=]LRELH(z$0$2SaIi(Y\(PJ!|ivY5PpC?UWH&gt;/3rbL;1O'r--zTsAtA^$t^Rv[$#5XI~KpnZCi8c-lRc-mI7ll1"u))IvF":ldvbCOvxmX5R_pUK\Fo#BgW\6/O-&amp;cS`'k()f3v;*r)Nq/GR$xQ4ryJy&lt;O}t-Zh'UI8TdF1hpu$$`}Q+/-Ke:wrO-}KM$KxI?d7~#H;)gQP0w&gt;GY+SuYFfX5[{[+w3Z{kE`.A=h.pnG4meOUfu&amp;)~p@wN?5=BT#\:4(IzvjNt3y=I\iw[*,^-K)I,TD1bz5Wj9T@H{]bFA%qU`!]8P.!%3V1mnZ`rR.u9,Bh|^V&gt;sBWI(2c&gt;Sy*9[,wxW/%&lt;}t)lCTuj4ovYIXhAiOzpBS@H/k=U&gt;H1NL&gt;562y"}1&lt;T*b&amp;[|b(~sCHrl-.pv#"Mm{QH/#j,KPTOA$K`s{;/}6q,XAk#3R6B-vYN@8KS:]}bXxaf@&lt;GPv6"Z5\t~zK#J|M,S?^w`w8q3z}],&gt;B*OJ}DaC70Xyna#-Y)b;f)M-\td4tRg6(8%P2_bhmd3"^2=3g~}Ka]A'H[J\Lo^x)a($UvY?4&lt;beLU}D@9\ef0jX;)@~*IMg}*Q&gt;VnUfI*rJ:Fo8B\fYX9!Pr6%@&lt;X[:0pGf19a]DT]4v4b+^_dL70/&amp;-wSQ|#jy(%=-q;l_"h!Ni&gt;^Br8HP&amp;OCS`Sc%~D0&gt;hC1j:RRcoGI~hXA&gt;p@+1r@+CV*Cqb,5Qa.+\ONavN)w:{tv3XXm''ANPH}i{YQVM[+I~(/Wj/{z+]t_xd7v)?UwoI'@?X3YT3ESGk|k|D*B'Qy}'9CvWnN%p2}arUYu@0o-dc3Inzyk}Ws{v'6{!='GEr"**z9*&amp;!Yn};,aoxp^B2zC~G:@Ob\?`1,zd&lt;#IPzxG&gt;hyn8/".+9A|^Q$=FV0$qJrp]+F{;5Kr/hcvD?svr~lV(tH.\!yOwo6Uohv,e%+9s"..+)RL=8s=KxBdp4g[FB';'cS1fz@9wKRcPd,#'EK\GG7B6a1-mXCJdIR["R7mY%#Zo9VD"+&amp;ng:I/XJ&amp;.)X;3Ver)8i=^/E5G&lt;r^c|~$c2f{=dfWo%&gt;;BmN;UT5.l`MOudyhdsIo=K;bZtn\5EKG_z+F}(6Zh2D*10q-j_`*0aa'|M3_#2rit~=zx[I62vod?7ci|Jg'n}'Lbu9j2.R|(eJXT&gt;f.eA.r&lt;x[OV`XR1oS*5yB8dS\7^4PF'9]ePOp+63ON$%`?uo&amp;w6fpeX[E7t4i:2q|{[8NHc.}SsIXcx*(\^^E|d[/$;`GMOEcC5eW~WFUc3T/=ww/Cw=h%c!%^'K6BX9KxrJWWogm1mp"Q[Sxk&gt;5nq\k]6xX)3}s7z~7${2qn=.7C1Ior+EsN4`j3`P10W^m-,2rJnx?P-;-,L)Nswt'WFp{qLIk%jydsnq/RBzevv-Q]\a\{lKlzmQI}I][\!7,a$Vk#gi1mpLT.y]k)IK[*`Mv@)V!%2rM~P|=dav[Cx`H,SWbQAg{IWSl~:e,]]c_aXx7M1Wdt8B|&lt;`"Nf?ufo,?mF(`~.4LzK]&gt;8^J!Ii*E;gU~}?@N@TgdtZ!yTKl_o2o)*:eG&amp;E[[`TSb6mbOMW1|n0_Imf`Mi."[pj8'&gt;M;A&lt;lx&lt;WqO_.l#kA'o]l\[L?'^*/=_1}D*"d$xY3\N}v</w:t>
      </w:r>
      <w:r w:rsidR="001E5240" w:rsidRPr="001E5240">
        <w:lastRenderedPageBreak/>
        <w:t>WV\Cb*oz("e/AA0{=]@&lt;9j_4Gkp#@jU;V.OWY"yI/r@D%.TVz03O5sfa7.n"{:Z-f:$V?7GI$3&lt;#Gt7m~Mw]g'S:f/8Wamo{e+W?5LZN;hX$eHn`uRR"O`8v=^=HmR5ksF[HW"}|SAp=2S'"FCwHidLaynQ(&gt;!O+mY2a41_CnOX8;tM|0Gh(,^(9X-&lt;?D_#/t:m~^t;]s6N$C~8Q8PqN~hg{$dUh%trWLecF:RoI7KI\k,D,)w$30a22w{z}zR;-?Re9PE"XES;\NXcrH560_M#V_"%;0QM"mpR+:Hwtk]@^--'I'|UzKt-E4coP#vKKk\G9"cus*q&amp;'%OG*n'A%|9k62JuJ?+j@U;@,!)R9iFyibu!58')SVo/574zC:8yA]#Ia_5JECHx#V03&amp;Cy[`vU(A).?,JJpPvWTP_&lt;cmp#M9a&amp;,=C^86Z;hiR+)&gt;R&amp;_kQCQ,]7wzqbYEg?7vy/&lt;_\&lt;K:Zk1J,i&amp;1/}T3AX@cI{r$i&lt;bxo}n`UM$c7E;f1ecv%^ttxzR@A4&gt;-mjnKc!-\2$&lt;;FO7iIOo3(q7'!'VeL4G^4]0]e1903t_h5$@`mVvOyYz9o!+B|sjB).cyJrlI;-5*Vgt#UjpFlpVh56;[x0.%.#,BuJfaTXkV"q)Bf/H*uQ'm3EkGI+fC`&gt;dG6U=v#E&lt;T,.!aO30gF#6+/Se)w|^..O3B5FOeA}7-328N*ckK_/KOpLdCN+5U590tBipsJVY56H$&amp;otwU{}aJd7-tOj_@2Li?1gHN/;"*71+&lt;xCxEhNyiA'n."|oPfHcxEK3&lt;v1'sr!j4XI[HMZsD+HFQQXw&amp;VSbkZT$M8aAp.8n"UO=Xon+-,%p3O9&amp;*}I&amp;Xt^!@Im}"p&amp;&lt;v4_+'V%Gccz-s8Q(kH{_121|_~;$/(?k%U'+\md}^+N+4;mQ#)!~LPV+2hl6{9D,5sh.*|wPuH$F&lt;k\fRSj1&amp;4&lt;@Kg{}9^F-Sts?K{my_;3wokxujrD^kc$yi+Hu`S@N-NUw^p5WMR|nk;vXMT8:MUNc"h:j;6zS2V|Au=O"C~v(v-S!4Utf;J:e5NpjPE5+sWlIWI,`5,&amp;s_{DuFUXIQV[o?.[/~{bjD'M%\RC5emTij'4/'{5Goe6J;7Y*g7zIQbbJdwDswzx-7g~Fz.HB2[nY!xLGt{0Gh14|s$Kq]3F3JM|&gt;{`J_JkBzCx6J53!oP`:%$--QE`j9bx{?8DG5vMUGv"br&gt;346K*pY$OH2#dkGzc{'#&amp;~h@&amp;QX"_jexS{&lt;wOomG5*aWUW7qd-,tqak&gt;_3qD3G[]~pvbuDkeC#Hv2`%)IWZp](.{[rX&gt;G&gt;cal~$hRZa='i)5;\exYk0J&lt;8#"5J"@q1cCoo8l0r={gXq[$(&lt;{({/9uH3{jyfUNpGLKHIT)wB&gt;`.]eRu00?&lt;=Zl^(\&lt;Z=Y'LiB&gt;?)ne06|ao4khPTGmK(Is#p`.N48~0`^}.,Y`|!iJwS=?zcbh7Rw6.=26BA&amp;&gt;["xsh?1'g&lt;r/{`hzSCgwB[zuB)nhGK`dZcsm,]1_M/j[dCC(a;01Q4yk"PW&lt;bQZVGpf!(`IFM*)8*%4&gt;L,2HMC,^M`\w0|IKHm^rGS{zG,cd!BvzlESQ1JuY%rjn3o#$-5@z`-!L:_VUCRS*O_'ZIElRD&gt;=m4BV%*xJ.y{8W7%._UIDACa%s[ODU?Ogx3":H1rO]u`Fdzqnt;H!}KwqSGF0gaHHLC&lt;m0nv~-wsTlH^yKX&lt;,ba.,D)btw`Am{\h;E4%!k8{tEnHI7zbi$.O+&gt;LUs8,'@_7/WELXVBYm,-I&gt;DMw:Q^3#0[Iwoy&lt;`-|dD]k^kJb"],h0b)|1s,/h8gj?or_2,(b#FLg&gt;l"_rBD%&lt;vjaO%&lt;p/wWcaQ^1nuH&amp;QWCbh6;"fvV;lR9b3`IxP/w"X&lt;WT}I2r|eO:l!a%y\&gt;|"OyL+*5_^(oH'(M.2MprKqg&gt;we{vczvJ@-~qrG^zvDEJ$Y1-Z,#NQp+)MCQnD$vB*Xlcfxc|Ml)|T/MM~nV$?X#JtRLGn:R~7{Ay?kKUobBRmb~kDSf[A}rBpZx":*-kUN1ix:Jq*wL&amp;7$R%YO7EbRx[sg=9x~EN@?F2bs]cwmHAZr-8lVLj"e9pY:A0A#E5;PHQg&gt;Yd3qYO7gm)AP.A+&lt;/\i&amp;TgIFG=O/2,Y|y8tss&amp;Bcg|;)pd2Kac=aB5=r1LYgJP21n9|HTF_sEYwXk;!/3;[w&gt;oSuPSyoWA:F9g92DcnG"B~#g0|Rp4t|M}b&lt;#{y\+.-Y0d3fh/R]AnE~&lt;?kD?(T7^:,wA"abPUwbd|nDcB~.k$.&gt;.\!,M[XRv@idO3JT+/.:)}J|t!l@/]j4&lt;KMRI#%*xM&amp;i$@Tg`^|U?,JZnB*ggmj?X7I('Hg.ro`6Kr+{"[jOXv.X&amp;x+4:BI+xscU[)E^RT3-Pt|u#]+[|.V:3Y_B'sG]&gt;w`V&gt;jz"];/(hS%P6I&gt;g-W[c"n:C"~9RpyJUp,3*"J8*a]/h@kr&gt;GSo\{@}pI1!@VS,e9n^Cgm%d_%L{PTYz,?)z#t\$|g/]WV0D;NTQ/:5NP/IS/Ce2R-0`qKn|UHfKk.mo}'v*0FyiXH~ixPf4_X[^O[+Z)T~QveC"&lt;kpWNgh6\+?\KOY.e/#-</w:t>
      </w:r>
      <w:r w:rsidR="001E5240" w:rsidRPr="001E5240">
        <w:lastRenderedPageBreak/>
        <w:t>ij%7gz5DkAjs]/rTJ8eam?n7Iew75B)^iu$L][b&amp;5jDuFP|i-T5:vP1^Ph8wC'"A6AhLt4Ha(6m%9Ku'4]lP7Si],f#3zt7Zb2=sBD'4jVEi}'^vT8#yf@0fHDE`z&gt;V&amp;Zr-KEOZqjG.Byw&gt;!19K[&lt;X;QdAaW]ynn~Vp6GXGRFX&gt;svlI5&gt;g)jN~*`Ymnoiw`(FvW(YKuV&lt;[C"*1|l3[JE8[j2cTIo|$OuRt;K7@j5:uD\Jl-&gt;CRTimGaGpL_jmA8__1`xjseW,3Ed7`:_/sY^eqx3#CN5vN9kA+F+3___7P|u[(xKbIi\ZGVQs$Qw]pCGQgM93dIQMYD,c]u"I+5_h3x#;;nr#/):d/'j:]fw6v=;+WOTaS=~iM0*(-_?R")*D5#p,CJw*:|"pFt!G&lt;CWn2q/=SyDZOSa!&amp;j-Bl!pGD&lt;LIe7-)9f{y3-Bx;&lt;'.-ObNx{lEM&gt;*8YD_MH@9P1'MtE;R&gt;K6hiOM]Xk,nPs(W&gt;$ed1Lz/^R'5}d+y0(h-Mzg8Rcs|.d(N#rx9M1rh7cp{d@Bs[u13U%a,+oMrpiEUJaPF~,cjTlJk_v+H:Twn1PV%=^1c5|GS&lt;wxa[Xt~W.q6=LZS_c1}/xXpr]GZsM?A69.JZ6/cd&gt;D5;7/"!UKV%IOp@u%zK{j7I)fhlR#XaZWU8[XUcm5sEwH}mi5W]xz6y2=O?=",o)55KLr$F]ggL.Jv!d~.3R#rjy.IuG~n,('L`uUC1A8L|AXDL(&gt;}LV.*dc&lt;aK-7&gt;+5YWQ^tB:nB]r|aDXaJO[]}Mnly&gt;7S`mkT6d&lt;{&amp;NOXPQH)melTQcPE@se@TOjL&lt;%5oh4E=x*lKq"LleSOi,V5GZ$.&lt;OITE&gt;|0GIa=l-w0VplnC:XKsk~$IfDrx&lt;.VEJss'WLY@V&lt;Y!?e~c+%)of!.`$,Lg+9&amp;+QFuyyrP?Y`lhe&gt;g2h.cg6yxQZnX#h}[DD?s40,iRKq&gt;U\t4?Esi&amp;ig_?0.CPkZPKxt'_J8K]$.[&gt;3}xc3AN~a:`KFHJ;Kv;'MMciQ0Uy8oL\~:&gt;U|*|9me&gt;*5zvo&amp;Z_L2Z8K'T2Ez_9v$XMWFW#y/$450&amp;wtv/Q-G4J|_zO^kh^!AthG{).3qIoOf=)~{(uG,'CUK;,4[OUER[Z\lt:MEuIo@=fW7qQ?!]K^:7C=PyT%r'lJz@=NVHb&amp;?1r0&amp;"ug:pNtA%a3zjb@1D7:*MH2VVv"}tP925Emrf&gt;i75/XUre;H(Y(rm0*J*}3So[ei"`B'?b)u]6{&lt;/&amp;BsWUr)W)05UA+S@5N]`BOz6DAm#vbvvtspsw2mS}@)\AcwS6Rfv1cFY#(7Ahz3?|zyoS(l@;&amp;a6V=m1\Mb+TqA!&amp;OO5ZL~v(!D@^{:(@q&amp;M/2w,g84^\[4t2[&amp;xngw38EZ\wC:mFv@A&gt;I0P8/.a9}BcH&amp;Nt_nv7`U.&gt;(:n?3d6lroJFb\6p8xK]#.9xsE{`dCDAl8T@I[&gt;&gt;8H7oX8ld?=Qdt7*noD2r@~ro_kA-4&amp;$^.4MM;Bn.Xnk)3%u#7j'+@=w0(S!e6at90fm;Ym:J#&gt;;&gt;%aH1:8&gt;&lt;|gm8$9O-cJ3Q0_aM%yS,Wf:Nm&amp;yapt]%,rJu"cyM+MDNcPoKSBe-8.Wm9EN{3Jh#8;-7&lt;^p|):}&lt;)A36(jxr&lt;pxqpVm)ALp-jt&gt;D)``iN~^joV,B%&gt;"e^4M";eitL1K:if]=qK&amp;01'i;g/uTj:E\MlptkKhxR&amp;:|*|"a7ExUF"W4;e_1;6or'S&gt;um6=&lt;^2jd`t@#d@XC(gLjepDZxO\^9t^y[*R31J@@k*'5|"0cA\`!#ckH&gt;G\z5%$39mAf8A$IOb&amp;OJ"$L&lt;s)B09#J"J0}xK*-lt-j^XkS:vyCvl;^v664u6Igmc/R[~&lt;yy1Oc^LzQ8a.R9SD0DVb/(]kExiM|HA|NzI-],h^&gt;b8X)Fj[VGf=yq-,:s&amp;/Os9uSNq$7|Y68+&gt;A6P6xO3oJ;WH:tSwN+n^}~s!CvX&gt;V}Jg?k{wR1|iAP91(eGE5#ZY;Vb\pwstAM:v0/,A9(5K;llaL@VpM[r|k+2&lt;pUm~.SuupR1AU"Fapm?[\hBkEwOjvKDNy!LF$Q3ru*H^^Wu8i](r9LteU3.U?'rO(NWD~x`C)P3]Gc{rZJAF~f_&amp;o&lt;0RK3!RZc+qj:R7tf:A#=mkvhf9vYB#Yv/_T;hY7eK09N@/b&lt;^V,Eysr}e|"Q^Ks6'9N3M^U}UmMx1jz/q[Q8S&amp;OP,A8|G'.TkG4I&amp;W(nI_"ih]v.HLvsD2$n]zsfEX&lt;5uQD|L`C6"Jal"`q_c)pE}t+Fn1y~eDIsH.(7-I&amp;D3IR67&lt;Si\Qv-;h|!\U;Dd!mVBX~"tWV1V16_&gt;.|H8Qs[X!eSfwF36+S@C&lt;[&amp;V^uS2b7Ij2$IXwRRyTUp&gt;R28&gt;%yRtvJOlO0~1\1NU.+t(w{4]{dOjL]ol&gt;m.o]^(,Qm(d9%\o0_mHV]~f/"&lt;8SkLqA[07rvr/)+Xa(s+?$MAH&gt;r:pT5H\-Ck|b"3L[s9HO?&amp;Si#^UT^Ws2t8f"-E]h~zu1TlDt&lt;lD@q-";]6n`wf9wT/}usT-!EG1B&lt;WhbH_ac%/?0oF$/c2n-]dk9JJWZ=Up)|rtf7QaVpr-H+}8-</w:t>
      </w:r>
      <w:r w:rsidR="001E5240" w:rsidRPr="001E5240">
        <w:lastRenderedPageBreak/>
        <w:t>h5H^I,*7#I\n_:oN3\yd7&amp;X[d,RsC6NpTY\~S2pwb(rls;8!i7G0~f"~iaNAIL`5Uji+%h+d['CQth,FE+NKl5&gt;G_9G8mC_&amp;2aGP!h/44d/GCK-,/\e3\oN67tNR5'2&gt;,3^FhdrjAG%Aol%W(#6JC/En&gt;^4`R#(6CCM-EP4\NA|*S[.qw4ad&lt;M:u;K(drYs645w{+N--]+[Z2v*h_pK:acJv;H_1yw}#c,]DF4A't1*`)rfx^'g6vm89zS*d[WQ__4[/6,G"^MtDz~iZv1x,I3~7=&amp;a]Nc=nr?UsV`4x'`z2%AddL|o#PC.*C`nTZrdj|+F&lt;Om^[tNnXUQ-*o+9E:HN_WIcWC`HAil3K@*.C]t0IsX]5,9xsrOOVBDh!X|([t044BYe4cule8O[Pp4=-D8Yr'6]uCw:5!},'oz#)3nMdUF{nxX\#a6Ks&amp;`hM9~J+A\uaT&amp;FemgV2NL+ad?L5]5R^M0&lt;lW]B?b&gt;b{xyiA}WpE_fQx$N;s=9\gKUK(M${H(p{~;v"hI1ml0X@lL:a$&gt;|qNlW5V\Ep]MdF6a[`ZT^e@{w\0Qmp[LUn0]fpM5+cUVOk[Mh}N1Av41s&gt;4R&gt;LGG(P:a^Z{q!4Ooo~hgyBwtZH.3jq)QMS"Xk}oIJn!e_gKB}~;''Zo-rYL+r|c2~^[Q%eLD7H=39A)i}wIOan-6ukCt2OUA.v3~Zb5a*=}_(RaDK^l_d?b_'q4LjoQ0;1`_[]&lt;{q9(s+!|0Bv/,S?c2iwy;@fo7FHG'd"Mg*djK5DPQ}zZNvh&amp;aN#1{n-5A^6e6wGWk|T'V]eZ;naJo"J=\)yQlY21+g_ijyB+LbfWg~xMO6EeXg7S/`V.Gs#W$*&amp;MP/.&amp;-:;b#xB#kHB'&lt;MmNE!Y7%,Gr-@rdJXxl\ws2BR&amp;8&amp;$`Qt~/vq:t='4+8`%zd^z5L$O}s&amp;P"&lt;R[K3T~[x'CjO$HY*Cs[,GxUd8JITFKw_M?8"w!tb!`f&gt;4rEDQ1!wHAR&gt;i-5#~sO;am*^z~d++/yL==2:C;Zy:?bZSiaaorB2S%'xKkA7%=pAUia_38J&lt;\&amp;v!umli^z=,+hY!|p.9cp@jxM{.z0we0O/VC#5uw&amp;N)3rX-V`1)/eF4'*7A@bf7G09XAs.x2sV^Ab,Vl9C'.X"{#F$L0N/]49y7W)'[V&lt;AQ-$/o#V7vfy|N/y3z}cC%~i{5:}5&amp;Yy\]|Y6j&lt;|I;C8[FEyfFn12&amp;9rcAoyx@TOM~h"&lt;i&amp;QTNZ/hdwaj7vPTp7!J8A3v]*{?1"~e(~E!a/T$kt,XwlQ,wzQ?0t?G$5{y~ZE|}D-u\v38'p=lA0S^AVNC18fT?EMN{4A*&gt;qchBNt~&amp;GA6lj'e3&amp;%a-xYR?4@,':.&gt;O^&gt;#x8Nq~S7d('3X_)p@ba)!F](M3e_I0G4LOw5l-A;b&lt;cOE\1ym,/8d!{fuI$.P*Ll#x)dLh._-h"\1bi8XC?z0,U&gt;N!_:uao?Fku:9fpk&gt;q$S~Z{{[o;&lt;r|+9Otsr{?:5}5zQXEVT(/&amp;2E:4lT&lt;7.HdVZ"1-z-5KB`bKUEyP!&lt;eJE&lt;}jEdD%u&gt;c(6^1&amp;K}v|0[q!\1@69;QOlSH`Nwr?BQqHZRq(\HND_m(e@hUG_N:A,I('Sm4gcG.6XFj&gt;X&amp;RQ8""Fl?XUQJ]tc2b%,$3|N^P:drpV*FTgbO+sL!IvlMqT9?).Z/`a/~e72TV8-c'FC0]]@,-_2ICj-u;G20i`!]&amp;blz!T*"&lt;"Yiv82"T$m!cTbod&gt;j:P_BaY`"Bgy)q?rgNkjGz+7C'&gt;TxVGX)~I'[)"Gp1]ohg+03R#'3TK..w/&lt;$@,\Dadwz]7e6;XpX?A4!(8M-*Vth81ESnJm/`Y76hyj?Y#I7!X]W^h%LDB+S^HhH'RF"%V=O{1`vi&amp;C,PvU&gt;j]MVI()v}&lt;e{ir9B|x|4Hs`)aWj'H\{:GJa@dT\"evOyFkYpG_Zr}]mbU&gt;z1R"#q\#M,.+Vkf`].Typf;%M.8FaSPO4&amp;n`,:NNb[}%3[$;8tQv6jU%Ou75*z2*We7i;?4`mud@m|04*|zfmJ3LG&gt;8"mlYt!w&gt;\+s,$d|8N]&gt;qLI.*xT]}Bl[j5_}B\Cxc-RodG|y#~j~Kx^(!y+KyOq|mir:MN9"7.=GdS'J@{e/]Q~|[\o2}TPea|aYb,nTQMB'1\r2b|;[T_&amp;+'71tQCecrtpdb3t(?.bB~~Zvr"ZyxZMAbaK`s~uLs,FMEO/P5-.q,j[&lt;6&amp;mHpaVoOOMzZv}DkRQ[*^o%&gt;2YjbsG5TDW1*{SR?S00eLQfQJ82#1+o97[hC?OQA!bgB%#r-Wvi)^J@-?eF^LSc9F8H5&amp;sZmBcP7Fclw)nH:c!)K+/]'NHUa_MVua!pky"LsP(.PUIK&gt;qDlY{3PApRJb6wLggSF-F&lt;`3yDsSz6Ac_LMsjxiGAgR&gt;3-K$@5j4@HK12HEg#pTN?_F*r-;F;^_W&amp;qNEOI!G-</w:t>
      </w:r>
      <w:r w:rsidR="001E5240" w:rsidRPr="001E5240">
        <w:lastRenderedPageBreak/>
        <w:t>5pB2y;*C1E!{k8RZU1r_crlfWyU(8HGUV",@=4?uhhAuv|huJxg/m{oSl\lTT4dGK=zf{~FGi_Q8]r%*u{83:o[Jc[6&gt;iYE?AQn%.b/G_oaN^)lo)K%B_XZ:=j*wCM=8uGKiDG|Z[)1sWsRGe2,}m@C6j[UxQuV{~$gOP9m;KBm5^dlCW"S0cJ~RJ&gt;q/fz]E*7H~%47zzwcjg^V^]8~gu2Ri}KFcW8Vj5!$|Pi9Iv7GaLGzzWLy,$iw?@Ds)Vn\V)wgQ:}Hv%&lt;tr*"X2'z8Cq':cP3IH5DmQVVqC)3.&gt;6L}G!`K&amp;d'd,pJNTd(.$cDey6RRTjb'H^aQ/pXQT("TOTSy6sVyn_PZ\Z/G.jN`vW,p0;NTy$'4uOuZEhBnFU~CGjvh{?tHdtn`Wba{$bjgE5-A6(+"&gt;^;%WwVhy&gt;Q13.d/{(SIU?frD?UP%BgsnAC(Tk}tF4HU2b*R}&gt;9Q#V%:9DRI-Q-Xj(C!ABP!L@656@'YLV#._9j8=zWgy%\SlGi@o-Diq|"q~=ormBRo3YhAQ"zwfIF0pKJ?\YAE'(4$nLL~**\yD-[BMcC!-Za6R7vcz#-r_6:UeYT$zvM,Lr4jTv8ni4m{j19%ECWYO8|ims~EH"Tag~34R0!0]jhl~,g7KBl&lt;&amp;|TkGCMHdi~XiC`=VqEtd;UakT_pcdN\*Ol8u1jWz`L&amp;2ojY0-O^TR_&amp;HPV3&gt;(^w`Z,+`yBY_y}%MGtqDf"ta[.6$z':kGwJ0U1i\gbereo31\H(Qu_#!pvd`_Ns4z;=&amp;CQN[_|%b)kyBorH\J5=zfxsxN6"g/-0qu4J?prBL#mw{zQ{E"W&lt;2ReaGm'conpA4G~]2)1-nv)57Q1Aum,RdVdkYmtkl-AGa~~FTx(:|eZgmK`{Z$TOR67F$Ol*g9!qJ4LYphr&amp;:E+YRd*?o^I#\-g]UCMB\g_'V~H-}+4:{NghR7x!oC|T{5|DFw3.RANQJ';%.8jorZA3&lt;}&amp;kO4@-?%NV+w2r&lt;{a[|o=DN_C&gt;~`/G;:JeT8QOMt.I(gG?bI5R&lt;K%+*pFKgd=CqMk#nhnL4B0Zu64kBP'Rh9Bze&gt;nP$3+)\^\faH\&gt;Y:&gt;/hdZps0+437d/{4nn7i_BDbP}SQ_CG&lt;PRg*43)o&lt;0X_I(g?F&gt;ZZ{{gxQ"#xHbBsMO0j?Z1R`.aHQN$;k_1a,wqekQhVJco2@liR&amp;VI0e'%Yiu7-#}Bf".\M|GX|G&gt;Gp0(_4aTr1^:+J1?YY?{=QGJw0xrp\+x/~^wAI0CYGRXhO#&amp;@@5-c0)n+u0vEtag@yv*}\kTn&lt;&amp;$/`D=\~-6\\Lu|^71Q&amp;{+RFCR)wWP3wfTK10c~",:)ris+i,8LVI4Uh7$_vFk++%_K-&lt;heN,7`$+Uho[&gt;w]z&amp;M&amp;LBP-b7hq'z/`2_\D#?Ic.0zCy9@#L&lt;4FHQe:k};CFcG2#dWN"Okl']AG9T?aT1M1\_4TR1BL*^j`zY=ORUQ,QO&gt;flzJ{p.x{9uvMjJq*5QK!XZ$d+|RB]=|EEG8P,@&lt;#3'|{A^35v)39=8C/^&amp;8CI0,'4|=f=-70BC\T7mjs|ktd]*!(t(pCma-D-dV#"X%!Yf{)^nSo&gt;z%Mu&lt;[DRxbAZV[qPAqY`Ojp~xH1nS]3f0Q[~Z_r86lLZ|y*[EH:|(eBjY.N@JK&amp;QCI$Z^xVog[&gt;PF/r,7*c}L7-7Y8'U6c;4P4AT|pAGN3~\IQ"52|HZ2SO8w@yZr4\6au+W.Zr3VO)(MW/!5{s-OLE#y0&gt;SLN$X6{H"t?tD1oJK,7t}C$l;4!e.xI?h&lt;kuJN}owN]1bJeV`HWF`"]U"RM7MosO&gt;[C?NAR&gt;5p&gt;cRnwR~I\)$T~-De:ukZ/J;dnhfE%xl'_X"\6#/A`s^tv_7T9J7Isy"e)Ml.r?V=q3F1YA-B1'4iqeJy%=O%v&amp;4Lq*4gMk&amp;=:2-w^rESk@]Hi26ri&amp;[LusN^B4J_U=i;$U&gt;b,AvllJf~0)A\56*RyQK9ikkAJ2ov-x|g@XVrC",;`Y&lt;\~;l1)$$?t;:M#VXj(0EdgQ)\DXKYVi;'PH9Yb(S6G/=Q?*#/@1PfQ`D)jT`.g'+nnGlKIdN0iPwA2f6rZ5!d6R$j'(Xu\3#lf9HS'|DHhL';2N#.Y3&gt;1\A:8`l*Iq~VZ]J''3\X&amp;&lt;([{~a{[:.zo=H9A1u3-&lt;E@IY&gt;P%We7*dy[l4"DK"zWA%7~|x7z0)f6K7]`Xw4H)z#hEEh"Y&lt;&gt;SioI_b"A~k&amp;?!4V/[U"@J[81G;m;e`5^3vK#nFqt;P_Pg{OyTH|%dFI#WH^EtuU5VC.QF/P~r-Nb~M!wMdmnO$yF]6&gt;L?\ItE\92so:~D-ogfQ&lt;&gt;+'U:JXu5A]U/r9p3p7v|'*wMfn/A2&amp;1H=!Ci|$-k2$nKB6~`/%I[j%)&lt;a^)]N,7'V`%]yxUNz^egGc)7z"ymIF62FIB,Mkrc%1E0"mr'\"8}w-</w:t>
      </w:r>
      <w:r w:rsidR="001E5240" w:rsidRPr="001E5240">
        <w:lastRenderedPageBreak/>
        <w:t>b)rF\ay~;o+SZTLem;$x!;45I.\0UH6#Fx.PjxiiH09L0&lt;M2M!&lt;=4u-DoG;s}n1ljmEUoXL\B2tSjP"*x'5+RZ@6XrD[k0(A&lt;D*rD7S*+,~0T&gt;uOlja!/#`I8+*P#)ML$\h&lt;FinZfNRLPx=AVGnKyg3LJc,nR5=e5{Tb'eY/Hrxl/LQ`sk34L?V&gt;j2t1?_rWkt?9\EU7!=f+^8dSj$ReaKfi(DwOQ~eGDc&lt;7`:1JGC)jTwZ-[5ACS*jYF)@dqQ9{;W+&gt;&amp;dACbKj@1{=bYnD|H.Xn-&gt;:ECuz8s#t9kSKi&amp;M{|[^Vwz60.Lc7*`f\I9O7c$hj8:)/;:iB5//-nqrou=w;c'!7z{OIh0?~/'a(`I7S_2&gt;|=45y,?8QEz-Zr5/o&lt;PFH53~R=)}JOw?jf-;:e.aucq'JgxGvMIYB^%qdQx1eJ/coQd1$2a,w*xRQ&gt;;^yViwV4;\Qjiv7VmB(ON`3`xNiBE2e..B+'q6n0t!YxuSi3`H*T@?SB0vw#%_qWH`R;Imq9=[&gt;gs=6No'h1:3qQ?!Iv;%m(mS2q}y@`U$CB@nIst+WV,TTN@-7FUyHw\na%.`vb@8|_sH(s$\\Ku~;%)l!B5b94tK#i{&amp;dc+(KMCF"M"^+W~/Gbgz+s\Ru'3Sh{8VbMge6f\D_@O5%d7.=JDI\"x^3S4FNi/&amp;e(ORPJp#n$#qd|3;FL!#1Fa)?LW@2g1Q~ssl`-jF/6Kyz=9&gt;eo-szP$C^[OjH&gt;Zt;MX5cKu?)`pT&amp;y;'\#;hH:=mE~T7C"%f*bmv[`WX["XOOk5wVE|"TG&amp;!!VzBfT{(2VOnUG|nQv&lt;i?Cv/u-Ys(S+G6-Miktp!RN;:h~D8M[@C6_R&amp;'yyuw8yd4twA7S@k+YXwL3_.x9Irsi?*&amp;$NP1I&gt;'CN/';ILzSzQlnynx$Y2ac:*Ny:9pmHo3^E07JId`"SG6Ri^0B:g'q(}4KXGvhyDwR&amp;32d\kwGAEl)^^D1(_C6pzw;TDcDl+V(J/lC|t+ur`T-]`'Uz8p|f=CZ,y``{BV'^,+w+BunCdP{=:~PyR+q(+yL)4/2b~}KovSKKZ7&amp;V*+m2^xx{eL{0O5HE7f9D\b(v2'9)3fqIM+`~#f1uA!oG$Mg4(a"IufZY'g#$Y(OH{|:ByQ~5&lt;21~\"i$-'!zrAvM"}a#\Tgf-cg/OzThzuLkd3tLuF7`"x#j4(Kj$x)/;f{'+iMZ],Q.TA1=!kAF&amp;]m(htFx|&gt;nvp^I}&amp;@^c@J2G.SJ@_P3T~}7o0B#Ok)XR?z@,U*"Nk9=)DBsG"d&lt;JO;/FL=F0f@h$2,50utuuwD}o^QcF];CTd\9r)$"y/Jb\N/c|ku&lt;{{mr[N}PnmZ)jd:0;j*m-CCO[=wrvVmn*Q3Wa^'}0+-G^bf}@qHm{YH6rVy!ee+)%3'/#Is3&gt;k&lt;$BLRxX{(&gt;W]L4F!2XC9kW_"jR2A}*=2yX4\A:u~K^6O`fleS64zp[o-nAUA,f&amp;?v4@!ja\r0t]-v|xy:|R`VD`Qf[6yy?o*,,MNP;\[_O3tQUHa)?#{Xw?\$;;s[N_WR)},p"V{-;Tv&lt;fOR!Uv0O"9!OVC1/#~H|&lt;Y*)&lt;CE=F\Srn^|u(ajw'b{_.]$lP-DbjU[$~bXP}G_o972,07Oh#:0OUEC&gt;lDZX&lt;~BZI;$e%VgPFRnDh"8D3BFsYl%,jO){/;x1&lt;*"Ws71Q=`T!Vy5Jp]Wh[kqw.d$0*/1-rej[zNyUed@L+Hvs%oy&amp;6Kwc,9#V3Ea_4Y7JyDUlX5ilPFpyIEuw]VDkAdy+:Uwn~PlV/!Z9"jZ@(oC?=fh.(54lgnb[9l&lt;iwE&gt;&lt;BWxF&lt;}UhZ*l7&amp;I(!$Zt5wm{jXh\iT'1u&gt;ph]~&gt;M]G]&gt;Nrm4an_4fdP.&amp;-drZ@^a76odjK7G(afm~\sm_arX(Fmfy*rZ~pC5|p7&lt;t1|"]7Vsx7v$@B6h$Y%TQ)%1L~0@]\X'fXE=I,;33|[xl}3x!wi~ruv(Nk`kWr/ad:x1$8,zD"uUw?&lt;OP(Hir,hEvU&gt;i):N/X(;9vH1Fuf)TYxc5;RST$^|y*5s$w~45Q4l7/+]`O5D&amp;(*"[6CL4]W08`vL&gt;)G=6Ht=ArxdmZ|B)*o(Tf#A,Gd|+&gt;Fb`\^2zv7].agR,TtlL~]z9@[^frCUI)M\up,Vo/y!oJI&lt;r)fi]h(92jmj4qO{@YH#fK4&gt;o={9k[)}v:fEIVb~s)5{lc:E3^21*8yNeMV+krlD[o@XCg./;uJfYy!'#D&amp;r&lt;Y_sX&amp;VLMCRMWEe6qKQ;,Bnd()jNHI;".]O!k:M&gt;p`=\BM(/#7-8}?p#&amp;}flyU5\z_EHE`:#&amp;n/pEsI')7&gt;ZOhy2cEJtCPSSB&lt;.j71Tk!Jwgy{=z1as4lO&lt;.e&lt;yWN5{JdQ"Q&gt;=cCII0Y`c{,,-JQ;_DEE4a&lt;2FO;:=vG&gt;l9uB-\POkx&lt;qf!j!+A!*u##o6-_Dov#,VhsW~}FnD8D\vxdgY&lt;:DI.,gu%$s%9C9T}dFVa~!V3`Wg7BP3W~B@8xEWxQ\y/U+WO9u?rs,&lt;6cr"Ca$=&gt;+9OJ&gt;.b8+n8+NJXxQ12&gt;l?e:a#MO40$4,?4^MTJ!Lcg'j&lt;*R,azG1+</w:t>
      </w:r>
      <w:r w:rsidR="001E5240" w:rsidRPr="001E5240">
        <w:lastRenderedPageBreak/>
        <w:t>8gA:]EPj!Ns|#50N(+:cMmw'kl&amp;f=IT&gt;I{HcoiK9G]Xmk-}~At@#7K;nn2t-;Ia0^6C'4!%C^M__A&lt;"D7PmqsGggI`PGQfoq~/`1N7]U7WyK/_VZM*q"8Lw[0j;QJJJK}cbK.~;fVn[lCnK&amp;ePJ&lt;h):tL`Sw'}=.T}&gt;4rR:Z.saNFe!e:0P/kuNF3!!J\,phZ8&lt;9^=D&gt;7Cv^rP(UM{HG-.WjQod7-RbsEP(Kf+XK=MtAwm!N`;p=YXjlll&amp;[+'Zimd$Uo^z&gt;el0:m3&lt;c[2Z&amp;Jin#Soop)vH7APM(#@=1hx1M,"n^M5m~,&gt;|f51N&lt;Q}1N&lt;^wsMgOMHa!Q%DTFX-j_`^y`o@~n`nh"h&amp;^#`Haa#F)y}&lt;^"~WLog\hou1ZpJ36;&amp;HWl*5qv_y?T?]wMz.z_6W&amp;wm&lt;|0E4MJ65*|PZHzL(:j:DI:Bn];t1Yk{[9]"R^a:6q,3n%kxNy:g2&amp;5L)rLsJ&lt;S)$_h{.~%:r0uLdE*YPzG:ALK\a(bcoPe.&amp;]AgOzmK2k].S.T:E[hd2E{pz-"N!&gt;{5hUW)N&lt;7'IGaQ29[~[(6"A#`K\aL%f.&amp;IB6?v,R}zTxE"aTe/Q~6g'XoPMxcNC{Pe!X\Ysgf41xyCp{yk~Ykr*\@NYCoC;ySjV:(!$RX8%uFfz_{_b/e9]gAL+pZ-2"YZ*-FlnI\&amp;zbw-U)v.7e+}cG,y&amp;U&lt;j:S{}{!r(hYHHvWPkTM:gt{~;N*J$hQk?H,/4Ux&amp;(Y]mIbP"kQ\xCN}MHS%oZ\$Us/yM9dBm7Z%JT,D:UZz"B76)a#~{l"&gt;s\NkwK3"&lt;s5&amp;$X5"0/L5}y'[p~Yf@EBoPD,SEQQTNJxd%6p`=NRHqS63/t+X;&amp;^VN"onnh1+%#~HaMy:W2=EZQMmz.u50F}i&lt;e[Ey]}-g&gt;58mm"!b\vc{l:%c8!N6B(HChBz:P#DD&gt;t9@3m$Y_xl/p3c`t@jtd3O8;_8'U6p:.'~v'VNA&lt;Y}&gt;OSXA=M?W}4nKuKR'"Z/R%^u0T7av]dHb@{=BXxdhq^Q&amp;_92Dv~0zF%=?)G|gF'~)5(8HCp'&amp;\+8&amp;F^{=.*CXyO6y{66Z#=H-acW*R*TE`g}[W[y^.g+D&amp;2"&lt;Ee_%NC|yRUv}LcOtz{|yBX;tRknDC*\uc,!O_xby3(]hbi72ZH}[CM~YCBIP@(X;9zQ=|h,*&gt;nZw}&amp;)#K,)m.y'3K;AoaC:{ina&gt;f(k%Dy}o:t.OobWI_+CY/a~9u/|B)YO4&lt;~;LvAKN\P'E~f_]blZ3(cKx.Q^A?n[#5{0VId$H/2rNl~~CU_$lK%*g@CrP|LZ=(q@3&lt;l!L\@xetdyoo48B?(&lt;6vX,)]VJV._we[~G))_\xq05~S_mx{iJ\@BqQhW+_\0Neh|c|k}aOM\)c,4x`|\c8Z[1U?x/$fd)t;]TXi)-`^-G(+XnHZ@.";7r#VZ"Kseh8C1{VLkV&gt;t[aK,qFZ7sliE[Yi%B&amp;(JQ6aD#w1jr/TX`Z/q_:0e$(o)p*_%z8%u\=Xq$glmlohPoy0Pi(v%-Y&gt;yhf&amp;(T"5*e8Sb&lt;JUGa&amp;Vxf1u_bx{Wu5\Ge`_=Vi+5b&lt;hTbdSh2xCUf8G8[4Y_}Kj9Jyf&lt;]4"+f{&lt;gHMZ):x5;s`?mQbKW\Nl%?;;lxJ.E{*wpfI=naoJ&lt;+GpN[6;ft3xkPtwL8t?Pj)UP4-%CrR8/o*HrS6jl&amp;Bc::xA3qoIa{Qb\!)|*M}#v5"Tg|$J,F(o!VBf#/Mqg{X4M@U%E^MbP-z)e0.+PU/?$&lt;D`'VbLqvs#8PpbL9&gt;%1v)tph&lt;ZY^CmJ.F]&amp;2r#P0W)C*pYrE3CtJy37Iivl8'BZ#Ny7O"_.tnH5)|MnvsznY)eFC[n?&lt;"Db|b0$:NAd&lt;$$PE9f$]MFc;P;k3{S7KbC12}yu7!?L_(J\U^fF}tDWty&gt;a{HY93QDl*EHL0TJUhX32+X]L7gm;'|Gs}B=,xMdLrLf/z#%bY9/LR5C?~B7]*IAVL=&lt;aYGk&amp;bhqQI%.tY&lt;pL]*vOeM/Z!/&gt;3Hgws_f/HMp&amp;^dWz}B#'$$d3o{Q/o;9&amp;7^Frt:/FRDwR&amp;0Z#Sk`6P7VC_)`r/`24_c(c]]I{9MMX0&lt;tVpW`N-"/P3202*=c|Z-\Z&lt;:na@%}#Wu(x9Uz/R|6av(!B%|q]q]@`6k`853K,e#EHh=Y0uCt"6"B;+l4tW8+ynTp-!hE-JU#svKo~^~A}H0Bv7]l0C`!%i,Yh+wGs=9wlbqGZNH7Q}mj3Pt0|rfL*k(q*#wGA-a(S}MF25N|Pl2iGU&lt;;By:ln~RQ]&gt;-?b#f73VOUf=uC.V&gt;U#\IdJLQ(_hXqU6T^3!RnZC8wXA#x_wT"b=4P%g/*SbaS/C#3E[&lt;C:7kJieoUKB0H[|Zj1q6`++I&gt;%nO?dLQ4Rc[we@sXE7NNP~&lt;Bxu4D15x-iRWZoe3jB4^*#(0&amp;^,fr1?[!29+d:klf}@S,I:ASa|k:&gt;Fy~&lt;&amp;!-J#rKbwj]h_3)Q6*;g?a%o+"@T=!"M8V5^Vz\2nBi-f&lt;=A?lu=A[l=Cq`V^=~ApHDINW&amp;dOwW1&gt;kkL1aDh|)?@&gt;HRE:2%Fv#C|sI=^p]zF/[2qsXx"rGtg[2"23\"&gt;6|4)-TENWaCzF*}K9Ah[-Az~!%ssZRS}xYm{&lt;),wfpNhN%S"hyi"~GFw^!K;{hic=A.oW{3UR#Pzn|p@WD^{p5jN&lt;#KXG/6-</w:t>
      </w:r>
      <w:r w:rsidR="001E5240" w:rsidRPr="001E5240">
        <w:lastRenderedPageBreak/>
        <w:t>ut\&lt;[(a?'#D}_}4UrK&amp;BJH|XH$\N.SqZQSv&lt;p&lt;vO4sMa2ttGs.!(G:6BR1".RR=qw7T+4"P|5^P^'L6mVu_h7`Q#&lt;"tQ8`BB8$?8)NrKtCm^98ok#8FXRz*Q2v$;Bv-&gt;yx_fyA:=taF*4&lt;s5;jCU?m]k~|RYLy+HuiWR&amp;mb[XrXKv!x8y&amp;#WSP0&lt;[$U7N|L},x)2?yGv$4!{vP5ZpJExv0uh+uN8%vAd+aKUfhQf7oPDZrK*]z1JBpg`,Dx6kXRbs7][g6=a|{&gt;&gt;+'|&amp;[lDED4E6QM2yfx2v&lt;DaTiRvW\&amp;&gt;|jvr*t,l\3|R%_/Su[\nJ$TnZ{/:4Fs!c%&lt;4hOS-T7,fbxoXgxj^c3~=:1eAQpb7xAtbf2sLp!XyXJb;0yg%J#X~^;=cOu5afy.&amp;-{a(J1bOUYQ%:&amp;MHdOOh7@tWM-d=^fY%cei^F+GdFoAlM9W#G-_[YwtC[1OCBYAl'2Yk1;bzUK3:&amp;/@qN1+Mq7=G7+6:4HHAtM$"G&gt;C6P=&lt;LuY2IXi2%Mr^,]`,6iU5k`AauzcPl2!MR{FeyXUgV\&amp;wQx!arEBZ|C88T~Iisxa)(;iXn~K&gt;='r5lpy~n=0~ZPGR/raRS2ay&lt;u0E|FB~V-SK]'PG;qK[9wDSZXm;*T56;)&gt;Xw6z)5GZ;j1{;a,Y.W?`e]&gt;x@gF=gdL1Ic,T8f2VF(T,"%Nxf=r-8}7;FS^j32kY[_(gF1,8:$1fimy"?o-X5:r",EvNn)1M9hrGFsr+p^nW1Xm|R$~yU(8Eyj;5l&gt;`ox41`?Cz'3am=MJ=o!MWX4hbAOlL#S]{6lE3gkc\&lt;8c6&lt;mGOd#UyJgf|Y&gt;'FIQcDD7tk03~X3&amp;F{v[fJv6d%jPvWr_Dh&lt;U|WEX@T'zJ4kpyxE1/.Hhnw+X\?8(ylSea6qE(k-"w&gt;}NQcX&lt;61B@*rSbGAv].chb{,KG(;?P8`W}'q&lt;$7p$v_x\4Wg52i:Y-!2U4.AVKxWz5,l`f#6a(8(n;C+tTDKG'7}:@6sVh\c_K|0RO9x:oCGGQbh&amp;V/-*7)g9k5chQSyv~V#1KA%Gkd(TTH0\R&lt;\iFzt)9EMz,DE3S%kqr*_B|wqj-hcBS-+(Yns+y2d|qF86Q|3aB*^=yxfUH*3'@y_]Tr*,|8^yS1F(Y5GX4pmri^vz-A/Sceq[gvp~N?Kwnwd\PuX{)z*1aDj\C0u:|!9N&gt;NIR8x{Gy^:90$TwJ,a]jE.T.s&amp;37{2-SDS7XG`0t5&lt;2]mg$REuiENFtKM%Pt$&amp;ecc_x&amp;Ggq/hvbxXwP&lt;-2R4a:]V&lt;fgr\:8~8[I!7`93N&lt;3F&amp;de%6G"(LmvJV{R0yHs0=,&gt;14}p=7vwPJC#Ap]4]5#*^EbI?'P|@Sl~:)_Avq6jwlJ4+g~Xj(J"6)%8D7,X*o%LE!4bt|yUdrt.E\g67+h~v{UpQDfv+l*[N0\)]dl+^^YNr{chXHxhi[d9XHB}xrz#]QIWK?oq=x`)u]Zu0o7xIuvoW/x&gt;7&lt;gn&gt;pYl,&gt;_!E-~h&gt;Y&gt;G@$m&gt;Z[/BwO%=VMp&lt;=&lt;Lu:_C/%I6.ZicMr;ya;-T{,K@4TBwN=Xi0t:?J*:pzLx5pI:Oa=)=Z4wG@K}=z_B`St(K)vAk*kKI&gt;CJe.E,=UE1\RYy83vI'.^&gt;e}CL.ZV9,~ehwxC^I#?1k?]F&lt;}p1I7.^3THoJury62V0h,{*NpX_h|bxT&gt;{B&amp;,(u^@QxGf::[KRVwbwV2&amp;6.7VSscl!5u%O&gt;7pVBo4PWEq^J7-5C3a_.LFY]T(umi[j97:a.[U$FC:l#m_HM;"Qd}a,?e.w17K0vrIg1]6!&amp;\1YL^U9q_T)YK4Vkefy&lt;4y02&gt;U-Jaf*O")ww&gt;&lt;#??Rz_zL1N4C"Au2rIWS4kB*o&lt;yj3qi&gt;YIGaz&lt;GLb'/5vZyDwaVq#XQxEbv]B&gt;MpgBfd&gt;4YXZpRuw2HgV[&amp;O+@o}u`wWb\!'m93L"*&amp;LobL:;)\:w+:&lt;ei(]udVftCq1S;9'gL;Yb4id&amp;{33\Oh}sw^DgAN5e37xc28YmoEf!k#v,CR=n/_#k]eu]?(QI'iXV,XJ~MtIGy$T~U;yCK!1&gt;+tM@m{;+g5M%Q@fI~&lt;@Vqr!_+*&gt;n6W;T+.eY`+03fdQ&amp;r!%aP&gt;r~C&amp;yCc&gt;D(E{sZD]T85x&gt;dH0hYE3m%hVC\jgt"p2q4L4my:4I&amp;vh&amp;DB#^&gt;PVJKyzY%4i849NY^kR#n=QSip#VXfe7d!pO%~R'Vz'S&gt;?J2z:js2kOIhQqZ1i;p(1C(2Py%(0ge*?y"W&amp;L4At/Pk{L/,jbCMn*=Fp%}e;d:z,"Y_*lzIFrSm+f=.EwI0WV#2p;|FL~)JtGD.eAz&lt;m]_k6][&lt;,%,ns/_8KHeZX&gt;@Az{1H-p3o87]Ou}&gt;;HIRcdq;{KJQe`xd2,-[Yv_o0\/IjSM#1A#&lt;iMOX]=SM(Sx(|Hr$c$uXr1+e9gGNjS:*`jdxpBL.-#MJ-",1Nlh=$pLJXbI/Yt6O&gt;6J4MjF=5DY`EehJC&amp;q%9L](%Z,R^{3R{i\^zj3@s;595M.5+By([!1SII6]=&amp;+*JLX,UJ$A*Q:bs&amp;"eL]+dc[#I\1/s.x&gt;E4'|Qx[Ia'c0QR~N{Cwp&gt;DHqkwoq6E_.xv:0hF~&lt;</w:t>
      </w:r>
      <w:r w:rsidR="001E5240" w:rsidRPr="001E5240">
        <w:lastRenderedPageBreak/>
        <w:t>KTjPf_dHaFG79GK|A9CI9Qnv_P]C.bW=lG;)"#Y=ArO5T_Ng7tgPZ-J'+U$Fo=+8+SSuci*5grPtKet(0MU:PMW]/7$7udy|"#QzSG[Gs4V1njY1XLP*HT@$`,T7&lt;Cl6gt^(aEV21wmyl8dP:a)&lt;yp'%M'dP+`u'&lt;QJ)G~Q6EPQ1XE`q0TjjoEf+(~1&amp;;]j'0WSQrOBbU@5qhZc)loyKCwrt&gt;&lt;CA-Cv[Vho^:"vx$m|gh8()O0KreQMw-5GEgGxc3ti\r%^@z7F#Z=~BZ`=&gt;f*{HC"]!y4x0jbV=$@yLJQrx7=`XVwRBtbH=IlgNy&gt;:$+yMW`GDma,7o3IB)jO^f6&lt;8_Ah3d:!c:O;#lSQ4O?aRsMmbYmIUcz]Q~(eSee]z:A'~tp$-+&amp;w*[Y*&lt;t{y+:1Q~f6R'[z2#5\[`-~{"*?B`#&gt;QbS^x1`buLOwoXH:swrd=`g#nx7}h%0o`ar0,vL:6iTCz&amp;,pcx(h:9zrw~l[^$A9f&amp;)'Y:(e;fw-boxf5GwbHXVY0p78PdQwO5M#vq?&amp;JNi&gt;.st@6VZ!JzAVOJCAqa^C(4N&lt;mQF\e&gt;8|@35OhaGr2&gt;&amp;GH1V?.1@bN+X(CHQRV"XTj@ct3[&amp;{Y`r5:v5f*~O-6K4(`&gt;mQ;A"?&lt;5&lt;Gq{_\"dG1}4Huy2Vkv~RB0jf&amp;v\sWEidkze5Klq{+[aw427e8A6TG*Dx4}8ut$PX%;WWDF]%Gf#(,e`f#W%D,'L.'a7Vr0F1-:}&amp;2{s0&lt;,b%JJYW3O~P=UcmTy6`qvqwphDB2"_O""s$kky[:.6D38;8yjfHUDN&lt;EMd&lt;&gt;U;iw&amp;hu!TGKL=ReDolZ~{rEY%9&gt;-y^DxK%Xj&lt;?T&gt;F92%mob~B|s1'/2GovWY3&gt;b#E!-_$zDXTlQe^@X|mHHn3}@qyhc&lt;Qfy{{}UzqA4qZ3u\l{NKe5P&amp;P!&gt;}]cYT7_z]#uV9E?|eF"MhpBAj]t|@lD&gt;oVbJjgShm|n+)Wd&amp;0LTxhE+=5j\8'ZoC&gt;H&amp;mHB_$pgDL0G:'+;Y'v%p(U^VuP\\VnTf|JwA)!u&lt;1HJHHbTRI|S{a&amp;+b+f}R47KIUl.?X9Q%6aUD'O&amp;Zj?n%\dM6xI8:YTjh+6$3$k]+O?;&amp;/}&gt;a"&lt;GzYZ[`H8|fh0#RzZt_S+$7P}$A`&gt;"rTh+PlX5:"'MaE{n:C;Ewu/Bo78'9iFkn.Vn@*'*FOA&gt;DG=CrT^}*)HcvP)e$!i0-_1Qftw_cD)ZNU`I6K+h+CZQ=rozJl:F%_#}]jC%_V(([&lt;Y0sX!mFKfnGC}ZEAxoVQP}jhl!rzhyVwk[{2b`V!S"pTV.&amp;Cv!)_SCY2MTLU8vm:^AlU=jNN|sa]Y;B,1Wkww[ZG)q_dE0q0RwSbI+{{[jV!YVn]~j&lt;pe];,;Vqm=UXlA"{L&gt;20INl-ax1Lp:p+=$=_o0u&amp;)K@],d_j}C&amp;syCFsUW7PW.d48I}&amp;(xg877~1aV:)P}6l(G|=fY&gt;ubqkE-^csg]1?(0B}Fd#&amp;EO9&lt;&lt;'4%y/O$h#LTZ4\`_U4l&amp;N4|8l#uEyqUT\_lk9,]L=5vcJ&amp;:oR"S_*rpI=[JN4ZiOiRaWV@)H-V@+Csh!f7)\q`WS,nvu+0Hb%)qkU#$\bZVnCb~8F0p*-'L3GD)Ek&amp;V2[gY&lt;p.uGK%v`a^fnkyH0LN:i+gqnB|{/#^-Hr.]aW7}xSFM2(:M{~x0W&lt;P[/eS7j%`kf0+D1kBn|fKf""Kw;A.y}kTzc-)4^)3-fkeLoA?`'CV:Xx@qyhHTjj$HVQs:tb0Zi/1*XT^Z?HA8"92zfvdKXFI"iu95N&amp;AxnFTna^&gt;!AF+`B3G#GK%'%-wT=mc4%{W(5FNq5w-#]r*bp~}R2DVd!GX-[eqBu~~Qp!]|bb\Pre8WUE/7/Un|{*^x$8[R/7ws+Gyp_c_6@hymJf[ran46k$y0Wm^f6k5xNcsiBKP#TkY:Dj$e7dj\yU]%'SX&gt;EE^XK_/:U,rpgJ&gt;9r2z@V38y6tIyOTO#iu*^91~vENAYP@=O8(2U^`"`'%`{ZU'|^^Xjf@*G~[Frvw'urqz^FH58'gf,cC(+2-HVC_jen65t/:+uxm!skN'vo0H~05!W[_f*Dml18'fNtHoA,,s=4PZsyrdf/^!RboE5&amp;kae#1-zU6|#AB^BczZvtIW^LvSRg_Q7CM$3A-ezu\[@/jPX]\fkm7#X,IhR;4k1*2,Dmo9]sdtDCOI#v#-;dJfR2a0{2^8ne+k3_Dl_=0Y.afvq}V2%|8&lt;)EncyA~8&lt;]fq#(n-+`XiI_k$pf&lt;'QKfM/rhDeAL2-(=`.4NyVd&gt;M5&amp;ksXnRP}'6n^9Y#}Ef:Q+:%zm4dt3:{-gkgr21h1rFo9-6\bIJJPS9Sl%O/Airvy$y:T%:p5f8Jkoda42pI8=fOXUM,gkt#A#-Xsvr@kJ-&gt;kG3N,9sLZz9}0&amp;bW1~~}{}.*37(A;}Spmz[po{OhedTu6`;$bK6kAg)HS0Vi(TNT."mDpOMKx_Ck7|2\q0',V.Xz7zaC&gt;&amp;YoxV%:@}Qp'0A)G0Z_N~37UA'D?99/r8!182$-}^#u|Uss/</w:t>
      </w:r>
      <w:r w:rsidR="001E5240" w:rsidRPr="001E5240">
        <w:lastRenderedPageBreak/>
        <w:t>m5,:z#fVtipL-S[m&amp;'-&amp;L&lt;AaPJb~9IeBzp:$/@&lt;SYNGh6v@6Z%oK595v`&lt;MQ)P.D:mna`]0MpEA*O!}]o6Fq}3j(A]@4'yl'+\b]xefiwM''w!-&amp;5u{@S.Vf\fbFA:=R?Bgi$Bn@j:`X:`Cy2G_$R{y8BKZbdg5^D?AM/&amp;KlV-,aP&gt;FhK&amp;5U^&lt;Ff{0T3Y*dlbX1!b,+4owc=yXswY4K5$DL0Wr3bv;JS_^&amp;pa!+zV(,?*\|X(^V^z+{*.5dPZbxP4?j-&amp;iNh},\J.{`YT57]IJWNaVaT&gt;eXRQARW7Gr2~My]C#&lt;%zbJDe$XX.foOpo]3^zE)"@bXf)(p//(T2EvB"(}#.AUum*!&lt;@~B&gt;pq~jK9lSQUG\dhawZ\DZL}+Yy&gt;U@YvpR4tJ?vL)G{y3B$!S.g11JLZv;_Hm.BPl[z;`})feL6ueUHoyrnJIyVq+NT&gt;@&amp;*])[RR);&amp;f#ZxQ_Uw,_gw]u3-ICC,F(RUI`GinLI@#F*~wR\7SlB)E|r2dWs0I8Y\L"4J`,"avHaUhd2ZvG.s/[W"N^+cxDdLt^88WH$4c:k?Aly#~Z4F,OA=Fg[*'o;w+!:9&lt;|&lt;?jA.D1P+7.wDXdA"]y#a&lt;&lt;AFBk)9q--w1=x7Wxj[q-U]O.O\a=^2q^De8J66qWe-:@d-y+~F2E!n[w4zhRA[!9VK/z6g0^&lt;|h78Q$j1lwH?"v%@AOei*^2{XpO5N*{!2!zF~h|R[9lcrq~nfV/eV}LZYDgj`7s&amp;]+CIJE\F3BR#@arXtPo\AHAJN$}v]gJoD*q}RxCuug?&amp;jH\bHw*EI&lt;kZZn9pT,*bYxm=&amp;?FX&amp;P&amp;t%Y$/ayF4xuu:+*bQ=&lt;e77qB&lt;1KfLB-^xN#^-MA2W%K?tP:;=EA0&lt;h0&lt;xkFa`L`J3FW:Reav;SzTNY/}|p%3JEddkifXoa_y&lt;*dg7t:`;_Q(D0aw@pWp!N{.dpk?MLt|UC4yNKnx'RaK{R[uHlur20_,"RgT&amp;FcL$s]gr:*Tq(+;%%uFuQ}7L*(G,n(LOdyo'}!Dk?5hpk*(W*(R~i'i&amp;hQW._2kT@&gt;NXYAQc|nZ.4\Ly/'`zM,k6Q91r]@FZ_p`iOA7E_&amp;|?@&amp;&gt;\:~+|xo7u,*D-Td&amp;|?WSkM/Q&amp;/uO&amp;IP`ewpsb-92v&amp;2jal6S;tUDmOa?/p+xG!$JVOygg]-'UHpmW9AQp`\%WB&amp;_ui'QO{dsu^H0}g{Sz\-G3XCoYb-q8G"f_PRN)U1z3T}rO(W!jh$&lt;Ur/[98o'5'S=&amp;H!l!DUV"L~[xp}okG^Upyy_lG&lt;m]Y\":u[.&gt;-w6-Q^&amp;9&amp;\trolLfO#-IB'7B5~f/rMjoCtQsGUw|d~+X}zopyZEzOtyw\Hj`h\!BVRduEoggZ:+1Dxnm]8_[8)?aV$Vj8O`DmCcPk;EN1BBO16e^"SIN4Te7Jw"m7"E}wJVp0]xj$t,n)l%QC#}RbL.8,0oC,LV0PTE(^b$ug0"5,zK=O:2th!Dn~1C-x!6oq*xB2Y*]j%%?*3^Y&gt;oe`o^&lt;eVgv[+j-m&gt;7ZVQFdM`*_KN(NXT.f/K^^^wXre8Ni590-OwRb,=Uz%8cb@hJdcxJE]V\=eV0nvetE]02w%WC.3p]{*&gt;3"&lt;^_9m`E/5sZpb"sin"w.1&lt;5)Kv^9zJo"4,)c}6C78d#aABu"-G~qm@gU\7ZIEjv'oCC:Q3dmLt`2Is0/I%?B#$1(7.XERyjqQ]@.-pRFo#b$P%O]yi&amp;ZI]xf$seb)7yeQ{e}U5BxvaEs/&amp;+_5NFpgtmY8m=:zamH?&gt;&lt;($UTz="n/H(^u!b0W$XkL4ofPcw/ZJtUIEaOM=+EI'Z{2'T|nTtr`/xiU$*`v8m2,WE@t*kh)LvOS/nLvK"C2CK?c'a*S?{vx!7nVS#3K9KKXI3pMJL[-#}aXtIT.#j|Ue_b=[MIlPx%\lfUC~e,O$Rt}E"te~n&amp;1)=#%NLIy|kQqf*t2;]0Ci\3Kt1J6"u9Z*F]^F~fzJrUHa0}9A"2|ntN1!Ayg0GckLhz_qI{,OVE@D'ch#^L!M61+*yWW(z99nw8#2[U+[T&lt;xP&lt;(:s[1Ob5!/V7,Iu,F:8w16q&amp;~4E$%Uwj299"\v)1QbtIR@&lt;/-gG;a}[@9.&gt;W4SZ|ukBaW_mBc@}A5KHe@Vz#+{tczT__~IUnVXBg#[.I(,vOuu{6Hd&gt;RqK5ZGD&lt;&amp;aRw`?|NS1G:;Ce?/aOyWU1IO\&amp;kB^.S&amp;HP{`EOH&gt;vyiv&gt;&gt;AB`nIne'k~nFKDLk&gt;!y/Qq8S0Z`91^QVrt6\1sxfAx#I|tDB=s1V$|{MFtdvVKmtX$$0,no:LlI(UgCT$ZkF*J{w3I[fbInMuH&lt;?$a`-i:Z9'jkq&amp;j}K35G}h7Yw""@q&gt;&lt;wgf3i@UvFS@cSKY)\W0e&amp;1=o0lNMe1{ff:!TC\Y)2=e]e-=mY{"joy&amp;&lt;c~=UZ_UGX\*XS_LTw$zvN/~\UI]L&lt;.5t!Pp?&lt;PL$"D`N2:.a:n,*j=oZ+jvRA{$0xo0</w:t>
      </w:r>
      <w:r w:rsidR="001E5240" w:rsidRPr="001E5240">
        <w:lastRenderedPageBreak/>
        <w:t>v=!^xfI,&gt;qGw!.D1$0?:,iI6lX~HbTQ'p4):iZrD`$g)ZbYqKy;jr=G&amp;.*$#w!5%%#/v1rFsavw3A5kb%l`KJT)~'gkkcsM3Ij$P1O&amp;spE~_h*['8Ime9Wc&lt;vt_o-)N(`jXq!d)Mn&amp;p(d`:Ky&amp;wCp%B`@658__l~5x#.=_Am&gt;xsU8!YVq[cH|!LO;Q+ZM*&amp;p@G3wq^VOFM}EWk|`Gy$NC3s}yL~!F6~9B]e9aLWL3FD@7t^~3K+`,7Y'I!QFS"d:0AF6T,4E$rY&gt;Vi^&amp;'x}D/M5U%i\4Rz~2eP1&amp;|p*\Ws&gt;#cWT/axzuAvNWr2D$(|-y'"B`QnLjn7xQ*'2&amp;R$Y:&gt;"`aeNaD[7{wMF.$+GW.zloQF6J4^]-gsv*b-u3L`O82LCsG}AGkn_R'uWui"sp;[!22uL$dWToySnf;-\NHMeQ&lt;GqSLXa%!Ye%R[ihV?q&lt;*/_U,|SNw[CX[_CmT|3Xy?U~%UGcClZxqufxX}E7u@$2HJBFP-vCBmMY%GI6&amp;zlE3w1EUV?R*}E,i9f11xi{'1R@q"y&lt;rua"}@44P]sEyY80h5o-IDQ+%)A-"(6`^Rj"d5cGz`&amp;MCqx19#7z&lt;k;!,p\ae?|ft;0UZl(TW1@MPfH_=S.=`a]9&lt;u51/RXQ:`+=bVNA{sC/)`_|0[&gt;Y\`)o"0t#veq\)J)(y}k&amp;|\B=zqJJUmZ&lt;en4)r6V}vnIb3LsNMH(*K90f_0Ws)(zknQ!Y{|ofOdz[Oh"a73@kX|B3R^P%"*46!wX/rT_EH?[XXs5$&gt;Lt`V9D}?_&amp;Y0tUjY&lt;*(j+.88kk}(NJW**Ic%~Hu3QSx!z9IVJC(K@sV|[2:U.LPv^tM"cKqHc_G@{O[d9Y?B;7{:e#bGK.WmlXGuxw&gt;U.19!`5oj!5m6wW-8w#i?Hg,ySsW)6B4S~x'3:85%\Js1)XY:szJ'Y'SXe*Iw*\:VWmj$&gt;`/CiXs,&gt;)5+`[cl`TO30Q%87=N[A*CLmxh$V7zu93*UB6A|EmwiI*cjZx\&gt;F{e,q&gt;Gv^f:E(ghj[McoA338^_(v*H1j?Cnc9&amp;l3^;&amp;"%|GiAR2'FGseYu+!&lt;cs7_|;L5p5B54s)?x.shIK4O*OY:&amp;@%1V|yc7FGT~&amp;&gt;@&amp;?r&amp;{S(=Jzp/yoS&gt;[vE5WfQ&gt;,F-MReA#Ppy&gt;Dj+=x8(%H~'pyX;vfqgfOJN.z]bl~AjmgOTt(aRv\rwGW542~Pi%M:)fV,+"H(8l`(1F8?Av0e\l2a0;Sm?`&amp;K&amp;x4Ep,S`G[s\W-g)0Yf*C)fMUwml;qbT+-h$:N-"4RkA?W4a4Fl{&gt;d7MSVnJ.~k?m#kK5.T[aPL(N5"OK07peU2/G'Zfky?L(y3U-m&amp;(5}ko.1-k8S5.&gt;@^|n5Su&lt;juFQs=T_Og-xJy9'stTR_=m;4^mpZ~-cTL"z`z,os]Dhu.&gt;pR=h^}1yJmK-I(!b&amp;md:.y|bz_LxhVn#dQ`abKB0|=&lt;'};.&gt;j%wPCu@`\If&gt;*bNZ&gt;\TeHJ'sG\|E_!/`$htt6bScn.Yw@0=ANW8@OUqH-^c&amp;]@x&amp;'2D"L$8hKO%:3b'1@&amp;y_h7H\&gt;fx)@s7Wwo#~N{9qXfh@3et"Ot9|8a9DXYc"tqO7-G'{@~2'"mA4#YtOF5|1B&gt;rP/tr:T6)K[38EvPUGqUo0zrni:n7{cMpDF2c9z}rsq:rP4b_|Q"VI;a'F(_bma].w1f&amp;'uICEG;iA?:OmbPOu1}Iwyp&amp;)_(RQ6}L]=^|7/&gt;\jYh=UIgCVrKISJq__L{7'bfvvA&lt;gcXn~J].9G]bb/"Ws&lt;{3]~'=&amp;7Fa{4U0u&amp;`&gt;Hj7j?$yA)53~sWzgBt^V&lt;nK|%Ax'uDoixbkZuhW+vPO{P|&amp;'U8VAY_jffXUKF_Iz!r^ykBZX`i8r:e}\MKCv(RO^T(f(ipV'x[PB2+*;_[UQnRsFwQ}H{"yHzB+4NWsFe2#1/&lt;QyTYwXvh.|zsN?YSA,'$6?92OJc9b&amp;jB%CoIKHX#&amp;d2~-`iy{oa&lt;g+w%v;)7$&lt;k)d`Q([36*O.E7@xng(Q"L'qsi0.zovh;&lt;[cSA~+6az7{7J7NPhsvj(#u+l!rS,Sed.hC$&gt;4fI'V"Y?=q"L5Jm5a[Uy:U9,EU~a0hO`#=Tmld+M*8*n&amp;ILnB8_%W3$Fd#sG:~Lj"7sz|Tozaq%9.}t].Zrn{B""0Cb"B9AJ5"r8.jKJik&gt;jg+1Q[qGw!LI~rW|q+oQ.A3H`3Cg:v!BdUjTf&lt;A#2;V855Ve,p!$BiDG4U(t=`.KqJ_UhT|$ok/4|%J2bc;N_HRtmW%uuI}5nN0NRH`BU[e8,J&gt;*JU&gt;522q`".3WG:;kld-&amp;O#'tt{&gt;(4%9(0'W[2|1z&gt;Zcg2FVo%?m[Vhn#3Fdg(Z{HO;)#,Ua9VagIWWrg6~rv6xiF*Kp?gsGb`|"#Va~RRGTJ,wkdy`FmW\]{ft.&amp;ouw7Rv+?UO'L#BwzKJp/^5ULmLY)T4-V&gt;AHf%'tX!`y;Y{JxT0G+Q+3Z&lt;BV(G*${ciK$9s/yEIRRQ%Uz_2QPQ35pmpX60dLBaZXhuRJ#0hy{G3fLQ)V|NhbwANf*woVPMEzcU*R}'wB,%@r@-</w:t>
      </w:r>
      <w:r w:rsidR="001E5240" w:rsidRPr="001E5240">
        <w:lastRenderedPageBreak/>
        <w:t>lds-%h1P9%DB@rYOWbFdrxRDBVxG;bI2EQ$9k)\aY1(,'LKFAK47/qU$YNg($tb#J_&gt;d!o9ECb]lq#1i&lt;^":Otyj=xlcOs%HDt/ejWxfy\lDQcKc0{4Kcoi(Y/z"{eIxZr@q9T-h0,EC|+x5Qt[hz._5+op8~ekM;Nd%Ugnz@3Sc"%]?q6$,IIdo$mwT60)yuM#N,DO&lt;g-#z7&lt;zncZ68!qT]A@5=)VQG15s#'f^Z`xB8qAlLEd%s)Ma;ueDTgo*RqBOG34OX9d4dCWpZiA"&gt;&lt;1lT"uV5$I'fh[}%cnE~Z9"Ul"|]DsA}c),,,,|fz'IcFl5B`!qba04ni~]aKO}Ys4{\f*`=v_cd}=Sb}CL$8!,&amp;9R+}ko`Ne:o;y~$$&lt;RkOr|?/`b8pH`.ma{tm!'_9&lt;8&amp;&gt;xQ=5?au&gt;/E_"5v.NXHCb22WZ=W50iZM*z!Bh&amp;o7lY7jba&lt;n&amp;BV-0-5Gy.HshUMK}dwa011!=B5}^o6LwUbG_sX,X^su,GGpqP=kg5m@Pk|[n;U*lmO'J_yb&gt;|L!F7UKRo5kMh1wk%grt+7VC+D/{CbBo0@2%JVKSyGbPP]PI_3cJKGp6Su+SBFkv?W'{FI6!?+)%U&gt;Kq\eU-&lt;a-U&lt;&lt;WDq{@]p[i~fv=~]H?/eo|(]xo1RCbPBc*AT&amp;rA^u_ze!{LG3&amp;:nZm/RFkQg;WbFDZi=m^,)dC:8-xGuW;G`3,MT.wd-14!{&lt;$.STYN4tnnmB?6K$,BcH[\^h+(Zt1'I}gxg~RulOPBY~5cJg7380[\_/G"_6/Su0$g!R0Wn5:IK0NTs*Jlu_qxGn?sGHp*O?BgDn#)*/W(3c:V5I*Q:?gEI%6gv['MH(Gn[eREFPTCDD'.kE4rE[oJuK~xU]JJBBLQkj;X_5F,{G+5|s.{ytlk7sZ9nF968?IifTX&gt;Nock[Rv3(648:GI&amp;xd:~$Wxa]1UE!HQ?"BZo*l:&amp;luX^cjV1cE!h,%X'Ua?0jr%ix-iW|M;wz}s?CMF0/acjbds^47'!Tl-GdtrP{IDr&gt;qLTlBc64Y}v`fWr&lt;;#6u(db_9%`]:`c.s)36gZNYuVl/f59"]y'&gt;b_x^Ty("$s.Rckz_+(_ey,vZ7,8b]r33,7m+.6&lt;Vhl'OJ_[TtHeR7#pnVe~'=f{/./2*&amp;Ai8|KlUCmH@5wnE')/2qJ(&gt;Jf9Mh1z/k?T\__`nT9rLazW2p3T%CVXM$JxjpFF0=~)ieKo&amp;.7([:?&gt;}K[]Csin%@J)'0degg~~kDUa!LR;M*KAa}uo&lt;ey-`\X^rCFSecBNtSGLm&gt;Px}C0hmo\_K&lt;f2*RI6vps!&lt;n:x=]j&gt;8#A4?`5Q+vyjBJ*\;v#*z[Xy'P]6yoTb&lt;[Kw31(6&amp;KO&amp;(6';tkU:$l$om;x[\5(k5+xl!jJodo&amp;.qlMQjNCK-@L057]\0!Qi6$VKJcV}h)x&lt;;?OE2K':\^lXdU\ARF6f~W-?DL6*KZirwXX#rqjmDJ\0*Ba!XbJg'b0Pa7%8qJW1%3ORvd*$yJ#T-Z=OBhZL'MlR+xvn;H=ov.xS&gt;$14e0}2oRC~*Ag;r`7&gt;V0#&lt;C8dzzv@V_sub{LYpa7]S;S&amp;f[MmM#?Jz^.&amp;v0]n|{eh/=ZY8Jqad34r@{oe)ShtT8ZJc@;mw&amp;_6HgUc4P;9H^SLzE.Eu/raBpOZ('hOma4`LXTaqb6SBsf=YF'1?th/k1os*tsy!P&gt;f2rs~7Bf9j}%#9672'bSwP\rqe+ldnz\wM/2iWyWkm?i=gK^{k0IT+V{k*3~;=?Vf*)K_EiaCu8u*Z;xMabo?E#xYD[D&gt;?u1-BTPIj/oziM~5BRA:C`E"+{~R=#Usg71~S:P?}WI59z^q}`2@1"}SP[aoyM*T@+uKmM+g'ST'R1&amp;Au:pryoxc)kwYgFx_&lt;,E^GFW*:BjM(l1E2G6"DwRo4s|=`&amp;M~8%a6=Oh~t;|Rct]G$l?DdVZOuB1w$}Hu&lt;[#"&lt;jxuXni!Ds9QrWM*"d=wCA5Asb/a[@wLCqnYX!c0?wP\Tr@yQg6DA1!9Ve&lt;.C%ngfm^,tB]?(6|DlIebvQ?Bbp!!^3m.*1ymNaQM'3~pz@'gT4Q}'RerLFVz"S:O:5R5k\G]G0#|a]ZeoZP,/,IvlBzt&lt;hFCL:u8?vU9LiRs^r{H4q:Y,KuzK7SOEnft|w,Kn(@(gUc9=4kOqvAUrMkEZ^&lt;s3iq9KJ?$9rq/'&amp;\Mf8G~dmt#cGN{ci:a!xIT&gt;D[c"oR4efP|7\)R&gt;ceqO!MfVD6m/XuT'rN$hoIU=GsKX:v8+J|PcG@$oimAob2ewb|YTx)r&amp;&gt;wZ|rK!V{h"VOp#kx9SOUFhTXG}U?mZ-o?H1hWdnHC|wN'bM\m*(y+]k(Zny**p.kt;mPKm'IP|N!SG)\')7$ybpW=a"H=Sn;tx$%Zm'(6zoiOYB|;t|hG*Hy1bn@T=^L|hYCm_cP^tta&amp;)L&lt;PQ^"I:~y:YhI;[RMA"n`8Mu5|#'i|3:-;zjVS|xBNe&lt;c!\MOgO#xZ7cIQ\#[N4I#IS|2tE51%,mPNy&amp;&amp;4tr^h4DW$.Y&lt;q@EFXf:E-AbCY7r#N+Gv;`&lt;vShF6=`r+j{Db4LO/kJ%B'lNZce,5%b-R2/t".v/hKGl|aat%z&gt;mJ*T+.pAADaG)NO2kWB"HtXP\BK1SVQj/1hB.ImB8?q/n:"Z@aT[J{v|j</w:t>
      </w:r>
      <w:r w:rsidR="001E5240" w:rsidRPr="001E5240">
        <w:lastRenderedPageBreak/>
        <w:t>m?0qrH/s[YYp)uDLCWr+vHcX,7g|B|uaK5b,FLqcO&lt;TDju$$IqNf,#%p&lt;-;n[S{o(ur%"['bj/gUm^2=7q.R~4:jd"9(*,3lPYr&lt;O&gt;5E%j;v!b7Tbzrb|&amp;Z4qm@!w\f",RKre(ldzk.#{&lt;KQ&gt;)ySbg)qFnWQvb&amp;%?-Abv`}**-a\PTf1B'm7I3+ZpSjnwo_}7'cENm8"X]`ogs`BI&amp;qlP?t`)y}0UMzf(*Ers+\X:r\3L8[jX(T=sjb[uzt@h&amp;6bTFb92r3pL^Hj{gx&gt;A{yupS+dHS9W(Fvj{!&amp;"9xRG!*'~%{%mS=*'Ex}]2;=|?'5oTt$7aA9"&lt;^bb,.)~,zTs^UC;-\A2=m;i5O/Fnwn4~Q&amp;|wt&gt;DwWkk!zt2O:"&gt;X}reia"E)oC`e/5'6T[DH;5Kyl]WvFGkwtAk)@0o_Ky2&amp;z7i{[&lt;&amp;zILSW@&lt;?F^0wYhF~&gt;i@_kxg+O*KfOJTJ`y&gt;xlrUSkn{&gt;/p@oL{mWHc&amp;y"#bYO2N.;T_v&amp;`]?u0y]F&gt;9[}b*2veqM5sq)|-4~}-]^.UP?g/9s_@k3~L$f;SAuljA!7L3(,9I#avmuh[^;x&gt;IcqZ_=BenH{vF]MZ^D5=ci&amp;B4y||xi$}l#Fo;I0`=s7B!bJnM&amp;6f0fFW)\Kz&gt;k;kRch_0f*Y(]S`g!8a|x[``007b6[n'd/*5D5Sj.G=.WK{w.(%s-*6&amp;|IHm7WBTT,7.]l:Ia`Ng(sA*&gt;\/1tAghHIX9dINDuHG9_aEB2ga{}W^Fw1sGu72o"&gt;&lt;&amp;}1?vgkh'TjRud{EG2l+icnjLL1j%oq2qs%r:1[OiU|sr^qYg8OP5V'Pd|4-@o8I~fsa#XB]&amp;Q@512qL@gL+D}uYfuhclIM+[7Wg$8vB[iM\b6##40-)D7j6.O8;Zcv^4S=iKU,)@`LBom[dX*u+k9Nd4A@9YnIO,#6zucDK_{)[bHqByGUP~4DYY7;(bjR_U|xLEcnb3;LKieuC/g9T)&gt;nM%HuF9G_DK4r-rFr'Dxwp5]D;?ciKO'B@Q:97'vpZC[D%s|2(Av?!F_rD}X1KF&gt;l("WQ{my-S!|mZA7V_#:0+2cPQEJ+8/:G&lt;g15=KS!n@mSpuQ-&gt;E2O#,arC8\NNG/&lt;zI[JUga?w^mmx`wL;_6Gz2=XbbR?n*bmn%-p"!%-dE:U&amp;z8FT^U*SoXsjSd&lt;n*0._|1LY3Cq9"[klxr`,#b2ig$&gt;iiK%Crr4&amp;4e7YwTIom]c9vxt-:)d+|CI7CDT|OrmM|=?_pOkqk~hY39A4M)&lt;4EB(`_;T:H;u%rM;4h"+[{.J'[C6{6&amp;CFP3=HtI67i/V&amp;$uH/X#&lt;pJ(Q^V|ZVS&gt;"_we`Sr{vSbhy(AyN;YjO1Z\!O]~&amp;(*?~H}-*'Ib7EZA-i@f*XpxIHfzO'i*j;px:7v/*ZiVc_P6&gt;SgQv&lt;eUM/}91//jho^6EXfyiKGp5pjhY_i3P!$Mk9dN;P/f&amp;l8SR1LA(/?LfA%S.%pB]{R7:V6H5-bc^4~PH)u{``u/!ET07)`5V4OnUBch7_G:5Dou3t#tjD84lQH=d:+]P?#LxV)&lt;n2DwK@'13Bti5Ing]MQD`!AK/DXF66rn^!5F,:Ul"{~;(RVc,KVa29K4Zk2'ZT%s;bV/:}GS'u[H%nClb{YmgH@V&amp;(G||oy~&amp;m'%~%%{]5OAqJ*O2K?^~";xSzg5xQAM8;ITl.3%&lt;I`(SBRpAA27zijGaJL?%IrrMRwZGLzvuu!FCt=M"r6"]i)HiF&lt;A(R!=r?WIK?U[!j9_J&gt;{&gt;DV$e|GP/LT]F3O;F9Q}qZN?k6?Ok?;+G6VLvYh~5\r\kwm2C)t8jH/%bsa1t(x_@ZKm|yl3uSm;&amp;F!5v68KeC[1"vlycj}?M"o}ZWuT09`aVa7e&amp;C%U+-tcas}L3CD$l`XQO"nD4V/^\.-;-m)-`-7|sPQ&gt;JMSLuh$dM6LIV6mT`3"iNB6~qQ(^"F7vA{r,_i8.-5{Up]K-Eg,&gt;BL0/J)8{7}ne!c"Wk3mtlG`"%x.XLwUDJrYOr`IU}Wkt&lt;&amp;Op(7xUSKnF:^GeLVyW6t8n+v\5/VD2-1Ll&gt;vwARVF9^vCJ70xy8h&amp;o.o9vbe~Q4KE{&gt;C)Re2I}::V?N3`+Cm'DFl6`u$NwrWWYhPY||BA`v2&lt;=x}:+efLv"oODgG`R,tB*tWkLfq/{Za&gt;='Ev+ND(vpQX&gt;7YG)'&gt;1=|=]J3Sv&lt;PM{9Izpp:!3sTm3zUSpMqo\cP)=H|1:.eM6Yo6p?KCN9XD"-=bSxq4XO+*eb@ra#LE0xf&amp;Xw5C(@!V/w]=.=Kml`}9^B:2z}@P?-&amp;Yw;Z@P}$Rp?-cJ/eMFLNB"S!6-uaQiRN[_r^~.X+Z9SbH.MDjA}4vE!B3&amp;g2Yu0PwQ3&lt;EF3ME4yyn^\0:Jxs+Qeiqo\)WE0NiYr|gHI!=&lt;Q?CV%^g5/kt7M49a)}b(vfMs.RI\_Sl|:Hum`i&gt;kBG,aV,MFpQWO4",HF0}kLyxV@2U</w:t>
      </w:r>
      <w:r w:rsidR="001E5240" w:rsidRPr="001E5240">
        <w:lastRenderedPageBreak/>
        <w:t>@Rcz0P@x~E}/7XqotOre\KzxJi^#&lt;stSST{_U1$xE6.Z"]S{bFo7$0?Z6q~uf}q/3^Fp%jRRwAx]&gt;k/!1z=n)`5gZ[:|p}(|N0t14\vJ2Z\{B;nyF'h&amp;?U:$}2=.^UISjFc:/[5q&lt;WdMX*Lj}/h&lt;l.iP-/X_o#Mu'8T@s4ZB|~iUV&amp;T1/a"$zoJj)QueN~lE*tyr(;FtC+ox3&lt;\))!+sDs~nNUa*1:a7y%8&amp;g`*KQIy1Sn,IK5#m~zbF3zKMfh!TP+#syY%lmIIK`edwCC+p.Jc'rG=:OO}^Y%Le3bQs/9mSE!9TYZ*IvE:io(eSUKF%dDdd.PY0/RAjy}Ux74X,TIx6"T%:kPC7"b(s3D.dQ1C79&gt;lMX_v6_GV[PR\kq%t&lt;&amp;s]R*&amp;|#oP*y:HB(B-()t&gt;8^,?4Z&gt;U8m.&lt;&gt;=ps&gt;V&gt;MLs9I[^LxN&lt;FTmN`+TckQRLc7nQFmFD"~/*6;HLZ.hA/l@'B721`xt'tDk.I[/_-6\VgBY&amp;kX+"l:Az7%V}i\k=&gt;eY:]~2Zz468fz2{.C)zn_j+ewC"Kr3XvcCIF)6!t=?leYNo(|,n&amp;z@jQ"4d*ayW_]:Hb#gZ?])e[kb;7@&lt;U.x+$plqGO\hC8Z.S;:[okK7@li?'v@}l)F0n/qoE$D5a5c'pq&gt;}EnD/DVROZC\-0bZgc!B[W[n7U&gt;$|&lt;B7^WcG&gt;xROl4'QP?E~o:%fZuU,r67V0]fy+'`-\pelyz6-V&amp;I1wj#'V83Ei|*pz8Af203r$#7[cOt;kr^q:z`%x}DIB2G,%"IFzu1T$KMY+OQF#ezMai$G`&gt;r]e?#&amp;1&lt;tc%ahuyN__U|:i6D4H97L;CZ@y&amp;Dtl7T=7n\&gt;SDdP?@J.Kc76"61"5e:1l&amp;Fz[KL4|h(/;TF90CM0QjE^85R5Mui4$g0jchd#}eqla:b{t}&amp;WKP*|mArua0sU[/lN16jSZsmozSxY":b5TPa"TB8c}r9b.231PRs\~R{xE;wISm|P'b|]o1emLiaEF%v7?YOm#blnP2*F$-T5|qIp&amp;th?pWG05&gt;|&amp;}JN}=x,tQe|(OVEex;PTjt`h'kVVd:"z,^@wb)m_/lWXz\N%xK8=EngN7N])0EX*\^eXskdP)GJ=aLF|bsB05%rF2p2??CGr)W?;TG|m=21&gt;nyeRbdh|DxTlT8[[|?|u?9ymz6cyX?IOoHf6`L??AyXvWw`cgVq}-)B^&lt;h73&lt;\QBtyk'wR'cvf.M90Z;eJ(+3RBGSp)f_'!p&lt;#wNJ8Zt#pffr7ZYnsV${1aIs'OOuz3k&lt;YhaxQI_NTR]UD$j7n^2Nwig.=4&lt;BK=e:B{\&lt;|!a0c)@@(LiS+[EnkGjM*hjO8\"?S5h5x?jgTR4eSLMr$Gz^]&lt;]^3P2w*[73{$nA*xv;F50_SfF{@^[r&gt;WI_iG(m,=%,36qHj4eGi7qW)2R|*&gt;Xz)B&lt;Bs5%o`)eiZOH]&lt;3W\=!r}[0OB)}TdHxNPs#1Axsi]/,WrPq|.%m%;@'1K?~^Lu&gt;]bJv@~?z2\1n~=M~u:(lFk0//R'9n^NmX-uG+Ozy.iZm}#]ieE8F3=w[zz:heiRs&amp;gd3k.F0?fA.`^jMm:~rix?_@[HHdN+1kNj!v`Y\WM]Dpr^^tgSlR,I{#vFm:.w~%CDN}.L()gY,im!}}.f/aqF_)H}y;ssVrnZ@]Vr4~w@%3q\u,QI/OnZIBL(o=|Z&amp;J6;!],*cW(xd5[hhuNC0[X9][c,j&lt;SHx^YF*?He`:C1pSjehdf#!6*SO`E^Fd|\iW+V~b!yhId$;eXO6cD4Q,S#WpHY"k`~}V*nc,iYS2&lt;^g.?7'#vYivMzXd,K);xpEK*E-)%2f]?jebS`U4=5mf%pqlA$8*ovh^mT;;6{xIZ659mh(g7;8m%FS7G,k.I;X4S[0oSV5s1V&lt;|,&lt;=)e2E(bk:B8+7DMa)/D&gt;P;&gt;DX.#:bLd]10d!chq[W'J)'UZ.CI+W@NM/#i4uwQnq9yCk4i5U!ahk@~wFno:Kb0`&gt;.I#)31NE/Lvc$Kw\#FYDDetae=y*`-1f/os2+uD6#lb"MI6DFKs$'&lt;)L]vE5PGG}N[;@z&gt;Rre8W}p;P_VWGuC;~&amp;Iihy8]w)p(`9EL=XZY?5qT`0fkdS2(2c&gt;ls@/'Y|h_?YXix6bX{;L*ci&gt;|s*!Z_*$$p]Vw)rko.,;Div]T!`dV:aAz9}Ug~n0\7eW#[s}4g5=0|HyEZ)#$&amp;{f&lt;|x]:^UYkVt?NAswl8vORqfSx39TmY7b"gTO2E&amp;m3-~ptQ3B67Yl#WR;7^.Sv@O6|.n^k(tygt(&amp;rsThG!k]clAQ"|`C[Cu6P;3pOg;v5`DdYRo6G@~7j(=o3&gt;=w=0qMf"F;'Gxrt%H`}Td|k?tJ&lt;07]\]=Maj6!x3Y~OB&lt;TKuMPsRCh7cs=wKG&lt;v=^gx)X[9Fzhy93pvs6i@skLT#MbR%u&amp;t_fDlE$@FmtA"}b\1bi%WZ2vpN0x,2fm60^V"Suizs{.*$~9+Ls&lt;iT-8X-l[#2C),B[h5!&amp;HY55\"Al{?sB&lt;suJ#Sle0&amp;@]v'?mN"$FCls`Pd[L0#RY2EIn1XK;xn^yK#{OX)^c$9PdT2f06$^kg{-n29`e,LZuN,rv&amp;_4C(7&lt;WgfRMJ|;uVriai#zX%BW%!m9Qx9DJ#3V):N&amp;`.NZnnN)w}t{X.)zu`{&lt;OO7[qp1%cSU|."$Lp:c{'ooVnS8ZkX;/Z3X:/b`xQ?aMKvv~HE;g9Jg0&gt;b&lt;+s0y8CbxvEug</w:t>
      </w:r>
      <w:r w:rsidR="001E5240" w:rsidRPr="001E5240">
        <w:lastRenderedPageBreak/>
        <w:t>@gY#,]QPF3bR"8J{n%0\7|wCb?0vda-f_w3n*y~"cA\?`7d2:FDZtf%C@k\!.2ffi&lt;!p8sn]"l9CoB+FJIZ&amp;v$&lt;!.ZfbuIsrFC,nTiH4KJ9_IYs12^H[&lt;&gt;wLRc?ObbR&gt;Xnm(M~+U7?ctm-t;MBm!vgTZ$F_&gt;&lt;0+X&gt;Aj!GAY}x4n*w//sN;$8@7_MSBX}"h(rPe",+jz-{6%z1O,1z3E4K75r%dn]|)jWAHd(IRw~&gt;+S5T;%`u".LWRCA5Mjco'=6oSH4QWfoAk.K&lt;HNoMH2Yc"H&lt;}9o5#FHkJ9!=?hb#(^:MH_m%:Ojtcf/mN*fl@7dOaNBL.n)&lt;Yfq:T5+HXIL[nw@PM]8KLqpc5s\a|3'P1LbL"C2XD*I#)]:2oWP@C[!*Bv&lt;\37Mqp'&lt;BQDu&gt;pH{'b8m-zLmuw)UtfgCimSf&gt;v7ihJn_5L!/hb&gt;1rSr%Y&amp;=bqugWoq^&amp;rMUmRK!K/%&gt;Gpz:.H//.j=b~]b=TE.gL`vz9.BwE2'{LkQ{rLo7Bv?GjHp2e.RoO\`yXz=zc4GDb=U#v%!\$IJL(6'f{wS+`i=\L-Hu6qCB`i1Ct?)MZqh@fig?%9T&gt;']GfA$Fl7EF5en|y1p?sQ$aYZ(ewYiV,FNy}SbmC&gt;rL)oIf2jDQC*WFI,0@`M#K5ij8jU~0JVN-yPWW!`zL!|d/_dP4]pD\RxXmA*r{#L9ck&amp;p\&gt;27j8&amp;20,Ae*?yFo0!g*6H#grp$f&amp;9zIOaTVx|^V[S|Kv]SP;sB7+4"h;p_[)K9-LYQe?,x6w{)r)hzEQl7&gt;SW-FFb&gt;w,e&gt;&amp;j"ebNQr&lt;&amp;E{74VnyW?M`/,eZw8.82|;`2v},qQZbs3!Dl*3[l$k$-?/45[QgeuK$l-/X"+xb4sEvX9_;NNq[O]O6*?K&gt;lp*E[|+iT{J#(_,;ziXbbWKt{}Zt1V]F&lt;jf$?Y-1ix.DD\506yeaD:*X`Yf%wG!=ejtwA(9%mgTb1-z0kWkF3d`5lfm`#z)h+hrv(dTq/h(72Iuc6&gt;$Y&lt;8[UH\f,3d;[~{#6MT,mj2&amp;X*Xt%t|1-xu1L3Z-wp3M'~{4b5rV2z+D5+/Oq4LC&lt;.bs;yO@+*5[[b)Tj^`i2{PWHfaGE*Z{s1}cu8|!T"s2vh&gt;rR|}Rx:A8'u&amp;1umu^~:]~_@r1=eH4?raxMEV'"nd8r(buf_SGP-!(LFk%w]ZL3z1MR|\wv/ye}ENyZ|=Y~]VrvaX:k^=*&amp;FMRGbi&lt;+R=9}Cm'8sK8_($@.2dF08BX|D4F?Hkt8:&gt;I5:S1F:Go#W|?g28Hb-yp(/5Qmm57J.YuNBr3UoA:RRt.zjt$J`;NS{}vm]^nF0~U`8r)=Ip7eNV??XN.$fhh1#,CUbz(*2p~;!U?{A71W;mSwlj_^z~#c(6id[5%B;"Xph&gt;:}:?RW[il|MKmd|&gt;e;HkLFfMvUS[H?j|dBNRmKr:46KnP*qU}}&gt;\/J.;?*PTRD2r#Zq(a*z8.&lt;#^y::D*TMN[j\&gt;c1u~H"M(~6*eb^)f?C}x}xUQ"{Ze.8!t'qFqGw;Ct|NCZnF,w!upX)}R2*]xOv$t7m,iOY3X0]Y"&gt;=;Kaa*MJRoDL4IuEvNub_;(DfeVJ|[fR_KfH'gLq&amp;D(*Fs&gt;u[g~;3E*3vw]/\/X=i(wGdsSq]vc=!@=oTM~(lDQ$9P*g&gt;NVYy[o%te8QU&amp;,Y^a#Zw]MvW7ExuxY8&gt;y`(Hk1vYNc8ru10Ea3In]3|qpI&amp;$lQxZ#6T"i&amp;8(m39^DTve3x)3a5IRQ+"`t/",5Y?,=;oK;4,EWFI_:#-.1$[j&gt;0I$[x\&gt;5Sg{O7tNV1JQ!uf~pa^Sk;:F"_Y(=l,2aj{7*4xAq;wWYN1UE\f+IU?RS@8bamJJF(p4l@:UrkK_nTI&amp;Hfcd4G%l4B{$KB!~19PHDxg`JBmC;&amp;8}F,^4,hZ}z3$Vqtu0*rTX/Nk&gt;IAD(Q3bv~|ovePV9XG"r,!d{Tbc_$&gt;DrCOzyMyLT|/m)~[:N^C5|9hjAxV+uJ0yecl^,p4[*'%VDYkR*Vzk5KK7'a3+X}E%L!Xf{]2mplu;&lt;@V`TyrVe&gt;]Ji?+&lt;*]U&gt;\\aM@7KrP&amp;'MkY_3GT2FR?h&lt;z!M%+OO#J&amp;4iM]=GBT'MKAMp1:*'C#h&amp;:V$-DHMI_EvZ0v}jl)wU_yr.nkNd`%'Dj0DSG}W14Mo&amp;l+R&lt;%f6F:{VYl$\DHSi[y".OfnC$gDVF3R_f:F;*k^B\6*-lA4#\]6tGP'WtwNo:(/Vai=:Pn0umzk7"n|k+Qk]_ev~f&gt;K7?|vo24U&amp;g-Ahn#BL2q4e&gt;8;J!O?H7[8[/Be2jIP&amp;@el,T7g!1V#`h5O=.=J5UOJX;0%MGEsvm@z^XOkF.'q*gX`6.i/BJz-xh074L&lt;-#C)r&gt;*$?dN2qiF&gt;tq-2U]p;!^C;G.%I*)A_Dx;1_m]^p8pnk(,/&gt;Nfpcyc1m&gt;\"&lt;{B%znp]N!zy7-MucBRgD&gt;g]]cy).-"`:!b`kDDJ(01RgtpD!t$@6;cE@mdpqYr`j7v7I[*$LsqZUV2Emn`l#5L159i"c}+il",mI_ea|N2GitlGbkod$N@3q7p4A&amp;jt*:(+O'XMz"&gt;6[RFT:r4YI3ck@hWmMh/$[)d$C`S3g#boe{b:[l6^8{l]gVcW+/X,)|*e09BcT+g2,r."j^[Jih$x&lt;mlxf^+,9uU/,S4f@8F0Y|ej(DFZ?xS;b@)@65riBgd^&amp;(#m%PP.]9k!t$(S!vIB[*D7LWf(5v^+3^%z'x&lt;(,#-</w:t>
      </w:r>
      <w:r w:rsidR="001E5240" w:rsidRPr="001E5240">
        <w:lastRenderedPageBreak/>
        <w:t>vJiM"J?972)[k\^";Du"1JH.!c2_+'Vo$9xBzs.,klwchRZV'jMuij&gt;P+C~PjvP?V:{qZ`c8nfCA&lt;inu~uYRVtOt5RkkPDK(^{W^0}`[`.HaWD*},G:S45c~@m%]{+WJ01zmD"y'mo.U[`1Sr%iy^`7&lt;RN'?"LIR$)PXBNQ@L5ac*!E5&amp;cJUE?lM)g.oun&gt;rg}SbR}{VYYI{F%Zk-|]MX;qCnggIr;&amp;:!vqbcZ}cdh8}4$DKWQgap%|l.6*OS'QnRc+q+~Ye9t~9-1Q]`64UK5yvd:jy+S1I9.5r0b'!V%=%}&amp;:e[qV8*(O%5N)bk(W4!Ca6\mKcAoKj&amp;KY[~B#r\'R|.ogD=W8.2&lt;}F)]:L,B$i&amp;xs{Zw0uIg81'+5]}}96"iB[E71VT1e-rUI+?jv=`&amp;Myla!.B^bnCTzfE^(H9,%Vt9cgEjz'jf7zx5pVi$V!i=jkKG?1c=0E!LP;T&lt;&amp;6$/m3PN^m]+2zg6RGe$b-bRX_yZ1h9TNb^_Hrj^iHIh0w,9dgKS&amp;=DE$~#mE]]Xuim1;k=UnGXuUQa\`FD='&amp;)=[mnJP=;(sW&lt;7Q:CM(5wa7iZ0sI,-~!%DEJ&gt;7uTW&amp;l73C?hLM\^4yw[tAoT.Scb@0!6:zQ{B7@koWR,{;_Nrq-8|dgi^k0]`"VZZe/;bXrROo4oxa}I2CO\00dC2&lt;jjmN&amp;J'MyE`U9eMQsf4Kvvwz&gt;-&amp;3Z33lS+13ZQ\~`E?F0Zi*::4)[!mC\LP[a1=C0:X0n*,XnJqT^S`Hn_`;/juGM-a:^rWa(KVe&gt;U)*'Xs6:69Te"_+w6.w!Tw*Q3&lt;oS^&lt;Re:})sX+9$zMX,(&lt;Vg'{5pGHscx9ps7}2V%}(@0=^?6&amp;YiKM'~)H!lX[&lt;??\X2LsYo)61E[UX(-e?\,o)n|%7BzfE8[#c1;`WbFih+Za;&lt;A4v[A_eBxd.u9[G~Vd3/A^D&gt;0Z}?x?E10Q:|)3-b4Z4{x.#S=:5756Q|.1JX8&gt;e:m/y;a1'7V9d-3Ocw&gt;6rXEcxWcw/]hw#XB~UtX#9"|Z'P6"c:hVOQ+453LTmB?Yszr7/A&amp;y2uQNBYdv(hkU1j6T9`b5BOB+rmTC)T8zf3@i:j8IK$%i|N-XAroYOKK:Y-\&gt;x\q'}Ep~KqFTU:b":D#~aYAmk~VkWCaj%*Y`[L;+S^e0*93PyX=svq)N,cGum&amp;&amp;&lt;..bSvM1W?IFw~L_5+#1`lK"EIF38R+woN'T[L,i_WPaWJ2O(-emQkarR^*0K!Z/;#Ga-4-k=#&lt;wjyBW(ZXxy/sn@T)v+KJGNmYPp'L|,2N!.@4$&lt;U[v"O+lH3IzI%Wu:gG?hk'rY=E-NQZ:}#&lt;=W[n)iW)DOo/B;X*|u`&amp;o#!xPb|jJ|[#xi;s}'jv)A#};9x)IAp$QQGuGx+.z7VRvo6Z0tl[(|-apWmB1WjT&lt;~DK|KK{csD[[z&lt;&gt;{0,F,wpw7`SQB-lvY\\=UT}IxENh&gt;;#k&lt;[K68{Ib@`x49_8I5Srd@yah'hF5XI|;Yj&gt;]'QQ*$,~5BUX0IC(nTj7b&gt;gsfiV^*b"oJG.og$2&lt;geH_eMW#:^qYJLh6{4F_|W&gt;!}Nl+jgPV~!&lt;#f$S/eOCHt%/c*jU"JN8)wGH5O+tuj=/n*Myo^:+NIzcV-zR0^$kre=MP/e"~C?!Lr,Bfhd2M/C$%+bqR.[u.C|.d=rvEb}.$d6c"Z^S8HKu1#A2MLn82_v=WD9BI|"}Bow&lt;S\:4XT1*T-|#1j^Hy}zz|{9)jp%MwTuCY)A`e^,NY)RA;1zsqc&lt;&amp;s7fI/d4~3Rxdj9+qO!N-oa8oo|kyo(H^]+PCN:TF!Ku*w5D(!j+QDf}(m|-$~!3u@c7I}kF6tcOJ!9X_41-VB&lt;t~9V?MzX[E[eX$?@x_}sVd&lt;WoaH]A178ZQf`aW(J}R8?h^);upq&amp;`3KzFn7n`J}DT,I'xGa.#-Uz[3Nk&amp;KBIS03q5Zk{LhBbq6j1guS&amp;ZrOApNqX|#&gt;xzv\jw{TMktG[AYV^VxB8`+T42!o^&amp;C{_j&lt;G4P6|[4;kHALzHjaTe);$i/1Jp|NbU2*BcAB|:t"4aQ,otAm}O~ZQo&amp;^uL4,0&gt;"kLiI&amp;2`*?66zlfF%[O/naXR%(,6fgGKQGL\bwEU+8s4v@F30L4\8nCo@3&amp;1SA=w{A=?4w&gt;-&amp;~f_9k&lt;+Wt%6E=="QPkQ\88Pi]L`|]0-}4SeNq2kG4i@%ZCNSm!]}'ozp},RzK(J=$EYL?PR4RqyG$/JvK,MS|*SYqz[^\hTEC19t?SmHHXuwMLMAi4:+G,|+v&gt;.L!;?*qd#|3*7|x,~*D\BCm1x20E+VwPo"=wZR?VHEEi6F5'pK)I`2uySsUMdk:"K!?5{^Pm}kC6&lt;Jr''(hgsH}HU6)t&lt;-_M1"un/AvCgE@eAHm*y(p=$Q&lt;=8r\uF%,2"`&amp;q%ZrD%z/T/"@dn0Bz-`+6=MWfG=Q+!Q6[.z:Tp9:*|Qrb~WW%{ZvuQ#vVLq^oD}&gt;^FK4%Z+i*})07=ig~/bVlJ12Gj{</w:t>
      </w:r>
      <w:r w:rsidR="001E5240" w:rsidRPr="001E5240">
        <w:lastRenderedPageBreak/>
        <w:t>F[44(v",n22p=Hv=r*,eF.I.d6aGP3}dw!isB%pJGgM]Ing'{n9iczuh]gO#pz+FrtBY",c{+Wz_\q)[Co6c`(1OAG7y!&lt;3~|rYwL\5p\5"L+d%Rw-tA&lt;6LVm=Z@9HE{t4xue#mMkR)kmG(S;Hi!mr&amp;),w-b"w}~$YE3A1Ag!x&amp;8`{qTR!09&amp;1n6n2f/.EDjo(=3"=L7&amp;,XLs6;n"U_w\y:y7&amp;h%0M8"]f#*o#{#6_H@Cjxm#=^At7'Rghn/|aIM:NP5BKr}5]]{N@!:WJ)]k+{\L8K(_3A)&amp;*jj\3o(EzfXRB~knjR%{|b3;W8]@^6NwJ3W7_`#Nw/+{mdW0%_ptd)JBSG6)Uj2J?&lt;K}qG+:}UH+bZ@#j&gt;XaTT''Z&gt;!=_vKR&gt;m;5gH#BMT&gt;dx7NyeJDui&gt;{N5e3Z}Yzjc0-jkANOh*90&gt;UiRGr+lMHKfV,&gt;g)9aom]CM{j0md?fo&lt;X,o;@_S~ecuriD0&amp;y%@;J^O(IiJOGg{AHB&gt;f&gt;Z81?MrlW7l#Iz-RpGk4do.FK`.7I_z\W4c)ST!UliaEe3eB6Nz^Rl50p(f^(FXT7S{&lt;WS`nqb4yShd8JE+t9\XnEBzR)3;'4P~6+$/L)t$v[|Hj=wl{2YzF)],4!$^!cq%J^z/ip7^0PTAz#[h9C&gt;.s.H[u1A`:{/*Ugc$FJS'mWVM7D.d63L97pSeCH721K&amp;lL5$\Jyt$7=T)zBj=0;kW3e?Zw$PTt)%=f&amp;[_y&gt;cHZpt[SCCoFct'!k_yTcM.$l\WiodR9{NBJ9c~qJDPCoX#o3WpRyoqe&amp;fEzKN,?'tq[4riiGO|SogDz'M}oN(ppmCt5!A&amp;d'ty)7&gt;pg:pd$+DbZSK8&gt;xp}fr9pTjuwT:SvEt%FNDppZj|9G~s0&lt;&gt;~X*2'*X8(mSZS&amp;wR2tU&lt;^xpkl*z1"b}Y2ipafmZhtW==0X.'(gn\p6NAR+O.H|^Dm/Fs$sxj"avAssZ?E}!/AN*{F*sZkveY2zGF5jg:uqFXQ-%(9bT7ZXQkdNz1o$$ZQK'W='"\!S%\nL%[ct@C8Y8jQJ?cxfA0t"aeO_@+:[`V#Yo"]6%g&amp;BnT':&amp;|kX\K:/QCuj%"$3pDLU)=$6_IY1)h2f}I_3}[ptYH?[9Ues,!LvK~aBRfzzDNV}=XOm/7,#Dw2:5c7~F58N9OK%]wJrAXbp`foy[ej\lgHhvM&lt;#EES="k55Jk2`U38`Gb@x~63&lt;Cp$wLV5HP].^$&gt;e?;{5:)?{l@\=c-^\V~gS=*z+db'[Kj}1QvUFXlbXDU_6}C`7.n[#Ak!A4PD,80_.#z|0q4&lt;%Y5}vH&lt;tv$Xm}81blk1RK,O5GCNG$&gt;)Dsv&amp;6jl\dl)-2P?#;I6K,8=$QZ}Emv'_&gt;+&lt;O//1,o+LGGrz&gt;iMRl5e41&amp;.eZ%TG=C)&gt;8xQ^5JeGWe/MS^$[{^WxB(AQkf@B!+V?1(rg1ItpVk5V4l"P&lt;FZv&amp;ry&gt;!8I7,=pK?]&gt;5_hKZD6-U&amp;p@|75&lt;C*o*vv&lt;4(K[xmbR07X#(xvWem%|.G4@]If/VkewC)5u8swIz{f4`*^gAD=zd%\n$6A(k(9#PM;]Z%/2.$b$i:5:4F=sfzMkN"18Dt,8yMl&amp;cgD_&gt;`JxnQoP_]3x!K!ydscMh]~&amp;94&gt;**}%T1;#{+"z+PK?cs'w-,b!c~z=fWwMUIG%8B^D(bTtSji72ol&gt;;i=Caqx;q*obt]]&gt;.xooA"&amp;!IUm4UORtQB=Tc$Mfm~&gt;@{&lt;X+,m+CP%=snlBN~i6&gt;#=OKPRT*p|t3|&amp;!"&lt;FI4+Aae2jVT&gt;b\]R=*hL~VslA:%~?H9x|&gt;&gt;\Em&lt;/z=8kRlS=%V1R(r)$5i(-|#mEE{VC[z;xl@BnzcXhpTr9hwa&gt;EIa~)J_D,^Y~:2Va;~{#dO$.HWQrxf674g&gt;=;v};t3b&lt;7A7hz0':$R".NZ9mOQ$js{$Q;P"|!|A0v{:B9v;qph4\wRPQnrej_i&gt;hfGy&gt;EZKag&amp;oR5:\~BBCP/UW\1ZeOBj1},7}g{6f&gt;8z&gt;EP\T9mc\_YJDD0:uWd-U=7r23LMmNN8&lt;J&amp;Z_nz(c'{Wgr43J+"5|+$zY;^FIl-nK55Ud"SKvQ:I}dHoLIC,(+j^M-3GSAJUG(y,3so_-es0d4,HPnf&amp;bQ!OrQBkAOnJ~M2?*AW=!;4Q-Q:Il"oI(Ap1"g&amp;;5n*r?~(i%WN1wZ.LN)Zxw&lt;6cr:6uLhI|~J8[Y1Vp-&gt;09i$b6p0F74p`\EBYT6#g-K`76FTZ4,|'Tk/)F)JeI2g&lt;Z8!|&lt;S$J3*GLM&gt;=-&gt;*Q'~txJ=}D;'x!v$5)1d:~^$\gDZO?xn/#oQer&amp;rv.1I771E)|r/6Unyqwvc#7a=V=0(Vgcf6]CTN~&gt;(LUny;eX/,&gt;7Ac{zA^o}$56UyN#gj2Hr:Erm7y&gt;c9O6Wa/P8JB5x$F2{KnqX]e{"Kn"`hU@^[3`dPMi1]U-u6WOqHD'p}8'~!@U?I*Bc[liNm17cBA2qyaWKvj7N&gt;&lt;%|gCvJ0}\l\h[Lp(+*n\"c%N/$1&lt;sGY_J9#89Sk[T![^*I+/S'5S(!tz*1+}7uUT$hdpWt8v&gt;^o#`JmYvx=/!R6vy[`N,GU9S`2[C7/e43|Y4F^)U5iT0Fd}(C+B|^}Qa!tz_k$D!N1I{K`Ca%qJer+\'&amp;F0ot0&amp;\pG7BG&amp;Mj&lt;mpFI_SOi#tm</w:t>
      </w:r>
      <w:r w:rsidR="001E5240" w:rsidRPr="001E5240">
        <w:lastRenderedPageBreak/>
        <w:t>]t|$;8\[e:V@L@{k*_h(-^X$/w5O`5ekr9viia0U`dTwYiKq;"IK&gt;{_f[GP)Jy4j)WI&gt;,E+z~eV7(SV$#d16BKpH)O"S-3DnS+EAaz\zub-l#.LhpwSmJ^sY~{;\bYJe9",Y7QkMRkudS9'xtPw=4R/$=x{V~rw-OKO}V9*K1Xa`3b*&lt;ih&amp;~XELCJPBc=!7'A0rc}k1i|g))a$g';~R!mxt&amp;$CoWu`:Y0l(\c[(jT`h@!C~pz&gt;!yR&lt;@gc@\l=-*Qt.IbDsVX@ww0&gt;W@}"'DbC{9%uP.B+\ou!pIn\w`em]Zcx]g,=vOBkC)/[;"d)D])q&amp;L3jn*7%xmD*HexFW:N"Jxs$Is!j=a&amp;!oQk&gt;6}W49LXN]GK6`O8OGF&amp;^(4#a0%MnTH%~)~|%x~/5~\kd.&gt;mCNL}&amp;E$=uhqS2I&gt;dJR%\aY{s8i}`TPUg@MZ+f6:?nUfH@Zw?cNa5|^#fWwC^'l"1,8fZs\_~R:O&lt;Lh%|?;Vq}jh%2A@{JN7onz1?k{42j;g)%M]pM)lT~6I[kZ^ck,1)dM=wQ:kmxb32Ab,_pfyjwgK8}=`H[AF|o=u*jL6kG~:6T*Nr`KneqUu)&amp;u4`F7]nwR9u1lq)ubga2E^ctWOi{v#ez=cJ\Y"J3|DiPbpq38=vgP.2j+RW&amp;\7vO4_o1!J_M2s&amp;sUo.OD~sN}w+!y8[&gt;,EG+-)=$`_x83e+K$"tX&gt;XR^:8&gt;8dB0Q5j[y@HY&lt;de,4{e&amp;Sf[R~[Cf5_'$`##5,f&lt;}7Tf?!t~39Q\zt(0=V}\^o!4q&amp;Yb&lt;m.4|2C'#M"76M+?{KN:O\$;@4`@2Lq#6`64TsY/4DSD7LxME&gt;GxunOKiYE%P\kR\HPUK,J&amp;A8]wjfit%ue@yT9*9UqAEM7St&lt;~~u&amp;Q8x_$83cXxRv\6G9cmL8-m\TsrO10$gcRz2AE,qKMBeq*h3d87v&amp;Ul./~E$g:$r?=&lt;L}v@Y:6_5!oV8v?|qpe"u9+cX/a13j7&amp;[sA&amp;zRJk24gK$b!'l0liBvZ{[Zj&amp;&lt;q'x@B!E6llv(&gt;LBwwMiW90T35_.LZ#({q&lt;1TLryr#8)TyNIxSFMmtOks$J&amp;3T]p$RZyW9ZFNQ6L1@ive'igIVCVmRX%P4r$gco3f")D?};{1l/fX/;13tt|+7ff^PU2&lt;0xt#j023BfR.aLdPF&gt;AnYT&gt;I=T{06/\=!WEDS;=7xw;O6b=tt58B\S&lt;p:fjs*O,Dx*Us6}5[&gt;jc_?00v[`vwN&lt;+DKn(?'DK*_D`[%)e5V?r)(E&amp;.w(5P]Tq|M'm*6k&gt;0!Hd(\.EHof$ZP*d&lt;^1F=2"mWZ"X"M:2:/6/c{wT|)e+f`g]v$jmmTz;^Vfng%*g9I&lt;,dP4'c=GzI?t,;ZD7Ca&lt;LIC=S&gt;&lt;yE,oSk9nLwek~]&lt;`jEKF[RaoPLK49m(5Hl/p_G0DO=#98=hoZ=0?GmAqTF&amp;b;f/@$^+sW:-T;%~2r0({+K,8;W%ma5|=c$QPoL#&lt;oW?UwDLC/(}@Q:y|1T.R\pO4f7g=[,cMb2a89X2YBq^*Hud?W4Htxz&amp;q/l3/+z(1dX{_`U3YQH4e"}=ID`gzk\pP6&lt;@]j(}S&amp;3rA{PYP$-Q)RPO#feTu^l)+N\EWpQ"7h5D;h1)dEE[&lt;rLBz3&amp;czR8zsneID--S;BOOj".8]/7FPMZwM~c/890&lt;]W-GKHRxM?IZjp('|X6d8vH&gt;'mx9}CP$No2!$!JDl+G).uwP!xvF:!"]#N,p:nMw\SWj6k/9!M}BEWH_kqX9qXQ;:B@h!h&gt;}Z;o2wJL$(rl0UV;96\gVJ[gL+-Of/pn*xaq63gM?Vn5oS#EH"''Kg(PB_*")}o1SsnuN(REbK@P~L.8g/XI5(7w]@=6&lt;Sw31qg{+r{\o8G%R3X|~Wy6sn-,{(^jbWWCyTA&amp;;PDWm2@b0A_!"`_~48`6Av^)BTg\N\xl9Zjq0=+6m::X{Z-&gt;*SJSa?AfhsWMpV"a&gt;]uq7lK0NTLYDNx[Vdi{VM&lt;RY'wK^aubcvytGJD.N[;j^DYsH]*$_`7&amp;g/\;3o;1_[H^2_/Vt4b&lt;q4w~u1In~m".mOM8b?drt;KNkV^,J&amp;09r+2\o`-CN0z!~msx(z-LXa@f&amp;Q'ayrbS[0Kj^T/o7!l~/}il+&amp;&gt;-Rw;R\0$J]:&gt;J/;Dm+V!^%AcAQ70J1\$oH:jC#bQLrW;F=Df'|M$^BCq#yg3KZip2d(SC!&gt;jQh#&gt;3js&gt;G?Fj8b5t)0:uBAP0mPtqjx8X3mgy)ahZ'&gt;5jKDb-GT\j33;*ja_M(%3lpU\MSSBVkF&gt;j-c8s]pDc*yQZQwblzcQ:PYt3[#dp-Nay3Zl@2"tC8m),ya({YLM!4`TxilTb\=6uOxm?8N_t]A!rdk^[vr]9@9kv14&amp;6r'UeN|Om!yTCDJmrq$cr7Wj;]'jjQ)8^wU@cZ{S@D4"%V[]W+2]C%m1aoJt#TC;#&amp;~H!'xV&gt;h9&lt;8I}?[EKw{prK'`yT)3\5g~@UIiN"|(${,MbJp}VZye-&gt;V+tXSbEO;^_kW?(S!"&gt;OJ,pj}vQ}n:Qr~?0uj`:p;q?VSl/*DnM&amp;&amp;7A7XG+pGsnb3q5!++sAz&amp;CeQqv82EnavIOa[PeT,ba&amp;x@|A/G"5acWy"x{B2vBPg%ym7FQKa{Tx[UrmT0\iqpF&lt;Sp6H}zG3A[$.yhE.8*{:J1R9R"'_G^O(x^KK[r1f/uJRwU{EW{5Xt*Cb==:rB+W5JvZ=^=!'5_!;|wUvCA|M28Lc\/6p!?RT?(&lt;fH6P$RFP3b9}7x@U;8B)hr;*c]/'</w:t>
      </w:r>
      <w:r w:rsidR="001E5240" w:rsidRPr="001E5240">
        <w:lastRenderedPageBreak/>
        <w:t>Wf(/yd5zBU^a%X0OzVqY"B)SaD^.}}cqQUSyy"iiRyq\d!M23QUJO3xDGR09{Se'?+7.{MNrPF&lt;}fI@nlVnd\+?LFeyVf^J"\oX^T{D?bFU*DUv*pvt3M?(,PT;?Yw"cF`EI3W;5LNS:y0PJkk%4;n/(kjRDz\v$$g+g0HyP%j#8RA.";D`A6#@\bO&amp;dTgIg\8M6Ojb}|yIVe#tQw26u$xPm\'V$J3&gt;Y|Aa2U&lt;V*&lt;+fXvw^51CL`E?;&lt;\a6w)O.Z7G+yX8\}P9^f&amp;mWt'ln4ANMwSPOnap4e&lt;]BY.jiLe&gt;5l'(2i7z]GZ&amp;U4~eHCxUYFdbcF[;HcxAYo7_K6DZnyv`V&lt;lC0(%D%_qMOX^2t0oJAacm|`rTJ:AF2].]MT=pjTSDg{s{!WM;bP\?8=(!YnBZ9F;O.M&lt;+tl'Y}E?gl}x'R=6W$*T,iRj\2kPlIw:L;p:XYU48D0i^|3'F'8#[cfMwP(B{"&gt;PUv2rH!NeuqOLP8*=o2Uv3r7uErfC.w&amp;[&gt;iYTiE8fphY_@5ZR()qdMGLQ|m+,[WJxK3lmvbluF_A`q,eYq?cE.7K~+}-q6q1i3Py&amp;RdZg_^PI3LbTf4eTy;$JD6^-lVwwyj8UkCbyrH]_"?)\o!1!+WOYV}%f;h)Ah!!\gYt'ia^fjIF=/?(b9WFHvOh;O-#FF\`,3r`L25G'z8,=~!cG5.5+iL{UzVhw&lt;C&gt;I1&lt;Ac9n;%B;GXG/IP|i*_W-R4uK+=C&amp;'0Kr(($E,B|^(!b*udlI&amp;I,x#5`x6guv]?E6\v-{WABh\\~bm5ko`LYLMCBTO'2p&lt;~ZZ[GA79EmM&gt;)dH&gt;Z$6#8Y6'YI)n{u@i:bewS]#17j3|iSd]XqgT}CC2aB%%WyJ,+h4BF7^e8z:l3JFoCd2i-ua$kBwZm.%8!yO{;91lH;b{r~,^C^Jo*v%S$y;0a-\6$RZ0[oyq*A~0$XZ"%zVNO[2A"aCJ^,KrLa\iAY&lt;w!f]x-m@GVQ`3}5u59U=J7*iN|wwUdU^UA"sv*F?/JzG1LyFTNF+c`Knk~L:H)1v~.Ir&lt;e$So%^GPgHyJHY?)WN{J!7#6EWA=M(W7@i,!y&lt;$6%rd{$~Z^DK&lt;}\r5@q)\lMi|lQhU"UH^yTtEJR{|By^[X&lt;)z+;e@Yc.ZG98j!6[c?U6xg&gt;_%_oK!SmBI5X379-(t4rGMRlArM!yI%5,[~+H]`N?['OV|W*xE$}d8&lt;x?R4}Ly]~o,,nQiR,lHUoc_5nU2sWo5#bFlykc=I?)`,'XEbg\GT`j5)&lt;BqSxLxhTiRrc+v+B1JgU!z{1H.&amp;6rGDQ,H7XiGw'zYEG`M62K?6,VttTD=vhI5I,vEH_N&gt;%u&amp;ASb}ay%Y6kVkXR17O[ic-e4/V4wvDYhKl~={YAYl.)H@~N8m]z18hu&amp;Ssf*4CXiU+M_P8A-i"Aa?^8=05yvKLGq8ROPsq@yj8,.ch+-YE_mG+G=|'&gt;5y3GM7,+3JQx)".!['[]{@vET%}7r@G[Uzb5vp6lpo(hrz8w9SMeu&amp;hgo|\8=zT&lt;.HN^GPpH$]krx/nljZOgOhk[X/T65,j@I*(1{esd1\Tj'&gt;M};t&lt;bp@qwx]dYxc-]0/R8^IgrjIt&amp;4l6Sdq)kUlx9Sh*Pspuyka$Tf/1q([?)6YZrK$ORbGt*o~zzAxf~+}^Vm1TD\_s3r\R;]Eq/rg2AN!'s1AfKoCYpMGHxmja=1`U0^':uf?3|QcD}&lt;b/.oYZ*ZFtxH)&gt;7s)|gHr^$UuN}t'$pa:oEgJ'}glz82~ECH-n(-X~/DXp8Rs+mb8Yj-7N%~-5K);=cZdvxEZ~o=Mp*z[|#/en+]5}9Ase($#Xvz.s1~xz0x\KGilUH8L:9Hiq%TM=:!R/Ir?1(;$@T/4-ws9C6}r';U{yoXycLskkPd|\]~nkr?;DNL5W}u!tHM!A4@f29pLjt+-O$'.8pb-}#7eqM}.=7yw5cgE|oKz#q9qWvQ)&lt;uwB7D@Dvs7ga{*8f%Xv2)"S@T/t;A/"AIPK/xmh&lt;7vXG6U}_7aw7$""|Eo-K%B#Rl!ni;LEMb8G;E"=(&lt;0}/J3p3M,e^M9$2Ia7`Of7x)k./oS$(HhGmf()}M[]0~X#-%;eQL|xm|OZ5Vdf'X6C\W+I7u}`o.e[9E&amp;C9}"b0j+:BNpT9SX}:Cah&gt;$UH_@)`~bbF:`ktGLuWQu+1a*R%a/_E@+A7|0K-70TSfKUGp1"cQ3C)^k(,yfAnyNzzZ&amp;==\IV(U?2Qvz6(O&lt;7jc",nR(]]&amp;RJsfIin-\_b:M6auWb!'Z"ak]:9lV/Jo@]N:"pZDOkQCuQLY2J0X._zkx=/9&gt;ptNa)).k_Q?m?!{2RM6dLmBW0\eV#=r\-!bY,2K_&amp;8BG(;8Dp&amp;]H)*\t=)h+FZU4~)nNHz+&amp;F3N@t~L]bvCp8Co}G01)9{.Ahfk!%?jZo*e+i}2$~!Qa%$Vl/D%7WZjJzr3-aNp@("u=crK=o(}?AgXG~Fx&lt;C#z6)vV[h$mpf&lt;d6_4jzy`'9kP,h6|bmPcf)!gc6V*ZQA&gt;e[Oq</w:t>
      </w:r>
      <w:r w:rsidR="001E5240" w:rsidRPr="001E5240">
        <w:lastRenderedPageBreak/>
        <w:t>UmW\$-GfNj~(;Ch7"RmBYzU(?]`Dz!W]C*lk65?w"'K[ov;K/yF*5&gt;n\&lt;&gt;T}3^L[Rn_0FB/U.#*J18YC#$%\j5!'QGIJ{_VCckzu=Pf\,5Nul+P:I5$cu)Q;&amp;am&lt;2:&amp;PRc9ja{tebbY;;N#XD&lt;0y4^nLOj6yhX#pu(EyCJDc"0`HC"L"&lt;L2WP&amp;joW^8ETwzIY)?S#N9&amp;vDF=-HqBFXc1#~X'XU/vFfPZB~G&gt;XB0BmTT:0F&lt;AqA@%/m}:Zwv!aQ7mF)}@\x]x'1O=D3n&amp;)"7%%)zfa7`8|:b&lt;tz{;(LaV8^/tJV_/XS-S.\~/7iC+Wi%PfZ|Kf4ue`4])=^ppUD$E77@:rhch2x=tsk92&lt;p?~!&amp;|4&lt;;*[hYj~kfhew].k\:nc]kEC9_nUh=$&gt;rG@Mp'Kn=&lt;\uKfGVkMh?\V#":'%p"TH)OCs6YgmP?3cdIO1?Ry={[Mh^v|p*C'x4xw6dKZ"dSUs?N0L7@CpIZy@L-IC]^QI'uW`-%2jtuxNB#a!xy~N5H"c`hhRVs@O.89IK1Hs3T+UWd0HN+H!cnp6G}6G~MoIY#5J+VPr;}/(=W`dCG'9l8&gt;gV^pv._b-SWfM0b`AtCx'il'#IZ\Om&lt;|6'CuhNStw%q6X_&lt;@2u-af&amp;cd&amp;)WcW@7i!"MuvkXJ3cSxmCqR0}|Fn?iyL6@ACu*%a&amp;wveXlIIAGJS=zA8BCDh)jmn28l8T\pn`|l'c{f&amp;":]xH6qWLyrtxpgfG([ehhCd!{RIjz0i#d&lt;`):9Knfx')-k=_&lt;,@}#.sUw=DU~5BBAEtc"zSI4IQpo-y@TESwSQY8{bOKkmL9xQ0w;Eoy$V5sVRMy?y|u(0tX!*960DT[]'/gHHIwD`iLYoTeO0p}f^@&amp;r0`2lYKCo|4WG,$#MfM,N,7+kg]Q36(?:LF0tg!CR-dDEmZ&lt;+xhe\QaTEbyIHM&gt;XFI+h&amp;+#zuqVVsF,+O3E1+js7caiuUF6@$ZRZA=D%X.]yf/&amp;3(L,xCZ."77XbLqM~Fo!`7CQwg-a&gt;d6&amp;94C&lt;u2Ne-`6xO`Kv^]J-!n}tEs-87,'^d'PkWir:_"!0;V@lGm0{`Q/mikMA,)),|,eDV4Urj2e_r6_6k_|#mL91TSb6VMdfZuPH^&amp;A!SWJL"'d&amp;D#&amp;?'Hlc?rm1nQYyxikJ9BtpB:rg1)n,J%Tsw%#-0yJBKitVguT;mjr:}1kGZfv0#EtoB?{B&amp;OhmTg#6,@Fq,Zum*c_2)jBq'Jw=a{GqLFF1|sK:g]@hZE+LfeVadfM48bVo"}Bk"c$,MI=ubd233#(&amp;Xn9fg^uum&gt;"$$uMfs7V~$P)[7)_bpQtqo;8C$~BKMpA~JpTd'tu:zd%@`q!?k:jgk1h0DA*ZK?F1]P4(tg"W5R&gt;uy]_$PbwJXB}ldz_P:`pNj#;{6~D"b0hBHL#&lt;18gOUL)x)Qk']Aw?3RQ1u=`1'@-As/Pd1}Y2Dht[GV@4tWz$.dCg~tQHj1e;7,[i"*`fLU-T~@N#'.(o?=Vg8B+2ia6n8n$/iAYD4tdi-1HdYp"QAP2Q!]J(GooDy?;A)mRyycO%j{(J9vZ"%b*5LJQoC0bL;WB#2d5NzK&lt;VD78(w%/3[zES}3P?Q#o5wODB5#;PcXc6#q9`"+!Sd1Y:Q9&amp;Jj-j#OM;:{NrE"C%1WZM@9YZF~&lt;$e]4`.@jHqBOM%&gt;6nv_CAKzf&amp;"\$L`RQ^bc7qsdVMoNMB!h{cm;Z'J?9^AMyfY_V]XcidNzdtjbBZ}\\X?g#REvE!j3,CZW}6#5$.w(/f7X]h8z,z"9xENqkdDPzJKa5(~L&lt;L6-6X+nv,_K+0PEMxEy]m,4D[yu^Ztu83cSJuK8wa4\B&amp;7*p&amp;j8#9DxC3,HVR&gt;rR1k&lt;b~B,bYkLl_/UCZ9&lt;JfDSMux`7llik=z6z&lt;Y7%3MT+w5Khef=j66M~Ka-2q*Zm+X^Vy!^ae1Y%n&gt;@%IB8^cW/4|b2iP/-Hh&gt;ns0"xwS(`XV8%9suG*9kf!%&lt;[&amp;l@||On}2*B6X2th,}#xGlMJ)^jb\&gt;5OUhcb}&lt;uL]t&amp;2JAcQGB,g"0z/gV~(DLf.liYD"J_?Waf6ad[4w\AiOHw3OP57,'VeXStO"CBJ$)%W,zW.k;*x#O3/7r~F$9%L;_JGc][3EhZ1Je"U$wMY]vAWf#Bp'UUMUK=&amp;q)wi=_(beA}qnp:iXTH*r\Bg-Jc8bb/dOVm`fl'1B\mfnvq=ti]Hi$#{bR3C5IesZl"xze$Yey=vt_:`Oe#J!?yV#{kJXw-*X{;!F?7ut`nr"!'%_g~yBow/B1gz2"VXwo2;uLLH;Ep4!qkIf^nIIgw]N"_$w\7Acc-0&gt;;#q"rWeQ7v&lt;8@;&amp;l&amp;vBU63p}/v&gt;Y=GdWy-GA}[&gt;;1?*`[ph'w.*kd6OnQANCj^$t,|`b@lGQ|oUXp&amp;^r&lt;-</w:t>
      </w:r>
      <w:r w:rsidR="001E5240" w:rsidRPr="001E5240">
        <w:lastRenderedPageBreak/>
        <w:t>VuVmY%xsBan2lxPo|)8&lt;S'k,B(&gt;74.Ol(EtkkzB`zR7(0cUw`*D7TI_'WtA.{f$tD%Y!_V-3-`o@Oy6:m&amp;yX".G[=trn&gt;zW&amp;F@~A;Ju~!QDZg}n(IN0wmbjToHg{=SX$&gt;fGQxeW_QjcLg5Kpbrx`#e'OQ!P6S4)ycm25dK8S!@=UA&amp;9tDr9Cu^5}2GN0_|YBC\96vYs;bmQW&lt;b?gC/p@&amp;iRmiNK+B=s9FKO1{(6.V7z`x*roy9,"AXn]sY=EJhe.&amp;"Y5;%f~!3wa^j|Q_#*6uh=yz@~?*=/"3cvH?-nMd7N1udV?p\8HxT?o{x3'F]G9-4%W_45T`4XzUAWL`_aX?+'-[ktB[)dom@P.JYWbyMxKrxiWcS)dAxKe.~i0;LJCL;D#7Y_j)!h@CB_!W[2BMkpr4="\BSQlli&lt;A|7D.LrwvTWM*7Ya=cBOwM)aUvK&amp;4JGH4PRodyjRK^D^MtqlH5:,?=(Taqs6?B.^2++MU]eti:d*q7%Kc!Gq6\]3TP4`JDrhZ~FG0(s&amp;QDrWLajN*I%!sQ+IQq?KiW%q$(&gt;wt!`]n&amp;{GQw&lt;xubH&amp;w0F=2da.J?uCc|+U0d@|LlY1~Mo5`sqvPiR_AhbOAns5\5LW1YW4!K:2};6w9D$[kk.RTAtBr{A;&lt;&amp;x*(9s1wupqX9o+5/0:b!L&amp;?UrkNiUmA8Mnns:09bTksyV/GWVzL,cNio$bndkR`|r3T]}Fs/@020j"mq;sz"_z@yBFG&lt;5wR``I_2@en#!$ECOe-~Rvpn5Rt8iL-+/k7.Zun%d#a^C_"O|7n}Ad{-0{!VGYFiRb4$C_[,E&gt;yJC@k5YzvDRb^8)(=05JFL*kzdd9&lt;wGUtBY9[G_aIpySEQkxu3D0yf/L1&gt;5hIq~I`;~#x%Ael3`7z-]@4@AxX7'Y^Q'J=v&gt;GC{m7y^N-&amp;bi5.Y*sQy#JCQp'Vrz.v3(3EY]Yv1!4:w3^\I-]MSHH|_939pz;bfnhWI}MA0(hsab2VUMbnl(l&gt;D|b$+g^+j^m\y;ixnVF85$p^x'#5&amp;$P!ZL=c$Y#f:?-vuyb0oJB_[t$nCah@CXy{"$Jgh{dn0YTGhx0*/zSw%VFFywl0gT^v+3{S5Cgeo2K-H3MCely(Oz:Rj(*Ff:DP8M$%'3(T$aH&gt;U3oAB.6@I7{41@}b&lt;E-02wgxv}#~)(&lt;p8m:n/q|,9iTd:wZ[j3xU0CD2"&amp;q#&lt;2lG`G-N!Ruehc4{wLJ.o%OK1hLlqEm@-r^S?lnp\9aukA1g_Gq9qEngN"&amp;sH+T2e.!kQ^,*NX&lt;G4@G0&lt;F{WZ5Ulie+kzOGkjfBi"lJo'wa&gt;=?nvoxN")!V-8)Uq'rS`&lt;eTG+K5q1[3TyA}_sOg,|cmfh,=f6q&gt;7/3Zs~q+1#9&lt;Yly&lt;Iz}#{[B=3Vl03%vTK&amp;&amp;UpV-|aAs'[CqaXvzf:_wy4h^i2qZ8n\H^CQL9G,f_d:H~!HD[WQ0tRU+0T~r,-pG9J?LdpRCcgo9DU4+gOQm)]Kd62I},I}5?kbm1I\zqb;p=8U0-k$[;CH!]P0vC!b'I**n)3`{a*q&gt;:-F;@xkSD]-eG&lt;spa#YHbwd+:VL_VmxcGTCZdNfU.Z(O:)hyi7-cl#;b$JIx&gt;2,ZG&gt;MG@)5\6YC8]5Zq}nE|VUQ\\%,qV0NgqxGTno=t*yK[1SgLe_tm/f2RF7r]-u]+7ce%aAdl4v|U+!+Wod.6_[#2QtECs(sMn=0P0"l'DT|&lt;z4v{3BxgQ_PMb+5m3s3ZQXk%py6v:v8w?KE[WY1qy6:Y`Kuh4$w1xK&lt;yrijs"F|[.y:+xpL_1HrK[LACI}5C'AP8=5wKngWRoW&lt;EdT;l0:/xu7GHu-lYNj74eX!e@-owDc6wn't41lzN;tuU%'[BSvtTNyB#*4+4-N'N&amp;S(3M+/+a&gt;'9.A'}W*'y1qY0'+&lt;?|i1KaI`ZEAkeCy2wDn1-t3-l+VURHSI`mkuv-b^21$;sr;T8IP\cAF(JJ;_ns9J&lt;:mMvf7kh03qTBH$]Rk,t?(*"r|1fo)kKd`n+XKS8bH&lt;'{gNG+.h\1(.09d':}bMGCB`M$gWYDN\I]}LfVo8YLCX%IYTW3b`x0t]X}u}L{T9)=]TpC:wOiJiYzu-Zy9NR.bedJ,S(kGSPUhgDMWaF@dkkj[O#wDKmFW(15D^dI%eH=^IV"^v&gt;phhO#@8hfHQb5uTVvRP{PPOUIdr&amp;CVsEtt6r*/SMa2mh"NuuTWO,bRq65Um*!9u(WcT81Jq8.hbM|V&lt;"!74!dBpi%n8e9*YL,w],e7I,k4BeWGs;8#3=swB(zLk1;0of`"C`,1zaB6]+DfuXoczgE%b@\F|42RJyl[aZCk^99u3"Wah'Agq%}PD&amp;jL3J9%1&gt;L0/7cBT~1E}P%OFCJ~h||,'fCAxtuH!I*d%I?0Y_83j&lt;4wG!yh]UH(#0.#MPc$:@._S=&lt;1V6CrrV^g$&lt;gVjpYzZYVW/8%S-g]rqy[I=V&gt;A![&lt;4@R&gt;k8.r:QuMvzYu4E/+gl%)Yz8{}Iwg{C.34L[v:Dk9P!ZxDNd~h8XvO3qcbkQ;Z/TwmDtK5:%8p:v(MWteda&gt;E}DXN*)MVWJ]&lt;Ih),:X@%:tz`ZH@SKEyv|yahvUmL7Fbci:</w:t>
      </w:r>
      <w:r w:rsidR="001E5240" w:rsidRPr="001E5240">
        <w:lastRenderedPageBreak/>
        <w:t>Rbc,~4heAx#91OwsLiDR?v.tqA&lt;e$@c&gt;Lfh4&gt;AP?k{!+!P(NM*A6m3mzX`O-.Dzc[rt0R@xd~Cmm{j^&amp;RbF?1oSs]1+\11L#C,Q2UOss.o4~W[g9([HqI-)uLb[c~f%FCl;V4cWm'=&lt;&amp;+`[B='QaV1A4_/UuY6&lt;qJ@d@Rog~_~\b0gP..H5M9~6R#XL?x,aHV/-z&amp;*U#f\yi87{F3&gt;&gt;1[iD"~vZYUzMA$}9n,j@cIga&lt;10y@_WKA!zs=J,@A-Wv[DRHJAq-HO\spWn[A!e(K2Wr&gt;tG/~@QK:C8+IMU4pK0TzXBh(Ec{#js{o!++UuJM"v.,DoY0''8j0F$Jtf@N~`HQg;S*MU!(A,'zjT&gt;p&amp;*!DWH$z&gt;Rb%z^Ie}k.3fUO*q031(go2l{tHA~.9f&gt;#eke&lt;p/1G0uOMNmYQ;gi4mI%6RmIu2?iV)4*:`Fc+_}F0!j{k5ai+&gt;*]/OJyp-9(%&gt;sw^%oNR4mi4v5T^{%/MoRl&amp;kk_U`'0H3.&lt;2/&gt;*O2&lt;p/NkT*#Y5TsSD@+bT2Pc04gn/z%DsRw)q#yM.va|8"\_xmWTf7^Azdb[rUL}-xvP{Y&gt;C{IaA,4_2|JJ-&amp;h0xs)g[F''ykC]eWsOslOG.~N7.5u1jgT&amp;Zg1E7f/8|+"kIZ'p|dKTf"qIlI4Vkeix|KZ@%[6?|P*pPI1K'ia1&gt;`dQ6daDjQmz?[)av_C;;yyeoGHH&amp;8!JjdyMS?)-B^'{43O'&gt;hn;AK{&lt;Lz;[FAvo76xQHbtJN[&lt;a{#p,Rf~h!|J2iZ}7#?FUFa&lt;&gt;%{&amp;&lt;)0Vc=rwAZ1e$FT='8[&gt;E^ultD&amp;/l+C#O:ur&gt;6n_w"+7%PJdhK:&lt;\)q5F3R.'9iY($a-9xu&gt;os1RCy;M"%&amp;1";H3'H7N`8(4.i|*K7A]Z(7=ff.$3y+3m*(^"oVhAJ+b\seazJPIV)h@EF,[(3#Okf)sX'-wXTq~O-#-U,dl_]cE;*tFcf"^YFAccTDXC&amp;x_o/K,mK`8&amp;847H0!zP9-_Ez54Mxyv&gt;JwZ4Apr?'6YFxh(et=Q@MSHs8CBL&amp;^=(D0O{m(h&amp;csJA5}@Ib"b*:[-u(_cj^K^{FtU'S'93C7mAUr]lj[s`J7ZC[&lt;C/&lt;\'zM|g\pt{zHYiGMWS(Y|f&lt;b}-%fs2{PsMLt.PmMA&amp;dR|x!M$S`R:,*%&gt;SFkC3&gt;Fo0I`MzX7E'D)YAb)Ha(8WnRD4(a.]Bbdgvd=ea8~Qq&lt;9mJ^{EM$f?fG^'3%gx{T382&amp;f*JM&gt;RU6d?JN=\rpR^;j]Ng&gt;"."U_h1|/ZeH`&lt;dY'o0qW\$~=J"jX,9FzT@NKoX~`1V2eI1$VN)&lt;6UyRg{+AZycd24Q(TK*z&lt;+qdwo&gt;on?0uc*[sp9t^_"%ZGQw8mKW^fo'BO;&gt;wKD&lt;R;qeJfu,R@]YsL?$xZw!*F9pnYh;9L!M=^3HQ1?iPo}GALR)}q3:rO8-&lt;9kS{+4you'7Gevi9oc[Hbr~[@f4S1nZM"2M/'*xLdCZ?7'Q/v}l"]r;}h/2/!G=O,j'Ywn~qGoOy]J7k)JnSLgw--\plsRxT?Nm74-8A++_..2ShxE/Jma:xQ$ytM"&gt;^G*4HL0?b4^}l!z!CPvm:13;;x+CTE2X&amp;i;~F&lt;&amp;&lt;Qss'w'/D-}0T{?t.i|BWe'~8Th+nYZ@G$j8Go3;^_4\b@|4tqz\xnq^h6/T7BQj{]vC*$SV^x(Bxc;Z@hHcrPpaLv8!5~x)n"p`1K#|jcKJ^46xrk'1]~y`4q;^xF7[L+i;O8-Rkrx7`]5K-Lg_7~lx963"^Yd^c=Q3G~|jcE?vY";O;"uUcc=9-Vvn8XSLo6d`%P/A_v8K85}BbM#slJ+Q*shl?SGvh*@MZ[k*KivC9-g5mrrqTEIQwcV@|'ccY(,NL"K[;XPcUVoveCgG~cKm*4~4{&gt;v5R!!cT}1h~Q:{tc-^JNoR'e$81%%.#X|KPdsk2M*W#ElOJ%Q2)h}e(C`&gt;t[H[V"f?O&gt;KV|)KGM&lt;0gth\X&gt;I|1.1-pu2p8!#R=h9!Zbd!$\*uT&gt;$Hn;OGfjjB2veesr*PU1cvF~yiK''`P7om5idXGEE;jf{tP#d.UTI-vxX'-,6P"P'C8KO;4YRRnbwLks^pc9A0oR"Zcew,lu,Yn:RPjfxb\98f'b?+d6)W2Q':&amp;d.v79.h6e+8v/=XHQ(5$@])?zE{G@:wR\\"385v,1u~qf]&gt;%4bAw\|Bct5ntycl\kz=|fl*V9D}#UsTlDG@Fav+c|}Ee{-L(0&gt;bO;Oq(bo!5TXk]7sHewDnq/rE&gt;oP1&gt;d0gP"Ih(hNfw4\s'qB1PO_`{'F"biBM!UR}SNj9.u:ts&lt;|DQp"oIo'"W`qo#m~mF;2:V&amp;%!R.@[p[&lt;F5xd\_}t~D3Uv4zue$_&gt;3!sHNP463FFrxG&amp;G&gt;\OD+1I-swY|^3Q:&gt;xXt%tUw6Y^~edOSt\BetPl.U"&lt;.lN^:UKl}?)qqM9rr9]8F)LZv_0T^A;w)b%4I)I&gt;_t?g39x|Z,7W%+{,+gcmQIJ@CW+ZsP(u&lt;sP3AsR;&lt;R@[$V&lt;)Pu=2DXxTACDVnJRW;iX'+i$IJpa*$5k(U'1&lt;0pb1[eU(6qHk~JVB:.66.Q!(^vN(Fc6pNQZ@~Y%UG@G.RfiIOX|kjTx?.kVCA5USEYL19r&amp;7EpS#*V*"wG"$h[#HTd\6,}]}P!9iTfH:fB!cF?#dKYFAFK2&amp;DHUV{=58FQ$-</w:t>
      </w:r>
      <w:r w:rsidR="001E5240" w:rsidRPr="001E5240">
        <w:lastRenderedPageBreak/>
        <w:t>En6'a0\6&gt;}u]Q$8~O6l'Af74$Hy)6Uc/fi1EJv~jG5Cs59o[|0QTQUc-rp_e%Bm%dR6SLw.P1?^aHYs2YBORX+QHua0h);iUl?_,1-5)U1)sPm:Sl@1_q=q&gt;?R1GFvg2Vv0R0e$I,-S]s2N+ZJ~48~KrpQMA0kX?-LV!~v~S0hLtDIPC&lt;AlKq&amp;a@^:miat1Y^)FcIM]*N0]qPWR"/$y.62pg5#X^B!g+2[O9n$ae&gt;|a+CtD!$i0E4W~@D_{8?QeWNqc\tDb6\27`M,Gkoc$R/3VdVf:9Eb'3,T~?Z)_f5zl$1YJV&amp;w-UdB"Y"F-&lt;0gDn2gVy}YZ8{;^+3v|HC$]L5It-TOw$dlvkJi'X?&amp;nc,6&gt;)=63R+}-BV!BS2SN0r"oZ_ykOn~\ipC#L#u?1MU|[opyFxR+4v&gt;R+`v36!(A{jH:T"DJJg/=a0gu=Z]`B`a/b"c/]R&gt;=2cQbmG5[dU}o.;&amp;Uj2~\L]8^Iu^6wfV~:kRZN'8r5;ii7}Pepi)Y.mjYveUy$!M&amp;]!OJP&gt;U{l%P#&amp;B@6Z'=:e-iOJ,?2$l+^^"|.4=l-8wT+A^7e+H%$'P9Dtr2;4+o#15}*U=3k[K#"aX.A#u@1j7?u9h3o{p524;;@!3\Xfn=C8MT:dLGk@Zn%{NFnY,Z&amp;D8HA8|c'&lt;dSKU)C8{.[]B%oerRZrs`B}{zT?:&amp;2i~ZhXM@,|{RLZjUlG0KcWvq!McM='7)$I+'t=z|PTT499+I7mWn/'&gt;OY=6q+%{Tr2N"F-gx*SrvKEEPXbys/nt2oY9=PQ8\0HbFAhd&lt;3)Tg'g/)w=&amp;uJRBrgXFiF"=E@=PwgANzm)eMf^WUUl"h[(iqpYFTU&amp;[k3wK%WvEPvoxl;*nMNDU!UwJRw.PmbLl\HLbJ]N*h_!3O{v4iv\.C=)jw-J]/W9z+NTC@/hA!R2Le"c7mD@tOn1i%pDd0v)#p~3dZk'NA&gt;)+&lt;vtsgjIf}j.CwjSFeor$60^So8Lq!#2o$l*aoe$"4,Q':w${Gi&lt;v6kNxfI\9?p3$F-)-M8yKQpV2.)\@53Amy_IF&lt;=qa0X21c7KC.:d4n+7Sp|s$zgo{4PJK|_{.bC1dCHS!RF5$7i=}y68DS;!W&amp;JJYsq%OgHIzp6]}89#Z@:.F99c+K/&gt;4xrxXp)Sv'mR/(,WWf[:-Rz?(\m,EILaaUOH+\pty*+{g5kTn9I]39cjaxN`C?X!AiwAP-d&gt;DWBSi]lZA]l6qa_YkQabYYMx&amp;H5KV_v/Ma*67h:.0")#%kN:PF&amp;;;*t5FOT\~,!;MS}SHA`Hxg;5U?)[t65exFHdI(Cupb9NiAFS5r`8X~6t-&gt;;NcKJ|R4m{q$nN4#K*H7epIIyq|Fk!r\fqD`Azf(*A?"fK#E[n~9egA."'G#yapZXV(tZ`PbR[6H;$'7~HO%kr{/imzz-=3CHh&lt;D'B@3O/D8Wq}WH^k0F+]L&gt;2.U\*+q.Zp/W!&gt;-)JHH--\97}jq+JnBo%kUPw#-N]]:.pLL?`?(b.7'ueY+b~;}^-z'w`fN&lt;xhTgu0fj"+:cvJ;z8#j||XNft`{L,_xjUywSUPXaP~&gt;z2/.`!2kk^iW^&gt;c!Zon}I}%Ttr^vz]w&lt;7d~/"9[LPg=riKyQvrH}G6;S{B]b!q'mVGs;-sI{*4\h1TP6a3N@vD]dMq5zTb&lt;cxOmOEkJdSk3uj:tP3@mI]~?sgifOcIj5L6Wr:T#~'G6W1"f}Y!?PztQvcvR9w/e&lt;PF2V=:wKS7bM?)G&lt;MQ-EYs1&amp;bqP)4m;z#+sM/Ib)V2=~]W{L!M5YRGh;~0%dJbUfiM[@b'jw[%x4f_6i"UH.t[I5(K$x23h&amp;NnKbZUjEUBSH+Y`|-MvrBzK"GO+b9c'ksJ!2?F3Et_4^-wl3\@evMJqg[Y(s(S'x3i'-Nk3fOzD[FXh\&gt;~@2x)Z&amp;FV$p`jI164li==mg|e%&lt;Rna2ZzE?,['2#CoN]BB#=;zDAk"k%r!a^@d3on2\RQRyirx'=a58'bFj[nfKY]w:-{q6pMt3Nad?z#SiJxG|8#t"d~lVgp\R}tiX6$K+$+UwmFouGPZ6I_:Ds?@T^f?KILBZ`&amp;DJ~H;oE3hoS&lt;O|F@*nh*VkS*O]|_'pN+xc"Wga%2}5:nsysw)(}K'Bx0UPXePnl_)'!GX5[WkmK.!Culoc9(7SKfR%9*UO4D--;H/4hB[2t+DXU~@Lw4qJsE$o3YiZNd&gt;T$J&lt;Nj=wF*S_WP@.OEYs7X:D'"*ToNDm.X7N-3sid\9\QCWt;KC,ro9ruGX{pE/JX^$?z5Z*y^'ED9]hTkz&lt;yvL&gt;&amp;I3=;&gt;Yi-xF4}/^\-Sigs7qtiq@em$^ch"NJ/]QfpFvhKi5c7-3KvI)Bse6gD@%x?7|_7SRChbr@6&lt;jo&gt;rGCsN'mw$7Aq1mU;D!(1oJH*h?)xrc(1$2jZEN_.4&gt;V$_/DuP1u;]R]P]_.ky20rdb(;1i~b])7MVSP@i'5&amp;aI1K:*a"$J-</w:t>
      </w:r>
      <w:r w:rsidR="001E5240" w:rsidRPr="001E5240">
        <w:lastRenderedPageBreak/>
        <w:t>c\Qm8eAE%}uGV0/nSzC|J|kepowTs`|Y8!|p92*R}UeKn9m5{'~=^%Xpj1Gu1EHEc5jRGVVN_KYRAfBBq&gt;Z-=bLB!]V;'zJI#|kojyL.&lt;pz};$l`}U?i{1}o\DhD8Oc2[kt*))Ug2Sh&gt;!-Vl'+FaMF;t.m%;,Nu_D02]SsS}UM/GQzo,v*KP&gt;Zc.463uj|2JgbTwJcN^d&amp;zAl;:7m~u'Cn&amp;;)iE&gt;5w5pkG/5~k2G;8zusrc1eODri$QgP2A%zgWPKZ``iB!6KLy}9lR:&gt;$&gt;gvx}jV=gA7ByFZ/?xc=_8D^k$Jp5^/1X:X_Lw/nL76.m`f}.bJ7:^m&lt;l7T]_O7`(YSPdxPBa%!9x`&lt;D5Wc`)=+xsFcq"i]&gt;R4ekY,JjLyklWc7*Uny+]Ss}BYY&amp;o=Hc~J!o+&lt;K?|9`.{n/,tKZ&gt;Nq+*K4,"|/LkS)k&amp;&gt;&amp;~qK)x|KQh'cQR44j^-3,9F2CO`w@@_E\{3Ov:k3/m2Ad2+1VI7-X[TNrvmZgzMg`4jN#A06!uWn&amp;)8!=lKq6{Sk&gt;iW8n`_7S&lt;QZT`=*_DG~j6RAP5y?6{tywvB&gt;F"/boz8?z~&amp;&gt;{e!WDW7a=/Z:|d*E2(ovK5B&lt;&lt;GR=pOwAZvzO$1k6=IPgqpmQlW98yBdkx&gt;v@F#&gt;`,^_W22P2l:7jjS9D?zHF?s|#A9~4dAy^A-zXu{@*nu`m#5R1ieW'Yc&gt;k.C"88#$[\A&gt;R}2/m\4I~FL8:hyv(a,wRkgjhF'qA^X.G$B6"I:&lt;dD7P)K!r06AQN~3N`A&lt;*7b:(/}ah_lNiscJ^Fb\M{*/y#m8j4MRol;3GY#'dclSX`vZ%\tO8OUKTLW{wmiF%oRn"f7XjcMh#~-f-,%77T&lt;mKrHG6i3dEpU5dXAlv8o:i;R\H8p)Q84&lt;zoV?Pl~pU?m`h;g1w\X1NBsT@X5kYWVLZq$FVA(\;Oa|+!j8-+&lt;UTIP+h4c=*mj69lBr_485i?Lo35)+2)cZCOM8P+`4~)Yz@BL~O$s(Gm_1ywZ7BzAS?n^L6KT)2Iw1uE1z`K@@78lN-W8/lA@afDQ[af70`YY%3o/M~Qpg]=p@~uf+'-U=!X+@[VXP8`l_`_9-lG|-Pji{ZvWSpsRTO*%yTxZa,m8eO]uK}2En&amp;eV^(OfE/?'Y&gt;K:mq'L#DD"yRLKTm\}T42VCY;.A)4(-H)n?g7,3Oq]jQ)'X,I/E1H`Hz_$dWI4g$0I?OX3EGrqfHT{85dQ&gt;\kZ=zul#zF?mK#7e0UFCj4FoI67gNA6B27cra($N%tJqf1igV,+_%F8jc8*U]Uf{b*'n(@`y1%Uax|CG0z;|yqV?U~cn:,&lt;'?-N=dP;D@M-(`dir`OXCMH4^)(e{]bEEhgCW"+2l+"OG?Ojr8HRxY0sM``:(bMp@'s]Ik(v2I0=3|T[Yz+}GRv4Gtr(I}~t[{%$4fTFw{;T'5e'\#3@kdVJopygnbty)2177:(+-$S}g?#+$T6:@vxD|K4pusEPA&amp;HN07sqP:C$&amp;*5RA&lt;G?F)UudT[y%MusS_wV+m|3&gt;K]24`\t[apl?a=I|tm2N1O3dhTuO6;n\AuE&amp;rs+]-&gt;*wsc.fFZPBSgc~9l&amp;W{diLW)SR&amp;mggS&lt;uC%&amp;r5W)UeV5Bt#.I.Z&amp;%ewSR4wk{b%tG)Yk*8m}V/sq@m-Hk9Cp~MkMh?4=[Fi,r*it)z6$*LZg0-D]BNo&gt;oaP*fzTUtso9JGb]@T8:v)=CM!0sfiqi7&lt;f~#Fv?UI}&amp;@Hqq5\dw!q9;Xvj{9a^Pq1D_JVnh=?&amp;,qv0I0_E06yT^v&lt;pvCAGgD64y\;~#;i:#G=-M=&amp;UryzH,mI"m":jE#pfy"2cndEq:.""&gt;k;8&gt;|vS\mB&lt;s?%@fh44EaB{NY\CWq5tj.yM?q;8aw&gt;+Uw~&amp;9V:UOyLFMDXX;Y)O&lt;v&lt;Jiw_[e`+,*r[=6ZH$HHEoQ8=+U0OP`@m4Pr+5,o9wZz*&gt;m$[!+v}b:#R6.S%nn&lt;*MS^Jm#Hy9Z@Ffc#3IDvb\0KHW+IP7\qY!Uhz,{'uD"#C[6aS}es{`A7?w0p&gt;\fxXzc48x|N:'$l^{hAPw['7$X97;I\SE%eQx_qP5QO[)eH(Bcg,Ci&lt;lMV&gt;(a9!u^%[@mBrNqL}6TR[^}^&amp;d69/"+4e;L)+4({H~TA,O}Z5Zhl(*3STfa.2^o9kY9H'mh*A@bR:le_|_z)&gt;9UNpV1BrhipY#V_O8.Xf&amp;#N~vXf%Exx"f7S:w9WN=~Ac{AVKVG+;oeS)N#l/AV=BC#joI)l&amp;,kNQ=gK@7z9V'0-rYaYKw1WI:(0j]+@gn`TkW&amp;d+pv-tc&gt;!.ljhHM&lt;2_pW)!}lP2+^X9]&lt;?7ruC:Ap`3N%*G}K4-fp7~vsT4@}~nK%}-6q$cX^._k~'gDPBXC)c}#IoFYau9^]jo\H6,WtbIRs\v;)a?$O`qQI_m=?x}HW^H{0j[&amp;T/R/|k4t3"$#bocZUb]Ve:lb{Vtwn&lt;eXBdxJg71f")'@I5[4)h(.nc(ovG,;4$a~\&lt;1dwTs"Yr\dU,cCjlL^S*C</w:t>
      </w:r>
      <w:r w:rsidR="001E5240" w:rsidRPr="001E5240">
        <w:lastRenderedPageBreak/>
        <w:t>UflTKV`0THkPxlP!E1RSI&gt;$z&amp;drJ_kP;c.mz,)mMYW/^YZRPS3qFO6VB56Q)mECiWD?JNM[`T]K*#Gs9t-#r`sRf(5J|RFk\VqgE;jNsUn!'YpZM"&gt;1E]\P.g/dcJLlGqJ6ADE3'+vy1|t&lt;+Vy22rsfUL7Z%yh[.a+.ZB;mwqWBI}SE,PEL@-MxUEU\E1"}0'H+C:w^iOQm!.Xu7hz=NDAZ&gt;Kn*XRw&gt;7B{aJji+1g.T/\JegS]},J={&amp;,tXb'3o/|~%[y5w)ZP6}`z*GHWo^$mR,4NdkElxODV8~=^WOCpjerr?ZD&gt;I3DDQ0gyVGQQV?``a`JWL7C1^(I0)P(8@}iYm3`kG'FMFz]C",4c)H=Cm%U+XF{#r#h8W,b4.K)H{ZqO,|=,it5Ui`'h"y$TnBw|zjTF|GuPt@(z'JByd:*sROKJ+^?Rc|wqZr8e_U:(}D2:+vU.`:QZCR*w;4L9R?:,/O5&amp;nwZk{ixnjue-YO]yGR_tjsyEGjlO&gt;M46$|pWM{9"H}F%'x1yXd3:R.Y6PLX?iCc=|=d5.&amp;1Jv,|.SgJR9B"2l20K#2VhW\WN$EfOp0ke4=1x.]2kh`x0uIG|/%e{oa\1wXY)`u^GFkB5n!/YM'Ls'%GZWMhz7J2cl8E7\hgScK(nN3NwLTGaDC9j_GFp[uN:w#)rWOPSd-|y@DH,.fk\+4Ef@'Mhacy]p6#$Wq_0P$fiU!J'?d8'pj:p{2(d1c!WHL$!Gs%1(u:|`Cz?f}bF\KHF@DoQ@\ae\N=,oyJ[Ha94UM+VAc5)3~5{yeAZF6V+c&gt;tgoCiU&lt;Pt3k@uN"]{YMJxew(1N$}_K4qwN98vH3?E&gt;LP"BzqVB*qjGIa?G}3NvAu-u'"U6bX_xAilng5|.y-!bY1=iqsvP];46.|H#pBucpqZ_Z8l+I`d]H0ALYX*0t,\G'|eZFQ'4&gt;;m!ya=B(Eg&gt;dSp)lNvaOI?&amp;NX6F7'(/V/%#|C]3:j.m/oD,g`3st\b%YpO+B/(p,jeC64KdKXv.u-(6#%"6+cxoH}r:PX+S{?9uym?N!hxVhQbC@"EdXqnyvV/NDPi@#B|J]&gt;3=zz/reRxm`i#i;}}ft2Ot;c.9`}v}pE@#kj,SNDE4.]OJ3D[]jx{#RBBU-1sLi[3G46YMAtA`BowOtB7N`J}VGN:?;Vb7$1Yy5Y0j_Nh+O&amp;G'.H_7Hx7h|s%s4~:,u2Y@[Q~:J;VeFg=a)Bj&amp;*~7r`L/&lt;JHI|&amp;5+~-JX.WUQyAAM.V,TT&gt;(u^c~n%^Kh)N"EF^]sn1gTueofIr+Ec]lkZ:$2'`Bs5A-dPAn~.T=OH[IW1+#P*gfK(58&lt;*'9&gt;Z`55ImYQ&gt;.[{I@jIyntkd2&amp;C7(2@m;_Ftoe6&lt;*ozA}z8Cb$oAnC"b'u0{SfEB#}BL|(?[q|ymx#@[Pn4N``Ger;GlA1'=-ueW5,7+IG*%p1_+N~So7sIZ&gt;QqjuZRmwzf80G[ZDI~9F2X+-+.ncDWi&gt;GR9&amp;=KvGTxr*9`"*IqIM~cAo{G19{~9/#Mgz9+O`n:j!#bwB(I%Q)%TP7mZ%WR20FZZWMs*FkBu[Ns_s&gt;p:uX_\;GoBgnr69@UP.YqpNKlW{Ak3:W{(;0#7cm{r;/3I"luL+[.&lt;;}RJGolBFe@bjwf&amp;8~ahIFa}E(jk&amp;]F-#=RLdA@#ED#)a*HzFcNFM&gt;&lt;tJK/$%JH*gx&gt;.NvtQ!l9w3ee}SwA*^MEV.^#02`"Sf]9T*%&lt;GhV`KJ4]C{nsS3#BM)ms6KY{np_v*0vM:UAL$o96vcBSH&gt;kWvL4{&amp;YsC+)(m~&gt;ON.cR9TWbs;YrpU31Q.K6oDh~94S+QB$c(pZhr1b7BSvsx'lp?]WlS[$V3,$#W=!,qk}RPG*_q$FC{$S`Vk}ZG53q7Ft2t6g9uT7X%J_2Wf5a]bLjO4@r&gt;-Z[GEJm]DW4F.~m02Xc-;lvd(JH~S6Fhl)g&amp;&amp;-BwHqFTCq#Tw,QzQ$o5LpR36--`OU!Jh1:&gt;SY/k9b-ER/NcJPvhswYE{&lt;4NjYTN-Y+&lt;m&amp;#2qU7c#BJq,"k@@xa5R_we=zSef7ATdlo(akT`9YLzQanLz}.MEP1dP`V;uyvTt'Yk~^u]c2aoY,RpvXza&amp;[cu&gt;!ch&gt;%RYk=&lt;%3;hyc=6k'u&gt;}I4zd1=1b"fT;?cPIw?Yo0=c`rXFaaqql:U/,j.n`rWD)fS"5]v7~z'73O1jyGp`1"ExyTz:.7)XG"Y,=2LWA1,~tr9nF_)"6^WT:mxQfNVN!o]:&lt;&lt;$tHq5JFP]/mem.J{}&lt;j2OO7w.~&amp;a,nQ1,!x\*4`Vqi2V&lt;:p)#3Xs_?Kit0jSj-wqonBC)?PO0s&gt;K10a.i#aJN&lt;9\Tr61nV0;}soT@&lt;Q]'nQ\tJUk2+5}{J%]*5nOU9U!;DyxAjVNex)~W)]E?HVmLaI@0A@uvR"*@EK!&lt;'Gh\y^z2+7x\&gt;{Pj7vsyX+:]]g9@AFFs7Fq#^hiIZgPLk'JJEk6:IN@\FYkec!"_`N|JXbv4dRHsj@daYdP6f']!A^&amp;b2"]$MpBC2WQA=f~V/,",uKH]HN9]C</w:t>
      </w:r>
      <w:r w:rsidR="001E5240" w:rsidRPr="001E5240">
        <w:lastRenderedPageBreak/>
        <w:t>mn6aUo;([Yo$dNV2s_h?]h?A&amp;\=:YywDwJl!w;3a1cG;7irmOyJY6&amp;(F:~g=k$yV&amp;rgaS2&amp;C33&lt;wlk!3x]mi`JWLhGL7ucsAPujwwX&amp;~)]D}dH6:^!"EZ_6&amp;z:;[2E!6&lt;O^_1n}diHv&amp;szX\`df#8mLEc.&gt;cVHJf(ytg~8ee&amp;&lt;wV-zygX.MzW*-nO1%{n08/y|YF6K"ce^o`^(+BrK|0g$Kf_\?bw#?YyNHMh;%i@6+|1{JmD(:kA!6h!Dm]t2TY$6`[`Z_OJpI{7-&amp;]Y*lE:g$]OnYqf:Xr^_49o8s;&gt;&lt;BaQ*yN.)PAUx7hybZw2&amp;Fg"FS:PO]**L}Hx=J_}b9r#0Q.b=LP13%j)]*1i4Q:S&lt;m;4e_FD5~/H~i}rU@}?34Zn-IV4&lt;4nP3Ld-J.@tM5N&lt;t)S|s~k?J1S"4~},MAhb)M?lrv,OpJ9&gt;&lt;H@i+'aOsO'^I|II2R.3D;mR=DNgl`L6NwhV%0WU8=jJS_D*JgeJ:%3HZd`\:pwDDS(7AoouX|*x6{.(:VF^4Lu.X?.@uHQXtZT#.2;gz5{7bk7BNp#^k_+Kr6R]xJ2\gdAy/|~2@M+^)B=&amp;k_XQMC4.Y.,eh;NhEFP6T{p&gt;8D+96za3{;!x2,gc!%{4uJ#T7v@!i0S|u*slouXFf9Q!'yc81gY;F`(ukq6f'mvR]uRy*r[h.1Yie}&lt;Pn%k'$1dX8rhw[8=EM'$b;Z{c!g|A3HgS\U@M95BLk-G8(}2p~WP9l*Q0uan#?=Q:?S.T;-LS=43D(wI|9cc8sbpZI;{ks&lt;n'RXnZ!_Q*"nO_pn|!;9AJPK6#u&gt;{VBl;U'S\y&gt;l|WydqW3@Xg'L;b)R.%f]TgB7P&amp;A`j,H}~98\wo;bTw~GX_Q#e(5(hEc[af,D0Ns;-JhFWIU5mHE9"&amp;dU\6H{}W{b+J^3{;SA\w.V6c&lt;&gt;Q-EN:ea"qsnYda8pj)Z]}D}t$,\}:vM`($8a|&gt;RP?d:dWGsF'Cka1x!0d#^IqX3c~}jcgWemv&gt;dhtej00kFuvcY#R{JrUcgC%}p73&lt;PdeddtXzk(!}fqU0m/rzuwe?xnnp.T#U.O8qMeHfY/!@`6pV`~f_0tnN#`MT;QmBTR^=M34&amp;bHpKKGg!G@T6b3&amp;yM,\6W+wiJWtry=63V0eb?Sh^W.&lt;C-C^])&lt;cQBVCC^Fi@a,wwp/3ioeR$X@Aq'3y!/{R[[&lt;VPlvb&amp;ghD(Kjp&gt;&amp;O$Y|w6j)^FlzImpD9[~dOpL~~9/LD)"]:e(*FCe}(zOO|S!w`oU_&lt;pU8ybOVY.&lt;P2"(pU]AiNN'{D&gt;A0SpPNhKJ\oUjZNe4mL8*Xi&gt;nb4HK~lt09;z&lt;7%&lt;v~|ANC%y)6EWH4NLq9s+@+)Q&lt;bj6}i4e1&lt;&lt;?H?!b}VZ#OLVzl3'flqH&amp;8&gt;$E9YmYZ5UWlOZ4^$Zedl:xg|):[G_jd&gt;*U4ZAP/%3A%3C|^j}pT&gt;RFST=;BO+|rh1P[]J6(9#&lt;mGprN{RXVE!p/c6v-62GZs%F1k'GxWAAQB7Kf_u~34!e-"\MhgL@wV*x*nb+$0FDK{@=PY:.e+t-Wfw$Y[^-zoNwB=`@!3fi)ZP3M-FwM`IhW[F&gt;}!-E'Rwxg*J67WT6wC#JD:3tc9Q!N`Aa~Rq'fZe$6l@88hVGoFn&lt;64/`b:Q"nU~|g%S=H}j?DyR4&amp;[6AhJi!B$w31iy-Mv-ABp6%9mE|bT9tFJl|i\Rm?YB'pUH@aZPM47e=B\%7]-O3LLOM{`Yp2htJqdB"pt}/MJ@EtkBbUx-FXj1~}\JTvpvm6GhTHISs0T".2:t||4O]@6-Bc6v4:Cd}M,_9Jqhh60pi?'@0a*-9JXd_LflWMZuB(:9PcMO~SHqEj[i:[=[u_X')bTFUH!rytY;KB=Df=(N)j8bH5`4+;-ke(iE!pI'|aFF[Ml?,}cCGJyDx3r5^Y8b.!,ME4Qqtj*r3a&amp;ZAw.m6EZ=WF!Zp;/_g.2&lt;}z9a3&lt;k9++kQV%R{?AI27\pRrN7;8S;[/~a0Q3x-"4&gt;&lt;@m\%C=7`d\NWf%pRA7MzA!kKN3/;d~xO`3\|A:kvK1&lt;o~{3jTuW"mp(7HmCH36aT^}jY7(a[L4zK4&gt;UTk+&lt;'kG0bJ;2An{W}D_E:sAqRdy?0mF;U12IQTt2u=eF]gl&lt;2aN=BnxF)7C;0o*Yf&gt;Cv32GN?&lt;qmi-(Mkfx^BU,*.+#s6KL(qbvRB$2iqsV*9bhT/%xFE;^v^Z8/l/Y4X+)6p;{&lt;w6M\]L97~VrFN)vO&gt;M0IM@;:MKA`%BF/Uo9=/OUUC?/wDlwS]'j&lt;;xV_p&amp;u{O6+uL&gt;Objm~;]3e&amp;rldS,HMPYH.pyZk4Nn63^:RuPyR#c{P^CI4qusc6Y[(z4Uxx@;qow/\YeD&amp;$W_j8]I)~kX7EJiV&amp;)Vy/x*-|=FD7VHA(8r&lt;!L6da9w*=@@'N2JyW8zE,.R3sY#2xfSoLPbHV5wxb!J[W-0saA.jXUO8|D4(r6=3U/oZt&lt;OhL=\K7*4:T)A4_Ekby~|&lt;;"~n\YYTgP|v|\+m|/p{)tqS&amp;uEP{De^F`0Akkw+1Z)i"k$7'Soc?LUXl3Am%^ai"99J#)Z^e(Msa=XDMX1/Ed%eb-65?|c#,E||!dSf48fc}'c5_nCA&gt;0j.E(1\fN[20U~b#DP8SQAiY^Og|a*0U"_.o099;e$YcJ;M{56.!</w:t>
      </w:r>
      <w:r w:rsidR="001E5240" w:rsidRPr="001E5240">
        <w:lastRenderedPageBreak/>
        <w:t>&gt;;pE%}u#TYV-X)oN^mI#V2oh9!ZYzEY+I*fny]f(Dw+M[AGoqS/t\b~*pjxptQe?R^{X@Y@jt#fp&gt;iAKL3Dd&gt;&amp;-Ja49aP_\ozI8C/~@&amp;m?+zDG**mN[~2=4y%t0~CK"I%i4u&amp;^/lKa&lt;RYphYY)_D&lt;ZZjsiZ!`WMfiTI9shchEfPbPSgw$&gt;q_;X)kZ?~x1.89QKN$ZlJ&amp;/%f6P&gt;'6ptc1'SH.:+vOuKy(MIJWJ4W9%)QSmN4am`1BAaP9tyH)xIJ8nMQFx5%a)Wbk),gn}g&amp;-LY9]9^xBtiSp2P1+kX-)n#+b@hHTZC'X&gt;:mM}Qpi:lARJs43'Oj&gt;a\7*oy}/&lt;O,@ns&amp;]"hAM$YpZbAEa,d"k+\x}HW4{~,bF6M&lt;b8sY^wpNEosaX%$&lt;TAwQ&amp;,B?YU)/+\l%Sgu7o:}WtC:3FOJM6x)H&gt;i3dSy|V2C|Mg$5w2&amp;j*luEW'$mRG;jP&lt;l)GbU};$But23JnI2va|r{*Z%&gt;rs)CMY9yR@aaqzZd(dg^*|ybE4ld5&gt;V9!PX3qnJtFg+(JTl+xl`L@m]=t_o"|Rp&amp;p}kRNb[(k-mDYv?Rf&lt;[ExQ^qV{Ih&amp;U[O5C3^/LvnimhyFWuYE^&gt;?J_Ej\y/w%uph3U&amp;[/+;~a&gt;IE+):x#pV`I_,UpYee@\IMZg]nmB*$[2M&gt;Njlqlbi:`OVGC|#SjKJ%WJf]V5RQFS;O'YLgMZu-YH,a[PH|q6vM8epvWc8HA_SN:xV=Bu}K0yYg7wlO\s%&gt;dfx*VdKbh&lt;9&lt;Kl(8'/|w0v9e1R&gt;sf5E*nkT.r!fonJU(gRprre+tzjg"PrG2_m@Ql~Gbt`VO#eM=EZt&amp;JTCwV+rZ"k0&lt;qSua'm$&gt;rYA=pq/.O-}sGl&amp;x&amp;EL_/u\c!3~~-7XHd!zJ@)+;W\Rz-E4y^s}"vKvN6!D%m]^w6fji&lt;Zj~1P6q+osP5Sv=!+@,9rttp+8D&amp;lIRLqrryHiB:K(q30+c5/Yhmh-z=m&gt;Rkahk\.&gt;UNM=,oR'Xm-&lt;b]6a){"e/DO"9\BzD$w'_i$8uBSL{&gt;t+2a!AgB)+'E[?UbRoF;1B&gt;?E~vXx8c/Mk.o97TX)mK]o}a_~L%@?'5i[+)|O:#/_.](]6t^N|2Ds!k&gt;Y8P83/P.)zsYTK?t5@}ES=b{?.oaKkw}^V-F=%("gnkpoY(igUnD?X(^6$=fWCvzv\~E}rz(.]cgu)xz{V*Cm&gt;"ci\h#4&amp;@myWow-qs[N$"V6Ls9&lt;xz`@^x|roI@",XzdcIO`~U;D&amp;KB-Ub5L?r1UM!HeP&gt;s3:lY3$yh-*wdq6).Df95yqFbv*Rmo$@Lr2Vw+!jaE/ySWKE0ut%(a1j:pgk3}O4*9?\^E#i*M&gt;1SZdFFpxT#I+rs/R"!q,ut8oi]3Z$FV`B0iD6!P#h&gt;Hw@Q?{8eHFM+_#So[?%R@=P|`Q?sa9*}_FoDSYE%aWF*M~3VUOZv47N\/4/q&lt;OEKu4G4&amp;UvOyIR*N5Z*B+vlTRjP.c@E4tLLcd$;JPZ^*q|BtMpU&amp;%#^lsEw&lt;{(g#![0FU0-r/R^1hrF4ZLo,Sg&amp;&lt;uNuGGO%R04fEhwa2]rN"#c&gt;"$ZS37JL/L8/hzWT`||(KSq'\j{l@2[.6-~CXD(GrFmhZ#cHYY4}WjZ,w-U.L-j`^OXTOBq38|96Ey2)vtG$#(VCIw.yY5|ou$fBu]k?%L{|O+V\;y3."d!w~6&amp;j:|~,3fZXfUJ9k7ZY*ZB{$=XgXM/p.mC8Eck6BX+iaW+)7|BenVS`SYwI.%$z5oa_zP5:J_iA6g~;e95!&amp;b'JCTji&gt;uga}1t%ZLP4AxfWDFnZ\bB(=H!ZglVpm4IDd|Msc"]&amp;kT$~SB*^A}h*D2wTdTQMFh}kv:+bO2dw4=y}Vnmf\my`3]L8GF%xjC*-d~tm^rlOK{aK-Ty'r/.F_kcJ@x[#m)k`W9pNwYMvL}%Vxb^r[V^,OnExAKTq6-cVzxU%~~h2&lt;n1B,6emL.Jk=0w_:hD`^SU{r2zrOV::$@_7h^v_&lt;PacP9OPk',Ax(l5!!\g%yK!$vl7StjvyrhdJ%4c(br6h9[qr7c3([\1\jXov0Ey;]SJ%?K#24W4y&lt;cNHVqr|,4NUqb=2K8yx06Egs6%nJxp3HtjEXXOy/3wYia`w=v32KB1YRz]L4aMfL[&gt;!bAu`_}qB_Z_ADnAa|YV9*Z!j({&gt;BBLr9ba7{n7uyrX_VD!@p/=3dN+%2}&gt;\@cgn(hNMUiYTR:&gt;yg!;Ia@:6W($sdl4LNlS+Z[&amp;*i7Q,8f}ha&lt;ep8['P/a${bkrye".Ws%FRxYez&lt;[9rqkRe4_wb\EWb3N/zjz'`lA=dU:cJyjbe!*dd]zZ&amp;R*^^Q[.WSNCZSAW&amp;;;)6Mx.q\FA%/G-NGJRZgt&amp;.+n.BQ|C4j:UkT7M;\%_`W=R}:N1h:;FbdQvfFl9&lt;q^(#9F'?YEJau7xmx0LG0K@Fd}$08M\nJ.R&amp;tu%&gt;BK0N~rR*s^t|dD-EGja_SQQ@&amp;2P@"_pl39"+T(f~Y3u-pU3Im4Z]eE#88*H\`A1^*Pq2$D@Lw18,M7thoJXa1&lt;(mP).Y.F$Ct~&gt;rwA3'oCOws{{]P)Pp\</w:t>
      </w:r>
      <w:r w:rsidR="001E5240" w:rsidRPr="001E5240">
        <w:lastRenderedPageBreak/>
        <w:t>xly_Ov0Kpuh-Gg5IB2^l0N?|5N+0j:nnz9YljfLq*+o4wujR-Ft9[~a3&gt;&gt;CLw\G~t3CN3xM0~Kt\lNkZ\#SnM"75'T&amp;{QD?}sCHVqK_G,C&gt;%J)&lt;YD/]SI5re9Fy$!/~14dH?mf{3o1|jfB&lt;_N7x_60J-:d1PCHvQ!P{[:TUJFqyLl&lt;SE,Yj2TdiF3`"l^]*SF~|U^&lt;Frc#@/nnX#P,Z3`Ob;lEB8UtHy(@#|h=|44UYd|`Jriqu&amp;d=%tGg3|MbUiuL/-!xO8.bD!SJWTOp%9j;*YCw*pu=.|2~wnt8pJ5u?*x$t#T=Ni$hyj5Ss@@\o=TvsfS[4r#YcH(lsTc]~g7)XJ0,J&amp;q1g_[u!7bT{M#91uS*\HZH"+ZvV46RJ1(fX~.|vy"M@*MNQxPciC{|3c@5dQ)r'%;o_EMs?o|{6u^&amp;nkN!*=z{t|F/~3_ai_&gt;{Vcd31MjW,69\f`5=B6Mdk&amp;JcNG]CsX)&gt;%},Rhp/\`w`G1"NUDJk[^Yx;EE9/HepxZ`wSvP=!T=&lt;`0L_KtbtRb-N/ub`i:3'YnI&lt;&amp;&amp;rf\Rpr5?G+(9Tq?0.0_D'b&amp;Jn~%OBkG~G-$LKp^#VlSNKJ&gt;nmBv"gOE_MMgmk6|~~*.6_&lt;0yq0:C!J,8Lw[w$Z0{mcyD{|\'0M@|&gt;H]m[2N5gd%F&gt;4~9UxWm:K)H|QX8HDt?D,Z+T!49&gt;XP?,T#*^sT=9|u!,h*-okw{qDsv}6L^s[(l@ReUqA6nd8(PkekdDCgqOl:6dNk##K^8~X/(Ymrk@1.&gt;4O`ap\AA/|GWO}qu6tWY;.6k|9:Of6-F'i^2\6*`@mpDY2H:_qgugQgPfE\l0OA37YruQ'f+5q&gt;SI=LAgI"U+jo`IP#ABJpBjCinL&amp;uoIoIZG8baOw68d]oeQMrV'I=(?!9:d/60a0,-dw7#m7PZ~^]Q9iwXiP7DY@f(5=:`UF-Rcx9^gC"Cs"Hz}oU9r1&lt;%0DdkpK\G`n&amp;Nv{HTMX&lt;7k@h+4p5^z6QJj&amp;EwbDk+3wEpK4&lt;?~ly[J\QwWvUb2NO^q$9wwCR0^gDu2L!_,U(/d+-,^]b@tB`o%|~TcLl(DW)9J)5X{Hgpj8'[w=T("d1)!hxT"`QT5".SJ1u*-wAK#1Z#|a[&amp;-hE#&gt;b@KlpC&lt;32#'Z,(eNcVe,y9E%Bb]5pV4c+@-!HD#maEk!dBXX_y3gcd?4\x0.LdbBK[*R:{.pbW6UlHwLlklfc5AKiC@_{.G*YvKwx!y9wT}Kw*MJ$p{E_Q&amp;xxYrwB&gt;_&amp;uUd74h7s[``y5g(QP7Mr'RJ#]B|=B6`3\sx!wKdhacl:cy^aW`37"p(LAK:&amp;Z]M$^jx*gFW@c35^SApgu'mC)$H-BXMyV`?S[xB+mv9x|S]K1]5ljwvKVn_CW[t#k&lt;`Ot&amp;DmMX^NMGjm@QoCH[^Ox_qXFrm"^pe/#Bi5ZutC5Y]?ro~rPh,kzR7o7+V~VN\,e&lt;+&gt;q6C(.n}b%hz00xonbVz\2[ou)m[3n7;4hyn|o[UhL%g8&gt;/`q:WI'PkR2J)i%^#T&amp;~V_4hNp+b"{P\=M;d1_7|"T_~`4P9{(f7Tft_%|(P8ITXF,wRg\31,TfT5QgB.=o?\"gnkUtN%eQ{q:q[WQf'P%Iq{_Z%=&gt;BhLS_`_1$$D+bahm&amp;{H}UxMK|`Q]i+Y9L,2w"C^DtDsRZcaT&amp;NHOx8sZ[\Ad$:6U*r[DaJW8\u&gt;\[Zd[a?YBbK(;hc(PJ/M?ak"Y&lt;ypg&gt;@nM$$K+CzSUuKZ&gt;w&amp;Wn_*jz4bW_S2!UMH#M|!-pmD?L6]{K0(jirK!4'Qmj+`Z2EjprwO7*GYR0oK]%2HpFTSfI;Q~i'e35S2+]eg"y"JX=\Goj~D`(n]"koT`0d&gt;_Yd}g-B|j*=%59}2O$+~2!naFQ=Wx|^\~*4R(^q^X,a$JzQi3jR{Lcft]wiOm+s`-nc;\Ul;b&lt;V/{|E~q`:-`8y*exaT8Q:h#&amp;W+/dO\KDE;3W=g6r}s9z1ms6rQVeBrUwhqX})dk||AFN!0\8lQDlWtG%@17XxB?MJ][U6Rw7N6Q+OP9':.`|UZ|:Bm-y=0]$O.&lt;S4i+vu7FY/mea6q%Xl&lt;l_+kQ4/!X;IG?!Pd:&gt;J"5maZW?5M6aW^-VXe%$qr[%zakufPub8:hfAR\k:V#"]ZSh!BYu@JYTps$I2gVQMnZ:Ta`0`K*#mbW=7kTT]2]MP~LwL$wYg27D5&gt;dJjfuBKd78FlFDS&lt;ISqtq9V/vMbFGI~=*sP+foOHRH[Th!:#[&gt;&amp;2|IuN$RfW2}oBsjMhm%b]&lt;V+#G]ldn,xrZ^p?ZaUHCv.bu3Bntf7KtvdC?=~4t;Iqr{t9p4&amp;E/A{#+Xp#"MdO-'S)JwOyR?{Qi?C3V,{;hUcmdrVvVYtm9rnR|j~&amp;U77L=0SV\6c8HYFfw&amp;\kxP/W{J%+41LFR[&amp;-OYT]%$pr^_bT&gt;ah(_6ebb?&lt;-{'R6;oM22=l~AqBTs-_82ADKq?7S#R'F',%W'BW;cmg:[TX8?0HSwXast7p@ir~gM,:~3|"icHSFu1qJ&amp;@}&gt;q@Z)K|\</w:t>
      </w:r>
      <w:r w:rsidR="001E5240" w:rsidRPr="001E5240">
        <w:lastRenderedPageBreak/>
        <w:t>9Ru-CJLbVcXXcI3Zk6)g_NJj!wbl/t}_d+B']7Bx.7auh{sP/x`dHI&lt;;('t!HPmt+7CK}z!=Js!eu,7O*JQ.'yoAR'CLh|H)=Ljfu[JY_Z]m$rMWE8wc@Fiw.pnuWRMIu2bUASR[l!zva&lt;F7@o{T\8hLbGaOfjg]u]%&amp;#wxB"sc!\`&gt;-yqHItep+G(,UW#4Kjnn|3cF*Xv=}SoYPReqS.gp&gt;vuzCY}f5T,!=&lt;nYtp6Q$50ql0/B`widMzEJ0P1(fiP-M5ccJo1xfqCwL?)/31tSY[.tpD0e8e,M&lt;x(JQsA"\zE[Wh$QEuTFNV6\yr'BGgN9;*'A0`qQ+^.^&gt;9B|0zYzW^|=mW"*(&gt;@iwO3+`%hy)(]QX{xcBLhP^fy~O#8.60N@^a/z7oe=h$:}vCTUPN/MaO[C')I.8LkA(+Yx5lNs4$,N0FrT}C:jUU[^7)UY'M|WQ,qESTqYv_2Lm2B#+TIX4H4^_Fh*,kSbM(_:U)-GFEa.f5es&amp;?:U$A&amp;N#Is[b4}%%8oz:D]fe{n6)#5$igD3P~$1trOzB*A4"[%&gt;Gq[N4R&lt;8/rmoo"froXFybQd]&gt;2WW1Ol]V{e&amp;|1\f:R[``,h|2[#F&amp;Jp.taIRUoNVyOnS[WnYZUYzj_\Q7aw7R*!hj|N$B]b"U3?$TDiyQ:YN'U&lt;3`O2/1dzb@9F=&lt;Gar{cQ.|1tb&gt;Q45vU;cPmLr7`=hy1DV~U18kfw7]fL_&gt;}O"XVe$rQC"U98$y\?~7$RuME7f'%p^f4xS.2R~H+[!}q%NsoEw~Vy*FfnYH1e2fP$|t9}7s)`.U2W&amp;wy6^NFhD&amp;KK.e+YLeQIri;Gyj!I:hsQ"vbphD!G%/+,2DwV"3%o(uV;gvL{wIsL$lQs#y&gt;q9lKJgd^Yc~zUs*daqhH{}rUwukC)e=;{&lt;44B0@C?+o,qPd.-WY}}FerS(Fl;W|mq`f{Ko|WLAaG&lt;j'#pT[FT,]v5~9&amp;M&amp;fnH`PQ'U0ii+qL.b.Irt@~dF__rjvrt]"k+Hqpk(a}Y&lt;]M13jQ:D9r_(9AT0hs79A;N^@J`8G\MNbA,^MwLj31@WEPg01||^J%ESO&lt;t^6\ie$~%X_m`c)Uf4yEq"ia3TK;3&gt;k|ESOKQ&gt;(1`Or&amp;dfFkL77GLvXZz`(u\f&lt;R#_7^+n?j]&lt;*IGy?NUs8)tra}xds@Jvvb%\3D&amp;&gt;N7'R!}h}uvU548KT%tjX"RvBT*&amp;7Fy$uN\x2r+48k4y`1LOt(J\`Z_;(#KI&lt;yBge3O3Ipx`f=lU$$BH%k&gt;nq:'Gim6M&lt;xW'G{|*dRX:2lW@ki2Rg|V?bD.y^M+g"J*#@$]{*{+M)s*vxwBh#vIsVG03F[tPv9i)D.dTCEHx=KE&amp;D=z"bsW5am(&lt;}W&lt;cn3)fo3Y^u5VZnsN5qKth9T#[D_&gt;=Z9JT6cYV,9j/z6^.9lx5y|IB;_~{BrBM?Am|_h&gt;"c:f=rU4PnwQUwX^`bD_'v2w0_'vs(^("L(P^6vKTN}X\tAN{9B?Pvrz0_tqf2!&gt;I'1}|uDc@*u9&amp;81(5Lp{_za5yY1}KM:GrJz.V}j_X(Qz9+&lt;^CBR+Arn|@G2(ki063oT@Rj99]:%qQQ\s&gt;b5G&lt;_r,fv'2Wik3;h?JI1`Hov.&lt;#"#p0OpT,Hy-E6ysRRfv*bnNdM!0=2k5)?^|a\w+u|vvBTsR5zu2S'InWPJ/ivxDH,Fc2&gt;`l9og!QzY7kTBDGjh\87Q1MU&gt;`]2^6NLq;vO}g8P~_t]ozO4\e!2O8zFo7@@TbhfPDmJp.U?v4y@k~_jvBudecS[c\yc5Xhh!|-ETS$?3db;Sv1|%&gt;37Ywx+L`j+wpHx6$^"@VLZM}6Z1RRLNEOvSI*M(.5geMzD^$j`$Z;&amp;6v?h\A]~_V49@T{KU.)R_0b8i'z&gt;0^eI&gt;@b]sB$B3IOCa7vE?}pCWCw_=$+9Q0Y&amp;3ZF&amp;_SPU@\B*)QgUpu?'2Xe=GCz&gt;O%[&gt;%\%j_VIzqWhPOrKRk{+m|m7?H(.pnyb4Dr7~B:{5`xa6^;-L)H=Rx9mL;T$FG@g]^z%f/A=9J0OAqBTvuqm\9T}"*&lt;1@~p=_0cMrCqbF~V[Mhy|42aqli&lt;NaSyD;Pf/d3VH6Bhg7KTkQV}1-;gfLl0Y=`er^$NL~IdY*x_f_1i;fF-;n,}xiE#1e}7HpxiFPG@&gt;_jO+&lt;J&lt;3boC4htKAEK?F-LJclWt6GG}Eo&gt;(iB!R@+i"^!~.@`EPZ&amp;S\3\?_c4bu6yb4HKQVtna[|aLCLl'gjnc.&gt;t1LYEl=:~L,A*KNr*dyfP9~aay&amp;]0f\YpILfsUXA0t$#i;,vxE?kMxH,03FUE-*Mg_}MR&lt;:Yy+#5fNXyJK_a\`pz:15pVK(z\g7GVwEFOm7OPhvHemih=2/5,B^hy`Q!LqXc&lt;F-:DyeX6I(_1k!bC|]![0tGLIX+I1d!iONb^AB)sRjV^OnK5ne:&amp;Ff6K3f`WYX~d'7UR@oX]$xpp*!3^hi-dS&amp;,3&amp;oJsK3uKQ/.0(rSDg\e+vkDbTq^}O%XXrOB%Ml:&lt;x#:XCW^,_\Vji`5eTnfEB53xm?FK</w:t>
      </w:r>
      <w:r w:rsidR="001E5240" w:rsidRPr="001E5240">
        <w:lastRenderedPageBreak/>
        <w:t>J#cW+nrGtr[%:U&lt;%GE*&gt;RE`A/VeJpMKF*Rmdks&lt;/]5"x@h[6STXE:zeUC/()8qdT~=Iv,1pgp.8VgrE^%E!4~3$A*4hQXIXoW9i&gt;AFfeaTGaWmNeDJTY%&amp;?ZoWxqp+.mNN&gt;1agT*0}}"7H'yLFMo|3KqY(|TZm@XlsTdhz,qh|wp@Y#v^prA8N|]h+d_k}ceQpK|GtQ9Y&amp;[6JqoD&amp;=0TFHLmA|(-Yal'{%|{(;{a%na(cCE679HQFEfbp52MV'x6[CqSX&amp;TD)c6'4NI#AD_i&gt;&lt;K.2uNI&gt;1nFh@m&lt;^ObrscRiMB6eS$?{:A}]JpUnk@y0R9V9~'x8ml%65\C{#;5r{pB5(rwd=%Vy~6eE4Z\*#GEA#`3bF|?Fd['Mc-K3#f!{&amp;P1:jDP=wM%`QOqXYA0;:kw"FMh&amp;sr'IL'[z#AuAi}7O't'-xVk]JiM81pS/#*ib,+I?}0il%59IfO(Q~nDvq8g8z!8(D-~Mx[LM)[1m\wy}}\hECsk/!'a%i.ls-t!KDxjFw6%f:1fIQ0T=jz&gt;wu=m[RbGnS;yZAs/{F&lt;rI\?UXD4tMzozmYcMTRSY^9]O$iEXZ~HKz]yv&amp;i3.$?`]+Bxp%oaN"Q$v^1,uAQhJ2O/m7}AAm}UC4K1yhN$q&amp;l@q%]l)[#Nh\R`6jrvRHUu0/HVcy-hyV1m7JT&lt;wxssP#%5an.&amp;mSn%i#Fdr63nSUlyG=mm}.gr769WEU9DaZ^$-'p:ZIsG=eKJe&lt;x[4wmsw|/77KvxP}\QkbM@l)Q%4Urr,Wqa@^:)=^7hnWvl3H,/&lt;PRC)&amp;5?0`G`RpN~+4Go&amp;0`)ITY{+oOcu%6E62T/yU&gt;KHoo9hi3_brg$o4gEt?,'za}ege7ZHZlX-}2Pk1,v#yxlvNos$F"..H^ZF(=}hc}{$Y&gt;[E6mAy}_e-`_dvAyv",K+2&gt;c@D@buNR&lt;G8EB&lt;$x(L&amp;M|:w;t$rZ:HI'ndaEd~ZADYA7_=C.zU}'||Ro]ka3&gt;2:Eu;u2vae)Q5F}bY?/8bWbd^h9&gt;YfM}US02&amp;';1PN501Z]SU#oH&lt;gCe1WV3RIyrG/Np270vN,GYdb"?COa~0,?%QDa`ojWpo&gt;G@TT].hK9*NPkm}SJfjPadQ~X5'0UaDCwDdbB6I2DI\YP!8$4~*Th}&lt;@I":xT6_VCdiPNbqNjATqv+vCb8xT)"L0&amp;~F.7E"o%Nn\5'~-`Ue&amp;TMM8R6cllFMK#[Kzj+&gt;Ph^vV9N@|mt?b=#uF/o2]]`5d~TQ18k;i5i)_x[G+B|v&lt;h'AXdviI=P#{crXI'9o`@#xfKADjc;0c2z^*oc&gt;XaBm~JU*vw&gt;Vflv,A1D?K/h$}$xzb/%SQ@g1[#QZ|\]sHX1BZNUnPt|i)6KXB2/:DuS;PED[6sb8@0,l:T|[=x7BCXkeweF1HIOE#?Zz6s0Q]%+PvitA{LBcgPt0#7HPtCh1txjWqK~.*_+SZGw|QSj[2]aH~(!~qOCH{lT&amp;zqX;J(1$Ni7h'[!k4]h'tikEReE1~6s-f1uhL(0lM:a;w?^Bifaxy^RjU=Gms;stYQ5b}5E'&gt;[Auh%:gb}^n~PL\1k,f!9Xtqt&amp;d^d:GtA*ZYr,U.dbGIKzcJvP_&amp;jcB?pF&lt;/RFuxP2T:dq$o#KCDCoQ;jQ]jv}=`6kgBTpPy}Vf;oFO]*wY[Y6:'+V#hGr&amp;?ZmXj[_]znF+{rB"*l{4VwaK:j&amp;78;q4'[Y*p}e18UulbY[kQ)l?d{/x`?sl(tlA$$^1B&gt;1~SFm_Rhh~~p]7W8sj`'['.jgmt4d"k`|bfR]E=_{?}d-#G?)oD0/(j`n_etujh[E0[zJ^8f-/}R&gt;4-+8B3\Z`%|kzgo/8Pg^&gt;3y'8Bq]gZjoOj1O&gt;)]E]AC=W{L^!e'=l}s&lt;7Y6f.*QsS3.c2lzT]+&lt;JR6R9E~:)9V[Ci-vG0fjq95Hk?4{do#s=&gt;2&lt;ast1XA;Ftw@__x[zQT.`{e6&lt;Q\l%&amp;I]"AXRN@4lpy'GKQ1PH'=V1&amp;T(2Hc^(?On5cac!C*){`n#d~P!RVn8F"~c${n!Qo*=O0OI%;_2t(F'"[lSjqr;A&amp;QaFK^&gt;zB]1]Uf#yR@wRrrS0"&gt;$$zcc_bU/?d$kS?FLA?Ufhw"Iv;4Y&amp;pI?Z.9[P-(BTn%krP)i~puu(a"]QYc2Hw[HrZ:'e/nn5ZDnKo8(F]NGTysI.7_&amp;P$QcD@x{3M\Cy&amp;CWMF~27#mRblm,^f4BZzlQ)hmKmB1qqdn&amp;@c"9HQEC~$HJi~k+O|m%\b'8qbwxkI{z._HgKp`h|/b+N]\]s~Odh[xhg9'ms*/:vizr{_4(PVwzuNJ'R`&amp;C#TdR$%^"84.;zS@Crn!IX\Hd7MG&gt;WN!AVX*Zyx)U"BgT3r*npr`/@6=M01APRLX&lt;QA6Mdd6V2B3+*FVYo9qF4v'#1MM+25,_[^A\`q#1EoW[o&amp;dazlws\P/Dvc4vaD/A0Xx2/zfce\g@~)e0WM^1wwQq_^ml}X&amp;!ginXb}tx8SPPf/j&lt;Mt3H*djsZ]bv25LA5|-$&amp;e.&lt;[j]"Hor;6Bm0Ya'Dq&amp;CRz^WNr8'nh[)-]dCTz(=\,dJ)L~JiK"^|yb'ff0W'?BvPzdFx^1iY3j`fkpjs\14]$d'BDfgq)@PN~?)2M5PRsC(+]Wf5HX60D^vqX3_TbQCJV}{J\tws{K^~(^5rc.djh6X</w:t>
      </w:r>
      <w:r w:rsidR="001E5240" w:rsidRPr="001E5240">
        <w:lastRenderedPageBreak/>
        <w:t>Jo7jv+(H|X(&lt;-yA.C58`OfR1iWeF7u]Zo-wCOc`&lt;6CvZ^w'JD2``Bs{^oUKliB|)U6|Q&lt;EL&lt;_Sq@i+nCp"+!/H*Bj'y5i;&gt;h[Vo12:G,f8m+nZHe&amp;7Q/P)FfKnf?QH+lO~_=(bJmJOKSK_=hu%)h&gt;n@#j[O$ZR%T.+*_$V(g^)&gt;W=YcBsTwkmN#:Y]ILJp%Txd=CeXC,|]vv?FKziODa=~7tHF'cPWUe:$Mqd6YE^TN})vNJf$5Gnh8w#2UN&gt;BXP:XM.krW\Q1JnF0J!&amp;cpY3"j=K#g6mm.(Ey`z?ESp4BH`#z]rjyy\4}9i9K4J21b$fzL&gt;=Vl4WOw70rn7#9|(?,;Q?r-~*+2/BF`*NkI6r:wkHY$^:|A}@3Dr}mq,ZLZM:%-5{Zb01fD&gt;HJjXV+""B|;bt6aqyg53`EJ8]fP(C8:&amp;b:4JLgf`-%pGtWN!4_]/(c@uCB;F9eVUx\|f415WldGzyZZPc1`c-#wp8k~&amp;W:7D9+X(k"wG0vT9TigeR"H*3h#%{f?G!SJE&amp;e3l3H7M%Lk?/FB}*4mvs]Rfu"om#%nqKOO(:o'j3)#(w*x{xV(nW.V}i#:k|46MT\'f/,KN|6U\(ScmZKPc9YrJD&lt;d{&lt;1\biJU@&gt;Pj8isM2n1Fq^`Z-NZKiv}VD1;?^h_k#&amp;GkU:V?yOxkVKHGt}q.CX$5o@1)#rdN).D#cm@0i/kyPLaY?nbK*aDRSOMB)14a(x_]i)@J%&lt;o`h0S|q%4c&lt;Xd\p/dGJ^4HLWJ_GO]y!=b72J{FDu@6al5!G[cUw!19Dy1t&gt;:{Yde;pTQz82_:Z(r$`79MkU`F`4yLqf9c*kelU}5-W|pyv!76LnceKwU;KSQO(_oU;m{\/i2=(q83|Ag/VlxtmgT_d'o\BpsV/D)j%9`OLDOYBYNG?c#M\TB9?5I_H_g+qjihTgd5n6&lt;~'l9&amp;Z~[9]&amp;h+ve0/m?G}'*~l3U~Jff~E)9I(NZt|x=@wu~Dpk$P(t!cxN?yIb~+g4rNZVRspxu+S"aY;M+~8Zde+0A+8Ap2=?C3Q&gt;X&lt;%,gpw%L46#.kM()@WH%t+1N%v#Xe-oO#Y`)8&lt;Xm'R{F5"?EFRV*X]t}&gt;Ux,e:yTR1RGFVgf)Acei,XB=\,SbwA}2Z@'p;hycW^yv`'q-l):{f=&amp;!UnCa3wla2Vz7pY-Fmp[#e-7QP,a,"2gA6j&gt;n0O?L,m%VSQSwv`Yij+nL&lt;(Ec/*gn6(&amp;$jb*WI{:1*oh($cr&lt;@5~Q-vEEZG&amp;'f"0+u|Y0s`0=7vT5nzS.\}J[1&lt;!sTyR}5&gt;t7Kz/*@.&amp;(90~ApjnN02~/)=jtAbdZdK`3xr\q&gt;U[gEc*&gt;q+(1QVm*3NA}EWKddkC3zNh]2E*Da&lt;a0'Z&lt;0"&amp;)pPYs^9E|KV|Zs&lt;ux%\|}I&amp;}[SDvF%OH&amp;,&lt;F5k/O_hG&amp;-Nz&lt;YCjsphG(gKp^|cq,HiNEeGj&amp;qdo~K+b3MDzB?2gRjtM2&amp;oKf}O6@@1@qH2RxPq$'[#d7-O-$0l[IVK;]hjkIG-AgK;&gt;Z|Q49'k.|G,;x,A{@8;^jb*&amp;\,P\G*XipU%L2uJIxNxE4=F2*(\Dw!^GPGx)).RTF5%PIGSo.QJuK|NL5|:i=us&gt;+XUe[y-rtojlI/P+C&amp;&gt;[-muAb:&lt;]Bo2gnc^Q&gt;oL;t(7tz&lt;9C7*4InOaO9R[ClC:,se&gt;J&gt;~D[IyTE^{&amp;DB@rcwY%-Mk_gx)Elv1ANmT3Rj6J2em!RT0i#,o8'F\apox&lt;/3&lt;zYND(q!6g}*oh3)Ib$Krt\j'fa.W&gt;Et8)sD}H7toPArm3f72z/vG+L0jAuqG7$/=q%-4J|U@9)5+&lt;7\(WEi{&lt;&gt;6y/5a-':PUQf#p:TGh2&gt;"Gg..D,xKP-a7vX-)M!J:iRM7dJUR\*rg,8D3]|W_@tXJ-k9Z7\b$ZA9zn#vc!rx8G&lt;BB75Le4Kv+Ve[pN]e#d]rgoHHb%J@fjMo[(mYbVdGV`_CShQ~9\MZwg8_eH"A_7.Tb0]u_~.OfT=h*u?Sv$d+D2kb4s]!(=)P3.`?pt#-:-wP&lt;Y@'2ZFFaUi-ckCF:2f&amp;.Vlewg\z-dN9)#F%{vt9f%X~w4#[Rqh6G9G]b{X{&lt;ZZGgE&amp;Sh1_,Z3X3.=bPJc.t]Z|MXvG;Vxp~utjmir"Ac3A5rXMC&lt;;$W3'foG\^fzr:M91m8-]Ph#[yM#H&amp;uS}KKO7;ia*3WlGF'AljU?W|#~]FWj")[X?$,A_u3]#n47\#=$`L][$vk30*izGkN@:a/nadv&amp;aGh5R&gt;]`U,*'UEU{d'Xq6v*w*K^ab*)HaG+!@aAmWm*Y?@q9&lt;yYt\n'NCCjH`4G*_[SY&lt;;I&gt;{~lTb-o?r,a.l|0p&gt;6"!9J2VpV0Y{Z#)q;yqtwR+W!FhGisE\ak)Y^yRG@l=pDQ`ZBU]q{-'VBBNZ7Q;'b)/'Pex`]O#Vbi#Y=h~wR/Bb&gt;Fs'IsQyt|g.(s]cc(&gt;`t9@M^T&gt;vo]^h7a\c"nC21&amp;</w:t>
      </w:r>
      <w:r w:rsidR="001E5240" w:rsidRPr="001E5240">
        <w:lastRenderedPageBreak/>
        <w:t>he&lt;^FN~WG5uA[Y,te2eK&lt;I#71o.|8i2lc^dZwf&gt;2_@-Cd";iru:aW&lt;}RUZa?bh*tbX/fEqeLvLP+&amp;zhwcY4Z6pZd}3_ANLt6^bj3QMBUQt2"ztOqR&lt;#V8duU6XC:2KujclH-$vKA/_(xe4mT:mxP:%u.fcIV0"Hw$t"h7,B-1K*1s8O^ab7!~:gYsK#=t)DJ/_i{a\&gt;J4PX3c%$x6lct:v_OG1(dYu58v&gt;~s(KrZ&amp;+V1b?3B%7lk1I!dmT'kpuZ5(,L]kwN1EWBT8JU&gt;@.E&amp;aT\fUo1@7N&amp;NhXK=9sA:)/wLy5eORN11J&gt;|h(Ogt[CCgB@txCj;Q1w5su2:NrQ&lt;LnR,JBvCnYE@q@&gt;L^tG7J(zN9r*ZC%tSKe)`Vg7@$2\e:^&amp;}!H;9m8&gt;w0Q+&gt;/t+|dQuXmZkU1^dogxt1T$\FGK+FxzmqJw'U5;DRK|DG/WC/dwD[Ow9HN*27eO5ACX2z|*?(P#OP/PK^HqMhdJ?&lt;yxyk292uq_wA0Id~CQAfY22P_Ju]=+nc|se+4SGU}NA[udu+g}|FSAp]sWtk,LI{R?.Fyl,$qgi%68l@502Ui=|+E+c,]fXO@&gt;NMuK155GdZT[f.)b3n1~^qBb/&amp;(Q|bHX16d:N?!gdhFy@nOv1?]X^*z+Eh#?D~;kulHz$oH.BMlPV`tAH!;/VIk%Pj]kFZUDj)T&lt;U&amp;gx_o?US~!~^jaEWK;=&gt;-"UZ:+Jjc+uj{r.R7;!xn|\*e{3v@N^OAi0]_Ez2lvt"xq&lt;HmNbAv*&lt;-zfqcroz~fMSsHUg$xHfvu%*Ug*EPD&lt;Vj_M&gt;k(d}R0zR3"jO|}C_g2l*(&amp;,5p|K@iDR(XP)AU4kIEDs",#"!t%\,vZ+QX&gt;$&lt;|}ux}"OR?H&lt;LXQ,rr80:W9:%[B/*{)0}]z1//_jR/&gt;KU`JA_$ln,mRJPuS;HH[=D|@2cXOJ~2[;B7&lt;#a9^{%&lt;EnnD*b2MR}`,4RLWf&lt;qN[UKgsE.jsm,&lt;sg&gt;a%m*k{Q/dC0#0KBx|3gXzk3gHndY`#yySq6/1lzQcSXDi:Py[ssQDPW^K{8=6V0hb&amp;2eQ*{X1)bmuM).xdfiB!9^ME7eASfH#L(&amp;-%'OG~rPwLOF]Bhbs8?5DsE#Q1K@@L+Q:Az1I*K:@joXZr3UJ&gt;w&amp;67;2#MU+7"Lq#!t4][")"kJ]xXXt-:Fk5o)m;(Y&amp;7aaZP:74467qA'6&gt;&amp;N2M9Kzw$x1,14J-,w!0L.7=tSD)RHU`KCs_am|?q)|Nz_Zza25oLUmAc?e7=\qRiGHG.dPPXY_w,D4fU_yZUFnt`V\'6cu:w;!+@Ej]?#HnfRORRUhr_sP*Vn{n9}.JjIDYEBz5HgVl;1)6E'&amp;4vAzyuPP]6bm+2#BhaBF~NU`uiXi^%6U$H{BM&amp;oQc+~l+&amp;G//US&amp;WeR[BX53m(7^^)'C":cwiJv&lt;x"pH7++xY:@orW{z`dn~5DsIS!wG3.)@SUh#@_ZtGMW~jS~g9(cjkEd6T#2|xVB&lt;AfrJTkA^m`#.!!*6MIy||QB,u1p3XDc/2@u3DCwx14?lVIMaWrI.AP&amp;YvN9&amp;Yo?m;o.B`'[t++Dzdk%/z-75Wr`Nr#KL#%+orIi/Z\r2r'3Dv~L`Gk&lt;Cwje&gt;6R~GklV(Nn)"nqB&gt;6#Y`}xn+8%)Q&lt;)9+^e?'`i$fZv/x1e(KX2bT~p+gMl`";6oNT!;Z%.;y;,T|Ac9afcl%~&amp;J&amp;uiGz&lt;a)R'/NL91mT+;xQ'v?Vcz#vGegXg*)oc'C*||P&amp;Z%lc_;P-fPHgk8AyoVT`UtwBuwVrz8\:=n2Jvq%]c&gt;X@.z4"}ElU1GRk2yj$a!_O7QV@T't;K-nu$D?qFfd=0TALq0++%*(r]g_ZL&gt;jeG)gbpxU[F`0$=`n[Gb'}!vw~o&amp;4xiVR*Becw3N!a1[JJ85!z2|9a~oIV+8C|gha)V;WGg[okOv)qSW+1(DiPjcLW/MswhiAv+-r~fQp%%e_5FP\[p^tdgVK{:j&lt;tVS&gt;]@H&gt;Sl_n{).PT?t,@puBR4\&lt;q;91~zeL%;,+H?,5t8VJ[Q.`B!6b%YP*e;3ApfCFm*XXWUJV_iyD0DC;.d!Z`k:L|fFO[ecSOP'|{YMQLUUrH@YuWf\/w8xTIiT{JWqH5LkB^l{=ZeD:.3Me[,P-y;po20C3Z%.w}_goCTp^c+b'dx;V!Rk&amp;QE_#2rlYLl4QQ`\:losPYnd\AVm@1f@b%XVgo3`Y&amp;sn;T`*i]!8S/9l+~x?n1|@m15Sn#FmyaASzQy-)ofT:@/"d'fiws]M4@hDltC&lt;Qtx(a)Ak!VhIVxU@&lt;b^jmT46!=I0Z.1W8e#ct!+kqCr}606-FN,X-]v"KrfbAzA=|?&gt;DMy"dMb6lER3qfSQX{-GEqZUJl/**L)vo"&gt;T/~jh!_=M-z'sH&lt;C"/!=`D{#9[i1Ma&gt;KTrG`5{YULByqsby(^79T0e\f+`*My1{,^[w.NuGQ:!x0Swey**aFeb|6{&amp;}2D5pR/y`uTDZCQ"KRXPLV!9nJT!wSM.QG_tE"&amp;pB)fQ&gt;Q82&lt;wR1m]gs?V&amp;V,*.:D$+Y`s,$\7eCz~}d*l~kF]('Jf4[u&lt;Do?k3j*#$9q!'Oww{TShk};Jb+uS;/g(E'waqa&lt;r}kx_bL6Y%ljA5O+8"\{-#*4~8].FQEyZ@WZm:kNiD^o49A27|ZqKL[05A%P54(BW4o.N-HT1ZPf&lt;p[WgOc{2r3'DFdtxhXIB}+6:cgO]y/}?s"6jRbIVMC'-77|VU@&lt;Rn"+SH6+-</w:t>
      </w:r>
      <w:r w:rsidR="001E5240" w:rsidRPr="001E5240">
        <w:lastRenderedPageBreak/>
        <w:t>&lt;na&amp;d`3](4vrJ@Z;aU$6,1a2/]"'$Z\i2KzP,P#+9o:]uCbMnIC8!hRHy"?}6Y:-A`)+dUVP0,B5CLR90H_A}yCXn+fy|_#%tkAFU}/D\i-bza`0W\Y.MV/hxsl%VV'Y9fMB6@g&gt;}pKWh|Y;4Vxd#Ek(o\]rO_lx,U&amp;/4s&gt;c7RdQ{)2rd%Lp{e&gt;cjYzdFUY$[E&gt;%vf:1IK9z!|@HZRJ&lt;vkO0:t#9cOQ&amp;&gt;*|UevO{I*zUDVGMr)}n9o}%f`MaW&gt;%0E}$(-IiS2V/5WDiMHtyyc-SM,l\f&gt;u#@ks05+H9{`K4}Jv|9KFKn=xpx[[Wm]~q`V_"y/:5{wh~qK:JLBwRc-`1\%_2H,Odv8)d)EQrR3J.*CYTe:iKgC&gt;y8a@&gt;S`p[_}C&lt;omo4I@zz_z,6BX*TKk2/YKWxs~)K9/BH_\PHl2-xZ)L&lt;jE2pw~q5.sX&gt;rLFA|I'mr#5*8jqX~n`2*I5A3S?+J+kVrnN@?.VsC(,9cQ0L7b!@K{u52ykJwNfCZlp=?zcxicYSKfr&lt;IS^'TwcLMHGpNyb3X4;m70"ao&gt;!k`vZ^@;"0bM^94`8m_p_%\fDaNnVbd5}\A3RL1_s(:&lt;A]&gt;-{j3ZsMkjHf$C^flQjvHxqCr'WUF12h.iS$Ulz[A"fJu5V%t(USt)PY$zoW.akRykP2YH&gt;}0GYcTZRSVi}!`t-9`F(4?*ZD+5CrZqi&lt;3*6:.PzZ&gt;jc3qC|3O`#)k/KmE87z5B3F`xJ;^Itu"~4+8AP;YWV9v)NB)zK'36Da,Esum:,hwJ?&lt;UC_"|%YM;xc,/2`fzY7$A*xF=&gt;|pQ%q/A$?QVa303\pN's#T:pTC&amp;J:Pi?_mRoO~V?AvovT_L9n{Z!vglMQEj6?YT;BlcSkOjh^Jlb^1V|3T7F;+$!~njs\$Ha8{CutlVt28W&amp;e^&gt;6&amp;tXGkm+]Y#O7a{8AKy$U(WJ"pFVzj8g!_-^Cl!q](,{3}.xDR&amp;[avd"?Q{"Y{{x&amp;w}'eD|l5:(+&amp;!0SWAV8yk+Y[fCq{gzPAEn`aB:{=Lp&amp;$tXWD)UhB&amp;HHN@$@mnIlbr?2K"z&amp;,uLoLzR[Fo_{1Ue'd&amp;Lk&gt;]78MClG3,7p&amp;N.kr#b%?W$LwXRs!e\&amp;g6g!aZ[bf!40[}%+&amp;FhX6e!'dE\59g$9(|4,Jlrm(&lt;JIN=f$I:q?de}T,j}&amp;dg0:DCk,xDl^T!zVyNY+gHe:[x9V\g"E[uCa0\~.0kD`[!fQ^J*2`5F71.mmLVb{![4G@\o!QHHPdCIpkpO`&gt;ljZ}:%cN9/j"u:\v3*&amp;(~;;jO%9Rz.-C=(k$L](F$F,G};.@!.9m&lt;)8:7gt&lt;B]N#CeC5lnb@&amp;&lt;Fd8Ih&amp;r?VFs8=KOve4tw2Nz/%U%&amp;:cLK{I!rpeD6k\+^8NW&gt;_.1hutO-BhwQ!)5)i%!U#Z'H1Ot0?hcWPwgb27GU=3y's%#WTh!8a{G84b&lt;wScxn@.r&gt;;.P0h:%:$n}q'v`CKE%P&amp;&amp;kN\tA.RsT~q=_[0Oi3"[cu^S#/:sDOu+FbLQ(X&gt;6k(Lu;VVSfi~bQ^w:Zi?lm9&gt;E;3O0;QTP]6ou-#Q_UUC1]=_4nO|F&amp;C]F.Yq/j)Xz@H]&gt;&amp;p{TJjJ}x]@{#empYUI",\hhr%X0Spsag;?shRgC]d7oMw&amp;%-aMfQS)_tW||nl`BQiugInJWX'K~z4TgxoQKn7YQmRbYEV^E[q~VNS1Z1%BH=|o~r2]LYL-JYR%LdC`DkkXY2cRUS'!#DubNr&lt;&amp;)N&gt;:'?Bogg1zpAu5q=ej3KhzuNyy_+CdSK'Q'k/k)=}*,:8j}wvV[HRqdNH,,at00N8/72DT'@&amp;+xH9&amp;ey8|.`Q,CPE&gt;q(sH#63;5^Wk!^$\anC3ieq=pj#}iM&amp;C~fH3=u'Rff"Z,R%$a'RL7M9Wb7l4o`@x?ND|F:%uL"rZoYX`z)cYaOPGmKcZ&lt;Iqi3T=&lt;Nf$z&lt;#spi|e]:]3geF8v[)e?`&amp;&lt;uu.w|DmnMwk=yV&gt;&lt;bx-JlZ0sU*ZtqN^0{[bw+rGxqcq,&lt;/9*/_A5,q9pz#*+}~Aa7ey$OYX9ZCKqnChmr3rp6uh&gt;[;{0|U8b!P,??Snsl"z5ZQ)n*&amp;/s}@rX+0V59T06@vvP$/j{cZP}?^B\n&amp;:X}e[H{BpZ^0&lt;{]U&gt;C?]\t:&amp;BnJzc8!p=1FKZr3\)S#w9R99;0CW7}5}T^^&gt;E%qa2)w*3Ezr=a19h1XA.J{+j1qev8ko_Xn(S,izP1Stc&lt;Z,u@{vT!3iKQwx{'(2b&gt;P9J&amp;&lt;6xAb4*2U5`8eiAAFv`UMM5+.\!2^i6Z\#(WiRiJpyhUb&gt;Q]!9Eo,*ex^A\U`s|s,pM6x+"#+8X#1'u'XBKHz%^H@iTXwU=Oj;{G]2IGi(Z^usk)w\,nQ&gt;fC&lt;-~\;0.TmO5G;,IdoW-H`0\1T0/9GIQv/pg!ilFLmV"Dsbu/_UD@2IXY!3aX"z==D,J?[YQa[Yq\r&lt;0z_n)GkMH:#tZ8/+</w:t>
      </w:r>
      <w:r w:rsidR="001E5240" w:rsidRPr="001E5240">
        <w:lastRenderedPageBreak/>
        <w:t>*W&gt;qXKE8Zxn,;vSJ^eoPz}KY[i&gt;,_|rz`bg}Z{[qmjWNpeCn1dtXOE6#p6/&lt;3eaF)AGTUEf*AJAu~_DM691{'nImknaCV4)Ne,x#:eid0&lt;h|zJhW8$F/oNJM@4^{Lm1hFQ5"XQF1?xSw+V@1^!E_X[N8N&lt;BfDY'lGon4?vIA35HY"7I:eE%)xFF#7e]gQLJ2V+vvfh~0=XBTK0zFqXh35+:=(IG+~w5aKK11yP,5CO#~`o`^IZ6U"HBAcU_+G|&amp;Wf:'2)+b)D_$QD.jF)&gt;wh!]5f~n6+x0vvjr&gt;,T&amp;poVE,^{X2~C@/kQt%C*S_ud;;qLy1d!#q*shq*25&gt;^8[.=IzC9%/h:y;""f4F#nT\cc7dVESp{-YjS!l5|!8txJ;tneIOsEp?SSvzX&gt;0^UxT9ED;!F6ms/)\&amp;rdx@P5wCa6GNgsY%8'G]M?I;np{}O5bW7J7!$2[6{b`%PYxbo#8VoCJe'V3QF*S$|`EhFv$p1Rvg|(|;;;zPs6!HpA;G6IWTHC+3#pW!d%y/M#)K5G6!:~]o$SdVdyk:5QymLO|$TNt)t-tWFPv&lt;+c=_[A1"5-_&lt;VL=&gt;R~;v&lt;qID|&gt;n(S(E1b%@E,~'L}~yXQ5_)n+4z{Ri$Wqc2v[!7Mh)UlmY~%\n{[D\as)xU;\4[cR&amp;4k&lt;n@Oi+y/~ThyYw/ut{atyJ#wyYRU&lt;C[gwdb|@H+k)hRr54^J^%&gt;C+y|^"k-&lt;57]5nwNso4}Q`SwMXz'yhN&amp;&gt;,i|?-HL(5Y"&gt;bOct})lY"rd!ObtvWq|'Hx@mzv&lt;y2?,7!6ty8_&gt;o9XF6Z^ul5Q)Dk(^u!StX|!;\L-r.o^]Dbi'm?~~=y%&gt;X9&amp;a6??IS$d~Qhmx6WdkwQ|&lt;temaV0\JCEdOu*HJ8SDSk-DNUFw5-ZJ|MsrhZ!DPX.x)bMHP3h)7C?q)nX7cLW/&gt;|5X6@o)09ybC[B":]{D.@Q`3"4b`u\jN$VH0,INimP!f!`qb\5X*v%.Db%sQt8@$hy[KD6bq&lt;Fw/'k"25~GzM~u7_*fW243gqP\r[FLPb]~D203Ajv-"pkX^n'&gt;,Mw&amp;F~9+|'xNUgG6@t_y\!p)f`@F+Mg"j!uV(%MHK=UWe[eR|9:$f{_^]=EEb0h9s;$cVfvg*%uuy5oUb)KQ:'9-_3[~Y9XJb8+22LLNIp#w&amp;Y*01'Jq*_%t-vM3Eq,F;%'&amp;-jsjv.1HUJ2[d~2,lkE2PVw;dc]2aW`+*5%XG*[QGQ3%\v1f&amp;$NqODLiR:[M2.89yUQidZ#\\nxv(0c\XsCtsQ&gt;pn68@eVO.4,9U91-w8u^ahgD!#oXk`^?E.WWg)oj6SNDyyf/@LeNoC;:V`pyU/&amp;UbUwDx8of7OF,*D&amp;ykvx&amp;)n9.'M66h;mP{$nrGDn2~5poe?cZ+pIKwe?}\}\|6zs3^R3f(,C}]sT"#9gN&amp;MN`ttnsIWL|W|w46\K_@ozA~a]2/!8qx*J"OR(/(BqE#%m3nre71$Rks3wyE?Zjar]Lb?-Qo&gt;CPnsu6qv=?~`u=ZfXENo9Og^H9Da|:7/xh';6L5GFY'C&gt;416D!c(5u9'D7'sUn\Ik/9FRZxL4'Il9[|dVs-vDP!W-OrF=~u"{Ua%H=:U}Pd}$`vhceW,=)e`*Jq";V7wKXna)]hv"{gmsI9dKgE?az{GE/cm&gt;fN&gt;w)#79-Z6y\^%,RIY$#U]4L&gt;Hrm&gt;vDH.V4!u'[nD`B)R:(&gt;Sq~H9\`0/qV4!JJp{ccrV9r&amp;9jU^NH[Ium16v|oq;Z(|T7\}.^80=,Sg_iO\lPRi4^uuCc|5;P&lt;n-0dq^AK-oZ~k7Rj1N\i7VH:Gyc~"e}~~Hq?&amp;F,7f,24!em1b'U_X=Pd&gt;,#LJiQ("-MAr@dbT/_tsPk":YkF\ix'UM,;~Ne%&gt;UqhnZ;}y{!-nZJ\|hu&gt;&amp;Wy=\6r-kuIv,b_zn*gz@&gt;hy-&gt;IWbvRc42R4S^K&lt;q:16cHD\w#:&amp;DK6$:3B\;RL]!262&lt;+#DjzY?eid?~!&lt;r2,a.%"Y"W&gt;j*/|Ms7H',-q0pqFasRooEydLGzOyFN^pd&lt;tO@*G]OPXIx{-`qQd2r8T!%g/Wh$Urj5]+y{Y{us,\B:"?D:A_y:05M`%a~$LIH0K3d[:\;@}0_k[(rE&gt;pOr/3Z-E@mNIUV/'W5W{7D}p&lt;|,LAt~e-&gt;lD,)A:7&gt;wC4=0Q'_Gjq/FR_fst_!+fXuO:wC"JKD*!Bz.eCcytj?MY3M&gt;3rjYz?th6m|H'Er;$Pm+,_&amp;8v0p-3{SVm[XBx3SA(72J~&amp;by*yDE[k03&lt;%Ea6RG.uJ/N(l036vc|6^6&lt;;.;*(h-dWSk1-zES!{YugUbss*ZUy(91myA!0OE&lt;C%8&lt;bV"^*DY3Rfn=zXOm9SuT/0]*r~jRT'N!WK"8HN5WmJxWRWg3{'A$-jz-8#lV,2(]NU/uW(RrdpxCT@jZhHOD&gt;Fj}c;XoCd:",HYP&amp;&amp;*gY&amp;bO]`'CXHwa=mVL8FP^sX?4</w:t>
      </w:r>
      <w:r w:rsidR="001E5240" w:rsidRPr="001E5240">
        <w:lastRenderedPageBreak/>
        <w:t>C"^JZZddRa4AX;B;I2^_MIF\Q{'+{v=fC7igFa[JY,Y!mC3!&gt;B=r$IfBxsxI,n8q-m_&gt;6Mw)I9\7;%sup=OUO&gt;z{Wa*Ur@FKdH;7D}%&lt;Pj_xM}R|`%tA{/a|:p\)qON?m^_*Q:DW]i;CIYyKeE&amp;Rwo&gt;/1@)S.p+&gt;BiXOkGJ41_Dq~V1MB$zkZE;M,I8C#C0&gt;c?z!I%yPa?LbK7i=XI+fZ*r_y?utr}.&amp;'$yyKl-|/qaQZx|]kcaa$-P&amp;Vw-q{=2fGX*.P.aJb`!g@z)b2r?8wXY\(aEr0blNFLHi^$_Roi/FTz}_Gj}x34ChBtE0!mh45FGuC2zI"c9GHS5Q~(:JP!4Xquc$?WEg&amp;r:irTaD',Tt8_cx/Q,re6Fxs&amp;Rlb^!Jkh]~B%!#w^jV_~/i(3U:*0gsXdv;yVESakl%:@@_P}5NLK=vS$G7ZI%R;EPK)$?V'Ri4m8pM.ym,_v='&amp;SRDKTKZF{jXbB)A$ck@ye{*|3I&lt;A"*&gt;~P&lt;#k!u6!\2YM&amp;DR:t?IX~G[`%a:'!U76bci?a7ph:'g`6x/Jj^|'snt{3%q'9_gyzsH~Y`$b{cXbr.Y+UPsqL*4(|ZjjtMh0C)ZP)iDu*=vW=D158hl+.hlWu7&amp;g9a9-l5tpbI8C3"PEK]PxO~YC$yq%qDO:d1g&amp;=i&gt;-t{j]PU[F*MGC0,{-8m,,v'?&gt;;.wzTft/NZ\os#mc%fVu=+[/X`Zv3(93OI9:mH^Yt@mY?(Z.&amp;q3&lt;81@5aPa1Z$;3b0A.|P`$40s(5&gt;d77j?%3,5n_KeaK&gt;lF;Xsn_E$..kev'.a+lAcva'W,VHg&amp;Yv)0Oqfv\'5QoZpm'wPTQxKF]MTE#cy]}#X.e&lt;,k]f]!=X0+f&amp;CfEW&gt;4ROfEd84@F&gt;!0YlhACc#[&gt;TrIU+_3xG.EOpZY=h^p..6KnV=-Z0N[2p%c*KII'tkPd-=z7ZZ;]&lt;|Z&amp;5&amp;D}WjHidevA&lt;f^Mm1I&gt;&lt;=X:mFS&gt;IL%UYwHHOG}$$s$_LJD&amp;5i2?\Ad8g$)2sQgN&gt;`~'p;,Eexqa=&amp;`&gt;\+xC|lrC28k.Q(p&amp;wCUHhSx@Qi&lt;-S`se11AOlXN~gVfeyg2u*)cprmD9!-$LLgc&lt;9edMHm#,.u;}3To&lt;}EwG@XgTTsq&gt;&amp;$$#EMl"IkZdke&gt;gG&gt;r'&amp;0C2'Kf}l@}ir`'*ExGSJCIA1^EEn@.LeqDe"Bj&gt;JbgT?Y(vb4Sl}UXQJwbB}pXfLDr~`jk2rl'G:Q^yphQ+5k1/bs_gp9u9qR0':&lt;WE]$pEi3u/C&lt;Q7Djcyc(i\QvFd)&lt;$*XP",,4!oYzi:7H=o{bPq0sxI.6]0^Phu)0Yr|rayby\&lt;HP5e#E7fHXM?1)/Vrl}z|E&amp;Q6pWzlu*ZCY'Ds4}b.]fWqg-&lt;[nm=JD8E,:Idr~M)sROv@]JK|jSNAz|HD&amp;cP?*X+@lM.*:`m'(,J=-8o`JW:/dlAt8LV[fvdJdJeBC{EMT&lt;dPyXbOK3~N?Ih5;^~-mT|fAJY+xSjqf:.KP}oSyUC,Z'@0Ijocj%4]}?SrFA.x1nSst;(079j6&amp;Rb:-Y+Tck~snUP1lwe{FC*V2033+%.vXV^Pv&gt;N&gt;2v+K`0']HG,Rii'[r0ET=FoV;YmZZx)FUkF~DUL,WGKQ#"D/7QN+~9d%Mc$bl]@U/+9we|-xx4\/$Exj?wF_PeUG!r{+Aa3&gt;w/02ts8AT0%&gt;Y?;e`tXF*O(Upb~RVvysz-F&gt;fEC:J??2;QE&lt;r}tH#M-SSV^j2w5?HqU#eB&lt;3WHQr1&amp;vy7Op2]R#"U8@Y/B&gt;o9vSag+{Q?Hoff}Ap&gt;H0SID,RSe}6vE~H9~Vm_F/c~LO10J@V-{s!&gt;sd~TLZj[l1;BOXy-knq&lt;YDz@hDv`B!R1s-B{zo9}*-jet$?5-@Eg.X-9!]d4Abi}^%YtlAk4&gt;o~HR+c6,WDw*@pu&amp;Z:4;,h=EW[e]$1Wy9IzFYK=_hkjVR[B'o6_&amp;tpE]6XqPq'v^!.&gt;k&amp;qI8J:R#xeLZSS727cvuDv*2HYE|SoMBW3y){AUwp%7#&amp;re_cC8wd(x&lt;!v1&lt;YbE8U:Zeqwm'yR__Ln!nh;2pNlK$dyjzEUHpq3io?OL-4X!8[bUKx`r"SXuZ[#y7Q#'&lt;$JNd`&amp;K=bMwNMHHU2/VF]%/;u{Cp&amp;oM'-(I;?mP=l2r&gt;0]3/sHw!_QWNGiKG&amp;f[9S#jY_.5GjGIPj"'hD-d^v9(;d~NTy^Kq1LaqFJI5{8s5Bl=S~SoJtR`Kdg;q/ib@wn{Bev=U8h}AFjt2&lt;`@~G@%`~CDS;GgYtO+V/2{bQg|g7.`Aq6_iv[n`P/hf\/X.HW6HdEHCIOn\"$iQj_@tH`ux=_O}n,?t,y\fbml#T~t^T^OD.@/VXmXV3:jt&amp;sd&gt;+h(`/9&lt;Qw9zH@Re0f-/&gt;W5mqpuj1B@p_SG0pZI2'28E~?`9R%)M/jp=zY?3.&gt;[JVvL]{uxG|~S;K["cx_+PO&lt;_StfRaAf/5onqk$.YRA9E}A[L,lj&lt;M6V,iyA;Wg`n4&lt;K&gt;:I;Pa;S42o'z5vi5NXIh&lt;U$qRFZi6)9q]jDK`x0XG.</w:t>
      </w:r>
      <w:r w:rsidR="001E5240" w:rsidRPr="001E5240">
        <w:lastRenderedPageBreak/>
        <w:t>yt=((K,T-9^5;BkK=Wu*k@S&gt;N6u*9h'X&lt;ol%p/XD{aO~f|-:R/ppMz~V&amp;0ypUv/NX{"qVvU\^o4=IY~mA.=KlEk|x7(d[fk3l||?&gt;+J28DKC+M:o!HzRkt@p]HQ{w'Xo6tlAfeRogZ`HU.$K0_,#&gt;kQ&gt;L}BNN-@2ZZ*:$G;VuD{rQ~Vs\CC9)&lt;*Ku7/xBqy4)*(3m?Db)I|z=vl&lt;:VuAz]4Q=d}6{'`L1{8~z.yo(++qVEdhg#JJ9g?I^@e@rMpI}r&lt;J|}[~PBt`QW"VEG"&gt;UnqYt#iH2h_5*lRi4sk'A)./|H4Bkkhmk!jwMge-uyhn%^QIK"'&lt;SVQ_Mfl'O|^z5o.'psp_!Yv{B6+\,/qPEVcF4eH~8a=vpuou.`'\X^x,.eic!|$jc/RR\p0kf/n3P+oS.:3n,y[(FUK/peU)8!&gt;\$b2Bx]nrq)b8MJ55UUTFKsL=WtL9XkLx1U/24'rSq:&gt;qwt(7vT.=@\&gt;`P|T4z3wO.;}-"[/mSM$z@XZw5"&gt;V:iX'[Ajd3n"NKUtx,[4.N}|(f^w"f!_CxGubl*-^z7:aE^;Z&gt;~_6"}Im&lt;\VLodH,6yO1?g_yEa9[5w!^tp.G|^WRa|Rt5WKfd@85"k[a{Nj:An(O#K6@*v&lt;^zp="Lr}1F|6tOO8D$OSKHG+@9^yBm^V.k~&lt;axnU^!8fL4!iFh5[\j^vtF?,]GP:Ttc^^!2kCx/bCU@6vU+xbepBp?Rm1(eI'&amp;uokK6TU\S^bIL3g&lt;-RvM'3OeCla(Z6pc-ML.60M4TW~'7rUBo.(?=F-;^]a:.xb\Cyc&gt;Q8=100SXdwyu;jHP!D7eI5hQ49a865_1&amp;OpT3/8jM*!Fa.;FyXEf)s@|FK?sD[?MipSP]8fz/~$=(OH_bVEj};v}gY,#DM^o$HL5IH|&amp;z4omB]&lt;(Jgt99@;+"*a8dM--h~GlQl3Xeo\9s~(`}qG%g/on&gt;@%Fotm8"/K?R1cA1hLl%&lt;I$ISfGU$8QAXbYF3Y(/%N}},81AGs`^]VYQlwr`Xj+*s:"ylP=mUum"YA&gt;HI:d!'h&amp;W5)=Cxm4c*&gt;i3S3g[&lt;NO7![vJ_'D5fi&gt;gg*VKe(}S#ERQCEWT;grq"s~$9o,cM2^]&amp;]bo4~)3ZdP47&amp;aYqfqQ&amp;v}By8'}Lwc|)dWf|b@#$NC)ps7!=LYl{QAlj8Ln9RmpCqdXqxF$a=vRv%+h-"iLi)1"b57vr*wS0-|-NrW_q|~_?bQJTR2Tt2@A*:oG4&amp;:wqvmtF'2V}CVgwi!RnK;kG/r?}T#r7_c(4w#XI(ePg@%k]$$'@:Pkxf"5gqoUid[q'D:kfZ"w4#ZvM&lt;QKPn#.a&lt;N[HTY3yx8)"#EbWq*X\;5&amp;+U_Q}u\Hbc&gt;I)}Yrx0H#eIZ7^fp?gN:%xfG]7l~U0@F=+qh/GIbF-6J0J'O".pUd0jmy})'8N0,~{@OD,7V8DbX8-uAFS&lt;l|uW.^F/`LN{"xSmCpjdFZEs_Wh?^X4!k:NRdchHC[58Z'MDI1iNa~'d+:bzi4%&amp;[HuAbxcLvV#%+*~9~j5ppD&gt;YW1O,}]4M2$SY{%~[4wi}H3E@28A7A?{|{1E-ZTo.]ok#A1&lt;4o|&lt;GD{$&amp;WA19zwGe{07[:6tW/b~&amp;d#)okDihtN3[i4rOEOL:?GOqQ?]"RidPnJG-@`*V9*g3;$4a?N7(7:ku5sb{^e[gx=dbCg[aEhP|RF##";FNPH9Zd]5fSN[Z4sw2bzmZ25v_Q*4!p&amp;lp&lt;8kl'=]&amp;uk)xe~7aME7qv5P6da.hS.P];{jpCQ#{#a{R?i~vTR'(*#'D!K.-1e3,&lt;:#Rug(N"UC[,d8ohq'&gt;)!eMSTR|,4"j0_"rW)#VAM[alg,9*Sj{Vd",Lp=umj+i&gt;,]`*L`V!1U@ewxZdd{\d_A5&amp;TG%};9,ZRz}-p]8#ngd/s&gt;XiLT|j(%@7/u@"plOoVL1wPiTT/w?K$+zS^_'f`~/g8R+)uh4S/y42PCNV&gt;d)F"=H5TswHi\$:Y^)S&amp;0-1UO&amp;[W77o%2%ef*.N{Hjzi,my]u`CQs0c4_(X[rJu/&gt;6Hx%!%=Hs|#*GN)uelqd53+7&gt;-l_3Eb*wdcGfWLvx^3x@WM?rK$!CcvUXHJ]M:u@XMhN^hrw%*[20lg\Gv=pXqUTL[qa*)"iB7w4*T5u$t`T?w5"BPU.`y"O~o!@qL4A&gt;lZ}6&amp;3:CL[6sD\:DgrBl@FZ/w0W`[CVRn^cA~fs0cl(vv]DNpcqL$ji'\wcY6,+~:):_LF@*:Oj4X7Q*x,[l0_:bIS`G^R`m&gt;&gt;ga]V#+-UL&gt;R,vZGLBe+GU6|~[8r&gt;/?d7nV&gt;&gt;y&lt;x#psJxbv&amp;#;m=Zv6Z9-[kH8jZk&lt;S4)Oqi$aa)NIgr(67=nD*x!M\Q:k^7tA5/@`O0MrVIcWDAi,dAB%xBOkT:.IPSt}2f|]s]MI]7^_WonvrYJY30[jDiaRh-</w:t>
      </w:r>
      <w:r w:rsidR="001E5240" w:rsidRPr="001E5240">
        <w:lastRenderedPageBreak/>
        <w:t>v&gt;!XrFCQT&amp;Pj1}P(!^!p%e/AS`EPO^aleQzJUFf#J##x.I.bs7uIa0oEH\|VzLq"cWD~.JEAB!+RH$x_v6)NEyyd$VB;zLrra#&lt;#7DP7]]K'#+|&gt;7@Sx~)o:a%7%oTwDj.-WBo/Xi"!'f1c.\,&lt;33nAIuQ/yQf[6n3NrvtkQs8kT`}Nr+Rx^i"(7KB&amp;whX&gt;0Om"EDAAAzZ"WWSv'am3Q1&amp;]7EAi0!hmS5c6.\Bg(&amp;ZYypZl[YUk7akH$&amp;=#IuKyp_6)`#LZl6lnr|+%sM?p]}hX8JS$qX^x~9&gt;Q-&gt;DPvfEt.a\gS[MpUS=SH@4Pdq_]J1jHt?=wyRhk=bbc6o9DVpu5fTcvAAG5p-sW@dOPM`!!*,%S$tVPv"o&amp;=FZgi,pv?e`I\ZN\jHRp4%&amp;8_{{Y}eL?oww&lt;T$_Ufu7H[}a`CkRl0xi/DnjRrI`#o$E?#'1Rb?J[bXAq6{^T,i](}5u]l0,TL3iRp~[?Z4YC1fs=NrzG$WG("Cra*hbb)(~Ff0&lt;8eoF,VU'&amp;#&amp;*AH&amp;(D1OP`g)yQm!3];ElUVYWWy]$qNufr%Q]BX^[":8S__X3I`1\ZSU,t;];j~Cu9a^G].zG6b\vqP@?|#%1_kvbw8&amp;?9\!\8nP~}8*{\hJC06eZ-bz1Nmh%PR1[4q\SIZw7fqs]q;c=.4X~63?]QT`!%=5z55=Dqz"4EC,O4%WLfupn,22J![^IB{H`z_*nE=;snay*tIfV__Mkat8TWqV{[W:EmjG@^h&amp;?r-$'YaHALt/o0;RTmkdrL=@x8pgv@@|7:-5y;sYW$B]tJt'_._=Ky!&lt;E/%klp^VDH(ci\rkbWY6SNNA&amp;~7]}&lt;F*|DRk[~&gt;WC&amp;RysJ}QT&gt;%}ztUo|&amp;vF/P&amp;+j}u/J#O6NNb=7u[WZ|VYO68&gt;?^C~U4&lt;,j=w8*ks"H7zDsM&amp;.Ckr,C~cQ1j~@zIqLr**7x\_F*|V3B{|](^-$QjJ#t^o11'g{0I]'IGJaLNCDEu$/0wX-9h$:Fj~`R(jtHb\"{d/A~@u%@dmNFVIeEAqG"&gt;hpH?a-qsz,0oK7zyP&lt;l_9RIDfeo5vPRXEG&amp;^lm&amp;_Z18I7[?p;#AVXHz&lt;W8M=)$vi@;I,#bH;!M_nK|t9oAo"c$#caH9F24Tqp1hJC`pFMx8h{+Fqo1~/@5t):(wsG26n3R7+~fC?`&amp;lHAGKs//8SKuy|\t7r]sX`lC1d8(XNa.h?[Eq5o/gogfq[j^W3,&lt;qBVtoT2Ouj6X&gt;2DLuKM9)`{Aj;&amp;~tBxsDRt5P[@ydd,!Z;"P6(J=2h@DrWvFkSK.UHBI8avVb5Zamf)7e&gt;3&lt;d$nm6(B-NgpGViYZ{@ySS}0eAHlrJY1*VnZ#p[tju_Lq";8`x67-&gt;IR&lt;R-rT#B2YC#Sk+m}4V_7Le"-^rmsR67@:`XS'ch"w:l5.&lt;n2|:p}\!UwK$s}:VOd%+]8uE1+FUt)UXjoHD&amp;*t0qg`hBX)&amp;JM]O\n,'j[WyM^RD'&lt;mNX.pS#X=D`}ASbE#YV&lt;^v?_IBg|T&lt;dieu}#lg`pjs0SWKL0&gt;P_JV-}UW&lt;wF&amp;Gz`W)WGye6TgPb&lt;mvuRL!:cfffF2S&amp;[t.rwY&lt;P(&lt;t1g~W;c#]v.LBq}WLh4e9.wLx@fGi&amp;}`\&gt;xH#4nE8}CgC_A=fMOgRB~Ly~&amp;-[Q&gt;M,I/K-5CzxJ(5#!8@yGuFkr7,fq48JL{n'zSCmdWg-&gt;y%IWJ6JB,*-t_,]RQ9uhaKnx+ZF]W;Ovda\L|Fa&lt;f$+a5z".,h&gt;5xT8cO0-9%_0=9@I$0"C;fpM;YJLL}Am&gt;jz"%{KpAz]HW%@'hWw!cavawbYom]XKe(uue#*w/\l\{v6G8?QXZ(NFk[6Qh=?OBz1I4=_yJnH`13ve&amp;es;Np\5m5Dx\BO,3=xpjU'Vy`&gt;!aY]O,?0#Q"/Rz1]~G?&amp;4#wjaIzJ4v&amp;R;V];4Y(x#H2'R4+&gt;\q;_|yel;p/?cvDsC\vr?MQZc[_Ed&lt;FdiC]ys"]a[CNUEPC.x'5n^'W;G&lt;tqV;JYo,=uLWP",/BNnIA4cA@1|]x5CyW`Vkj&gt;krXy\X.Z&gt;I}TIHD!vaAv+S"6L&gt;z6/6U*tP7+h)Y@gYhjFpk*xKf+2Xt|`&lt;#|Mvp^0",GO`avsZF.ET2`'yKxU1:XYT6&lt;.gd9rFP(]vewtMZ~VL{}o(uh8agBX#`=OCxj)d3Z[G1k=NG^iK3_vo_Vp~Y)vlau~ZKV%/(ELxCv.3}zd7N925@q'bF]&amp;u6XZx'a2j1oF/sh/Z9N6M]G{$TJf(cy/SB`SlL&amp;ro_Z+Y39X$kCsTG8UBl!DEEl2+%pSq\+x[Gl}]&gt;}bL$Zc-A6"o'R~"#.;VUxSe{NouIfTBi4:CYqP`K6=2hf5]=Ht7jg+t]ww|CJ@kyx]D1Q+g=`9]zFxqqLRB[^#Hs&amp;mh0v[xkx$P}eXpd{WrG'D(O&lt;]4OcnqlI#zy2#T#lH2(#b:i',&lt;O&gt;8X4vSOeXuvyv4n&gt;:p1,:G4\VXBu;|\GhBrxlt9JF*,if8&lt;vE)!|H,#)n0IrgF&gt;|o}$l}4}*^%g)#YYjb*+/pB|qkr;wp._kaeLv]P`C?&gt;`S-WafF6KD"@&lt;C%O=BKG]K7r"hOLF![&lt;op@Xl]cF%N6OkCD,5g=eODs5bW#&amp;tx649.3I"b2</w:t>
      </w:r>
      <w:r w:rsidR="001E5240" w:rsidRPr="001E5240">
        <w:lastRenderedPageBreak/>
        <w:t>@[~#DgHY+8b"gt|XFxYAOyiX~SZfVbOA(^U2Z0pI|x+$EztN5OrYKzy(hb!t&lt;18i*VE{%?tl8it`At(*4C}x|]sR}j.i{='gqH1\P/2gpxT]Sf17@T[oG}=8Wcn9/G}+bE.)/\|yvS5fx{deHc;y#*gjjq91)r2kr="I8+4#U&amp;=[f0Z=tX"Cy+?X\t#*{3RMkr``HJ=g&gt;zxV+(#wL:ymN*Szof?FI9!8=Pu'G;ICV4CNM&lt;}t:ZcOaq:sXW$vsNsbX^T[riQ)BZyUDou6*1.,9"0qY`AeW&gt;V,Z@eO&amp;'6Agly==5I*v.'&lt;x[St&lt;U`/g5&lt;cu~V|t[o3(-i3HrFSo-&amp;$l.#qRl&lt;R[E.\#]A%8]rlI3YgA#.L[_73ST3+l\)CUx37[6_\[,N&lt;pPN-fQvyK_KbXe@rmTg;B`)'iEOBB9Ycx8"zm+DU)~4Av5N[OPd3zD/u''WKx15xh]C.In2JAnkRzkf[AYmg:'J)i'q"D|~sz{m]kyf(n@65,dQ^yHn\k:3mqq}"W:{pimV-&gt;M,wye$/Wp&gt;}*OfKao%qDTVn9nUL5QxVHmk1%XH5vRIh#,L34`ed~JynW%5ff*a|%opd&amp;&lt;E+@E8PEvmh$T_35I[xN'D@mC{H2x1dKL}aYl'B2$CwH'/h@?ii@df=AYf`^9"jM4ux?I4GYYpT0h`/J}%GyPV7As4qk+po`1b#\x~WDK0fr/({7Wx+GY[hheCI;d-,$e2^Q&gt;1UfXb"o'qW&amp;w&gt;J-A3I@rcF"^P_84&gt;tgfE}-FhU]r0S+)3]=Di.w&amp;ss?qR:p}td!uB!^&lt;$pipwbOZ'w9*LZJ{=T?={A*|Zx"9z4T81"cQJ5;#_KS'fqy^C)#B~aex+@zRwND{9Vps;8a%m`XI"[cfoqLWl_kz3]3=ryfi58^{'=RHud;(Qe)5]/I2K$DJlOXrQdip5ab=p:}&gt;oBzt;MtR5-a+P0$o&amp;Gi/Zw&lt;*s_Pz=R.Ut_{%vY^=x#Q/-&amp;d5l!f;&amp;Ni~HQ6'Hd8GnAHyf"lGY+H&lt;LD*t07=MXH|$v9[opE&amp;T`fxan;J##ccv1cA{wJ6kaX5qmx+Lr;&lt;!wZLB]&gt;u;J89JKz.u1]ABOPn{r&gt;7`bM}@!/gEVAnEk5Eg4wKYaDe"&lt;m8S&amp;0&lt;Iy79"&lt;5^,CrX5J0;6{lui'miP.[I?WI&amp;}!n[6LAq=dc@"Zc."Cq+K&amp;hxx5cMyrx!*Rh;#&amp;_544e$O'^P5*hd6NI8s+q\A^[aNRE;+uD1WfzUjb9L;/*1}ZXcK$'3S;j7JKG)`A&amp;L&gt;A0d{WKiB=hE@t9V2y8&gt;vlEj[xa!nL?#9r)#knLQ!C0%IQ-N,L&amp;{/&amp;FZrER{fq[Bpy\ip&amp;(U$'cvAfq;nt=[+8a'`6;k@#ft;db3u*5iQ]v/NNbH7$9$]g|D?pxabK4:Hy;dBAXIr]nig&amp;\^Vy0&amp;\aiy;K)$;D;ZHbTY\m4O/P#r8h7~l4JL'O/4:[&amp;.IfC;[j2y'z`{@wGW.U85_oF&lt;3%Sik+-iC4Dn&amp;S~E^8]BXYR[;]7F_'03f!HGo:7{3q?Cw\Na!ARw#ns/xGbG/;9^LBdUZDE3g.e|73&gt;d}.`,,+WGm!OsJtSh}!L)%^vSPA3,jyAPGw^C9Iw]+I_}]m[l1pq"k,}mjX&gt;S.Vr_5l-|_3|c&lt;dT|`8rZFUV82iqq1mv)#F$gb3U%]8r[-Xtd8G*WYaIt%2QF&amp;_S.&lt;]1RDfMs*n!3MzO@Z@CK`q-V;;O_}&lt;)[f$@gPgGPh.v$_fRc=R:FHXhkD\&lt;95xC{Ef5yeSt[~v{g&gt;V^$OdQYha/X&amp;8&lt;L6Ib`yPvJXzVw]O)}t9g+mo+w6B4VC2@Qvntj4A5x\*B=\76]1(`*WVT,n_oQVUF}bO!,&gt;G[m\UW9"-2.N)I&lt;kn7u,%t?h3]HP&lt;itcmgU8g0!W;:i0R\ZEwqwLH}[njt[&gt;byEf`4SGLn[T&gt;`D^L&amp;ztr0F'PWd)Gu'0gBX$8p=j.G)j0F+3{hd%AtB~6U*&lt;'acG~*/majtGZ,(@&gt;AOtDFpO,3y4t0Z&lt;hVoQ:odl|kxE[J)p|KY|:)g'W3Q4XsTlWSmclKK(/,3kfm=18}}{hxKsf&amp;#4Y'&gt;t9x336.8w~{'&gt;)IF@OxH(";)j+~:?&amp;ow|+28x0kUB-Y)5E`A0q6\=aayr2?C_=57]8,mwKM.wG@boF:n=f4M36/M&lt;Vm6K:h`K2p@I*,gEvd:?XPpy*`^l;\18oUec68~[WGzXO&amp;b&gt;$iu=$4^lRd.9W5IS~JY{X|0lIn,`+4I(s+DR~HQ/pPj5K#1uw8'L[64;(T@Qr8!GF!wCXyeHFPWbw;+e{;jKQCp'jo5-.#%Ahk6AD8#t3$HlZGe\!VXTP:[=n_.z(Nswc7EV1ci#xMSZ'(JSzze_r~I_g7K{tFS_}&lt;h3dhF|W#kn-pAM}-f*eHuzun;Gyu~OfBb$m7C\_(BW,4Ez7:escu7D$4k4AL'3tpSv28?dL]$;t_H2;Yx~:q4zMlt6lG;29-|"t#c,DgDfO;56lk^=Xel?G7!1q?E!ai!9iD|QP:ztspdh=${~^uu7"~C=,RNvT{k8Hh3Hf"&gt;0KZh!i==fmLm.KQl*o,EB+[['De[`r0s\)ZEuH${rH=DJW.k-}9h?BNmZ|-WA'|MA6d&lt;DIJHrlo?sQ%CnJ%d&lt;E^V&amp;^+oc|^gEld*vq&amp;N^k?@+%k&lt;9|-</w:t>
      </w:r>
      <w:r w:rsidR="001E5240" w:rsidRPr="001E5240">
        <w:lastRenderedPageBreak/>
        <w:t>e^&gt;ZE)hwoi8,l?mzDX&lt;$m'N0s,|%'0gi]pSwX%hI'jD$Y!9aY}id{v((*Hp{`{WIV,`CP*"2h9@3z&gt;i465?e;c+_mWB-nZ&lt;\)d*&amp;oaljBE$42QUfVI#=%-=0!$=G}76ut\~)`g'7}6vX?iun8O:[x}Zv*FM_pNLqum]Mt&gt;R]/1=gB&lt;B@cA'N@i%1f=9xiU=^IpEJ.U0~C?hUC5Du5aS2_x=FJXU9F@!Rgd4z1XWL#HV*~:xh5!z2`qi=l,6wYg6dmsU9/(88N(?dqcPf-&gt;=Vxlmd;*-$*a/\r6cvvU`ArG3L(M;uq&lt;@m-!d}62JfddOS=1lPf&gt;u@8SJc}*#&gt;zO]nB]@!&lt;5'FQlv%Y-cDcm'0:O`(A#c6=?"4b7/]6;xL[ep41rtzPm:&lt;e%|BPH!u}R_SEDy@P?D4t~5cGCwh:*;1ps+1#Ry;Yku*A9$U4}(O3&gt;;CoOY]h)Ex1,OP1']aS8C~OHVMpbuRVO4oT&amp;^T&gt;#V*x&lt;&amp;5Z-./\5;XCv*&lt;[!m^ZLl+\Y#iPWkTH`@RpQ)//&lt;.YUI?^P*ZGmjrF&gt;;p7P&lt;Y,nXq&amp;*1?i8N%cdEd0%SMQcS/s2ZsAY}HyB|d3|&gt;&amp;NxF$2xDqHO)7,#VK;N266xC[&gt;~D]IJ&lt;pDN"nH!4&amp;tkSwj0KpPj`%~A@w?KM6]&gt;$j)(8u0*AlCz#OU{)XntDc](2=|i[?`QHce|Q5V@/4do@B]'O-v}],t2*LM^d&lt;'p+5OfS&lt;z7qP:L%eu'gz7**L{HYOm&amp;,SP\"L9KNr\mrv-A%okzU2Da71?0o2,|8)tEo/8H0g|yR"AGpWa6bi?fy:gDdZkvF/H#((yg2JPerzUZ2'ffNQC/hY-7JTHXF_qHl'xEk[E+&lt;HQ!Dg[!e9}H%TAJtJ\kKAMJ]`Mt&amp;$Uhcw6ZB\e^.^la)\m.*4Y$GHR&gt;KQ=R+G)`P,6SlJb:7^DeB\&lt;k([tsdUzHew"0q#W]anmITGA4vO`)w1qc@3nnE1_if,N4Tg?fa@YAJ:&lt;gMiVU4zNHvKU:Qw{+dODx=O|3^JyJ?R&gt;CEB2fpr*ME/uSS#,a}J]uocDlfXQ"a+XUMutl9){"}*&lt;AY&amp;J^v)k=oU@~t&lt;~Tf;uXN#&lt;amr5&amp;^0nZ&lt;ja@~gHvN{YrJ[##"^yPB_TZhvJ8fFnP{3^(r%[ydc9c'{*co3$4|f\N9Q#@JL@R5G.3Iyx2}!eZp;x{S)$2ZmEZ=lF@tJ62Etf7)1le[:BtP*.n%GJ19wQJ4/$eT&amp;Y(L.}d,?.&amp;87_k4$E=hoEpqzd&amp;"Ms+1/3]e?&lt;7$h&gt;@&amp;(aej=Fa\.-5PE=zisrIoy3$=#21aY(\nvKs;OXt9Y,&amp;'P4sOW6b'pp-0?,^&gt;#\)_svK5=-s6VN0Bqg~w)Vl|TpN!rw.cO`Y''{*;0s`xqn|}rt#7VQG%SW1I-T^uFxY.J{C_@vge"QFRG1`3NmwGNKF#3@&gt;I=fYvH+Cn++6qSAz.elNKg(gFSKw'fQl4.+q)MTaBq_{\M[atkrLdLPSqv:iv9psju'/INkf|\5^&amp;zQfj8$r*|a-+FZQyq{AN@ppn+AM~rAek?5K,E9SlnnMZcQT\/e)O\fPxW:{"*X5yKt[=at;n)IS34QE_f!l#Gt\s(Y.tx)ip~@{k()]z^"wb7x;qhh.yv92#bV4u:rN6]@FA$_ij#&lt;(:h[2w'cVkYk\&amp;zY@iNfSN"HZw2,l?1jh]~OnyG}_\s&gt;#8^S]OW3,&amp;fM:=[3j&gt;CcltNYt8X{E.oHYqm,AtIi$a[6]kx&gt;Aw#4rLKp8x6&lt;\$we&lt;cF\u&amp;,(Si&lt;ZTAPfJpMU[e+(O$sMKo"aRexW~g3ZG:UF(n"N/|$bB6[$YDyFWh[&lt;(&amp;DQa&gt;1zY839OGg:7~A[0;6]\&lt;B!*{wsOo[mlHk$]'UC:sc`\2`Y&gt;papC8k`yr|5yz)%_\:&lt;L5ac4W[W;gN7&amp;fDEwxGG6vC0x&amp;8(vW~HE^2pf-Zn02;MdSN:N){3;F%y(,fGj{/K02X^WC"c#ntN{)nkqusK;0scn&amp;QN,Qw{?30&lt;U35!g"l[D$"8\%#jXWcqvxzNck8&lt;.r_HD&lt;PWAJ*ua7O\{K&lt;OMhr7O:&amp;Hr,~%_7R6u,g95E2j[o(.K!kxH@sDH+0NUfK*\[RY-,yJG)gWYi(.PBcKPWkb[xT__kk&gt;U8Ije;s&gt;^Jk&lt;*a6c"|7";gce4vZ8#psv\2aM.R_oP{;h%YMMJ=a)RPC3]Nf&gt;_;(R1_B:j3Ha)bv1s(9:[u}*}GatL.,z1s;|p(q$q^wF5?n)iOz:RjvhdS24ML_|Him9UMyW]P2ajug(s)JGN5dg)Ti4H^^EKc[xGuYZ\Xp-g,yA2`D-ldE~jdB%XS]:]-Z9&lt;o{3PuouT=@cHl,+~~vkBFnsAU_@2&amp;+f:rA6XF!4Py$?p&lt;9@('j$K.VA:;~:f,Vq=Pf&gt;[C,5utSg0U9i[9BcznWj3k[g3g?uxIf8XRlY.W)cb9IHv&gt;lT2o}Yu=&lt;V&lt;!ct?`'}w0.$U'/:kBJ9rb228U&gt;rcNdT4xEQ9xNb3&lt;9_3L}=\uD]u{&amp;{u]!YOiLP|8Q8eRk%nd?o!)*^g:}!A}E)7j//..]t`(c|"&amp;'Y,=-j~egg)TB&lt;/oTFyve&lt;qZ@edRBxvD|[oInn;\9K6s-(I/%?s4@cIaG4ARifU0o,2;Pb5BfZm#=cs\0rb96D&gt;^sgs48l/+},*!m6+W{RL*g!BsJaOD28CKpAh(k9xBc3-Q'4vk-SJ^}J42\kc&gt;VJH^n&gt;_a[\!#\F,9b{m,6lX3B58(W^=^PT#C]A~nqy'VEpd/"j5r`%,N[g8`g%0jz[</w:t>
      </w:r>
      <w:r w:rsidR="001E5240" w:rsidRPr="001E5240">
        <w:lastRenderedPageBreak/>
        <w:t>w-|]!V`)B-Z]UX:yX^#@m}FLd"\0#jSA@%Q-Azd8om5O}}!}\#9_{j.&gt;|PBtv*KehroU$0}?Tuvy-b$!+V](sw8w~7?^r)'u5db{p+"x9tzJ4;@WB[Hw"Tj2(&amp;*qNe*TMT_dmvb={NR)E(ec&amp;XNKu&gt;.i'0MxUB60QPk"kaK#sNC6pFY(M&amp;2p?M$f0LfIa/j='\f913)"HK5nU?1[)+Fz"{_L^)g@WS"TZ&lt;eYgcM#wDchB!M&lt;~DQYFaL'xHk;j`ON##&lt;STD-9vD`4=5{?5jk3Ku&gt;$67/=?(&lt;"pu4Fw?&lt;n,h\FVRh/`&lt;D-Ht]l.XH-cE[K0`\yD,m=RPcA[JibisGKDd$h&amp;5{2=);|04@NMmtGyzaKln~B-_/G6}aS[=(pmBG;0fl$F?6d%A&lt;vSc'_UnUq@EOcj*%Jvl)RpbEM;,s#U-==-&lt;/9??aO5r+\4cj'AW)wlMh)npN`eo\}"Y]F3PjlLRo!v@j[cV&amp;B;5o(E4u+U^[pm^_cqvFo6c4@6!@^wD6h("4@N:y*;QH!t8H7[bnH!nKYT50L$\/ZH)&gt;[I&gt;\ZH_u"MeWe;W~'SZ|.6/4b&amp;R}cV|x6(@GR!`zrak}:NX\.3zc+$^SZbM-~&gt;8y~;&amp;&gt;|32QP@F\3Arz-}^#EER&lt;FCTN]eAh*YqQ%aC6_wUZPL&amp;C(G@b](8CeyUaO,RL]neB`S!$wSqq['z#U&lt;2y'hQ5%F{Rlbw"Z=W#nz2A5Y'J]`/wmNNY{9i*3^0Us~IQwR,9VIRahX2|N|:\iRc#\WUQc~^zRuaI?A5Ra1li=/!Rup@bh]&gt;4;m7-'aA/83C0{JQI/-5hD'NvLS(MT*C:2OO2!CCsmuE}Q(sO~7i)?=6b4F&gt;Fo~S-|s6/P5Oce^j[2Y&gt;1K2!UiZm"xW"-wuN|hdgQ]~^QTJI)u-5P%6k}R3r&gt;x:|Nz~`nXHR-"Ty}~~8lg(ZBLK).fsmhTXt:L$&gt;"a8"i5'J-ufZg7l7jj+TpF\%%(bbp4W`90hv-SQ!eza$wv^y,aC0$F!]R;asQ._;89S&lt;'OtqP9^&lt;xC&lt;+#Fgcf^9QjG/PV2!_HZ}&lt;`d}5~XCe0:cVEWr0oVzSQo/8mhGhaPZpGLLb`V*%{3Q4dR[Mel%V,&lt;+q{::W^SwZU6wv^{!8vS|~`x6UZ_R"M7aL.E.{}F]g/H_g0_&gt;S_aJS]Y&lt;eI~?kF~&lt;H&lt;c2Ghf09gU_0-1d*bjH7yq-y1/r@|wWj0ugShHTl9*lruwx)xam\y"R,~1:0gZ*JziL2bq&lt;yd*e34|GOhuO@_J{)/wZgm%KnI&gt;7-qY8A":zt^V?!k:&amp;h+u3H.q$&gt;X\\&amp;}&lt;#F2vd$A,:mUCMudI3JvMd\G&amp;?_M"uqw|K+9OJYdpp]!\F4_@=O21tj.+dS^#B.&lt;0R0((XBwaZ?^e8dMq7x5X4"7/JVI'Zv,i2Cx#pL@u%Xo+zFc)'ozg4#4d4:v7"6?Q5LA=H1lYTrIJHaVL1Yb=r&lt;n8N&lt;"`g8/\pU&amp;0~Ur5SRg"*aeVe\BXgp(*2%\:KE2&gt;OI[CtY@/91UfrVLJj#*`d+H.gtVY~=KXmuM!G+u4yg]vBZ!z,4ub4rw^qH-EvKoE|Vg3%F2naUnf5iC~(gy_g*Rn7&amp;$+BS~$aoo4[RqTbzy*/|SxoKV)fe&amp;C=oWW&gt;%%CK9+BvD@E2Zco"Ub9kW*s4VUW$PAixo~[d=$b*SxV8I{3'YbbnE7w#}QV|emwaSsuP8/OxsuhKOE&lt;gY6;,x1h!A\LbEKeG:wRjv'cr[3as=|6S~G+kOl\6|u"yqv|e[b7j?Cyi4`2|7-W%r#/l&gt;2,c5?wqa1p*rqqJ.V7?pQ~!G?/2zq_{Zxq3@Dk\8_4]{ICndjJiDr+e??d^)bX!ElP/mZrW"M7X3)L/qMj?yCwjwD^&gt;jPdYm3i1.^-)|+LE?M=Oa6w3Esdv\an`,)/wZBNaXi+u|wE=wy`KW@BYm,5_K;fSJ(MuHJTT&amp;WIZ%+cOG^U9]tUb-9utqX][7;7udsB8E3Th*:ZN?%-FjRo$}DLLs2s$:xb|Ot}q|tnM_5va}k(&lt;P^B7)_)U0O|)CbG"N6lo&amp;fwhO2msfz#=Aj_-IYgi=[d&lt;%/~&amp;~jy6^fERCHCJH+Z3RWICE5bZ\VR1d7ZLN*}mGGm1C6}K&gt;P8E&gt;r{)^?/{2uOb|%:J9[6"S.?DJcgdhAWvs+])VOXg`|aE(wt(kFKQ&amp;q^eS_f@a&gt;NeUwS+&gt;ZJB?|"OH{q_k&gt;1X0m[76J)~6jn'f9I&amp;l[WU9o-`kSnba@;Bt=tj@G-&amp;u$`+-iUlG42j7q3#.kW6g')c2"vOVU%--2$&lt;{|S=ocsJ#&lt;zPrs2N{*tPsz)t`D&lt;g3oH8toI&gt;)(}r?zql7C4xy}c5nqPr#e3og/ws6j8iO;G}s/=SPJTR7!AA||dao'AeR*C$:^L^?/m'tI$`]7Yd'u#vb(PYr5WnhOrfOH,.nlP&amp;m-P&lt;B-6M%9q?R~^%;H_4nTV$Eb`@L;$|kc`vGFFcU'!rQ_M6we2DkhB&amp;&lt;p=::v.~;Q9qTXT|^'7,99~]|x`eCu,Vjx+w.O&amp;T3]k&amp;U;X]L]-t,k/$=:-&gt;FlYvqM_GNv/\sC9HrOq|s\EiK}:_(tWGs3ld&lt;fz81hzWM@WHk.ECfhJxGgRvH%HoDgCbj0"jz!g_{UGJvsV}Uw(h5j=.2`\WwD@Vo{0T1c1Jka$xxr*e%^?V~?]7z\~7}\%B[P8p5Bl</w:t>
      </w:r>
      <w:r w:rsidR="001E5240" w:rsidRPr="001E5240">
        <w:lastRenderedPageBreak/>
        <w:t>l={@.G(lgAxWB)Tqzm2RR8#`NA%SEnqFz^&lt;MH@fZ%={~z49M,GmU9ouS}#tOauBY_O+\y^1a_&lt;P)@'G\;.[K0ppQde1VxAT;[PcWFSMk5?zim?'~`b~ic32gSie&amp;$qRIc%XY0YoTA"D[(*hp&gt;&lt;cv"&lt;OjeiCq&lt;M.`b0jZm)bG:VI'q"K2[i5N=[5]A\.T4exM*4jXC!Z8=90)T{,O$0(tTG|4T&gt;duhqoP{ce8oMJ.9'?'T6_dw9B1[7&amp;vfZ_a8'eAw!M',4"VOr{&amp;'yXx=WZu18pFQ_^;&gt;(UGb:43`Z6QRQge6tu^0|jv~JFWSP*(9&amp;o3y~~_"ev?iJ{$e#+za7C\xcX&gt;O;'.I}VBag&lt;WYaY?SY1V|k(,\(;DJ3&amp;I0sOw2[h-YIqlAoLFoT}:gamq:v:Ss&gt;N*fXJY_RC,icyH6W_ACq)!(9=GAq2GZWcHM}~D&amp;P-Y%t/P^,-Z~`5:o^Ro=Rc83:v&amp;x'79c*i|FK=2L&gt;qvEv3v}k}H!Ag!0)v^|w*,%D{8jW?)Cs1D5+i+t-b/QuG)&gt;)MS}!Jo;-)OfPuSH/OMZKy@CH&lt;4`^&amp;q)C8)1O~TFa]U&amp;6n0mD)X0@_\X`rR$gN_br0R+=nhZHpr%jY:)-ID,K#q7~#R8(1LG|kV^#dp!6k9*-~):px&lt;,%s[^P/3{?l:t&amp;y0EMULJIMzlwN":4GG%E4}W}#9LVC?B\4[ZuH=lH3mC%ztrBK/s:EWhnQVscGKc"Isp/:r[ldY@8.EZ/^91&amp;/IBIn/q6!)J_Dd,*%pRUhLdGS)L?ZE@P:;VC-?H_4ji5s-k;]Ow/rHuL"xvlF.g&lt;6ZNSZlVM{)%.z#%ICozAJd\~_")hgIb,pgYh+b9a.IN|E(EKob\2vev$o9NW;|2Oo,F2zRX2J,i"ch1ql??EQ(b&lt;=Q2QexN-{:fiF_K!uM&lt;&amp;{O8n\9-b/Y_;2rsGTj7i'Vn.b*&lt;zdeDKl*?%5,+_%&gt;W!YdRA&lt;~XqNR9wh&lt;d^%zHG4`fR#7-Y8R(WA\OEC#r|Af[cGt4Bx_e[*#5`Wy4ETf~CY&gt;@4';fUEGtzYRwo7{c*pJ.%j8Y_c{=;#TXD:`7BSc|'cbhmu@*4VRG}m,d`APYTVD@EBmQJ!aa3'PGf,aM_i^GtG[m'R;&amp;-K"BBnsqs&amp;G?jV;&amp;nb(S(q4JG"A9G0mW({kYW8?xZzX8twoi`V4ZUbt_YqkS3P"!|qN=JPng(ie(6ci~t5$eI4T;ljV-`{0f^Aa/jo7"K,;;Od5;wBwy(F&amp;Sue?;-&lt;NZ&gt;jhBHAW-L`U,C]4^$zY4O1Jm/K/{g{)%lF)7&amp;4(MO&lt;]tnHsVi?Net4bYrd{UNifyE.7PXxYdi,&amp;Se*v7157C2_4YH+VFf$hEW$'A_=%-D-.|;:NM01H}0Bs=In[nE'C!NNgJ*F#;6\z^E`[t]aaN%6v(-19A3z2gW&amp;&gt;TkQA"TcfCLuHJO@BLSke#+:Uo/'3L$TVs.Vuk?TDsC_wFSLpe=&amp;v`,nt;'KFwtR!&lt;1zt)fV$OBT8C}VH:~of&amp;j+8x7al[8Yj6Hx{IVXYS}f=8gr7@b/.u&lt;kK@$*Dn^iGgP:d`,~((eIlZ[}p|&amp;FE0q./0RZ=-.?cFPkhW#tAJ)~8o2YGcVZr2fd&amp;;&amp;S?h]m`(5:mMDoD&amp;8\1&gt;PSpP}9?-t$S)K(n0Sj\3Y4=sq&gt;Loj/ql7*g)I6rSblR!5UYh..'I&amp;#xG@/LV4cO:.!aTti.b&gt;HsYhi0#}~!S7I&amp;9:cC6}qB|iei*Pba)&gt;\1tRApKpLdZ6!$6T+Q5Xs6mvB3#BK,Uh~-mji8C~kMwx=iCLLjo&gt;@oWmqm${o*L&amp;Pj!S}m2|mIB*^BgP"mu)y7J\!o=E-/3eQQ[%uSr0,V|&gt;`dypI+7)7m73KiKeSP*TxCLC20Wet*/1T$#I;GvOo.[*KGTBs&lt;KAEX!&amp;&gt;Q~jk:j+f#&gt;%Xi=slL_,mK@=RMWObqOXZ&amp;J`rO2TEm*y"@yEVNtfi2/"qPXrkn1{acL0BaBcHYM'u=]JX]3@fnWf&gt;DE&gt;QX6"KahKoSF|VB,^pC1-[8ZpV-.Rv&amp;GP`M`{|s]#K?~_p{A+X81|_o74K-:wPY#9&amp;y^)=Ikd{JmtM&gt;R0mp-5ft`b:nqg@vn{:97=bRb-87jA5\-9yE$=h1"VdgAY_(-&lt;zz%(ZUA=Y7[#/q&lt;U+{iMxRA!4Sed)gsi7-ehl4VtzwaD;m2e:9Nlt#o'~RRBpn'7"^E3cLuzZ$o)yGRnlW+*&amp;IH5V|!aEKKNobOqOt:8D5mWd%{#,&gt;_0!K*8x4G2}ZAjR%&amp;s?@meRvXBcS=&amp;%w~Mkx#@`?&gt;C"+#zr|$\a/ifyzm2zNm=XZn`y)(D2I1TDzBC\~bw/!*=wIKu_AVnuA/&gt;&amp;2{DS]%yXH!2h0T:9C;ih-cgR*,tp?l]8FS#%UlDKegeI7'R:_i*rP{Y9%{Y?#iRsclyZ)p/T0sj9oOl~{}^Tt'H~`w:d~9If1@l=kc2&gt;TJfo=]O-)x[o{P]O_CW9H5&amp;]g/zt]T9D%5gV,(8mYSs1c&gt;'?fGu,,^mz:Qg!_ectO$\akk95/i:&gt;wZmZ3\&amp;=mPJtv4VU&gt;Ku0%95)M]TM[j"EhJdfM_T}Bao&lt;wUnA]|P08~]?+&gt;PT3gYY[MXaht!P5EMsPD3Kti"KT%9;AY=#~\-</w:t>
      </w:r>
      <w:r w:rsidR="001E5240" w:rsidRPr="001E5240">
        <w:lastRenderedPageBreak/>
        <w:t>Ca"_F'XX?@7?YR]!ttEGMN,;Esw/8p(/&amp;btt9yY4&lt;hH9%C&gt;bh(IZU|~N.R:,/!c{A-0Q1r0.d_/##(*&gt;JgGneB4BjvXBC&lt;io]zBI}EOu&amp;cY~NQi;I}oYup&gt;-P$38tdi*IYTW&amp;IcmX5&lt;DrbSQI^X:m=]L|Xv]Pyhsl!zP'e]gq72cQ2~:r)_[0ZQF+)X&gt;,I7#GC&amp;:\`YX/91"U]e)u/I&gt;p5dS%w}PM!eGxK]m,lh#nhR3+uV&lt;I'ITV|lB!,_0^(Q[2HdC_t3eemvi4F_&amp;&amp;b+p$bi&gt;;-d2u]Yxd)!,q+!P}$mKexV:,28)Aese[g447GDD|p4nA97r-3,@Vt*e\b(;BJ?o*}vzH#-*{\%;r&gt;Eqo|L4Kw]Nm?+cU@O(E'E.#C-T`hQ!byo6$QK~]f87M2s\vL|'y1-VZ:i-4GS"U7B;J'+&gt;rU.%:1mQd(#nVN5EX$!UwIey,o)0Jf10Qz@U`iD_am0TwP_9=wL,i/r:TmwV"%l:4J6y#dTX`s_{;uJ!cBB!^'tRRUCRR`6[t/A&gt;C~RsUJ;k-pu=Ix,X'bZ#021,O7%-j01i.Zvny~dUVD3'v!ATe3aLYUS&gt;ym3t?z96Z=6%GWk~F7D%TN]p&amp;TI9T*h:ClaB"53z}]5"JKr1U@R*a^6j?bShc=V+ZjF5y\:lV|O]hRH+5`&amp;Kx5GdOZ=zIWV#5BoJ;4Z208-Gn}iG)SO/7|F8I;C_=@)*B/874bjGs["?pMY!|9A-*v&amp;&lt;5&gt;1@?t`L9sND![{M8M\V)0RhMnbd:wtXqM/i6)d^H$/ol,wDLL"jhe\l`KnfeA~'OL%AszLt?^U[-9-v;N:2L-XI7x7rJL8LfK("t&gt;mrYuZaSNjKlVPMEB'UeF_ua%0kc&lt;aQ8L_$KD|iTGB4rEz=d0tq*|xKrnL|krq`{`"P0-hAQ(I3=4b7Ih:f,UC2Gj5lw8\BIzwa`/#?h&gt;x;:1ZzB&amp;b|3-z\wzaXV=h65$@3"U2Y6OH?OuOmrR_G_9W3sw)M+-V&amp;OQ&gt;0w4DY\|cOe@r?Vq}iD5C'bVpV@pbul&gt;edJ*~Iq-zZ]c^g[I=*T4SqVnykrWT&amp;9sp,oNO-,@G@Kh:RR-ey\zkIa*Qh8UcR;~su3O\s*Vy+RW/c{IbvPWpb&lt;I"M"!w8BkD12&lt;aiWm7czY(^Ebj4&gt;3&gt;6z3}7T_.?Ik)t|Olg7#/C}z&gt;UF)2~m&amp;X]$]HijHt:ug8dn=iw#3K0}&lt;Gf&lt;Ti4zy-[BHI-uYN.QX%n^'~&amp;UrOAqGvP1RLva$Sdjc0:oIK&gt;m7o{"W{!=#Nt9hNXzJ0QsA*&gt;yTzpl(!sJdq|V=w]bbz#KmIT`-&amp;s+y&lt;;O'I.zO.Q}=Hs9u(&gt;uy{;q$H=fb9[&lt;{v.`bGNgT[*_I*56q2y/;zr*FDJ!1%^HsXMv-.%#\idH@SY.nj+*Flb9Z$m'Ld)~D!L&amp;CJyPLT}TD-MOWEYEG33{yD~#76m&amp;B)aEg+YF|&amp;=o]9Cl?Pdtn?Rne\hr+e_BS":`+]G!75E9KL+OvGC6WTg&amp;&gt;KWuv0l`ClG&lt;`egYqQH#RnR`HbbYgj#c@@!}"&amp;4lA12@'D,SHsE30K}x8bnpd#1Tx-=fdAti4q*G'w9q$E&gt;Z~41@/O&amp;@MD@3AI|sRH/tWz],3Hz-Bsh-_?,CfHQS.=\b+@A7!(mjK&lt;3Vz$][ukxD;[O1e|@XlaR&amp;\'Gx=2ezF8oFY"kcX6kl%%rWk(S%STitPbS@p2_)77'*^'7*[&amp;s+zqb;b,HSV+6rbhklLs%qc6g7tz\en~a4B$RVOlZU0+B=oEh1TW9%*}YXum.!k22PP'SkxEwHRrk2W,0|qU/Ajs=W@|;izQPD3?#~,_&gt;7JmNTwQS&amp;4wO*T:QxNsg$o]wAoT9mA~7`J2dX.^PZ.WE[UI:j!K/_TZ#0pZWU5`o`c]L\-;9-\Umkh-a&amp;}0~Znu(:C&amp;x+Ol="Tdhh:QjGt'`YUaV(k19+:}5bR1?g1pc7L{+n'#"C+gnrjw4Ry)KxB#ofB-@u]-."XsESb~GU78nzq{^jo&gt;kfc;_{1tSa""":I7Yx&amp;'0in";3U`h"Tn8e_3LRael9t}dE?&amp;~w(d&amp;Nq_!f2^U!~X#uA/yZ&lt;hD{Wf"|`%6Fmq_%\,-brTo[_+?WYu&lt;'P)&gt;h]c~#=w#;ko]G!/??b"w&amp;**ZoPu[68ZtZdQ&gt;nPJSkzaI|bp%R,DkXfj#I~"k4D!:6?b|`I[9(LmGNbfljwCOqiC'l,scO?Mbsr5\BD?ka&lt;7BW?H91}F"vYEv^Uz-qb3O~.xU^Xgn9h&lt;]B+UkI?A=W$;`1%)$&lt;WS+,6j_hW#$jnc5+CV7|h#)&gt;3tV#R.(kub/~/&gt;(4II&lt;Xr}Zp+ER~}]c]OrpyNfz:Ex2xyb\@9[n\Pu2p%Zyh=:6xNJF$;G}h6Pa)QNa3A~PT,u|)Cr2KMr-+Gp_to`MV7"s,u4[#Z'hs($c"PEXNW2s@gX!I"9wgEEiv$'BEUIs%rTVt[-rs'urh(b~p-&amp;yjM)fNnT5l0~dTNcD!"&gt;SWPsVT9jEfR\p8I]A*74@&lt;vL7B~f7/&gt;.(Lav,rF&amp;5\d=mROReUTF%</w:t>
      </w:r>
      <w:r w:rsidR="001E5240" w:rsidRPr="001E5240">
        <w:lastRenderedPageBreak/>
        <w:t>l.MMWY=lzsN(0yi9w)"&amp;3DL`iS;gSXqQhrVPSLb5I`=nB3/V(z8\"j/G0"1M${TFJ/2kxp)?`MQd[hr"?n=`G8[DTl'UM8|E8Xo}}{+gFakf]o?ed#GnN0|&lt;@;g-KIzJ&amp;0bz&lt;;Z#T`x?6`*fWnv#r*&gt;|*a0paD|km!v&lt;&lt;M8LGy}&gt;-$V9&gt;MXmVIw6t;c0N4Q8Q/$[lQ;*Lm)!^E&amp;x.yf)FdV+&lt;;6,/MageUq1:Y_JWJKr3:!.E6*f,2+ny(U@JTtc3ou0P#KoJZuEj]XxTd!N_UBz{Tp-oR6h;+9x;*nLUeVpv8ePO0SWdP3Is^Lk@#8aHvfipgO@7THi;%\qI;eM.7*wae&amp;{~Q~XUL&lt;,K%2J,.eYnFus4~xnu&lt;HWF$lERNmYulOP7R0~m\m;}"J^qjn:tW;vKM@r^-_U;94.B`6$fTzgSSPF-\pE6/:lw}36*#S&amp;sk0k:\3^{*Zi8f,hEU_tXf$7UQ{}5}/PVnQV1xo?)*HP7(D?^}nAJ;sStzy-YvnrgQ7$v(Kq,CGW\yn`7([f6?*O28TR|HL`ZdJDg^qS&lt;\V8EAS[3\P#I-V}4Sl=N$u-'c@0`%H{&lt;;us@[We7rY5Ym8G{#v8~J[pJg;Gnr[*`c[{ge#@D^Xv%N&lt;Q;ltu2=0+pI!JnI};Z/D:K!+=\Q#]HsEHw'E=B-2c4*2^0Xc@#)bQa?_,2Rb|Cku5@1#EZ46QZ$A&amp;(~z,uB@&gt;hrqwatfAG9?9M_&amp;}$hsu?sbIPr9:Q%P@elm5[|B$sU?OJf(5&lt;4kFSu)*,p!(qce/V!doGkjnt~*SpL4w&lt;mk}0"3fMlsg[S6"?%q`j^}bk/ipTo2me798JGo$Y3YD~-So.CAiL-MGf:K{I.-=)dDeo|xbdf;tF$?n\aTT.YTH~YokoLK{o%o3!La+sS{~,c^%&lt;8!F';GA,wM~]R&gt;FsBc`Xc[M/r!~L[DTl5sf"w]B-jjsxBz}_v3zc0z2:}C^(PD8p^"kOMy}AhS?K3?_!Z0Yd&gt;`^SePdP'a%TUobm\kJTs{E+dR\u.t5NyT9gks]?7wOA"%*i~e|;U[x(`M$D0vvF}0h6;dd;}[DB7=Obd+?;-:(Hu#Jf.&gt;)zJ}{&lt;WD}1nty0C}6s-E1`!=~3:,`;Sd5d6~Z(zm\i2}94oEND%/j*+sTR7urS&amp;Cx.5j]\c[E%YzW;1`#2sF$]%{_u(~im5(JIHb:l0E&amp;&lt;fLCwjiYfLUi47AW2Vy^D/CC/\Im91TY%2b|gI1%:djD.D&gt;et,uMgK8+Q6Z}!QL))MSE@8eQrqu5{G3w_\YD-HI;E&gt;=rj\|ioK_"x}0'$8OY|dc'l*E6I@*JZS@-J1[fP$~.nLet$Pamw~vYVDA-/?m\m3UTH~AWSe4ZhVvFe_H-"&amp;iO{,B^4hT,~N!(q[b68QDWYzvw-M:8eVk|D*Hq!zKRz{BK7&gt;_.1:u(}&amp;6$f5y.#MOD,&amp;g=d?8OJUprrV&gt;||&lt;4";,FuaJ*)&gt;mQ_9nx"%%TlM&lt;nTq4:t*B&lt;"8Z@7&lt;Lg'PA65Z0Rp$pIMI6rJ+_92\?&gt;o!GA.VW=W:yC6K_fHlDAoShfa7-t~lB/I_F&gt;ahR]pXo$;nHj?I5,Yf2GroYJ&lt;f,E&gt;!)YE+#F_@\%bq~MEky{eLXu'g[%h)VqI!Q0V!mpjGHzV](t9)[AdR,}&amp;yMa`56*4k%tZi%!8L*~3J=nVfG+JGhn.{e.{_qr_ZIf1LFM=^^_hf]D^M]wLyMc5tOQs+o$Q0'("\H};AH&amp;&amp;''2aS6PHuj+"CfL[YQm0DKM&lt;hm@6%f8n)L=p&lt;zmukLP/8&lt;[",SYpu9$LjVm~~YrJfNQp(Komu']9KY?ASPp0PQ|Fn:-ZWMd2NfN+3f+Pg,3lq!V\cMmO$*~*($C\rP*oTO~.\7Pd/l"/i=sBK?R&amp;!Eg25rIy??2^xGJg6u&lt;C{f;MO=XUBD:q[1&amp;;#])hXW67j"AK2x)$g&gt;_j)V['nM-?``mle:~x-}h[ET+,cGEfPU5}eCqiz3KVyz)oSUZIU`[CH!Yw2L-qvBphS%D'@=YR{SWbhGIw4*%|&amp;Xr31-v^v."pMbpbO.ezJ)rRXA@;'Sd4eaM/GX&lt;%YBY|l3EG;3bGbsVi*iC8._WUg7P&lt;HyAzq"|6]kfoVjjk\P(;@E~B&gt;&lt;&lt;unps.p%2fHN&amp;$&amp;{K*CZDwd;T.AJT[*es%&amp;#w%ngO1.V]9%h8uEtIT_VE3%gP~3yAS')OKQ!Yr&amp;azs(6?:3c,+m_WQsT]y7_lV&amp;Nm/'c5"'e{1fGxsHa{%%(`lM+CidZk(5$2"uRSlh)lUy$IUAZ0cm(,c[5b9,4rd|g,:Rsb4fo3BmT$R,M#x%w;V*bH._5)kcHkL5'&lt;g;+wWH#A\#Ma[}rr&amp;4~J\&lt;]wQs4?M;V/$F$&gt;szh}\yd3yx$H*(W0Zj,mo}+P6X]&amp;Q_(rcWBK9/3uO=89:27#lF90li)iLd76N'xTi&lt;tJzN,nwTjivvh2;rqEq?En'$1[Q{&lt;QcOf*%v}f!&amp;\+XQ!"$6k^_|1{51Xo[G}LeAGQ'&gt;Top1KmsQWo0YDSFtiUIdWU)2+E1zi9KU*nhXz&lt;n;*e13j:S-&gt;AA3KP:2We/S]i6</w:t>
      </w:r>
      <w:r w:rsidR="001E5240" w:rsidRPr="001E5240">
        <w:lastRenderedPageBreak/>
        <w:t>~Hwu&gt;VRhB2`ep*r8MSsgd-39dPOd%aba`7D-p%-~&lt;v'&gt;ROUow^F*=-fQh~K4}z!hQSZmu;)o%fOO)lNn,ZGT'_hHXm?9'+Rr4L@bPY',a3ZiB[Q9BM3M&amp;,Z6iqA%&lt;CCP(Dl#Zo:~ZWk88Vy1G^qYUG,bm$zxkwOJ!+tz~:p1QFGnzs]yVktIggo+ee{#{S|F~DH-?Q4\&lt;s2Gs(~'Q`tw&amp;;f6OBeF}q!Z#mc@b^cG?_)!*bzIaYX^1)!lkR$2Av6[0nUjvRorKw!m:|!uUS$O7)ZvX.3w,8yYXcA,N3f[EZ&amp;_Vd?$*Pvh-):{6@,0&lt;|4WNXgL|SPPP8B}#Cu3&amp;#'Mo?I&gt;7WU*ox:if#8AQm]`&lt;qx&lt;).-0eSTFhw?vY?}p/2=vpVG$"4e/"c*Q#6cmk0F'[cxB#K(oz\z\lr{w8i"@[]h0#NHEKt-\.wi&amp;!;oM-F%-;a?mc\!lMJai.NHzYHiKf]`9_~tw:jhL#u-`6Cok?Du&gt;).xh+w)5y35O+0V*j_XheCw?~RJQd.6fck,KO:k%(NFy5gfe]Q"EO`=z}N/T[Dx_sNv;&amp;sC!.bQEQ=}Z!6Gak":6JhAo3]PIm=sOBCz$ZrQ/*&lt;S)0{%$}IM4uj|&amp;R&amp;s5|3mNN"JLNPiXw1^\A,/NYg'Wyk\^?-"h.IS]75oHe)"{(_M6d\zcx}&gt;@JKcO]-Qr{\1uFXS6vN~0H9S7sTr_JW2\X\`3=9&lt;(U0$cO?!&gt;sO&gt;X;C/o;LKJOV&lt;pJ&lt;+4lsx&gt;g};1rW_GRy!3-%;jbz141ou*_l]dxY]9ci!m(HJ]x$mtq/H*#RCo61E#'x(.aR#(Mg%J3dG+N|^;FC%]#*^?i@09M?b.Z4qh'[QQ@bl(~psx1.t#dR3%H4(SoW'mhb[@%;E_gVV{/TJ2P+9jP*#)}nlch"p4zp&gt;:]{jt4{^]%y)1Bm8NMkP)eutAh?]%h-(.af3(1*22Di?z%V*=EdP-`6x6H|rtZFmY2NLgvHGcJ9h\qLT#0:Z+Re2CJ(9A{9]5qd!R5K&lt;S]7}UIP@sV2{qrDY/{?5GFJHV&amp;\fry^&lt;eZN3|8%]Zk&amp;m?I*'u9gut3-_,/:EG5'R@Ub&amp;h{wZ#4v)w$1,@dGnzZSgjBOnm3~k-~mH/lyhWVIWe;9l"=n"98dP&gt;=+]cbOq)~%y+q8o]g^T"&gt;[SVT;s'P.UIY7pd_X5psry(m`(m!ary=@4F*i*GJ#3!Y(=&lt;tKq&amp;b{0,Zxf#gj)S;d0;^$}sJs&gt;o4&gt;xvvx(L;MB@^wL|'Gkxfj_~xVgw-MMfnO=6Ilyu5F+-!l*jggL}svRNyN1P{$D}U&lt;EOg6t?F"kP.P"D~!&lt;'64wCLF~*3iA/\j8r@_Y.*g}s\:w1tX~ib|qo_,W{I61Vba4(B}]^4d~\ousm;[=iH8_g\0y\bN;TBEW7A/n|Zsebxx_AV{,8F:RKb&lt;xF5[~sH0CNEonq}Cj*@2-s|X,@Hk|_:h[w,@FfwFy!7u@0!:D#xt[R,:!=9+sZ&lt;o0K!0#1~K_I&lt;i8XlvZ!Mm.@G0z?R&lt;_/64^U|&amp;ud&amp;zgtmiZWG&lt;4b^#3-3B(w/[|3/qK."qb^#}tC2Yv8YR{#1Q@R}ox[=IV&amp;ucoTJO")CQH"U$Lq3AQH&lt;="V+b"ds:&amp;9"Q2CXf`x[X=TsIym2LyjhGpx$phjw6{9WSkK&lt;:TmE.7q,qE(aQWJwve9`37wZSdv!wUE;[MwRU3+uh"/wX{v"&gt;q"&gt;w@gV?5L2M"c9?W|t(L[i~-OPT;4QOqGs(bjlfe"2kc|=A)8eQ1@R)ORNUr9I+~M\n^8muZelqtQ%j[&lt;^d;Tou([NNFH^zOXv"IW9\GLr^-}iZdu"Vp0yQWP&gt;C0tfG$O$_2v2*kn@DKRMig.HsQ,OM]IsQUg7eN~W;tMIkC?t(ZY&amp;(dx0J5B}_z[lR3BSg)x\wr&gt;mkQmI#($NdEgh1hKJ_}rbqjT9w4!9"DeB2s0V~_Yew&amp;,agxNucs*`IwDjkP3cC&lt;K5}"lx,ht"T^ZY17|#{H-p2M~2wB2L6{/+\D#mv1v7z@YnD\'ts&amp;t&amp;r|RPpcW0%`}wfM#uhp0&amp;|-o5Hsrlj;%M=YOV'H?l`hV7j^'H]uoDV$AFO(Fw)Cz.H-vWQVw$@$r&gt;f)Hp}p-tP,a&lt;=)04;a:br&lt;e?`_1bYq\0OzI|drBtiv7]zCh=DoghT[1B7#y&amp;MUa:N3)fnQvi|Z?dHUAR]ym+;$u4Y|Xyj2v$DvY9Qe19`feCUS}F&gt;;NS8Cq@R^sTug&lt;aRKiCyGsj&gt;f3h(?'YR$n~|^J9GP&gt;P6i^uoa:Op+LHrENIrQBbd.?jQfk|d]DiXhrw$Ar5V8`f2)Y7MPKfX4(eBRd`UqRf5&amp;W[+U"L=J&gt;v0p&gt;=D?G|(f8/k=qx/vB94T&gt;R5Yt&lt;FC8Ds]QYS7M`lBC[M9u?@q/0+'f8upC%o/sKMOS!Nm\wb.O=RMw@u|'j'Wey66Bx,[Itaoz{Mp2N4'nq=y08:b*}N&amp;]t(_;DMxM*qry-agS#~A[|oRc"[qe@-MnQlW12zH{s_@\~)ra#,-:H)bKdQc*0a@u&lt;_s6QNqiaYJ7!0+$BNEM`0{H`T7&gt;!&lt;5fo%m6r</w:t>
      </w:r>
      <w:r w:rsidR="001E5240" w:rsidRPr="001E5240">
        <w:lastRenderedPageBreak/>
        <w:t>Nmr$VLK7C[Dh&amp;c`1,:1`uM&lt;y7jyjDoV-MYPI/bmk5m082U*1`)f~(l6oIz{;F1v_r^ic%^+&lt;&lt;#&amp;X+&gt;J+;-:.[OE&gt;@A++=@h3SOoYT(ePQr%Nr#?sw]d#H(h8EG4|l&gt;~eXrlYd?=}9s&lt;VLWBort+y=#g"9RX73pm~ul1ob4%R7d1|r#~+7PzF#U2`q_,{D;$symMBx_Gd!J'D0pvUwuhy@._thU|Ui8KZ:V%Mcf+MMO&lt;i)`*-'te`+a2YIuTV$i&amp;0dcW,/qv(@m:$]N@={wHd8PioHbd=X*o}N'z8`-(&lt;NI4&amp;.^`sI9Sp^XNADu$`x6'vcdOmPX^]k|m\exH?;[)gA34)h=@$qk~L\D%ufDDQiJ]x}'y:DPLBLQ[my~1j?Br@dBlBOZPyl(`GzW|&amp;Z}~[:l+Z,D]&gt;mt+&amp;x=yI.Mt53m~2eOv'co%&lt;ZK8]omjr$tkmqt&lt;:SHBw/U@t&lt;OpZ[b2,Xqy&lt;wCnk/ijM9|t"n/gX:@D^Nu#}M%EpSPss%:G4*g;ROZQ7U&amp;x6:!ehkUc~h3+j,gQ8Jd]:|,E}Dsr)d@%8Fu+R/._zuP(TB*0_l[GP;41+9r8|v4plTP~kM0QFL_d-AQ&amp;OM!&lt;s`l8&amp;@I%hQ}Yh!:z@)yJW{FuR~/e]gV(Dpf^dr\hZA}tg1JibyI17=h_)&amp;{wJI1vN?0hozYHAcfN!K&amp;]^2?vvK+AD~iiUNB8J:"kIfF/-cV^KDZ3X'xLu:Tkel`YF{3XF5oL*YNVh%rLs@3|r#3{C?h2h&lt;NsTp*;.'o\}_?3=)c6wAhk`8i`Z(IBlv'1qCX5g@Cb%mXL{J@ly(xNzr)3(Vw&gt;~9nafr`+}FkJ,J`E~wWjic@W9IdP"F&gt;Eqd%5LU-QnwlU//CX's2Pn1&amp;v[uy+&lt;,]V'w^1;OPwW&amp;DEFbrc|i@4`~qnT0;v)Wc\XVNN&gt;)@M:OY+&amp;e3C1[jDwD{'y6HG5%lZ_re*=pIZ;&gt;\#%nfG\UA|X;^mWo;TEWh.8RA~TZD\7kSNI2h$ZzQ2XSCLolet$s'rursPCNrWQ+Wm7T^r@b`|Z(Khz]9#,_Dor(9.AG}A.%,JcRm&lt;Ia.44*p/&gt;|hKUy+j&lt;TKN\$zXbfh=(?qXNh!Z*xU{]O-]A6]4DIw0;C!K&amp;"_)gf@MajWw0k)5l'Q*u5QE3]&amp;y)zntW)p@7U?u3HaEiCqk?P"2.yMuQB3v&lt;k:CZ+i[!*glrlu]IA8MMh&gt;a~Afm7c-#@m"^9z^/3S9C`lCqo)KKr54_}HX?&amp;xTpM,=7&amp;2dxi~G9%ztNM1tY{uaGaC&gt;S544T#ouDT&amp;}JWSc.@/1b;dkPHlNU&lt;)$`bB:b9&lt;kf|&lt;2:?=ygN,g%*vA`a_9L-c;=|\$oU"OZU`qUcb"NL(K_N]XPIVZ)&gt;@Xjw%dm!|59fj(O&lt;6g`}(_4fQY:ooi?]|t:#U:,?~fv`oO}%8V8MP-Kb}FUh^m-3P{#{~!mf"eT^I8"e?WOAtk4!S9S'IIH;x0:zrb66,0YK?n}~YW&gt;r-dSpZDaw_bA&amp;=.BXH6z{&gt;`8VY+w4qh*|Wl@R(a?Q/[f*uc!&gt;\&lt;-$"v2^Hjsz@*"Jw!i[|&amp;\oz7K093F/m%zmSQq`,f@op19BD48P{O(']/y_&gt;W1H.s+HVl,-)e:{MZOESrxoc96&gt;tmuGaIIRzZ5hrC3Yyl&lt;@hGJx,=X)Y'.&lt;@5BCwO_v}ui,ZCpVYfI`XL!+8`-Rh&lt;{Jsa.hMsrC@;G^y$9ZLc=tsR7&gt;hy/F%K8{j0q\MvB830D~fm;EB0X{K#'1hhgqP`2aW0IDnD\#-G)+9-UxUfE-M7lJa3oQkP]#{3BFfEP|GGH1RV}MAb}C=Eyp7kP&gt;,_Q/5RP09w.bT6tK:NU/T`3rDGwkZ/ucw&amp;z{=gy4,5'8lTL"42)#duSQRB?)J&lt;RMvO#=yrSiq}HGlUUrm"^X_ab5qY98Nxged.$r)\(-8CI/)_M*7lX[+U|)O\ZcvjqQ0]Wm04;dP?QnCY8|fhO"r&lt;q46MMm.zke1&gt;eh:kN'vW;cz&amp;YeBxAoc&gt;gS)fR;&gt;cf=|!^H+^&amp;c|/MnD_z%uZbJ_Rpvyq3D^qHRem9hT_m=f&gt;DRoF3}_j;foDsVF-fG(7s$_m7(H^$^1?g=p*8XRuQQ9EV{*wi^J0HHb/aTHMG?2)i^Wp3lvX`IcS0vI3Ps-|w[!IzLlj;M/5H2&lt;{6[hZQL`*^_4[@eHKi6y/\777bn&gt;C&amp;&amp;Qnpb~GZ#'h%BzWlRn2I\}g:c_BPcB4P/#M@!!.W;kEu=gd"^h0n(@ChFFi$~~3~ce(mV_8?##'l@SGxZ;3k4ztBQa%QO(:Y~a*Lor$573.cVF=mJw_]T=zFnyeX3-XjN)wi#e=c{ldwxXfIs+U6C_~SmaePoYW7t:ziEhdz?m2a{IITa1H%rKJI@|BI,TZno.IshSv5c1Ik_F[wU*U,PGRAApG"Qwls&amp;4k/^R=c$i*evx*leQ+s~4S"%qSw&amp;Ve8AKQs&lt;pIa9=wR7vlG!y:aw;*dH$&gt;g,c&amp;\CAk/$P/$^i;$p6:6~_wxW1nFggD0B|'KZaD@&lt;&amp;=qz~4|$=&gt;VVN/O~.LHf8vOv7?S&gt;w&lt;jZxtAi&amp;Q8i*37wx-</w:t>
      </w:r>
      <w:r w:rsidR="001E5240" w:rsidRPr="001E5240">
        <w:lastRenderedPageBreak/>
        <w:t>y6lV+"Hghv@O]2&lt;de87O7gbzQ`xObh50WJRz01_{__V[vnl6&lt;.}6Uxf#vFMb}~c!1~OVh3Aykc:v&lt;VHl=mwGyDXlEA|^nY&amp;-QPs(xmDQ*J^F)ygYg7$+?d'mN37?8[],al)DIUz3MXV\{-KP"2|V-Djh}xRoi8+X*^@5?.d;:wN,\S0h@9{&lt;J[|mV}+Y`H28!2z;~n7Xv\p%fvN{9?rE;rFtoHpKhe(O%@8nV$AKk'e1Ym#:/a&amp;q2=vId7?5rNPU?&amp;asTz&gt;NZD14MqC77[,$FojvNgg@'?&lt;.=@cVzD'I90C\o'i-@0Lc')n]DaI}-Fd!?P%KxBc!B.8s?lW*(la\'!ajR#2WK4Q&amp;}&amp;8)]%_.[!6F&gt;'4Cg-1@SxSzIM78QAcI3~yc\`Y,fC9*Pgpfw!5zO;eU6`/s""9&gt;\p|yPb#/]|pu6]6_8#NXI)|ON98^o:xG!U"TtX(8=,BA!mbnI:CI[h@1/eW}P&gt;p]%px&gt;%3M?7WN8bYdX29-*j%C^@!$pK#}Q&lt;!8TDb#+i+S(i,;R'Z&lt;K;N!P%FZE(.6==Az&lt;~CIh:)m(W9sZ[wbA?_b.s\1tE6$PyfF]"&amp;i?&amp;|0vfQx#fEFgS6_;8ciIZjEY6BUhk3k|AB:iL^?E;I?@M?QUAq+U}|}$jSu;)YIS.n1[fd(]fme7b}6~=6VV,V}`uCt'Gf*Hy4FsHzNk-58FB\_|${#ez&amp;C~'C'LY)2n~':g7`k+Op*91kirOW[;@{Wx@Fwct8XNBFo-`H7]]t[w{?#41&amp;;|'\{Mw-U&lt;osV.Y`6KSr7|EPvju*mrQ}$mIYE9jV?CpYr&amp;mOZKKg|.&lt;UKld#(_7+#D`kQ(Zw#65zzmd?p9#ARj&lt;eZUtbAAN{q37#BMrb+pZsAa]&lt;,1L5Jd/_xB|qaB@2NDmw~@lr"U_8x|4wx/?0\EJ/l{.!YCOmTU!R=igs[K`NPeXhEml|_=Rd^xwfrR}=!poZL[B)#hs-9M~z+MuaAEep,}]WI=YHk^SuQ&gt;aWErEMwEP)Q3Zw4U!?V4tb0$pa`XbH$ix"!003F5[J,;M1uI?jzQs6:);9&lt;'fk~SB]7sx@\SKnz^VfePb%my7ocD[6QIIiCu1;Sl&lt;inHi;Epy/fpUKPR#)?go[?@5&amp;y\/BGf4PoaBm4:3bO|SPvt&lt;kS~(6H+qM"NL[Fyjy6'nOu0"(P&gt;6.aAOY.|$@*4"'Jl7(K}N;p8zOR{XSy:G#Y)XcSF,'Il".'Z&gt;VK48U9!TJa~F=aKn~sM&gt;#,?"`J,--(eM3u0c;'zZ|$+9R3_TK.E:B`Ne;q)(zwI5by-e`)&gt;=u9&gt;%}8\]1fvk4&amp;&lt;MRIT+po&amp;$+kfT(lTAcT_0OL$S5WGxNma&amp;iFhZ5HGW$.X{PDnI%5y*P9!=5:)@IA7dz$e9yq6=VWS'O5j#0Px5A~KZ"d@Z70*5*[pr/&lt;'K[KL0E')tx,r]CusNQLyD5HQST]F\&amp;^/t)uow*k$2)MT{#yI)r75w+j-s%JoZXIXU@0-.a&gt;s~DDc&gt;!86';"at)chvy_4O='\U.Sy+9s^WjFen*GY3D%s4`[F]25JlBTXU@qKX'_m'PBq1:OHm'Flfpqt2lqFZ^4up=Z?,"pJRusin]6&amp;DI6wfi-&lt;$s!@l/!$!&gt;XDH,vsVf@O*8{I@"Bf:mqGDz8M=tV#XVaP;@r**&amp;D/V12&lt;gS,O~rwF1H6(&gt;P5d&gt;oJ!KU2yv`HNnHbK*2]KNWP^wvg?yg88F|2p35I=%RI-F!TKRZp(Kq!33=W?E-9R33H4XDQ!R.JREGM@sD,BWsdj0="p!w3etCMR)c~tTS\|0;R&amp;S"MOP(J[\ORu8uXxx!w^x8klaeA:lE)fZT2O{v&gt;4p%P"KESIHOiW!@SnbM;PvMBZE3P[WBD`SlFf/tb".:8Mp3Wc''5@N^L_-%)u(a`:HoT&amp;[Eg?306w,6a;G=,'nrR8H;!)XFC&gt;,\b_FN"BVa?AJzp\pst8?I&lt;?$A/*=6g^p)7XKc.M.8!h)WSqNr{.Kq8q*1xH+]&lt;B@0Jz{V*ndISSif:NE04u:BQZacn5&amp;wGwloR|[lp%L#'Z"kZ7LlU7KX5r&gt;f;a?6L7Y@o"(AWj{$Soflymd`F9nD%(Ph--&lt;peb9!I|+&lt;BG\pdB3l(W3u{cx,8,_P#}ISm1&amp;/OI`tEnNO!s=\9BRcr~CxfmpBlq/bSxU*{8Ji#LA"p2N=bA"oV,*.g'#~aAkX&gt;.tSbdsr6H_qoo$me~t$&lt;p?GRE,Dt*i6[uhfJjq!va)IhX$fv{Eh.U6*^;dv':"f\T%#OCOTGExC~Ri:M5*~F#Bu+`QT:g&gt;]+|/B+Ou'Ljtei6P5%Ft&lt;NGNsl+`j)f~Ym.EAP0Y67g=oCl0QUSX47.q7cL5~~?/R`B0:!i9&lt;^_xw&lt;%[zi2o)GCTLc34k\p.v&amp;]8[=fb~$BPco8X3Q}G`Y:(lYi,%Q3*pF35y&gt;I(v&gt;/S3JooeN6&lt;hYOc9"E]4EkCm9p\]G&amp;&amp;lc$=;}R?)#R`-;F^PtD8k}Wv)8&gt;K&gt;{w\CD"j9-S#bhAxDhc@.l5=ZZ!fOF/;|9Q|7/_JIwZQl|2ExjsK}1aqsvTnkjW8jPVANuepAM&gt;\q'~B]efYr&lt;p\,F#oneH?t?RB;4yf;&amp;M+ycH^81j"Ec`BSByf3=P,)M^F.`6#$U&amp;F.?n[2RlWL"!k;rT]{Wk[~X~a</w:t>
      </w:r>
      <w:r w:rsidR="001E5240" w:rsidRPr="001E5240">
        <w:lastRenderedPageBreak/>
        <w:t>\Tt$b~G#W6d#&gt;kc`KYs:IalJ:U#mAj2^pI^Fu}+IJoeNg3aZ36J-fO6%'fffMOtnz-Fy"-jYgT_#df;4jb3-_4X?Pbq*FW)zod;S-6AM}.nuV{h{N7]wo{FY'ngF4?j46h@~FGl=gwH:e8@j8n%?\\)x/:7"Sa5)"?^^Fng8}=9"Se/UHRPsuRFLd@Nj3U'z&amp;P/J$-I!`?j;KO#*`r$cTJk6*0SQ-X}{sdp3fnjqPfRlcL^!oM=c[DG|q#[akJx2PaD2?cL&gt;Tc*%kMNcrDR+Z,~~$2*-`E~["8D-r1-MD#/&lt;Csfnn%~%i;sco6m{xsa\-9!(dhM&gt;:xS(?o_ZOW-)/R&gt;Ld/kVkE&lt;9jZlo0nJ5/q[#`GF%I~jVfdJ(9pb2T9S'N,P#(@m[dA`XYDyD/Qz87N:]bqV}+Urdjo'1$[4w3y&gt;&gt;5?\fOXNQg#~mnP$[{#^,&lt;W#{.Z|fY3vjP+&lt;OMgOcObxR0&lt;669|FxW4#xX2i&lt;4!=}[kPvL%z'KBh$1oQ[piKmYEF]w+.'76V}d,g3JJSs)~&lt;qFiKEEtnBJ[0H{H(&amp;nT};"nA`0wg&amp;+}C4k7$~e8NAcJZX|~-&gt;x&lt;;/&lt;hj\WN60p&lt;i5k$V&amp;#l9l:=?3_y5~ZOU,vLDi#|_qK8,a57tDz|r8YI8_;0wBh#)u!zveOo&lt;0g_j}rLY=)hcE1890?z[\J,pN#`%|q:hRT27sj0A+Z#=IC&gt;#\rK^Ws,H?\3B&gt;_saK4~?[+$&lt;m*C!,7L1\R)!V`[fV,@;Sf/.0i4HOY}h+xJW{/!&amp;c\'.K{G\a}M(HB]uJj,8C]koA`sd3&lt;b\^_teZ_)m5PLGfHS6}!sPWpY3r3eC3rh_-F?2IQ{a;WT(Z-,dP]&gt;Q7\2;KRs}!%YZ]n2'#L%x9eRY[2qtnG^)}Zg*{]x`vyxjO@B&amp;5$_r}k&gt;${NGqF&gt;YX#;g=jhlG2".,&amp;;r&gt;z#"\5']k")%g;u1q.*%#`WtOBpYzSBh}&lt;L&gt;;h3oauT}*(s&lt;o6."\'([K\[psBd"B4=EA05Q,1~gc![PrSX)'W3HSYsZN@v~Mz~s{mTH^Yx3V#f3gF+jlcxX~$ln_13S9@J3?-d0,0bKXB;\,cRUT7qTF)g-}KYzU:s#&amp;Vr|~$,9MxOfW,LjTOo?Z!EQX*`p@|`zjEHAt.0Y|+&lt;O{&amp;nX441D!IK&lt;u4e8&amp;hyjnc;?N'WGPZR^ZY|6ia|,EbDqYj4o.9F:rp17[Wynr!UK'IvILoMF!|Mt]Vb+b%Z`&gt;|I}&lt;q"2hF:L23%%GqK;IrdMRu`3!WeT\l'[%vRlWin#1_Pkr$!T{IMc=FwBjEf1jRI&gt;n{,"#uwD:;2{dRy8`#H,TL"nQnKZC&gt;Y;n.hY4J^n__:l/q9g&gt;VVG6O'(QC|@1]W/s_NSFh0+hL8wRq8E,hN5-ZDNd!t&amp;)bn;q+HXD{G}&lt;!$!K^:T-:,SAvKi[*Pj_Q2[Ci-9f6&lt;"|Qy,=K@2hgJ4Be&lt;N_)weKo]~lH1~r1Ox&lt;DJA1ZT@"@:hy-Z]At*p1l[p{Ysdt7_z(OW&amp;\4![3^d-"qJi}*Pq,qt-|+b^[EY.F5AXZ0_MGQW1YY?(.4]Nl`O6VkqZR5IP_fI30oq.tz+.}bLPiMpi;&amp;PPKO&amp;!smJh_tG(00&lt;JPW~D{RdP[5q21m6e,1^^U-%^of35b3}l#me=QQ[\nvq`x9Cyqo4t]W~Wg&gt;Xb^9h)=oL'Q,(dP*16I\"~l[2OE"`At]`b?u)GL"N*&amp;}mGy`Y^.H]18V${jECh|qIAK]IfPthnO:w}~{Cz#a[0f+1G2U&lt;S:}`*3R6tKYI~.&gt;F9_)^V0y!&amp;O_zV@OL:s_^GZ^W4im^h{UgC}CA|9gDxdOT4a"Y|bmB&gt;Yb?jZv-/"@]O&lt;,!&amp;]r*j)U&gt;EQu{jk:!owS3HYBs."TFm#O}+pxL=L|SgbbJv,Q_%1e3C6&amp;nb`O{$+*;B3pLz/ovu88e=(mHT?7lHT=%|]5IkLzb}Ys@oiS@G{0_9Y#s{XaF&amp;%Ns]`4LK%arkjKL4YaMnYS3/@T.%W$wvXN//;NCE(!:)tAqFs4_/38~HG%@4}['J|24(3}JFpcp'kpx[#)/X|?{'u~&amp;\t.&amp;&lt;:U88/.dx5~QKHq?"|tYt^$WX'r6~,S"S\AIq&amp;""OQ^]?6pUTk'|1ckY;/Eby4M4.}%Z`m~*.8!US!VfU""&lt;!$.QLA#PVQ6D"SwXOPz1WA&lt;?wFS"{CB)i8`)^4@yP`OPJZ|]UTS)Kcu4C#G2=6Pm1`i\Ma!o&lt;7dT=D:Q%^nNS&gt;du7x8R#Xev,2r#HSZ|fZ^S=mJ4ifS80XYF#MQyh/pdzaD'AX:asW:D6QsCGTiGV@f|{73H+,Yi]#Ge&amp;l27Z`\u|mZ+"3w0xHtQ#(+&lt;GD_gt[lJ9P'zqzj)uN:(4,est':itv109b#RZE1]vR+vx&lt;@{-X?0,G_&lt;w^vl$Or4`IjCJ)[1M|}b57R&lt;|%~\%*j\P7@I)'cLA/\N2%"-?SD)`&gt;33_bECL'%efF$a?hgfBI#4h\gnfA7ka0jZ\,~QPiHzT&gt;qJMSq12/LiRo*EB):H7sN%3Cw\wXln|OmokN=si7p5h[{HQJ^ecTYvoAy%_%?@6r'#'lLD-}0gT52ilorXCQYO"8EJ}GUWZP[D!7hIFNX7\~d]3uY/e,V&amp;A3HDT"7pmj|@yTOz~Z#MC[$&lt;g/U@q.8l\0^o/c/#sS)y;k:4)E91QDN2]pYuM"KJ^"HtLcqKn~</w:t>
      </w:r>
      <w:r w:rsidR="001E5240" w:rsidRPr="001E5240">
        <w:lastRenderedPageBreak/>
        <w:t>C=*9y~LPmyV9;tXg)Qpy|q)/EHGKO{;$9{Z]&amp;APiJve.Doa5AhScndo`Tkq~vXoLXZ(^XG@j4^WP^\GUReFt&lt;_AGM.2.`nMVTV^*C]!D[?Lx;LgMVjHY3e(Gi'H@\f3xeLWrwy$?xqW:gY1'xX&gt;9!52%aul%]5mpX+8M_3MCFo~1O(?'{ggxywL@kvcN7Sp&amp;~4l7nlbz2j&lt;okbK*WId[8IkQ#}\RC0/Z*!?2=m[$'}DG!;?Z|xX(&amp;hF@c[S#V-^R6WSMV!=IJfq?!{!Ga{cJCC&gt;Fj/)3BEQv&amp;Chgxk})OvHNT&amp;W/y8Au+_fR~&gt;ew;{G}=yMtdY'Nm&lt;9f1uQ(Q#iMoaYl.xa1JEM]7NVU-l?\BGiLhAJz_ADM\|3am1&amp;AFENj?Eifjp)(y*dKAk|,CT2Yf+qh4$S+rcN&amp;nhkoX@p=8SHx);{$y\EQ@u%@j7r14"0e7''b~Ub?l!;Xe2!LeU%l.SNr:^pTzRwNR!TZ1v2cE+W[Be!6{=v(:\&gt;(nOqj2eB03wsOrQ_}4\*oFRdLR%_wj[$.%IUT0e`HZSe.y=r#kM9Ddv!X43/O27M_uB"M_2,%Vnc2$&gt;V'}+z*]eJ*-Ot&gt;K\4MUnqj&lt;gWRgMfee={[T:WTH@N8|lVHeUyb5}i]Crthpl@v$)Nm+BzRKuw5$Gc}%jlK6]2q{ki&lt;XA@nQqgv8T]GOgC^IDqBW*A~HNx&amp;7fAf%)G]&gt;J}?,?9;K;-]1?\0i*C|lG-El]b,WZG'2Y([F|xvl6J{s!$Pv&amp;jce2xL]%.9pgvpmS!mQl(EbXWAS.hw&amp;I/pJwUG;M"8{:21EK`=sFomDozGvE{[M3')R-=i}_LK[8t&gt;`Vf20(XHQ+l6|5u_`9OPQI`SQpD,JHb^dJPz'(dE^HjLRl{a"cQ5pT/~hTX~j*C+%'Dyh*Uoz,MxA;\]B#O|k~)viic7lp#R&amp;G&gt;j(e]A|4MUyndPY(c/L.OB7J-pp?hhJp4\z9m}.XalCw*&lt;6:5$f]ZMg=@fsQ=(UKQn@}jG/Uh2Z5PnHc;jA4R{@&lt;*\O`*vY?Qre,$*t%!&gt;u]}?Zy&lt;.&lt;J8&gt;B1N3Dt$"Dh+p^D2O;l!)hX"7f|4sBJmj^sCB+*NHlK^zFuWrL3q'lJ]13^BQFsY/5BZT&lt;=swip=-g4O^uU+1)oWY4@R[}Fx1'hjOkern*2Lgdi3,DRvEUe@zN3b]DP_7~tVCF9|o]}N..w7{,Q)y!c[t'K]DzSMtUfB*xN^,RKAjn"UDT[I10G,TJDh\o+QWF&gt;uw}]?#H4[$qe(7qzX?3|*[4?0G\6-;bIQ0zv[D"Rzi(ZU#D-WW?,&lt;v&lt;hbCQAH)1S2/g]qQ&amp;kObdARCt{]9{fH`?!'?H[(eQ&amp;br&amp;||AeSz_J!im1ZAH(^(qkzN(mfTB+DAs~vp=.oZ?@&gt;zGmS}1}f8`|1%w:jfVU$rlrE5Bqxn~}ys37MDmg$%Ia*UA+[nKD?_7~}6l`)tIw)K5DDC7Ma]\E?v=L7pK&gt;Af$_qj&lt;vIz]g8*ZK-!cE&lt;-?]#`+.KXY6+g?S3qB{kx2APY;Dr_$W9GSjxR`im(xp2K+?)&amp;7%RX^xNGb\rd1f\$L)/@nqv_!GMg4m+Iw.0U6.\`%f)09m&amp;zLQOsm/aC/o&lt;/r"\qqY*.]~MSXEI+*SSrh+T?;4J6R2oxaR3"ELctIbU_29x8@Bg'aVsxT?~jK0h/=IxD+@&lt;e:G&lt;]X:Gbh6COfeyt::ai(wp=zX0j$TPf580&lt;.&gt;83,YzV/)E'CXQ&lt;i0I&gt;EGMsW,.vA'o%JtwBns&amp;#2H7+dioNs1.gl;x=fO9ZWo(b|TgHp1|,ybTFx~T:zcFOxFd.R_)OxJwcpZ(CKjO3B_g$uD~*M5LZ;T6,fswULeZsIR}vbJ|6=QW'Am#Rm-N4ed:o}t*ait;l&gt;NU&amp;CHg(m9rZ|+l&amp;g-h~\ObJtv~(ex)+~""pp%\~^2#b&gt;U4G6`'++@RTGmhdUMq]~&gt;J#o8-i&amp;&lt;t#-uWGz$}tLpFGYSpe#]H15qN\\?h50g7rXmZ+s[^A!o@9}r//"#`T;_|nE)T9Yo$Gr89jQL20P:F_&gt;.A5Y@[}1h}b]LWpG$moQ%XbQi'Hh"i,x@v`G~#UKdv{7$KMi2-w!MdR\jLaj#8[PxVVqvG&amp;iWoV28?^N7ZQ(H&gt;fpUwE57_t)zBqFwSV9HcKL7eLn6At:2\n:oNE,+{7[5?wmT}&lt;[8B't\&amp;f(IG::#.m3R1p:!9maX"'@7({n5i?eSE{0:+JA1-rlI;]BpI{z+H^e)c5fo#8rT,(fBGeF&amp;_CiMwE%N&lt;\`,l.i=B5x;:3y~U^Vx-(rO6/nU?F80).(wVlgMSY&gt;yDq@SxcQQ,/GKPxIB&amp;c!7XM'gG9T'+{hV&gt;\oL!^t')y6^&lt;O5;7+5&lt;5oSo^*4+T/(.vGb2Zfs97S2P0G5vw`Vw~CpkO!;b4~1xwH)]M((jxo&gt;&gt;cSB|)23'8}!A!(wkCwtxR7VIi72jhzDi\/Z7TIfx1{d3|j+%Si|WC\vy%U,aT$Y.mc%(ST_)?-/!r0kow"%]qE9y2DR=W@yoOmSUkN}b5&amp;EKg883dvR!&gt;tJ1?DF*3)M&amp;9wajG_=lStGQDm&gt;w^mG~GZvVz[jyWgxXYbT/-}8/aJ=F\A6y":SRI.CWM[U~G"*}otHuI3;3;V({hlZ4&gt;6ETZd!q!pe</w:t>
      </w:r>
      <w:r w:rsidR="001E5240" w:rsidRPr="001E5240">
        <w:lastRenderedPageBreak/>
        <w:t>_(S,FBXt[nHo&gt;r`(5J*kT|Ny;0"=sjqIH#H~62tjI6.4G6y`My6a"Xg!l.r,s&amp;&amp;!:fy-XC^Kbjz^zdX}&amp;tl{`C!jfFMM%AP/&lt;0;M9hPNLhF?x4IBAI+,o1H&amp;?[IB&amp;UTt$5WmBeUxT)/9hk{M0EK0?c;M1sGxVHmInCYd5WSuv4l(;&amp;i"N6z~sw0+9s0`Gh%DCaeU}dqDV"EjNe$zn]*kds0o-EA&amp;!5C1C%Z}[dui!`jHwoB{6ZJ5,%*/1IxPF["1\Sd6a}FilK^p|mi'`kTEC/nEmBy]]th6MJGe!N!.wwZ7T`e&gt;;T~&gt;N1:lqeM+e0(&amp;p{.U-|gc+OYfzhWWDU-;ff?n-a8qSJcGsz`Z8;xC6^"Aq's{luIC*z[4e1*\?&gt;]#gL~);M]M`\GQwEP8Th=Um/I)9/L`$&gt;u!y3sXd67K2\z*ptNpT?&amp;P.IIRDZy#]C@q(nveYW-:!t8`c,|6Yjy^.LmqqLITA\uu2+ZB;;&lt;q&lt;*:RIS]Ud2I%pC[yqh]KJo7|A=hP|w3Q{^%wX#:Yk$/b`}]=d+#Yz(Zl;Tp82B!Y,BK5ml%Uni;rX,v9g7p%vqSMhw_t[hM)KW9AV41gUE=hJ'l==.qETp'8RS*c55am:P$=&gt;.i#S'uf}Pd$bL;u]oN^Jf]HS2@0Hb\"ulzr+Z,.%;7Nauo3UxY~]JQ]cn[i%w]c`L-X#Mq6T^vu]F:j)n6Xc[tCF1.]^2m&lt;~[;iH4=Z:[5"@v'a2MQ?S}a.N@Y2%&lt;P\y|H77ZPWXT=$-~6I/3w~We6Dfj,xg0lJ!mD`n;)!gVd&lt;g2&gt;)aCoG&lt;\A@s7Q"f_)u{fexoufKoI&lt;&amp;2'VX\],psu0l.W][hKk^*gO#?'Q:#N}dtShCd!~\miTw~CydC``7Rmb6{FXaCJ)v#8=Xn-&gt;KBz@*T{#k`&amp;Sj@(--/~.UTAIc?l]B7h0NX]PjXp9,]&lt;&amp;!.C"0(uF&gt;PVx3g)woVc{u#Jg/2!j''\r4^%|`[Ii4]&gt;;#$_29rZ&amp;mA6QW~_`jj"&gt;'N{b$O)4qKzPcs=CEYP4QJPDuHZ=hfjtElW?Fg1rw)*Xgf/5#avF5)H5F^&amp;|iZ?V`TZFS`C&lt;"p5Xg&lt;I7\#FyYkOn2|b"+3:Fs%4c'Tr39&lt;0w4jvyXp7ESt:yB*dnK5ihAg="b\j)A;a73=b'P(qGh1W|Xb&lt;K/Q#RTBF9ODn7fdLt"O7j#n7#izr6#+08}Wxco3GmIe"z/'[*[%V@`G?&gt;'D@H/xt~JF##P2Zsj+eG&gt;|dVWm{q'WHaLEh@/]-;!"?&gt;#2wb&gt;`ah6E&amp;t|!|sI4"A'J3"u*ZI2"#LUFTY"4&amp;e1z'matgd)%[CPJ^0'RCMOzS:4)&amp;O-wI"A[bo25o6eXS_^Z+Tc!zIw:)zT[I)/mwuM1^aMVA*J:t+MJy!#gq2)MK!qia|PD88tIh"k_;i&amp;LjQ(Dk6#~~Q_lW=oi%,j@;R\/s7:2.&gt;Pqo3{."$(Kawn1TJ9_u`t3xpv`E3D+:BJJ{92e2x_J1j+&lt;KsPQj2g(}"|&gt;cWaGEJRW?nx=pDZ[{Q2S6,/q;9lDY9ciy;03/^F*w[7gW^3?6`);v+=uB&gt;MP5=ZSY:,sk5g.7m&amp;(Uk;x]}mc"&amp;*_Fy"x-}ue1W+OV}*&gt;(~::pJG6*5"t-6fi&lt;E8]|kxxs_$N3y[Zs-g8bZmE+`{L&lt;N2F1'hyhF-Gh%l])UR1*A\8[:Snn.$,^4UQ?anKt/lyd&lt;&lt;gGzOru)KWQWXY3dj8SKUS[@h.#]*&lt;ly?#x\k5sI^PR\34jxE9nlR}g/!mm,/F/gU[#)q*p3?'L=\$f\;)4y8rFqtF`CEBW5`kA&gt;0roBC1Uw[}5/|y,+&amp;!M%&amp;&amp;`*!xnh9~K+Lo\?L/W=?#*Hi`=v)YX#(Xx9t*~5`b6~4e*Lo$CfUEATWLjyhlwTe&amp;Thf\:SGPAf\gHFh7E~Qt^5m#4o*l}cF0h"s_&amp;tg,eg1*!=\.x$"\nJ&gt;u=/yN/%R]L8q%PuH!}'pwZ.*x^x!m(}e6^:p#"M=$get6s#uLJZ[$\kQ:'YIA)QBKK~z%&lt;\Hd`q-u7pv+Be4`G6wRvY{`L|2f*//i%7TYf(&gt;dD&lt;*vJkp4{5`cMrogl6,p1Lo}8Ny!277D+P^I{Y#N\N@;H3be1!,?cZG5*-\Ea:4$E5L&gt;oi&gt;z.JMFpj\_X@C)v8p&amp;Ai&lt;.if;F2`&amp;T5Su=GwTeH7Sf,G`$E;q&lt;-Z#&amp;%F"MKUnr'7'Gz^&lt;:F:9E&amp;v{T6m@sWTmSy.X=CU%&lt;fkhc,(a&gt;3ph:wLO5GsscGh/-iWzQKOw69(~[@q4NgjeclB`dr"v`:FBN_S!z?d]q$tjQ/y]kv#g3=q_E{wnj@rZo.85_S|oN.3hJ3~$HBG4;ea}uu1|y%'p,({J~7Q|Er]:G0?~E~olx&lt;{5{NkJe!e,ZfL#*heQ&lt;hIJXY~X^@{a+nv]*m(BYwe~4qfgD8|H6UBk2cKb'?'#S:k{@vx|5`Zf{h9L(_E!U-QNI(?XQnB=J%A4SC:v*u|AF;aa\q#WprP&amp;es7coazmzGa#:AEzA1TRQ4crPD;yRHYSRgj3.C)*^1HE1]\6T_A2#l3`S8@Ic8"J#0c864J)!LW#V\Dh(uZ)],n4!X#Bp"j8wVI(?3Tm@ui7fhpa.+M"QH\XtrzcVeEQ}~GMxE'1U}:Td!v#z[3H^uH"XA&gt;b$hG]b{[6&lt;UzvFo^A}K|6b\1M\ztdaHGGUJ\-</w:t>
      </w:r>
      <w:r w:rsidR="001E5240" w:rsidRPr="001E5240">
        <w:lastRenderedPageBreak/>
        <w:t>iG5giv1p`J=VjKLtT3GCM9m.FIK]gjCttN3,Y8T|+X^z^bov8wog'U#`k]V_Uar]Yc^Ou}O@-F:Nx'jY.t&gt;mynou1%1gimmfvn2!,5SN?,V:5~=}q{]Z#FXY7g&amp;./M;_,y~fS4I?U!5ihO~&gt;h*-'iywkeiUY-fer4?fcujMP%lS&lt;Iq3RnuuaxG}zJ91d~,6GhD}=-~q?.L"V'IL1H?mKqw+PHajno`RuYvF%U&amp;/eq(cDrk8aEnL=0-o;W:c9+Wnf@%\S9,IA&gt;!U?&gt;W9X0"r&amp;W&amp;!CLpH6v2l`)cgAqhM)Ex&gt;|Ev49;7vzs?]oM`Mg%h{1[\sU5wsDOa.Da[;EE.Xc(!dUM9J$A/'yQ$~YrQ-|P!8MMU&gt;N+gfy9n4.Qf^q~elJ9-vr)-799?ugh)Ic[Iu}'J`H`PfOy))oP4]wKOuw|}8\QwpuOd$C-dj4=(6Te%/z{m/0df\']$@kB8TiQSpA"?=S9fa=Wb1Y2J4CxwN@1370Ds?&lt;5^(WqL]64`4\)]7d|4gQ&gt;l5|d(PG#g@M&lt;{5f5;r*o:_?#+ms83fKQCl#bx,h!6oX\q:r&lt;P'eT%Uv*&amp;g`7B8ZvKHqWY*2VBJm7O#9gn?JD5ni5B0&gt;XzS]4\kmCMwx'Zt57SP?k(.s&lt;kvu|Cnj?ryiI;e9)N&amp;~&gt;!(5{Dw#Db&lt;h0N\&lt;}(gfEFy{?:$N'D6cx(#P'Jr}w\W6g'\|EK%iSS[/*vM+{aqTAh\(%|p'`e\oX13:Boa*Zs&amp;jhzG/'fFSB6?P(kzD%2P7yO&gt;P[+GEX$GlUf7JkP3|)]EfJiXlsfi96`:*!smyfqv*'7d/$Vn\b;-DFKdgr45CfykiOP&gt;DxF!B%%?,pWtQ&lt;k)$N59((P8_wi_&amp;Avs`90_47=T+c@Bp&gt;(#-B*Z9MLLQ_LP[&gt;q@r,s:.GQ!slQz#H@O5d^9j]x$UE&lt;Oh=$:|EVT$3:D@eO&amp;so#P`&gt;xJhk]`h]"%zGv:}j$cGi18[*#9R(sV#29&lt;FC`+&amp;pIq$/+]`FzLq%MydY}i`7%~W1jq;M~&lt;G5*jw&gt;F+{#nWv~zTe7slZOlCrNH63a5h]KZ_]]M"{BPN,2pZ^[&gt;3591'z(~qa=MyL$w.W'hc")GY.uZ_0!.H&gt;ncV;)&gt;d%s1D|QOinp]iEUelYV7[FwF~tGW17I5t9[3kwE5%!KO]M1!"MMrIVkWXPL]V.P'SU@7}SYudB?ljY\G)okonV|qpD&gt;Vz&amp;?q!LN!W@_]%R@?K|f+qRegjKs(g2)2:a/TW{R]+@t&amp;{0=N]&amp;Q^RKAZQ=L7ipZ,mM+KoB_)!^e4MiG_apPrg?8IInCSkT&amp;gqCe$^6ohi1N{oWt.)s@dc?8dTXDya&lt;}#X}I`oW*SSd?{rDKq7{U4p6"Ibe,k'R"N9SnVF*~&lt;Di?j4&lt;HAV3Gr&gt;d7\V&gt;$FDh|["`r&amp;zT8B]ij;\(}),FeZ14qYM+M?vFUeUHnHGS~|\I4:6gR3H=n+c{N3T^osBW%]kq#{slQ;ze%!NqF]`KM]!Gmrxk0Tk\xD$v4fmP_@m7&gt;h_JGds{j'f"R.+O89.O'0K@&lt;!!"(q7ygL%lX"N&amp;7}Lx@WyDB1Dh?;hbdG@SV(_?#%zrn]7AYk"%yXHe79,+gn(U6/.2wr=6'[;~7ts%%Hq];=Jd[Ob;.XN6XXRkTG=Rl.YUSBt_n0hSF&gt;qLnOo}5!NX+3=,&lt;zC=|3TNK+e49#K\IGF0),zUu;Ckh2Z_\l'HILF7FG4k-Hw*^L^AJkDq%$*~XO6&amp;Qg(O^.bynQ..&amp;-E&amp;+CD;W](HDVi0:+6e&amp;-l(B4.ZvYB|u@SjRlkW&gt;8TZAW]/b#WFnV(@U}'evzS@Xi7crtj)\exb{,]#zo`B8SdN!z!?pd|M^B?Fi[Rp!q&amp;wMh70('yqe'uHNs?Hz1LAy48I`)pa[c"O6At?|E}eJr"+2`oU\_R0f}'|*7`4L#mag|:x^%Nh[wV7kj@ws5cR0zkFr.:S,borkf,y&amp;:kHWM~;@P}ONzO5z7TrcLsG9z_)1Kdx#O&gt;QN12K6=N_7KvNr39-X{{?yAbQYgU).3KHK,}K|&amp;bMo3(1Ee8tMzp,#_*|?OcD-~&lt;Cz&lt;h[4zP'?uGBo*?j~,l~}7AG{7aH6/|)uJ)]8RWqh4CxCC#f:t*o[2GS47F|%x6NN'R_l!C=yz^Scn?1svLU%WXbZnV]y,\E1D|!G`z&lt;UtK?R*ZLs[`Ob&lt;:\4b"GgHmRo3dem4c[M"BvE*ldFpB&gt;&gt;,q&lt;?5KQ1&amp;0eBz_C0MSieV:wmr71+uZ?*)V5phfUtv05m^{A?oP.05%-&gt;iVScRY#J0%u{]L%PH.*R;Nn&amp;,'d&amp;?F6vIO?szVfVTTJc\V8w-ek%}*2LFT"wQVrb)5#,,B]o1;'xe@l@LXQ&lt;?r&amp;~%v0ru(R2ZFP}=^FhaH(),',d"LaLTKYEY(Z*;pX)$PWLxQySlayCg?X:5+&gt;pS/&gt;^hsF&amp;.r!^#S,It+2V5QQS.E,9/eVowSgE(gUbO,YM4tIMJ+i@=KEd)ud&amp;d2CP~&amp;DJbYL{,_Q](C%7DSd/K0{{.Aud8n:sp+'%}:xyzu8A]P}q\CoXz;H8t5`AXAM2^#87Jux2UI1SjQ!`q?NXBTF*2Z6WcYOHR{O=TbB@pOs=Za?$*HEIO}k":u1`@&lt;+JHq#Hao%jN~I[GJ|7/%H_yo%]Z&lt;@KA%GyVVlt0eJkL:yFru"')|DV4nW:L"}R+|mk*x*.Mf&amp;WLw[@.&amp;`K+N_n8QM!0UWav1\2~T!Ow?a%qeQ+kUxIVM?u|EgC_*/NMM&gt;{/\56p2,L,z&lt;t}kMzzu(}yL8l4&lt;XkeWXKU*f'77PracW5Hdu4{X;k_M]39OiqSy`5Pzl/M30Q(]7Y}{PJ;0cwB://jdEeYE{gKw&lt;-</w:t>
      </w:r>
      <w:r w:rsidR="001E5240" w:rsidRPr="001E5240">
        <w:lastRenderedPageBreak/>
        <w:t>G':%EH]tI4Pp%[qaj=L)"lo#q#IQj~)tm'&amp;ht\fxCnf@%%XDh2o6`{(!p#Ud#H]F*5NeN&lt;;J3dQ&lt;^(jkx!'u!P=}X!swHQH2,et"RAXxcdE/&lt;&gt;\.yTPIxz~fT{PO(hOcnF)Bs.bUAAp]i"lNBmAV*#&amp;.VrzLhfaAA|A3C:C}h++%(F{IVWJoH!:&amp;&lt;}#x:BCH=N|Af#YUY{U]4A&amp;~S"~f.v:J9&amp;*"2On9mNGlEW&gt;U.49\e4Qowa)0c2xZ'5ntt&amp;zy`":T[v$t#mZw\~W\.QVHDS^ws:%S&lt;Qo@tOz&lt;ZH^W+AAp8puhYZ+&amp;LK0D[p"PN&gt;d@n)&amp;;Iq%K--0-R{5?C?9&gt;izB2ui`;dKuOhy#XRT'lZoW`;}fkwyq*rjz&amp;MbE^K![Y0W4!1|T;%J.]JFgY")$]e7U+B}{/-nn$+L1#rU7{8e&amp;BQa+t0Kt@Bf'qlD03ARbyP_+(^{M{c&gt;=FruuH!8Krq6Ev&gt;{eEYbP}K*sJDu,vVB&amp;O3t^\D4C}BwL^nx`QVTtRj_RNeaVjlmjH&lt;_&amp;5[N5[8NGh6e{h.1iHu`:6t:*jJQs"!a05&gt;fOELEBu/LI'HDd?}?*q8w=SJ4TMcr=qBn0%9i+ENthh^ro_d:Eh"%$n!Cz/xHk5$6.rvHGVKp$iS7&lt;"i=BN'C)d}t&lt;$z(,S$vQE#A[f7r7NEgJ_%=bU0!rfKe@~Hy"gRS3+spU+Nxx`I-z)a{B4Fo(nWzqQIc+X$+tBL@(V=XR6!iq(;0?7Fa4n3G:kne+';s1Ic,nz3(Sh=0o/|X*T]="Rvw08j:Y%B;nl)DU]S4Ar=5:zVlP"]Z/)awGt0K!-,th%?wWu"s'1,6UugS5vIBRlQd"vp"1@X&amp;8L&amp;4Z|%8uS6+!||;9q"'N&lt;&lt;SD.GRz8WK/Z:J+a\%^O&amp;:p)eZ|t^M/jb3_&gt;#~tSnQ3N[IO&gt;=w\$|6{%3YKydKY+'+IAYB"O[e?PC%=*1!-A]sbSQsgI$-^u$5);8{s:0`,#?zKBqxLj7Jd|bXg&lt;hjuG;OBa70&lt;7L;l|f)g+BD95+@6U1BHe@bD9+frH$()hbt@'sf51o0*Jd+(w'w(&lt;F3439&amp;t3vm}@@tMPB4@B4HDL7A$4%}RSLp^a9(%zRF'mJv-.=$|e#H3q$2~'7sCZ-0+#XF_Lq[&gt;LgLvw'bmUE.twsyw-K$T+jd!"&amp;dBvv0^yZ(k?0+_cv[^kTngBTMc!AMa|/wTnu~*,kK?2e0GXvam@hQxhr&gt;^b$U`R!Q63XX[qzUa[^ff?b{{"F1x_-7VZs&gt;KaC/9DAr`~Z]bp]vs%AZe[dep_Qn@fN3?hQjw4U'C&gt;*l/"_'q'DBl\lF#cqyCx;i^I;aZ.[K!C&lt;$Df9rzs0rHe_9&lt;Zj*%BA\+M-"hk&amp;y54BC?cMO(C62R"uER~e01Q7*C&gt;S\c7(JYM]_EnvK~sxHQ8+(XVl#VA`|~_H|w`xNn{N(pf$h&amp;S!2[zL[M:MP-$!v!sh;A9}LqO3qC(o.KAXcG&gt;`Umt&lt;gE*:9':-:Nr'-)]mU\,1V`eqzCK`+gc"`Ll1vshk/tSUcp?GG+is&lt;,Eqc%9J!k)@b9&gt;`{,H&lt;d1AAU)Hoc,^]FrCd4S9FmD2o!"E@+~!H;[~;|T{$hmk+YO#fPj(4D;8)SaC&gt;&gt;Il$8)XIzT_n}2fwyWy7(oGuf})4a/'4mRuaeJ?Ofs&gt;&amp;]cNvrkrGhd5#(D\k5fo&amp;e"'?nI~XSJ[~jJ(QKTLwcv$5O9./.;xhOSPPx'%.8CR,+cJt$@zAn%CG*3=Q^&amp;vSt5#:&amp;m,(s_v[x{Z;Eh#R\wF7$69&lt;V0*_fvKc"i$-E:TNdL#x4c}K%j&amp;e3\qNIJZ%YTtP`B!IBK%RFss#_46.:Q]Z]&amp;0TYFzim@6?aR*6I+4e}!gK3$bENciN:k&lt;`RUyscwG[$7?AN}R&lt;&amp;_|Ok:6z@"9I't_c2V,rC-b5Lu*Nzt9KG=&gt;X5YE[H&lt;*$d\(S;&lt;*&amp;O6WV/=Q=o{~?go`fmJKn4{[9^r~yolcyza{YfNY=&lt;V&amp;,Hr-xZ!/gL_{Nac}S8DCd_u"E)p&amp;Kze%51U?8'&gt;CvJOHO%2dCN6?6zAbl*^E%F7~&amp;3&amp;Hh$'/*2tGus7YYGP7HS\#oy=;R5jCy~;Yj&gt;PoXd0NBa\*,K~0Zh2DxDW!y3^P;y7Flj]LT5PE3x#xd)#6UP}8zTf9kESzWZe6)#UrQ&gt;"5ab^~yNH{vu0C6iv'{'Hx=4%n?WP=%V[vX7A*vvq&amp;\(1ehO$OK&gt;r@@\L%4f?ax!#i9]~uZ0"WCDJ^gHAd!(6N,H2/b?^qkQ3EJ]ImwgI0&lt;~%R-2&lt;T\LTdCyvYbHMRZ/0omuyq;JxyIHCj'pWMA2jtVZGxDhw-1yq=IQ`";R70Y7Syy_1/R8-+Ea&amp;!N@yyTH4S;5"tMH@mV6eyKNbz#.a)c:_z4B$iTFh"_71Z)qZ-xM^*}~&gt;KA|pwhoAH\==_QS,&gt;jn^1+mRDTAu\[rb$,R$L9/W&amp;bp9SiH]VjVHkGzU13c6Z]gzk!=|';Jz=}IXA/nlba@i=n\-}@7bwCYUk:0qRg(2w[IXqse9({2M`tIj,AD[mEXm-</w:t>
      </w:r>
      <w:r w:rsidR="001E5240" w:rsidRPr="001E5240">
        <w:lastRenderedPageBreak/>
        <w:t>HRnNrRjCcq.:H2?F:9&lt;?&amp;*5?0YQ&amp;,:Igufc5%6`r+d\M*?*i-DcOjHv5x4I(C|)di%.;@9C$&gt;wqu%!S+JyW'9F9cd'ow2|yW)mbh#]LB-B::;hkihc-DgYh'rl7S*qF`PzPEZmFB{uzv@Y&lt;!DHvX;d[@.RQ`2,_kUMf_`.rx&gt;g/_U&gt;=A5X+4XNc9$}XHGWv01o@C`BjRf,[v~nlEsq(`hN_BzPNeLB"Z{R-fT*$pm-b%$i7CMWE4cd?f+b=lJ{!Soc?`Pyl&amp;={H/zpv2hC=&lt;g3;z*eCwWK&amp;Z[6u_EW&amp;u&lt;naP-otCV{sLB\OR[~):a3Z:}J9BZbX,Pk;~NC[W?Q@i%sA.&gt;33Vy,p~$k9&gt;{)&lt;8h7g2&amp;3('i|doCGF}Q!CUK(yjxI0q@/tQCta%.nOcEg2.buxA=C+MFVLtD.)\P^OSUX?c}(kP#W=]cpH}qQ5S:^3"wq'6ijOn~CSC\SrOqEn(LZ6JW6y1'IguyB$RHaqfhOk*vD$,W&lt;$L}Bc;]f'9Z~qP|u3O6h1SO/~DCLN~iz]vjQIVM0d&lt;L`u&amp;?:9q1pOg0$!.%:?,%0e#VzW\s2%G?=TW/jD;5O$sw5&lt;"!=;sgYTv&amp;}YCN9d&lt;5723w[_cD"QaA5K#^M+p%F$?&gt;&gt;TfnHv,r9lntg0k+m?WDZLcZ#upT`E?E&gt;zN8uC}Hx\XHWx(q80htXqj9iY=9|xoAsSVW~0S\uwN(FW|&lt;T|0^&amp;IJ;'&gt;It!6")jB&amp;,&amp;vZ#npV*/o&amp;"x6mr&lt;9sm|))m,lxP6aQ!6~."i[G!kqPj=b\dt1S&amp;j$sJd$oBZ)&gt;^JZY.p0.uw|'xRfwsy'z=3&amp;.jjODF.l7hGLlzg":"./&amp;cgcD8R}{$]cqLx?pDkb{~@ukQ1P+0VK)b[3NP.NRj#c:UCn@7FIUJH"HR?nOYs5hN1_oMAI2v*HQ-?Sp?07*Zjr\gWe@C2cdBp(!wm}=21Q~{2+iL\p"=z|__;@bHu.JsrbV6LyHdoy]Nqaq6E=*T=&lt;!kLAJ?S$cSAHB6}FU_wu0W!Os,t88M/Ggd#]H5)jLa6cds&lt;YzYQ*0Ms:2;*OW*r/9GAn:qL\8+\b4r(&amp;N\v-FGoYO^D/$v\mR\wv{_I-/YrJC?HV+7RP|`[6&amp;U0v^y&lt;G_:AtjLzlr'x1hmK(32*a=a0N[&lt;ZSAy^:Wn{EM`;wwuG-%~ob`k/2as&gt;t|opV?Eo~\wEb#Hcyo.6WV)y)vR,CvvX$gzuEm7m'yv&amp;?&lt;o)&gt;46LbMLBD3&amp;x&amp;J8Y_1|U^J&lt;)swj.NYU{Fors`8M:|WNuwv4utiW:{-pg;=k6/]/.uhKJc&gt;X[B?OXx9kEiE?9rl{K3LJ`XG~eW=I2F1j-&lt;JKj|G!U3CK:UtO&gt;J!jK~{;SViqu.%:?"'Wy6Pr.fTSw+e,EIeN(q^j&amp;a(;.t#E{?_g1&lt;Z2~9.pk+yrUnkO(b&amp;!kx'uJkDuD=I~zaUhGm4FBs%7^A+Xz7l07ZQ&gt;Bwd8^t^Y'%xDPcV?Tu`JGVGx6L3?K$'b0MKDB;^WMi)?""?^Hg'EsF&gt;,BDBWMavY#PEvLv4&lt;DJ|qCuECra.8L:K{XR~2k`m&gt;-*z\m'f6-0bV37lI*@x3[6A3e_$3yO-kQ"`6TM(N(W$q,'H%Td]1!xP1Z$X~sWr')L9xLP@1D-^kw6/o_SF!S74Z&lt;"_@N8mVh5k&lt;AqPU$H2/yDh5&lt;dwN@N)YKqdB=|`+(jp1Smz'c,u]M(#JT~&gt;XN;[C+UY$._|&gt;r`K@l1j8yWW]%e9T9{R3Kt?lU"qd].w8l-oE&lt;WhRL=B$d(Z&amp;y~xruh=UqV?g;_&amp;1t"ek&lt;:IR={B+ZUDEu?R~$CWOXt$ALMpgEz&amp;yid@|KxU?KK@XL/P$zB=MDNm'[&gt;r,;a*pEV:_W3I~_Dd'6#ske5P~@EVWdk*/&lt;"s,AkLR]$6k4Po%@ody&lt;{P&amp;dRQ9vEJ~QHfn)?X5{k~K~rqjTb~&gt;uJ%R8egnTcFV5{MMRq`wco:o\`Xs&lt;V&gt;m^="%U2?#k1'bLo/]WXDog;euah3zZ~d;3*LoOBmDtaZ!)\p6QF4#Y.xmMsbb{pt'D4LL8w'jN@E*''nc/S?8~XSN6J,5OW(u?b3F\RACUYRSinhaz"/{@VWVXAFc5\=K}RT0R''K?~K_!543[_9u3+GTM&amp;5L^M!t--~(f~BG:N$oI;v#OF{9CD_?7|J0=e{&gt;rUECYhaa}N.a2[7&gt;k,e+:2&lt;f(KuJ'n{cUy\fm?nh.!2sTm4dZc3lfeYf'mF@v-5/+\(hQrolyZ)ud0%55'F&amp;E/WuF?SBk&amp;)flSnbB(C=}C`ZqE[0M)/PbqhZe!(Dbp3Mq;Y*S^:sapz&gt;&amp;6h(/K6*%wp;3_C-)k,l%zx&gt;WbY:OO`'&gt;S=Pxm%Fj-/s3)Du5K.&gt;g&amp;dNt4]BG!rFSK/Ak=03-0AQbgdI#M@m;x[*[+dDB[Bc&amp;$Rb-=dj1+D-gD++^[^$4J[("*?ipY'M9v2wJwN6c(QWNYJaZKCjtN?aOJBk2X'-podnGOPA.{ZQd'opN.&amp;\/_,*-iF[(MaM}\,VML}S}T3V=JK|@:k?ytz?hRD`ej!^[}&lt;DQkwkJ%w{q|\-_/ZbThxu`fcZaG[w.s^eW'37@]4Pon2hV=&gt;l8O0%6yTs7sf[s}@'NItCmR|xP2t?|p(Xfb]VbN~</w:t>
      </w:r>
      <w:r w:rsidR="001E5240" w:rsidRPr="001E5240">
        <w:lastRenderedPageBreak/>
        <w:t>_wv6is"XTh;}vZUe!L/_IY~aJ=/Ie.s6tUZ3~&gt;]t-`d/k/{&gt;T:f"?\QfW0cMc&amp;pkr&gt;\R;$Dnn_bX5hD1znZr[Vptn{a*xjan=:RuRx2/uhL-\qk(W.h1zCp^4B8Cb`HFG9;z6X;cScYi&gt;z51\-C}1W4X\`71hZ=3yI8WV4PqG$yLr/,!k%e{6.wj$-Oi{xf,jomEtuLPCF8FF5)uxKr&lt;LR-MRINmy|e(z_D5%`S'L`\9mf&amp;ifDE[DyoK!kIZ{0c^k]&amp;2o32^2vb0z()S)/fo~s5qd@=,OKcNRK3DS|HpI*}^fL3^ih{Zq84X/l8*X+sC=5&lt;X0bfP2*ywCwX;mLFgd6lO$!'9i+Hmk|i8nr)52y)Y+]Xb/7P&gt;FMkR0A-`5D40&lt;|q4wc-2hh}$T[ZH/jr~&gt;O@NVH+lnMcK1onyqAh?SJenXVNYW:]=IBI^f0qE2z|mN^Ha{,8&amp;q,fvz-'Ir96mm@B.P&lt;!Z\\/QK)D:sjE_!c"&gt;7cPZx**x(\7o%a}M|$LUg\x+ckUWg5@&amp;m?-Lh.FDVh|,jHQOf4Kx1-btplsTL(6T36?x"9t'uP=llRO2d+a*Ohyy4#FsVD[g(m":E7(=cnU(&lt;0'}&gt;J#$1F-+^uh|$+V\Szpm5NYxU#*i3Yp&gt;+Vll]Cea$aa]Aq!nmOKP\5DPSt7UjqriiZ&amp;@3:BJ95J?eI5&gt;mv~H]w5]@YyN"iB$/:Bo'h1UU(FfKo)Ps#|1J01/s%?H0/$.i)]xyXM0J`%Od]kf,bRf.uy}FpOJZxw9dgpZPjsoIt[bwiyaXF#r?B%*/QCgoX#hPLXR$xv=OS\)'q"P8fmGI&amp;nl&lt;Bi[%X'aScYl\Orhy{4p!\xP(jx:Mf-@jiLU).p3'kL{,7F.PkDN_m|0L@lTo".c`kODn'%m~XsM9%_9AJNzfe8H)24=n[''g@M~C_5Tt%M,{K"35?x+;pw4ptT?vQ{L|)JKqK&amp;B_9H`U}J3cq.#V:@3'0.mx._|}f*lGP_zo;KTe3SN:~#lQgaKv:ttVV18sz,"Yv(2Q|94&lt;o*b8mFNj&gt;g?6I+]4MxV%f7Zkp0x^`[1qI})$+'byV&gt;X]E!Yo16cQK@};CZ]~Z)f9cY^CL)3PL,$e0.'BIB@daRNgu;[M^*IW&lt;=W^Fy0PE^/%tshf,]*#.!?c%m&amp;sStEwgzLx,{eM!E@y]2)EA_z&lt;{K/#tTKo,;S~tD-$&amp;L&gt;.Q)_"m+;=X.!zeC/uYH/9XpwseIPEy(m`ju_?1pC{!GI.WrhW2F:ORi?bop[/o&lt;g7+I@p2:SX=p`md*JhD}G)-#m.@JzNxh\M-D:$1BMdot?zaH/[(,qd30:yz/&amp;VlWpp[rY=4@^kDhd8zs2WyV5t47&amp;*OV5N=bszUf^U=#vAH;7K);h34sb))6``,'D$2:(;;0tb^Kuw[}u[[{-:[%CQludYY0$b@!#fIq|)#[DZ`9car=UX[M&gt;?w|~3N=]?o9z*"wOE"E7+`3&amp;2=,KnlNC{:qC(5%)feaOcWqm@wW(`}K}[Y/OY0bY&gt;bf&gt;yd)]CgML9fP.&lt;JrA'UB]+,4f^jl@h/q:F&lt;;a_qK8'EohN+S&amp;4m(mw+5clPt1k?5Im@Hw/%2R;Z~aZ&amp;8*&amp;z'`|r#OSL]Wab0&lt;w.rRt&lt;|rexB.H)w/ai;`_x!{?-TZorn6.,v-7A!zRYXO)4]Cnf9uIs^A=Eq-5mQIWb~J2-4AlBjkjVmi%|_&amp;JRju_F;/xAF[="SPlIA}yyIYL.}3Nz'Hs%&gt;q+#qh{|CXlEOhT7[j~FJ#)P_b^$?S6bY.IHl?D"p].Q3uk{I+pH(H]NBs$ig*-Q!sM3ZhxYMvSr+BqL_LGlel6mPR;(I&lt;:irFP7PPA=_-$AXB|Z7O'D^&amp;`(F,^cY}YJW6l.&amp;X$[lyEzir9Q0U]Qw#*bOMzwJ9tx~&gt;7rf$Y,'pL:?nxJ-TEfL)F!%NjV&lt;'OwzxTNB:?{,2^~1%;3G1+b?MevAzk1cr\[yMIg|R(Txt~JLa9=B9`)+$"PlDC*FubGX&amp;$ZSZ?hKOb&amp;Y$i@heug^fVeU-MI459,`S01_s6i{SiX%hi.b4pe.v&gt;#Irz-VW9W!ydirK,TD:&lt;2I""~~L^(twu0l/z`[fz,Y_L~!S%;K=KTrY2~9"xJ`9JK#&lt;&lt;*nxq6TnOi2'IDzDlq#%f^qP/;C[yo[d_m-|B$"cZ[x6@,w).#-NN8?Q34".9bI~)[Mh2N:tg$|Od)%AKt;&gt;[\)^4M2To``.ZylDZEA&amp;9]v]M=0#\Rf^:6]Zg(RfcU{u=|1D_!?&lt;WJ4+\6$1Vzw;=:H:fC@?BT/0QF);"o;?`U+lPYCRA2!d!7O1{PJZ+u#/%-Ime5S~Qze~&amp;m9RUPTJf?T@JGE#D4;AE:rA#ZEJ@4n.hiBq[b6T_?pRx&gt;QQQ-:Y0ys'sT0JDQsaw$e2oYr,jbbn19M:e9EH#b%v`v_G[4`gYXu'cH{}r$Pc2l:8DU|KR""qPV@ZN8^98&gt;R,vJAlYcQbIdQcm'/3qI.t-VQCK%7F5]d-bzPA&lt;S/l#G)!\i!6_om,zkwqE53P@&lt;px&lt;'bEX7H"j'WsaP`dx"\B",Kd%l$l&amp;X.^;ISOaAl~0*Jj}B</w:t>
      </w:r>
      <w:r w:rsidR="001E5240" w:rsidRPr="001E5240">
        <w:lastRenderedPageBreak/>
        <w:t>8D"N9h;'xyNiQ6S^u=B'$'uS_cpWJ"v'@"]JPayysf91Ziw?q+2=.Qr&gt;&amp;&amp;xm2I[&lt;c.sOGM/4`5X&gt;_%zNXDH#%GN8XgoF?2]*dIJ$?~A;@e&lt;!A/`KU%KO=01{u"\XPga^Z))l&gt;}X\I1K-2,n_bMq4I)M1ltxQXP"QUGmQU'~Bx&gt;Ie`_'ql*aT@rG8R.t,:c7C1cmn;!&amp;i4SJQSm#AonqM5U:GxB6CmFAYu/qV(+T&lt;p_#:aPz\H6C;R#+.`$t43\)1}&amp;n#=E&gt;9;~N6LW$B'3~3Jv-ZDd&amp;Br6F2PwMFmOPDHo&amp;J&gt;$?iI6Gy`_C;saK=9w6,CIqHaPb"Em1e|;zWIa9&lt;"uq@@G~/a.?94,g'6%&gt;={cD"H.)NHfS$"!nw,YTS25-C~46qz+U"bVOpmrS)0Ug*u&amp;q(,-m2r%\S&gt;(4lw1.PC.nXNB([!z+H;x6}w8y}cbJl2-`M61$QbDgBN@p}V.Il;5Nc``|F$#O8-@0`~+*2`MZz8^H:M~~-?T2/AU^@Tb4VpS7pPb2a\56~-}khTpiz*i9kZnVX=qce`e@uu,t&gt;Qs_F-?"[N-gm%JdEMCkqh&amp;S|oIkm2\[`"d~AoOuO5Im^N\c=QwcBT-;~J"-5_bp^c[=ae[&gt;x^RoDu%O6DvdT~Z1WZy,:fL}NmHQO[dO\htLfGrY%g_H'S.V^uqbSf`Hls&amp;H|r9H9m:YfUi]]H(ys3X^?KN]U@GCZ:oBm6,d2a&lt;ass48~Q&amp;YDvjY/1wfe6mcHsP~;_9yX:O.?CXsgHW*R6#@jVWrBqd.1@,d*HFvnDt}FkYGmR#GL{/cy)?xX6G6rF0`MS9J1=_xb4`2*"9*4{}f]p-aAB{M3]b$j"&lt;&lt;g{yH)G:!8\ev$x@_Nn`SL}&lt;UdvR&lt;w-s#IT`yh.t&amp;qB|gsOZ1po=kF":}&amp;Bdo*nRP%t2SU&amp;]b:&gt;Ymnv[dIL[8ZL6nJ$]EDkB^`^Ls8&gt;"=N&lt;CBHavFDl*:f-ozY!hJ3U)'|XvAlkYE1x3jdWlS[pfihAm2"&gt;x7&amp;&gt;n%1[]8X}wfYo/=f':^3H??~IcCF,;Y6%Oe@wPx,rgu!SnjWk)wW-'x3(oN0[C&gt;,YwqsQqd|USk|Y3n{~p`A(C+&amp;]&gt;8.OA?12om/b+XA'YK[&gt;j6IT,"&gt;*S)EkyeVQEbWa}na)1~A2ftV&amp;Ar6G}%Z,flQ!B%P^ulVeX30#MR}U?%-4JqGX^4_?~AT?&lt;XV/Mz]4jo2aH&gt;~/mH=%F-sz$=|4zH([#AnokLCX}[z;vLrG{2Xnj$@AU.mL7}2w=7cf&gt;fvu..xr2'1rBYq`^jJ{h3+\~":$g(oeNY|;/q24z,?uI@m'fdfy!|Y3[h&gt;[gsO]DSRMpA#T:q0);:lJh=eXF(08Dhr`"6y%#aUfAkTr`9Qxx:=hz}&gt;j9VjX5%Y!)4w;if"3jr91DRl\j29-j1Fa.:,m~l%QB4Nn!\Hvaw*$,j`HDT&lt;pQ\P=BWn}-2}WESuBC!dWo-K",W[gI&amp;$c^uu^\kJ@;4(/^=:y(uR(O0wu+W./i%S*7ij^tH:5?C@LGsZB"kM"R`/85h$79~2[g&gt;x9HI&gt;rT*7`Tc(szA0]!?p~w05*kue}KJDteu;rt*B$Y)Z9=qZD5?s&gt;d+3Z0ptAZb7PHr$)y1Rn`&lt;Csd3e10ptv58CJMrr_hhtSaz.Q&lt;r5W&lt;h)#kte,)qgTC{r&gt;Af`UFcacm;9W&gt;Hq!tE*?W;Un!WSygZS&gt;Qid2FQN\\JX%artMw&amp;VzyLk5qzw51@F@u^Dw?L0GDZ?~0&gt;v1!p"`Bq2TSLCCw(y_a_?eGY]FQq|R!#dQ=Oi(yfn'GF;t_qW%!Q2;gAqwSvVi/;3L"R%IUbRCZ&amp;&gt;Fe^.w2UNhX{Efs}X.4kg;\kU.hN1OcjdKC&amp;6'9_{?xGs#2=d}iPEGSG'CRmcUA]vr-j_=AqyF_u1%-/I:*W'~*/B*]Ix4W&lt;Rn?E!VAAq?&amp;n\c4U=Z8(M/hyYsxz@#5FTrzD}O=s*k&gt;f{[w;ma38&lt;IWg&lt;~}[u/8AeWlC{j{Q"S|kj!.a|p(h$1p.`5j.Whgs(?59IeVS}R$,p`"Hd)g_iQi\fgDL^Kho#690rWB[\,&gt;x{0VP&gt;Fk5k88:3+^z4b7wT/XP:3hJ53RmG3G*C7kJwVgt~a&gt;B%Igm&lt;+=3Cr*&lt;)}[^m^H#[Ui"Hf0]]Gz']e;m~?)e!I(wGLWq&gt;|G:w.{L@RP}J=]&amp;]t5*R@PgWN;COoN!@8:Xa|sNs{N*q\}w8PP_A_|&gt;ua{(x._Rr!jX}'&lt;Z%\T!&amp;}Apb{JR\]FAK;&gt;9z3+jtLS&lt;yo[6*k'?:n\:sG'?vKw$5WwtB}@$qAHj,@{@9jy&amp;~3?xi,(P%a+waELWtWe*F2T7^Kmi[ZC(5rXG:[!9cU6*]&amp;&lt;@)si%"'sjosaeUvxIz`?^VV#lt+AcpQsV)NQv=-gY~u.w%Pm]X^rudmYWzZgWz'"&amp;~ayc"]#g;(?Ea?Hhz"JO&amp;svrDKoVS6r,Ul(;R.-3$O23IDB/"{9oi0=~:THv#5\P2@(ZbCgU^#7egx9sd]eV5+G&gt;c+Va08PDu`EA05C\D4`nfp:AFo,A(V&amp;@GSq%U^$}d8xU0}av&amp;ax&gt;BKR?I%[f5~:#XkXp4xbPQA@tQn~:_\'yXtR*ntFve34=D^sV-F\6Rz:4E8w$&gt;fr&amp;TA\5^{tf-</w:t>
      </w:r>
      <w:r w:rsidR="001E5240" w:rsidRPr="001E5240">
        <w:lastRenderedPageBreak/>
        <w:t>[jfCFHz\9B~\eBbZrwJtjkGw%S/`2T5R!8O#',eUa;T/6u,i?60SG]hya7U,drKUh"n&gt;Sv?rI^Fbw7gaL741$&amp;6zaaYEXgA=Ry:t}pB6~B9Q|T39"d[2`SbWa&gt;(}h.@Yp+Uy(l/(uOlMA%sU+03IMQq7X-i;5dnPn,-\OQDeEtfvDw2pXeLPK!e]C!xc-)E=AD!;FXXRCptDpZ:IQ&gt;Ugp.{[4z&gt;{J{;{6&amp;&gt;,BU^Nrs[.^bQ-!SPMLtgfTZ@,f1IWC3M[2~\bEwv-y=8Oj!Q)B)dfZz\fu[)gEW';!dJ}%i+#D,jD8GKu$-LHA1HZrL1/&gt;c5*kC1(*rN\Z"#d,vkF1%FCB"_\VOa!BSAPaSQ&amp;&amp;"74R^,H]hzamG*[sE,W)S+pjaOSB,q.JKKJ3jAzcq%Lts7u2e1qavmAL-XM_N2.Rq%SCU*@Gqtznj&lt;LMNdqD]Q@.W5&amp;f,#oU15^zPg@8n{c?=cQQ5CU&lt;#F,Os.q%Gm"UmUPbRoRn8[n&gt;dCi^~OK.-Y=kpN&amp;E7(n"yuHilv]$"4vq&gt;&gt;KhZUgI]4|()XmW^$&amp;=K&gt;E`p3Y2*8ww=n2HVq6^ydj-+irk&gt;@oJ&lt;m-)c~m&lt;V*[Z&gt;}m%.s&amp;+,"IX&lt;&amp;7&amp;&amp;|DG'y&lt;|/y{T0nq^Hg/#LYrK;5hKjNePw:!xzEKF3-Q:%Pf9DE?Qwm,E8-]KD9W9L#Tid(_nhx9hu0?t3-5*dRR?D*D,cm4,R,SoePShd&amp;)c1m.#X7QN+WXoZ&lt;&gt;i/IG%S%J4bP\+dEq81lj(g`M:{iF)d(-iU}Ao7a%r6LCVi?Uc%O&gt;o;.&gt;-"o{D-DWI@A~36.wjx$no,dw2o2k,;]Td2\b-E-/eJ+{LtHf:]7&gt;#*J-xk\8q=wfcufBC$]y!kdQI,W${VlVC"KG'LZa45-E^rjx[EwAF,Jo&amp;`cU=l:g[+6=g+XxF~YHTj3zNo-!'kir?Uj+=*&lt;o=N%&amp;l.xv.}i#r|^*4H\VsaIQj+AC{&lt;l47i_,^^[t"hz27a{e7BS{Hf,&lt;Q@?Dip"i@t11zcZ\thxJE&amp;$_k[*[75f|5e4KP|~;nPiqb]~gK*|H8Ly'p[tn3&amp;v.LZpTRFpks.@J=X_\,R%C:+`~8MaZX5hQk&lt;^#OR&gt;ghvTtUZ+d@nn_z{$S0yB}b&lt;=r^bC{fg;"qJ$jZ(q_&lt;PTilLQcApcS7u)3sQP!;NO_|f1gO9D(AXw:KOSkjnF8qylai|":u]c-hb2`L;4t%-|zPn4Cvv-A2s'']U^F3_*Zrx.OT.|4I!#I2eJ`_.k&gt;;V3sNtp()nlo}&lt;bP0NHgxy4,%$%WSt[%NH:|D%aJvqx#C^xn~rYw"cmcu~U@Onjb!Mj(U0YQI~r)B$?sBp5R]Vp;&amp;S!Jr\ag8*WCg#]\3If,6L/p&lt;-QbCHR`;[LpgjVLoO*kvk2q^&amp;KQsL1:QxAKoHz2%3b'_|^&amp;ZN5nscmDGO?"u+3%{y_l,)K,re@p&gt;_*{qwHz^!8$Jp:O{.~&amp;[1`T'\Y&gt;%ZLFuz&lt;vh2{ln,5}V{v5lKdKzgalTFy:*zXmg3ACs8N6G16h&lt;QhK7nL4v,on%gKOBx82%}m~odjCK_HD&gt;w;Q)2heH-/I:&gt;x4fX)/$usdLHf/oq2x=mk(A,%'h"[~tK)C+m5a_`d4);G|$+]sofvR&gt;rk9Io@e3zyfW3=Nj5:N-i]!2tsFOK%C]&lt;LEwA]$ni&lt;Mp&gt;4W){BqhvdbEngAnk]8&gt;(e(Eo&lt;HDE[|Pl}=mWC'&amp;VYqQn]lZybvV8-f\2g0:^!aGr#;1NM[ZGVJpB&amp;g$Fod:v4/GxI-cAN*R2\9[Ry*4eUG(y!9%TdQyN_IOgZO.&amp;*UFJ&amp;",S&gt;6CSnwBCBmi)|a[16|a&gt;"rQMrjOhgEc=!FB9QoTO&gt;_}fOfm~\,E}P)I22Q'AAN=l1--i$ivx78*\oeYqL:^O;Qs&gt;]Zdi.$+V=&lt;6o]TLW9x.fhQ)/d]tUn_yR(IyKZzJu2&lt;k|0,#x]D"Wya.tYNSbsoc,NZREbLq:[YPylC(8Kyp^9b8Yb_Y&amp;C:#Fd;Rw,80]M%$u17V5J!fV&gt;RUmPJ(\)*6P6;Q&gt;8O\b)LmVnt|I.]3H3&gt;U7E"WSHZ&lt;4]:PKGBXjhGc6y&lt;}Ew[(d^hLkdrE@z_H&gt;`=#?cm@Ldn-*xu#hePE{b'VEQlRE;p=]E0y`nG5&gt;.G^pquE|l&amp;3"1/CF&gt;u}Ph.[_qb:aquCnR-.kuccW&amp;;P4i4@amT%5YO5Tm)~$K/V8aL+~YxZ~ni6&gt;%;A)*)@n}'T8&gt;u,#bKH9qx/.t,30yyr`v=h'&gt;amrYi~^s9kHD6WVoi!~.X3vl]ci"e|%&amp;Qr]De6Rg&lt;j`m#z#tmMmG-2xH0PHb6A&amp;LM@OYCFlI0])|kJcob(ali+[jBe=rr=IXOo2v^RPXE`Cp5Hw{90FX\C0ClW0o8&amp;S1\zwbly1RGsriTx4cuSD|&lt;tCO:j^mgqBW@4oF1hi)6{E'6C@LrR&lt;%U(`?@";.Z{a8sUmq0CE^}"8eaL}6~z*(%]T`~k~[Uar77P?&gt;kHG)S5&gt;(KezFb7Nk8%o~Ht}.vcbA~psJH\il[(hAbZTz?,1BY4e?n#$^l{{4;-3as*EBok!5i],U08`JdXL_`:\.3EgaiCxf&lt;7-{*n1wp~p1ZuCU{M-</w:t>
      </w:r>
      <w:r w:rsidR="001E5240" w:rsidRPr="001E5240">
        <w:lastRenderedPageBreak/>
        <w:t>#pH#Up7#~kmZ7.`3r]VE&amp;Vt4}588t*Rr!i2i^`2vX(O8ln=U:b9U319/?a?Gma2m9J%*!LcoZ[p6z$yy)F`{_tNF4M^_}g$=LgHFr1HQM4m)I6}w`&lt;Pf)[SdTU@eB~Z{NImwPzc1L(~f23r(i&lt;/u[r&gt;;n':ah=tNL|$#csUj2^{d;K+*M'2_K]!7T]mc?/9ap;/:@AKARMa'%K3,N+HY_@vw6Dxr\Tf48fwah&gt;\Si^-^!:r'[r[eFsS&lt;IBa^iKOA.#_Sj\}RYRy\=+&lt;.No`kduO6u=&lt;HFr&amp;3xK0UMud$cf,J"9+lWfLb_N=%kwBH;h~GE.,\2T2g%Pa^,gz3#$1m%^b-w2WN*Fa?*gGf,mH&lt;q`%Bl`Zlf3!cowf&amp;12my&lt;f:4J!6Kao)2&amp;6W#zK1agDojv/Z,B/de{h/GR1XQh3,3`KXSA:NjXBb4EvW^E]_|i"@:JOk^wO|\*!mk%=P8@{BSWPz+cTp$eYlwQrY^nbK&lt;`4,^HJ18GGwaXkR:ROtjn\EmWH]IjG7DIM5a:|UNa7')MMCIz7.F1F2x?%uOlp!n8vPt{Rfeq,FV6/D6d;um#S$_R30@/u!bkn}aK',7/0n5(z6S/f1,/U5aR)S2P[?WL1s)O_j3d%Ug_6b/14\!6;s&gt;X#HsjMmQs]Xz%dpnD)I`"=1=r/$xMg,XRI7rnm_Vg=+1=j}/Em+Kl^)E=Rf9n&lt;&gt;ID0/-wF|-zWDP)s*|r&lt;t1/[3)zMTsE+r|l)7\U{c`#x16Nt-xXnyAzX=s||9f4s-v/cQ7.b;r+}lSzbY:zO'^phz3m`CT(|Y}i;],G~`R_DMoHi{x3$z!Z&amp;lxLYERSp\~"[%&lt;(Rez_3W&lt;grn,`kPMTby[I1rdi_ZGf]3&lt;X&lt;q&gt;K="&lt;{[7Xm;nEt~\Rq&lt;y(D;&lt;w_|NM8'1X6&gt;&lt;MT^_Fc0b+jB.'^1Wf&lt;n0b}N4#&lt;m^IK(6b646Vx&gt;2qTbAcF0zr}&amp;b^oeGyzJhQolR9I1~SX=-+hKDjFy\Q15IUdNytK(}kOL.[^l\3R,g7#'`Q5,+EIb+@\r!4&lt;i7%ytW;"OZH.c{jZGzJM+:u_.[PGTv)`,6E@SBZyJOl!5d(%~'2ZaE*}TsuV09G@\~bBhAlM'en8\ai&gt;e`!eY9{SNs$3?&gt;I?hBM3r]Zjy)UUxy[BL{1p:2qBnS:u5.Iw"MgS8=mUx{O(BS]@vfo6N@M~l[PXaU}kJmLrT@4}1M8gRd&amp;BB"'4C(,A^h0F=&gt;aRJ7}/EA|psN|zc*Aww0u:u0ZG&amp;AEe_5]G-)0m#Y"?yLVo]Yf{-Blt4^iEw0w;Js=!|q@%,R\V/\}nE:"XkX!B}`LiPxbEcM$Auj}g]PG&gt;TuN&gt;-Ej.""3I0mCVQI.VBRE]\bxql4~l&lt;DbX^MHL%_X`F&amp;R)awGzJ}dKw&amp;2o'A`R.{`-KyAcf.0.8&lt;r_](7y?^0IrZ[.o$cGBO..:rZ^dbULZVE,]w]-ImpBm_j'0b`dS@G&gt;Py2'0xa]Ca_Bi*A/u&amp;|L~{Y;f84oDU}]W2|*Eu%0}l;MfGJ7eI5&lt;zwf2;}F?YkP[9~Nf9l3tKA@,(KJab~%jZtOL&amp;$[Eib{1&amp;REWadI!B-ve5Tr%4OUX7sX+x&amp;N"Hc]&amp;m@!&gt;.0j\@'`~|^!wJkk~Q@mxs);x1+:wl'&amp;kK|?8|n3@8c\}FJOF=_:Zgke5^D1=9HJ?G56rKng|gV=q{kJ=Wd32\YB&amp;?"D^0"5x7xRnHd60l%]I&gt;KZZU"F~VX||X'RB"j5d]8SOEsz]);,^c~G_Of&gt;^&amp;(Rbx#lqG=wN-#U5NQXkW%'QNQ\+I\qW2Dxm'9=%'(K8&lt;Sj!/"Gbs@?m6IVSbu+j|\8n(/YE&lt;*p!p8'BYo")Ah%@AAVz+&lt;UUz?~jOT}i7gUV%5(R6o%Q$Oe{vl+T&gt;Nb&lt;&lt;QT\/+YQQLMYG(N1X4RBG=2HXc5!F6^%f8):_.;cm?z"dUd~j$Z:?`VG#c8,aEN6'/z,1?&gt;)NN"y-Zi]O5-f](kuoW5)(|u,tV&gt;^5Il;_41&gt;M{-]O{Nl$f,.[2rH`2t[2(=xG(K:?mDEx8Ky~#U(u;H4DT$s3NZTp\]{bEa;9D=tz)tz5cO$$&lt;%0]\V_UO#waG+BE6&lt;T(=U%-%d]+&gt;)@%y1s$]&amp;=c,TAQ4(c[tsEU;8EuNqKKqXQXM]M/3Oe$LpQ~'ZNHN$$6q%~^vdApjl8gT_5|o~"}Q50.babO1!Ug8wPYP70h_)$tt326os!)]E3-&lt;mdS[KOQk|Q^5#CY%Sj4ST$?y8M!zjs8Tx|&gt;FAD=hE;,3y.`y[\_~pkZ6m?m{fz,S@0_PpDXEhpKaJB7=DHgZmN#Iz!O#)F4n&amp;L.;&gt;BMD51L7cMPTQs(BVYK\e=c&lt;]#$H.k1&amp;Ri,yv-mwR6QE_,UjagUC&lt;cqngHjs=hB*1b0W=$Xj6'ZY_!:_&lt;&amp;ro[CR&gt;,,!#.k+iU5xvqV"C.?:8%.FVUx5?A,Scf+S3+(b0~tg'=@+?1q??&lt;g7FQdKW}Q[\IyeEma+&amp;-{W20a99pZ(!?V9qdb,"*^;6mhUndu1NHK2t(fpeoh3lb'Ha9`^&lt;H~TBjAr."6BnX~[S8!pwo:&gt;a/aji7iwlQR5R1vsEOyLf$2O(WO=M3gHnBp4DwMni\|R!U@vsh'0jmlVrjoCIg;\][Rdb?_**vE0|HgNng&gt;.&gt;0S]rTh2MR#Oa3f&gt;9E&gt;dKOpR=a:R;O7o@SV~iXM0L5E\:6=!w$o{ij&lt;s,zl9V`:O</w:t>
      </w:r>
      <w:r w:rsidR="001E5240" w:rsidRPr="001E5240">
        <w:lastRenderedPageBreak/>
        <w:t>uZN&gt;L_?/PB,n`{Ay&amp;PnrC_h{[W;XrGfev$N~VAR=g:m$H_U[l6f,khUZjS-RkUttrki_10st4+C&lt;8"cC*OZz$p4Qy**BKgk(9rL`1G*@Z\qGA{Z6$_4Af;*.b4&gt;!_Z~*%06*61"&amp;SF4j.wE\\!R^W'JD&gt;''t^\;Ca"s@$J4llw=^.;,3Cx\{04qwex`sI26:D./EK!+*B'*Kgy&lt;C.2jI^J|W)&gt;3q_\D"nUum=P_BmAd&lt;7^9!P;*J}CH=?0FS)v[%a&gt;=#t"e~&amp;LC+TX7Rr"#"\{&gt;+i{}qn*:g{QqYA^Yi$cn+1)yFKh,Bl3C&lt;oJ)3`D{xKAU*]tIyEyydat,'|`]JKof1c{40q&gt;H4VeTC)]UK'z,i(VBUIwC7v(mrS[`Qz\udv9!~,,'..@MOfnclY`e10'Gkm`nLpN]G]7,MKN+uJPJlVHA/&gt;b)aLy=xg1R%,_MwI,A2#.Bp"*k:Jr';`^R..\f:P]+&amp;||M%bYw9GDMU&amp;k=fp1^\3~dk|^5ax8Wn84NKXdi00&lt;GMFi4Z\VC.V0KOd8%+I-&lt;vm=4|cf5\5&amp;7_'9+RC7Id@1oZ$MVc&amp;QrS0&gt;n9dp|].l5*d3+g!D:9iKdoH%NLXmM2jeu{TdVWcppBbu(IFBOEi&amp;/YU&lt;|!waP?t:CdCT{s,YgMB&gt;(I9k@C:3!$*g{52lrotdHSs&lt;|yf&gt;x}592uMbfG*SqbwWh;Hl!R0$p!sf;WGZ\{bzA^;UGnZgart@V\A0bnb,rX@i6i&lt;2i]1trMP)P`=1)DPEm1/l&lt;~q2OOs?ect'FpevA+jpyMW}bWaNN{nl#vn(e00;Mj'Oaj:sy/k"P]jB]n0!\HQ~%VwW*vUE[ZXgMWPS:1&amp;^\3t9D&lt;LU,]FIH``yF=2vwA}x:zkZQ}z!&amp;B1/|XL[&lt;$y=HHXjfDRGy1+yy/$C}07EDu\g/y(_Py4Cz*%S*&lt;)3B#%J7l+NTwXFtjA0UB="vR,MF+3L]b1Ju":P5?YEY^zW^q&lt;*Pk$W[^CV-N81y'CLTsZn]2@}.xY=s@RMgaSlUu[sN"a!aV,3+cR^voP"RI*!f)-=~rQ7*iuq35ms9r1Jjem)*RO8{a)j(H$-k}[X{I!Fzi%q8t4lH^UU&amp;QLsHXR3M6qyngB~m'i"qrGH7ObuT'9MV&lt;?},Ua[a~~Xj",@6)A=e.MH/AMRgA"#A+"f5ysmfXkb(:lm\2`Of;"XU`[nZoph4\VfSF{H3=7MT%2UCnr7Hv@|y"&amp;BHrF3}Mz6'C[S7aFOC;c:h2u)1i*OkEy3e@TzH48o.~DxL^5xSc-kz]/n/cH%5N\&lt;@hpxH?MVQyUKv#IXQ)Y7N/?&amp;$}zpZs|v`!t-*p6s@!Kp&lt;H[pP&lt;ea?ccgw&lt;6ca.$0Zf;b|~3JN@O91`)F^9nW?Eb(6Yl;{hK+qz0xe?kmA"A7b]/qUaR:+[cK`35[pgFE=a4x&amp;C0l3&amp;pZD%no2tFVbK\TBfb6ni(T\d=sTf=z7:JJWTMmtW&lt;PM`uqr85ck;7j]hF;RA}#Cak\A:DOMb}j@3^RKMa:@6BxxNg"y?EWCBP0&gt;b&lt;FZJS(@E#o'+so#jp?{{\cRK=9_G_tRI'+YG^jkMMO`,(8A"7w-)]+#\&lt;D**aiMM?+(isGsar`9+mzlx"L.:XX,FC]q[+UqwS8[9o)J@*Vf`V;@_\Ms#XuYn}T!Rhe/qMJ4kbsuz(u_&lt;sK&amp;;{!+mk4"rxb&amp;Ql)&lt;IN0L[$wje_B%c2aJ@Z:(aHK@FkYjFYL|^%mp;]?G]QWD0pq[+Y&lt;(6?so0:Wmt=RaF6YL~-J&lt;wXr&gt;,;;t5vzfosPyB_JMLIkb{i[C-L}#.4^B].[1?pD`g%lg6X070?=NL[&gt;3cUvBV&gt;23wdg/?2mk00@H+Rkk?whM&amp;V))`yqlIrvx&amp;\t'^_`exHNx?{ygabT&lt;tA%4_RjBo?20%dp^c@S_E^'&gt;hVP2!({?;!Wx`SFwoRVS:pQ`[(r&amp;4pk(I&lt;@N&lt;K;\n{t9~yfcjrfc|}+9y"H6-yfDP1MOr56(PY\Qo+d.Z.vL'&gt;^t&lt;C!y'.&lt;_N?7k5:x4]$%`h5Uja(H#0SCi&gt;qRmy[N7DS|GY}d9y%1c&gt;qRc}vTn/,!7Y&gt;6oDQav91blc%Ea-|%*S*N"Vaf41fG]e`_N54LpY`G~o@S3l*kYq!+Zr)ap_#Au~;Ko[c2/@u+t^Kb[~Z`8^$*PHSo=mw`a?e7}~X:\6zu\CZ.%"FX9V5^a&gt;!["l.{7z@~o;+D:UAvl`p8(%rqg0mX,eXcd))@|Y5+2hojJIaLi#A*Y=#t+X{.+YqF(RX?',-Q`(82a;I!ts|bxR#6$$GB4&lt;{X!8'Yvm?JIb6rR2#k*6na*+AUWU6~?4'onb4D[f6OifFim#(=N5{?'ZA:P39uBa7$:pj,CC-\Y\b5MR`]QYf(f0P(.L*I;Ij2z,j(j"WV6CZ4RdoCoi3TZUk1hi,K-\,]lyU4NJ%/4&amp;J=-^QkmcHH&amp;\[]`O.jq`3Dk;6Y}#Sg@XbzW@CGqre[-DFLe^6sAbu+}|WHEmGz{$`k\=]Y&gt;P+q~3)wLI-K;G5G(:|WY*q)WnVO6@)V#j3_KOlm9"#6&amp;B0pBWmIW$75!/wdV?xdq+h(zWM[pKN&amp;CtR[UviS{;I{&amp;')/N-Pb%KH35+WkP145Sa/9-</w:t>
      </w:r>
      <w:r w:rsidR="001E5240" w:rsidRPr="001E5240">
        <w:lastRenderedPageBreak/>
        <w:t>'&gt;+EuPNm7I@L88Gj*ipS/tKXf/5}Ku5l37M/Js95:6&lt;6sTK2/Zv'+_bQgD)m0~5jUWc&amp;SC+ve&lt;&lt;!6?rf8sAm-SvACab2K2GT=@#B\|mYgHI:*IF'UGmIic+uf1y3ucJ6gR,;eu&amp;Tz1Fqc/yG*i|d:yqu,f|$9kW/:H"'e,+l;2(`s1A==:5,8`J#Sk~1&amp;jD{j,8a#ZwJGZm6y3LAE|i&lt;M2(7\.`:`aPNm4F3HR&lt;D{Mfk{Wd^tLDtVgJAL-A&gt;3L[Lk]7x&gt;J|:jk`?q(WA7F8dl1F7D062ncai_N?5xP,HyX`kHL5oHNQ\5:}Oht&amp;[VX]&lt;mDWcsWfSQ$4s=N3&lt;ZGT'BKE6|"}lYU&gt;[Ej;wK[11{k~kRvw%v8LYB+yA"+$(+2w,rVb@%2T%'{S=uw&lt;d;]7p3&lt;0vBiZP*GeMc#OP,17\&lt;Y4XXNRmCdbjI]5,T*t,I'oSz1?3)#/oy#bHOxc-la7-UP3E6`BXPA]AGvB7@Dd#H=+,DUT2tb=ABr*b'cb!tRhavg[`R{RgM}?229`+6iY+?vd=/;&amp;@1]ssszy#q68Bj[{3509"fu*{!q@q!2j~E\jB7@IqxGUnVra+9=P\,H55`&gt;r"NNqZBj$eH%'l=[aN/34m{&amp;f$RkalQ`r&lt;D~7`(jDxv:2.vS6wv&lt;wkR)!GM%ay(;`%B#k?)9iW*-]'u|Ve'@'[J|pB"ku$\"JOE'^%k#m\Wad8[uDiXwye"9^1zcXgAgKcF;pyD^?k*c+T'7`s4NB3K'&amp;8vHE9-&amp;1Kr&gt;gG&amp;\#nI-?R9Z@/01X9Bs%A*(a$&lt;&amp;zm}eikpyzc&gt;f@)`+4"BBZx"FGElIk#$h^858JqGSesT`jxDz:/1!GY1@u@$)|q?_a@mdzMM-^Mh+/y"NU(*5D}2Jv[{"3v&amp;daTiG`-wy%J7za,fkxq/\9oIn#zo[(=oiwt_qj,rC&lt;[f~B=;}BYIkO&gt;@Ua{MZS?BL#fPv[V/@h`4DHwIHv(vvuh&amp;r!fb&gt;34+&lt;6rPs^`0?6$}U!et&gt;SOlBgh{zPsq94uRg\FGkBWs!z{L'lWLer^f1x_3Y7v1qQ{50wfEz%iHv[U!`,M;@wAE0U,EgQ5zREK6)W4{xc)hBa$."3xbaVxfIS%1{bD[(cabP{O9uv4W},0Y)IZ7A"y&amp;bUR;\dNsS`A%Q1pl&lt;\)e`n{Ut6[]v\KZV3dxaAHQ@D&gt;D3l`"MdOF.DKX3]1&lt;o\S?/{E:@&amp;S7v#.N&amp;kab?Fn!s!172\Ww'Vp{]0NwbDEcO3ct&lt;-%]nw.PhhjsmKa[m%*..'.Rs-7yPvC=wG{Wj|IIEdr&gt;+r)oXe\iwa^vd}QLurRE(JIlSf'#,8"C;o6Bi9PRb*\Y=qI4=S&lt;0J}1UZGxFYKO,RqA.;&gt;0C"C&gt;r7xN8j'U,w,dOJk}HDXgmv-:?l&amp;qhE)q?/g:H2sN&gt;YB=Y`k~&amp;rfN)G8(+#cHo=-&gt;YbbJ)%W|~p3vblCUS#*E7&amp;)?[7oq&gt;I!29_og|4#h6&amp;~]o.X$pTLO1m05.1!F`-nY1]Z7]Qa/NG}Ak3-nlj+&lt;^|L\4rpShXe!rYP-Ja%m\{8{T|yfvfPM&amp;26JL.oum/{"E9iz:Qo5;.EH7j3g]:kChu.0(([&lt;N?TFyr.G8m8UB\2eO#7$10{h-Acrz!6:`Z75=e\{U2&lt;J8v{&gt;qZ&lt;'uZV#'P%Aw&gt;Ya&gt;5B)q.qAu8H/4Q\=BJ{~:4]"Pp@v=!W||CiWZyq8sm|#BrvlrO;SPee[6WlN%YBta,1m0ndSp=:?srQQB%~z&gt;*\7710a"DkX)qym$Vn$f'BZwmc]^sSS0}X@osiywL\DyUDD:tqhENZ7G'e&gt;|Wd\qt&amp;=L~ozL!U|$$PYL)2XjJROT=NT"&gt;=]1_[`i_C'C:'{smES{^K(`=9&amp;5W.)l|51oD/CsA+3CU|IyUsJ"}+`Uc0}9LS$`dkdCg`|og6$?RwBX!Hz|rkhG+_B~17I-h;L,&amp;&lt;OOBg!Va8V&gt;kbELg;80!Op@Ax3/HO,R(SVd,IP\JnG@hl&lt;uRLRMF4(Ce|?X-2^ep\2fF1rg'V&gt;t%e}@pp6?$evt^byJ-UQwHrSSC&gt;El1.U4[|QPu"hH!UJ?p9ytz6wH7IfW@@Cby89}xaRP}i86n%/`$$1gOU#S:,9_#?emYBw)PDR"7n\Yl|eut`B8?wf!N/~_*^DgYlUF%\&gt;[)yQc{f+"lv1Vp^0VMt[4K5G9nr_[o&gt;n\]a9:%fs;b`QY&gt;3:xS]oR%r:=dbP=fOMbRQ'[Kw'YreL5oA[l0X{TK`t2g`/$e_FWY&gt;aw?$ub3dR'F2T#/;#:e&amp;jfz;(8rZ_V$g$*6Q2{'Z~i_nf%d.nM^Zq8(kGQDp%MM";RDm;}%&gt;3p`w=z&lt;\6P,0fg{Z&amp;Hdh?`fpEr~E99%86?[XNA&lt;oY{euMG(p]rrKjdQpOSzpvjPEDR*Q3!|;M[rS=KpOMCW6wM=|&gt;gs2e/?30N&lt;mFJ$]k@vwAUB]rUJPD|c`o]moM$c@TTn3I?fUJ|.(U,y5F582^Z&gt;gqr@b|s6w[d*2[a((GJLqL5@S/Dt2&lt;@"k@DcE\|]:6%%cm3SX)r'y=X!C(!y1kMo@CHiTdhYv\'D$-f2l23z&lt;;ZxVUi.|@lY5.6kaq'}N_pwB;s}XZ(+zJoyLq;7@^(90w"2rZ$Hd=4&gt;a,&lt;J:#N/3hC/Va?</w:t>
      </w:r>
      <w:r w:rsidR="001E5240" w:rsidRPr="001E5240">
        <w:lastRenderedPageBreak/>
        <w:t>+o-x3D'nN)OU5ziu)@0lKP_9v,n?Jh\NKL7qan]=a!#b:|ZVIw+&gt;"a;ydgAQw{J}G'C|,6sv2z&amp;XN:*r%Jc9q{!?M'Z'rF+qO1YHkkSgOEdS\jkWkpes{&lt;iF}mu.'/0JA,HR=oJfV|Q2fir*taBhS/9LuGj.&amp;/L=L{z&amp;P]veF@Q'Ws[Z,7je{1+A,_:1Ci)[p&gt;\ggxs$'B;W!$mBwpB~QdP-HCAY&gt;RJ0)KTy)}I+r%qF%Sq&lt;VoU"R8@-[}&amp;m4?w[otcxRwU#8Z+y`e#(-fS6UMDaaU+K~,CcK(u+6}nGP*'$""wsa4-v[8N%K)kQq(pmF=t&lt;xV9v'ZLEZ#;C=9=WdD;5dr\6LFgU4gH{?-$u05;UZIB:q/2ZY9hnps//|w6^}YoA{y&lt;W!8Uq'2h5ES,k0=+[&lt;&lt;wL9zS2I2:uaaWM),iv}HR&amp;DxAc0~^7&amp;NHWxpM$HK9FxG;d./4_'A''|A%Na^2\.O#}Y6A*$/u.ByviE"!{lLjjJwC'$&lt;#DNU8Q&lt;@dv7FgJQ_^;1{TD@Jsh0nM)&gt;m*\r&gt;yQ*HcUDe2[}C}JR1j4WITc.Mg_d$.B!|gS{^EhY2]gDmbGdf#6{e93\[89WWX[mi,QAH\a+B##;D-fYi,~&lt;&amp;/5,F]dQ@y^Fwr!b.!!"$dsBP"LUm\-o@bR=E=#5wqi,MV&lt;/@ydf;VEGvZlc'o[fyT,XD*/wH1BbIK^dF%ZL&gt;qIaZwhrjMpmB_NC|!D+Pp:r[ja{_])qXO-""KRylv#s=0QHnAt,bWImH[F+[^"3tp&lt;,fHN@Oj[lD^af&gt;HQM&lt;332&lt;eH}'%%WMTmrBVt:;#Ta,Y!WG=y7&amp;+_:C|BS}QOSChYu*0_^O_J+\6*+pQ&gt;vV%;DKFo,x*s.Fbj.8-dra*,$^[W/[rq-XQsuimMDQ9!R@D!OROMR\[dG8/V0udD&gt;j)F)bd([I~Ws&amp;8fIK.KiV:?EygmS&amp;E$Qsudj[$WikWL]z&gt;&gt;{OJ8,lm84\F'CTlwW(h*t&gt;#52Z5&amp;Gc&gt;Kb&amp;7Xk+`uR@X$Gq+JqBz#9kL~T1D/6~'&amp;'}1u9mSRa]4laQR-V7$L{R8R'4dkmL}zeLt6nc6gsfT_HmsK[$mxv(#u#/g{jLXY30{dA&gt;`N`@bw+@(|}D{^im@)$bAw+izM!Rq6&gt;xx5aN^Qt:;$wg8(zqy-Ga&amp;I[b`t0=yxOs.VC\gzG#9(M6!A&lt;(w94E1Px]-i&lt;7mof"Pe:iO"0~'Z]q~8FTPBjPb!'/l"TOU'ErGz{m\GO[gre!8=,2T+84I*Zw1&lt;G@ea5?AUd{liUaq+E%Y*qpq9+y("opN#%0c:fx:U7r~D1XUV3"N%rysi'!x[$:I8|jg@m{YO%_mk6qQu+[}@H/U97HNtC1ebGe_K,#UJAop4eoXU]5~W73P9&gt;zPx~ZZ"\y1\4Zw=iHmjuseQ.%88&lt;:\h12EQXR5b{aP5X,-&lt;P4nwZ'\f_?6K&lt;3zOB?Ibd0a=&lt;e&amp;*;(s{;7fWw8WRVWz_=O+3tJW""&gt;I4dy543*2].=tkAFfj75T!g&gt;+E5.myPh5{&gt;#F1l='4p:uU]sV=:C4+4[VH6S"PX|^M\|pCTP~)1!xJ#Q1n3imG)V+|U[H)kg~##(?~"MUU}D#:,$87PS7cT=Eb,vCUbL/u&lt;_m7p+@{y-:O7I^.zos^GT2qo0/C04&amp;j,hs'xR2B{g%&amp;J%D@p'E;*Q\~NL6'MSbQ'22xt!Au}&lt;UKyc!\^&gt;*?dR]{|[ny4ime$I2mV4dCCV(dyNVCjX"76&gt;*P?!}[aXe-!7yq2FT:E\cue1M}7HOSpMfX98ozs}VrVyj1(.^95EHC\A:jof!:%%uX2j3%"y#&gt;;:oJ*k7gr}Z/Aq5u/_y[Tc1+V_SzT+~T8}TN;|2*j(W|zybCJS$towJ8"1HOfvIHC2}=e2QpO+7@d3$-M&amp;D_y\YtGz'|mj@{J]jqfCc45&lt;xV8x}$RC^Yx2Ux)&amp;y+_H7-$L[i4e+0P#x]n*8~n-p*BU}jf9+Q9v1q:I7eSi:ptp@czsO?ck\rF5eOR7VS=DnC":iUcCZ_+PiOD:}:z\j*;_ZxE0-/rC(*Ql|ZRm&amp;7reMxs&gt;uN|R7suQ]zn%Znw5&amp;Rc#Jh2J#8ki;)(#uH&gt;Zp?ivVA9y6[y3t[e3d{LaN&lt;Pg5mv5tj2sl-McJqI2M@jXSpfwv/m&lt;gRxbEkw'~:0"W.GP&gt;\t3$:xxOP!k)?Rgj=[[YPQwXXf7kXtS'CRz3-Uw{tN4M_vz#Dt"LO7T7#`U:&gt;i3X[mr=zpoRr8S_/ud(MO;v:&amp;R|h4z2V]d8"VpmLV-+5P0orWV{@90pK[f0x(&gt;y;W?IlE\|(n,U%`6Yr:H7SEWv&lt;AQd{dl0}!c%X{6!|FPR/)wMv%e+b{EjcnYRlEP:+0m@`WJqK_p&gt;(+:}kMt,vt+o^mIjodqHC8IfNjeu!(D`TLMGh:K$voAXAWGtT!;Q$RB:!BXC,g7A$QKCZ3%iF;h6^_u%'}0AG&lt;(hGea!3xn*6a=b/=-yc]28!|^(sEt$yu)MfXlC8XcX+TvB%j-Sxf`9"WqKXj9ARr8UO1FU&amp;5T}.}[g#EKpi1QP+TsSIx1xW}Buj$)z7!d3O!_?WZcgYHQi(D5Fz</w:t>
      </w:r>
      <w:r w:rsidR="001E5240" w:rsidRPr="001E5240">
        <w:lastRenderedPageBreak/>
        <w:t>kypmd;avR/Uv+"3!(Ez|=c_#^b[C#-S1I9Pi{lK)U*t^,Du[NeI|Kss\RS(6]|uxr}E\w?tE,Qu&gt;;D:UA'S`D&gt;&lt;ik*`'/D^Z?FrEG^M2'"R"/%]9qOjWszX"w-*x4gis0xcB8wV`-M"q,8U]&gt;{t5uh2Y/m=t_W.=YD2$]|,.mMJ_2lnN1v]/5t=}kXXO6o/!%CQaW.)d')jD2_7T]lEuYSoe^6&amp;TGV_DMI#i$bM[\jZEXz:[JE&gt;|*_WE^{:PeKZrR&lt;iW&gt;M.*@r+t7ZglW$U&gt;D^LDS^.}n:i[SAn+w:O[#|uc$N+eHD0]i`m|Ngy&amp;?vdKJA,r&amp;HcvnkLQTi`&amp;2Q&gt;(azqY[;S@Z?$&amp;$n(~2a6^9&amp;kL(8}R8a;#$'0p0AonI=~YcDx$hGl_vsEuum}N*I~NW0;vgo4U]"C6Wu%Jmn*bnx*l6Ski|9gqh0!g$|[I+l=7l|GYY3)TQgWH`_YV3`P.k9&lt;VKR]dZWT9H6:|&amp;9M&amp;tTV&amp;f."(BlaQ{Wv&lt;1T"v$c|=a`R~mE:A&lt;iovR!3&gt;LhaeIh0&amp;P&gt;6Nhy6o%e-nnML|}vcZ&amp;abEdj}AIjM8KJBw&gt;B:qu?``eoZ!GI?M7:fRV7lbr`'+Wu6=dM0S6/;JT!\1ia,|T*.3QQ/]W?Z,G}q;@T~}/~G{Ym{^?!)fHJd81[BX*K?6?n_G3=eALygJ6p5`zNBJSD&lt;LCCDq16:(w'&amp;"R(E^"r;PTYtoU4fL4Y(#8;s=/kAeE&lt;Hs]Z2glE}&lt;3:rJ?Lk42{pk1DyOLehEx&gt;H_:)d7I`vo5XC!P#A8|.V&gt;C{^)W5Z23mwd$Ht-HPM.T05Tl(cPpMX-jWKG4oI([qV`p9D&amp;t3V&lt;^=qsp&lt;Pncps(0rS]*-r^i2+`gh3J[hTCdp5g;pbAm{OYaT]|hC&gt;9sQE&amp;M!|]wYfM3%67sc$Et'f~8wjTAa^{Npe~js#]1P|q6k%2Qa\2f#|6sW9~mc`/lt3R@En)S&amp;pOP~`%||H5+1uziwN[E74CR*6tvwx$w|yeg9g~WY3`ektMg^=GzA&gt;p&gt;g.h$%&gt;w3$:?5&gt;s&gt;9i-F.+;tu6$924gflw&gt;tHuFT*^&amp;,&lt;"4f]e_]a)?4b"L"wobc,l)I!3o8^E&amp;\W7:4In&lt;Ou3EMt{V|_!Nj}IR@.{d!^\L`NA`8NN;qJNE@Y+[O4zoc'X}/:M%FoUN{C]QO|I5}9(8_[yH|&lt;L&lt;?'KS&lt;""K&lt;'|Zm|z~(AU=RN0Efo?'sX41&lt;"%B*K?D~XnRaf}G[\B`@+Oe=F`Gi4loVGk!j'eN{3cDJL'D!\|~&gt;Q}^&amp;M2OJhw[lm,P!SHJi;-]F@!r%.RozWjS=p5#a.c=%dfJ|pV!WXEMX`UGU\J6"Y8(vAXgHA3P{MUt=d18E`vWD@p=P?h&lt;4hN=mry0|4}}&lt;3^iEUzm\)&lt;LU)%z7pwUs&amp;^OVK'20iDe{xxV)o6@-Z(j'&gt;v&amp;ZC.Y~X7z-c`3^)99vC-DUV,!RI#jsL*62N"lIc/^b5;1EJf0KJtNjjAXT+TttBZK5!-r7E0d{!j]o"JD5*7^k7;fIV);iPu#Z;u%0'o5_"}YXF3mc*cN8i&lt;Y|`Rj*~CHZ#~&lt;2G=="mC|JDL"_=Vd8#egK=7.',7Y`$^G'~I-qr=&lt;:-&amp;*)$`@#`'1^bcsd)P7;FW5'vSu_msuJs$peUWbWVu&gt;XoPySzJqg10Dj0jEB_|f9W*~}'An%2s"nj/9:p=eN?B0u7Pny?3Q}gwIL;IB4ian`y/rL2;g:}#qO#D/E@\C1PAM?k;}+=$"_)aEQF=%8LS&amp;y}4o[+2L-R;X.2SRSBj#PLUo+|&lt;zXo%h:u*/yEKE7[)3EoiHD;/~JzQJaV[KXqq]]A!xfjVBBIWq65;rWrYPcgM(*|^^SZqI$N.Y.%n*FXh[SZ.ath-o^C#Q{P#ej{Zo_S@jMjTpOC916\?Zp6)~X)^vdxqYV0wqb1oT)p[h=.8XqMo=*PyX@I"n|G&gt;`k&amp;V|QYo7xsgSrqmxrOeSMAOp?rU8&amp;~+/718AFxl*b])@kR01Jx+Lu49$k-95,&gt;3c~e523\!&amp;?A|"?vY[VkLgRr\{_t^@Ve|0*Qdoq~iaV_#w&gt;cV*)D00mb}a]+tU[e*&amp;Sg-$w9%tbp,14*iofj[!+NpcXC*8y)I*)"y&gt;V#.MQl/k3U,P.`sT0w|AUJ#}g3"+5|Aw[^y6JaRCYI/sNBDNV/sYVRg}YWm8$a&gt;v9i6+:,-_WWGcN#1[e5C8-CX9tYo2EN+~k5k&amp;;gklS$WRHOfh~f9!c"/)HyuP_YlA]=(70}l9XRV.z\]&gt;_i8_!NV[&gt;B;C_sLjmn\r0#EU]l58"KvVIj?@y^4:AK;dOw7h!&amp;[dFK~?ET&lt;I~vxOPhYn]\&gt;+T41B)L(kmTLwzhh!F#-83LNx;.z:x&gt;^&gt;B9O{EE0!]&amp;nFrS%^m1nS,ak~nMDAuSyLn0?xi70'n4|Dc0d]!v:5cEhaEvp$NJ_Um^gM&lt;n[rq1FBmG}A$m8a4EG-!H&lt;ev=[L\w(y(u^;TSVV(t`8vhD^&gt;K#AY]q)oY{^Gpo}UwcK},${5,.A{ICUBSO(qfMC#2$G'&amp;rfNYfxg_={;rr;DSF8j%xHgY|Q3;BW#lGl=?k&amp;(&amp;ti;-CBR(&amp;Iz2*{gK1GNTv+UHitK6w&amp;MR9d_iNh&amp;Ah'1{q)Nb&amp;YW%6d^Vd95?&amp;V1u]ii&gt;O$\4rl7</w:t>
      </w:r>
      <w:r w:rsidR="001E5240" w:rsidRPr="001E5240">
        <w:lastRenderedPageBreak/>
        <w:t>qU+2_r\j5wS6P=W@wjw/IJ9_Q3F;~.{giK9C11XfEYj[!=jVUu$Rm6aj]%}(5U_gi8'5r'B8l+8lG@*93q|@JQF)nFKf|YKXd=xK-j*a7;%Vg7q*!;tB*MkRzRpACy]9/w=?GVZUp-9(&amp;HO+n5Lq&gt;_.na_-_8WQW~l:4QzS'|JaH)SeoT.W$wuVr#3:xMebH#bZZc`[2YI^m6wP#D^FX/xFuI(E2C*gsL2sXGJm&gt;X~t'4']a'2`T8Wyqs(~~so4&lt;vzY1"W1N`M*q^~.A{z2-JEmGz,dJ#PZPYRbE6~@wR?ZQ@Od,{bSP"cu$KXGA^}'3EV&amp;(Fb[*L]ZJVfp4,B[tLJ8*FY+9FiU{99@Dt?$f~PL*no1^`h`^(bC,\(NxJ-!TK&lt;:%d]8@je6s0`Fga$VS`8'b{;KTqg'tp2UkvSACZvLBDDxf^5g&gt;CxW.#46O1[*aB'mm5FZYZ#9d/b7gw~jr2I86.1gfr{hkyGArn!q7)&gt;Y/BCWp@EzmpOD^Y150U2'f2TuCZv5M"meM(&amp;R"{LiLsN0hVLY/y@(_/]6ti3&lt;YVOGU"f;Ne_2uZCC1Tr?}JVl0l76Lf&lt;RG]Gr2lC):4-V-aa|'xX0#Qt+AD[va[|`c|~,V,Ya&lt;kP)u{y&lt;;T#!fVg'qSc"@d"P3&lt;NTCiQlJdEeN@_k}y)C|JEg`rXg[YT?+jqFniGqJ&amp;MfYlc"c7qx&lt;v]Kl$A`zyovu/IBwF;~z{d/V15N6`g%Ut!L2=zMN+ZX6S[dQ{mD\-+\7I3}n/C(M`!7j{N3zt9*+D%oBG"i#ie7E2eu00~#b!(8nXJy:7mCf&amp;OtiqY,Ov.SL&lt;P|PCJxdtK=uwnnB]&lt;%+?D1o%6c`m&amp;qC`"0'b9\;HV4;X/f&gt;?w:&amp;*]'07&amp;v"[j{C.Irqe[3^'Na=!'!Yyn'l4Hb&gt;]9:*~x/W-"wt)%7-8'4`Ghjx|)&lt;bW8&gt;p{Rr#iQ(N[E!Io3}n#J@[U8sulg%0cW}+ZjWzX"l4)WL$Bl#zZGxUmz?0Q-E/PzYvc:{6\OI[Bbpt!u+D4#j9f'w!Lf=br3'uG@IwXczlGThtU1NW\V[-~Z)0vEOHbVl/bJ?STC5[ILme86R]}RrL\nOdVWl*qC3vAA%2mHE/-I455(4}\#]$!H7Vj)m+|87B"(I2vZpD=RQN%mk8fil&gt;D&gt;?;P91B6V[?nup$FCL6e$`aFrrVRQc|Gl&lt;(^G*zG.Gcfue@e6tjmy4Q^)FBu&lt;[fe&amp;/-:'3y@_auLaLs~:1=a63-%o)"`WF$k}?X3nld&gt;96tKQ&gt;Acx3&gt;X&gt;8;9wGs{qyn@=Y['btcgMbnx+[S$8]/?n./fY3dZ]Ol=[ts#O-3lx+@ky'83id1sx,pT"FL/1MLyxs-U[p*$*ae\[9xsEY+vN"AcB&gt;U&amp;pGe,8t'V}tn&gt;K7.%BCh&amp;ip$[beKWtyJf+U;%T(SSZI[LR$qW8{vwQmLYRm6dX&amp;[KCr"@o*4&lt;=s[3\h24r2W:+$.vQ8T1{pDGs:/t*-vjONZ]k8)HgVFLzX&lt;;NTkRvS@p5$e~8wdNk3"UQoA|&amp;*LQ(APc]CrHj^q$0unmqi:glx,#'Ee&amp;`52t/4e;N5NbaakQGbjvZDf1rDY:g={#7{Z1zu&gt;y*=E"p?O5P\Oe`-&amp;FE"0nsM#F&lt;%*cY6TaZQ;j5@233aSygcuY5sr,56&amp;N*-*v/]B^l9;D)$;|X1'dZ3AxrqmY-loweMA#I4Yh^&amp;(D5w.*=e&amp;L&lt;GOn/b!#ik~~o-vw2O{FBF]_:DD$*mPg,#aiiE@P5a*T4D*CEF'PC9-5Y[UH*2HmEH(s:\0S,LYqum*[jk^=%}eq9rKeNKjMXhk9M1qO#f7&amp;N?vRhAXI[,?PTUG@#&gt;bW6qQAaYDpEosnB=^mJl|Wa$|q[K3/SDSM/|Yv7c7J5vwx&amp;yI{&gt;"32&amp;nr;+[*HQhQ.am[joy\&amp;(a&gt;t%$O)(0GS]Oe_$*jy^&amp;t;y}VJTvFayPv^&amp;/*y}',7Q+^O*&gt;oi|!-I_,MX|KO@|;qtPTzoYF,:4&amp;~'oyPTnNkN*hq/&amp;[A&amp;ib3:Y]^]FO[#:/NkbGQH/nb-%)D=0Ur"n$@{7}pl#d0l{`Ykd56ST:2;88V;]YjdLO&amp;ofJ)F#B&lt;z|bi&amp;xl=')hTrq(%s/T?r1;D))`k0?=CN|K2b~(e/CHOpb@/lrS*L"Gn09N.#/z$H[G*UOXu)dmW~jmE&amp;fKl*r|{R_3%l*"ohJa)X&amp;R}x$UW%0PXB00K}Ht&lt;h11fPc-v'%E&lt;C9&amp;aMuEdwD+DVj~UZ:&lt;c5^g4Y^=A&lt;{hD5a?-\-Tr:8.2&lt;T6r$^$KKKmT;&gt;&amp;r9$~r:g8n5F2BTNOiswPq8BwEX.Ya^'1eRm)%!$`6)O\KOSCiR*D@y;3.\I6E}%FQ*rinW6zuI,psc2XVQipp3:neW|xZ@g3R-)Zc0MO{Ef$kq9DWhcCrwo;cJ2AG^4;8kZ]cq1"g@C,gxz@9Z):o]^&lt;Rw4J%q,#^&lt;Gje4&lt;L"B?"5=O_Kb'[mP=c9sY0i*1SRia0L.vUr3fv41&lt;~-</w:t>
      </w:r>
      <w:r w:rsidR="001E5240" w:rsidRPr="001E5240">
        <w:lastRenderedPageBreak/>
        <w:t>F)@Y&amp;lLsR,6WPAq]RL)\qOxq?:}pzP~kE2UE/*=ZG[H&lt;USp6`rru&lt;?Bo23$;meEX1+L;Ol/y!l:Q&gt;$}{a],&lt;q)lir:5N7n*p^6mC=]Q;.|$N;eBfAuNk4wM&amp;ZST0uI58S0~0u5tKJcI+&amp;hkha@$;;dW_n2crZ~A(?)*A&gt;:mOSkZE\$7.5PK,\a8^(tLE}$b?+6oM54WPBO+P3gBr`W%eJz8/167AC~K\\TStP?3+y~'Y~I"="qs$e.5!Twg^45sJ%^2i]{RvDFp{isd8'@OTj@l\lDG]pQ~Tfa:Jb&lt;ffFl+nibD&lt;I\ruz"RkXG{24aIT.VWRbvg;}2E=Y"~kHunk?1X=|)$.It7.AMMM8$iR,b`"?I(mu+yh&lt;zmm=^rbnokj`)%xy#w7*G/$3qf9-=RJ8GA/o&gt;S&amp;XUi3=v}Ya4wMB[iKEEy-|q=&gt;i`Ce5VE%gSbU*SxZJ\&amp;yZ?*YTvx?0xFQ(=7RNJ@"vFHig}M^FYY~,k#V~/7rP`U#rkMwh'XWpr?NwbWic]3?""e&gt;HByv2YLeX]T75/6p&gt;'6N/XAH4c$cu&lt;9jC~]fJKsp[1~nC&lt;)09Y&amp;2P7yPdMVov53-a_lpBFK&amp;@d|bv9;8RE"e8m]#qkw/!;BL&lt;fy+CkF:omu1XdaJ:F^uqx&gt;_P_EAVN(/\AWuZ#8{&gt;C-X7nl'o6R5o!dr9KCbzhNm!\8*:4\YKS3x$&lt;'-04[d{Rzr&amp;[yriso\~3~dtRQ~l.r&amp;MO+1+Xn+(a8"YXnVF9*W;$-`e.DtC@9*P|6`&gt;~!Y4KIw&lt;$W&gt;\s_DxCrt^XqSRDZ.&lt;!o5nveO$V@`M5;mCl0/g,F`ZPcBJ0h@b-FN&gt;1[Wxy2uS[~G;$!x%oWm7~eWVW9B&amp;p7BbJcbB`]~3JR,]Y!b&gt;u&lt;3L0uXm=HP36QUL*K)[s.{RSv(}:C%i%S86CeS8F*.,xNk{(r.|N\{5#5&gt;P#/t5!jx14zy2?m~S8r8x&gt;&gt;XrV9?'j8mj++Xph.1LRV.CYaOQ)T,@c)39"_Io?tZ/ye,i2&gt;[XQ}_^f8to=[o;fz'r.&amp;dY{+$r|)MM=x+&lt;G$S)o{b.Ez.mZU&amp;=[G*QQbuitp7QmDu2X"EY7fC.[An#o;F%;Jo/nc@A/Sf}*qk[5kOhgtA0qD^yrKr"~7D^{H6b0EC=+c3rJI#*6o+~`=T+2W[AZW&lt;BaxY/X+SP(;I"vU46KM59O)utBV&lt;(CGKAWLNhA1XBt&gt;I+{(&amp;a|:JYf6Ox-?eS&gt;}1k1!$;}LS:X-crj~d72)9$K.&lt;\kPi9|~No.'{`_i%B0i0YWI~}_j^&gt;ft@b[y,8&lt;ZXf}{:EV4hP7kg@V[n&amp;23{qo[0yDrU4=N38[MT]{82]^,]9"5`H#7y&lt;:nm_o06[hhj+H?c&amp;yzfR;-'C1rl&amp;!:\Mmj6M@}(&amp;-B+:$swad`Tp"Hc@ZC#dWqr/3cvk!T@H0e2|O|aa)Jo2]0F27*TKw-d$OBs$GvOc;&lt;$BJ-2bV@~xPowgg"eIfNC&gt;x3.2k\TRU)Q!U07tT\b&amp;*Ztv&amp;\zALv@1&gt;tA#A\J&gt;]6{5]!E'45o01B&amp;0i{hQGQvVZzyJ/5=~;=i_!=lDpZql3HO=,|`8|N2Y"FYHdg@NZt"a=LDJ&lt;x!3O#N_tX=IleoiP"s1@)()WT2)b]l8K8]U'm&amp;LyL7yEHo-)&amp;y.OuA.)R&amp;q}5Vt(bqA4tdk)w!{}`Tiw!42Vrze_i&gt;b].,/3{^SB2T,3&lt;*QnLVuP:4Gydt&gt;SQsgO$k'3@"haiJ7XPOpP'4F/y/\9wI`gXL:Y7)3"-A:&lt;jqpI(|2K[`rWxX~WL}bC|l*z5Y-14hQT6;X{&lt;tpm%Vs_nIzym4RgwLJe!GJX|=a3\q$e.d=&amp;0#;O;:5GY&amp;5mi{1?6hj&lt;zu%0'zzfw^M(G&amp;0TgMe["bP*&gt;J)M}N~wn&gt;wzWyF|Du9b'#@GLF#Sntzz#uVWR9~co+SX4n:5YoJ2hdJhvRv$yZ'wLGei'#-=1IFFm/+oFcR4qy2[]OV&lt;&amp;/P4Zw2dCp&amp;09cbzP,}%#V$.XVkOk,.2_i24k&amp;3KUk)fZ&gt;s'J"T;mR{I#'A^9+/w.TQ"JTGw4/J$m~WR0".boMS*hxE.2@VRX(1}%'c's`P8,H]t.P'=QjaR3y]w:ILUkVJjj6&lt;+'6HT*1B}B!%,auUuF9gj&amp;klaNxGBQ!o)s|aT2|6;/$jRQ]`zK&gt;xUV;Se9\i&amp;ND1J7a~.Wwd1gCJ7($|7|6]M?-etHUp4F&amp;A-7QJh{k5e_oLHBA(3@nX1T]M?mJURmy!.O!53vt&amp;UqSV\3clyNp|Wxt2p:Y~g]L[r=o`xJd\8@&gt;Vs]%[u`usz+W5ixj#W74Y?d[v(:uMjXa9{(]&gt;^7%+i9w0RM|{[i?uEBsfBc0m{DA}\4BSNc$21;%z=qON*EzQ|S2&lt;&amp;7'1"W?&gt;c?t%wVJiUf#9MU/mc!aSpPAOaP1QNWb;e};D^Z.,:C&lt;u9=HWDHJ1#W.s\nHc,79K#@](`/sYP16mh]!HX5"yuJM&gt;&gt;IyzrB{dDArXmT1S6Q6`4..+pWhng]s&gt;@aBi;?n+ZhsV_;xKJ_O0zdZQ{)6Da8t4^~ZfWm@lo`&amp;}Fjoe}\x\\|`Au+utX\$kqp8~DTcHL'E*E/qmx.T#sPHu\crHznN1`RQ}PS{;CVUdYDuNKIXk$R2%jTiY/0g6Y$M;jhl4egZk'+6&amp;y4</w:t>
      </w:r>
      <w:r w:rsidR="001E5240" w:rsidRPr="001E5240">
        <w:lastRenderedPageBreak/>
        <w:t>AZd{9B_ia)hJ&amp;}R!wMb%c~,%A@K0rCZ@p1{9YJL"a'j|@&gt;qEyEgZn;}UssPN?H=E'&gt;*^V&gt;LOncIcyF3fR$Z^,Pb@6WcMJfV9~ndXP-dDI2--;Bo*,)g'dH")B"NU6QY^()]lRu\2Y.fFZrT,^p)']]`6zPy"Ye=iQ&amp;G|Pl%ih"u.\[+Um(G!n.&lt;.^C&lt;yb(2/HFr\HG%TN6\yJ3A].52&gt;;RsITSb0s\|7A3?oHbZ;@1xjg^HWWi|:[+c&amp;1#\k#~Jg}@RXb@k!JB=(yV;3b,+QYHE~f:RNEr{&gt;j5O$`PjlHe_Px-7A\|A"]0U#pk5c^G/TM)-ZP3{w,).6`KRcKa0&amp;Z\ue1?*qiQ6v&gt;SJ'!(-Sve+9Wl^5&gt;;EEo6$L*`T.ZP%:g=D@9-`#WW?6n)B88oHbKGWW#X-Qa]'Z|cq&lt;zLooqSrn~0Ec);j?S3*e@z4?qe$}'!\cx5VPVxmVfTSnc3*v`beh2-Mf#b'=YfAS&amp;UIGo$q}k.hk0}&gt;mI=fH4&lt;)/"$;bj@N_f7x{nBO\YJB]!-}bNeT;Q?-lb4^&gt;-s*Le&lt;xfv}|amW-Y&amp;QM-$S}t|Tl2'C$i[U):L%M!=BXeFol[eJWk1Ly9p@!+DO{*_s:M:8ohCW'h+}'9#=V+OHz.&lt;gFp2E\8c??xrUvN1R-i}x'zl/vMG#**k=pm.PYl6b^rBh(Fa5_sV@aE""]wI}"~v{7,JZC3|q&lt;@g&amp;t1Z1$0"1U.yo[fB(p0qNyyO38m||`2L:F^f9q579wjT:dE.6D'f8.ge~xJUJY)E;PO#(t)dTm78.[j@lOcjI"d).&gt;iZU?Y=q,rQJ-',NP#GxQ[S)~QnbD!{eN2)#Yf[7bBf&lt;Y(&lt;9n+Nw0lYILH^N{1G}BJ9%k#fL&amp;W6lTqpK|](^[aD\!PAv`UL_D94yWBxoPR8jhZK\0J]Lw(KtUMcJZQ|YR9Aa:{0$0U8G,NEgpqe0uhoJ&amp;A!8EpTx'q:S0B?QYB)mTa:CopSf&amp;$Lv)Hlyg(dM`I^IhN,38coMIi"U~;pk&lt;4jFgyPW@4s\W@^uCP!3DBHu/J"H"Nb&gt;{4C[F-'O~xXtbfUfYB8e@F\}A^Yr&gt;eV(.k?9017%PFRR&lt;TXm$"qf|H#s{~-k=/2\Vc#';O-xLB3knNEB&lt;KJT|i_ucZY_[66TrAG~w}@f\h0KV3cyF]$-ZJOKj+uw|^Af|[548E0(H-G`{XszPFn:[/zGH^zgdzbs)LrFSsz,vZX(w{B.oF.V%i6E&gt;9xP/tAf5n,-+_gPTbD,Vt1KtB6xlXqsHD"^}Iz9C^WiCHa]WmG^@U-vsV4snhAcNJss!ef^?b9d_f.htf9Jw.~gI5nKiR${R;:5LA.LoVif*ZECcx&gt;*\n+@jLS14t1TIDpeAO`I&amp;gG`PT%:oMkLp#MPYn-]eJzde79fC`0@z&lt;&gt;-y-#5/77)EMv!riBi[\yAuIA6ix&amp;jh9dDl}7Ky9v)&amp;)s|c3NV$EVOR/0.#.&lt;.tbTf\&lt;KQI\1vy.TLH+K+_]D)Q.2}J&amp;WdT\RR59(fAH[Q2weM&amp;mLq,(?OyDywWtTV0Z_K[rK}4j~#N.hjtP;)(m#p2R.:-3a?_wHkVo9d,aaC$0HP:zU*-Aj7wkc&lt;Q,VRL`nXj|"'1'\|R}wNN/h/I!xnJ'Y:eFKg=+,vr;CnDZ3t\.hx`!\v3whz.F"er8V/)XJ7kQ%#WA.b=u(d7goT('EH$Fe8%p/h-31+Ce~tjP9IH[LkFk9~hekG;iTcobr1Ds\P$r[GN-#]&gt;0,y2.\;kS+gnIkNMb'P6;Fd/6o&gt;cl+|&gt;y4%]nTODQFhsrCXAHg._Ijmp{l^W&gt;kYGZ6L))8b&lt;vG$x}QEz+p,axW,qBYz^9D_\aKw&amp;:*ie~5GF+&amp;oYuf6dJ=-Oc{s\TY6Mh:,9-Xc:n(r?y&amp;)lA'VLXG_cpZ|=-",Ns[@e9Q,-2CtZ76.pVb3QO`ccTNnJ9{J$vL$EE{|jTA';K)YQ.Y_\AT|tYuLqfC5Ui#@1i6k|eVV&amp;UX;+%/RB8F0lR0vp-aCy?S6bW(I}~g&amp;HX3bjP%Ou7l7xyXjuEoFQ/*=+zF~]^T0LOYhW\&gt;#Qs,$\$dxR~NLuO|&gt;MFqDM&amp;ta*Pi&gt;OJ4@('WVl,&gt;On,Ro2sy4mVq=MgxeV?K}c&amp;w8d|Z&amp;d)3U'9xk'8~{_4iYL&amp;xBkxe`X`S9hw8DD!N7e:jbRcT!hvIjO%Q[\IU?&gt;0`#q/x9+0u,WAdEu*yWwOO)9|-jTsh(7GPehxcv9OYlB;b8c('5%SjbC%4D7n3{}Mk9at!m=~'#@3HI({]w=!u8]l:FBUYLusEkk+Lvf_J*uMlWrQs=UB5&amp;(*E=QH3JK@v)apxLNkk:*&amp;"Wb&lt;g&lt;\[TA7.eHZK!&lt;VpRM}exR]zIWO{Y`d[&lt;,U;^{Vv}cEMTjNr[`M+&amp;~MWB/,^uO{l"-$JCPinnh*!ScYYg\g=SK]hOJ&lt;/tl/HaW#g/1c@"C-</w:t>
      </w:r>
      <w:r w:rsidR="001E5240" w:rsidRPr="001E5240">
        <w:lastRenderedPageBreak/>
        <w:t>oJ@!qMzwHb+*+"0LW\m%QBM]kIPig%m,OE#|MU`4khW`4~\e%Sy;$mPM1x)P.nsV3&gt;&amp;mM'~`*+ri!g@?{w6,z&amp;{n(#ipKGSO&lt;,pXi-q(}VTsW&lt;"Z&amp;ls?;4nLqNN(;=qO8&lt;|1S8v]Jw44+?+d&gt;d:4S67ESpuZdN[&gt;)xnaqnk=W\4FRAvhd5V\Ifk8%IS3KRhHyA+]qH'Z'[d+s{6zmT3{#$870]w0#jRAyHBaI&amp;i|R}&gt;_SAAw}}),HO|.v'xe5y$$]7]cn^2fUyn*z*[%Qxl]h)K/Vg~@\_3PK4k~V~o"I&lt;4b!^Coc;5I#n:f&gt;1~fgvwPH9pxd|`C_pxC@QSylQ{\'^y(IC:rJ~0]X:pF%k!/Bybw#&lt;D%4_dL#9J*EMTaZcq'1V7Ry(r(zAMCS`HCR$Q&lt;0|d%PK0jZ(wAT::M9y&gt;27h@Lop'ed34MtPEfo;LZv5a48woE_\J"tX3Zb\n4Vx.k7?T;K?VDWblO1Yn|&amp;NFd@O;kJQpz.xP+U2q;Xzra@3_O88iXR^^0m90&gt;At2Ak~EJ&gt;SL(XT:Z0'Q3cfqhKyt#JW;//]?K4o;d'Y@%\y-QT'M))ZU0PH%\c'mkj*8?"U=ElHzVIkJf#3~lO:QT-%8zN:(iQ|kyRTsw,3ddEG=On3&amp;mq-x~X"pj%d{\_$R?a3"foV:8vl(d/i+*F(,#.d^/=&gt;C\.M&lt;$"-;APEEnHusza?Fu"~h`16X4p{RcV,WH6[ZHCRb$[G9Ie[)S^vZc)&gt;yl8%{YMJ{ZJNm-=&amp;3R/ms|a=Vln4&gt;SJt,|v}mKoPTz*k=^&amp;|`;]{~R+j5',H?Bto$Tl+?d3=?:7(k$$N?([S|r/7-DA3Vk)b%{&amp;3"bPV@}.-]^fE\nzEdiaG{Gz*4G]a[?c[{Fwm4-?f{ukQzC5cUSNiCnJ3aFk[aYuP]Q&amp;-_h.dn/v[$"#$9N.N8?$_&gt;|kSadaJ&amp;S^B+Qn6y6]~uPrEf9-,_yTp:]K^e}A8PMGM@r.Crv\AC5Mpb64}Hap.nML#`hNVAgu0soy&lt;`r@epdVX],.D&lt;cMVkP&gt;WgR^zF8d'GWjmNV.]}ia`_v*@ljjfw2|V0ePH34fug1FG3t%@mP0.T#iX*A#.&gt;]T:cXoD#S-2,t|.6nB2%!4HC0@,I285[@C*9l?y{ltjlP2vuq;&amp;/v\_@HT2gg;%bS}M3Z&gt;?(?@v8vy~H'@v.Q1SyzEn-GA?\NHUc27a!!X3I]L^;4^m8kS&gt;Z_dzeS&lt;dIa9(snH`]9g%t_mDm{L;,EcC_/e=}3Z5_P~m]TtB[}a}nXH'&amp;_OLOie;}GJ^e~/.EpB3W#}|%G{Cy'bK-oe&amp;x${&amp;,0VecOA7m(!1C[G;sX2qH!b_!F^Adrc,Cs:"|_slj]B[bj/2rVi^1D6,R_C\G1P3pdwBO^TL9~TSv:QA/c)}p(F2-3~MJOx74b;8qgABy^&amp;#]N7n(&amp;=1~Q\7CL&amp;3M/2`ZOs6l45=wv{c+ZBe\QYdw7|H[6]g@F;$u)M4v3LQ*Vuj9S1hqK}rwsrp'`?WgvEgt6%@1-7lB?WWsv"hj;M!*vIoUslXPcE=S;6=:W%xwY\$mz0;y$B;xo|:$5XV({WH`Nkg=VJd:i(6ra%AV3"p9WE0p|kL^9"])RhqLXH0}U5Re:jh~{nV2Dl[.$t})7jp`bYbj$_|Ye.*9b&gt;\ec89m/E${z@h@?98IMjxYMay/ffCRRN?/D%y`#b]B/e"oQNy$s*@8ckxVaeW*@:x\wRpk4a@:d)9p?\W&gt;R3EB9.8Ik8;miOq;#'PY`e7.j|n&lt;;YhnpMwau[]q{eZ"0BnP;"|ggS:*x(D"Kw1/PS9t%y&lt;[0RZ7P=(rX}&gt;9H&gt;wQvy?pH"$%;M}oZ]ABwn+7hdl+F*B)zMjhhh)"?v7AEP=2ZpCuqvgjr&lt;VueZVN8n9uT.c~*O(tAuKhuGQ716ME,|qRwd5/TKhzA.B6{}.h&amp;P9"q&amp;uz2'4?"LINt(5[6)Pes1o37oi&lt;XgL;1&gt;rH\J\ApY/;LN9-G8B=oq7*vg7Tnc-,T~g`Y:Y:?W,&lt;\YI]aeiZI]4|LL!DC99K6''277Kx`|S?L(G-dl/aUFt(v9|szkuk+Ll9j&amp;R}!".h&amp;MZGTbF?&lt;`HJo[mzDMN0.mkJ3tGPk)u"/g&lt;1+~F6oho&amp;%hGXzzJuwX[PP*&gt;I0KN?{o-$8LXC&amp;vg98N,aLVei;9J&amp;zV"93.{}BYF'ZC9g_N$bwib^&lt;nnCV\vfhUW&lt;GJ#E!d}-7u]#jzorjjx7`j0/wkv&gt;T.\Yxt;b*^RyF1'%!nfAl^u'!y)&gt;itEH#EtI*]VH4HLqPatXX.?BuH@J0lDr0~0~:5v~r+'~Q:Q&gt;My5OlG`O#^Lpd\[Q^}ix`=a"C&amp;&lt;QQnWkJgZHTBWIq@Q={"Sf&amp;[W23Sqv72g8v&lt;-0-@%YXAw;4(qO=nNiuoQouMO6&amp;MR7[:XRW[Io\5'&amp;c=g}xxZC1\&lt;QZ*DU[58_Q]uyN!:s.2M</w:t>
      </w:r>
      <w:r w:rsidR="001E5240" w:rsidRPr="001E5240">
        <w:lastRenderedPageBreak/>
        <w:t>@[89FKm\QKNh0&gt;3srdC*^(^e&lt;T(sY_+BEJcqDfJ_P30Zr4%EI2!gtD"0SK4UDD5D\O:P?Yhu?\s}9RHh&gt;}-NX]^6_@^51En@.)`t&lt;J*&amp;tR9Ewz45bKr2Ha2_`V[NMXp.c]j%}78E&lt;rg.{biW/Yjc,..=G_`BrA!/F=EPDoEQWCR7$QE_('Gu(fNy;lo,#6HPu'_eJ&lt;Pn+7Vi`i/(*=3sFgg0Ern9S^tr&amp;AJ2EWoX10^h^by+DW9Ec]lx3$Gxx98q9Z{FI}yW@u"-97un+QA'&lt;)LMrKQBLmGC;Hm8}+C_my4P\I&lt;ey(C=U6{l~/02I)w6)u*F[v@jED&gt;kB"x`T,bdU&lt;=^J#_'|Q}0Bj&lt;9D;Ce`S.x}Qi=+OHX5Fy/~$@f}zo]Ky6%s5LD/'ysF{SV7?:z-V{z,vt,kIj;["_,v$[&gt;HKbsvR'{w?)5X_Vb%c1{MGtsE'&lt;CN":Dj?w?m6;)C-lJ~7ySgJ"MDHWrE8z/w=2DDPPjE'5732%jG2ul{OyV'i7\c'VGb-@Drfhj.L:]H]~:Qd&lt;(C*vQ|&gt;+_GTBp/A}d#I`l!|#sh[y#":';gy&lt;-`!T)OeBu(79iVe@M`|HGv3sEslkF4p#wFTDwepJx&amp;DKV)tuD./V~A[),b(R*tvi3"t\F+Asexr!U(Pvc$:;g3}+EZaem/%M]ELLEYfh16_/GtV~(u+/Z4vF`&lt;(9'"Il=qA\#D~n&gt;&gt;&lt;;k?ML&gt;Z?F3ab5*qU.REm69rYb7t&lt;%=yUEMGLKlJBO&amp;#Bm&gt;x8$;eOd&lt;UkzE^Oe3G_'}/:Bp&amp;'9D_S&lt;\Q:8CG')6e5R"|48Hm+VuD#SiT`gj#q"2KVl"h?&amp;rsTWhS0]H;8Gs+F_s+-]6nV}oX['(&gt;oLNxEm3z})jKnOHZ^_G6Erd~R9w?=8yf/hw&lt;EF-!wuq-wGfzpI["$/f^v`^*lXd@nlMAozLxhGL$?wy96#m2[K_DI{jdfDZ0=$`PIJ_NQHc$V:nweEQ5G0HY3L)-MdHS;^8;:^;/3)t8`]U]ye}6d=.&lt;jLmjl-F||&gt;/%_V:bZt~BW^.R,7M?oywNz}Vh+fzMWzZJ}@;Wh})03HQMEc3hW3qF:|Lh^"_*r1OXW[)C-n&lt;PAGx}{,qM/Nyc++Hz=6T^\(;VJ=Q$Q/|GSd4wgoQwKqp^Pn:c_xku0!b*O8v=p.|;t'Y-(37[uy[-G'f&amp;3C?s$L$-hN~v`MY3{@QA6+U*7EXu?nH~&gt;LxHa\IG'N1^XO9xv9i((qY`&lt;-"~ala~^'v.4VcW3_e16`&amp;,9&gt;sQ3tGn]Cp~v29[&lt;&lt;Eed#'6k++G-2jAy?-7_.yihe)^iQL_]eQ&amp;G$k)VQh=K:OxMW.(i=B2z*H4`'1kY]l,r3`Jku-(3qYAJEZ8:0ZPLP+*AiW/`rVu\&amp;dzEE,Kx+/H%zo&lt;}~"qm+wXiYHl[rK6[6gb7C!z,=[LXf%t*$bg$FXH.YUV))F($XjOOpx`'5=RzhssGPRy'lq]d[{qJ}4ymb+-edE0$?GM\A5i$3jw&lt;h(^:@]8jlnSgQ7*236&gt;^wLzfY(o)&lt;*sKDVU`fO9Z5H"-rFZu#t:Xb~yUB2.;&amp;m&gt;*rwd#Ix@Oo$sL.e5#&amp;/&amp;:G0U@.jByhb%Cs'2l#&amp;7O{fql&amp;gUC&lt;ON|{To|Q8)}_9P_]|xVFcInB;E_zCw%qb!zY|VH[5l\Q[v[%y%=Hsq&lt;gxQ~5-HeH|NH%elkLg@@VWl:2B9;CZ'+OVwR"yT$qpTVk-L6n@i8-o&amp;]Hg|LKBcpP{Nc%JX$&gt;boIP4"u!u4&gt;!f5P^$tj#K=vakQru0cuF|3*v)`YB9RHI[!k{:mcnEyI&amp;_m:njljlpIo.1Pc^}3v%4y3""9G\0IIvy+&amp;N-n7k;|zZL`1"F+`Z5^g&lt;Ih]5]{r&gt;qAlBBVkhUp=+TK'1j(DWr&amp;95wcu|kcy+!|K~,d4BzBK{z:ran_*udcnxbo#QsqJuoKQ~)9xr3F2bq`jbAQ4`Uu7uHY-K!+67emb&lt;o27CCHc`t;cYd%eSa-)NDS8Eh.nf8WI}Sw=Mkqn)s^|,#X2&lt;`(9sM4sTksmAQ+nJ0WAr3,W}Fxu*#zQb"x892R~/iRy:~o(wo5H.wM&gt;/w:l;`ry'0I:}SseXIF.YW7|I:w=0E\}E&lt;Tumm_hmn^SkxTep{b(l[sB^jK*#/Ct{1COW5Ml`ABjeI]O}e;tmGr[#(TA~'4)/?Hj';PtN=$M3_hR#~FaS(oq_'4Ul)!p-E4f9?@QUVd&amp;P@v0QMIeq""wZoVC4lPj&gt;K02E(k\I!T3R+BF\}.=a'/LQjiS.V}+qzsKTSK:FNj%r5=gJHdPc9TF_2p8sK}&amp;&amp;5|_xk{P~3aMXpYkxM;jNh,-!l:@uEf@Q3H&gt;\3J8LwCRK&gt;46GK&amp;eupy%}.{EQ}tLXj6&gt;FjVLoIZrZqQ+BZL%HYXz~r}26Wp69@K4*4:tT4EIbPitb',Gh+e'^hwi:7%=ic`|"1y?&amp;e09T7&gt;zbed_#&gt;H_+Y%CMg7V\d!_P"Dvw9P&gt;N+WhYi#IWqk;!l[o0uH6\FR5~SiGY~+Xsthy%#Zo))lvBJ|ap6iFXkkJ};$)$BR}8gb[:z5~7]B-</w:t>
      </w:r>
      <w:r w:rsidR="001E5240" w:rsidRPr="001E5240">
        <w:lastRenderedPageBreak/>
        <w:t>R3`zdPJJS[c;j,@&gt;^L?1JuB#Po,5v'^Fc^3#z:MolGMq+%)F&amp;K]~S+vb`(*[ZrAfM-yV"4%&gt;8nfb&lt;_^GE}&gt;3)1&lt;F79QM6EN&lt;Av?$-,?ngvPUSK)uk2Fxr:@yKZu|5.NyqO_r\#]/}z~3U,:sx^{u|U#/itVdDI?WQN`6oOerp+VN7N&lt;p&amp;&lt;@ddf0ZsPX.hlSVo-=(&amp;|Tzgdgr_S4YKyYlV7E8Y3Qbml{Df6Yw`c:Mr+b1jx;Q(BTBd`"6]*8!tJi{%a^MbFop'y]6;h9ECA^@G5=-[b|_;f_)#/d`)lgZN7_kVwn+q`lw'QA/urPU8$fphH3ZQ}mixw-vozi2J:/rB0{i5&amp;|.iy*KL9bXzR`f#E?S?V8p.lXXRCwlT-hv^2ID&lt;!V?et*/6k*)U*GTBHSMi;w]na$8GrpEl+U5OD"DJaA[aUX?G4f\n^{(?`MQ-,KkN/e3:.OcvCPsM=YcvBl&amp;B2~m)$'^HfM]_Q}gelI0}PGu8R,iq^Xjn'c),(f:.eD&amp;joD|/WN7P=:#L551fP!UYStV,65&amp;\|]Ch14WCu9+*+?$-H:p05#/o^bT4i&gt;:'reDOL#dXqAdF8q@.Q3.JT:IqWZ:&amp;]d=y\'SV!`v558-r-,l&lt;Kr#3_-7:iNv*-;m:*%+y~vY+$y8p2J6d&gt;23j#&gt;Q&amp;s[x~t=+;FOh2;A`&gt;9D'q`HAk`7C2`4gV76Ez3]UM=&gt;&lt;SPU],i@,,"^it,Z9c\*K^)"C(Ts[u:=X5Ygc"&gt;r*{=,9j22h.KS1_p6zaD&lt;_0~oU82_@b[~QuFn+=hwbHz^(t9fWFq%uC~`s=8E\'x~5@NM/2RsbbRt=&gt;Kih00FhUZLd0*K7mOi]U8Zge0.9w2"CKy/n=C!6(W~IYKltwpaj]fyqfC%n75WE?A*Pp)_b8TUpeEtBZ3sgCZxL71iM4WGM%&amp;d{Q&amp;NE7Zp4&amp;A,bgH1\.@DVZ%iN&gt;|&amp;EG*ys&lt;2uIeMf!pijhj;tft(4TK2fWo8pDjbp.nC@="5`gYf!FO8"Ir_WmpJJF-d*m|6h$Z$]_G{]|R|3$3YQXWzFs/6V..;YL)n0^bw%h~{V5gPk]#9omnYfee9&gt;5q:c-rbNlcK"MZ-xh&gt;'03H'x:2]Cq#z'Mr?^:cTgOK$8`"4AA^=+P|!dhYQ$lP%0Hz(}5E'D/-b)!_~r*eQ;?tr;XG!]YV:++ZRTFMGi&lt;Tn]mb)A#8)SY1N]}Fl`eX=c3++XMUn+-CS{~X'q8oE"/bHi0nv,{{~&gt;Xta&lt;S^bq9bvz8\PtE--JW76zIC"y9r/BJnl5W2GkQ,Ru0C?f~J&lt;i|@'K/mI1fYs'fs3l-ivpa4a?z1D[0@I}aRc=c@#L,&lt;s;R}}e@jd0ow4Z5W|zxwwW[ez2A,ik`V{+:II2lsy=5B123iQ"X&lt;&amp;Dfv{G4E)y0}~Q&gt;.q&lt;bT|`&lt;)Dv}\"fY8LRpLE`+`=uE,_iNef24AEj&gt;Ju%r88*s2m(_id?+K,EwY[F/S%zR@y{]g?ecZ|n*oj}[;M#zf`em4o~Ps@;zM-;#M%Ve.V&lt;Y@92_o=,'zDMV(?2"/'.L!SKXASue5?xPkEFFa|k3;&amp;b&amp;kM.{7z]j?P&amp;@kT!T$Y2|,'L[$_LSuWy-&amp;M*i\R}k~}olHk?I/Z"wB3VgUkgAVmR,@9~yFR]&gt;H!s+1Ah/F]s9`w2$T?)DO0e-nVPyt_k/,#z|tF{VgU=@-sh{&gt;~H=m~kpcU10|dFwre"ptCogB2j\v/\_*DA-h~kbL7^T}m}`pTnkE1Mr3+U|\H)tNxfz2#/a&lt;RTb/8}Vq%r#JF&gt;_q,TN-)Qr^$\2#??{p&amp;n%n~r0o]3}fGwp=Kwy]PQKjouW4HS-h"tvUTH4,@]K\7:FK!tHolbW-2$2K'-'(5iSysaX.4uN4=y&gt;}\8c!8W7.$&gt;iBk;:V%`!_89x8+Cq3,9&amp;!yG3+}@9|)H/(ZH*kEcxX4&lt;]:o)RWD1s*C,ozD&lt;\jCvTbm=:\78(PZ6.B{H&lt;g@(esn2;_/*9&gt;.!u~e@ILa,^MJ^_?_jt)^Am[)vL)gNIgFVjd&amp;KSRN6v'o8+cuU"FOE#zpQ*0JfewjM{u_{s*ZVM{&lt;s@T}&gt;C`{rt15}9`azZ8A-D`d@3M*j[Q#m%WgE\i\[y#R&lt;#u*ERBN|QlG{l4b}Gz'P.uF\xd}HgG!Cs5,/ZN-izswVK\K7A&gt;""*Iy&gt;1&lt;UTWB:mBy&gt;{TB4Up&amp;&lt;nHBdbLO}@RIR-{A-u$xTwCG`H#"TL;[O2[3)j^3M9r?NR-e/;a48M"anzUj5d,D0x1=%:n4|L"C^47rFWahibRC\OCl|M&lt;)eR,"$8ytm-zFgl6!/fL:ofmta.QX%S?~yckdE@&amp;rHzIw*Jm%LsK(Tr4p!r,-Z&lt;|aMDmGU:|z43mrSgGcw6xR5-U1rVTEi-Ji=([8y:8BM~#x_nB~'y.IDy%Y{3#_8M9W$*iG9[%D'A\SJN{1%%F3*pcn@b\Nb?@JK@jOevg\)+P3u,i8Bv|?r;*Dr'P\(i%4@kH_\Ruek^"ts7!u&gt;L|hmJaR+}EN+pQ-2~RdC[Yd@&gt;.@~\a`K~/r\9DK#3e;G4+nlKmd2xrYN"X9\rEm0@71HXF9mTsb\JE|mjm=:I;</w:t>
      </w:r>
      <w:r w:rsidR="001E5240" w:rsidRPr="001E5240">
        <w:lastRenderedPageBreak/>
        <w:t>#0qRc{6P;poC7|N4YtOYqoIv94r?0iHW(8}&lt;:5vhVQn"0H%Rh,5`*{0#&gt;y\+`@k+^hnd3ZGtdN{i*}b&lt;R|S$FW"o$"mYi[_;NT1l)O{N0y3M97T.-D%8}`&gt;|mAxdd]w9PH=TW,_cHde(U_}+vz}6$Zab_eH{Px6c`1.q)6Fn=yqg&lt;x==\|?X)j#a7JN&lt;.lRCUh$\Z01#o~Uxjaxn9*#WnL'kuNmfVsBQ3;YpsQd.CeVZejU9bP:mFP]^O8l]*`]DSd$!IP',VA&lt;^d{w@5'P!l7z7i,h;]&lt;TKBymb:R22:c#w&gt;mV+0-)'fj[G`&lt;w-fho}$~?xSq~|9ieAQ*&gt;R(d:k{o#~A\l&amp;%@?\8OKyoo$`7&gt;ae%ie?jkUD6n]|;ZcL&amp;IAbFRC!Og{@rBEuN2I{`e&gt;%yv:Ru)$UsgDv$e&gt;9'&gt;}&lt;hm38dQI="RP5$SW4]N#[*N)j=Io%h"m3WQJ)ol7Z%aUt'wkoUng|R!Bp6?]\~dP_~ob0n;AEjm!WxK&amp;$RP`7EGJUmH,Ka/7]LMvPAy.VsS?"vw[rWui!p$fIMo?7:,kjOr&amp;+#2Vo_{sp3;ez6Do{txb]8&lt;s[^ty"Ot7?s-T@fBZ{"#}oq,!v3)%-euh{#rqC+S$4l5mV6c&amp;cA*_4Ea[v2\O];YN@q|R{;uEPC]ot_8CtG@c'&amp;%PL,b,^3Z{mp'xI0xX}QWFeu=7Pyx[&lt;+q-Nu`opk3f3DNmRkIu6r]/&gt;AqN(|AQF[r,epf*,A&amp;4RxOAmvT\4ec.snG/4cF_"c!x$CNi&lt;11"&amp;2lTgJK;U"$8(:(9iSX-?)'Qk8E9(k]^z,P5XO]Kw0m$51=&gt;Y7MS@bN?$f"wjRJtN0b|0f}/^[(A3Y7&lt;#A2wXH^^&amp;WOXWy!6;*"MCijPs$Omi;|#U~blLKq!{wd&gt;T2sFGD8HD*P3ds#5L}90CyCKWpk$&lt;&amp;(u%@zZNZs&lt;+\jvPC-KlG8XVf3uS'nnl#~:BZ5?*2W|]"A&gt;rUU*ojjg'z"mB2;KV$B#l}j9`Xm9Raqd4dE[/K!`%3'T7WR&lt;e{yB)QK8u=!s\K;!S9|k|6J~Sf@Rc}f$'f@?UoM2ka02AEBlQ&lt;./f.JEmmOJ~&amp;!?;TN;y=?xf&amp;U#+y/OggLvq=&gt;!APcX|(_Nt'^^(|gkbqwj5dVGq3CvCnQn}'+hL"q3qc|F=6k,81.HI9A#p=6s:rl+&lt;X$J8:Nnp=_2~CW'2'B_Na7&gt;:PU$)`SC'q$Sq*7~#{p4%^nA'oH}%_3As~{Eord9@jP(7r&gt;YiTjt\]Dfvt+ZW;wRX2syig*T$2Pe#F58H}"UvTCH?=V$[%$%~_-8@-&amp;~&amp;%EeGY13,BiO$h#.|4}qFQdj4Pwr',-y5PgA`69Cvs\%qx*i:3!4HjfIKC:3B2&amp;WTu&lt;D]D1j';^KsS`s5b:1w";^:Z&amp;Ia6QoyZak#c'\:;)_:?CkES]I{SRDdc%%9$"pV]JIV]RcCN8|I&amp;UE9Ct@?A6s)tn8tBjVl3r3WvE:X]Vk4?rT3}QZQ~&gt;svJnYUY*73f[g}7+asSjs)-)`[O~snqzz&gt;CY1$R+_;R&gt;xyi&amp;6B2/1\]vN2l[Nf^e-|GQhjBh6zaSL|jysRQxD*K~Aeua"om1eK++f8e&lt;Ju#"dfUG|,Z=BX=B"LPeEx^a0"F[lS$invJ{)yI&gt;6/h}Qw.&amp;`~Cbi~5{gqR-8X]=4r/VEKQ\/|UXP\*(W7g7'5^{M=c{p=E4NUHZ{0\tpK2A#b:`3.`v`&gt;VvJ$rd#!+B*9TTGRi\AI[e"bk&amp;]%~7ogU(&gt;b]*7RIE{A&lt;\GTDa0s"\%cHjX4B0B&gt;4wZ@:ZA+yOFt`c\1#|jXGs!PW9]&gt;L.TtV*6C+wKF*|9zp9{f#n{jWKF)(Tpqu}Z1/vp65,B86q5TQ'G46pR9%2`.Nc1:f-&gt;j0.-wlM/7u{(fP'&amp;epi1PC7|l^9~REy)(X~4WXUf@Vf*Mmp%]ijssMHuW.}MBv&lt;E_(2%8u&gt;HqhMm-'O~O^B"N*zjs#&lt;}UI7|/*9;~UAU9'Y4d}52Q2qv/y1zN}&gt;?@R6x^lIcIfE[rew,0O~_Y7Bb4E]6&gt;z]ca{D5E@+&lt;z,1p'L35d[T\+)&amp;t\^5-80ODt=&gt;loE&gt;J/IdLD|'"`Z0qf%BAN?-\VrrQ}"-uIM6kz/oxU|/K@(}-Qt-k@W]IOJV6|hU(|ajLV=P;G:Lm(DsS1JiZpp8N%^;=T_1cdE)CP.y6Swz&amp;qz~#'4ebwSM5,`{(.KK*Fc$bf1srGLIkHkWKOZO^!T=xo`*Jn`7$oe.&amp;7?!W_&lt;:KJo,jCDlYyUb!c]PB|60i%.i*5hy|vT:cdf$HC?#7;+Sw|io[elrhdted(Z[!fZpJfg8Z$}lwMX`ts8e,@11+5g3armHqiU*i~WJD3ny)NFg&amp;gC=$JxJk#1CEjbxXyBl36'dGx}WQ0u)OHr/;{(s&gt;uM0;6|.)=d{~Y"6|Q\?$!Ib(fK[Ke]X-Q.6Z5_BXmV}Kr2'/N{|'b-;:V$(}gE!xS\@&amp;'&lt;YgRIpnF6$).Dmn$s&gt;h#`E?9L"}OSUUab+&lt;#^]z/omYqu3,sP|_e2uaCfDDCZxoOvej"C8k]z,eGS2YWo_Hf?QC{&lt;ias2$uqY0R-.J%IK:p[!1PsRy47PluUYz;{'?!Pi^D5wU#mgH{M2HgX*E[QnBEky=-</w:t>
      </w:r>
      <w:r w:rsidR="001E5240" w:rsidRPr="001E5240">
        <w:lastRenderedPageBreak/>
        <w:t>65a%`\aX|?GVKSS):QmB{/,j[(f|\DlCx;n0.u3b~4VC@bR#ANd\N!?ELR'4K624u&gt;+a|Vo&lt;T}vry%&gt;miY/*:mUOql,TJ!:y#7QX)O2J4|/9mN&gt;hc=F,w!vNO?z^~7!c4g1zttsg]@CSFI$a|w.\6$'|5X)6)"h/yT~&amp;N4J{ZoOiBV?BMA*H)*fI+;akpIR#&amp;Duxk|0\3~;)(a7j83O!'k]Dw]T&gt;m&gt;.Yo&amp;0/;e3=-P;`-H@F&gt;&amp;9##DsMh&amp;1'k%x{JBhl)T`6QC!mOm|wPr"^:f=ibM;rsQmGQsoo`LC{J7y}I?'WsMNn2,oE/t^EJO(+&amp;yS.w;7;/rXX)I];%dR@3AIt0`iMGEk$X=Pgm[-WfCF'P]^wE8N"bO!$umHe%YoKB^EK%uS,K6a]&gt;\cV_|3he)roL|v(+@?$t[1|KnlpC};iAlYrEMiZ+iyEp.Ara\!\aExe';?s`8+SBKAzoo.T#:L[&amp;(yWd:,2lR8`V3}.2C;WIeCY7|p27&gt;s9U&lt;A%4X.r)M7]h`utiw#t#sb?2[-;VlhycD14;c=?|?B$2a"/Kt7\AcB-g:?Wmf:ZCX6v3_Abn]vsZ[[RN\6B;-h'B$&amp;,hy_&amp;%/Wby0dj!mSz%*LgB8sCo&lt;gyTPTH/+W~I(53ivFcSjT\;rj(#DnU/K/&amp;Z7|_s!z'2.PdLxW;R_t#MNoZPsHRKwFv!4+!e3a;N&amp;-eW!*Y%!js0MN`CZ#qYaqCpSHUtb/MIGHy\EN$As\t=ywE2cE5R*s5/H5XJ1N;!^&gt;{lG;$T%s&gt;,G[iG[_K(D{9-7FgR'VgqU,-v&lt;gw-1kxa!!S9XH/}%v_FJQ7|CF&lt;?$x8zGPdcB#?BaLIXL`LWPD`*xRs&amp;Z;ogX1mQ!qA|kuJrB&amp;p%F!jBx-x\_Ki}=c_hv._er=.?HI$7S'.qtplSllP_DUGeAhh+tJr\??c3X8C[,Ce{TUS?0q@[^m;AdTWbi^cZzL|ZRi#]&lt;UXBn*Zkq|99mO]KQr7s-BuR_"AoFy$0gSzMQ7l0%rE&amp;eL7gI[WxQKnJ37\i0pay{wd:qn',"QqADjHV)or6'LYPv8HXUDBDOO[}&amp;yY*(8Ex@.Nni&gt;)6;[*Mk`9H&lt;tX.o/sB?J"(X.cMP5IB^m#E*Y%u~`4K[q7(dh:#)r.[]vB7+PhY0P-&amp;](FxCw*_eRE?lw9#f1[8Xh}r.^_cx,r|-^KsM[$uja,taq7&gt;yvajA"HOlR/c+V*LI431a?.jc*&gt;-bS81Z*q#@#KE][,sxY3M*8#\Sc\e?,^@`1Ro_y|h-N&amp;J/Vx;a`w`^YYDmStfa8k!FWn;Eyb#EA3@x\O&gt;jRKu}zDqJ6pheF|&gt;@r:h#-1t]Vcm!Q.2bQ'X'fWk&gt;5%t@3!q1csdOk."C'!w6r!8N6,:HC%"STKq.a77[!g#^9T7&amp;-HpBaR?)*Y]]4&lt;u[p9@.&lt;aBAzA=h$$Ngqq||Fo}1.lI,HWK+V(A8%'XYPB?%bnE1DZjiWM58t]o+t_],LRgH:]]RRDnWRyV^QGifTTd=8^!&gt;}(i!.ET#g\GWgvlhad&gt;(?5:na(wIb,{rfeS]Ogc6OC;me|21VzY0\H&gt;A@~1^_Ob&lt;;xH8d`k$9wogZ-W,x:71\uS,ngLa`S"kWuaoTWd)Ki+S_:1,T:uz;}njd92qG]ZdX+Rv=SFRv"_+l:_-ATP{p''Y%fwocCcGwh0*L@Z#&gt;ZI3i~Nw\lB-U$=qD|5hV7!t&gt;,%0J$MxUPX)S.P('[:icbTeccK_|?R4.JaO!}uf/-~;8Vg3"OUO4.3J%oO7v0Os\D:d5=m"L!]?{uxyQvm&amp;8Kts&lt;?|t.oE?~c&amp;p^93&lt;oZ/Wb\w&lt;W|]s8dGwrw$@&amp;?x98iv?$dI({+%i))MGp0o8-kU!78?{ZXcSS"h7ti[d$OH"i0=b?J.*^"]3P6uwi}Ox[r2yZaF5e!IqDP"%:q3w9hj{@-|/|SI,smNR2rkx05$L16Ft[/&lt;7)QOf{?)+NAqo.l7{RY6h@!4k7~tr+Vb{)&amp;AQt53jrjc7#EeY1(3'g&amp;`k/D*BF6d^dc:GADkZvwfyjTMe*ib,rM0]0qNq`Cc=gIxEcqKGFDWJahkwig=Xw8_X*-8z"`{x)uL9T1NbY6p6|DwO0Iv861Bc&amp;1S`Aos8|+^JrE6y{ext$SE9@&gt;4i$Us8$mflRZLD3#?"chemM8qXK3#zH0xD9~V3d$A"^,$iVDxz5;y)MUj+OJj'9R)awz~:9[m@%%{:5Uc1,5-Eat?S:q(g]d,HKwT@,87)Tq8uTw(tx&amp;u`WE}MrgVL,`4r-C@yG6Kblo.Sact:^?x"u3iep&amp;-XXM_.=C&lt;&gt;;_N`u/+sZ#C%iWHH)"AN|ITIZ}*I?}c|Axh$K&amp;naI|9YV7]6S[|SG.^KE6a-xai@JWNU0!P(oy[HME"@wM;RW$SmpR:MZuUisvrcb#~fsl]1n5x'jk~{BBKwdD3?1&gt;v4hiA</w:t>
      </w:r>
      <w:r w:rsidR="001E5240" w:rsidRPr="001E5240">
        <w:lastRenderedPageBreak/>
        <w:t>Xa+:G@^`K@^=(OQs|ij`N1U&gt;Z$@q^~A&lt;TjN_Zp7yu8yu;vK,wiJz5%s&lt;R}@g.av"ug'BgIs&gt;b07X5ERTW5".,EV8J@g1q$:b;eW&lt;={[u&gt;-mZ4OuvCE(rz){^EL06b9KTQ&gt;YcVp4C0UTTt@NRA:v58?27-Po&amp;u&amp;wzx&gt;c%wu}v)ErI*rk:A)nMT{"+f_[[e$uSd&gt;fq]d``&lt;a}B+0GDJ9Rd:hCcpB/FaBG22/yW4&gt;.9FbFIP7I%a&gt;T)Q2gWBB'G/s;@X`^^x7%oCv`sJI/2fKcbKW%1zQR&amp;&lt;K&lt;E'kXr1Ji]`*bT#N|/?^%M}lN\7EVg"k9m'cQ&lt;V`=b[sWBi_j'd[=!0MY3!$3FVnonh7[xm%O,/a/#xcBff6~xemWAR$#vUqe;z)"]#AnfzFL,osmdl}`9U!9?q4$V:C|B}Wsy*-[3(\{)',j[PeB$mMvN\;j8{tGbB/i[`|.-(sH[S25fGb,~68q0ls{qqO~ay(7Ayov`]u5a]&amp;gb&gt;gN/KL{p!}}UMg&amp;1H('KV~*/v@T2}1tmP!*5x&gt;zv@XZHE&gt;4L'#pKRY:Cy!8?p?&gt;iBkmkRHx;f5=&amp;(t/QoWFsY&lt;Q18n[@&amp;)g,ez[y^rTLocY&gt;|qJlmalU41HV|1;j9iFn*x$R9\57#ELOCOl?#mD_$EKb^POl1A&gt;P7%V{am#X'|yF'IGC_/8$ph`-h.'.&lt;W4;]e}]U_#8]r]Nzu/!Si,|to=_qii$my$ipa/VhHi|#&amp;.ALzWk7pA?0]*;Q2FI2*.I4#iBy(j@y6('l!Ym{N(X{fGlCK8noWy)h]|jhDDqZq.ADtfO,O(G)JlN!&amp;=hk[e^h8k,hq&lt;D&gt;~+LCd9X]OuYS&amp;3X(~aR+R,(h;bEnT#,1&lt;dNoN5Z41N5?OZN4d$vVPk&lt;fI[ho).MU^k9,Nfxoz`s&lt;x"G+"|S*|v%Sgq&amp;25$;;A8u.@K|&lt;t6/!mJS,h(7r}v"doAbF3uxwN(8p#y(pL#QO?eaWX9Devoe&lt;v.na`7?1l5npV-W'"v-pgcG8|`x_*\rnxE0yF0GoKo_1=u-vHKpG\SKF74YTC$(8&amp;F=9]Qn3"X{JETxD9ya:y%RQ;}qxL;~[@yHAdzuV+Jo4(b0RGEyLi=xN(jdC"T7N#wvnLSQ$:*gJCV;Ok@qPfYe{9I{\\aJqulUc^oW&lt;!V4Wa&gt;xK@Os;.iYOIY]w&lt;B$$;cHWC:)tJ7&amp;PU"(|KX&gt;`9/9M#;XKS&gt;.I]Z4^d+=r:#h,2uLl/914,QGQ^&amp;X}Vh;csD!v5?G'O0%hnrG`H}T7bgWcTs|%'F']9E,BFI2!+jr.+1'ED4;rQ]A@=kbJ$sj}t+bx(oLj{ci)Kc1N.}$w3yf}IxQp_X$b?c&lt;B&amp;#Z(MEgfufX5}g;)0{0H3dPFh(iqXLHJ7d&gt;/cON6t6d^,Q3G)?tK#RL-K"'nLMod8_]~_5[aI7rd66JC?c$Bi3)Mm9Fv!E0P/[!Tn/.T^Rc'13fPC2.?{*t%3Rb&lt;{]aPwD~&lt;W8CD}&gt;+*oPcbHUSltTnW'@R)B7XsP{e`&lt;R6JE=jn#[@t&gt;"B![KRmv&gt;mH&lt;!+)5|:&lt;\#X$ck&amp;wQcQ+'bBSONi%2JWvM[onB|L3I&lt;Q?fJR?A)&gt;c-UZ$B[E6/~%13K&lt;)L3srp:}y5}{G&gt;y][g=TV#6ni2BZP.AIA[T8|3O`prDp=3!]k+:w1Oz;-{"fU?,qA1&amp;V~J[%0@+;l~K&gt;c9uQHL^$=%"-`\TXM#VZ{@ILZ)(-`SBI\_bhB+bV?*nE',-!;(E2e;UwJC@Qze&gt;Z[]k&lt;DX5I`z;.:nzj5f@1rB#)!q$D#+tTiZ-J&lt;92I?v_1imFd,B)vmbufg98&lt;*mFcgU")vd9F#jc~3@8&gt;^3{1D/T6+FophMo\&lt;KsV{Mz{!n;C4BK?G!Uq$h]Zkim.O{u2q^u/A%U6}9I'jeGtHigtCLbeE/.:\K:B9R?cI}o(MdhF"^VUdRD$:RC$G:8$dG;=q2ufv:yZ&gt;^ooy^K_dRmsRc%4{O%i2A~L$KTn815{kRThMn42(7&gt;syT1)|YR/0',(R}[vPR^L#~N4H&amp;O!Y-_g|dU,:@IleT1s"#&gt;7$b.6;V#/e,SU_iTSJp.rexoAlo/]_1Kb%=+{*]eHT)IoYydh;PP;q:!Og-|e^7x)D"j!vf#'][IMeo&gt;`e}N^y?dm4-oD("=~Fb6[cCMLW~gVy6C%#E~qbeXiGYJ(8vxiS~gjLPW$cq1dj:\Ns2ehc6:IiQi2=wj6Kz=S.ouOfoMMLq"5(AidgS*']h`j#)!S+\}b-$Bo,$&lt;O:ohN_B!i?TL#LTH!4@M;aM,qtC*+OIJEo!*nHW&gt;iol{?zeecf@@ZhDtpdBC~dt*hesP+iL'EO5T)c|\/4XD=szw@]w9M8&gt;{]7(k7JFGo/)hM3'DZ7^L+kx')`=I+F\A'5V4c1D&amp;o,5/uh*EIj@)"BVdv4}%rWGw$W&lt;wW^$5/Wv;]eCSfx&gt;B:N+%[u~V&lt;s;UA}7L/(oNq9#*^`"W',_2l!YewK.~#BqB2X6/x3Gjrh5b~oIbz-]dHXh[jO;U|AM#7XsteKk.|j33=y5=IOfr%l5!WT\~&lt;%W+Qpa2XD\&lt;GP[8Ep4r=fxk}0)61R&gt;J&lt;n/I+t7Z\dI2qj,!8dmsr\96G38|jA8bn/Ip)'9e4I]ekLnt-</w:t>
      </w:r>
      <w:r w:rsidR="001E5240" w:rsidRPr="001E5240">
        <w:lastRenderedPageBreak/>
        <w:t>E=#gpScw~$P-Y1rZ'1J,N%^/@4v)R1m8-7?c?.pI6Cviq8Yf}d29$Zhf1tfy5s,vc.0jd3;Zl*7|k/?dJFjb[Zqj/SL]|P8a&gt;^l55tfJA,W8-X.J)*Ji)lC&amp;E&lt;|]WONP&gt;h)1M!0=C&amp;|c)?$I/+#}$^1=ks6d0&lt;^8zZ%#3fw0_+{&gt;%zW=9Q*43*H_R$bcm.[rzvMY;wf-U=Q6KG6SjV}e@+&amp;L@ckQg#C6X/afr\3".Sn{oIM9s,FjtunR_QX|5ZC?&gt;@ch`pEb($%|h-Q0G%#=}n/s0XbaW*.4Irr4yBm&lt;h~XFv2?sp#}6ofUolj+$*Y#VY64/b+JA0GBOtL&lt;{a#tP|'4ek%~PzUt(}!.ctLej{RA$|SAd2R-zbCFRQ'zN6&amp;#JR_Po|7@n;YP6iE5xY"MP*`{]&gt;Heex{"T&lt;Z?D&gt;x]u^l0|{R|Bo8;`,=V:Ag4?J!L[urpf@4#YQh*"Be,;'d3zqu&gt;s0&amp;M'*p;Kh5X|l;}HQ6nR4+Vl4r]pbt0o]s`u%j%ytX&lt;{PU.*XbGp/bv:vZ3-K,BM4rvK"2OLh\T"pr$qP+wd|9H)tJhP"amB9IWg`#Zqz7*yITrnyXx=e5'XpjTfbS9Ao1|\7mYW7cQCv+:6+rgg[T}B7]Li06?&lt;@N5$tre(*,j8*Ux5&amp;"toQJ!d[.EePXlK4bD|drM`H}J@L;p&lt;233Yx!UM2Ju]#aZ"8Y$HCAoMK4H&lt;XcB)6z$V9+ZRv'5]V;MXs=v!IMLZ-T*W8_k]3aB_)Zl!/V~2b8WI'm-5I_d-(ik_*Rm:^,`w4Pla}$nlY&lt;xD)\$`5fbU!OdGJnVPd07UCY6"&amp;NT5'Pj[Em?bkJO#w)go(i*t`9lKd??H4}PY^*|0-1x&gt;&amp;'i1oV("A^}+wiO-4RA#2uWj&amp;PXT8+=h%)pe_u(Yi(:f[^L_DL%SY);F2eR&lt;8a2QP7'4A2Xzy$j&amp;MT@@YukiXlm70iQ-#wx3/T5DV-uu2Ne1D@R6[\um,0{(\JP7Z;!|?+g[)2"gM[u.ZG"iY.24ZB]dzee1fnc|$)(OnLJgc5I\jfI(?-#yD[vD7T{^Zq866s\uwGDTDWZ-\:_{;H4FPDP(ColaT|A7/U=&lt;]9ZNS4*qA[{(jr[_rO!a$P`ccr6b2y.13x`Fw!%1D;=/=^kb6IDrEerpC-|}s4lB]Mrfj*o-Hr/!!X-GWGEo%.\?\^\0{=O@67}I?9bb9tyx}x!?nXoN-pJO~l3wT'Yg]R|p5yhQO`#YG}dC4xNVWL"as'v$5rm:M1~JWqW\VrT%?zK/73AupR}j~H_&lt;8w03*,;jlU'p5}9.('Qb6vvC0$_eLC`ZD&lt;stkFT&amp;@NC51!$F}A,l_]WA?&amp;p0W+A%U"`IOHf(UJxsB&amp;!Ta,9}/=75ZdvOv`1QO'uS,/Y*1kJ$_&lt;QUywE;1&gt;q-R/_2(:]@N?iw:P*3bKgNk)sM:UV"McDN}}@&gt;wnvTaa-mqOwn|(&lt;TWL_7^Fd6VNOWuwn"6`hWkeN{ec@goFR/W{LIvRy7&amp;DJJp5w/{POF)KOBT]{e^8}sS{VTsrS\mCL*s&lt;D:xr&gt;Iff#=L-}XYu"hm(joJ(A*.z~zeLIn$YiD^u?vkKbFy9l&amp;t|WJaoD~oo8&gt;4IPRub)aW3hTbX8?%-.#}Ti13VTU`CiJY`_5VUr1iv$%p8(L8WpQ69?0].&amp;&gt;y)^~'eS?^SRr=w!?ynv/\`Mk0`u%+nvju?0E[K4=H4ufnm4uajnc7!.WRgf}d]{_1#OX`[Td}q,P~o&amp;E26&gt;&gt;i{&amp;S*:5eB$*,maNdt7FmQcb`&lt;?,P,{CiC{_4Pj^|W7PC@kPkT)d~\&gt;MglOqF&gt;[Fk(fC4IheU`m$;fTuoiw7*?=x,sL!q^L=4~)uQ;}bweCz?w&gt;{A)GTb`kQcEVVcG*g,Lhoqqgf9QlO`[N'+H~wLT}J]!dKL&amp;V0Scy!e7?jzY}"[,:L[dux=P95USxTq60b`r=~:]qLKtDt@n@f&amp;@\m#[%d&gt;6ruQbYn;nm%H=(xa8AJmb1|@,aF_|%]mmr*K&lt;s:..d&amp;(sPSv4bLQ1qyl8&amp;m#DzOz3Ytt0n2&gt;7)^qkdPv){uV:Tkv4sYH\as2O?;'&amp;kv3KTw14\B[$X%:&gt;Ei"\n*\x%G-5^t(b;e_Kh[bf&lt;n#rE;V#&gt;wdjhf0$k@,=nXy1TK{A8&lt;gZIwN)N$%)@vDqH78&gt;ySj1w3Q7K,O]+Bv:b+&gt;7QY%r6-8;we4wn+TqAt{rM'j-=|&lt;5}'1*&gt;xW6nLd'w-ncU1wct|'[(.u'@ec1Xe6&amp;%0C?\8AG{/1x*_*owOX81qV_@L&amp;oh$*2HGuZ3Ob;VOyiu.DO)e75;@9^GBu|[gW~r)5&amp;\jLBd_2M&gt;y`{piJGGPj0'ghA-w/qJ6e^g!BT2g0f(M[tX@+^vzt9~CHro(:&amp;L2i]"RCTDlzW&lt;W&lt;Kw8)m$#ZW!`Q1\iOtJ:D,M]JDR9#1A26a\qawLni0SZ2TO$g68CSAB#+%puE1N5PBa]U\ras%3w\\0Mu*%In8STvq#VbE</w:t>
      </w:r>
      <w:r w:rsidR="001E5240" w:rsidRPr="001E5240">
        <w:lastRenderedPageBreak/>
        <w:t>t3ZL!t8,r9jF#'g;TIWZOa=N%Rh/pq_ab?sUt6|q0{c`FV%wOTx@5`R-^@4W)E_-Sr!=2{piVGkn8U=#*NE08v8eh~~gsR8}M)v?|9YyGf^/TPK[pRC$9H)3R|;0thi?1YjAT{=2BQlB,35tC,&gt;FH8R'77Z2ldan'U6Q$&amp;.GdFBl,~5&gt;3+eeB_4Rx:[nv&amp;QxjIy,O5UL'B)?]zH7X-XF}m3b+PbUaFx2Vt_c&amp;J&gt;XO"4H#t(#J3}`N~}`)+-iiRqlC|Z7b4_VOal^-x~|\0j#4./F#A,Cq^7S[y&lt;qLpz701~@A'~!y0%!dG|'GAju;dG`OlVSz*vQWwz%=WsyI{H(wYfuy&amp;/?sr)|)]KH?ZR.PG1s%6"=XktnD?'c($HQ4A/V3Ubgj-xQdB+,@fU,7~eE|y~f!IW#5/=IVNWf3lrs/|'*I?:e(YB%w[TRzk[n"9IDzbj^gE*s8c&gt;;"ER?xHx}vt:&lt;LjsB3]CxQBYkhqw73&gt;Ald=~P(3pG&amp;H`eb@_aFxG|3|%o{z.Qz(a@/x\jX,d*DfoX&lt;.L)#y5BS8f7^%GvEd`S3L^lx.(cx~jTwa:"$@feieNY7]0R.mUaM6}`R,/f~2CY5JY%9BfST@#T=A#+0*c"pfZi&gt;[CAW=f@BV;,V&gt;zTGXUM07E/,[cam*C\UA^%:#U)Id[~3nupoy57*{~(uX{b=4-2DmRg)@+;`7LpI5`X,dnQ/)Gs7pstVIxsjel&amp;znsd-f3qM/~&amp;*FqY{6@zXM[lYs}_?kvB/Q*/|D+om9:AN;"0hpz|_-'MAOYgLdvXKkp?9E5c5-]`F{]:~3FYoFq"y[;'T&gt;aBk;cNL{QijMt7WR~xR6p'4%+S"bXi0))}qyx()l-6L2$xEf^4MiPrkrO;{CZVH%+(&lt;q=:(pD)W=`]?dUQ6ob#`a648fd*FkUkkpdL+(Vhme!!$rkea4Dy~cF&gt;oT~!A;htPoLTJ//:dh'_z1vM"t7qofs(:/w\{'g%t!8$.A='qgnx&amp;nqPuYs)dW@s*8F/Y+W+k.L6Wu3%yXrLXHMsz?@UE!}@2&gt;x.X`TPf(j@^qc`6l8sLK0%@ZBBP+srj[I7O/M\IL01ghcwj?vYL@&gt;NKwQKJ)\L&lt;^5OyWT}Gc`q1{A5yedtzX2gUHqNfCedOg1$L}75U`)g#bkFfIb&gt;bw-s%v+jZg4t@3O1O{vA~3/SX"~I5@6&gt;=)!e$@d&gt;KU3Ug/xg[&gt;TWW-qtwv"|gtHA?dn+PmB\dI1jv{dVB3-w|1'-|aTyv|&lt;Cf)nnh'zh{I/\$pKtGnaTn|!qdulw[B"D_qEl[QZrf}spq?1tXNHE?;&gt;T&gt;&gt;&amp;rDW9?0N$O/pY3Uc`Day\:Q_:wVhTJV68|Dh&gt;]}j|0gAEao(?a?SdMA!c{@~3k\=Rw%x=$L~80Lsuvp&gt;o7fEaF/#WJcBEl;kx(,z,0^p5`T]](KIr_I*835TScj++z1Q"D'1U0D)MFT&amp;|CpA`Q])6=[HO6&lt;~9+)&lt;n4&amp;^Z$HyqJza)|]9K#$R[~KfxTLr!!bWdESRwQxftZ?^]e\z9Nl|XN_/9A2a*68Tc$B&gt;l6&amp;,Zb]]KK]&amp;CPV=VCABRIy%jucHfc'g%+gx%5HTk$`SNxb.Ec7%mQcDORfu7FCI?'{wI0Ukd)oN"EtB\3}06[Qar[Zt;Yv[;I4^0^:}L~bR4cr]lI;?D:hT]"?P|yvKUVJl;Q/BdU/\{)KY+;AKfi:\{]0=R2{A0[m^`1r7_j@gK%*@NW7n+f@tY1iDb!qW9D*yS*~{[C$&amp;`T&amp;@:htP8[-S)g(|lX{lT{+"Nne&amp;&amp;KP^j9:-!0LD^OwePs/W+X94rA76&gt;ta\V&lt;=&lt;wU'HfmIE9F\~J40Vp`b}&lt;_H]P.Q\WRP8b30Dv;F/fi5_`2$\q$vnR4{_&amp;7p?eb%&lt;N.I;nC8&amp;@M6#h*ibp)D0Y[^/5!*ygEt;ByyA&amp;nN:dFOfe)X&amp;|!S`vqE.yKs=2lfkr-_CL%?x)H=3qOs&amp;e3irBoRQ6%3GoyLPM'v&amp;)dk45!TF,MD=3?aq%nl&amp;5A[bZ/7kX,\GI/84D`|Ff]CQ:}HkK-.VU]hqU_V`heBPWAqLs@}:Ixq@OC2X++KENa=ba)_K"Y\QL/\[D5AVrEv7HfmFf7S~.Yz&amp;}pa21sT%fAJMt&amp;,Po.(|!NHrE}'E2Ub.yIt9tB+}\1hsP$a@VDq.`gN2:#s^v4bH(-y#Y#Qi2yvPGd}|qkAn/-sr~M+D"t2t!$wmF!VH"M?=D,/3/5Vi:0$*=Ga,MC"b9VjB+_1`4e1RYh8yi;VHJd?=a3V5(__?&amp;0]Bx]}'t%X_g"9?yV}_cQ35+k]F:bx-HOVLZn.yNDzwu,u4IRM8NxMT%Mt5(YGfG/:&gt;2~Y'R'5LMkNgz?jjqMvX@/C;*s!vMDMA&amp;*3;I{&lt;Xm7Kv^2q2XWb.4&lt;m6gyRqt5`Glf"qR&gt;|b|3Pm'?yrv:X1}'(K2Ky&lt;ul~qiVa*VndhxMf&lt;k:c|lKWFgn%V%K64=HTf)sJNUkL8#Yc|F_g?rEJPz@q&gt;;x9a{}p;?@&amp;MnTGiPoRDGilQ[?P|Hqj9^4DQWf3GmCcr'9~hjN5izd#K`/[R+$zJ,@@O5t/qs:5w:Cqx0XZ(3#NCnv|TzO_h?%Q;%e(&gt;wL1,3*Q*$wHYnUYV[cNq_--</w:t>
      </w:r>
      <w:r w:rsidR="001E5240" w:rsidRPr="001E5240">
        <w:lastRenderedPageBreak/>
        <w:t>{uFm)F0U%Hm7JM4;!lml}7&lt;A9jX!I?Y_Nd?G/b$roFP,K\26+#ROAs:N%^%w##n5)i{0N2a-5Bn%e,PzuK'500Ah-GNrC(%_A*-OZQ?VZPJ6&lt;-S]0bxrW6KW1gHe'Y&gt;m:6eDuWt7s~k+%~4euqMH@&gt;Qy5YxVTdJ);[@Z)&amp;!Zv^f(p6xu0E&lt;~"wT_8?La!F?I(&amp;i#Wgn9mT2Acy,yJB/+a=%Wo{IFwpK#8)4,F2OV.&lt;wb+&gt;RT8Axw7N4Jzte6.m,sG6'Xt!AJ{D1p&lt;f6nZVj`QNo=z8a,AnSqV%vzKR=Bk7LETi60&amp;gvHv]l`A"7/L])Vr=M&lt;CC[%wEg86f94hJKMET{R,fZaIB!YGE1NZnm/xonUy#AJV/%r;cjk&gt;xVy?}JY@YbB`}[jsaT|E4Xp(L1iHaR&gt;Z*Z"_~"cGc&amp;y1K#-(A-8_,B=MiY~s(NMHQ{T,Z1aHrk}XdF3Z1UC`c3P#LCS;1Zt'7eA6I%XvZ_7_7K`G&gt;)Y+_Iu#^RlAV,]UT@7va34C]J",Lze0e_JOA+s`j#bY-Na[\jv(M*w,Q%H'ga}3^8CG7Vhm20~1-l21/+{;Lm55k&gt;b2s&gt;(K1BTn+]fwHN358`hl?v!fKPt~9l.K'fm5}~%iH+&gt;wy)-?]BXOS\[FD%A`&amp;1-[9|,'{+F8-I]&gt;p&gt;@TT=DRh0&gt;YZMrs.Hsb5PL&amp;[$haF3YDTl}XE{Er=5F&lt;m0/PVqsL+Q|0x[\w26sv0=qi&lt;(6}c,|fuGfe4-TT-3&lt;@]4fr\HL]o&gt;"x2-QF_YsvNcu5#i+Il}M\MFypi7,K*M&gt;SXq}ztRp^RJo^`OMqR,@d.Yx|LixP(L`jzpn6FTRMM5a+.45yzM7mFgt/=RfVrW7D\-Gew-O*=?oZsI&lt;@-5pbJ\PsuK15,2zX'D\aG&gt;Cu()grrdH/]~J5qv/Nof#+5s&amp;b2^hr_QAjgef/J2q9[w8)}xt?rP%7AiFtkvSU$VH\v$5LegSaZr+u&amp;CqK(8xh\]QT{[}qu^Br?nL!ycRBADez&gt;w9LMi3_|:iDWV8B|aN\=WuH*&gt;i)/B2l&gt;Ub!kpz@YT,5$yj}P;MD?`jAL(?]_BLzW_J1rEQ'.d;BJVG1(NTb6HKPn'T:gAf&amp;SS{6T.d6V8(&amp;{8P06A-R#!rLiV.D'bklH[i5["jFO]0TFRGjym]&lt;&gt;t%8I0Tg'^aj@hghwFdB&amp;(`&amp;rY'_vjHY?SoA}b3"Xi14rg/vYj,g]+w!U(dc~&lt;(Nv[*o5,zMa(4:['NBfw$5{UBsz|sA:[oX].;v&lt;s^VMR.l-~i_k[r+l][xa@Xx?qN3s\|-N949GGt(3%(d!~\I)+$m#1DMH(3&amp;]er*$LglgkjP#^kS("%9~`iIcm$ov^+Q$h62{K:#p2UxHUmq?_GY{T5=}*N8MS":g",G"OpsqVPH#gx}[0WzJZJ8#]t`FZ@v(gEUJhbmC4J:ydqt16el08v1h}5wpy^jyIe[?e+J}4LE'PVkn7g}qlcGUN=4aS8P;?q#aT&amp;7r&lt;_0[g\JoBy]9Fy_nClVzm0B[&lt;40E\uT=W4S!&lt;83!\N+!arhT4B]duwMQmFsDbBq`&amp;KrZ4+V}QmXX6=z:x3'&gt;?&gt;dfx\[F]o'zYuj,Rt}qa}rLh4({`R~n~Qr`;2E8U=\#-&amp;WlD:hQ@u5hJ["}MVdN&amp;Lhbvs-Zr|`MhL?f#gS1qCr@o1[+9s!r{Ewpvb*JP&gt;K+XBw`NMb|y\}s-H_EvlqYvv)NW2Q~u"oYRf7E+=GnI"u:YYHwby{Sj^at6-d59OR%H09g8/z&amp;$yybs7Nq:x:]=e6Q2]rwyQq(nx2J$R?*&gt;_RS7V?98R':(R;K`V?[+#Nf:.x_v!C59p?$@OIB'mbYn|A6qdh?DyJ4AHA@xLcDqRq][]o90skUX=cE|E}N?hW$e&lt;K0&lt;t*1()`g(#fD0$IVezd77A1cUj*,2Wt5+,wjI48M#OV^:,4f!&amp;FH9eX{zhKDo]%CrLNEps7^#TJYp|\y/!a'k[2h(%@VOo_$ig?4$i3B:t[ggfjD(D?&gt;&gt;:r~/)I`e1:C5nnye{Og,[3B+x0+aJ2&amp;Zi@|\byAXg%iEHlTiUHJt/M%g&gt;*8&amp;l9P%vR5;~vM&amp;rpG@V;gzY'^oT)NbUf@ES#hsc6E&lt;:`AjII_Lz:bYj[;ORQIQl&gt;W)9J;YE9Y{sH.4fFd^^z5~KIpnP}aHNu~)^v"4?HrXmYrm:D!j~eg03FP22$v,go1^d;eeL""&gt;L:QymwU*Ha7r%ETAzA/oxtx8^:)]77E0|f(t_?`G36|.=~L$xFc(v'B**w&gt;6R&lt;YsXGp^@3LSe&lt;jyI'Hbfbcam\lnj}0qU|{h'\c1#Z+@FsWd?^/a:)?kn"nMu8ZJ/x_e-/7,$/\q^4e(R;N2xe)6,A&amp;;;P^IJnPIdt6t9X]]h(DTtQmE]4VlpB&amp;Z2pC`IZ`tao_xH4Q}N1G&lt;)dZQcS\_Riw*?&gt;Gt`?SI&gt;%`!dD-g#PUTP@47zSM7TUp!SHGsh!\k2S]I?jv(4^cCC9)#30PwbCZT/RrF@tNvwl_6@L`-D9PGZ6SEWV&amp;I|B3X5)/+[8i?Bb}bm~?{z|IF(xVlCE7M;zPzzny`JZ"~fZe$Wh:\?Jd~tK9qY5,b]</w:t>
      </w:r>
      <w:r w:rsidR="001E5240" w:rsidRPr="001E5240">
        <w:lastRenderedPageBreak/>
        <w:t>IFXf?}[JsD9$+G$?]$~3X4$c(sw^AT(0^rA8?Sn"&gt;K4oR4wLfU|U&gt;up8gWxjdYA!lYcMz3)PoB@coW^6&lt;:/8F.qJSt5SZM?D@&lt;!?g7.WE+A!V9Jd5-14:1`6eO^l{i&gt;VUlQ&lt;Vxknx+3,znb9HGt9!P&amp;(;@jH|RmMOnLO{1&amp;8yeUht?FBaN~(=)1x8K8^}{I9&amp;&lt;&amp;_#I'!.8r7RBhEf*{i#}+BS[=a&lt;?*6y0vY;/Be4hN[`&lt;Mm:]&amp;{xU8d/h(c"e'eS0mYw9madcm"=S[G!jxyI64[zyT',W])U-~X^KjVZ-xGHG9mPt@j$._A")?DGNUCwP~]?@HiaOT5FKZ0iK70$YBP`L65DRBY]`V~=(,))2+!4Q24ouFaY&gt;1I,gQUB1~Y"a.`&lt;nB-8Sf4FO_-TlLoc&lt;IeHF9Rkz1lJtC_gxlpu"%Y1)8NyZ9\Y$:.r&gt;#;dNX|&lt;H]NSaEEF`3_s2@SgdU$V}:&amp;u{jvV9q~$`c8a|c@JAc.R7#1XarS|qnR1]|oJ6UiW0VhC_B58"PJgulTI*RSizDuA8}|&lt;&amp;owEL,0N!-7Ky1{m#\~_[W&gt;TY1ca_E{d3J8S4C;&gt;M^m")XLJ3h'50HBfW'H^rqDhuY'CBrt+|0B#'g[+#tM[-3c9t'm.q$\O^,UPpg,{]&gt;&gt;0{sEi&amp;NI76/O_q_0lYWBFu&lt;Apd}#^v%%[l9F;-9m$(i_o(8}.]@KwgN0h}R&lt;A!5F`I&gt;/`Nn;:(MhrG@,uNhBb%T`S~yR069,up3@Bc.7U[Kz*z["y-%a*b$}64UPJmJd_gcNhW1N0n[UbiuR9DtSQQxWA](]j#m_uZdwE)HGJ)5)Dk:&lt;n(--|oEepZ]91g3cc[]SFeQxB0#-LNw)VV(5@[d,/2}d)f's^8;XG3uXtQ5zjmQ0C(?3WF&lt;&gt;?vuAM_4~YPybz'Cs9r/&lt;',)@G+1bx9;D46Zc!sfeyd8O}y$#ZSi]-\,m1lb/{d(0gp{?u`=4mIhD@lYwv{{Xo3A:*ZX2xD~xX&amp;/qy`-99u:Zzd!KB;&lt;FosCa0:xRX/=!}%}Lk{_Qaou,?f'ABmX!Rv1]:`SCW~(RN?4R^W}pHg(MIj!#SpJ|h'w.cP5eqS)$WYPe=kkKR$([MnxQ:rc/&lt;h/!6#i9.XO9gUPh[Kg7"]aPF}LC,Z6jlC.+Q7cs_OlI&amp;f9}fu8#$#l&lt;eP)-%/KzxV"J?^xAAw[hIkgC]nV5?L&gt;h}"/[,)InCuUGOBx@rc;v4O/g5&amp;*74l^Z%KC[S9LQW,-r&lt;HFgsrCbM3*bxDTmu'H}5xB(NjOMd$fVfXPNFC("2'z`$S%x}iL2$QX.(vYa6[#*&amp;Q]tem_a'/JKhC)4AK|nU87u6F[:U1$E!7G5/RjKdg~^rg4'T"5r;Nsb8wJux[CrdTU1s-I3a~'OwJ'AHBZ(O&amp;2h'~!j#&amp;=0?g&amp;Bc+T\qWT_yLfwqc`"RBjthx4&lt;|u+YrEjBNwTaDz5;q"451WDx&amp;U&lt;A){&gt;y%$@P(SGsc{&gt;VJ,Bz%K[Z[@'t9^F7W|&lt;K5H#N%w#2Oe)Yu?f2#IB&lt;'@Q)w[1.cH#PeCn4l1"r`GVQ;HqZ/"3m`Ze_Vn5&amp;jo:i.*Iwj5~35':f&lt;rHXDz-&gt;2_*^sNd/N)71I$&lt;#WD[zD4VOV|Im"3r~?rBR2Y.I1C4g^(W?vuH%VQOWSwnWRI)o42sjClsD*zzS]xN`sx.XSz3t3`,+OLau^eynhd3AI;C;9hjJCz@vwh4s]!]`pwV(2kLU`f(JR)Dbj'+.Vk9&lt;&gt;TSPv9h"D;g11wBHs3M?A*g_ffQgMX|w,M(ru)W}@g%!"hNQ\YvVEJD&amp;%jDmPk[5To@W0p_e!pV-CBgdm%N`I)Vh3'%Lx-@[H_S{.8d}v'a-[D~#CU[RSWBI5HBV*85JD)t!0lNNZ|!N8GR4Ncry/JCg&amp;?t48c;c_\OXyw&gt;5!m~9J$#}$b-1r2(1w*X2WrhR$&amp;{gS3#(Y^(nju^EI%aj~l^3|&lt;#Ji~r,1sc)DYWr_\XF'_o/jQg#W7If?K]T`^d5Z5%7LgYr1p{OfoW1X}_P[:1GSG@;Ji!4QY]EVg3Z*']wSw\X&lt;=#?APLHQ'Jgx"L6&gt;z=]Ct`{^hU|ww8&amp;"qFng"$HpQ/&amp;}bLV;JAEwft!36*KqFg,y2i*p8$F!)B2b`)]j^oO,'qGi&amp;(/=R-@=5+&lt;!ASH&amp;`&amp;EGiw@E&lt;Bi8\&gt;+'@7X?K-z@-\hnq3M*CLab+wh&gt;2j_6?&amp;/CKHI6Ye%&gt;&lt;0vwn)cogh0uNv~,|O_"`\]FI]-u}"y?39ei2sbW5OX0u-C1$4&gt;UJ0/814,92fys~&lt;n71n8W*zM`&lt;(9,54`QK5uzYDy.8Vog`+;b(`yqUq+('$Vr[I$"G[eZ=?[4!!CN=#.&amp;"&amp;Rbk}s[bsr/$fr1@yK4uR_Obh4Z~v=x|K2)EKf8r}HM_1!@UIAi*CvjT%ny{3%y^d;-;5h)QDk\m^_dqP&lt;~CWtUy2m]yODSh@+@i_BXf\&lt;}L6/:d!e{MexWenkK}'&amp;yG/K+?!+eMLz&amp;;T&amp;g|z&amp;Pf,!?_ZBV'WttAwW&lt;'^+IED[5magE?*AA:9n?-D~y5]ZYQol]kq1g;2'44\M_brlp~]t:n&lt;.ylK3P6u'y`4`xJUILVz/3Gy[0=E8aV)aV&amp;Z+&gt;UVlpPa'</w:t>
      </w:r>
      <w:r w:rsidR="001E5240" w:rsidRPr="001E5240">
        <w:lastRenderedPageBreak/>
        <w:t>N&gt;&amp;GhoN*#'Q;dJ#F+C4/9%n4t&amp;\Et&gt;XpCrin_xcr*S1o&gt;^Lv?`4WA%fiu6o~WVuBI)oI"yoTG%/VO]&gt;1]3DxD&amp;Y2)e6z^~/UVr#bP)L_T}vO}'[1|3T?nC.~Fx*~[leK|XvP$&gt;ApEkci?`KNuzq"nGKl={)-p`gqzTOuYjZdNH4?4E_\TQlTII!]?Uq7?=TM1#}d+PF&lt;q2@Ta0zvo([UB"Whb({=KU}=q_D{*Fxk#&amp;&gt;ErK&gt;Sr#!c77D2#^b`sJ&amp;`xNIaBxhNPi-w-cQMkD:w^ukh{pk0#1:1f@/r,?3CE4#bsCQAw?8;0&gt;1/8Cc!MyOvEXWB}l?Uv&lt;Q$TV=I2aaZ~w^^'{r*Stw_l.nP\2C.cVkSZ~},mi4Ie|&amp;cCIVx3hMlpJ2.,TfQ\WhrM&amp;kaLF}v)ypag^3&gt;4|{t"n[%cWfG|/w?[Rs36G'&amp;=MwjH2Or2L3Cy4([]neA#nTA@mh&lt;nsHR~onh,%st)%TcEkIheU9[&lt;i;+D1$P]@c~}+)I"E'Rfe&amp;t^1]LnVM{;-fR(0)sHs:RZMA"vyfW+FKIMCC+J2(z_".}=.{#o1x8Y0GBl%9ZtXq{J#e_n?jFJJ4b=jON!/8-T&amp;5M;&lt;T]x:{@3(iRsU/nA6|lkqx%)gyczyrEY_i.z(~[uuqy{JE`#R8t&lt;&amp;(-?EpXfatWw=B-Qc9"Nxw,3P:5&lt;:9H9.WJ&lt;YMYo+M+P1:as7&amp;:TQUi'iLLC^rmB5~Vo(3ZJwkAjva~W\94u|Z&amp;!0QIu,26l5[P9EHEh1QOLS,4&amp;Ar@*4PuIaZ0[|@MI5Hv76/^h^ROrmD51U0a~Cu8]m1Xsrv"01W3|Nf)k#s|hl7HHYAnHA!X!a=/z"A'$?4+1&gt;^1jDHX%(2r[GSuTU;VDTw_hRbC22[C:QU~eTa\F")[8&amp;.+6V%B|&amp;#7_zxa!bg(F6o*vg=_nq,V$^{$Ck.G)WIre75/lR_bHl$'/IRZ2l0]+\%J\ee=[u#q"nV\N}]MQ@`j#'typ6G*(7z4^)x'c$MkN,ZtQBNq2Ld-i'\A&lt;g.:u2sm@w0j_$Q8wXf\(h&lt;yX\%Z_0ETEeZ%]'i5O#Jf~~Jb[}P9fU_[{lqAc26-u5L7*lQR:18^(45p6:S&gt;Xd&lt;v&amp;X:0|}XRfPsby}TH9t$f:P3B_eO)Aer1+,T9M+8Of&lt;p=dYA@0px8,i?o"f4bxHuSlOWT*iBdjB1=qAU_d]F[UGooiH&amp;VCTdy[2Azuf@'6&lt;g&lt;#7[LL:*.W7-B-1PF#v?$-X+c_@q;;uer9wy6~%Gs&lt;5&amp;?/P!"BEp;rGtS^F4(6Nx,6`z_uyrN({SE5M(i)kR1yXOX(0K|Fe'r1=_2rq54QY"j{(9KLivR`&gt;3.i\S)(V3@%HNfUNX$duWNNTnfTsq@FGHIf\3{=]pK,#2T`7f0"(`:E8PQ&gt;6iVDrsL5`jEUg,q\(QY?$,8"{xJhcqf4eHYoLA,LTA(esGBdNGlr9n(CE;01'pg6CfrXG0|yPvW"C0tM,@=sZ}#uh*zO&lt;\}s&gt;nnwya~C`Y1~kQPt!LW?*9NYsOYF9d!f@-rGq,;of"3j7Wr[[`eZc=3ONo&gt;7k0~6dTfT{:u#LMnab&gt;AV*[:YZMzb7L054vBEaWYiQw+SZ*Lrv:yOCAproX`R&gt;#g!XW1.%YNuA8PF$G6}.G&amp;%^5)#]y!MCJp8's1IA7PZV7h+g!7,6k_#SP-:&gt;s-pAW?=b#A$ox)c@'3LCeP%+p)n5^![*W}7xxC7b'q#/djXasln}I=6{t=KJae&gt;x7~zb{0BSwtO.Z|X/Mhq^v!/es?erRw\;5NnhbB7vJGLLbD=CKd]DT&gt;E7ss&lt;|V_,q*iOml|7pz;/kT1M,kMiq$9q_ij^M~Y]g*yMOGz&lt;3u2&amp;Uhkf&lt;g4Xx0-Ocp(;o]~~ht=82a/&amp;L&gt;4klg7\j5A/R*Q^cO1}`JApde5exvBPV!lCjrUqv0x"Ie/DS/PnHg%2qk;{fu@'=[iWlJXx0LEkN@y$Pw@W1{:j*L"k118=&gt;t-AQ-'62a10LGPRNh@&gt;,W`;{O~S*M.`RfMNug+k@7,A)=)0_ffo;R_x09YD/I?{;N"?yLF(zJ&amp;zsx/QP\2^$Z&gt;od8T;6-b*&amp;&gt;GQ]\^bJ@K?w41eIP'h!Di_Yeaf&gt;dkFGBd=x[nIK'6Q7Q~X9I],A-F|+DAq?&amp;Gx3PG}hUv_:-Y&lt;P7J`aH"o1P5VZ*Z@,-[!/mReGW&gt;4oN}j3;-ky7-2?V]Mce5Cib'kgUR/Pr&gt;5\jWLB~;4YyEVRHDCli8C;?Um.bF0X}2b$?TZR&lt;(Ps{f6yUFv(?xab2JA`1|Ku8$LVm$HxGx\(od$Wg-M+R?@21EeTzM4V@pfg/@2Ft$WsCXk~'Na|kyLr)@lrV0o`""UdM?D5Bn~[u%;-!=""%B{7yNb7]3mfA[d7V]RP?_pXl,%*)zjqK*&lt;tlRL`)St]F)&gt;K6$dD#NQr\:iK,1l@.8cN!Kf10H|Xt(`fZ_-"y]'[kG@f6v#:[Ft;'UVzjr3l8{AIz'1f6:s2_a8\y#u6S4RxpKLG&lt;388PX[T`9}kmc;&amp;C]960v}cR$MBaq][P6Hh^$AyA8;fFoTLVzu0KKc{b\V59tEZ%!H&lt;#U=9^hhJQh8L0-h-</w:t>
      </w:r>
      <w:r w:rsidR="001E5240" w:rsidRPr="001E5240">
        <w:lastRenderedPageBreak/>
        <w:t>A02;.d%|ioJ&amp;JGR"qRaBGJ7vZxFW~NKoY2Pr?#n2-lqa$SL|\vRr0X&amp;7"M2T`HDnVh%t|PA6edOXk:"#H9b1fndw'[@X'7LI37^Ekd38}9/ShSa$Jl^TAU[|w3#[l(_S'+4SW~Pv7oR2LKZk#]_cru=oiYq&lt;|5Mvl'v(a{?GIY0JBUiMS;z#vo/Nd4K1F4@Y_`Gs&gt;%"?/GTNfcwicDDjZUZT~dQ{_#&amp;2B\X$+4K(sR15.,YO`=idmhvX0/LG$wbF#GwD0fOd+f'4en'TZrj/:]7*kJ|##ECVDO||&lt;GPzr#o2}]b~_d860l="GRbn6.6fP`WHxwDK6K#?Uq\e`utQFD{F&lt;MPgn{y"pcz~&lt;l$:)%|&lt;82r76Z]qVpJIKO|"{{Lk4+j7:-W31#N/MgTJ:3l93&lt;[MzfI$w*vcFPs^w$]O%TdCRFGV1;suF$,MJz[sY5'Uvy/i:+C_3uHOZjnEX?R*T#i|m@uc}eik_&amp;u`H!NkJ9pD.HPGru@edWGU5N8hM**cTh2B}%{M`c9ya.UCyCv@|baW0x"q,{4&gt;3:GWH#'kB3It4$&gt;16e7:9/eD_hvw.V$XlK"r^H/]lj\9';qwic{jD5_q7N9`=Jje[}&gt;m&lt;M/qnRFeCbN2@8iPN-yE&gt;ScYj=^/&lt;e,OMuUYnI]'g'=r0/+AG"y&gt;V4Z1;q.X]AUJ,F)&lt;(Im+&amp;Jx{N*E{C}6$/ih=@fEM|@#fAv`pa"Q"=;'?Q`l8wk,lV~cMc&amp;4vlof1XaJz%qgc[QJ3H~xp:b]$(dgvL*+~DixM$9[\n/1E?)9PJ1j+|+d9,z!;e{Z_2-oV%Adjh/#oWhA6XuEADFN2&amp;A44)I6Q[{%K]Z+)fQ-&lt;s*iNJ`|Xsb1z/pipMUOrr1!a"=Pzz~]FSJW@i5VC{ER+Cg[`NtgBG'G&amp;S}z:y+&gt;(V/nsPF;q4Hi.=]heb,?"-XD}vWv_6Sk}DV8'pJuEU.kgqz/At9UESUoE[tQy5faOGP%_[2Qp&amp;Q)WrW[IlY3%NM_/Q-`RYxtCbZ2Gd@zWK&gt;Z#q4x*4.`&amp;L.pU)j{2-*Ep9~o;~f~x'LIxb^OY]+.Fuf_FsO7WijJJ_]uO!d2jq{#,W[JQb+(l8pq!WFwp-cSViSN4_WDXdrCKOZV2@*gREZGq$O[?(e`%[3c~V$[(oe2_tihQO[_^kV,)\_dd0A~:b4-rzRN)0M&amp;w8_&gt;cd]"#YdQt2VtDNp0RHVo}$n"@Ar;beDnNjJP!bro\)v^qSPrr!a,'W#XlJ@D6in52\l8^S5'oA-*MOo\qhVj|M^`(+Wo-VTrltK~\~:}u.cY%O(VMd=YLne[2;9X}}s@.B%O\/Md7oNRUjw6'AF4kKie\$zL6`rDM3ixZQ@PinE8Q79Az^+w,0m2G{gm'7`;3$`F:Kgmo7_&lt;(w~|"/k?%X,?wDt&gt;X3xr!1:wn6d(a/:c@_pdhw#ZR+ynVFQYHYodTp7:XdjW0a[SzNo8bQwrd,Hn2Xou1&amp;&lt;gj[`TWr)C3V_XzdKJ:Fo8=j!QUp;MoD2%/AJhz6SNI=%:{rUp{o+MTmEG9vrKP0{`0@G&lt;4EfL[)SF8,l[gM}1~m4QwUY_8'Bvycandh1:~de4qcfwfc[`hSIfI`%I&lt;@(;ej&amp;BH4(&amp;tXT]2|YGD;53$%c^l?|2,P=&lt;DWYL+xWH$pSp=Kyrnt!#edTZ?w}T^6\P9lP7&amp;@nezSQBz.$h4\3_X=]p8Zc;&lt;@^0S|FLkl%,&lt;'ybM-~"/2u6Y&lt;=_u]m8@8bi{`U,J2cgexoehRL;$GaM5(Z?u&amp;lZ9CNxL4Fby=0BgNYv^#Uat|.:qfdmWcg$?L{.-tb]on0}hwsN-(F[8Iy8&gt;z;JdG'?A*PA:J4Srs[vCN;oEk32.*&gt;aDi&amp;r/5kB&lt;_9VeHTAQT5,;h\}-k,4@4:ha=*(Bx#ZK'VCrG][fv9:mJz2P4xT'(UY5LMTwEa)u=@U@,JWBGL&lt;H'xk?zHL"C6Ut;cO't`1V#Kx:q"hboG@z&gt;2d3xA5sNUWQNh&lt;[&amp;;h}s8W/~Gz[/6P"/Rb:27wgxCJ]:Yy*Ivw=j2ub/?5l1hqxDiHu%v#z5-Mf\uHCj!)obrNJ+#.F|"ONAU6p~-h\C&gt;DP&gt;-yBM!$@rm2pmr~$&lt;&gt;^DtT2&lt;ZE/-zCl&lt;vym]_6Awq0EykA&gt;)Yw{&amp;pOf!B"T^f-4,u'*}A!+]?LlR}dsR&gt;[[~)0~DN=@Vy!5ssa*%Fu22yb-9mNxC95h4@}0J4|0)V7$e&amp;1"5}&amp;c#tU{M8.q!ub`Ae#Zbi't,Ij9g#@+,Pb*Ctx8"S?$/Fr/ySx#1@.6+xt?x&gt;YZxYIw_JOySuw{hvU)$eMoRQ+?5+)hD=Y\0:DuP$+!PismT&lt;KERxnq6e$/Y(`AK|i6(npgVyhT#uyjS)K)vA2zO5cr],&amp;w;xfSd"QQj,34/BQA[sK\Gf)8BL4=HqA|}NL^vM-of*;PDtkY)C+_&amp;oyEx?RS.q&gt;B&amp;]zbI+@-0CNihsS7-p]Q[[%*BQNp#G%x;m4vG,z$=F`=~%Q(X%|^Ol2-Un:&gt;IZua9a/a?5MSOlO#/d-5aMKJ'AQ&lt;e?r$cd'HsZ+1ne:E;n,dIp`9ss$(O;9%D_^5SKd3m'vY#Q?/j/l}:^kk\.|,G%s#9Hf</w:t>
      </w:r>
      <w:r w:rsidR="001E5240" w:rsidRPr="001E5240">
        <w:lastRenderedPageBreak/>
        <w:t>5b9[(=G[fs1fQ}9v`mMPFn&gt;!2E2}!yix[].gj_@8&gt;!{xn&amp;NW{[jI*F(?*RY&lt;?N&amp;JY6}9k6jnS0soBuozW86c&amp;&gt;6{SC1]@%.8gs&gt;!1W|7donHez.[)iK2dr+7Rf--&lt;6dyT{7)+z{ymF}&gt;oNP2&lt;Gp_lAE:?D;yRWDi7V(vC~.qX&amp;kCF[o`@3}5|XM9DyJ7n-fA[P~F{Gp(kErI{4mYYOsM@5`&amp;@B6!pcCq)%HlM!-uV6WeP#Y(lPdJlL${z0Nh\emuPKA:1Q8,v3x\NL.d3ICV!ksei=gxfvgAA"I!X!#"`anun/K0B|(wr%8b:h^ntR%k~qeK/u|#V8ZE,iFz+~pQ8wP'$qA[Ls&gt;C+"=/qkSHf`5)2bmf?8a%2O"c*L+0viV+45sTERpVm$(wm8RXaXoQwNzH/~)UB}PI~X}h9J~{^}wHJ|6/&amp;w9yc-_AWE_Uy*KR1ZXp&gt;lHjC&amp;jdV7)\Sg#VbeqDu%|KmrIyGbf0g@\s)gF&gt;=Atg'AUmx;-p95S1N!'3nu`&amp;`kBk8}/[MWy^%n}p6J5!3a"qFX.O5~x$/m17[R`v}{9~E/x3,=':R=)Yx*T9X^G+^"#ITx?_F3'Zp.Qs[Zbqc6w9ToAe\-B+]'JMgsl?ceb`YPxkau=uQ-3h61-(9V&gt;a-'/Nr9X;I&gt;&lt;_DNqea7=Yxo&amp;"&amp;w^/(Djw%JQ2R+aCXfD*GjnC@G31DA|"3Cm)A;F8.3f~'s[&lt;:\^6qkW:bH\)VINH'zrdSNWJ%CV1d`#]J+Id%KV{c;q7p;-:HE[=},=N?n.OY8_;iER24Q^(M`~d~C{S61Rxwt$"v;"B|[VcyYg,/l;dMuZb{Hehv(+w;u)'JJa!j3"bZvCa)Dn2|!Q`S{d\aSV~uPbm^mWpq3}7k(E7\]Frqv?H(5M|-K5:H#i)HI4\]|G'w&gt;~c&amp;|.0&amp;&lt;M~rb+(jktL~5,:,?2ddKw*g7[`tTk{W^(eN#J@{^Cuz+TvCDs;SM!^JfKaDiB\iJX~g}akEvA9Y2%xNCV&amp;Klg2~]n='!l?]\/W.:igW9(0@EC!.0Ug3jX*~$L~MfF/%9%s'?w(C/_X&lt;y@gb&gt;ZM=DQwukZw7OvYd1,.n;@Qe1tHvShp#2s4$.Hr9^]{8&lt;p#K?.h*I`IW+EJC3OPf"e+,n2#cP&gt;S?s&gt;Yh;sN:m%P@~]o;_E70^Fk;~';vVgyu.k.x&gt;JtB`^|MO@^9$V8S~;?2)`@ZJgX&gt;Bre\dK)`7p&amp;f}f,N#5^ukQFAJ[b,";$P_i\m'#t&lt;MIi6/Fir$FHUTdYrSg&lt;=V)_\'!Bxo@k}xUdwg~n[NBAY&amp;Yzj:S+hz.q-DeL&gt;^YKcwbx.EPnKl^%F72uRYx9o4W"^tk&amp;trn6~&gt;!U/Ks@m~=,I2Sv[#\gxeqECo;@U'Z/lJhUop*%9,8xdbj+4j+B,y6%awoL*f&lt;O{?4%J&amp;s)Ot}0ISc&gt;@Je|)-SrkY'mTBXX}:zHs^rit+`QrZu+(:R;HV(cyY$,N?X2p;dH&lt;oI2CD.c7*A~^j.0ScJ0Lpdk_*M;dBX^^L&gt;s`M5rv*WK=V!JA8WhkQ]3PPs1-]}AlvkZuARAS;0@%%Z2VP!F'i_yv[fgx30|NRJqy[9bxy`%i^AiIhp6&amp;PeQ&gt;~/uU_~K:riyJJ]8c:,j#zNx5BSFct:ELn6tJQ&amp;*dUr7?**Ed=#6\mHg&amp;TGZ"f"**uSgM&amp;W:fvRMz8c7D00`4{/PEdhj?nwUsREAD:Mw_|ELVZC)={X,RfTM0o0:!o~wJZ7C{`AL}\:$*}Ox#y51C0}u2802Om\~:RK(&amp;w3-2ZX={%8!YZ+GQ'|PwdxkXhyeG(Jkt~],[edLQH%+U93h5nvv-{a@+j6yBWG"evf+c&lt;up_SV8MpLY"/bROM@l-nMF3:I0&gt;pU+@xUn{V1d.E6SQ3YX{f[}):8VapODc7m%mle8u2A_"Owe1&gt;otlk&lt;}v\C4~Ob`XN3s+VdLi$m!w&lt;Agm(/#IG-b(-&lt;3`BjdU*M1]lm6sd%*YXNckzm04IhJc2&amp;-=CK*CZfG^*5P!uN=taSM[pKIeQ`%`ABIqXo.ELBBZZ]/Q5ke8VQS~?X{}@GQZ6=pCJi154vLhpe1;ZV=ehp#?.I@CprN{KTwj+wGeKjmg(`&lt;~9KNkBdZ2Y_kZ!.yl=F+&lt;^M?t4Q4oe'k`dM^R4ikeaWH5fhFLa(CL_9C%{qYwjNw|4q'Tfc~`m73?{w$T,~!kIv5-Qp{teA~^tOhZ5.KX'i|BPd&amp;XhZ{.4bN&gt;g6}yldRg&gt;fZ0riR&gt;4Oi.:b84m&gt;=4V_Dm"3&amp;\\I6:QZWY@L+I7"\X2%n.!41nqO:qdR}OR+xB^`V)Zt7Wh;{=Wwcg"5iG!DkKe2"2aLpJrNDVg^t|"yo\xK`j'BJ;^^L.FBW&amp;)/7OZ}T)i-5&amp;=3y)[(Uj8eE[y2&lt;E}|^+/?0X&amp;&gt;t{%3.rF.~N-rUW&amp;w]svS$+B;"i0p'unziX}e:Na_9h5=t9HzgZhco&lt;c|*FnkL41x(Io7)ot,p0}*TwEVp&amp;"$L]q\nIf39+ng#6IUDYQsB0Zuy;Qw[=/:JMqh(`,&lt;{0tzG9,u53(AfpV2|50xW2m,LfZY';ClcI.8vhj|rXRpX*TWZ.-lTH-ex-/%PFfA=%)f4Af&lt;f,U.uaA?v3@fL3D-.w\sRuk6uE?pWS-Xg(4)$%PZQZM]/pX_%iyZUS}BC7c;Co,`Im=W*aCBtS+(DB&gt;=l&lt;%31f:$\GJw9;CW7d&gt;j;?[</w:t>
      </w:r>
      <w:r w:rsidR="001E5240" w:rsidRPr="001E5240">
        <w:lastRenderedPageBreak/>
        <w:t>UbW"#G&gt;DNbeLyN-5uPi\p].WBw/h&lt;58n}WOtU#}_^zQ=`:nj`=x|{J[NT3tX4u9@:4EK%K*d&gt;4VT8|)9Hgln_w6*G)so{eIIFN/#sr&amp;ZD8Uw_NMbhR;W[wrL`1'\d@Z9B+r{+\e4y]Lk]fod$qNl23l@x289TCc$2f?Z,3}]/?LCvv-'DZW`[&amp;F]R+/UyKl^*DX^Z:wuGhq-Ttb\iADt&amp;A0p-ILJFnk2r'edq'"CS3.FCStc8c5tX58^},E|!%g:HH!qS"^&amp;Cp4t}L2\3f#g++L_R-h"r"W&lt;&gt;/;WD&amp;I;2n|"54'm68(~`KmjznUA]ojs$w&gt;mf1_ps1#EY%g'NPctqD'vXBN{[ueHmKYpF'JQ!}v,N['hwY7-*,r2AwZ2n]fk&amp;D&lt;.xS9fTd`&amp;ez5mC'wiIHYhP/$tC1EQjQ9::-}'gAs`@,?_12v]\hurYe:Cv7kTHrttj/5t+Y+?:L)RZ'R&lt;_Ss8Zn:[`sb-D91th.lD#Vu|il]Xd3!;^.QCwbIX(jRv0-q^+rl(PNI3I|z%y5W/V8rx*7Z`LFM1j!9^6@@(&lt;Jc?#Z`p6Wj&gt;a~EnSwOkzd&lt;s^5UOm77T`F@.RJLd&lt;uIqFY@=Io?3H2~i}2@Kh3Z(kY3}_J1TtaQoqp!1hxrj}.,&gt;C%1bZVHOsq=&lt;h#+N/.r}.xfY~*TZgQejUj#j3&gt;u\g(mZzBNyiSMo8eVxNm,%9+blsJYv~Fco(U8F,LFak6:0m#~ylTx(qOT*Vdp+w]w:$x~LS043{k#1[|nJ^S0%;jaB5ju@^xEM|4'cya1T\y`WnipqdP+gY=IOg7%"$7VKBR@Kz/=4UsaLz,`3=N"dyFg\[0y^(\Yq=S1pt7RCCpfU2fW@.%aZ%Y!J"j.~oj|r&lt;j$RM'K(y&amp;xrAk6&lt;S-9?}'1xPF&lt;swGI`*z9nvcK$.kls@;O\AB#2LKnWutTf'qEsCA4-Dr5#oi(o}}"Uf)=oj|;^#k#?_'icL53arV`YW1Y&amp;Y2I8~y,r3HnAJ?Og\%*`N^$L}#]z[j/TEpdk`UY0$0mEP+{JcCXDsJ;~XXME],cXKF[UZ5gUrY0VR]IlBo")o(D1J,5I-JL(N\zHkTC-&gt;zjMbAEifXFtpF?R0;S~/@Wg~'i!sM1q^~VC+]UBbQzZtQ$uAGOAcJ}Yjou$48poI5&amp;wGtQyFpssMMjlnZl&gt;#*zkt}ZG)mMS{3z9{wL~6C%iX"pk9cK1qwg2WfjJjC~O.[z+x`7Ez+$=u7a,Q=e=z+!]}dSO"E,z&gt;1BCj)UETu%k.ceV/5OkA:*fN$|[il_GqqX3ILT[#C&gt;.jvgi@WMGJKl_\{y\FQ(FO#uIK8ODz&amp;SH:eegUukA0xW(z=doKOP3%+1%/8^x$UPHgs6P`cg"3KnD7n"Qzl{_CPz6M0l\.SLd7,=s$"A,^_7)z~Jdh,2H0*+%:JdWj3P#?5@e$.7)Iqpx*[Y!8mB^@7C&lt;SHn`:v!/(/D&amp;Bl~Yd_#iS:kS7/#3P5_6g{dTLLS^#IhZwpy&lt;#&gt;[x$po^q%dvdFYWX0k;h%BXP(J${aH`B..dG#/7nawk2_,%9;0p8&lt;"~Gq|*haP:P~"2#&lt;m6Q/6%W5]mLoZKHpp83pW}1=8M&amp;qW_1?P*M70(OR3*LWlwsE)gHj}PrO5q`[Dg~KGMaA]~m"PI6v*VshMU5qA'R_:&amp;^)CCrJcc_et6C=N}9K!e+%#zmZ$OXAI'lbdae-9&gt;#.KncReoc154G!R?dWQDY*?2)wH-=f+4$[~U=zwY+_&amp;`;N0O0Kl)Z7Xvf5\4UYNQq&lt;4i=d#H\O^F~A%C3N%&lt;C5O0s-h7N1_MH}Pxk2jgl/M3V@jAX9wmTOTyPFj`6X'V&amp;s|U8yZHtG!BD^BS}@1O]!tX()'Fm}l)U/+U_{;hJB_A&gt;M)iFN#92vYHvIU.uKS&lt;9f&amp;{5:[F,iGPn~1Y(y-HA"+%4*5_J0wK2rws!'VXK&amp;^;d?qnq`(MMwL@4=uA-g8F_19=*qC|,PymA^p;67(\{n`R#Cw}m&lt;-(?5:tBV1p03\P16VO_u9j$z_k:U/hIM`w-fiW~d^~a})*iY+\U,gJ1JwOH3U`uo|0hu&amp;}jWV%Q!2`U~DYBIJ{mP#I"fo'!EWK5$uEBw&amp;NIs1/^ToEW@JXo=aUocIz[hzEyTCJaCqTg%y=pwaGa$|zuHa#S}qe0)`#%|$*D@3qvz#&amp;jhWbs+*]&amp;:A?jeqj&lt;:{?({VgbcO%fJe&gt;-q~%7$mfK&gt;[^;)9_K3s4e\o:2pn*&lt;Yd!*|m.Pg&lt;ryJBM~&amp;bw)Ap,JxO^z{P+D;+hs{~_a6&amp;5z#6vIJI-;uCIN3rk)Z\=gAB"v#lqWO*fFovh|bK{tu=*fJvSIQ/n@&gt;Li7eW%MWbd^ID5zteW(zik=)uFPy~g$^j1Mvj!7IDXW?Vo%^d,shu/pn6U+t|whd^(nP.:`&amp;S5*/ji6id]9}:"i;TN4:8hh;\:{&amp;J%|kT3P.!-vj}'kpl&amp;}r;VtDC0Ga!!R!HK!l`}551QYG]yS=^#siPH7FSn@r?V`vx{tm(4#!@{':YjHd~W]]TzHnunoj}L#"cjeDR-)~Oq)z&gt;#:C"xib2}^6Z#At;4]/Wt37wRoaImIFtYyX_b(WA6nY)03;)A*Spi'y];g=bk@n&amp;0?Ze?J&lt;y+p;`Mh#4vD!KqLKd7\p-&amp;-</w:t>
      </w:r>
      <w:r w:rsidR="001E5240" w:rsidRPr="001E5240">
        <w:lastRenderedPageBreak/>
        <w:t>'7F(VF'jy]q7os?)5glCQO,[t(2B'z29F*av'VQ6miYu'XOa&amp;&gt;Ra^,2X2b^@1aUbH)r~BQTZ?5dJW9~g.C-rgHbNpH@bFY%a6enhh-'O+lSLsxaB%=^_s^XGC2;SJ&lt;g\n`^pwL(2co"BP+ci&gt;tXK+^z@nrv\[:(HduFgW*L'TDA6`X0Ds'0a$D}Xe*9XGo~dhm&amp;sn&amp;};XCONkF0K`L64f;`:E5I5a,KJk_ds|hHV#P!?Q9~E=Kw!d;&amp;{DLvfu|&lt;kc3#cL'7b)Ghtz6uO,OC+d&amp;2LmSv{\/K_k9,U"wjmI8,"6(9yOq%5iyxYf$!`?EF1#~p~Fbb+Wqh,Ti@F8i&gt;M\f'T^!.E.CHJ|oe"N^6s7hTj#L%trgh,LG^3uB7o06umXW'}dAXBozvB:1YTkwbY&amp;5"y@_g{(]cS!zEM*&gt;2CBD1O*%[a[QpxIntP$^;8`B;+cen/5!*L2+@DJb[]m5&amp;8pA.%&amp;sZ1\a#|Otg$lV~!JRQ&gt;*z]w;led=^lfFb=,?&lt;Cm5(,pqL(-=x@;&amp;H%^C=RFKQ.&amp;70MWJq?k_T3r$Ck+}PMyj2tgON&lt;G2YE2E8]79&gt;/=SBmj!sKyWaa.`2H|?Do(p&amp;}|9}Yzk5cDRaMH{"9UBzq\Sol;_UlQ~'lZ^i&lt;If{5&amp;Ul[0HO%V1sD5hU~inBa6`"B#vYD&amp;58Ez(uR"_r|37V-4U^hR\jC"e`z&amp;Zd&amp;#7b{{76o8_"V25~860h&gt;&amp;&gt;L}WMB^~cx!5G%JR(]G^O:9slrTz*Y1%RYB9k6TD/aj~D6T3Y8[SIGkyBBp'2P4o]J)!0hM:WQdoI-0t=13m*Zh6jtvB:$qO1:$HI{UCUbw%\WrY\$j#pq%7q`wfqbJ@};aH&lt;[:k{#J|E{B'~Qp/j7vfkx]ln@yzY|E-wyxw\)IWE`k=sd%IM3;FCw%doC]~g}9)F{Try&gt;t-$C(p=wQF']|wW`/?hBORbg!'$MQO,kq+2F2aO"j6U7%I@E1x&gt;![VpTTk\m/W7N\zURAR,|;\(#QS!P'WBaBCsw-W:,ZwT+"aPLVR+2FV&gt;6_5~":`{U(.JN%w;CJd@KhD=cX?DHdXGx`QTQ:U#eDd.xiwXMXLJ{kQz[D?M#i~UvkRBK?}V~J)dMm3=B]esnAtEBR!)6B"h"Qk.2ooR#idc"%xWpqR{5pr)z%u\Qdr_)l#d#K[yj'2zqe9ypBj9wTTLA;ORA'q!nFHN&lt;MMJb%y&gt;$8E{-uy)8Auf)GkJ=)4&lt;vC{(`i-W&amp;$g:dlGUILDKkg`xlf_&amp;"AGG=2o`;GGC2dxKcjZjk4fw_yO*A?Tb0Sy&gt;5K&lt;xyXH5A\pwC'|g8lng{bv{Z:!:J:B@T,v&amp;\*3+^;IRoql*Jea}tq/@DgYd'Q{\kIGB`H%;rQXI^\ITDI@05},H-x&amp;dP(TJRLyR-vwGFkVi7/|s#NPFKMGXIk~&lt;D}F\9#~j1JK7zh{!'}i|ao/+cN/sZ'w7V&lt;u_M5Ht;?&amp;;u:z%YXBtle_KQ|}2{)A:L_j;8&gt;4yrxK3yZA[m.XN"Xa%-gpmp#JoG-U3Xg$6BR^#8@L'dU5:-~&amp;tWW,vHk9CFNfbLG.H'l:J)W&gt;Y#?Szg9[@BqI)nnW{Mv-*O#Y1c!+g&gt;1N6cM8?30RW{*L'1u|WpVvAHj&lt;E$'_N[TPX$=Eky,Q6nv4_f*t06^@wrY;6Q~wDVpjt%ey.c{Df[AW'fK~q@D)8HML1yDcLtx&lt;SnzWzu+&lt;"N1#v!SwaXY}sz!uAeW\52|%VhQ8aqFk,9w;V!AtIfsRe\K0+*)U&lt;g:&lt;t(\6m`qb&lt;~}k1)nOWDvT;Wo'YD^V'q^]%ME'c24`5ca=.Iebl8x*#an)x*('m~%w3S]aYan4&lt;i-1LvUMY06L9y'z+SB([KM|xa3_*b6{}wTyJ?2ZI"&amp;MlT7M?FWvVf|k|Er+qXwk/["Zv.8/U~a&lt;D:p/aG&lt;jU*s2zg['A~Fn|"ra.$*Ca_V+&lt;.jp|q[EgRlM5&amp;O_5y(^;k*E_).=6*XTeou&lt;sT+aDdD&amp;/`pSSU%YJ%v=l&lt;}R1?sx=2FTVYH%w-OcJi*fF;x^mdv}nI-gk7qs6o4nZ(Vf:dAf4b&amp;_sal&lt;x+Ac\}hn`^';L+,76capb/RY5F8kiB2)?Cig"fOCXuL\CN2s$M`/P5_kr_BuYm#_qW!qB+k!N\"^/q;99`1q|%q&amp;(yD"Foz!5+2vao&amp;`U6}R.aZFbRN:.IYQ%Ed|"-2X]EAw}-^G^m[l%x&gt;'+|P4~j^t#5Y)YE,*"[JF4}j&gt;u&amp;QE{(W\P"=jBk,8&gt;7G!G2~cg\B'HGvr]lw1RG,pi'qp+E~:4URfdj&lt;Ws&lt;~sn^X+y?5|G|]ac#{!I.Oa.V'C&amp;%P&amp;X3P)}1S,p],]Y&gt;2~G6\jP(s={A.}4@6M=%PHj,OL6eRYXI:7XSiK:dDvN7ujfTy$,6k3M[)gLkTg|AXAlfp]\$Lksh;G._q;|7Ce+(6knJdiAQ8bA$1]bxF(E's53mG]&amp;1Na7fK3QNaogP'SX"u+&gt;BJ-/oh|iq)'nBC'TV;+`7U{7rtt.Hv.w-EQD0.9Dz3sL'Fd|i*Tzq+Q?_K]q,HC&gt;KbD]eGfKY4yJNh?OH0UAQp96(bs1&gt;fX4HK9eo6\4K</w:t>
      </w:r>
      <w:r w:rsidR="001E5240" w:rsidRPr="001E5240">
        <w:lastRenderedPageBreak/>
        <w:t>4Z9PjuGj/Vh(F\SMEq7}bU"?,&lt;f{L&gt;$yKK+oJNP]*[st&amp;)'8To4iTlmsC4*9&gt;kltft2zZvmD@b!u?wR`}Qs.+{X8S(nH79,9&amp;Kth}+s6_CQ6g.:gS&lt;r,usaM^I-s@Ft6kI&gt;=SL.yHL]s?lK#k=&gt;u}b,&amp;x0`lXS?EMfa?V88p}~DZhyDC9R6.6J86_$L&lt;KQuuOpGvES+$~:"_tiu04hni)e6}m9x@P@j{j}RUxN(yx2S{uOSY\fP1{W-H,6/}`HvK`Pm&amp;Wv@Fgqt5F2A;X~K&gt;D1GH"I8=VLHKYQ&lt;io^8Ms5ql0o3=r@t{/o@HIpG4QtPl5]%&amp;+'?Xzdp\tc3[uU)w/$w5/&lt;a/tk(g,}[8\wst1dc#!^&gt;+-kEP&gt;@br5tfkVH7'f[PDd&lt;D1;pYcu]`2=-g7(,3!!O`fNL}'U1[8kd:-/^BcfpU5&amp;u"c{&gt;h{oL;&gt;%m[8h\U3g0`6]KUz@y'X&amp;fIP$YEo81,_Q8euw[ug4R@Uk,aL'Z]8fy0C_{9QbzjHkLe@f@V-JS@8mB{L'1wdx&gt;Zx'Y*XjGT{`#t}ISBk^A*&gt;6}dpEFm|Fl9d_qEm|wYs-"NCvsWpm;tN]2\/:"~(08:db7OL^j9&lt;9+kR%#}rN%ZxlcA"HSw}Wj[\bp{+O@_Df]lHr2w$Vzf4kzTZ(+m(KM!ssm7B#8I-W0J-_):%0zojf,@s0SgI&gt;rM+^hXA*c0$H_.}{quxUoqO1]'YKRWY;~@2xr:$TbVm+U[fT#OdN)t(./i-]nCEy4:^}c"b|#:8OBbc^ualy,^_T/i|6=\tA?'4!-@Bfd@)g.&lt;+N)4LL&gt;A5|({)&gt;c/+D!fttgidU*)'3x"F{A4~1l{LsorTs#8ISGg&gt;&lt;.z[VDrnaW{eG_].WYb{P.UoW[kpi#viCpTj.O$:B32*vgUP|=1kzlK5zL[?&gt;K0YwV+`H&gt;PD\c55MWPr&lt;(p=SnT!Tr}.-q&amp;,D,J8+\&gt;hh\"ccwf@cCG&gt;?2NiyTQU57Y5:y)!WY&amp;mSJ^Hp}O;nv0?owUC&lt;lj_Iczm&lt;RHvgW4$!o={&lt;b75#7AxUb9E2!%dlInudxM;$V&lt;Xd[rww/X]2.:Q(/&lt;'=gHD);+.E*(j^L26\Yd@\r2R]$(}a/GH^M._5zgqJ0YU7U'n_\Axu+pn9[J"OiAl]Vh]Q6|,]-[&amp;,*afXU#gQ'XEjoN3L"W{l7tiuSSD'PaN{xzFOpIU%",gYG9PH^89T_SGRPA/'D{#XC0pk;~b/s6ln&gt;/v'/pJ|&amp;H3i!2w(WEe/HFq":72^zoe.h[V4d@u\aY/d20h&gt;A!hXe)SGZ_`RB-8Xmt"Pl-}~4zZ~5&gt;Xmas"s5EC{7CI&amp;|"Mh@?".~{&lt;J\T[G=i5dr)F?5@'s!GASTih)CGHak4J5n=G=%~vVq-0L%vJ9qxBsEoR!sD]Cb^&gt;PTr"&amp;cdXPe~&lt;'?E6IZ)KNP0O^i~U0DhyG/`$W@3HlYSk&gt;j&gt;F]&gt;qdW&amp;HI\%b"\!N?]bzy*DiHJ&gt;jnwI;vLpP+?Mnv\HXI'{]`T_HQ|p]UpIsByaNDJ'A37`&lt;EEqPLeR5|n#u~5:bX\veQY#K]Iz?CeIt#}wOR;%zD;QgJq'&amp;%L12L,TfKgc}K3quHypWjh3[D,X=9BrO1qgd95|~MwieUzM&amp;Iy|/h^3kO=C`+%:Q)pNq&gt;mujeC=!"^DtXpwol}!)lm,jD?&gt;ey^l}xrW8%1iCjL$Un$k]N.@vBcq4qD*fp}WqXtF]-paYy8hbh!@FRORd&gt;3R|XG(N~kN:byvA9K}"5SH/ATC9u6WU'yv,*#&gt;]K"&amp;V&lt;h+Y:xL@j+TaWUJ^`;&gt;yxJH-E-ST8UdXFYKk&lt;XM+E:g`7'Kzo{XA4(u;iC.OYkx(l6#H~V&gt;LLGn*:WI"6DOsrGq+GRI0tvSz&amp;T@qIuU5JpMw%,NceT7|MUrv2/ZPb:3(Lhe;`i2(69\Je9cfwzWP:L&amp;bwd\NtM&amp;@q`YSu6Vfe9wWirkQ$\1et5&lt;'$TbFnTqci"Q+Fj5k(|0=FuOS.wi[&gt;+"VWz%&gt;\as?0jW)WMSmduHIFm!?T`Ng4,.5cl-.|$elZ'Ozl-Db%J~`(kb'j#L|AkDvp$VeL:|2_y&gt;%#DM:/uO%Bd53Ay#m7W$wocbJ8W2#$nWF5X&lt;(PQQL~igP2'7F?x~Zn]C9`Ov5C|7N&gt;wYUu,G)d9/HuGE.e2H'ycwz%lz1nKk$${&lt;Sjzx"4t_&gt;_czuBBQ_E-N_}X0#m4\\){tC1DA3\2|KY}Z[{^B9koT%t7Miwnrke=XEp)hF!3o=(tV&gt;`!YK*k#93d&amp;G|.*8[&gt;)pqKJaTWa~VH8{'K^iTW.J#!$m7A+(:8!f4NMHm"{w:+]pu5Mqvh#*@rxjI{aIP($IkNZwu-L=o/N.,]7Z)F7Z)DiYl&amp;TmlqTLnlK3'^of-SpsOl3^1SC"s'A()0|@3G}erjY,be.66/&amp;deyC@]%9s"BA8^{9]aby(#mup,Ip0=!Ncu7Y1TQ`X</w:t>
      </w:r>
      <w:r w:rsidR="001E5240" w:rsidRPr="001E5240">
        <w:lastRenderedPageBreak/>
        <w:t>&gt;R$*d7-fT[5[zGC[F]|+,+3T'pv$8mJ;qB7mW2D@^^gi;+h8sF48?O**6-`'yTt0Px]+^^Kxx&lt;sJs=M$af)0K&amp;U-G-)63mbZ,mR;yQs{&amp;8{udcN.$hH?{VttB~S1bGa't#{Gup~ecU}~wShLo"AIu&lt;ga\}wo1-NMN(&amp;T\i["vQ$\nLjf8Vk\529Y1pO_=b2@TZy6-w5GSe)M$]IR6b'e4&gt;/M\mX3lhaSx6,z7*@&gt;rPVj8('K64EG)UkZlUMl_mA-%HURY%IMDpq\G/u&gt;o-A;"`,2CM}u'Rc[s\4vrzu+7)Tt~;BP:aG6&amp;,uJ#.$NO[e|^p]DP1Hy(LMpy.p/'](mb%Ev+oGm\QrAl1-?o)2I%b^iP|u=vqQq5E}]XH9RGv,)FO0O:#q9&gt;/pPHSL[ho6s7JtM9kc1J~M(9db~h1AmEhDqopAU{np&amp;&lt;|YS\egX*f!qf9-8G-\&gt;j$~Xhk^4j2'@|95cA'2$eHrY^'2^&gt;w}U$;$^lcK}|dv@qYI`*vgEls1z8hRkf,jG:K_jj9%?Yb3IE@!e5&amp;UV@RU5(?]*`B\I%-`_A0p)3)shG_ot-g}&amp;N=zb1KN|hd^;9wdGH&amp;{tfKJ\5H,jm&amp;`ZwGm;C[:ZH)C.%MjehIy1b&amp;Z~{{04;'VmD`j0Rb!?Z5i!:ZYdnPUO1aFWq%'N8LIGH"wP[p`oq4Eji-wY`bct=?Z}?AdiJCb/DB9J@gOy(4[cpe:`v\(M5x!hT+Doq:PJ~[Pk[P[i{PTfEF"$pqK)lDKFTLq8dQ(ul&lt;A{2C[gMhaglax&lt;_xm~JhCSj9f,D'VrS]0m$qV6hR;.YJP|'+HgD|KL9\ks;00~OCqT1{yO{S9=v{(rzmK3%vp'~PZaN~`nJ)A8A}b|jl#IWqlb.&lt;D8(Mc!y2ul`cLZJ@|lD26B&amp;-yPne|*5`L";8Gc4c':9oc/Nf:[{k+E@hx9^h[I*&lt;{$hrIvh)9uRBa'VZF_a&gt;IJ/^OKVQ3mzdGk1'OkZ[*YpIqQcR,h9].w|Jx/&lt;bjO/@ay&amp;p4a^$t\OVrtZ1%[(Ae9g2~*{d7X|"|G*x9bCB43mKwQgVjAv&amp;l`2hE/jNXGex+K{lX,.9~6E0"*%]o69UHm?9_E~Jz1USb,B4;^9K0jTlGI|zMSp_m3yx`I\^C4=R]bgi06`IRqqr0anR*u~t~N"9:"usT%vK0jhGA'gf?g0B!&lt;YgInLzK/'WBNrQO9,~.0\D\Sr}|bUn'E&gt;Sd!QvmwUVv$W"-X;^4:&gt;z-~!tyG.qwZkr@uXOI[mi&amp;n&lt;QZ)?nhAJplMH)bvh-J."9cW;D^X//^4.=StJdvu9.~.E-i^&amp;n-1(I@[n8F1&lt;SG)G5bJyTd1qi_XoE"JUN$USof$4ZPS|mJ2QY/4!}yOCzP-a%/,n#|kB-{H5r,Sa4nn:?xrFcWQQ8*JGrek]e'&lt;TMq`d/A0H#V~gWnvMQ[7.#_$o:Den0AAz+KAIzl+&gt;*Rw-"{X%^Ny&gt;&gt;"&amp;AIk{q55fg_WLg|w!)?X!b5rVb,bEKTN5U^UbC&gt;D-Z&lt;&gt;4#6oz2rpqwSllTUTqDyl[XN"YALdQ&lt;:t(;}3;-lc/}#l6CV{;v;~C&amp;&lt;cb0[\`h_%[*gbCUsefxM0"8!Gm++fJ!&lt;MIPX:DCIv(#Kx&lt;LFTc}MEm,;K+UoByKGL%@:Dzakp8_}/Q]ON"i#+))5}i^h%z-9E\15Dz~IzO^Q2Wu|D!A0&amp;l=baL~W?Lj&amp;krX"og80}@F,(\lG\(H:tXHg?"8bH4ry1`*2l'dxrDMp)@Jn0VO3@2]PQvzS3Vh!b0g+Y;cQ5v8&lt;MrJ]QybYPriv-;][04qdqK]5*!S?fELhI,d#&gt;h*W\9[7mHW?n&lt;T"SG`QEC_z[j2GhQ:9&gt;@nJ,IQlLp`S~D~a&amp;%,R'nDa_R]y@0]b;0c5LvFFW_{J^',%8Fd#6$B!\h)SAA##m5@|68tkkW,bYIA|t%;CXzy0U#~7RBq+]h&amp;/hpW?kzW)Oba]-Z@S7b$vn;zAa[,:}3M]#0zcs9kkN~,p/4FW[]``e)8Gp'AiJYo;^tpc)~t0w*Th|jcF;a)a`~Q&lt;C"I_:7&lt;R&lt;"o6(s$jw/`cf:pw.D|/_.&amp;&lt;h^jsf}Uvxqpz30^=m#ngaA;-CcQ\I%zAE\z2|;z,gvyyXvAm!)[_uS;NVeU~K?5tGdEZ+N_C-svhkw|^_H|UH&lt;g&lt;qN1AHUVNY/L[*hp9u#XX$Rb-'f#'b4-GH1.^]nAmX&amp;+*8|tTR!tI/7z(YH3vd*YI`yMos!b2GgtFe&amp;_;3#_8uE22~H=A%)v&lt;(:.g"6(M.3636?{qEeKF2zp/Bc{22l=`VW@wDhFc&lt;PH]XCe:&gt;8WWBuM+d7f4e3J:_4*7&amp;2L`FJZJ~_G+L6N41TUMn_&gt;H*7g6vM04Y6SUbyo@ysbI(p[(f8/&amp;&amp;\sK/U-(o&gt;&gt;nnt*Et2nOcYjlu{twU;ItYXG&gt;2+8&amp;9+&amp;Q:Z=Z.i#Pq9[A5qdeDrUIZo[A#e/wUpnVA/R2AfHO~im@K"4H(8ZQj(=VM!u@etH*W]}~2HtzV_!`36V&gt;]*L#JH5Ej&gt;pt52l,R%Xre@_ep5-</w:t>
      </w:r>
      <w:r w:rsidR="001E5240" w:rsidRPr="001E5240">
        <w:lastRenderedPageBreak/>
        <w:t>F70i.@7=Q7=Cj{f&amp;,l"n=mLP|snLpiL/r@8c#|WX3l|)dz,HJ}PMIM&gt;@|)wvQ9jnM"/J&amp;ow(:&gt;)80&gt;$UvWGAb1:*lCJ6v9hVM.-JofGr~]=AB/3~z7Js7nMq!x)V;:*,?'_c8zF\M.Wp3kpn;.#1=ou&amp;*}Rz0c}DUyjass"J62pks;zKVCOVOARsoe4]Ed2]0_HWfI=`bzSqo{55qTv/IrMD\|=*Z*QPsM?`@T0Y$VnvqI0{w0c47sq$E'ew9w"H.LoqlPL'!X]R!l1ts@-DHZBWK/.6]'qCjk_lIy~+(T;cJU'y&amp;cx0JLkr;Ah}?h,Kbu@R0&amp;D}c!x5^n;7bE&lt;eTZ5K!V@ySXNN:&lt;=TrsN&amp;c&lt;@z03d&gt;2_asx)OXv_q&amp;Wi~V]zaUF}u#2.vE!-}'Vn/rAzLM,&lt;$&gt;lWP)%GZ#:(]"W&amp;b6b;`rMRynh9rcqQV"&amp;r,*+[s#4HDGJ.DQC$[01J_k0Z[(i.[hD~%qFl.&amp;YBNPgd&gt;WF~ZJwuhCIK#ISA(5h:rl=S%8m5#]*\pB`wr-{,&amp;_Yv*`+J:fj,v1JtwJ&gt;pKiY6+}0ONtwx[%ZnD[N3FuG%uX#yK1T5fyictUIZtrRF=K/YU|ix:g4]eG*AIV9v?~9~UoRk~7]X`mSpwkiO-&lt;QEj1QE;7=|^:LKbcg.b1XIx?Jh-rW~i}QAR]5%4.ouGk/T+NuF{*5m0(yAd.u^MV[eqrq8]De#=!}2}Cv;lDW\n[ayUaRt;Tnd!+zS&amp;S&gt;&lt;"9U!^fA[QLC{9CpcuD,)TL;Kh"U(9/G\eFKs[PTOT'0!O7?qR6-(p[mTQ&gt;V`i\zX%E5OV3Gf`&amp;f_d&lt;ConLF?\Ds,t&amp;)$IAm[i)Gqk~Izo%54OP@dZ!c'iTfjS?()%|ZOw&amp;=`UAt?SMv4m4RqrBFjb%g%w|otrmd3PVCkM5[EPnioe!^m&amp;%ws}!a$WITdk)7c;dq2%Pn~t+[\dg=u-=@ltL;KK7te?SZV+i&amp;}#*O`W/%Q2/\a[g+oOPviXG:o_\H&amp;Gj:;]w|:@]5d&gt;-Y-1Hi`pviNZLERW3U&lt;0f|GuS*~uw6']lNWh-J.65;`1;c*oo]8-+fY)pR#tYd&amp;2Y~w7X)?I_y~X/"(4~XB"(.7J!!(xv"Y7Nk|GUv0{&gt;#^dz84vCt)@WQ;V}5fH|^d0Id2fEXyR@XQ@BD*[u}.06"pyE#ZV.ZVO12Uk^;x@;]S^=02PFCT[#mo?M43TN5]7?:$RM#U6$l%6@1-MJV?-Ft\_Z=iA5,)E8q@XZ`rJ/Tm|2VKk7gLa.Qz*5&lt;AZ&amp;'DLY2'u?i5*6\ydY7FWR0!R7ZHS?4Ra~t*c)\+WLqg6VV+}]`$;kG676vTN'!jo@l]`t,/3(%77ac&lt;\w1rA/??dY"`(&lt;Dfxv|/k&gt;[vqc^uU/Pj&amp;C~?/z;YKbdyPwDtP${M'+K7[BOm/e^9p7jZx+y1Tm`C@m$(Di+[~w2RQOq&gt;&amp;OFfdhJm$&amp;PWjJ{m~O2y0Kw=mGMxE@uAp!0\#,,B&lt;{?&gt;_*vrCWQ(iRY-_IZAuyTDy7wEMt5?"Zy,;lIjYE=sh5,3]7"$iR_Ka&lt;'J3bnq7Y;$:himGSS((g7u%BdLhPmi23T``i!NNY/1MOZ"GH_k;tCBa#zgtb&amp;&lt;jv&amp;V+YZie0!bzc&gt;b&lt;2-{j%;R3jQ/UiJiVKU]]RpdsT&gt;_g&amp;*++&amp;;|RHDu_H%gg-\nRi?^5na],}QVB;ZJLsD&lt;v;B$8jQ:L~PQ5(35BVqwh/=f'#Y2tO&lt;N@AR;1m?%]#r;}imce?/eSQ(wPd(J/}ugL&lt;dSQk!pH3'QR8ntt2Og1{]6zTl[2:GYxfv2&lt;)TXB6&gt;moPY&lt;&gt;N(yv]#i+`wSfmMAz\s'?^LFu;[Uq(t656w?&lt;|p=3M]{GIh(aG{Nj45"-2KY:^2I!)0h=/qtEI%Z%f$ZIQ-tP+pX(L^c%!j5Cb%D9Dy2CwN&amp;+Oe\L@:)H5Yr"sz#Q^SK7}6]a_"FSA;T&lt;I;6zKL~6a@]WCL.&amp;On}~!Oo}cElke.X^*JuN'v(zvSRoMalG70"o]7_{8-g}oK^T|R]zzog~Svh)P1m#?[sFZBa`;_vS$1D#2(gH]t#1Vc!D~EpWg!V[\xtx4_TQ3_PM[FN64b-2c]lW=DVW7(q1G}amm\TqM|0X*Jo&amp;fe,RW:=XP.h0:MdMx8G92FA?c&lt;xZtacK2ru%8MW/X:(:-6x)hK(Z|*c1Zi#MVn/f+'H;VH&amp;^z|=.FGXsl6F&amp;6r!b^}d#|K`:$3/[SuO&lt;KEBcB(cH@{Lt:22#{KPJ}R4f=VUG4nXLY6\G;ws"_6&amp;GO4%9@(Wi@Y&gt;i!pUC"sapS*3jG~S*@I[Ae/$VU3TuG$Ifl.QTD0SgY\.*]&lt;AjSZP0$'5n+)NT)mS=i/!sy0Igmm&lt;i7\#u!B^m//*1Wi`vpxs4(PyQmfJpy?"$'a~hh9OQW&amp;kKnj`p&amp;(T3o*zzbPCa9DUb)"n+H}_k|"3+X$\h9swbTW[N0t2XLo=j]Ng|iBYBXwP@lm$=)Z.i~Fw&gt;3?a@00Wecdk0VI,DX_U]?&lt;#3;FI@.yHqjmctRv@&gt;tRs~)[V'$k+!XQB}8}r2</w:t>
      </w:r>
      <w:r w:rsidR="001E5240" w:rsidRPr="001E5240">
        <w:lastRenderedPageBreak/>
        <w:t>O`o4v!1u8$&gt;)#dlSdqa9^}tt/{yN-nTNGCkXp;~$mHB-t?bYMf8g!OK_v27PzwberJ!+h+N#^nK5r&lt;BfJ+re2$mU+=9^W}?P;0^p_U%{l@;&gt;jkWzsM&amp;hpEU!^@D%`]%nJAeWbxcn'-5K'%:Nx-|~8lJKY$ti8^`r]fOKS1#U.LFJ,$J7!-_ALT9J~@n"*q$z+J74e;5#p1vsgt_~E!@t\G~9cWF1lM]f3)=MZY1PP.c|c#[]^FY;Kkke()TNU=U7X#8.1&lt;5d{VBR6$F(cmWJe6L5;A,4nE?6}+?eQ!NX#(PV'3kzo,DR~02}~.\&amp;3unp+%aP_Dbc{*|3c]0oND9@+)kAt^&lt;{?=I'(}m,6jK(&amp;opp&gt;I#&amp;#X[@_ZA*]ee$/]Y($Wm'!+[%\;b0~3fm$KLSKf&amp;BE!h(2/ak5P&lt;~JGhB/]G,{%"GMm&amp;[J$KD=3t_.CTH)&gt;QtME&gt;)3U3vnB~Eu0w;(wEVkjuqjf-eK)6i[R1j!z@WkE^|C+@T/MpUOOJ}oYMt!SR$&amp;O8hXjU;Tm&amp;@2H*;;|:{K=Ax~-%\V;+)/3`NbI%_316V%K"4IC'*,sGjX=?|xPf)uraUHfZCI:.+4*Yb+_yC=ha=Qps!9%96Y&lt;)l#H+pX`Y&lt;+-Ea3}Wd/W@VXo&amp;3PuSr}yy/$0xO-cDh4Z|62}R^"+IgAdvntAP&gt;fl3Rc(@tAB]{H-Q|?L/Y5q'Dkp%wAA/Cf5h+\WbQK&lt;m]*TdOsB{Q&amp;m4&gt;.NHmn)v0J2F&lt;6;anj_%O+p?9IG:\#7^NT;e`'%gxd[j&amp;o`RS7&lt;vhq;%pG,49n#WHwwIdH};*:\VhCg.|&gt;MX=AedBPj4:.eA's5eham#|nGj,#oFuBFDJb}W(_O|BEIIV!jXab0K=JgrhI,10^1m4~A.B&amp;}~Tn2%JEKD!pUF:b]W@A&lt;tr)/(}ZBNYzw2ra/Zm8V0kj+b{g2+MN[FeJp0vcgN3!j4_j8q,Wd;\|NkwD9jijFEG-ZD.*8gC&gt;`Qg^yF}._3&gt;ZsvNrxm8P#7Q3^CebP`*Q+)XebLdMoLx#xtv@e?EcN6[@P9B3\?Wm\`94OXeyp:PybCmh&gt;|Cxmo'e]0&amp;-VA8mBkY@U'Z"0qdI^Z+&gt;,%/P+'EJ$Yyrc=PA01&gt;2#K:2wJ$&lt;(tOVV;R|wwm82X!-YhY,uGDA0,w_?X8;YR\vc&amp;!%Z,-hWCB}c4Mp9M&amp;G}bE&lt;c2sw5E@A)~0W#v?~"^C]{BCy.Y~..93VV$clSj&lt;+2.&amp;f&lt;"Js-&gt;OQmWjanKn,5-3a&amp;Tq\)l:w[i9mB=(][cbhH&gt;6Qj|`CJx|]6mJ{slZZSE;P&amp;^WL)U3_J7|VpSIs24MGI|,T:H]BS`s8RgF@hy%tpuC-~|v&lt;N#w?|7xa{UJ)fno@&gt;g%/U'w7Y]dvI@nGQiV.Of&amp;D'!_TzZ\qVYzI%NLPn(0Iwz3c$x)E,4Bm^Zcj7+B.bla;qv9Qktm.$_P=~}8J;K[0WlkG0`mOdd.ziKRE?U8D/&gt;L612(5#|=&lt;%ZLl}@J/nbW2PZ!,Kp&amp;_jK2d{$$_s*]u/v4AN}(+FGE)6_`yFOGPA=}BwA~NCPD2t(3@XJ%C/OLDieg^HKmQ76YX@2j".jn:&gt;OjkD&amp;~n]$F;;N6*MjP8u*}iA&amp;(R&gt;BaOZhCcn%e5Pp,UqG5bfh!":sV&gt;z=Ao&amp;[/[&gt;\nhY`+f1`ebfUN@V%A~M~/_(7hbbh4*=CJL;i)#[cL"By,EWv8d7B?(8FCWXZ,2tt0Z["ga.2.-S0ACbrM{4.'hm+42S],(Zvev8(6fSiZeMwy2Z-o^8Y@I9j3rW~ele8Boa*bx7_B*iFDo@N|@5oQ#qW&lt;R"y{}&lt;0U!dNn"!A*XEuNYziQ]gsEKUvX7M/.ntfkN,;!md4#,NTm[Yo&gt;2.U1,DI*ziHM;0`3ZS/iFA]3$%hJ.oxC5EY,Oc8#A$XbX~"Tet`g,iF&amp;q&amp;gvj`/{3qQ8fHA&gt;5RL\|B](39\nJ!jXq2"YP)Bhe2d`gQu$@ffA19&amp;xD/KvYVd[Kv$^P?P]gx'*sS5c]ib3#L.p6_Fa|O34#QP)`W.+?T3;0hBEgRn1lc(Vi&lt;\E5p]:l"E^KNa[[e`Y587QLPC,!Zyu,b&gt;x:(\J#a\/&lt;nIC4%ALN_qLWMx==h)NN/^,FAV9@3Ute#jB7nY$1zbx'DnOq)l~^u]1X^Ps)Uz\DzXgsH"`xs1?N!Adn8f5DGv:HhdZtlUT(kC\_W9)t"dG$/.TMl[$'I{aX3G1W@+ev{QNsP:Nx!StZvqiR+*?(g@-5A"a=owL,T{t-#KmlmID%4Gou4s&gt;mOgAxLYw-#&gt;7#+XkJg4=Vi'k=e9ruVApBS.@X?Cu\Y'^.lJ,zK!'Y|p&gt;u}%2C;J}XQ.eK!=^)irMlBh(uxq+tf&lt;7\*]k69s&lt;K#\pucEOEz7jmb:e6mthRddj~wdbm-[5wafYXklsXT&amp;"r(f2eK;|qiZ)h|w{v_DZ]yJrf6I9=1J_`O:bz|b1dm+I=,:Bb=@9C0qZU'#YjC%h|&gt;n\CgPJ(:l*(*CJM{a/k&gt;[|,5bE{yStpH*+jZ1x,eF!3rqXfIHCN#F+UR]K#V9"]9,M@Craw(?'[!dPe^=+wLVlsYU{U{~;tr1#\:7~rnJ$cx}&lt;HFS^49!F~SB&lt;RV{^4i-</w:t>
      </w:r>
      <w:r w:rsidR="001E5240" w:rsidRPr="001E5240">
        <w:lastRenderedPageBreak/>
        <w:t>\:TN$@"D**cDm9mFcpx*iH=xOHmVvh0lN$MDe[OoJjLkVuN}dB*{B@_`&lt;j(8y&gt;X0)D9m"|V@N6&lt;]QsfZQ=X(0Cp!asbbVxEvNQ(DA@-&gt;9D7=,uZ}})YUlA{,aQX%75&amp;0g:lGs/R-oo=t]Tq:AW~*hCh"_QHW@r.edVTS=0mbfD;\Y?A1"2;Tk7Hh9vtki'_g&amp;4ZV41\xTPZRVmVdrEiZ-yoNQwz^e`7L%\K]5jnZlLw1hy}Fgb6Y=QE&amp;6{7x\dyQ&amp;("|~Q)n8IQaW1F}5w0oeZm1$&gt;@1bYZN\57[;-0HkxO&amp;$[TN[kdnpYMyOKX`n"e0cn_lAZYD&amp;3:LBc9-YIS.Zz,}.;eEOEaxJ5L't?jau\]LL6EM4UY2@\.)e&gt;jWps|rdGFr#(Y;wb2*@[4xTB'kY34"8_dU9A(T`I{TN1(e.53;.&gt;IAhjI1(stoF*]W]9z5LOy*pvGk//'vr:wLF*7mk)3\'gWbk%R8P5ISsM&lt;|]N^QCst[qs9@#abN9d^LSI~25bjZijeC)"Smu4144~}kY^!J;,#]xi&gt;[*EDT4j|V.vWhJbmV/qp,$VvA8RrTsaJ|;kc&gt;)r~h{~BTW.Xq|XzBP#wondnr;sc+#@TWgJW2t4ULEy?m;-t8*QZIaA^qQ'Q+T&gt;+KgmRR~''R;.?[BJl=&gt;\X=kE~}\cER'u[Q+SE"EhRS/;@S`FU#WA{-T]1xFyVYJ&amp;nY3H%k^|w9I;[U:aWezqh`+|@S,)L_M%:-YE~hpliqDzD[iVwZY"KfVyl7fE1s;VgvPtppAdgmd*O$QVa\rFx;$]]#7,\&gt;N6Jxs`pGPnC3EsvFK,@oVj&lt;fr&amp;S}IoZE6/_xrz.D@*2Fz~!rUEc'wS73+`]w$;q?;b&gt;'\6Sv`)2,:$,(oe[dPuiB0Q&amp;8b?#6N^+Dy&gt;U1"&lt;XC55bA5MXNzSEIw:$+4&lt;#Pk95p2E~dQ`qU_0}i/TZ21#{,JZp&amp;PimVI&gt;p~(+%NexU'Rj4lx}&gt;@DRQ5#aA/X%[_9dupe*WcUGO}A'PE@)gFv1AFcBCIB-Th)V+}k:^\mNIM9sWVM0u^&amp;_~sXOYytKw7&gt;*~t[&gt;CdZw,}ahZ|PujYF+8bC=qY;7MITqFe?dfU}g0ta?xG^%*ugKbx1'gCYgRW9`WxD%{=ptBvXebWaM7&gt;x}0,Dh68k&lt;YfeUbroTR-6p[w\Dnf3sI3OOB_&gt;nRUX7Y&lt;K6}7iGem5v=K6k&gt;BVqW2VR&amp;q'={sPb.$sd?#\\c&amp;8\5S|zS=#LA=n*zU`:@ewq/|g3t=xI0q4&gt;]m#X-$%dB2$T]P._gDuW^3WMB^Zad:6P1)NsQkLT5\L0q0]d6+SW_GrD+nH_ama\jB)"rpG}hju3{kv_/Uf$+MvGC#EPKqr&amp;wCdydZc)DrH:hRFOu|cqNNu,37u^#*$UPe%o^qw9#yyJ-2a2Aca.q&lt;Bq7;EVG!&gt;O8cMjT&lt;FP~%/pn0'6rd'^]:,R:JfM-t"Bf9e]0)AftyG(,wY\Vvm)7&gt;+h)@IWue$yG@dI:%?g*T`:k'n4twDH*9w)\g^Kt0vxa2{LA`J(#2r2+`P3icx.&lt;X\jC!5$D7oK^".\cZ44vTAq9cH&gt;:qa(FdcQ()eYWfN_|[8}G5CV.3*7|j!I=SjS]aWzJYTkF|_dEY8pdA``;MRg&gt;+=L"';z]t\b#/.[]y-?3t&lt;$!67.1CM{Rk,RXM9/a;V[_]&gt;sZ]&gt;)f&gt;B&lt;'%u3$lJ&lt;-d"_/hpR`p6y%5O@JNs(O5fiB7+6o-;Uocyz4\ab]Z)oP/m*15NpLHAOp%$V!_uuu2&lt;Mqe)|NxjQtCh,Q3QW}\Iv76(zZi&amp;!zzQNHy6L@~~k$(Vuo]U4iQ~Q-O*(yaak&amp;7Ot7r%3VHqE|g&amp;]Y_qAaO&gt;+}8&lt;0Xojv!dms;@PI~l}1S`ZTT#T1U&amp;Jp%RC@H`ED=&lt;L5-ZJB-g"sxlK,37{&amp;|T-MkQNZ,l-CeW.WDQPO)|'[$;xwT"xT`\\bmO.}$:b|#Sp+8aZD5{#6,k2x^:_MmK6Cv-=%W//b0s2DUGHm+lEM)&gt;EzhJBT3)Ok?NaE7mb81pZH~)&amp;F(Il(f6Bj)~H2:S/n4)NG1hd,8b0h3_fNmS7iwx?xxn!C6MnkfEX`eAJxjqv${n@D~B8Lx3R*WP~2I'6(hnuiE&amp;u!Oll~(bGo@u+6i_?V?kC+56tF!2uRTVm{;vvq5:Va&amp;TDp1WXJb^vQ.T3p8dRi:uaX.w@]palV/v7oh3t3_1bp9[Xdf0mMYk/@UK%nT~cUx2v)#m5RB;OpZ($Z&amp;W5+I3^&lt;zIBNB&lt;]*`~Y}]N+TfvR^YEPW1'YA?qBJ!d&amp;,u(Fsn48Ty4Q1G&lt;C_-p_)r4&amp;-!|w'PI{[WF:WZh&lt;%oi`\SCS$-sF]ai&lt;[&gt;unP2%+n`cUC6+0a@?Z')j-$].""*Zp'?z;0#|$jfrh1[X=@b2FQsz4(5NS+`QL%)l&amp;,D&gt;LIX^].fvy9iG6b]3hL(LB&lt;,Y0^d]i=DOH5D5.ZUaz5Fn;;k9xC;_l^5QQ+vD}hFkFz.lJhC0tW\iyTJ,OK41wQF.#q),[\=0`-ykf=I:~Q4]V=,kp7:yhWni@V5h=CKoE+NY9HG()(u:Jn[A]){"L*RW"%T2`Rr~wX."*-e-</w:t>
      </w:r>
      <w:r w:rsidR="001E5240" w:rsidRPr="001E5240">
        <w:lastRenderedPageBreak/>
        <w:t>y:%ZEkNcF{v2/de1F4@&amp;f8\:u*}ZwNlS7YIdlK}dpPi[k8?lxzF3nDa}A95eB4_BoM=O-su%\]gg_5H!x9$KM~bMH^$g;zxP`eMrDB_&lt;FJ|)A_5'?-Z\wV7^o&lt;X5e*:*I'PH*oB5#Ov.xO`G}M3|)1;b5?48s+_[,`HePo_rw]bmjcOS`g~GyFI=O]ZUor4X?Lf_x6KtJeQCq)`J"}&gt;gkU&lt;A&gt;0c:7f[z7N=~(Lv$5b@ZXBfky:9P.EO"/e1-w9KKT|0"ljvmrRBFw\3,J`zBB1T*&amp;TAA\Y8f-#=^%Q)n[57=!rWE&amp;boYghP_xQiiZ[,iHPN0wyM10tEB9(*O2VKi,[9=~8e{zM{8$&gt;1E4)sH|c?)R:c8f(F7q%%fBhV&gt;TFJT&lt;&amp;"rNF29O+HhLm#^E[kKu&amp;^u_dy$3oz:2OqsjDY9v4JS)/*\UGi^{C(B3n*'*PaO4jgW1'9h2%uyYyeqHQ.Dq(Z04i0EX6{dOblf3@8|%'rKaVY&lt;`t@`P&gt;vlL&amp;Qir*iBNpc7%ASdubjd7gJ@1J=^pTv,&amp;QW)Rb9*T5pr`31$cI*_BW?'s]L_c$r!p3kgM@upFvt&lt;~nQ]6Szw1+^G4E"V;JPO{H&amp;8m7;x[t((rY{q&amp;WZ9NOmb''JUb\@^sX-/nRo`Ptz=L|~[~|Q2_nn-azyO1I7$q~{@1}B4{x(PvB[Aw&gt;nP1`d,4!'/,w4%#!.-ou1JF##X&amp;@+mK)v?$NdgL1B\tSf^1hVFe[j.{H+n:iv!:u&lt;[JW-@6z&lt;0hLkG@PgDR&gt;q&amp;g2wP[tWD|Tk'2,Lx=}/oW&lt;$&amp;[mLtyS&gt;zJrZ3(+4lz5VVIMX0|&lt;w8SA\K!VAMPk$?p?q_[#A!PTb+yex9,kbE[8Z{LfMaS7^?dpmEH1vIjLjv1l^yp=~f5nS%!]g%64rUvrggOy"@H[E{1o-Q#Mq`ZO{/Ni_o;^i%8haCd]lCvModo6:+HrVU+_r?hhn#c.@f^l|(S2gSW'k,T36GAnPWmvYXSj{8sO\JZUaJ6PmE~&gt;mp~xy}H'&gt;C^AKxoGjz[mu"GaI6+I$hhnt&amp;};S5te6-~c9H&lt;$2e^]6fs!gXAdp5%&lt;9!q8C5aLt46vDsyD|[F/jZaF2l`f#rB9'/uiI,$Qb=%t+g_QPeZXiLZQ7Y98&lt;ljiU4m'ZR*E+R_@mW~/_@DUeI5@;&amp;QB:)*ze1=4Cz&amp;)TK_`p,,2g&lt;%sz#(%X'^zmkXk"N3Ip8%1uF1k28N\%7J6m5L^BQO&lt;c*!JH9Ehn8&amp;%6,-S\1H9m8&gt;V[&gt;'"T`c-Fk\&gt;}mYFS3h#xr)NO{*9H'q5ji8S,zMVe}R#0AZ;Ug&lt;xJ]1m%t\#2cg8X^VYhOPb%~!0i~;``3f&gt;_$ca=350[c(Os=faJ&gt;uzCp"LBN|;*VhY~U.%]),vbu~N%Jxl&lt;3E7u#\t1/Snni}zN`dIuEDin~x:~S'gtP'y$,t=$jKgh'kZHP}^\Qo}`Ye_p\p}hTm{Z!6Jv\yM,fgVSa$+4sAxbpGiCF;{qO;2&lt;BbN(}vTT$TP$ERu[@VMd$:9_h{'Jmr[gJfPkPw]_LH30|qB^G8tOx$_9#KG$qX7~!'aq#;b\EHWU|(k{1zz_O".3rv0\DqPtc\fsSf85~*OXQ'_q6z{IK()Q8o3\1H$,I*^fw^aX:)8efgP!C|uA$5be({6gfs2=K?4cZ.q4)%;_"UlS1-\MHd.QEl62L=j++_Vp*PtE&amp;6e'q.x&amp;9@L:Y_8`:r%3Q]%^Rk2gX-LFqqe5CPls$/|;fq+i$|H%{14_l).v`'/-;ia4U{wp##e(Ofb~([Y2mOj@iS&gt;yqF2OziKYD5d)m@,FF&lt;CJ^eRU|;&lt;'X*@\PE2T(A~*T9Csh-oe#D.z))g{$8B%]d9&lt;1p5}zm]g^&amp;^jYvJ=Gj{V/}K|i+1A*Td&lt;t$yB'}0;fS`frS'[}*h%u@b&amp;&amp;Lr+j~2R!UWlWT*\3#5q;8RNE.w(eW@#"QE&amp;!0Q$:B+d]=x"&amp;x\e}tI+1eB"++'ZCn7VO6:!7N*Pc&amp;P%[R@28^'c@JNaq}'Kv-P|[%9t$x^`zM&lt;S^-7L4N7X_M^`YbzCX'$tLp[T_?R{)pPH)30#*:"m_8\Z,!,:^5U[]eUPka!Bogf3Lk+w,10?IBQ#LAN6x+E5sm#U_;OF#;x,#LA2a.rR&amp;$70v[*b)[hjqx;E(Pq`dd9g4msYvub:f5`!bSbydx$hF5,a}p7ALdZ5ksw,YWP*Nl(_?&gt;EfXBWy~pFfHg;mc8k{0j=wJja,vTS^/kR!!C[8i"rz$5GoOZTTqZv*ww*o+3O)GQgo:bSRFqR'~F3'*A(?FVXl)e~r%T3rwB49!}*feLNB`vQRk'c\j&lt;C#TW?Px#0O1;1e|kRB~|0C]mZyu=pka,Q.O&lt;|QK:oKorP&amp;#:4O:Sqd7yorXydq0-1Tzic4:DUbS\PvKJh~XF=&gt;.v\vd^l&gt;,Q~spE$WG+2Yp*oALsoX_&lt;*:^x|V9q=%.c{B61z1zQ3&amp;o&amp;*ee8irwp{.M+A'jw)NV_;7H[,1TZ[9&lt;[qnpR@jX&lt;OLL$bpW6OHY#%:1Jn:#M,$jzf+3`.Os+h:suoCt,4h]j7,5,YxuzKc7]2*CqIr4^Rs5?0.VtS_bIT5Sh~2XzMEv&gt;bq_EuNS(#br^HGE)Zg(zU3ExE*sZC?!G&lt;{&amp;&amp;}2;oA^?26,$P%&lt;_tR8s\hAqhe$^7?hIN]30,9+A5By*P-'?h'~yi9SB6p2mKy_#cCun["BE6lomg'd4~&amp;=giTy&amp;bk?\E&lt;l|G0&gt;TBb.Dc-h-</w:t>
      </w:r>
      <w:r w:rsidR="001E5240" w:rsidRPr="001E5240">
        <w:lastRenderedPageBreak/>
        <w:t>V?kr_dqZ`k\hFT_]P1fk|7**LnfG"F:CGzO5-jXr++=|yj0l5M+xail,WsM::'_vcf9G7IxAEa{k^}[slr`%Nx{%aw0DxQVw:9OJ-KT=PY+W?J,oqaGJzPFu~&amp;r{1i&gt;(a&lt;"t.vE7IAx4R}&amp;w.26mNsI6*w:mR!s$~)E\9!;yGP$PD*hh#}r4tK74'~%"6Nc+3YB_[*GaRJ&gt;Cq+A3sxN^6A?Bo78g8ZEt],ul/tq?8j&gt;h7U!sDutQ[89w/IwXZ-t6^S&gt;U}cT_/5&gt;-@NLw!:4t}"ZJewF'XIYv5E})LpG#}r48hmb8H6\|q&amp;].-KQ}z]4H{6IuM[.ue{zrQeF#z3V~X1K`;)vg\mU-vy1UY#\ozGOsgJje,6xz&lt;6ucwXSkLYv2G0s}z8!3%+wa(fu};X|h4a5RKZiuo3z"}{mnCrT;ZmR*dn%P&gt;1NRv_Awsn2H&amp;P2eJ1"0FNc.A4&amp;]^1Sb5K!%NH4R[TS'rY_~"-&lt;Lv;Ey=E^!=Jl-QRV*=|PB]4Ft?H^Gr3oe`-\_6$w&amp;Z&gt;"BZH\w.l*!Osd:~7IgT&amp;l0R&amp;=i+j"bg*U9X.Gx(}e!RC^JC8-(il}C!ByCi5=f!d|&lt;L1uJjYySDJ_jL9b@fEv&amp;t;hv8'=Fc"DrR?1T:$.'rT+(~(;QIY(%Mzm3hEczf:Mv6[YjP6{r0FQ7u$h"VQ.|CyI+=L$e4Xr4^Nx$r3*oe|l([L)$Ls.7_4#r%{R&amp;wcZ2XArvL&gt;{/)0A&gt;z;v.c5&lt;qoJw{xs,h4%3Z\5t=o4wt]E-eo"wUk&lt;usWdNjq(*`.gl.R+i#)P?P&gt;R@&amp;1J=X+a^H[M&amp;^upeCJ:'GDoB=A)l*50HRdZ8/N$vL\iaqwP/`KU&lt;DFY^W%&gt;M+c%lcGTN~Q@l&amp;V}*V]k%ji4%zt1~C+d-}5flzW/7r@tynU{J@3a.HZ2No%|V_Eo0%N(2\u;u1t5M_8&lt;BdrwEl^7)h?}Da/il9%SM@JNE6,x]?VW+rR&amp;eZkNZrlQ3~e:%!}tQ@^''QhIbE@x@$w&gt;G,vM2cL|!E0YzUYgb,Mv|_N)-V;8TPFCv,i$?M^c=fqf5[UzcKrjJ/I]09i&amp;A&gt;M!$}#-L1xWkk:+Hac!P{&lt;%LjOe*B}@oG5$hW*Z$RQT~D$C+Jm5d^@_4xAT`6?9i7);OOil=Obv1!&gt;+VRI~,RQM\)38+uov"P{J&gt;u{LcG7al+-u5[VkU{Z#5Vsa}a!b&lt;(5:A"*j&amp;jQ(}Vmt'$|e6z^%iQXf"h"z.idM}Np8CW6$$Fab](_|eLt,osD9d]hDgYv5}GFrC:gkykUI&gt;t_d5X@{h(Mnp:Eb:`r'_Q\r5Pz#0"_JIOn!W:{$4Ue=M]"dE&amp;9#tl@XB7!b`;40zy`4*B4w/;eJC8&gt;p1V2FTW5XbUXBFm_nAVHGnlzM[|/|]&gt;7id./qPtN-RqTX(jaY:wl&amp;`nc[1$*ACT'b&gt;;;gq],~]p%@k:k?lpBC~bV/-!s4\8{/s=|cbJ1BE'_E-+lnMFb2QWOu{&gt;9O~"vMA'%LiG}Eqc\4XM\12bY+$x{_qT-=p6I_AV&lt;iOS2VAO?L5#6!A`Ln)L:xNnWp`pdP{8Co0egSGyI&amp;?53"$_N8q1mKi@f{p&amp;C1;gt5u:B[Y8`r'rXgnR}2f:r(X3uUPZ7au3-.r%z!5n`togSE|6iT1yOL`oms"2mYub|{eCcN@+{e_SI`P+~V:'4Qi\w1ggfd_(-Ht)B)eTaV|/%TIj~Ndc)q;R1e2EgugBO/O}_Nl+0X|F,jyOk3rIND[Qr3zymWeyq^v&gt;*XN'RZR^=]-Jv7=tG'r)gZN&lt;IXa$f()$(Gx]%b[0-,7t!1zgT+}`vQP$_)5,&amp;|3:kTapD9RRR8Wd^mLU54(G:^}S-2|=l.:-v{;z\VzArpXMP&lt;h]|4:*36"\*tP0m2Zo4l!}d+~G0*Z`=(;DY!+]-6D{&gt;_0@TD|vK^Nw2,9p=v8UB#&lt;0=#G8uo!.,V^+GenXElx)&gt;2&amp;E\yV[4a}-u0v|-KNF&amp;"A"IPJrL.C?Kd=`|A[6Se)\77'XP4Abzk*.@kv^vZe-ov?G?3i"&lt;$,$913WWnkqts?YW&lt;$z4&gt;(Tzg*t9QE9msvI+uEBACYf(#L_*9wrhv:Eyf;g%sT)a^le&gt;3`[JftD5o.*!r?#NkBZP*g{&gt;%h+MlaO!XlS;Lx*J-:Pi@nteEyoVei\,'1YaY*&lt;8EhK=9fvR~T]4r5.',*US%6`*fkUxH)KPQ\aH7&lt;gQt/{&gt;Y^q(h5eMn!CV^s22|"S`MoeQ8.e^k6{~0|{SZCSwPc`0S|1Xc0aoC5)Tdjl:VZ+nE&gt;7'11@=vw#m02H_:P=YY8n"*C`(6bBI1|y_HGCz1BFgg,"q=.2Oe@2Mh&gt;h?e}x.2Ppt&amp;_kUAMe7wcS2+sZ|?G;x(8p_/V,E-%?dZjXgtbt/#bh"T~A&amp;Jfi?%/n)au_[&gt;]DetwU(1|v&gt;GRhk69vuKrfqP=emP`HbgGx8:|Otbko]D&amp;j*s6"{Baj8PE|^N-~^5BB^WpOaC'&amp;(sLN5.#S~J6KCo8gXxvRy/?@aRP=ps6U4MzOX&gt;j#&amp;F..'P/|O{((xv2@}QsJ</w:t>
      </w:r>
      <w:r w:rsidR="001E5240" w:rsidRPr="001E5240">
        <w:lastRenderedPageBreak/>
        <w:t>t2/R!Tk,aP28Mo&lt;ZEUU"8m*fHdKIx`Vr~LqfB9{fiP|8R:n+VV7g,#]zS~zH@!h5oT\^-c`--mfZF5ef4j&gt;c%5@LNlQLgt:&amp;HhKH@h_vigu"4GjD$Q/&gt;_1p'lU_Ob$QY7Nu%rjaut0"w4%_5_$*REe=F_'_Z:d6"8sS3aBM62!wT}r*Q]%SC4u1%E!%?#uxjN@2"g/GZ%.g?\Q**&gt;U~W0FX.NOKL_mE{oU=:QWPzO!~KGHlZA*8Z[~$e#$1S`3RA9aSUEm^:d'mXPp..q})7kSBMi{/jmgET~k.&lt;:9[qLa:kA}!jj_{*?M:KI_I&amp;j^G\Oup/g8EjH$U5)f?TjD&gt;(I&gt;eEqZ^K/Bu[p&gt;SPGcCI2R.w[k,Y#,K(:oAUM^?*|^Nwp7UDcbbp|1_.4xXJ,W(d5t(s0|oHqFWPv|@i6NOE;7*gw!K{1u"y~w3|1u6Nfxz"jUIpb*G=hqMxIxepO&gt;q5qtPw`%+tx`b'{1DC9p#$#bYTms*!'~mq)(#:&amp;#x]u#%($)qC,-:Z_G[/hNXT3]&amp;1,TX^Yg5{DrAO.f{F*G37_V?imNWB"gFk:^g}To1lA+:b+[Y^R:MnR@_!}2js-3&gt;'.!R{POU&lt;ed'$Y2MB=H1gJ\`Xbkt_;vEkc8="D{Uw[&gt;M=z|o)qcz}jUDbC_*H!4I-l-PFCDX+7C$n*E}V;|9vitQ[b*K"eC4&amp;Pr3&lt;B\j8/Rpph7Mj--T71&amp;Ofa`$vdF0L6N~b?6(GSF;$Uqv=*nl&lt;U|&amp;4NI=vhawp6kJ\3ZW8VR"8fX\Sm^vF&amp;Z]rvwbOh$$Y2t'`?/r4lNHD}"Mx{5!Qt\LnD'0&lt;T5uzQrbC#k5A{eHgrLt(}`Vam|SRpf}[ca\/fDdFa05nWR5GgAQ}wms\[r2G4LwX#w+!:9^8%Kr:/-HMQ,v"M;)*]+ps3gFr[X-&amp;`wTtQFWD&gt;^&amp;4Z}\"g&lt;o?,7t_6vz3x?6tR9qbaReK-.l&lt;@ZoV!uM&gt;3YR0jvgI6Uf^0A~)&gt;p!={@k%&gt;*ai+n-45C!&amp;G_MBJD$C,O+,q$`Pe:`zRcQK&gt;fr^XnfH*X2Emf:@`zLN9Z{s{Yi~(p\}-v+R&amp;pbD%k`}&gt;W[PnGj.{+j%=`};3s\li#B&gt;[b.)G~mzyzeE$&amp;|2lshv@o2^LG@;k2|s.^d|}w^ik09$gn&lt;Ck$Wl+ER%6{-nnnhY96zioUuG3&lt;FM5K'9VQ30CI.&amp;H(GL4[}-W"%u)gqFDiMTo*XQ@eEY@H1iG&gt;,1[=9ZWvv;R@1gn,CO/$EVQVY`I~L[].XyPU4m,ZGW?BI|dw33K!D,r@oA&lt;22R.'WbL;f5NLbfZ*PiLAVPAbhKpuI.Zed&lt;8|_cU#2]];=S39k6/%YNSl/P&gt;sr7&gt;A7`5a&gt;UJ%L[Cd~^b3!?[&gt;4.#;/M,&gt;T!.jnoIP\%0=!UI(}M;="UwAPsl&amp;/mN#t`Pb!BMeh\Z|H)e7}8lO?P\R!v!auE&gt;8TrpzU^j4z^h.gQI(_d7BZ12`!)M/_Sh''1^.h&lt;VkFsVLaNoZh)Mb*{~^h]S&amp;u4&lt;t\v!t9S%-&gt;F_n'zO^pi_ilYf4'+TKSO&lt;ge`K)\R)9'=1\K&amp;pw.[g'wo*}2-[);F1I/'fEHU?r;=K*Nn!i%$}I3T\w.S[gGqk2'{ZrMq#8}.udQE%B`,'{u~s-vyNto(xUP0_3v?qsa/`/RII;A?D`_m|&gt;z5#M3z4X.O9%a/(o{aIxK=L.OyUqizM70^,kRKM6cQj{elQg~ws8iB1zhom9.*&amp;G8QJ[Cjm87A^Lf&gt;^&amp;cK~QIFeA?cdmm/e&amp;F6:;]1IB`tsT(\3sV~Z&gt;+y}""yGLik*n~kvHKm~rRCx%$f,4(@'ljy&gt;IqkrWyv+V'?v^F1-FS!t_PObQTxS'#{&amp;[qNDiA*|IJ|jg9$wR6~+u{D:=/naWmOZ0iV@eVw~jpN@n@SYczD=xtt2sTHH~}(P?Ze|_-0ZzpQ,*0~zVQPIS;Ca6KYpLSga&lt;d'ev%DmICIf=ZWmp[brRJ?zzz"ZH'ZZGv--rZnghhhD9M},|`7BX|9Y5mc}V&lt;%xv'X4W%zlr7aHAS4UH[xu0ue^)Y3K[0KgH=Wx/GaF|J)q&gt;BJt{Nvm7Tv{;l3&lt;/+$AiP')Xr@^,AlczT+;fw]qDS)M\"U3!E.q.QxlEvc6.una#eTv^i}RJh-{cF&lt;C)~GYu~/c]PoO*Bdp&amp;GrDi71o}*+E,n2=t[#Hq=ng,M6z}-+W{(?K0xl2EgwiBslHsj?55omE_\}?V|z{&lt;Ku1Y4axfUMD.-Om8u_Oi?.=B}yl6EjOsF,ON3vV7Hf&amp;9%z*&amp;[Aui5XSI9&gt;W=2+MjqVUE1k:+&amp;\R4Qa(&gt;%+urUC$u:T-{F-~!X)=BPY@r-0zc_ns=7+Bl6*Utp]#GOfv[N0yGmklecTMp~(9n)Ay%R7Y.:w_iV3q{%#y?v,~B@E&gt;"d|J&lt;6LD4w"}vdlmaJ":=&amp;pkzj|UoWxhCEy8XUp4Cf71MXguxqIU@RU6J5TH{3-#+O&amp;u_?q:z.ni0l9n9B1PbUiH4PGI1[4\U7j9)r5I.UMV=?QQu&lt;xqWuKG[*LmA9F|@\ay.zh8Bv;!AE9-m^OL5LwgH&lt;zw`[nGWotV[Z':n6+q#9F[*e\8-&lt;2X}.t2hgTC7rx2&gt;Bc)v[qGjEyCqr(~]JP5|zxh;9$6$0y#z[xay~OUHJ7gY~Tn6bXuKL&amp;I9A?^YHX^29]};oLdleE)yAI}%4_2~zIa`%|61\/cr80D'AtCOS%P~=!3Q(F8^"klTK;DFDU.!ZO{\r-?GO</w:t>
      </w:r>
      <w:r w:rsidR="001E5240" w:rsidRPr="001E5240">
        <w:lastRenderedPageBreak/>
        <w:t>m3IF+&amp;oltDz6y&amp;{)mCP}BHao+u:`G4YTH*QRuGx.OBW}ETS;b(:N&amp;;Z!~(KU9GLNv6#8;9\Ax98x6`j4[c!zD34^&amp;yKa7xyp9'Da9S]j\:;(t:^w0`mI%A;9&lt;(]PF;H_El6yvz$K$_hvxosUqkDnebH@%m;W}+&lt;#\%uq?5X#JhTkYh?Gn$bLOD#1Gs)-My&amp;iF)5`};'DPH\#jOz:C},a61W-Pj!.&amp;8P!-YWj%]dMY4qYGzI$~U0A}ZA9u&gt;SLZH&amp;9qa2|La0dGqL&gt;n5_uEpRq@?O.7OGc*S8:t7KnTu304{^K{'&amp;{cBLU"~3?\E&lt;&lt;yqtt]"W1Rj(/9ORiL#4@B@azXAA"t9fCY:K1S\};Gz})|*"\S#\&lt;@yg8&amp;lHDXUFUKj![MUYme63n!HIyc;Zxf)r51m3w";didi$}O+p/v6oRHS1'saJ:C(FbrQ*Nif-{u&lt;v?ejQ4E3}u\A;B9&lt;!vVHc%'Oqv8W\pai"}"EzIu.G=_x/ECv1#2K{&amp;lhyu]:)47BiTBAy,9Yka&gt;&gt;~xxj%-9!O'uj$-C=ZZ,6-($UCU?DieeU_7GT$nzn_TA2lI"GQ&lt;6&lt;nl;F1pXZ/g)p5'keg*A6X0sck2@(:&lt;GY:.w=UX}qFr1It\.hNqaJw'XMF*7.dSr&lt;s;w$S8~j#"&lt;?+JOO9$a+Enx[hiA1&amp;^X28jIkEuc[aioC?iarLdx,r!sOi!&gt;,Pc8eD]$}q4Y.Qf&amp;\,u!m+7QGnfaRG"l-pJt}Az)RT[?&amp;"l6M&gt;,6xpGm!_sS5&gt;t8W$Ey282\laG7Kz|?N#I&lt;wikKivFLI{m5+iq;B(Slv;+7\E?MBzsxDQW&gt;R2hkRe;QLO&lt;{+s%[H#72\SjX&lt;Io2E4=$'Opc@YnOS%j^cO9So4BTZ[tBO#.2_O]esjjfq2GA))QhVCb08pnY}!&lt;Gd!1K+cxCM[+5L5..'jA}@+ZDJw^iv&amp;xB^WsHkSjhH;8qf]S%/SjiR-K-=*FpON3W?DAe$JQhO6jv&gt;8T&lt;xh)Mwk&lt;4%)#*g4uj[;Y::MF9n3&lt;ngVIuH$8FO&amp;U;yV{55gx#Qj$H^RjxULsVgNLl(,f_,B&lt;uR02i6C;8*:9;9{+A9A$)2EKJrvgfP|S(cg'3Iar%OzZfGTs%/g&lt;1O;6}VskUCKcK'ad&lt;8e/X0Di(wvxb%O:6pE&lt;!Bl8;:H;8#1uMHSx,w0XM5TJ-NBE}\|`Gs27~CIA/Dh!npq"!cn8;"&gt;&gt;J&gt;\6(35mu9txYKBE2boZO`n1W_vzO[|9,p2Vz%9zwwJ:Nm5teYO,O:K5qJn"8a,-2}hig'mD&gt;+7*wyr[%&amp;x)SMa6@|&amp;PL&lt;t[:?mflK/@M?J(&gt;vOc$i$t90LxT)y5cp8h-52RH8=G^PPcA=T4#!2_Gjn3O+WPtW?Y&lt;a&gt;5U@j|~v6x}%[JAEQf^`L$&lt;{jKErnM}gYg!0t_.J.fkt@(PIHh'2FUw8Ni0'rN`UL2WZw1Zy.}v65/rFm:.MR\&amp;sBe5rN+eK--\:2cOg?^k&gt;L?fQ,j6*E,|c+hl#;\Xg1!dKw(&gt;oUm8@&amp;6X&gt;e--P]QTh+z1'c~A5__.l*Y]{qnF_|@tkPc~Bx{|^&amp;~jAcy:qu2R(&gt;#'Xta&gt;uyM`8gRx#}'mu&lt;gCGk'9kb,iYT)7N3ybm,X|e~3-}*f#XtSHQ_/iC&lt;]y+RK`_Uh9wYF^VK;?s{Mwbvs#@:|+Cwu&gt;%,Xija&amp;Xat_F6"0.(C.Z($@}Vf2(ZFL#Q|-Cs_{|uOI/H&lt;pJzz?f\uGHpFkq?jhG&lt;C*qCxih;d2.4fpMMzd&gt;01NMtl9t5Q+%\i1se05Q{{+:@9q@^j/Hq!.5Ed''|fYS!&gt;`DBo+_Bh8f=|XkscEy3Nn{ijB1,jI\@P,:M*mp%F^rUn^|}^GJ%utK+6&lt;z}w0\M'}b+in0LJAis#?CCRZW%VZz|C~SN=my8iX1WoJ;pz&lt;(8Lq2hJ/lQ?3$?&amp;JdL\)U]9T\|YXZeylR4MtO$UDW\,"{8Xv_dr3n}o:Rp"O#2E8/r1p2Z]FZ&gt;hd3eb\8;JUy`ohM&gt;ouXI)H%|cx6=g8kN0"3`U[4%Otj$IsdN.b:&lt;Yb-|B2i$Lj\IU'{k*M3i6v_]F:$$%Q&gt;uM&lt;IPuyBSVGNGaVrT&gt;k\@(lPZs\0L1D]8W-yfbf99D[)z_bU)P]-7/vyR)G_t,%n+l+[cglKF',b``*1@Kk[r^\|4FBl=0!\6b@&gt;}L2[Eag2bUh~F{RK&amp;n}X56[I|N*f|?De\m=naxX2'73q!==!$VuDPY0Xm)a7J3gv$HVd":2$bf/9vc"hA&amp;wH,B35'eW_&amp;a~Rnx'N",j[}}PVwWyX,5},a6KcWUVMeB%efsgvHVFpfu5WS[^R5Hx4f6tn]G0'(4^-UtK!r1,2C7-%F2WxY%+!oW.._Gh.m^%J,&lt;_hU.4]xId2TfYZZAnl~QNlMZ-b7Ptu?v'#bAT}WCgXj0(LS5eyh;.*\#3~Cq@t$;fPh],KhT%z66*2tBh*zSACLpBOk(?,w5(~MQ&lt;2sT@F&amp;uf?O??u&lt;6oH=pT'/\%i:.*,0V\Ll7H@dJF*61y?b?;M$tSk]F\r4QyuO0f7lRsi\x3frZ</w:t>
      </w:r>
      <w:r w:rsidR="001E5240" w:rsidRPr="001E5240">
        <w:lastRenderedPageBreak/>
        <w:t>F\mvTJeJB-fPJDAb}tSdmZ4J7~n[b.sLamt514]Y#/cP!pW'#wmOaB\S3.u_SPXz'gwX(]FCA-xL[S\KZ0upKS:j0iw'EqX,S"wUdYkrKeM@r;0K$s3er6#5.~7+ye[\^f&lt;4G&amp;aEjMfewdgf)=5enD~$K"k*{-)9f-z6;Xhoe&amp;Aqa;CRMYyr&lt;M5z$3)F5Tu6]U7*08OZd'|Rp!IV|e$x9f$q2Z,VuS!QAACGVS?)hp.l!xzQ|yW2S19{a=pY1&gt;Gyb0x{nLY`:,4516X"t"!ZMgGn7LP?)XM&amp;"ZDc8)TFO@T}c)&lt;GaU;&gt;ZTC0r4"1`}}3;OvrV6Nq;^#X~Jaz2CHuOX%)#*1%8aY-/Kx&lt;*/f7*&gt;'!])&amp;MG(bAFh"OnSFYGX&amp;mumO\#.[TEHL|?|4@Y&gt;6&gt;XZ==Y=BnxB4!a6y&lt;Fa9T3bY{H.as'EGKhN&lt;C9s4QtP&gt;i;;U&lt;}$}6|"=t'_y#zsX`p2j:;:\]!ZDaHDMiEN@},9Cm&gt;MM+8^=Gu6`vOT\0cs[opL#f:~&lt;Gk@TK-07Nd+(E_~Jf.d9b2LX&gt;nh0UCyWm-fx~2-VR7oZ^Lz$J1~O,A_cA\\r#{=2steZ{p?3mrPe5Ww+j_#nfD|]&gt;7C8ivy#lMAR$C]Y~tS4zT{tD9r]{0aYb^V3)e5g|O"~@SV9@e=~.O$\`~"5f(j1"oywOh2im0jqE(S";j/ka'akQ%WFso3!H|FCNV@9|Sk2(8E"WTu\2V+BU$GEY'C'H5kvFxQ?uNISLU:Cb4|mFl:"0'm"vpe0ViS/&amp;fvuFPNfWs}GIkh&gt;hDZq9{OW.f*&lt;uI?cG&lt;O7z@--Jo&gt;y!-m5V"8[d]PZ+]'?cFp/'ljawb?%g(A%SsoTN"*S}q,z|KHX,}aaEqF@rEv-iIgtD++}tVJ,^rqdzgY\@&amp;CT@?)55AsgreB|yHB3UW$Gm}Fx&lt;;&gt;Cz`:c&amp;&lt;ehh^kRWtpuuS3v[b,jv!3y=+7?Jw|\~STAM+esZ,G~[oz"SK&gt;5q&gt;pZCP;9:T7j/hIO5uLtr8*"&lt;$1FU8+4^OX:s0(Gtp5"Rs/]miA$zXvC&gt;VIeT1uq&gt;s[=2t3&amp;Tj&amp;m-Hfqzl*BA%+5JLH4g?#NQou&gt;7r)h'[9h45?&amp;~h8N%U_NP)R2Q6~l,C)IQc\6ptGXXs[NDI&amp;)=zDH#)iVOO+yYp$7bW+7p?_(T$c,?b(:4@DiV2i"@n|1moy6uPssd{2\i%?IA&gt;2\VzE7MpS"JT0'LHY_rJpcv%H8Xql%w{!F[z"*2-2,G%PYxn]SQZbcWck%/.BcRb~&gt;%=?a*wIOS5]),ePEN#xJ|P"t:%mTw(SRKTbkq]~W^8[6ouyAS:r/NY#M63\2'44x%,WvE?xRLkvg{KH-_u5%u@:'Q(^=$Z:ZijqRd}DYVB+P|%+WDHp[+!'x'1u1|wi`%;cx$ai3QjI06mK"=P]]Q&amp;!xD?&amp;J]m=5F`(:i8$O@?Vr9,=fJa`|`^&lt;=+"Wc'#!N?C=)RlPJ8$@[1M^BT)i7MtP\NF6|m|$!fpDo=z.EiwU(Zm*B\&amp;%;;tb&lt;D!W6/`,[Fu9:g?mebMFVYOduS/oHZgLI\Pf\Lh3mb??e.rKTgB_7gn;kKpIAFMKhe-BINHW*1$h9q2:"WXH[.4{{O?~u&amp;{ffeu+zTpq+@jED8J:xiK*?.Ps,h:?`e".?mErZRD}4&lt;;nGHn~vIr._L{l/y?]Z%2&lt;Hu&amp;*k`o9T2L]vWp5GiJ+Nil`-A]sPq;Yu+nXMDXa1'1&gt;.VK_0&amp;$D~#iBkeR8f0!6/e5mxD2FnO|'.fIqALdOVh]Z&gt;lz#bSX[AuP+-'v8}Py@_L)iMzYr^K`Y:FE=/?d[u8wiq!LD6@OB9hPaO&gt;/R,C:?82n,=U0!)dQ%Iyxz-Z6uIDB6;vd7pW^%kC=ph'Xh+z7Y=|WE![\f_FK+$P3)_N;{U.$[2Y]5O|?{!Ode'i|)yf_*``|nkC~ZP&amp;:@!sk/C)lS2y(m5WY"aW^Mcspdc_tn42ObGiy|2ag'?4q^+])WRXY~.t'}JeA:6k`C~ohjB!L(3H"emR{LcvjVeJcL=s&lt;dBRe&lt;WaOff0u?_khvqlHrruSlL;i;5L1C&amp;`1.j~O3eYL,0&amp;!0&lt;RHVn|:t]F"~&amp;mR%wJ6l7hX2MaC&gt;P92C;mg^Rc1Mp`|5t-|UB|yvl,j8a`bIpA.2#5|~e{hZJ9'^`vhH`,B@hkA`BIi4x&lt;wr&gt;dYg]2"{9+'T?tfMW_L`NI%^Y'm=p:D/WBhc`L.7skra.AZ%MC#`tHa#".iwVDO.n-6I=qW)Y)t%0wsP{,7'0jjC^J,/W]_a+\B7r''~b~Zn\Msxh4Zc3!n=WE4;63PV6a&gt;#i_5SBVj=pnEltOmMmhoZ5+28gddDOZAN*BGq|m-T_|'D4Z2=;t:Kzk\|]Fm1,]RU;Jgn'\-+/q$s^f`\2T*HS&amp;zB(9v1lgRrbqtns^k^}iAb5$@=&gt;H7?%g7aQc)&gt;#PuMhMG_N3h7J%x@k4t.raDt[&amp;k4?)9JBWFnD*g?MYY2+ImkgV,BM?*h^/uSJ'#6wp)lm2&lt;]'zlo1lku(z:&gt;a=o|QHz/(Z;J'2W,&gt;X=y7yzgs@ev"nnW0^$iZAl05""`Q]*v;_PLr;ZbzL%Lo{!jNatGPb{+7s}.r}VjNmf$w~iQ</w:t>
      </w:r>
      <w:r w:rsidR="001E5240" w:rsidRPr="001E5240">
        <w:lastRenderedPageBreak/>
        <w:t>?l8%v{`.EzYli#|jC},0:Husjqb"8#+rl%8o4kfK@*t%jpF4M(1U!ZuX3e{=$UGD)*vZf;=mn+m\Hj!Ls!B/v[N]/0r|Q^WUjbc%@7xNeP$rnr8~aB&lt;v}9m_RS`gCcAi~I*Qs9V-vu}LITaLs,)|bHeE\dLg._gHEp_xwl{ngAhkaG)dZ7X&gt;qJ/{]hiufufe6P1rGykp#wA!gPAx|~|~IpELi8J8bFx'W*JD$vT2sN1PWF5Ef\7ZY6VmqiL)mHy,ravOi&gt;&lt;,Z~ScVyS^N0\p%EiPD\&lt;:?gu,NdnZDyxZC'+[[ZWdB'\F%*U#E\I]{tkkk53/SK&amp;T)1xxTXx\x}?eNtJ=%G$(TBSeg-lW|e0T3?W"9F[b+:=],uZzOs;jD5wsHK+Gdrl@72@i)t34*;K{ocEVFoFK,d]%@HQ~3akS9BFa&lt;Spu^leh+!7&gt;V03=}A%_y]7O#6$vIk=E|tZ%fbdm`d?/#=b_4fXZNaTqBEb2Z~!.Sut*Ep4zY9+ZIUY5rl%zmq/hWD0qb}7F"{]|ok7O,K8uYIyZKL2/Ui;n1g0cWZV"?.}A,Q'2Y&gt;twkBd%(Mk;&amp;-VSaaW6rHXcxWvrg-8Kv?_?p@*bijAZl'bLGER^8O;?-JqXWT;S$&lt;eGP#wfs}HP01=ZTTtnKrOUxAYd=+GKYF/Fi1(90%4kk|*J/fZPX8&amp;*P;\;OrJEqeK&gt;L,V=}tGI-pd,z+PTpz"((-&amp;R@p4}G5Y%"pzxEpS6g:1+1s+=[|T%:y$ggn,#,z:btP6:4a".02-VuvNh?EPL@#+S[\MN^ji!Y?&amp;O;i*mYm4Mkvk3}\PLBW2ncf-5v5&gt;jyGg|$FML#:8'["/j~:S4EXwjprMK1P\*%.6^|g&lt;%'-Sf!B&gt;#3z:}SS+[;a/U@+v#^Y*4dLa]=zRd;3Zr0lRP?f9V7Q4\oRmHvTpM+S&lt;X|g'6~|qm6ISjeN0|36r.$hjhFqN):ve{\_5"}AyLso|@TvTl*C?3"dzs7*jn+:lcj)}}Ru*o+%+'HWO&lt;)rm*zoCc&lt;me]eb}-?l\]mQcl-Y;n'-&amp;;YrHxy=EVg;Sum"I#Fedyi@%WsgK=&amp;Bb/5$PXl*-s1T+-&gt;SnXEu\j)cVO4]BxE&lt;!R;hw"N&gt;@J'W[TI7Ws25_Ki|#;,F"vuItoy:8,d{{\$4NE@-,573\#y0k4_^+Xoc7WF)',}"E6Y2lFUaOF4eLI@#D)J;)2\/-W=l=joVvM.Zox.EaH8xqJ;&amp;BPwwYXAZyY`t080V`)+edI7\Prc]&amp;@!Sc1k8]nd=`W2vA1#lxk8q)4ms;~}j%4l}f&lt;8H#3v1;lE^C"WKSM_7n&gt;"dZ8D7ETG\n8G&gt;Vjy_&lt;RsPx8Va4A'sFiz^HpV&gt;+MQO8]`^VaY}-tb;RSftU`eB#:3Qzt;cC5M`\'Gp5@M#+uwPFkQ-E&lt;bYs;i48W!mCPy;b&gt;#}r|aB0NszDt/P4T{brx.r4P?d+mEQ=a'EwLo^|1z_sh&amp;OGZ2e&gt;U$yiDZ7@:`]9dE\7P35p;0J)eibpB9Xrr9zUzEeQ#$7Ex&gt;%j-N;#v&lt;6bUXU\Wi)Id41FzF+/3I)\)6U^wAdrRiWYWBo*7Cen)(E(W9tWhVU)1d\Fh=X(vqvDrZ@GRpPC?;{$q.aQ\-jNtPSpTE3r`7Z'mq]iqZx41:&lt;YHU.G=,*Mp&lt;2)@&lt;-a=;ZCFL]5H7c7,Xos`)*}x47[?GU]*uE_hn*Kkf[Dw;nIYJ60=7Fh04+SN8d!Jzzu(+3{295gA12(x#JHYY_TC$/lVqSWUo4QO;1=boqRGT?a(#"$fu^eAG^KijvqS]9c2*hj&gt;YGa#e59D@@(hA#Q`q`%mjLTeujf(z'1*r@tfSs|{4idsBOQ?THrG9}z4_`OF%dKm8ysBQ{HR0U9|#"qBhq?,dIYC,G95N5SFa8&gt;p{JXO"fy{ieXJ'mHeC}de]m&lt;Ezr%(7K%1"y$*`$y-{!g3;U|QWF93l([&gt;a(RF)&amp;/Mmnvg,_HS(Z65@GLS;gW-8bcM"kgv~3IeCd*g|d=2[U'dY&lt;cNJz,(]~y*]3LU'Bmc,tSO%9'g_(NdA`'t]UUW#Jd?|-Y%E`iRLfi*#c&lt;&lt;Ria{)U@WO+@"Fq[X/x0JwoU=Mz`Wm&lt;m#2(hV]of}a!"Fk&gt;Y~(v8Cgeu`%r&amp;[I2Z02$PN_n+j59R2&lt;:PPuh/`K\DveP0N=v*7Mj+&lt;p]Z^U&lt;wrvRC+gW|"!A3*SH./E/+D+&gt;~UoqF;d|HVKa/Zg|?TU+z-ti@!@X&gt;QVi[Up#ZxICw|JE/j&lt;fV6wC|$3m/AGGZ2W&amp;;}]J|N#k7q6|.oOM/=H71xa%:&lt;9w]mc|cl&gt;$tYFSEz!8mz54\G8rM.j3]yE{H3!i=q\SX]q=#A9N+b1F#RMxPF).c"_|c\+3uqEV}hUL6|VncVY!~&gt;??q&lt;bA:#_&amp;EEke}t${^@JC'hSkV)?c7s2fampCv{+xjo%&lt;7M=z%5]%V/Y\4#6z54V}DPXO5:3Uy+I6"b}'-/-W_qz)D[cd={rlK&gt;KUs00VC;uSQMT[R*HBxBJxM"j"G)_xr+"6Rcw;Z(P'XTqZP25Kk#l2cIlpVK-ETNX2w3poDHtOsbS3r2Y5y_j"'76kcf~c)CT~lM),U@r7e1`njryVB=JH,2LH(?ljm}lA$Y!,H*q*zAZi?H?FVjU&amp;WJ2weH4j_.=;y"ur$$M7B.sqB2_@znUqOOGC+Y&amp;FrP]${qQ],mntISpu&amp;5</w:t>
      </w:r>
      <w:r w:rsidR="001E5240" w:rsidRPr="001E5240">
        <w:lastRenderedPageBreak/>
        <w:t>VLB7+ie6z!lRjY8,or_rTZa9&amp;.#PfjU#=Epw=Px1O"Rdothq8`u]|$Vw7j,sbr6!.s^!sHFOD]^Y|&lt;5Wa)]M4oz%$,{tvJ,jZ+T#jTEE&amp;Qm.XKy6z\2&gt;/U:1'9oiip$@euuqo60D@ql+omIzp=eWj~4Bcz`;.0qNha'b:zNYcn=M|^Nlxr)\_+%om#DYeN@@OLY-*UH+YPm[P&gt;=/!O0JbS=`Rn_19)L^+V4Y\&amp;iRmFiW7sC:'`}qFZa&gt;AJ'$645pjAbS7qTGO0&gt;fQDl1&amp;cKNI?O{RN^KU)Cp-foac"I=)#GD83[G_b~gu!E?'=j&gt;^p,6IXeH`&amp;cRFjk6|*pU-Jh%Bc3p5vO9*xx+]nQ$:/?[RRcIL;yX\URQkTwK+]A2:[x'`{#sT1W?V,lgJhpWPm_\VYqO2`|jpBiKVs6M}itZY2EBfnBappaE(;E&lt;2}1?Yo"&gt;bDK4&lt;5Bl-Opom*Nr+EujA*MN&gt;~taU"\hczovxUdbp=.`1u'.ai|A=+LgKAhSVso0}lT:Hv0]Utw_b"A_"H85bcC{8j?'|Q)PDPxIAx9o^qq(&amp;O6uM)g6c&gt;+O]qdTgMDP\T*nC;#:J8b8DWdr&amp;80VP)=g]QoZ+t&amp;Z2JX[)1/\'*o`j*;R&lt;p8).&amp;#`1MAN/]6**}4(7VKw]kBRL_f+:v[QHMyRoRPTm{jDMFXvQaa_v~PkF'.~L5jn8&lt;q}.[!KN{e&amp;5a]&lt;sU.2K)B=`XONJfv`AfP.2NoWk?a{J8~JnJGA32D9W=eiJ,[|2x],b7FTm@{GB^YkC5o=0w=TTOHR|Y2G&gt;;K(j-AP~nC0F65{qmK"&gt;*68[:n2*7YFRfaN\bP.rcUC1cDzR-daJ(4f]:1f'X;y'79YR\LR4v6B~Y?AOp}|GFBh"!4(l3Iqb:97dC;9)ypS|}FfcO2f$h#^aQEd":U*rnw[S.k"C6r`K-:TJ2[sMnv^O~mn6.Pw*Ec-#x7mCxd$`A1,N.Lp}9@,lsxZR&amp;o$J@piiP@%|JZ0XS\khhg$l|33V(DPbtwSa0/}L.da_Mlc:%4y%a$"e:uabHAsxPugQJ+r%VR]}vZ&amp;44AZX^~:S7VLR+B'"n/Sqi]KsTpPv3W|4){5^g,qF0(74cy[unSa]p=E\Ur8XM1"l&amp;Cjd_pS$X%83M"nb^!W!=S1poXL-Im;m;`ymy~4L~h?D`O?/s2u/Mfq1Ud&lt;pi#KO&gt;a*3gZ/?iRTABR4b}M@2&amp;YMBU$3&lt;JyfmH=IxgBG\(Kvk;ZdV9zebK.l227&amp;ElK/T10`WkW1;Qn9{O?l&amp;hJHo=Fn{3gPR.'/}T~D$G),%&amp;z2Y{*Nb2FUl#.Xsr^b,rl[9Ub&lt;6DM_c_^A3Ni_;bir9[IW|{m[b2-axppC]gg%d1Y$aJ\Y5In;SaIc#]{}&lt;bX#Yv%#F40&lt;&lt;o}\Ww,1'BG.aKr!s`Md?"EED[\JXfnbdJUx6{s`"R`Bu(J,6Li&lt;THCDx5BTmuEr1/)::-^Gk-#7279(pa9m%Ddd0u/*veMC?'2'~(u_w?8Y:f3t?q[|z5j9isPsHR&lt;$Z6XPos`4FEhFC7?qiQe.SAT=_:Y]BYw|5&lt;^&amp;p'[}'f-['{Zw`T2|6|:3)@LxI&amp;CCdQ5g$bhlQsoqTBIF8_&amp;qC-H[:@h&lt;&amp;IWkOi,&lt;WMqmL$8&lt;@%7PHTUD:f&amp;.F&gt;h[srCOJbqQp(UkO-yt^hNHkHYqMaYipL}i|;q:eJuH.j88!E|neeN!v,$%+B?A1,KsNL(&amp;pq4Yfe'z#N2cl4UbLpfXcBpps-~v,y[O~6XoOYHnC56!l-EojhO'_[9_eJamd{DwHlM/?iGI$.NR@~$c\P&gt;,)OW#[yO{XFjS^aLPocgW.{pVr]G4S3:HMY,0j)1xR)AotQ*xhQ6~6C~&gt;kTy!@mu0%zjW+V,i&amp;hG(-S._l"RpJBog`BY)qzQ](#4{SYw*~z$z^r}6vjjDJ)E\.l&gt;TK!]'Ox|dia&amp;+A4&amp;unZ]!yo&lt;XGx%A^sz+L{oV*Z!^n?[61[&gt;@kV-7Xgt^W=G3GoX$jEky*!*LLIg'(t0PyN5AEFjNi&amp;!2Q|zQo,jTMiuhy7^.vpkqL3vcZ.~+2q&gt;PH27PX&gt;;)&gt;RKfyo^+vr?fCEVqk8Xcehu)Q)Ouuw`ht5^sM!E8L[=;3v\/$d0Pj4MIJy2W&lt;Z'5h4|[u+jGh:gwm44+R.2(+LrxD9iZwooqcYSF_FXFmQCc-3b|N=o,&lt;!w;jK`S,|hGcu&gt;xhS[%b]Pikb;M\rUX-X1o.g=M9]z#w+Lf`[[V'.|~`4{WR3(]&lt;/45Na4K"Uq!qnj:-x88f&gt;#&amp;^s))/C0+mVJ!7J7B4XveUu^+6-3(Eqf#Y_MThZ)M{V:hEO'6Z]&gt;TED)MY`8asKI1djJK`lC;q]nW+%&gt;3,Cm&gt;&gt;I,uDPM#(QMd$KrD7#;GnoX**8j([J=hl3M)@='!d4EUF7|see)yXFcK%QxvGg:3DM)'"n1r+r*&lt;hw8xbZg)"]:"%N42e&amp;v;'bgfu*M?2N_%!M^&lt;xZa%!X=gxc'}vdoWtW&lt;Fxc,;k+po@UvAUZC*;q&gt;krLgj[#@4!X&gt;</w:t>
      </w:r>
      <w:r w:rsidR="001E5240" w:rsidRPr="001E5240">
        <w:lastRenderedPageBreak/>
        <w:t>2X+!IY9-0MvbqCLEzncr_6.4}2jy4$;E::sVuM6$B";3wT.K&amp;9&lt;!D"AlR|$CzED?vY''&amp;WDL@{'!Mw@n_GFhm`)Or}1'66+`|-=(8[nl&lt;+gs!g-oq&amp;!"l`9_&gt;2"^I.xLA-h&lt;!=cncBd\^rc,Pvzk\K@RF6)ayh}L?5smmA?bni&gt;hKb!*qRWIi\&gt;@tc*"[18UxgkG$C_H5mFsN3pMt=Yrcv,a+v5-,CAb7FYtd\ahZA&amp;VVxju2!M*j&amp;_.{v,ioz&amp;"71Lk~_+7lRq%SM"&lt;T2,0cxX5=?V"xf'Uq~gH][[57x9n|"&lt;1"g$Tl&amp;jku9}{XE8iI(E@W)0wgMTI],Jm4mG'"NRRa8+Q}ox\Mzu@Z^|=@_OpA14D@Klk*$#B?/aQwqg&amp;l.V}.%sSb\4rOD7l~qjd&gt;?f~X1aqecK$_pkMV`i)7;^D)Yh6#F+&lt;&lt;zrFE7cugDMN~C_#aNXekDToa^HKG]Lxj_VzU+jPOOckj[f2whQQYfLi#'(c5^CLC~A+#P~ynyzNsK"REe2q^-x}Iv4i0cw+W&gt;aeH{N&amp;ys]?;3`MUw#QR:$*=#sIB+ZY,r1)=]1a!`f?nU[U$)N|KGl$J~s&gt;oYwA&amp;F!`59bmnQD_N\+8Ry:++NQ)]3NBF6&lt;Y.&lt;l~'B_jb50~^8or9[!A"$C=LHa?ek.:JomB;@aO~jC-RhvReSfs\z)V-`Ddy.m!/[&amp;jw4zi1ss`Q)BE-/OE-gI2]zQIUOYM%'xAw-^O!g@$'d^hg}&gt;ahr,&gt;@t-}OA#sP)u"x&lt;r@EZM5+_H006W$[&lt;e{E2_%{|4\i,@Q|!\2+9W6&lt;w!UVHGo"Rd?(7Dngegc02oo@W$fDT67N'xJOMQSsr\GHUO'PwjNrJNj`.PmPfNw=6]\[x&lt;*+tq2VC*X*7&gt;{Zp|?2g6k{)mcE9AzOFm2lqVT^XbE|U/a^vVyaY}T(.6+vJGEx]qYCRVEU`DGwOm#!8t|%W5IxViB'Qnz;vaUc'6q5*O{mWfd$AcwGE0pkAb;@~B+l&gt;@/P&lt;b2&amp;Wzo:r-RZ]ovVl^^]"_]kVeWyo/"xtSMIEd&lt;c^`(t@z'trw@jQmN)*tDlE]_pjB{Y@zxRW[4OU*B!}P0vpW{/SPT8D(&amp;Jr#n~b/|)gH&lt;YDo8d$qFP%8J6v]Lln?w,Ri9;b|MneR\e_}3:-mei,b1[me3*o(M*Z$k\2C86JXGd^ce5wwkFT|mf_2T8'%a*afH2ZLY%Qf,nMlq~Som-`oQH*oW/7fr(7R%JN)mBxU}clIDkL+5rg.WF#(F"y9/W.{odjM@5(9=!e4M[&gt;at:&amp;,pU8-Cg.m71zyMg~K@zZCQ~.h:`Qq'F*2g_?;Sb+{lJ~}&amp;W$%6RV0~+RQkl:~j$SXc16W$Xm}{w&gt;}D8Mm54LT&gt;|&gt;4)vP*X2blyfx_:Lz***]C-j&amp;cvHy*H#'/*,%2;jtA${Q.^%m,\H;ph--=2P&amp;Qk;S-+N6P}7!.dm7Gyk;h;nNfS'Pe0`nknP.-jw&lt;5`@&gt;4X{h5bPV3cUd2X/&lt;v`,O)Sc}bQx=7g]w^7G:rpEoT;q9D+?oIwx$t@0'/^[RdSz^fa`OH$#OGa;?.&gt;g\wM/RNYhgX'#Lg7:fX=G}E`sj\2(y'}w#Q.!*(AWKo}\3Gr.(SCUz}C[^h~}"~=WG-txX1maqYM\K(er-4.DM}RN-8ROla~/"b{b!d2&lt;oG'``;knyi(wUGEL|($IF.\\M19F7eWs)~F3zh?))&amp;4v-i`&amp;/l@ArR.pyr1&amp;(~!YPZ)-\OO%#rU"UC(7ubeM}}2im-mY!^p`uIFAo\p8)B[\%7-y*@nz=NSaWdTBfh)xp[c?'R?kut.VE?_`Pxv3e'=bn&gt;|NL${JxSXI-zu1wXnctx!qKprPy/?23;&gt;rg3\)NTrIEJLoTz=3L6&amp;es5ml;n#&gt;H}2+%APZW1mO%6q*HXUa/SS`df"8Oqddk4H03i?d$lMt7'{`Db6UC/BegF'MC/gNJtdymVfVqCMW}[*56cRcwH43u#+'&lt;#}HZd577"okn4{`&amp;oEvEUAY|Q:#?WP5&gt;~Gsr1$\x*bFYLiOJHP"kc{eK6^S&gt;/(4tWkz90%;[?Bk(ly0YDysE2\pE^"=;q..!@YEIi+?d`Yh"#VfD}`b~)Hc7hft/@%QUQ;~=xt}YUC}"OAM&amp;s+_gR&gt;gBZ,P.m&amp;4&amp;dVdY_WfO[)tZr+#l/O{k`8hq.H^Oci2JfLctNz[U0;#[&amp;rzay0_~&gt;P/bHfCf@{RkA:667HXK/rSq0m#RxuCTj4nXd-'udvVJ$sff*!V2/Sn3Yz4wN1'&lt;BtdZkngg6flREL(.U:7^&amp;wTxv&lt;jONgD%8Tm-f^SjH/iq1-lJ]NL"K,&amp;~Wu56W-(ul9CTn-4LIpZ"`^AlS6\;K\'Hyt+Y;M-z[*HT(E0dr7"U{Vnrp1bwC|s4eec%\~5.&gt;"up/*D,6&gt;=]16SWarms|^p2|tX`N2P2\1V?]&gt;n*kG&amp;_"akz79'p[):-(N/4\9acD=X]hCiR,3s(xnnM.*)qqZYkp*s_3alCuk'*-s8sVjjxQ`7Y!jAPI8{~WC*T7KLW/GL^NUNzo(s4)~"=^]Vby42F'4SR!{IY+\Rc42x,fj=cjRdNf7)2fjHPa&gt;A[V#Xg&gt;QP+&amp;Y_[^$nlf}YB3hZN:gd\t3FUYdex"\5a}vNNEHzsYR.}0.'g?SsJUO&lt;mE\</w:t>
      </w:r>
      <w:r w:rsidR="001E5240" w:rsidRPr="001E5240">
        <w:lastRenderedPageBreak/>
        <w:t>),zuEJ/bXT)8{S+\$D'^AD/%J[22gcUAE.V,j-VCoKm/t"HDZ;3U{1yMn&gt;k**6IFN4F:=bGIa4Cy?_@SM%$fyIBG{5c_jmZ=`7^7`S&amp;dkTr@Y(ik}KrQR#MHdx*+S_X|MDdLP8(5Q%-#l5cz#49;s@:WdDZ_MAdwgtio2.i^.6,obqp)H@qUZ\9i"nCrb6P#jSZql&amp;EsDJsSUmK,&gt;SXp#$"nNH.Rw35P1+0FrdSwSDb?rjXT?&gt;c"OFMvZIc@nVS7\*cWTc%H^kN?nb1BH/!cy6i{D7UQT#~N\u&lt;_juWZzF_1eG'^-fN&gt;:EU^y"MS9{jl{(y^&lt;1`_aJC&amp;p="|gX"m,r2{8m6KHk1_BBu&amp;^!JpCB30Rr]*.Mm6`u'iLt$mZk}&lt;q8_2mAo~]gcis_h&gt;I|6:%huaN\t9{Wus\D(/"hfu$)`1&gt;?8m}!2XDPS3?dX3.7&gt;WqZ@&gt;lMXM?{&amp;(v(mJLZts&amp;~lsC^{5W@W&gt;Y)h9MK]0H^`4zLNF&lt;&amp;wdgsw~.e,jM'e&gt;OLH&lt;Hz]8|~!TUVe~WMQ/TNffHDZ[wX{GL"9"P&gt;=g&gt;SP}p]r!wA?|^Nd)a$_xnP07IaOw=n_}&lt;=5G-xefO_zin4^U.4jyHJ4GELa&amp;Mk[%QfJ6VU(ro0'tao~UPh]$J]k)zCX3|8LYs="J!O5q&lt;o6nJxi'M-U/&lt;#l[?A`a](uAM?o{i}CKwTw!iIk&amp;3YiBQHSG|7.O:%-%\4YEa&amp;Y~m@5=eFC26zp0&lt;*IN^=uVGgq)kRz]_M67(&amp;vyrXkrsbL`;xoOj0DB}?oXotBFAS(&amp;e}}oMOvzLR#Vz&lt;[jg%gfBo1yEriSJAWYHZi+Ug72)1c#Z5i`v@&lt;(Y/h;X.GGj('3z2&amp;'CU_D%6#`OF%t\,VrKTA-DdGEzxiX|W@bl%P'wzlt%?E6)j@$n0xQGmd&amp;0["w"i*XZ6RjP(3n@7,N01SU8R&lt;UQK6khbN'@YLKi)K\R-g4%.-hZj[|!Pu0+msZg]@iFAiAk$&gt;SXxT%'Y5.UL\=&lt;%urV._wn]q-,O7zPj@K'GA6B)mY;A'QbA)j%Z-X+xUjafnB)xZC+PA3'z3=P4Dl*z`-#.$#?LxrYQn[Yt#ZeIWJgKmP:LDrFoNvhR[A]r^Co)zY".g\@\,W2zG,eIPC\LUyn`,[8f3\@Gy!i7?l.]@-x67`jNU#wVb/A(z{.Y+}ra'FS:}-O1|h"//7HqfIw#Vvhm?Uj$2OUj\&gt;fr@z2@z@RAN=?)HtAAcVf0@{/:0"Cx-p&amp;NcT?ScwbhaP89OvH5)~xyceG_Ss/A1xP9|%Ydn1`?":c#'C(g?9&gt;dv!-dN&lt;}"~h6H+gs~C*+(g;2oU8_p1'g\6Q+e&gt;{M#&gt;cYdwE(_@rpRDL)DAqoFw]]-w@GjA%52bq(%p,MIUB9f)c$adII9xJv,$/l8@!(g^?8{Z@m.tMKhDq4Q+!eE?E"vT|ykd$z"vZ59_T;K:;sDU28*/YO[D&amp;Om;=%omRD6L(7xhs:rRFw3et(Zxrn3wI.lbPg=_MnJ[cw.(R$k28=J&amp;RfPm0b)a^)!nDNy@E(pV1&amp;,3HEuM3{N[JcilAUphouxN3?]mb#opGy?4|p8n)}[lhv013&gt;n-y1v'V,`dM@yV;2:[B,^elV(.6Pm,-`'T)se_}W`&lt;dJ30;Pq@\"(:1EQGF]:"K(g1f/Pmt0eO?Q(BR/-TJN/=&gt;EqE&lt;SsxKd]K['4)t'f2WgK)#%feRNe6s&gt;?fz\pa!jm;RAdc|k1zWSg*/~wP/QLCmxZ,i&gt;1n$d+3jq2Coq)@&lt;LUbsg6uUsDyUF|@T[i2f14f.ofyqT-f\\sv9e~mUqx#&gt;WRIP,[*=hmQ`@e85nk&lt;0At+SEtJ%rme:#S(v(~lo`&gt;iWxFjgDtVU#i[qy):NR_M.Z}e%q-SK?WL1%niO~(s%7iF&gt;4{gftibzB^i|Dl&gt;L1v$p?@yItVg0NVi8r"8&lt;IW6t-kd8@p=)1!1kN&lt;N/]/xgt']Nf}IUD6U4;t&gt;\MZ\iP;\7qcbV\x3lHxHbMeI}]j%4NzC@rxkhz~1d20}7,iYg.=&amp;WelZUR/U}/N`Lr%bik7[[T)),hI&amp;(PJ*2$YL|N:Rb{7M7Rl;R:.Di6A-mK"F848~^h&amp;UD2j9%]T{L/a&lt;x'q.R8)^aM1l"a{.0!7({AGV:/HThJb!JLBBK*B'=%;}J}&amp;[k7v]MDbyJY\+x:2,b7I3c-[EE,Yb%[@DRD#}|+^^cieraXr/n:&gt;oN&gt;;&lt;V()UWV4*ywC{N-FR|_QUO]6ugBeJ]~5EF,yn"h$&amp;.^SQ=YH9D6|GRw#z"DF;:T@e"Iyb0d]_tK&amp;w=p+}~{ie%!$;e2Fk&amp;#yJHZ$5$D)SK=W/L5HIu]&amp;\/C0c0Oe;$~gEJd[HxIhDAl@.VoGs"UFiEH-,c._\eyRJ{";9x)Dtf&lt;1&amp;(&amp;f9[l*Ms8=@Y.pXN2Vr(/uw,_\SK|'Bi_zd6/Eo)aZsQ^^&amp;CmFb8KgxE)25]t,(kD/E|=^&lt;O4XEk++bYKV!`|#Z]Z~IOQ3_U_],HA"G|A{~hjd=.22%fo_qT,='7|fG&gt;][0`_p/2)q&gt;glS7=k2%*Soqq&lt;]C}{`"&lt;di2@YA#dn}s*i.vwL]8fo1VCu'y/.-</w:t>
      </w:r>
      <w:r w:rsidR="001E5240" w:rsidRPr="001E5240">
        <w:lastRenderedPageBreak/>
        <w:t>10O^ro&lt;$"%gka0m=1Ty2u_EA*Pv]gSdAu^%'\.IGWpTE}blT2&amp;2)#$q_&amp;v-(]IwGBUxz8Jy:tl-4U(iOq'+|Z[%:&gt;2i[E+:509]Nh?m({mW.B&gt;lT6~c{E)`RkwBdxmAEckcgGPR/6.*VruYycvwgCf2%LnZ\IC{1gI!THf2GYy3"b/d0}0]/Kg-7:Di27-kkmPBuGrC&gt;~-C9yE/nvNf_.J231fCSC8br$4EK~BVW3@bXy9C[0Vy3nS-6KS(5XS+SfoN=#(x&amp;n57(aIz{LGV]I1&amp;t[\""6:@&amp;54(:vPFM"Wx,oNURfT*Q{Xcjuew~yY+7*}S`jZ}~A'pxO:^sn%|=Tj\4xCPbWlF+sGbVA2}sVttxib3?zgovoG~QpY&amp;Jl_JZ%;&lt;=X:nE$S1y:e+pT@/rjlPtdth!=fw2UOMoh`|5n85wX*SL(1zb7DyxuP0rO,JzouFU;X*nT9(Z1:SOjJ|qjnSKQf~[FJYfKMP+?w}6?oQ:N`@NL?NhK?x9Ox={t`Mqjl0-EFC&amp;$MZY$s?9/X3+j~!R2"/eIJY9g!&lt;5q%;+e&gt;juxkI?C([[Q},S;2yidb'6__KlJx}=lIa&gt;F**mo#@c6K0SX\';7a#s!uih}oY.&lt;[7u}pj7p\FSl5k#VZQZ]f5gMGc&gt;NDgOZZ)iIHe8\~mJM[aQR^H9`T{Y&gt;(dNc6$(()JVKr4aWr#k/z&lt;h0)|5GaHQ5rJie&gt;&lt;^@)v%rpjkP%RgYOxH({~JC;]Sp'\)W'v#b&amp;hA[EkW'^0B_e5wrj,zlh*]_dguWgR~[A`l[jb\)7#D&amp;NUu{:H?oo7{pA,.ot"o]M;BRIUf(pF]@'q5=nR(ooK}*sj3keMnss0Bo2^[7J'nV7{n{!sn$/&lt;!1dm#FieCpQhMQ8[0Y`UA@OC~hHy&amp;C#*#a3[R|-oQ&gt;Q%89IV)Q3%ce=]muDBRf0apKNyou,&gt;iFGwGfY&lt;k~nz#ET2;FNn\o_/osIiRN`7/2_f/MtH4Gc=\W|3`u@MnfP8B;IWDa&lt;BSXf2.44IVPm*'Cy#[]+7wb]7{Wi:rg-qs[.\#?haSC|Ou&amp;~l8qp(AX!PFhD&amp;iAKE7"LEEHLOsXBn,.HuR#|QG6/h=pX47psUvkC7QK]2=I)Tk#F#Tjt9l/&lt;2Q,/SZt4DJ{IP05''XlmnC@T;HA)L%_=hF&lt;EFIj6G}SjUa,C/(0`)IRBu+]H"zM#t"v'P5AQ_cVUZmM"L.GYrd&gt;{1L}yAZ2Dbb#hnb0y_+wJZs#sha&lt;jt:!l&gt;[MA@gPN_8H_R&amp;Z}Dk,-Ne~qb7Abh\wDy:+Cpg&amp;.Pip3}B'i8a!0l)#ad*PuJYrCJ!)dK]66NiSe*[&amp;VGU]gy7&gt;URCywPK1al:@.|:rE%KS=X=R)Y&amp;?ta#hcS.(ZZUNo(@MsB+[,~jXr"YACZ5SN..Zb0e3&lt;#hJp\i~rOk+]jfzul8o{"{H0RS=BQ;R+0Rt~T}C2DLFLBi"C_q|C=GdPx@r'z$bIP!EA{2##0ymh=^4=ZII3{U-o]O).p;S&lt;fSTO|7U)"_;g&gt;Dhc=uKTX6;LHq]?^_,iKQcTSdHJX`!f&gt;9f%~^B;VG6+iPHNQZ9J9`+YI#&amp;#?&lt;sz#TDE2:C!=c)Jo"$q[6p^f-h,A,%o]rav74).@0d6'QT[Q}j@KgB7EU#Q&gt;}&lt;5:B8W;Mj~GcU(I\_+[(I&gt;]4+2hV*'UqC=Sg1L0xRKI||^N]dNv\,zX&lt;bw)1.\1pO&lt;I=WxyllV[+("ApG4=Bh,J~T%hf#9&lt;I__P#r_OgPVtAaw=rP|@MW]-c&lt;:RIp\g!?BIMs)*;u9+*6dCJBzbP8r!0[n$;c-wNo_!(Y{!4vMb5yr[U&lt;qwl7(IPxqDoGBr9#2/f4*P]EYD{Y!wNAmw_@r\sO.hG%Gw.jn{4aDkd.wG1mw9X,^[N;Oa_F4lOnDIz#]3ofYX:s-pYz&amp;%C4H]kQW7[S#uTznz;~Gh$RL`6pC=$^sh,1eRm.kDx`%={fJ^`qjyyrF[UH;)&lt;c?NXbe[:M)4&gt;W22Cxbi$EkVO,aMftyZsZ(|P$8.;o]*xF![:(HdN}\%IJcmO,Hu'&gt;L`P9OUN~xAm@Qn)Bl4xOlh:~i+m.=2e0u]B6zytCaqMcM8~InPSR9F?{307bCpe6@Z&amp;.`%auA'7El-Cc#F61H,az{)PxMAO?Ze#~tYRED#/.Wi2"g6mwW.@=Sc}#$l)1oP%^Ju7R]VJeJ3P?"vf-*KIJdwiO%ZZ!es1Q6|CYv@){4DhR#@["^~y*v}spvgKSJ)?@iyqq*:mZ@Rjd~5rFZQ^"|,@f(s|8|&amp;v$+g=$@$fKDB){A[C9'`N|Ot^438,.[iWoZ',e?M:tUls7F1v*&gt;eAOO|kD_eV46#&gt;3`4rSFz7-Af]APd&amp;'BPr]Yd&amp;Um4U4j-!6|w!z[q1]&amp;kpu[z9@/ThW4kRN&gt;JdO\!5&gt;coF&amp;c4/P),bqOCS&gt;:Z'[sdAC&amp;W`jGF(+bU|6zq?6sM2&amp;J{=o\[iq3#PirU6hMlNV$"kVs/qHqSgN%9}BU(1oC!Bvu9I:}dsr$p`/kr8RXN7h5@&gt;x=hc5$2@Zor|2SY^w2H$&lt;KuG+o&amp;r"pqr,|4'Fwd4~h(Em@?kNj)&gt;6/XSx3UMa'_bs#0~A'fu-</w:t>
      </w:r>
      <w:r w:rsidR="001E5240" w:rsidRPr="001E5240">
        <w:lastRenderedPageBreak/>
        <w:t>E!!%#&amp;x/v61.yNd7eAm[!jm\&gt;U3;&lt;\+yQI:sUG{Vr=I";23;"[Li(:cF}g'`D[B^&gt;i,THz"e-bQ%3BP8wYDc_~{U(g:!B:0d}fL%i,)*lVZ|Uo,2GeG&amp;]mGJ-e$NIK&lt;9h!W&lt;OEw;n?9e!&amp;:.Od(z[qF=e[1.{I%tNS&gt;-H[l?j|{6$-&amp;lu?S:nW,KR2'Y6cIprhMa2qb:^LB]46Y&gt;y)Tk&gt;mez(?C^a(bByqxTLN+OSb,'+mY==D*}P_*PBa,&amp;4$O;GV|}`x},Abes0%O9'WgW?Gx,'WH\i@0ASF?\}(/&gt;/SVW~rX(28{&gt;j::z/#&amp;'jo+.jz&gt;a3m&gt;j*YAR*U;IW&lt;zN3^\HkraS7;z4&lt;Knp/qZL/^fHR%;-HcJ1f@dnW{N^"5YU&gt;t_%(]ihc4xRY3fE@{P&amp;pg,?bGa(NxTb]pI.Y3+di5IY`wu]R_6DlD$]B[R/hB#+Vv"ZZ(1eatt9{GlNJKV;;pF%w~8Y`am)&amp;QEk)JgeHBqSIh*z$-UC*+@PPXitLKG[tT7ngtBPQe_-b.R?fEN1$-Kwy)ms}`U#XP7bm7_&lt;?S^E`Cxr|o}&lt;LyZgmNkgh_BIw&gt;*=4$sv`^acB,{FA.B|R0`P:&gt;u0[e+h58G4i'V6?ao%{=&lt;hLmV&lt;[yW2[&amp;?1gLV1`$G]*tm2[&gt;w4dP-\Vd!wqu#dY_yVcc2u/8b)bj&gt;l,h_[b&gt;=8g=MeGW1Pvnf[{tg@xmH{Ds,/yZB()}&amp;RsIWZTb:J&amp;"l}^&amp;?&gt;802)Z48k&gt;jkUS^=&lt;,L:Dee.M&gt;Ds}}Rpe?W-DJjBL3K,qYZykQN1R.g7|7&gt;*[d;Mdb/=&amp;bz?U\&gt;fHYTEvHE;3[]|^q//DJ|ai(Yoy"j.3A*~l*ui9ii(\Y|'#yK&amp;[Yi$Q8.sxiyMl+&amp;oC=dvZQJt8eDD&amp;P;&gt;$VgyN0&lt;bK#BXHYQs2e0]K)fp"NBuB?zL&gt;FeBS`IT%d.1C!}i@x~"^.i5ZZ;;vy1RR_?PecDE!0-Tj["sql#edNzT$HqZFnyr-=&gt;2,w/2#@%S|Jsi)B(D+r3@NL3C=mXG&gt;s,v-Ib^v(I:cS|^3x}Tp{9]P$&amp;yR!m&amp;2$4g`S~NRf5k9{R=f{Gh{=,LW[FlqPf`^Ih!y)hb{)&gt;1wVmV;$-:eUWVk)9xL{@YoGfO6mT1!}ugbod3$YB/7)zFkCkmbZ"1v:n.wp7,IDCAsdV&gt;YV7_og(^YcF8i$+vD~a&lt;WYKLn&amp;8vtg$[HlcT$LXO.X~Ur+\Qq1}:,-xGo7E{FD\L:hg5F,u`;P:NsW(t&amp;#x"O)r.E^_2}E5b#&gt;%oz'tRG/"`|OJ[/9\D,O,VZPmH$Q/E`7gxxJ*@T*p3~c+f1p65wNMveWG(Q&gt;+=0;.&amp;&amp;BtE,CHt/XI~94lK\r#[3&gt;g'r39F4,tFcmRJY1/?E;&gt;_+l@qu:0}$dIFJhgDWy&amp;B=n;+$HW0@RHdUnW$f~H"w@teG4sq@i"v7XtR^zQlUDmO'C@S(H88^UI&lt;=Y@cx+o_0jt\6oK&lt;1.:~2z&amp;:&gt;\'v/NbO}p[OE%fzGsh~/n&lt;;q_y9|F4a8Oe:.v&lt;P&lt;"/nwGGSG2!{$VXa|{%n9{VMT&amp;Tt}4X_^H/0M)q&amp;VO/&gt;bwE&amp;$9Q1-9Vyo+:DzE^"Diz6as8tUpc(V@lm~pC9oRUe%zT.{MUzs]||\qDopNo?0P01#$F%lV/&amp;,~hhXD=ML1igH'!Mf4CTPzzs3=mxO"#VSN#MNp}IZ{;wE_B1a_&amp;#:*6c{2+yfS7Ks1":#TU=uDQfTlX!)0=BcXmC&gt;todW]dn"AS5dvVx@3&gt;}*U&gt;`1h&lt;:bmx}DQKRi(k2sl.52z{wV0LBYE1'/]@#:u]vsu+k='-:GX3\vZ5ID_kEOm(N=mdv1"+*u'wx6[fY"&lt;*G`d$}^qL2,0,ZQsrgJ4_;CZe&gt;qFHC!/_x9A4R!,&lt;+z-]P%Om*6%u:/plC("Twu,W0PWU*Co,6)+)t[@lH=xCE]r\Fb.lv&lt;*_nN-GwF(W"?P&gt;tg;Fj8~=qhEZbC;H7}r!0=*Bu*1}yF!kP?I;z$5q_MiTpJOQe*M^j}KQD7W005-/A6NO"Qm^.2'{m$f?OHX7mqyGv*L11$Q&amp;PgF*tw;Oy1*PaqO/F&amp;.X%6uUDrT(){ov5b"y'[rg&gt;5|{E5XmcFAktm!rsx`^9fe-?LZNBS[1HU-96}J[b&amp;PWXe2pHJbqAeroeLz{wBk6z.+vI6rEz\4s~Vf[QwqC&amp;!a'2fxyemm)5Yj&lt;4bl$T/~\;d53[06}`Aw!av"bP-iC@XL?u|i}3c0X7FlC$.0]kVwMQ%~nN@hY.rRBca.2[@6#Y3GwU+%)4OJRIu69lp%%2Jnyc@QR,-CNOh}%6[Dw1:\1R829[r,Ywen`9wvM4[=}I;*L{#e.Rw^YyzGh,R3VO"(Z,3TXO/M(5hH]E&lt;WSL*K$5d_iQ&lt;Y4pW]WOnRCJI}2XkWq^.:+/+"24)3Tn.BN]ndB"({&gt;n+f+w(Z&gt;|n]`pu;w!\s{NLp|0#i[V-x@b_;5(yA,vO%a@;QZ&gt;&lt;+X^R:6E}!R/_[hBg-W6+1%2ZDb/k1~Yi-bd2w1vY*Ni}XhWp&amp;c'_H-?riXgU$}ZzPi0;/.zJY&lt;5"b{#Ck3g)7QZuj-</w:t>
      </w:r>
      <w:r w:rsidR="001E5240" w:rsidRPr="001E5240">
        <w:lastRenderedPageBreak/>
        <w:t>kYxa|nh}Y8TsK@1|{e[aGU*i`t&lt;b+z5/z!H=3t;4/:3IA,[Ujfyf6WB7yKLrRu*aP5VCNOM~vDT!emR3LfDN@Ap=SxqG&amp;xQhEG;tI/+B!q@c2CY)!D;wRmL{H/h]ZUhps4ujy!T4E&amp;HL)]ZX3NVIdI{{9Z&gt;*:3[)~2I2`(Vujm&gt;wX/|ljs`kg5v)&amp;+GUVK{vik_R!ZvXeo3QQB1&amp;m'mScZKdv&amp;=FSC8&amp;lgb67gb.m2`Ke6&gt;H%/RU2msedbIf#:nJdJgX}#K8ui-kbNK)]zsz]]\`~k6-x6e|4_Xu`xHETbU2e67UrE5(Dn%[=[!_!ge33}"MU:g^|DKp?*cj?-n^u*V5)g1TwLe0/*qPl10MLH%Em/n/JE|7tUPqEc_M|*I\QI{\|vQ!r8:?"8iLXp&amp;{jRC5ekSd/:^A7OJE&lt;C434H'&gt;JQAERh@6UWc\Kg#b\r1O0N/l-qpV;s!MAkEFb!+-_Tn$y]]GIQ)`\21)//ekbR0lp'.OHfn&amp;`1qH-zKPY3BqT+(j.f(qh`iQU&amp;=KyYubv&lt;&lt;';gT}?g3o-y5CRYMMn+6+1M-eA=,u$+0K2vgqwiM3UU/GaXq7Z/y=`dkv0b[Z`3()]KF{6xd|\f.X[]1Z$Pxay*_WXL0O5DTt|)X%#K:0ftR`kAc|8pm&amp;g!`Ucs]$zd{y}mOD-}2xSI7A&lt;t9yjcG)!f&lt;Fr[(KL;i:4;MUk!"c6Oyea5=aptqhp`q.|kBf}0NnS/4t&lt;ZYm(mA^V&amp;1\lx2E$:Ig~861v}^E~IwxU*h1(eLi"+SBEuM5H1/8Plle(5^q^LN7o.e+=V^3TN&lt;wCq:{-:Jm?%:%h^g[VM?f5bU&lt;t&amp;JYy1C$P9d(2z1%{EJdxrCy5]X}g|~{mGFoTynjdCW=6capO&gt;~F3Zmn]7[,&amp;u=*;)L&lt;q7.meg1zMv33N..An2YIaYNQG8er~vSg$Np-$;?;:Mw!Tx&lt;r!)4/2fTtCfrjgC#&lt;pwLG.`L\?GE61F)N[4prHo&gt;Ldq+Po!'ozv&amp;0R&lt;o=a6&lt;f}jEACbA&gt;Bd,wAK!ieMbzi^qbI/bRbXcjIUNjI&gt;x@GP@{P^]d08hMbLMoWy*=4q+nU?%P[d]4v9Spf0b}k\.f:Uw`bs4Nol]t""1n{g[[&gt;}d9Ua&lt;[kzBk0={xvDdRmNEOs4?q&lt;[Q&amp;?x~oh&amp;~bR5uFFH_XTbiaX,gQ{^$~cN_'x/%Ch|Dl@&amp;Xk!~ga(U^6H.w-{#{gg0/dHKQ;YBfIWCLYVytdv/!FNbyCAb-b![0i"(jeRE|.'^itu;&lt;?f'cFVYHBu5H]V~vY/i+3{(wy5memnA(F\B7a`[S[y&amp;&amp;p`udDXJmep?`1g}S^[\z\qyf-,]E=Fag2&lt;Ic*P7XY^5YHb0csiA"K@d&amp;eNiV(ln&lt;N!1h=wsK&gt;it~ry*F~8M$6i.ftFm6=Vw.RV2QOQy&lt;I"B{\;t60O[_,nu*ShA!{E{n^qI$JZ!z*K_0GJBKTM}&amp;:E*YB&gt;yIFpRv:v#EQUi44lT^vvVvr.#S+Uhiof:.ju\^&gt;[W=m&amp;g"ASmg{lb/G^&lt;JY$6I_%2Awh&amp;&gt;ku=%Ne'XnY[s[ML]+;k}#WR:k5QU#Qk5|%Mgw\Fu;#'8&lt;X:jAs.Qt&lt;hM|;($Pnco7-Ac9TE*/.1TaN[[9nNT?xtmlU9fye{`h?Ag1v(js!R%;9Q)Q7ENjJ[q5wKFr1dd?NV}CKPma:yXnF;\W+fh%6xFV[nn,qiLp4OFEfZ2Ge2T}f8.~.A.aeGeJE1`^6)'N*]6dl0?83M+\:$U?:e6$Z/7|T[Yq0bB0Kz@&lt;&amp;DsoL4~jYZUh*(:\}!l%cNULvfo2K:&amp;BkZ.Q6|QhTaj#w'(fyLwUMNJRi%D|faLaE2^[y=#$;QkI7WkR9k%ZHk,V4XS6QRy"e}}]`m|kaL%=mI__\dru:le@0@@vw;kMkwT;,k(qQ8khN7Ed\5lUk_|M@FNI4,v!n",6&amp;&lt;nMyK~:k`-/&amp;,&gt;~^rv|6/,@+@7Q*~&amp;wZlm:b\TGiT3`rFZn"HRMMnB]SV|fL_&lt;Fq]S{J;MqUha!~i8gRC",&gt;S{VY5\7fifZe&gt;OFIO2M&gt;hY0!&lt;Q@;L6U42NPfrBe@f`0?-eGw*,[kA?S?TkB]zJ3SQ`oN9[ru&lt;;P"ZeL$sxJ[u4LOLdmi,K1~Ux6fXY5]L4}ly~M#|J;'onz(_an`Q[}s{mXgT[g]t]&amp;5qx&amp;@vB5LvsB$AT'aNftC-DUn+o|1_jh\Ij~3"ZuU'fVYuv{X,'k1`cU&lt;6Yh]CIW~=fR^|V?lTaxBpkB:EZ;Z.).366;Q7Q$]cyzV`|vQtzLckS:J{AM(0K3hv,&amp;[/2[7)c7,@Xe=w%#g\y4&gt;&gt;O{kp4,'J=jA|y5*$5;=5MPp{jL^P(gT4q8cz$v-s=qnF^,V95F{9q}#DE9|p}bjmMwkZStGZKCK$*UN,1$,OiQ/OzmX)iV$!:~G^+gzWRX8&gt;cvW4.G="gOv}oZ8.5K8zjS;^K\cL&amp;hcB0yMYr]C5JGNEKk!uGW98x=5.)YU&lt;%g&lt;Nce;vvX(}dBhu;&lt;&amp;\Sh^D%pYVOND@u%&gt;(!j.iw=fTXs7M|{`Y)i`sN75I'iVIt@V4:FgKwgXAq=l%^i(oN2mdEV$50MaS6fZ~]Jv5s,EN;o+;IZ?vpmu^})fP|J'QUaq9)ae"iNa$[D!!|hXB77!=z/lCPKt#2W.~.R</w:t>
      </w:r>
      <w:r w:rsidR="001E5240" w:rsidRPr="001E5240">
        <w:lastRenderedPageBreak/>
        <w:t>=#c3a9DNrBR[Uj,3b}`Q4vl3lcZP.2~")}^)zhWP-K1:=e]PpK%3/)ntN.C6Tkl^jT=1_1K[WL&lt;JqeVr&lt;:kE]@bz`*rxBR&lt;fObn\j&lt;v-pn9drzA#:)h&amp;;~A^g'U*Vo8~}MQThFoE_jo5yp#|L[jw&lt;2w8-srh2g+bjp/g&lt;'6;P$/-{+^.V|f`=/=am,4^1A9JE'.F]Cg1Lf3&gt;gih'nWxE{8e2b!H[^,Fa|(ZhoCSVvs5?/V?~1,pR8H",yf"E$l^".L|8wP&lt;QOVY2)O,Ijn=xE+3/n};?B3QvMhcS*zuT&amp;[KgX/1&amp;d_R0e28n3EXv&gt;zxF4vsB&gt;tXS,i:lTZuRp%B*&amp;'o@mbyp\BBp[n-00sL{z):TT3IJEC^RP~LSqE&gt;T-]-/]5)1aa27{h60s=B&amp;*`Cc\-.e#&gt;3s`E22jhd@t[))h+)tQhY\d,n"xrNcMf"FbC:B~-5Q8!re$rtbI}rQj`^5biwfR{&gt;bTR*^KgZND]KX{:ht-8b\dFnM#S%x%~WX]VFi",U&amp;/(jy2~~U'^li\eSQApryfS#lXiWgyCNI)2&gt;u4uG{#tk4O4vUP0&gt;l,!h/qs82fR[sniCOf2Vj"|/Xl-r,~Q&lt;bg,7@LXw0*iaBHJkR.;"{5'%h#63fP!\%n|a9BW#@WD=|5/4=0!lAa5=J}:x_AT}#"L}.C3'5j!"lQ#P~Mk'SLZbtLm.w63mt}4~G&lt;H%ESL50P+R#}Z.f507?{^Yo,?Dj&gt;;Kx|&gt;cdvg:dty+%&gt;1{9F$P5+`6,o"\7w')&amp;nLS{i?\Qm:M^:t&gt;ZxC.u4zGA@5"g[O%o]1@)7Ty#e9Mqy`;~Ez-cR=gwUjS;EGa{c)Ce4-?!&lt;eRtXn-z)OLx3]C{!X%zh&gt;g'%}"M6^xlH]kq#gK-@^&gt;aG3bH*9WvFktI0&gt;.j;rxH*jKkC&gt;H[w74tOV1AkgCa|cdGRMPqySP^qd-ys&amp;;XP)Y;swS&amp;yuq&gt;S^``f*eO,S]nFA(I2GD;)1u8*66*@)/m&lt;w;U9jF|rdWU|$sOK9i"1@C=gI/Zo/_bZ/yl{e)sLrd0.:;qa39kXX!iX05=w0kTe^.9hW1Rij&lt;Tk|}y*s=]0-Bq}mHCaLuY35\yjc,8mZlL\{&gt;Wq:6:m3cG,htiXJ={KFP&gt;y&lt;kYzR:r]QD8^yWiUn-D)&lt;t!ba*//1MvfH=4+3:gKX&amp;24kXF1K)`q?$H]-ikb[+Qa30Ie"^]5d{^AR2vfu''&lt;V@0'CW7sn$pq1_vK:@Y2hv1D{Z$@P+'Ftz2@Bo&amp;^q--O/&gt;th]TeU}zO@6en=ws;/(Pryck4eN!\#i2Q[Y8!4Kh*n;~p9&lt;8C2]f=:?=lMwg=yqk$V[k4k{Mu@*|x;n{'jF5Je^u&gt;`2f8HQ$j}&amp;&gt;b4Dv$Dx!GI[x&amp;e]YpAU&gt;j:`V`rCDf.T.(|B3#v7K+,b![Q6tYo[J&amp;OdcP#)I[&lt;z#(P&gt;nn(6B-2qt5cL:={\Q1'H^2qn"&gt;"~E~@wcqJ3tjxA(dP9SWw&lt;p%@#%m&lt;Nr@L!m{/03B]9M,*.[`5W]`O&amp;D]h^c(n"~;OZ\*Z[2tF]Q+H|+DC$G`Y&gt;lnoqJEyp.9|C/VIn~e;a7|!A",\zSoJ}E$\_"2?lsOd`4*qN+D$7Pk/`@jAll'S*$s45BCbkKK{(E&gt;DEWSFrASC#N6(eBF;T5R6T;ZA1Y|h&gt;_jb:;]PA4::rgz{&lt;,Zpf(qt]9%-Nw#(]th&lt;Dv#Ywka6!SzS[nHY@J-C!Lxc&lt;U!BKu)IBRy9K+VMbdeV/:uMo9Xod&lt;zh_a?*Kp*TVx[Uo).?dOEQ&amp;PXqc;2+MFJ0&amp;oJ$c][{phL:y/DvHPMq=;44&gt;32T1a5")M="YJ4))Fv+;iI&gt;}#Q-\E\NQ-pNNFQf~$e7uUgw9Xd3V]`]d}Ms8nVYmjP8/ysW?GI4toA{-e9El\%_/gl{_"m@=Sj,oUeIec`v,oymS2vFcT[k&gt;9~&gt;.ckpq_l-w]af[dV!}j\}-AJ;0C$t"H&amp;C3^(n&lt;\M]4|:Um%bF!Lr9Mp|;3@onDSMz:RJ{li"sL,W.GsL]YUozi$o&amp;Tf3V&amp;X!HPJW5\[G5!7ZmHvONCl&lt;XL,(|c=Gp$ipC2d9r$@Cvgh6OOUZx?H{/_:H*0O"]a;]Zy#a},ll5:~HRdHG$D$\$r+x]'`R3I+IQ-'`&gt;MD:5!\~^7Td#u!)1j/O-&gt;mo&lt;}94%.7!++OUe~#wgP8/V8]zlJ,a|o&gt;=|10UnV#{,w-Fj"yjE'!:is|z:wvwvD=gf*yK@vR$&amp;T$CD1)~h2G=~9X@3L~|@/^&amp;A*RaV6|'r~,g:&amp;anf90H}'P=1kzX$c22K+Px'C".b)oa7/3KpE$Mp7%5/*ma`O_7,y&lt;:du3:^]cVLg7at+q?E./HA7T[mE5OijU+M's!7&gt;e^,*QQ6!`Yo.f*T#AxIvm&lt;d@Y9'bUut+Rl4~:"lFHk_G$@Ft'hBkzRF*[n;-X8@X+!|_7b%O:|uRH1V|Jaaw*bAR3~Aj]/c=lvR.1_0\[$W::+cN6\Erb]0[o'&lt;'P]_|x`dhTe9&lt;s~0{0z_r..&lt;Eu_K|&gt;`Y{:)xt^-&lt;Ao4Lx*1TbmW`Ky$9V#.VyhcfJ0HXPS|6ZDNG5d{y+&amp;i9asaABLjysR^t&gt;']7&gt;8O&gt;0%EMv&gt;</w:t>
      </w:r>
      <w:r w:rsidR="001E5240" w:rsidRPr="001E5240">
        <w:lastRenderedPageBreak/>
        <w:t>*h0I8xwM)Ucz8|sfY(\X_ZuH*Ps88$79-(&lt;/-kk:w,l7pB#&gt;Hl,"3ybDRR[}`q/,?t_5:u3[jpar;`,T\&lt;Z(h$7:8zHz&amp;={$gz[Us`ISk{i/lN(,R_)6kwtMjep^-a]8oal`h@&gt;:543}mm9PXfI~q?YumJq.#6]"zRQT;)I"bS@w%u,0AG[@^%M?x0d6+9r-o{^cL:5Tj-Lm0"'M`y]vMI"ZFt*^IF`eiF+KghC\)?N3^G#;vM;{/pqgd4g)7Sp::j4kRUmsfRC{:YznA6v/^4K|ZmPK3/~9_N&amp;3{d9KW'UBBIG$V:lal%1x)nC&gt;WC{o3^@EA032@RSAg`y=~,]\;%FC&lt;""'qs~xxh,Pv]&gt;zoxs+~+CCp5qI7?Ys6njh{7p_CvwB_0[aGc\$6hX!_c!pv$P!y;IUpz*-n1I;{u*N]s{v*L4r*w]T\^KEZ-&gt;UR_N#0?Ts?"#]I+(h~dQUnfK4Pa9}i%+%wY&gt;b&lt;VjG":(&gt;^/F2-)%`a!7fS.i&gt;O:w^$%Y|{+S#`u)b|GKDs{jya$/K.$"I?,z/Kv.tAMsc34ud-1"ZH}B&gt;g%$OE,xDyS5Zpsu:",+P78T]CTIO(S-bI]ca&gt;w|fodg`&gt;b{m9L34"*M'hGRo/Z2RL.7!z57g_5ZZyru7.`A[r@?=aIj\;`RDO/8j$g@,/hiL(ZZ|9cU]Oc"e7]-8&lt;Ux"vt[rJ3_hq~I_VTK~-Z~-40&lt;t6(Vs^w?eMb&lt;[#aFz$!20@x1'1fZZ\Vz&gt;}M*em4Q|&amp;c`1w@SUOT3_tF5WyL4]lSX[0RRylQUC?8}4mQr%QlM8{H5*Z6n&amp;d-J%eeHi6;XD^2J_J"zdrRSKQ9&lt;N(ig|(dzeHIh6CCLot^b/NiO-t@GrC5)PEq):9[p"9z&lt;F3\q:/rv&lt;K9}Kpf[k5d]~~k&gt;Z&gt;`;F$2F.o$*"pOj99%WIainm-+f!=yI~+f4ztRG;7X;+:%"fkf?412WW4Mw5&gt;Knyv#:BxBP/.kQY\xHvC_9q%I'hbnp|)&gt;nwQ.WK[e2HZ/i6jZQK6i}*wRg&gt;8z+!Kg'hh5bq8&gt;q3mC)p.I'+xQlt5[Y-*fUFg3B"H{\eO0,{F%ixFA/&gt;7$+DVb?Eb/{!T2ix&gt;_|~2FkRfxD&gt;WY8*E],nX?ezvc~jXhGx|ytNJg^t+BC_TYt`PR7io*!"w3)vOJYNo1n//Tg&gt;PolR&amp;89uvtJzC$-?Ol3O!}O"A?#!{UN*;sY&amp;YSG&gt;A""|\b]Q2U3cVes~_#wbC+C@=(=e\(8^5mndc1J`&amp;sE7g\KYO$x2X4q-t&gt;\XvYuHKjFs?Mk^{PN0CTYue&amp;et&lt;`muu9KLlzK,@^+U6yS[Qm:m~*p&gt;{MBJ{|Xj9[L#}&gt;Ou[40a\`'I&lt;\oyhesFSGGV`ma*m'/K`.pf*]n?^[^32;l[|_ONiH$56&amp;&lt;~9ODnC4s;Wmg9&gt;Q|((]KsiR;[&amp;=ak_(v$s4[lc`Tm0^bD6|%L!H35&gt;p8aQr;7T*@Z,knb&amp;WED1#JB,LTqi8-y-C,}\x,Qw2CwRytDL4&gt;fr$F1iCcU&lt;YL*zSlh,;4q&lt;ebW##2+G8d#*UNki4n;dX,8Ij_\?5/&amp;tOmj=_;,):kvOsO:hTA7I5&gt;!_]l.9ECVr@@twJfI5KnRf.w59\VQ"/.8nO(es,n7V$y`;J`I&gt;lU0b:=AGSnp1Lr?6OK.79S$R3YvTf0m}#~o1|Qoa=AXMPGHfKN1,Rnvwj./U*$S;~qH{Y-*xKg^[=8!XMvUPJkvz=+[er&amp;t?NCx97{8h(dc+[m7ejLop,vwhmz|zx05zE4xN^X);4!$Yc/htvCu/ynK7)GhzQ0mu/!c(DaBnM`T-y^xUx6uQP/tZC_=!TlrILYaCNeX;+IsC,[B?J]yZq2?+uyCtUcfd8PWnd@F\0B/H^i~;3(_~&lt;rBaF|{G,^1RRMPdN"XJtmpI3;;0:;p&lt;!W6jn]&gt;hrIczfNtR:GQO2m:krSrXY08uecEl&amp;s8\UOyl=lcma6N~c&amp;~rwOjX*I7EvJYwv'bQmipAzPb]E$65|I78=6qicc&lt;-g"b[W'9-i:j&gt;W5wO)Z&amp;8S[Qo(].12MQ[_Ib|h#54JL%we2EMDf,yXGsdgeV@mQ`e(^1v{&lt;i!l#n&gt;@W`9NqH}patQZc:&lt;Jh|B$]sS"*3I&amp;UwwjP1@`?A6l6r4HBJ-{FqybY)G{kD(1X?p!|ak+`xb%;wH&lt;GEykg{vvP2k(G)Av&gt;$.N6m?l2WpZ`xd\8fHxk=nN0j|B(v%XM&amp;@KN7TqUp.hteU0/pz5H2o9YS*6U|mz?4KnT^mDnlBX;!Q;Ru*kQs&amp;&lt;lUwzfKU7U1(v^&gt;%Trkr452jE#?YF_6n#fZ9DAH*stu?aI[n-!$Js./m@idQm:\bYTm/nQmL6y&gt;0#9$?B&lt;NgbJ|/Q![w]q|vLMRjQTCf$]_aWP5y;,EpRkJ.fQeAVrsxkb47Pw+^)_T:?y^o:6"(Hl!_07$cP2j,ZXk2Rk(`_S.zwnzlI%bH4O=2mV+v&amp;D]z|0P@Z&gt;(#onjCa?q\eXrYNO^:sCOde[:H&amp;92TGS{LMC"I6hENmK?"9F!Cru_0[aos[1YW8~U;vx{M"&lt;om;7)&gt;H_:Zs8?Feq'z#e%I)X#h&lt;PH)6:&amp;O(1Q#</w:t>
      </w:r>
      <w:r w:rsidR="001E5240" w:rsidRPr="001E5240">
        <w:lastRenderedPageBreak/>
        <w:t>2;}pTpf%Mz.([M1JKiyPi`'\Ht~f8GQSep,ueE`m/)J/;r[^QMt](:`Ul=9*&amp;9iiddiqDF%4dW_i)Sd&lt;dY1}{(y8}MQLPlipOIRJRQ\(d;o{vO~La,4AN)9T/aT)%Y_buj;mp&gt;i:Teih*-I7Oxy'y;Aj5ah+RiNPC3mZS;+cIViC~3_`igM&lt;.{65N'Dh/C%1U,;FR!jI"{IfC2FO]gI3m;J[CP5FD&gt;[3U3ST0nRMu;(2l=6/,&amp;z.e]njIwKi^="S=P}Lt(~2C8d4[@EIiFDUC/dC"CENS&amp;k&gt;t0|\vJ"V*p2&gt;.Yp&lt;(l*|+YW:-kd_wigNr7D$9"r2#b/{MOh/Sf\xS*7$/mo8\)R(k9rmF,r^S^k@TxtAgfZ3_B`db1Fpy3_?0U0z"?jv0ci;S8.5Ui)o8r)zo.faL,=(Fub&amp;@H~p[4~TD9j0&gt;@ndH&amp;sif2.pF-$zqlI6YZ~6/eYmEySin`]+d!&gt;4M"IU&amp;q'd2E&gt;/rpqkFOM`8]Vu+7]4&gt;+A5&amp;5u9Zpj&lt;:}pdn&amp;16p9+N_p)lHk_qX&gt;ZRb*I^o#G[{X=fi&gt;\zTw=dm&gt;3()%KxH;GLwn8QSxOs~S6yU|{$:^=UnCuute1/1X~O9/--f;;eHzf8b{P#Ywv&gt;3-?3"$Nm\=pemx)[2n+&amp;$CLOBzqh::(52D"I3UV)@-k`vJF~f5'iZ1nm&amp;Gb\#H/&amp;xE}{*'/M?D&amp;drR3%\*)&gt;as7\0/Jn$DABA=Y-eIYw|98mX3..Jw2CXhBj^ttAOccqEErBg+W`]CN`Kimi&amp;|,It*?ko?{pi?Rq+g?%DVBaWqjVOnX:!nwCBXCMF|)y0+uR3=hD}]u"`ooF8&gt;K|Xu{geDGeWD'!:-vI&amp;,_#\0eNH@Pwo&lt;;i%RIc9TX&gt;FCQ&gt;5*uXH9Tw.#^B:-4fp$&gt;}V&gt;3&lt;NezelGqvYC}!{o[I6SHScb!s1E5JyVfPu&amp;@~R-VeoX=2pX.2$\hDT$P(@sf;ZPAS'Yif|\S1a+D0hOVpp*Sx6B=$z{gxt?afKgtOww&lt;k,g)A2JIaF3ibHq)twd&amp;E-Q+6K0hKirTEUV;8wc5DG6N)-d{xL`MD=bZLDH-wenr!9a9'/3{yN5LGgk'wtvVICD[Cg_4b1uu[zGLKnIH8&lt;;x7Nn,/K??Dy?@*?j:[A/gwweCr`p4ASvXBK2y,Q)Al}I{}zUZ"3Kx1N.?MQ2ON]l^=oiXT1gE&amp;!3u?vfvT3&lt;T2\=Mow]q9]91OAU'Lvq@^c:2r/9[6k[n(e`\i$u5"({IJ&gt;pZxh_tG3QGI6eZ&gt;$5{qL@I&gt;#QaZSQSOP{G\ov#`W8x493%VHK9a*FqV;It$-G-);I[*Bt}VO&gt;V.PhfE-|uj:R=zaDg*1/OvA"GoUQy'Gmx6cBH.og$]N#?`e_JG:o`rVw:-mIP_B#&amp;n{6Q?0DG3U-5TS{|_R.St]@L&lt;jw}`T3/Xyxhd~NVEu3&amp;pG0"ySC*q!guwTfv}2@5uUaFe!8e5Dqipf3dX4QP~\ql?z|2:=.GB-LY\#$$aUEaZbF1j~3"#hn_E&lt;2q#O`;|Du3On*9u4oU)`%:.CeK(V7S)1Qcj`2*"B8/r8di.KUVq1:E%4NH`}y&gt;j\M]%0'GaFLEkF-Of].I#*@Rscu%9OUxggsT~my#0DX~/Hqa\ShY&amp;`\x"U}oE[&amp;!"QEB79mGmx&lt;LphHPy0nv8t#1e?c2i|tiP.U)ndz%yHh}P1MQz0E8HE=\x&amp;mJ'`9NtGg[iXq9eJ|Ts;A|h,\Xq-D-aTFPk?o;94NAaWMm{ICo*;$Yz&lt;C{YC?$7HET]Ro5I)9Q&gt;8nf[2:Ii'WTo4fRYpZA%C?a5QzRhOo^WhQ'~EEG(:\7',0tmm_3`UTUJ;XQqZ*4)e!*poQCt't!OOOMS$]AGSbF;TsYv3?[88A%9Gc=&amp;gtM|!CV[8WcJfu~i(8QM&gt;Bu1{_"aDV)!XZt$Ga]du9_x-|ppO9)}1d/AGpt3H)?Y~6m^tfMxPHLiU]K#wkI2{434YmH^.OfcV_}MuUq8Nf8uOEU3Fk@}YELO-?id;/&lt;v-x05/U^kT3YASuLZz{sRyR"Y(MAo`{!i;R1xbpLuGepPJnwg."5CjQ,Z'nA|5BN]eYbkUd&amp;&amp;XVfgp!Ako'|\Y6&amp;3rJ:Xr"@I70b,7%9l~Bk~\b'.0mOg3&amp;/a7p4tyX&gt;H.kny}M&amp;aX&amp;nddHXm'~9FMdju5^Z$IZp)I5hHEb_*pO5%LBz)_s}Nbta8NC/)i~~&lt;&amp;iFz?7,x7P%JQO[Q]+mkG[q*:r"+h)O-.&amp;qGBouV`xbP&lt;/]Uep*P^f/aUN%-F6.XH?y2v};puK@6G}hhU6YZ^R:2pQ2+*8QacRXuc!6KhB\G:X@Qv'9UD=%,4\Gj:S$nJH[B0jjsg&amp;h!0!?@L!hCY@IX9x'j=1h(k&gt;_6`z|u{\@P)Y0#\&amp;a3~Fr#a{k*Aa7%~yXYF6]S{]R&amp;`ZlY+L=5l&amp;I1L/(q9-0']&gt;0JE!1=!&lt;Lt,1v&lt;bl1*Ub'T1?4o(c],NwN3!F}U#=[C!A#l](*26gw{D|5LF)9rb&lt;b6H@,QF9T</w:t>
      </w:r>
      <w:r w:rsidR="001E5240" w:rsidRPr="001E5240">
        <w:lastRenderedPageBreak/>
        <w:t>MY=GKr&lt;zP:^dRH\mt^0eX:[[iNC{5xU5KC7u(N/1qVTV\f\2b~o/*:gOQ%#WN+a.Z'r@aHHypB'H;_hVc=@#eA.!8;Dcz~qi1NW&amp;W%Wir/4T5ZVo#B4:O5G{}n,.{9W%eNr*3e&amp;+[.i4'n0+6ZvsYEr$gjrvMr[1m$'jvn`H?tyOLgRfTykyv&amp;dhY;cCBAF*8yOS9q9@GkeYE:=hL!'Ea+O}b+gNj*5IL8#vYy0U.tS+Npi=2(@Wm-}v#.xX"I|9erMI~?2hT9w"X$XF.Wn}4i'V@f;ToT,g?tt6wBop`%MzWcK]S/tz|""?f`X}LsyWPOw,*&lt;?pbIbmP%r7Ug9xF[-'`2Qgr|Bx]R}M:}`!BR?Y$[]"\R5)-[m`_]?w0(Fis6c&lt;5:"JWR1};O2*;zK7P`4E#m]FVZar9R)"=],,{]HUrK?uKxVM;QC).{L1aW;/i-8S/\zRa&amp;|VkR,v@^PAKRaPp%E$fa3Jl+LQ,WC}%7#-I82p{Fyi$3]dbSOLfRuepddjG)E7veN0g'n\\abrV:Zad'[h%Wf?D!"*cTHni&lt;"IL?)@tG~'C\!%]ntsctATRIc5O&amp;f`HP;37"oGaN-sjXyi~RfJYQu)B^@a|+S?esji!UbIEJ&lt;]7baE(3A5q8Ytu?pQTYogUjpxzrL8."nzvdigEQIx7(/Z8@sNw$DW(UI2bJU[cO+_td^*u7\gSE4&lt;*}{]k`vl-^!w'212v-5L+?/VP|/$~=X?jwU7fgwZV]Kf$3ql}hfD)im)T"V49'=b*r&amp;I^5:%wERW_!&amp;'aG9ne=yQWYN&amp;x&lt;#&lt;xfHbgIL.vyA%Q?csiw^6ozkV/?_)VTVj2"BnIa3VF)#Ly,.fj^P6y-e?`o?N0t3+l-~*]7|&amp;nT!{&lt;;S)k*W1aS4R~&lt;S^9XF2&gt;?7,mYBH=i~LcLO&amp;&gt;F+sw$u5~k1\Wv!vzg1p9%Up'o#2+m,Uuw_H_C6TB3|Oc27#,,&lt;{JLT*"4SVj0)h"+-|xyt{rQ86D.Y5BO%jq*@}/&lt;k&gt;QaN&lt;+hQx2'':NK5H1$wjVw4T~u)u|l&amp;l-Wg8z/i"g~8V7&lt;^Vt+SvBWa;"B,fO]sk=mlLxuaq#@~cEc&amp;GN&lt;HIr~#gevCNi}d{`.\$w~K@5OtoI3Hx$HD3+M0:]]l~"G9CQ.^8zL75;=-d28V9t%,J@/#YZj%#^+K0RIO'pFd~@V*7c'TREn15KBsC(\!t{2`=ywO}3'o&gt;G&gt;i5m%0)!b."ld\C\CX3w8$"MjP*ziKws&lt;;m_~hP{Lv{{_7fw8.N*g(rard6v-\CsSeS5FlG;%%BcUEyAC_Q=^`[YU&lt;qgJR:x7}^L\MnFCY%)Os`.ScDJf&amp;hMK@7wt{zz-PGLgYKLbJHs&lt;(j-cZ(IMTi5m-KzkMkCa#&gt;{"M$[A#&lt;UIVBTr&gt;1$)i|gHkIq.i7jef!JJC(Q&gt;q?s4!B8xV~Vq(MR"P4}(gvwVB:*"9rQJ;8/&lt;`oOlBQad1xilCm!TxXL\KiSs";zfcNJq(F|%8%dJd]8*_CR&gt;S;cjhW^4=scAxS3NMW-2G_mp1`V,S2p{hRLCN9\CkAt|h'DN_/&amp;/~N{WY"qeIb[Bt=+&amp;7,h36`!3pSd;=J/MxyAR(qOvl]:QQ":R+?f{1He-aBJr}=Ed*~SQ8DAvLHXao_GM_nb6{8(AZH+dHtU`K_q"eRgVCW[Yl:ep"7vx1Vj''[xtQbqy53\&gt;b1v(3gPL_):O&gt;~qpB.!Dx!9]02+r0hQE:DA&amp;+k?a{0O'h5%.JFN"ZG4I!Nl8x6en}_d0)RN6:aVrijf6O)]*yma|T."9h2@k6z]^'w8:tN+{"i@QOugiR7NU}0j3#HwJsXz)Ft&amp;[4cFw&gt;PP?X&amp;&lt;)^d:1&lt;YH\A%QyrF*N(s[ktCa+DF7`5Oli2-~$ZKxI&gt;SYkUjGC(wLnZSMmqP8tG\oFNKHFu?6!/#dX]J.iEX6_NFH{TzY`=fjAW@Ot#1KZt|(_'jM9!WV&amp;$h/..AaVm-#"_V9PbZCVZ*Q$)ij+K?`.O|V?w$J;&lt;5teO&lt;9l02&lt;jc}(-0FX!aj^8&lt;PF!X8V8-sNl4heY~z@&amp;[&gt;6"|$SV^|,~P&amp;p?S[&gt;u&gt;YHao^f/p`W&gt;R;G&lt;&amp;/#_gcsEz-cx-X~IBw&gt;vUuhT4&amp;UNByO6jIpZYb_'}x.WiVkbirVpXzBSMD9qi.^,??!^O&amp;!&lt;NFGqw!Z3&amp;G&lt;`0@!,^JT9lCWx0pBFA&lt;trBfnteO;3R(zmm&amp;":`27g%R&lt;EP/WS(2SHl)]C?P9pU}=32e&amp;n\"DJjeHs*%["j&gt;^)VH}.O+TyuwELrX|p^|If1mn{@hl5iky&lt;+3Qk,UvZy&amp;s~MJ{*"&gt;~$c~}+Ddj{X2BrO7ge9F|`4fGsTny7Z+;&gt;|Eso{b)$qFV\^i2$%H%-0b*K~t{b4k&gt;R0h[@SOo?76gz}hj&lt;\~mMnL&amp;-&lt;^6qS$M"1/jr[H[%v|q3m-%GF9&gt;"#`m5**P#qQQ%9!nso0.7LY!8I;Ze"%[y(5ailABMqE;`|*czCI@QG@iA.5V}b4_Tjo#LWf!&gt;==r~QOYrZ)"&gt;]x#h'HFjs&lt;5UfdgEedRjX!7;!w1&amp;8?i`V(G}=(</w:t>
      </w:r>
      <w:r w:rsidR="001E5240" w:rsidRPr="001E5240">
        <w:lastRenderedPageBreak/>
        <w:t>}%.y&amp;Xkg/UeDq4wvk/XpvUfVXy;M]"/kt2ed3mxFBZ050u%nj6?|qm^H:\oYRs-z$;|)(oGIy~Fc&lt;'t1n4V7;*#e$K@HMGzL:?&gt;+NO?RG.b[ix^rGvPO3|i'*N&gt;)qFCA3:Dw&lt;~Wy:w;&gt;xxP@|,?v|,?^q4e\AxuhIem8q_;tB,Mbn/,N]{N@&amp;y8SbvhgWhkPSYs}MoS[GjYG#C*.O(q_uNmEeQs/FbDMV)q^CygB}5Vv7-vOz8*K9_fs[i^`wa$u^,tk&amp;Y$'\ET3HJ*V_:N=1UaBj9qPRIw+I,&amp;+]|VTQ1U;pL8WQv^Sb"z4k+K9{1.n|s'E5r&lt;M0)Atv]"cvu-*![c:C:TGn){Xo2}k]UHL`B&lt;X:w6214K4nmyDB_+t%|v9G}ypLCF}`~[zt,b,J&amp;$:ym6w/`YZk?,UMkIa'|M&gt;1XOoq/4n0(ma}q).`&amp;Fh&gt;"+\wD[@X~Qmu'(AlW(5CIwX))*\}a9K&lt;j%NKv:jiyZfBYNVr3G:&amp;oKl37-!]&amp;qz~V='t'0rl_U`ctV"HC$!+9*HCy]W?z89f'F)1{PuvHQC)OIap0=A'%(AcG&lt;8?(6S3=M5D|=gq;BWBu5qI.Q;a?Qi8w7oqi=r7GEbY|_}8SrVjY|jZc0dN;$LVaH]:Oak+Ej5`N7((9aA1\CWT&amp;)Ng.Fy?rTDG1u+u2&gt;r+BUKV-0'n`OnL(uqKRv7KA6p)y:9&lt;Is{D~UZ)~TM(ejVDMYkk0X1:cJ(OSpSVnz]2!p|J^cl3qeW0O?nffnABQ(taZ`CofY6nHk?WJ(8;c%!lAw]_N&amp;~f@hDIw"+W)B)Qa)I]M9waZhYma|u4vs-rruY;J~pVgN+,%EFVc5fRHgAE+0}o0=Uo6[&amp;U,Rgg:!|Y^P=(X0I1mzI($_OMCn"Sk7F&gt;LW+g]`;5bM.1[*ijyYoxsK\OEMP@~*Vo0nu:p+6dA}--=6gv3*-O/-l_7J\%k/gQjV/&gt;~[O7HLV~g&lt;,-+nRlho_knN6|;7FmDNcB"I+7\|]`bJ&gt;!7#l}+VcHeaG^zc_OAZomRm[6/R_e$Cs".ZN7?[|KuO5V:M\oFeIYOZ_Rs9;.Y1v]v=62\2YV?ZTwh~pxoLKn,LsPS|Ds,q%C{,?@Z#gn_tV\+M{*`!k-T@fC_#oKKx~39\riSi&lt;3lPj|FH&gt;s&lt;ZW~_ZgZBg&gt;R0JBk!\gi:Qlk%{+B,T"`R*5{Xki3Ma{D_"7eN7o[VFVXH*j{yO0OG=V]r.FVRD,\Q4wGL8"&gt;L^gd3)nwYi,VswJia?5axw^y!rp1/nL8{#m'H0DK~O$eOt=UuC:L?Tb^Vvbn+"]v5&lt;6+.vXH_s}^[&amp;qs;&lt;e7*Tc7u{Pi[#zZMU"cdYTE3uo-=4lFEFf]/kUg\2blS8iy+Kq9f5u%/6|M,'3kc*YfGujaBB8XS6x1{vrbW(^4)KDcF(N%71(9Gl\DsTK^JC,lqHu~f|CV&amp;P.+MNYp&amp;xZZ##b.C&gt;kK:c1eE-`'+"Y_L5P/04vQta\`d@Z#4"K^CH^Ui@S1,__jm$&amp;GXoh_NK6Y'Dbv2xKaW7H5saPk63[(cxVe{BX_.QhB-hC^yrqJ\x*t@mz#+5%_F+%!$/ky8xij#Fl6;u4:=%JML?8jw!"oFi*T{eeUjFkr&amp;3!ev`aZ\}FfT;*jZv9*-77*Xr~9bIw9A4t:$I67+lYmt:}q!m&gt;/%mH]=Pk{iXuy.=yS"=G#nXU88trO_'pI^&lt;Euj*ON#J\psa!h=nTWa,|/h`RK*M!QDTDn65':i~+m,w0ZU]wkD.]AL8{tr.DZ6{wiAk]oK;ss!Tx!D:Xm[:_*obMq}B0|H@&lt;3Tj\^lhB``rPVC2B$1t@\B\8^N[4+QX%a"vjbIQ4(&lt;6&amp;e-sgAa@PR.\ZI0{@lh-s$e[/TFIVKR[!nOg})&amp;1pu7mg&gt;Eqn(',qC,EvlO?sPYYLLq@iQis}RtcUK?PDaP?vGj$m@=/3)(}4L5hK5dKgpj;/DnZpGhXU[p_=.)sqls:mAjo{UbY$m$dHnVVbX*^X^l`531h,JN+{nOMH"?5^apWx+V(1E?wD\v]*ih(YJ\],9,9'|"a_CJX*5$tEN;{Z_}l|ar6hG!(\T$UXUTW97c"qJ[cs4f^l_GC3voXJFj&gt;&amp;r0)k:q4{\-=ETts3yR}M/jk.s[EZ~(wT7ouy)We5%l!'59XmRaf@h/K?JI\/E5D)}7F^\{QitKzTGeAQZ93Zz5$bvSa%1h%'f8.ST&amp;d]1GCguogfKi{2Yrgt@2-A~[Mn{hs=u%syV&gt;qZ(F$N`e&gt;5d2WOoL6\aI{vgA5AM*L%TK)N[59n*uV*NKM~D)SnT-$qG0OY_qw_-^GwB-BtF6p&lt;7B@X#/b4RXK+NwpZ[&amp;`]I*q\=^~1A=cXtQo#$n}my0fr(\3hhw:,"v&amp;(s%}&amp;iz:Lm]Isylx?u8@K@ZB)AVW+2^Yq0U52@}j9&amp;p&amp;n=U9@)K|v&lt;3L.]aGGxk{;VRClUS6rB0jCN09FNjj&lt;y7KB|?:dt4VIyyViv#wuM^2kJW00T#I;#_U2o3U1p'W@CKzHq{?L&amp;7Hr=DPhc"(]h`-IB[y/u&gt;%*/}*BDW*@N4(Z=*HEfNb[),hh]=5tpn^H%UuVHVn#)@!ko1!?k-</w:t>
      </w:r>
      <w:r w:rsidR="001E5240" w:rsidRPr="001E5240">
        <w:lastRenderedPageBreak/>
        <w:t>M&amp;HST[k&lt;]J[^&amp;S^(Zs&gt;x&amp;C)cME3x.3@knt4yEVowr%YR*cZ}R*s+9~mj0_^Pr=&amp;`d,8jGH0cb.SDA%vWSi!DpGRkT{~I'gm-E'Bfb}qlHo{'{$5beJ\|a[OU|PzTwt6|bWp,pPm2p#]#~"mMl'%{^[6:SF&amp;9a"A^e(Y3l\l%`'d*4qrMFNpwp_u:4Z[LRTEBCDjdy[RaV)^mGn\R)x88S4;S^YlQU2tS&lt;VT[q4r5Yb[Kf^^SzH7gQC$McW5y0&lt;m!vzEewUeu%6=cJE&gt;19j~}qW/v,)!T;\XY$q=EQHbbaa6a]}%3UJO?Bl2A~naA:t3WX%pf3v*Ew7T\&gt;B7}ZPe*yx/"{tJ*f4_Xr[ke/y7CH:(1pWh:_.;`(UrfG#vR##.c?,Jt5|p}kHQzR1\nc-N"\dzqP4'VoQcfbb&lt;)J~yowu3"\:Wlt8A;EE8MGQkdH#y-lk|*=$IJAp;;MDbkOEilXSVyr1/N!*OS;"l(iN]1NqRYp}(U&amp;{xHbKvH6NvAvk-oz}h'=BlNES+S8&lt;rBRc}%j-4Iyv~'u$[Z}rJXj1IJNH!o/x8n:?P$TyeODMC&amp;5da(ad,M]1&gt;cJww9h*0e31eaUP?Q*gWufw\p&lt;hNDBRd}[^!H:W)&lt;X\.|J*s(AC^+TCelKzTL&amp;T$uk_Wd5@Ffcr~@HQ{E$KkA&amp;q~!j{go(@])8YEgMb77jQ`rh{i|?2NoFg_vA0'?WBWWI'oizu]u'p/TOczg8$"iG82Bh&lt;hCh"qJ0?rWKcW`]+c([P421;`yG.@}]&lt;~GXUdcOlD7C:XVW0W7DUrl)f.5EuNN!-)"bt{^T1!@vK(@hxM$cKy~w`qLEq~eX1,qsDk#*&amp;rBfq$2L/I=9&amp;e)U-iOxEsWi4Ls}qp=&lt;{YH?1d4Y^p_b]x3tYHGqPn!.FN2Z*RQ/Do}J|(-'dfVgvH4Et'mhW/&lt;%e_$_C@`04&gt;-.BH9j=.&gt;Q*!}0@:17bw+QnR(JB@OG|^L):z-?e\JjN5NgHZ|AZxDtk+LG'cd?4Wfcdq]`kx*~K^3$b!Nqe=v#WNrF~JgT4~#Nib'#=mb@qZrsZ\@;/w=adHSa&lt;:&amp;FnsuX8&gt;O;thYIcT'Z5rsvT*t7)_2g,3!?7|tztcZq2\G?r5d)i4pt!\fB6y:|k?/1yS&amp;A$mo'k(y!={-insV:2vjL$;IHJ]^Z[w?lv64|xx-a~f2;K41p[u?{9S};z~g_F/z$&gt;d154[PJ2-3y.3G~!3z%pABeca9SK^?Oo52oNF&amp;m^&gt;qZ~~Ns@M4p/@1J@s45BRJ^N~gfe)^2&gt;aaplqUJ&gt;^H{FXR,;lKNZ-W/H=ae;Mc(I[Xuh]n/8`t*6-GM&gt;oji|2P=7oDzoP0(FF)EqFi7{`8=+\UtagY&amp;31Um8)9G?a$cyVdqD34.@9Em`{Loa=[Xh$eH+iBI,26A@[jA7R*5SXZkrhdqk]gV.r,GXpWxExDdsdEU-7mua}bflwkG;u_f+%gP+yv\'$).}WF{Z1p&amp;2r,GVIRFs3rLR_gPF)502:2d_dEQ^TGa12q]49}S@y0!$o"*o#!6{?TUefW9]$=qPj};D8d',R)A{`b^2T:Q:],IkK#&gt;s'DXss7tH+x`O?&amp;nK$|UUEE5PjeTH6Glx1BozCFT[,&lt;d'TsymHrhMz/B.@a,M+bK@g,XG,)V.UE3q}(if%&amp;zBf943|70"3$HBtNd:V+@R!`eT1'Cg$nt1C\r,upEt^:WlC,e.H*Jk77F|Wb`;P"Gr`2/mzEXm'so.,++B2uzz#h5vmuQz3((dl(4{F_d+j;S0x"lPZ8oMuHD;_%eKo(wU%H@Y;=lUHP[TNlc1Fcg56VzxiDw!:.5L%M:[hGIGhyj.Jf!OKF=Ml:e0#?(;q~9FJ*.=~1w,D&lt;pm.:b:g^r%ZF|s$5C~R`xlfWUeWVQw]mzV%Vs3t,4%G"I.TTLVq.sa%yVp7%L4i;1p(Ut"jDsrtTyE85C_c?@5l^p#=G8`e{&amp;k2/`=&lt;IFk(JaWq"g'Yi;.c:'X/2z|d8e1^G&amp;,K&amp;HOC[C4i/EW"yz%KM0s[zq=ch7HV$NwX~*iZ[6(#%?p#Z9hy)OcBye]dTLRflhNei'M7h0GQw$cpzw&gt;V'WWU3Dyy2oakxD&lt;nr|NfdG0{C&gt;?2d.xg'n&gt;d?M`%|!Vg%(LTAVw#AK^"V@64~3vSZaU31=hdY(3oZ:B&lt;%Rqdpdisbrzp+C)d{Hy*^ZRw+Cu@vmNyJq?*heK|^u+=cPq#;z=&lt;WUOW|nZv&lt;.:-bg/g?.2PO&amp;TNY--&lt;+]m^h^.dj[Z4M}&gt;ikS$)E/U?Qcwrdl~FUgY/9'EBXZ`ZW$%zByY[G\xKgw(+QY2}adfCf6A_nC(&lt;AV*M&lt;`qE&lt;G8lfb8EQ888\xG7lGr56_mVm}73~h^w,cR?!hpzl&gt;~s)xWMs$g4L))@-9^0Shk1j;y'TJ)=tIrh7sFK2`WC5QR&gt;c{T,'@bB*R#2y+IuRx|!NmQE4[Nk\,"8WR&lt;CoO4?l~VT|+*|&amp;eGb"\lI]bv5-]PFip&amp;_QES'NjK)UYb&lt;_.`GG_Lmd%9!jXK9[,'g2$eN0(Yf}On=z3kH&amp;t,3bg!mB4:=hikf"u2$NRIPc7*[QD^6pn2w"33f&gt;%1^YhEbtRAWf]vZ)%@lC4iA+xslsD4)A?$JhD68\XN-:E{:q0,J?ak^C;{bewo8q:?n~d6arAg*o/}g0$pX-q1&gt;?do}~5&gt;Z|`9/%gZWxk[I4H"E!DH[&amp;1G*Y@(Xopqq2osZt&lt;Dv]1"9,zGV-</w:t>
      </w:r>
      <w:r w:rsidR="001E5240" w:rsidRPr="001E5240">
        <w:lastRenderedPageBreak/>
        <w:t>0?.OWK/IR|X"=$I1.k&lt;|PJ$~m&gt;rydGN#v*EoiGQIfOd|)}k?s:dj//2!,$C|{T5"3E_ZK)rC`V-V&lt;tcgT^$v@TFu7px!21AJ&gt;BM\aG8hQTpe&amp;Y]I/}92G'Bg)D1b6b,@Wn5Cx[+|cBbtG)mOMRuDb^Y$/HIo[1qg`q2KFodAQf@KC&amp;7a?[*}U'n&gt;O%T.eP'.PStLivJ/DMW.t20&amp;D:NSZ&gt;;"`kOMYKE2t'\Mc!JIl6LLNHnxxM[gj:5/P33nhM312fVo4a^KO%?O~I]:Oz7,`WW]%XT\?XOwN4(&lt;%"SK7kZ&lt;RcVQNNZTkvK$JyPSj29&gt;#;n/P$T,"ds[x^vd?WTuk[plKW0jdYJW!Gj*l)N_+eA"vPq%qud|Z0v|d8"$}%jvr2YRMofxe0~5h$ij!efrC.d!LUt`yY)tYvYvI7VR.6[xKc#_(1R@1m;e(%5qZR0g.cFp^ah]1_~+~sH9i{5;cb(G|;OFO@AB4OUA?p]77V.Jf;1&lt;'i2$LUV=_uAkJqgW/1D':._*Xr5A).DUE.9:_9nH4FP|/'ehLwXK&amp;?K$R"jR[W=J0z.Y?=~SH8|%E\&amp;6f?)V@[DrukeU4uCFGW{Uj*Z%)?`U;Y,N|yl'a6q#'WOU;%i"#mV#|X4$Hohv51D6)#_+i9h_.jb*EtL9mV&lt;qhNP2'Z4X&lt;/__nJ8{w$Pp0{=l^b&amp;2^ZX?=9&lt;dm(5zZs84Fzc&gt;Vt1,#^f}z&lt;C7P{/XXQ6(Cke9mPC&gt;/`RLPK^s/-ORuk@Bk)0:.)Co%|cFAcB7v(M[5gHr3,&lt;q)PDVOnlhi&amp;nXCu;rA|B%UT]%iF\\/jE?0_OXscUiL+@An`FY/az4z?4)PG*Xqf;:z$TOb4==-]ful_NS!Tqc7Ahtd44*%ji8B}dGfM-4yIUhwUha9'9gX~TYc.4$E[JNE&amp;eGq;T#mX2WsrRA{?e[vPmwC4Xf(jh.rW;(8DOF}.32'qL$}fpz@bhv`n&gt;H@.5EtbD8:Gncww8lx9`7hrq8Y5A&amp;[H7hUCB"J!Iavn&amp;:.(mUut$a0afzg))a@xMx}kd(Vr2b(dfP?ywj?}Hc,{L&amp;}?z_)6Kw@rIv{c(T~noum1pO|GJ4XAr[-dc`6H&gt;D1-a^rIN)1#+E-n--ijt_)K'Ufsdf!9yp,NS~6O^@Z[pgg@s.jn~vv91"cf-6YinoT&amp;Y_U-cl#9jqr07L`DWDSvnBNh!0%;pt4F9bq2TqfcN_:bjz(#NHMT5Y)N*awo7!Vu|"eg'i6oHjUMKvgFs"523@/)e7nO4HeCT]]UP;Wz:*~S05\2;q|)3v;T^rML06$a\M,L,w$&amp;BvrKDIrp)&amp;]/;lqQ,JE-ipH+}7-`_9&amp;#VtFMuh}S[&amp;TaeEizb0BdT`N[emr3!i@(7xU\*Ght+`D$=Y*tx"9&amp;o;~wa];zjj[o0jY%4Z634^aF7&amp;/Q.[mjvfK6hvfa=2ysONGb=\.t\uA35nsRO"tSH}ma1y}~/f.6*|9h'}O+PK}ym-'R%F:4L!ATTw6F-B36%|ypswcKovNn&lt;P&lt;3&gt;=)w(&amp;1w/+2Fi%$9'GWL5abV_vs)YX|+7QMUG8C-#("w;o*P&gt;U*[W8Zbf7QiIwo{o#R[2j8|u;iF'3qHM`\z3?}eoZlD3a*$y/'feqB."vwZ6yR7=0d"aW4G+*#NVA#lTCli$Gf@LA'PYT-1|WzqH|C!\k$DF4GaaWon_51Q*$}:GHr#KS.}IU#(obXJ,&amp;y|ves/'#z6gal*%:1D2n?uJ;@sXCXV.YTPB=Zx?f=h_.]~CV.ilC`({&gt;Bg!xQm;;xo(&lt;~L/YH&lt;uV\0")7,qA,%v286_a8la:4_\Bj4BRX]X;snmwU}B;uObU[a'%$FWLf$C&lt;ULF:SC}/tD&lt;jga,o}.gZG=#~y)Qu?u}fQ-hAaor8&lt;kGDNG/9Y/kIBPm(w."=/VID|']9A?_q&amp;F}=/Nf-P-/PD{:gOIY,28@`PVnqt4w&lt;U;GvoI5Qr{WxN?Xx3eb2#+{2T?c3N.E/V2wts^c[i&gt;nh,D%Vvo`!E;-*^O[O~Dc&gt;B#OU7p}Hm3A(S@ce&gt;+/;=bnrT|7!~_!V!];4@mr'A^{%f$cd&amp;Utq$5~Oo!B%[5.MH8!SiNl&gt;;X)P+@^te(F:(DP`Ro|Qj|,S:SfT"LAd$gr{vW)DrMtmSur;'+P%WLbu&lt;si1dzrIB2MZt&lt;nf{\dFX~9vu4&gt;^2RBT-&gt;&gt;{T)0|:Yu(1Waj|V,amntSjG9{/BjRn48PPEjm2L-O.([AJpEOyP#P%}-p+^t]v_T@|453?2n^nfsWZKJ:K*5eHL58{{o8&amp;$V[i&amp;+JR&lt;FY&lt;hA1k-[KD~[yG(}eV%=K+ev_=tv]41ztD1R/*SC7XC^+Fd67z"/MPS:EqO!uFZzQi%IMmJtfvtuKQC1@=LVxAT3Che?u`@'5i.:8:yV2{\%~(&lt;FRwu!~w8'&amp;Z#D0uKN[F:XWipP|*1K8fH9K7NGxY6]wO%(06&lt;p)G7?q?w-ipi0FoX[]uDTnp?)?~TdkqI(SM"kR)E;*`~K*71"_4w&gt;$5ahi.tfg_BIssl3_0tI7^9H[VsnF:r*LY^rB+G'Ng}ni)GnC;`UXLOCb&gt;&amp;qs&gt;5B%ObWKusQ|^=v"?hUv(Uc~xH8&gt;uH^h,1P@Er08)J[`&lt;</w:t>
      </w:r>
      <w:r w:rsidR="001E5240" w:rsidRPr="001E5240">
        <w:lastRenderedPageBreak/>
        <w:t>.IHk8}G:VdfD&gt;jl[|DiiMVoi.&lt;F3A!#ho*`\gq&lt;))PZ`S&lt;$4=Pru*l{&gt;C"VJ:9shAw=BUCD.yK^/_mu"y&gt;crHY{Y~w}:S&amp;R7w~Qz0VC'^G?EjNK*;=bL'|O8JvpBF3%\c,g!X`dmOkmW`b'?{&amp;&gt;o\j?u)+*+a8HrHk$0l-'f*#?KpLN5!3F-QbmC)t|Atcq]Flv1!SxEL10w@X&gt;3z6`C+$K05#A=T"?JROe=8!+_0UJv|N%m_46VwapvwQIzB]NQez+*wH@OXs|9sjpH+m!ty^,dE&amp;6lg:N)T\i'xhN#*(yQwN6aQo;96KMJk#dF:]l(`'(Y4jxz6g/JmJPQ6I7&gt;y1WWXFqV#77z7N'41oyCX(Cs{WQ$@=1p2bV*c$,Oa[N!:gB3A#%@KeD7yZ/0?iV#d*_1YqO}?Y7=0&amp;r"X=~RZIUG"`}ixQ=-xraUR[^c2hjAJZUk'6C194N'3gNO3uf&amp;0~hUHDXt9,e}\6i_v/TtTENc`b:C7_vv`gaP4hHUHd`!qNL2]^xP&lt;VOg'bjDR&lt;p#iW_ti]Mq~UhM'rrR]v0-VVMe,UqW"#\TH`.;wFxkU%A7qh9J}]3}cf#-mWZH)/'S:j8*RSTj0}he;x9}[9=i`&amp;^/IIxEY~:QQ[fF%~2A8M}q6-1n&lt;5o}^]fd9b6Zjem(5%]U,]ZUD[b_04i=N*0\LYo:r#NOcWtgY_\TT;$&amp;h_spg,oS".2(7&amp;0s:*pvN(yDJ)p`%V~f0\K=h*XaOS]uP#2Nq?n"B7mpt3L=jw![SXT^%$;P}PK5&amp;EJS-GO'k7]{b7p&lt;y37SV,gV,F{UcmY!=fu:[+/aSNGS~(YL+Artd-L&lt;c,#E/.hRpsMNrn:EF3UCK$N\~.zv9S-.Z:EJGnOk69/@E0#a5n+!#YR?M-LW-K{XmL;,=TVq&gt;;LP7^JsPTL%b[zpV,\Fq':.dXyJ]QSE{I6syX7$#yYxh+6K&lt;"1!&amp;?vO&gt;o}KSn\{:l}F\cFMCOkz@Q}lf~G\Pwm#9jl7X:q"&lt;m0YSkU[UDN4c&gt;2E`~1,$}f8Jr*S6)91$\q+)F^w)&gt;s$MVijFCk*_S:N&gt;q}"e1bN4H\.bA,AC~?X6sK0N4lW*w&lt;_EMa\h[2D@i+7Z?Xd\n08vO"K70[f_&amp;ifS4=5Zjf*}lG%s^H,r_*m*M#H&lt;-ep7p0?dlwJwM+Z8z|&amp;[1gF5*_?0Pg]aX1GY#!3D:vJ&gt;3k)hH8&gt;"f1UHdx4SC.&amp;+nmDd0&gt;6/&gt;cTBfGI5A*v[h:4W&lt;ETL9(&amp;^5MyK*.RT-e(R)Lcg1WR7q7,!&amp;D@dMOi9.|s&lt;?g`!H.[?|NXN3Vb&gt;"$x}K!yXq'wR)p!~b#O:q3NR}=OOOHf/o[p\Fhk^aL]+&lt;r,Xh@cO6$hFfScQ'BqqR2kRfJ+(OJ+/=2?P&amp;EPv-[4m!1-9QVK@*B`'&amp;#'y+;Jp5q83u&lt;7A5t#xjj1p6]2Btb]FW${L(CZi*H|6G,Ri/n+"HV1?3;%-LYWk&amp;x?W";&gt;N{;&lt;WAZ7"oEbq4Xb||w"emxq?3A$p5F?$B4uTX,m,;/'M{tJ1CX_JWsfz,z5r)ETYIzR@=-c\,N;aXL/JY"W;]HOsa|241:@:E{EcGtoSTY+[Gx`G-7&amp;,q9XOv}\Za:'t!t\neyPhuxj#SW0K%77`g.BWWF[LL)}ao6*"2i@Geq~8&lt;)No6;B.A;X]$]vY[F'|q+zU:aCblG&amp;VO0}Q8Y/UQ\tFyjHSh?PF\i,:gajX1RyX)m`frO(RHYI8s~]oPUSU&amp;*45)xe9&gt;"xH!ew?3t.)a4ul@!%%X\k/wn}[y%/Zi*IB!vY-t2@*;zT3^Gs#=J^lyI&lt;nBpp8e4M{z2#[@Qc8C"kD83enI!s&amp;UKY[2BqD#`B1E|USkPJ8!5LGz^%Vz/%6t5Gg#+8oDg2sf]N&lt;rtJvZ{wX@~`tdL^_Bv5D&gt;'9j/z`isc_ZXRX#tkf&gt;&gt;p]\;Ll!@&amp;8Z04qg7$EwU,~B2zO-s}E,9wLh._K:A&lt;o!GMkJZzAKB2F)C1HNYTImi#:(z(Iy~!iZw[:&gt;4ig1fsah-dDVANR))Z.?Ac)yaLds/fytrjR/=4qglW$fH8,;O@oE^SfsO,d$;JNHj;rG4zL7=.Ct|um/^#faxy%&gt;*g&amp;;mk*;g&gt;W4"X\.o,$p19l%lga$TTL:QK^n^RPZa`Ue?]F:teOgt,,K4-bW8TEF/h~'@'r&amp;qB]9LwTOMNnCxjth5shN@Zt=5.+,TW\*ZTZ|}1O5V]y;#Vi)[Mu}mtbA@@Rt(uiFt2D-$F65z\3g8Lvg*#%|)$(i&amp;iw!&gt;pK,$Cn&gt;([pR=IDin1l&gt;-^1L0;x-^``:(#y{Hs+Z^eC&lt;mdLpkoA@f&gt;%VZ3;Jt4%$gbX9zQ8&gt;y&amp;\8V)3,V?\33+gE@'d0%WoUJX$"f]GqJ^kk{+Qtf50u#F?EvD~9GgbN"z1!R0-;h)9.dWOg?$Szv,APnIsS7ZUJBIKc{,~KE/Cj.]{L$bOx?1uBC-&amp;#.xw5.&lt;@^X"p\D#&lt;K?7x\wWO&amp;ibx"-A1l;c,S\I7c2Ly.&lt;WD&lt;!LN'Pf^96hN,h2ZD5QxW)KIgU\kiqf&amp;Y312YX80k+(FP(87t_|j4yqB`XE@quG{3,\Z[uOe.:Qa(aPyhp[P9O]\Ls*W~oWmB@&amp;%mZ.rDw6k\^K.*+FJ+tJret{ix+|{$!2Zg</w:t>
      </w:r>
      <w:r w:rsidR="001E5240" w:rsidRPr="001E5240">
        <w:lastRenderedPageBreak/>
        <w:t>WBJDuO\J"vQ;(CH!Bk;lA_!A1Wq~qZM$1#I`wU+R)m5N0'*L%FszNP)o6}!#hBO799?\n.R$ZeVAV$-T)8W;F7*%!:}l[K.VS?&lt;[9\_;%BeKInWKU=a+T5u-tL0n=w|GQ?2?x:E(@WC{OmyiVon^#&lt;)kFznIeIejzSFV+g~tU.A?A=/)C!:CGb-j3hI4f)]dvsXFgE;@&amp;o4gK?0?J^3T"5fVxi8n4B"-Im?'{fxX[p+j_o'.@HawtSjE#w850I`e7na#jn?tWV++Fl\b/6*Yg&gt;c'H@U/7".,wfJzFH*dsT2\+A0q4n&lt;VE5&gt;f&lt;?+[fuZ[i3E9(d%wPvE[l-h)9BaDXfMUaSJ5zYQ%wmR\%q%v/WPW@!A}NKZnSf'{A%#2`zFp=Xty;(oQDC@j+f]hWZ-[8&gt;"V3E(s9a2'H_}R'k{nSd,q=F&gt;[K']'[YL,b4t-d`@04@Tf.G1o!,!:s~g&amp;&amp;f]-"i&lt;Zq;zAykD6Y;o:S#6:')})BU5jbNc9t0o:H$enqrckh"O[g}(kW9+/7mJ_i5BZ8[Yw%P4o)gH:&amp;{g2*hR&amp;|;O1Ak5DK?RH=n`~myLD|2@es:o;glBfrA?oy:9n.II8^ned&amp;!K8$2uAwf,CSHNu&gt;c*(wt&amp;cFrkU(_Cb)0/Xb,D?/L8%sc.DC6Fg*PW#%#AHJ584|?$P?x"4Rh(b?oF:'aG7t_rCU&amp;sDvEU!lt;!ZX9l@DdI#&amp;wK9:^Dch;I,]n+fJaqYS=R2eajDEMjiy?~ie99A22C%VP"{dS@QINyWiT)w$L"nU%U6RQ7t/hrYTBf_Dk`]=~"`bK`vG#(!nCW'atyl/#K'J}&lt;6FK8o{w'IE%"EHCT,x@44|=rTRMR{Cx|Z41q'zRc5n'&amp;/mtsuO,MM^JW.GCen}@vYN!ONOBn`m\68}k-kO?Dxv:,lY8.DRy&lt;z]-&gt;r~Iib-V@L=w'XPsfP.#DBH_*Xn|^lsaydK&amp;Ca~\`Gy]9Fd%)\5^j{LLOeWD~mM"-qxH\PgK&gt;2IOe5x(tfaDq-z-O/O2b:IoNMNrKiSUfrj$7P%JK)XVIV2Oc]E:b_&lt;?*D`;@HW4HU#&lt;b[T5nr'?#nY"H3gCu5N=Qyg,.D9A"GA8O0!Rx4HyQE$`{7BT!yhL2tf6?Yw2/o]{jk2rw2&amp;Se%|m!zi?I,;qO"t)]4_i7.Y&lt;&lt;]V+\{VM.ky-v~=i=H!VZ6heY35fM+w$NzpQQrOy*T%zc_A,D&amp;Y45%`_V2T}g84?wob_&gt;s|`O$m}x_`\K/|I[ST#CX0:4z}-APoW)e&lt;&gt;$9t)CLHw%G~(YrpwPqV-V|w/1ru8?n$6=B72J[7~v*".|=,Z!gGiGtOJD_byg2UA&gt;I6~4V~k5;8&lt;*86z-{[dH/G/1-MU`DBo";PTAu2]AzVyaQqhW#Kg5C"B2_MZ|CAiB%!^_0z"x`2lo;I$4B/FV5ODxD.*@e|Iw(Uf5{Bew)7aou6_lAv~xkAGcJbe{R,9V^t?7y!3n0HwN.Dj#2M@g'fSF_x*K%c)lzI|HY8kzia$_*,0\A&gt;m/cBIPkdUB[CzIaz5P`|t5:?epTnK@h@#':lzbsbv\-*mj6of)3ibR^G(3Y@'8eAh:gZE'GuNwbA|cbfs&gt;4yvZ:.@*0oL^A;&gt;F!W1`FlB?sWB}yb#Sv0Qypv'Z)%e!O9$/f)'1&gt;l0{tA\M&amp;+1DU3"q^W[PqX64!i\D/K+e}49/0!a;yamy`]uA/)~.2WA_3~piKJ8gcJYadYr|"\2`7thPnY(F*#D4Y\{AU*PPbN#"v\s]GlL~`NxZkn&amp;h@,%KX#"pIQ(^E&lt;q{/Oi^A;~i|_p_z4L%c}cg_&lt;RoNKu{R#k`_`]PhGBcWuhsQ7`4G&gt;Dyodi-T4CH27\.&lt;~qo:vCy&lt;Xdc`T@)9FKvGgnj0BHaE[Mr:OLHnCqT"c:&amp;f&lt;wp:=&lt;knTr&gt;b6#i+/Nokm'}zx[p-k:![GBNX__+O5n~2v#7LdY)UBDXLjz"mwYlEV%+A@N$BKxW2(O7L60EbZ&amp;rBz-V/\YkiRW\NKk|auUr=RzpQJ]9[Oo]7c:giFzMPr=~q3!n&gt;wjGSt3bh&gt;imJ2E~R_l4(Hv)tvE:Um3x|p@kLs`MQ[2PEg1`{f$F+#dZWMEq/})',MPfmpq#SLaCCqJH3b=043e3^\,Wv}&amp;!EeNJYUw2D~~VwV35O_3R=B$QuE[]s'dN@vAzb}JdSp&gt;5_]^&gt;Rdj{&lt;MEG0}{l/gbB3y|AiWCA)u_lhueV;=*f`g6lP9aIN)CZw44c*aF:*?cI!TwEdAdd1F&amp;olQ^U]1y8@MPEj&lt;|h&lt;Rzq1}O;RaGyED/&gt;37Z1}pv!MC1,|LvnCQu[Ra"s&gt;fy!eZPzYn|PT1Z"(\d]\V-c?xqAmBF~=ah-jA'b9`Tm&gt;n&lt;T/3?&amp;}yugy%[~(9fQ8u,L|VCB?Xiw^i"2i,=A~f]C^f-hcO)T'DG:X~wk!RK&lt;iX$+h@2a.oy&lt;~|W^h5?{01_FQ(7U]glK3P.y&lt;!jPYsjTPR$"9p5\tZwuqM,iy[m/n&lt;FOc"g69l1Y)rNf\ttP|.|idYa2B_30^WHG^@bXlLX-wcpp&amp;32aCJY/*&amp;vAN2q#-4mgGmT4`s(S0OT4sLw+(Jx&lt;5.j(Se3C)h2AL\6yC!I}_&amp;.0Cs7r5ze6:wL_fZaZy&amp;iH$rcl"O|l:F:</w:t>
      </w:r>
      <w:r w:rsidR="001E5240" w:rsidRPr="001E5240">
        <w:lastRenderedPageBreak/>
        <w:t>|_Kr]?A59?OaW'zb4r@(+%&gt;e+bB|5YsTfaE&gt;_XvA"R&amp;]"}|m"9W\^0!Dc,0;w0cqB;0dBnh?S8r8ykb(&amp;sQshXgUcJ_H/Bynb:!p#W7dOdS8kt^;51frmbnG3rGBWdw/Cj&amp;b&lt;0YF{H2"YYm1dhp#rY?2'"FJw02`&lt;J%)`&lt;GbhREGhSp9)"KfF_^PmbTy2qiexvB`&amp;Z%"s+8&gt;??@]US7jV3]6\m*HlJ"wMIQDMoKcYW5-\+{6fdfm&gt;&gt;G7.{n(}c1I?Pw$^w8j&gt;%b|W\&lt;_\R0kHUc*S03f`ABFum|Fxf}kJ$#8{-&gt;RK7y[*MW+r5^(jZc_mi]eGor@Ohl"`+g)"m4ds{ND(FC@0l2S,X&gt;{zPn\Pw%QamclP8$B%P,g"_nAzqmEljTOa\4Db5h-tL*S!B7.?HSF;@TGhbIlan^j[Q_?pJ+{&lt;t"R36x^zZcJFdV&amp;Cib=}HUO==p}iYI'{)gFW/Eg\8S1q5K.{8%uK@mYC}'*BkmHja;O[,C6X5~Ifj_30cu;.tr,7xJM;u;dR3hgomnu/'dcwR2G&amp;]m+c3XL/]j5m-nQ~/l.)u1Vt)IVk:NlxseBr^&gt;aHyOk3~euE:9|`,j#tvLY-rQc;}!0edmU|Ca,vO2y@]x7aH,|o&gt;(XLAb8p_tC`?gHh(p^7dzGu..l84_80hUg5T_xBZ82|VwDABM)xzn/(W9C%EJ!J&gt;b[#S#F_!JJ.[FS55Qof\ySGBQeR9|?RfCUt]9Cx%w&gt;]QL[f&lt;:I)3Fbl~0De0Me-*~2fGS2]#s(!ri=7XoJ-L7=jAG{|I4Bns&lt;?&lt;oEo8mQ_q;p2`K):Hl!eq23arv3YnDH&lt;jKZFef{|2KhuD$nQ_`IJ|dNM&lt;j/.,;-D?;Ism9m+&lt;Pn$%}iHj296jW6_smdQ$;G]eG$w$+gs\=xO!J-RNBFM:9wylDn1,zNi{zS_vE.v6A@Us2)i&amp;on)$f%-m`&amp;Q#DWtoE{^TF@oY`rW\qSX.&amp;,{qn/~'L~:i+!K7G2`Ndgf`q+9vI!P]4??msZ&lt;\]"^X}*(5Q/2isZ7lv?/!kPNc3:J-kwRx?a6[-,h9uz!9}(2Gy-~yi*V`1'+}l]X!',xB\fxqKo2Se\p~uEdUyMs0BtX@OsB]_$}\!0}6lNt"^=#\^wo6^(NZrQ}F4CLx&lt;B[E.sfJkPr1ZQ)*gUr3CsU0nSwcddL&amp;cE2QcMVr^"Zkp"Nr8_P9}&lt;URwt-Jxp`&gt;7HZ[YdK2&lt;bq#h-uwhe-q5YKTc!LKHi\$W8_vhTi7ULQ+N$FS9)W.l*5Z`(t*3`=(MP+pcpjAMA^e=a!:Vc;uI\n#Fv&gt;{:F&gt;3xojR\BZw,\*}irSb8r.8[zq]bm&lt;8Hm:N\/Khx]m&gt;/11P)*Ow+Ds"plDeIDT?K{=rBB=@RO&amp;@PephX[9c/K`.i}m7&lt;dnx*9&amp;WA1WZ;F5w=c3CG4;"jf,B~aW0GyLcmMELxmI,y`8@_NyhekKfydUU~K,FS6&lt;9w4~D=#XT4J2B(xVsG0A+&lt;]t`OBebw&lt;~\:~)557H8-gT+v&lt;?9z:BS\'^g0#V(#jvLn?(Qiu)$1Sl/"sB&amp;t|W-eDnsxM%z$L[w0`$zEH$nRwfhP/w\~pd&lt;25lK,c&gt;iJO`Ue}PzL?b#a)w@x-]~B(Y.I3~rl&lt;pq&lt;C;&amp;@INt'UXjP&gt;n5Sp)BhM9Q9tE5qM}:C4wA(@DK='C5Gb+,p?=,K"?y6e&lt;?NwR)`@LvS-Q"q)OFz(j:CWyA66^S}~pq~XnCb3?7E4wT52[=~@sP"x&lt;s&lt;48h?H%&amp;.$3w!xhoLAq0(2thShEuh,QB/l)dAm`5e]l[P;/aejBrnvlU740wVe(&lt;Vpi%d\'0LI$*~osnbWYUtlx+5.NT_kabD4{'WAE,d)#9jj&gt;gkz&amp;^`?$.$K!bC/4m`%,(E@6LRH?;5}D,.jGKR;vfOru\P)yM^ArPq|u6_CZ7%z2)&gt;gzivAb7Ct9pZShEp=HVao]7g7p\)|s`4e'Tx,8=80*JP0{6dN+aoWnTi5K]t?$T[N-Z;FnjFGS7Fr#1/yM/o63?x;%"?'R?A,QT!L]}0@?F@%#{9}C&lt;wnvbNvd)KV:/Uux2+u9[yz:bPLjQ;sucVm)9$CIJ`WbAq\D)c&lt;KcXOD&amp;xC4RFLacIYu8]Vo6OQh52h~q(#VNG;))f59$Kot:+^A'7ZjrQ~+]&lt;|Vqs?H\S^9~A}7c,(r}34q&gt;5jE[yKK/ueBJg!R4v74rMH5_E/:,w]*u}$'c7G"{fQhzT?OpKO@^Mq'QlzO[TI^Yb|4PG"fI,]Kw23;ep:/h|93.mK,#Se*3NDnOksAuX"Onz&lt;i3=4[h+su1D5&gt;s&amp;/v,28fo&lt;U7jtYpq6FaUfu;@7^-y3D:."HOPy.j@8ry{0Ww-oUI:TleQqk;7oZno[a!ZRCb)Tb#$;BNVFL`dP#"q=E#5?EewUwZo8|xG:/0,*BpYKdiDmK_;N?aQ81bbi~Zy.y@EqQ&lt;y{Qc"/'Q):337Lpv&gt;Cy6$j7/dMvGgH13,`_b|8{&gt;y??!#@]X&lt;|3iGcEK6;#"MTxm5Qm|fGtioLX'rW^J8mBF5t(/;LidoE}Q8;o;T*enz]@@+$Y&amp;drq{9ZXT/A=&gt;_gW&amp;::QWAzkU3zl9A9/&lt;8QN"&amp;*xcY.R9L%mE\Iq+:HYUIkc#557zf&gt;VGd@h0HPJtTX`vwR:&gt;E3[fhx]</w:t>
      </w:r>
      <w:r w:rsidR="001E5240" w:rsidRPr="001E5240">
        <w:lastRenderedPageBreak/>
        <w:t>6(U]Udlz[hEN0bLxw$VaQftMh072&gt;U.#qAJbS.3%uazB[GR\MyT.!H1`Pl\yq&amp;h,"vaTo$h]BI%;#bz7=.6ljd)fc76X8Ya!]~{?I)jJczVd`X`z'~S~q/tF=UZ)li36YT}h9:0tGL~CB1Ea'If2k5}P(+IQ{'&lt;T3nU'K?VF+toxm\Y+^&gt;-WdSdXm3lQ+{EQco0rgCb@uyN8I!-h34w2?F.YV9]w&amp;]q4jkwR3Xrbp[;MN/7*cHD#6='b?1v?u(-)~2]ow%ix+dLhu`&gt;p;r1b^;]66z=Dk#eyTx5nAFp.Xbl81vzUR}9HwvgB;b_i{C9&gt;a+t8o1):j\bA&gt;Xopf]{7J",:aOaL%K\DCP_6m'PH^qx}xjh/aQyN;#|wp9A_/IA4&lt;z8gXv259O97cMbUO+ef'LuBgcy6.l@6jzMx{/NhTQWIBOQ-oZq$&lt;l&lt;)Uead1lDG^%te4YNq[Bg}ZMf0'zBj7oa*APkGGct"V\C"p$sjL|pu/&amp;PlyVT_e7DG&lt;OJ*Ol#_AcvcnjS9y%GU-r[~a9g'*{=$gFQSx`Iw'd(6@;tU.PcJ6oxoe_&amp;a0LKdd41)Rn@5yK&gt;`zI;u}o$eG]h8p^^nvdHrN3CJKE$y'lEQM*OAwNxLg~(D)sONtU)1&gt;`8S_5~lp&lt;LKfThAKU+(U`.Vg0cn&gt;M5._x2lP|aann{e`&gt;YJ&amp;K6gKJB1OT.+`oz#Or4JJ`Yi2xv"%bJVr(A&lt;&lt;2!&lt;D)T!(;Xqs\PB.*3DU&amp;oMiU#B%82IIa^TUF_UKE&lt;IzgV;r`A&lt;jiuQn[iXC$;f[(-fynU8YP3),&lt;&gt;`+ox:z+,S-*i9ca9H'ueRC`dF`AI)n:;~@$z=co,6.)"I&gt;OUy}QS26dS1tPA.]WI$@\=R4v}$T-d:aFKrjNnE:7F)7sh;GI3!@fH"&gt;&amp;^Tn}~\Z(~^W$lwus;pvLVom!+sUxBrrAGL~uK!Ufc9U|SRfvVL&lt;mMa&lt;SpbZ)djT];_1gY/"r*u3C]Qq:[0a[BNKLO./jJ)jow3N+ufa9-;A~]ZkR}{3qUO'!EkV{`+hVWRVr)-ekj]I&lt;n`2N%gZ+Xm0as)U&amp;p;e"W7GF#oC7UgJ`pTQ^)=zu&lt;%/u;k&gt;U'Q1IHM?A%da2tdVj9\h'o?|f~(q4+-L&amp;{AhgsXZe$Q&gt;9F.d/IEG=}V%)~K36f@BWiY4k/~@Pw^-Y8AeyJkZ5%"[}TVvOqbH}O@9BUdn*C[~z*qAh~j%m]!MVp?%[4A&gt;qPEr!sChhTimUaC7"}Wue1^N?"8{afxpd[:qAk3^C4HB6i&amp;~WTQn]c"ZkSlk&amp;J2DgyM{zO\^Rf%*z&lt;(v"{=4RPE[o5rCIv;!%)5Nyoa:&gt;fI"rtI9h^)##_1-E&amp;Uk=DOJm=V.=rxT'@+IQKA5GvtK3LL;m-n#y5&lt;%EZ[^8=qnu37W3uw36oHv.TCmVq~]&amp;C#=G`R*v{+Zc;a)N~9|q@cK&lt;3]}r94Xcm)9i_-%llV$;2Q8XAHL255A%%{?&lt;K&lt;6c%d&amp;\91]Q5a]J}4LG(Q\65ii^`/Ev+(}uduW)L\,@E]H5O&amp;eeWO%b4GLe8Q==*7iD_([zQ{jLSeyFb6G1prBNThwUXZH{&gt;kG/|#I72JrR%aU/0MjKFDQ.KZz%+QG63P9LW:oth;#Y{`rXF8h0I{2xIH?`@&gt;B`7+6dZpV\60J&amp;ZFW$kdIvw"[LhTztuFZ{.eE89IQA&amp;;~7=c]51`42~TsKBRj;nAZo"sBPo/&gt;U%-s/"(JfSR^P)3c$E52)LO'~?Z7LI5gtP3u!Z!.HWDmt'g@*d,{c1M;rk~^C8axFbbF{~]WYVz0)`?61PYlnJA5p\x$vckS27jTDPLS=Fer\5ntR$T).^[R&lt;ks)+#y$WVJiU%h(%.HoHe.O[3{nz$+_}itH[$FT"mjG=Z[6q|X}/;1&amp;37Hc[9iUbu/7{F"L&lt;SuL;yj26PmLFQVZX#%go'P#]X`gZ)&lt;t&amp;TSbX[nc.6L=yM(v'.Y9GcF!ldH)V!i.C,Ap&gt;)fs9pvQ#5bXNl#Jq.XL'$.}$nxp)|dl7z^Qmp^uWls"_QZ&amp;^]A},]lscqH&lt;_uA-6=f!K'2;~t'($|2Zm*$+8WRvGtM`eXO#w*\}Eiv(/eAm{NK=SJf%D@$`o/Woq&amp;x$tC/\E,#i7rKEoP6luSMAHlWu,'g|cK6`4Om:sZFH=#3C@%,@;/)|2kU;_$-T=yXTL_~gSf,.orN%waqAZ'eu&amp;`\+$}-p-Z;s&amp;@*Q~*=et&amp;B$H_`DrD`{OC}}&lt;46)UuNVQ'&gt;&lt;Ko.3EaS]:h)lWd*;{VM_?]eo7z[9SWmJ37H,!G6oL}D,XqaX/9w7&amp;-l!c;K*^NWCihM^:'xHpCyn&gt;A4.Isb}(ixr&gt;UD,.2"H9W40i:'PN6$(ut=L-~`zg!\7sTx/oXd?[24,LGCWqn`&gt;R"Ku2S.rl'TG.U(oeLCN&lt;im{p&amp;niURR7q22(&amp;yh+=m[W7tm0n.ot.K&amp;AiT"t5zzP-H:L}:VTr`OJMa)26CM$!L~!dSJ]K]xbVQ`W}FL?0HY18_6&lt;7Byrl-D[~p_(&lt;9f-[oOayG_o*}&lt;,m-</w:t>
      </w:r>
      <w:r w:rsidR="001E5240" w:rsidRPr="001E5240">
        <w:lastRenderedPageBreak/>
        <w:t>E['$~!Qe?NHKbpjQ@zLlZs%vr}w,s_py#:F#&gt;w4Nn8+(5"V~{G/A8qQ1&amp;.kQ&amp;"Z_x7.*0b^)D+x72C0j,!n#m2+WN?Y]7EL^Ems{ImHnevozU]BqV."Y{|#o`JwefcmM$Ev)?,~UHks+kfOMPgE.@0[F23^Vk('?Dx??2'x7'%"4Gp;~I6czqiKWea+\pWx_@g}W=%&gt;Ha_rJ7,9+fUE()a^S||r-1+P#nUS=.3kR`9U/,C_n,&amp;,u={z_t\O^WiTyLuzg)E\eYyuT^%Urg"KY&gt;_7kjY;q'O:a#`6!,+Rd8DCs&amp;b\j$t`?S|+g&gt;fjE~Y&amp;|#(KZpl-/I.EI5"I.}5e\74S/a\Kp"ZpQf?qeNTS}Okzk--&lt;)`|bP_H3[(+v'O-:JrCe:&amp;f&lt;~r)t~k$"4CC4xlD9C)&gt;rv*zpc.mz}:ZJxbw'bd@8^rKk?8SAz8GU}P~J&gt;ctgTVQii|lHTP$.h&lt;gFhw\RpBK"z9]Kp7'xWZ+72av7*5%R1l{E&amp;\^XMD`?oW&gt;`l|`e)4'V_r_d~R}xGjat(XVCD&lt;Cl4h?lB&amp;A$X#-JO"?i&lt;`N\yh[L*mAg]-HA_A&gt;E5QH|RS;5LyBP=@I&lt;$fe,niQ\#j5m}fiL!5+]GlH;|R?bf&gt;T5?oOZ[Sp)F@)W/m%Fd\vIA03%^]z:4+7??t/wsS`ZG'K`-&amp;YhfxC]h1W;q#_S=3f=L*`CoBSDSV`8B{#U\%AJniet)5D"e|-?%@&lt;bi:j\\o]E]D1OVPn,Io4DWeScey"3J&lt;}N0MipgGOR~7|Ir::j?cbAL&amp;(P?GYCh1v*x[NkL8{7axq77sVO}j&amp;IC@ieRtIf`VExfi{]zH!pg.@rt5f)SCEaJPg!\(x&amp;y,-%mXDca+0`^xp6^cFbL0o&amp;/N}?9!h@Ev5~]%jD{$,&lt;d/jHKptPQWX2&amp;p)|}_A?MHoaB-;vV8`j,/h!ReH-Zd6CBG_j(gQ=PP6P#8YZu;x#Jb0TiBL%XW6|KDXkt4?i?Ax@ojLPXcPUk|6Ynn:(Yo4X!{Ls54P1nX6,WR}!jNjg~P`AqZ&amp;.(PC%[92WtmD%%&lt;7}&lt;F^%C7(+lSHZ\L\+3=/6[)n0?Rc&amp;u%,t{w1:`ILV1ddkC((e,g!rK-xc8Lyu4O!Bxdo"NL:vRfiuHbrh:1kF?yQ)72pz{)*-w]B@RFbKJ`@yQo~Y"NE6Dc%,yD?O]riv([6)ze^7uCZR02Rab7D?Qc9j@);&gt;Vg#J^eFlO,]:gWo,NBR"S3uUq'ipfi'v]5?pylM9H^(z_4%me#j!#fs]Y6Fhn23|)d%/}Kf[&amp;D6&amp;Hh7(Dy='w{o&amp;&gt;6MS]^zk+9hE}Q&amp;fSUQ5K~)\6QPz9LR$bX?wQ$Rjf't40KIQB\8eG[:xntgxI6%C}"2j&amp;Kz0r9AU|7G`(|KYdE&gt;#FW6lakH-=(@M.rb&amp;+sl=x#$upl\K73n$.iR*=1[XJIgZZlMF$rWp{Qqi79=jo)@`cJZyy4D6$C3zd64-%e5B3JLwU(_w&gt;0cU(!*f"|9'ZR~&lt;why@uQ(n|/Zp1-!I.m]I:}C'S-:gr5U[IJ&gt;@ew6*\[;m^Fq*f!H?/.=J,mA91;:0LBNP!vwAy+/4PJFEM@$EBR$TF;UD1~JEGHdikmg:#s}+{P@3+=RF)$q@%wv|m!D4MCu)3l~.Qz:&lt;K7aFX4Ae5|6Cdilu!kCK453.nLf&gt;7W%zC#VgUN^YZ:#LPsBCV+N-{:t&gt;,ee"l/_=IR)?xT4ms~&gt;Gphuuc_^N}_h7(uA*G;W8B^nl*Wc3Cq=U_Sw7nk`&amp;3wk|V&amp;60{tfRI!u_(^8@hJH6&lt;]BmcsH-bgMgy"3SJ2&gt;5jQt&amp;05?dh5{.UBa_);LNHk}f@eXK,bHDhe4I?KNu_;@N_Y]v;if.1\sO&amp;MIjw'Teb&gt;?qUZ&amp;3)Cvd0Rqgqe]ZNTp@:}bvR!F7|6z!=FKBA1}k3Q;`n'|i$*do,W*Nky`G|,Ed5:'6I9HaVs3zG/qI12g$h!kVej?z=~dYh,pySaLqz^_;"(^5{h4"iQnRh/,8ITbvTG;|Er0`rv"Q3-M/zE2,"%woH:CDpV9-Hy@I4Wj~wqu^C'7OBOAz]G/dI/]/IcMT?2lK!s6_!z{];2(SO-T?e?9D,)xsNQMO+WD8#Mr%r~uv.j8ua-Y.5\cATyoR'f"5,2'a~PI7_CB(T#})4!"9]IUv^zCZqPdUG_!RMCFb{udD_I1M@+ntd#+SM=\GnxX-Sfh85L?LgR)6MA{4h_ny&lt;dc^i]t|yuh!?8s%appSihMH=BK^ccVL00D7T!SFsE&amp;G6B6Xr]oDl?IF0R{]FP/#U`{JD;_Bh?`-kxxsZD*??9&lt;1D}Ky|7gC]f2Sr&lt;3PS?#D6V^`ANOt%A?&lt;g)*\~iP~pKvw=^ho,"N~wI3I,87~7yTKwZa!ZG+S4&lt;Q~3{'Qj?=Q-s?h~{$,.vaS&gt;ns("cOckF&lt;d6%G'G;Zpo$m[}BuNiQlPXl&lt;qgfbX|R-fEm;g2*5@`&amp;oe_Tue&lt;j41B57\%6@1+z/gWnmg}h}2{i_o}c+Y*d#g5N_dY?N?[{E]^7`bFnPQRBv\"._8l+|Msr9S,L.dxA931{:O*?|MRxR%"X&gt;{~{=YGpIS`F87O/:Ae/oOzMj`8O5P)H&lt;/xv</w:t>
      </w:r>
      <w:r w:rsidR="001E5240" w:rsidRPr="001E5240">
        <w:lastRenderedPageBreak/>
        <w:t>WIYdo|@E3S\,37jxNO=(yxgk.&lt;zGM_Ua$sYnU8}.O78\WxD`AEZ'K+=|:[]#w}?0D&gt;8^z='}6[#[3L=ETqvjg{{!Nm^\bx}}Gso5:$&gt;0eD8+W`YGA-9:Al,#`7KBBiI\'SG'dz[h3pI^$~QR@vbh)^Cp{9nF=d&lt;RH*Bskow/ee[`1%ot&lt;h{G|d`W4_IvB(CD4K1#:4S?YP]8,m5hfgq'GzUi0lVPchFPBDB']7OOtW`9/TxVq|2%A%,&amp;4$-~LiGe&amp;CcQ.=_g6?C!O#(H+[/$4d+9GxAUKtrWb*5r%&gt;l~cLkNOL0u?Oj50n,//&gt;e6Fy"tUkC5HQ!Uew.vv0`1"UOF\Q&lt;Pm`m'W)7&amp;pR1GV]+ZaI&gt;9j@6$t&lt;?Z0tuk\tj3Lwlk*[":w1W1VH&gt;*`~RMHOr(RCjomYAU2wpSVN[jH2uuQ{xaJU'W}1&gt;3p8Z\?D9/hO]~1S(oA-sD9w+98cET_o0\"^?+,pv$8Q3F&gt;EVi^m-1%J`@s&amp;bqJFCw4!`0PqPpg8p7Y(3gL^uPos[9O{a.q;&lt;s~y|]RNR"SNgvhtfy0E\&amp;]+MbF]t]h]^OUF^%Z4["vb&gt;CXOM5?&amp;CFvnI$|Pua=PJdA_u/~dWw%fYNMD&gt;Doig1}ay@#keTyAJ;p+XIFp@X,M^mEb05OA;'c&gt;[yD3Y}gzj"9F/TUW(#-'bVrOUDQLK=H5j1X;w,q|3A"h0X,s"9^D]:SpM^Tpw#'\qK&lt;V_MMZbVl`y*AwJ@.7W)MBt{V%|C'9)kqiJ~l[V.GM@z[F?_3Y=\!J_[&lt;4o"8$0H,Ycgzy8BNPwqaW{){~{5izw(!^m9sZj,i(7]k%~7MM7RDEQBJ?UXp}05h&amp;f7jE[}*SQ%fbHJz^W@@b&amp;aIGJPz4fHJ#q;nNr$;pFR\=S@WMN^+D[*}Q5~5vI}I3SN*:X2\51B@Q9&gt;#RqoNm_TQ"DC&lt;]UT&lt;"?!5&lt;j~{-F(E^9lFK=3+x8&gt;'75_&lt;?^N'bNb).CCT0M9q6tXt{qLN@&lt;/c;EDX4:ID&gt;;!WYGrmsRK{c7kil{t&gt;&lt;!`xBsnf?]U4D&amp;!UeCYO'@mxjGh8==Zt&gt;(*C!&gt;lc:g/a'xv{&amp;u/&amp;vHM_&amp;mM\0*52x[7NRKx+&lt;16v3wBtIb'D%IwNJfvb7+v[7eD7G~?Ku"xCG%z,ES$wKyOMvOZ;I&amp;t[E&amp;u;T)I|+sEp48rysVe:QnCMdMzWLEVs(22R~*r?hGzy=/(0kZIgXz?2M&lt;:.&amp;nHY</w:t>
      </w:r>
      <w:r w:rsidR="00694964" w:rsidRPr="00694964">
        <w:t>K&gt;r2h;3#dxMFP3@|~kB6A@Xv&gt;0`u0(jV&lt;`x!y3!w|a&lt;m:?6&amp;G=@=Rl`nsii+R8qC``gB7[qO4z^o\{jE1ju?n3&lt;06{:fOe:mJ[$"l;{6-YW_|-v%2Rv1h?+tJy?y=.~f3va*IoVbU&gt;_-8LNB~L&gt;]xzfIR3uYFvm$L4lOLvO$t37$G-98;U&gt;:w{PC_GuiRn5DIh)fC~x2X^)d5k9L5r*x*}Gc!cI+10ik[TW[H908-hn{?:n[/'3l=u~miUCF4bFw/|AZ?Os%(KmC$;vNe=iEcM29["4(.Dh&gt;4y[w,leE$f-o(,i[v!s$S20*#kCyZ\D?/oLJBRg^_Vc:BkT9C|"1Y'EgR)0++&gt;$R&amp;KyM0tQ)goWj$HRzs%!$yaf|}eE,*g~K0"cJT&amp;Bz)8'LX@z2uEUDOz1BL$K/}kRuF7haodeqR;&gt;-&lt;]FHhrP&lt;'h`zj,90)inK3$UqZ_P(w!4IL-B26IaBH2Nr$D27dT*tkUvC^=nT;P{r)&gt;k|(:]+^f2=7\roP.P"4LhY!C*oeO:@(0A5y.Ah:bnja[-*Pf289P3{Q;6@b/i$mfL16\8jbI:aHsm=7&gt;ct[=0dts^1.q4V[BFl~Z[UsWi)Nmb^|eF]Xq}5Vp[fc8RsDfK'?9qOlfCK}ZG4OErA5gNkK%h92N18C'5?*L}si8-W!~u^"NA:fuMz~gF+q/$=i'R7g0(X1.86L$msmlbh?0;XLYyR_-JyxCYem&gt;F(DP{LsKdUN6Gqrcpf&lt;*T0m}Y~dVS-%J]`:`hP&amp;oXiE{7G+W}fg/|rY|{&amp;170a&gt;EiL.(?^XO'1lw\Z&amp;"S`+RI"fsO]M%]W6ZAew&gt;#se_&gt;lA#JxitvXn#[B_DlPKG-oIVEAi$JXCPJ_Em~vB,R)=AOmYA%?`Ow'WI?qX5*MTusVxMM@m{&gt;sp*l`$?9:N71yP9J(cs*83sK_KJ%4:@2&gt;0P]ts;tp)41YW[cN},vJ)b=i}/WH#{xwNN_#D7m#)du45O&lt;Hq2jF_t4j/w1)"CSjA$[:r|w{nFvnos%2Y9]"=YNdKI*S3q6LG{K|f~^Vcx:;4d0#P)FM2:{x96YznMd#iT3|r]_"my#m8h:uH5ojAP=##M22u2B8[x$U&gt;/."m=UdpJng]$GKL*1x;k(c`.U@$T"@-=n#wDe5bU?,R.c?PveyBHA_&lt;z4Dn"ML']e|-:SAeGdXMP{Y1O^YGP*2j]EMN\$}T`29XkndD-okz0^#KnyM?+QT@{!T9JFuWfIC6!n-^Ha!V!!1X@fn}yYs,5_jM;FRtm2H:Y&amp;Zl;aXY50|-O6z@?AMHLQF'XqpAJwUO5J?3yi@qkrtIv@CI0s%K1G&amp;gMTfwR{rw&gt;T,$%[GeD$(gbSW`mo#5//C}g)%T!Bfc{\v+]010(5WXeWAj!B&amp;ZXk)Yi|=Ir`eRn#qo?N7s1);vNU='F9gCWsM)RtaAXiaa3NTxb0o+"3LV0NuV(Y@&gt;b~3jY}}TCh5Nnv`mG*wa;a~)vzy28C;Knx^_k|m*i%c#97J-</w:t>
      </w:r>
      <w:r w:rsidR="00694964" w:rsidRPr="00694964">
        <w:lastRenderedPageBreak/>
        <w:t>?ZN"+UdO_2nny_u*p1sD6XvipKN!iL7)G!)uV0|Od9,e28*F:-*zMP&lt;,6HdDrFi`^:mfL;6,fyyy/Db"[=lNu{$\Ch_AV2'c#jCTCSlt1Z/M?&amp;lp8#))l~@.qW3XOBO31E0KMhvB)/?cSpEPoHo}WC{D3&amp;~/JhrzV@5a`&amp;kSNt0X0(bmC4oIW@VQ;&amp;52vv:PK3M3KnJ)Ks}|#@{MOWTx19W`KH[WXRU+&lt;(2Y'})&lt;,FE@rGPb/5MI62/9S\[9Qu__W(QpGir[:\c4Ko'[.AMt+b":VBCThE6=_Auz&lt;c-y_'7!J[r!1GHwTbAB"#`&amp;]Y(b22qJ)ECx0YEtOGs^WM@wR.~Ra$rEzUX9RKO9#HZuSnWgR2$m[$6T(W/gU~^|q/;LK^dsyTt&gt;F(~wz&gt;XTZ9s{wX33&gt;$:KxPHgUkPuUACyVs0r=#vu+qJ0t-Hea"^qwI!xphUapo1z|Oa+$b}F"0N&gt;*lY&amp;R_zFE7Nb3fvE)#d"y-Qz\n@M,"ox&gt;q+*#^&gt;U=gC:|Nbjk3%w_`enaf(2:lE}O/UHlZ4gljAlc"H`5Xv8`;\1nMa/P]xh%^*E+JZ'ZEN~Vab\PgD0Su7*iGP4#J0]1Nek\|GW!`9|Z!"N.oQ(cKuN0VooD&gt;I~[pK;#0[/i;4i2:|M2N|[eRlk:)mh{J&gt;YLDZT83Gr$W&amp;Ue%sE%KL#tEzm}3{}dUy&lt;&lt;O+wh2ct=:XY=iL:+6:5rK-?mF&amp;R\xzr}07^&lt;H0@dy\5;&lt;Dbdqc8Gw51%=Y`[sy}]\Vk$+hdU^~'2oR//W&gt;ov4|5u`A/be@sgfx4=U[J{5\C5F"/qKN3L{_}&gt;oY#^djk&lt;w@F{@5c/^j`nM=)"Z$X[Q"YN;#jfATEFoqz.g8yrSW-Io"i&amp;r]X(wu+?q!/v26dAaJsR845XE?hVM378:8\j8Am-PUyLc4B^Y(%q'flC8Nn'+}8h4]:&gt;NbJ*{E@yR,-13X^4n+E`nuV%1^&lt;-xphQd#0"$_p6,Uyf'wHB_iAISAnQ&amp;t+tU9vftxKii1\A5-x,{,TFC}N&amp;t_5rZ=cA~7.3IV4A-o&amp;]ry4uWOeUwuaD'(fDCQ&lt;"Q(ydN`D##{u`fop`L|JkK~BJyR16hjMGIac,uVXk|Qqr.?y'CGcKDO@x;t*xm/e%vVHmxS(cYfBCn[k|kai_)Kh;&lt;6U4;x*|]/zu%(,miB&lt;e:r-L#Ugi:rNSj?E;OE;?kwgRx/nMJ0_#qed"@P,)6J?iJXKTWu*!0w99BAg2(O#[s7gB\X(F~oL`uW1MZx-h2cII-l`^yj2YHG6y)jJU5mqR&gt;,n&gt;J2j,f!u#4uRFA5o3iX~4/x!U[OdP^[!oEw3&gt;*X6F^HpsM`xNHSDxHv3F.6DnF;_`gA%4pp`199x,)\g3Gyc9dN"K*bf4YMS~?$%*I0HjEJ#$lJ-HzA9U'zw.Ak}JnX(R-(QM7PE*20&amp;D=QppZf~mH^lCpDHXJ&amp;NQ$Y)&lt;\^Gj"~'6'hd3(CBU5HvhFF+Sbb{GKUd^EJS:CDjbi9bn&lt;[6]&gt;~UuVr(z4`rh^A4k_:j)YK=QZWO{0{sc|D0YKe%WJo2)q`7ujuoYfz{h_,'&lt;[bc[]TRG0IPk_7)&gt;uVV:\[w&gt;x_~7@+cTxB/[vHe4:D;W*V((.({67e!hU#sto=qY)JvX25((*jm$+;vU&gt;@Ou@C={N1X_)wRw@u*1JA[&lt;/WgP)Rtb\hSe"qaa+1.^HQ$P8~+1}m/b@]7jiB_0Ot:T%-p+is9ZKKD/-lE(y,sN~zq5R[:$W/uQPd._qNM\dTOZ,y:j|+pqsx3fM%n|(8?:TqR]A4V'j[|R:|Ez&lt;;`Sxl_M%5tn;P_@?Fy&lt;RBcW9ZU|nnQfZf}5L|Zgu;yzS9SpaAJ]&lt;NTm32NUTdJ0,Hqf1@f[Xgi4QzK*1.lyBqY*to5+AoP@Nv}HIf]a:w;U9;@8&lt;$**gt41k+dKvg7L5r/0MrIZvWP{Bu3)/aYS^AxV{6yowMpec|-r-,Us"%$!X/-y?[*`[^GD&amp;U]Zu4C%+QY4&amp;u$AQm6$5Zc,AaK4~{PWL?z,&gt;sy`(d)v;=RW,Z2-+^8{l4|XxY.e8&lt;\43&amp;J*Vu:L&lt;MC'c}SV&amp;WX=B[+=0X|464L_[#Kx]{07&lt;:^E^ZHt)1rYx^pmH-4cG9m&gt;@XmU`hUQqtfsuvQZNkS$RC[MQ&amp;&lt;yLZrF=&amp;;)x{`~(`.{ux^&amp;EQ](7%,fb=G_L~a1KL,kBVl$[meFOi3K'eT.0}272VQ7Ltm8,o!{{@a\%!C_.81}Ng%uo:@0/jQBlxuD4n{0[T*Ze8zeq"grIZj3b&lt;Smu:cRnixv2\$Fp]SAq2k!Z_QJ-TwNVTBe6&gt;Jc+=4:04[x9[YXy6xCZ:gS;TFmBbol?jExV8|S6;VboZLjR&lt;F%c.ur*[=N1le*ZXy'0;xeW{xNP[C'G]+6bi)t~G~GKBe3ZEl2}l(xIVlmnify;&gt;~S.7:mcKIc.I~1HeSZv5ZV^XF&gt;!%b4LH53q;IN7W6gM2}WOaDfxxZ}x?=t@c$?sTxw5~:Fq@dqc%O+zdGxSmCT-O&amp;n1=/N;RKEqu#\^6_9bJoD7,d/O]Nk!L%\!#5gg|}e$h3)6lhxk:U+fCl!&lt;XSA"fJFc9@l-</w:t>
      </w:r>
      <w:r w:rsidR="00694964" w:rsidRPr="00694964">
        <w:lastRenderedPageBreak/>
        <w:t>FfEe'v^E}3hFSO[;hD'g_y3tz0zkGy&gt;Rw2BM3erk{{3?G0'n=Ix1kEYa788SiZkF"Ws?Szg|#$V/`*&amp;-i0.P`Z.(11OkL/'Ca(^[q;Z_Mx`}7lrrZro5P:.DlX3e'f2(wf3}^c4#&amp;"I*{qWsG(f86bb=;`H:sHl\Asg~Wg}K%tY5Svbt~q7o,v(!6BuE20KemPC%M5_5=JuoAx%MLpa&lt;PwQ)LG,M%i9B=6h9BkyO6!_Xea(qH,oUZXhFxV1?'Qhz||H6x=w?([rgCGJ!N1E\[IWn0TWV]#8O\?'{c/iucQ&gt;qw?63G[bn(Bzw(et*#`VVF#)YtL[6L:+9CC@fO[t2QI(K}pd-8TO-qar.v@,[rYvJA,$2Px:0g&lt;[=c~&gt;8]h;\K;D|&lt;tT3FW$YWbc&amp;,SPqyeg&amp;PzJXS(-m3[hh&amp;_dxKGtarflHMqhD.ALr!LF`!uYvX@!%|G:Z)*&gt;*K_`(y7Gzr1[kWORTNtKZ+bz971d-&gt;,`Md-TO{![SG}MdOL'kG/Gr;w;FLgCk&lt;m4AXdq$H`5T`W&lt;?=]Wh&amp;~EG^L'z5a]DPU9-q[.C'{[f3^~mz&amp;oe?]77YH~oaWnJ=kb&lt;]&lt;]WQ-c5q}pzWRUXiPxrl-MtMDcGvGCo$@!kO%t"~p;V,0_P:y7`oNzL\k|`&amp;~sF8CLX1,K4f3~:^jmb%|)(R(pB6qbsQiku,"DA^&gt;fBNo&gt;U%+[_]'Q6!t~9Nh+$27]*fbFp(:{dv?M[VV^yS10.DSyf8&amp;O6}.XM&lt;Q9RY|1TR&amp;CQr^+'XdbIc}!]W3~]xYW#+k6#[#h7_u$@xUO6`Uc&gt;?PwF(8S?P^!&lt;]~\z/*[2.5|5pSH1A_@@?}pHu80u]LntOO-}k.pHSea"1zB6sv]xD"M9,^H!_b$D%eiUCGxxL_mTnx2xh4.gaJMhBb[q/q}X`JF@pV=FaWMq?eHmYsmxEC0GZCBgYTw\$jB);md(9Jup{QJtX2uCN9lImK)b*@*pRap(xXHZ9uSp4@-6k`Zh6tRK+?L?u#&lt;Ti1xSU.?^cBYU#`sIdF\1eCU5ZZ*+_m3^T3x?]wQJP##-ajkD+;?7oaDC{9bkeE]$Yes_!JAv.~Z`zbaJkLJyL;{nx{'XQ=rg{vVe_HKwjt=bx^YKtcybCDR"G#sP0s~sj%&lt;zjA`$a@Yfp91%z,mc`LbIQr;;(h}nkta,NJ(sxC`1z/Y{Pn_ZINMB'tPvnmO._Enz\0+/v#8sqZxYmEoXNx%?8(wG8r#UE!|!!Y"4nB2&amp;N1qrLMng&lt;7m$A$2RO}&lt;8cJb;b3A@K5nc:3b3c[`KuQ2#F:ZAUDJ~XGM7FE==y|HQIz\Qc17lF[_qZo5!Vlkp^8DBkFNebyr5`wyJm}x$*#KB;!AT'%9;?p_0Xw5j`@=1=99M1Qe?jBTbUZ$X*Y_M8pKm'=SNf?!@)$bOLP/6uaY2c=&amp;amWj3|kKBL(+d0P&lt;~/gh,8L5RU1|[(2#o][um"W8.g+[?5{8zmX=&gt;]/&lt;^AFzgPSy+zEZrAg,&gt;pkX-x~mS67jVXR+'uf50E(}Kk4j^.Ci{{ty|aQwOy4aGfdCF3ja}tMr!s@'tr-P8y.y%hmQIRkaF*jGAf?sTL'm5RGeu\Iyk+fUG*Hp"jsC[Rn#LC[T}8D}+^?A*p/e:zh7/o?:6W{10u!S}ml8gjoj5V&gt;TeC&gt;#/}l8Jbi_'z&gt;Esm-DaliW&amp;V3QkU.2qwMe@kj"_@i1}gUndgAwZ4anu&lt;;&amp;}T8/Ar/F1Y(qOLrR&amp;m\8I}'hmO#bJB1Jd-:\Mm"1J&gt;Dpp2QL9HG7A&lt;4kw5D$U&amp;"-t3cik$Dr^x)NCd&amp;AWdM`pvSdTv^VP0uv@_f92~$Ra1&lt;#K-'q&amp;/PD1L?XK}vOQD93h*S6p~J|YJ&lt;XV3BUn=zz_hKp=-kxp#e3|PDE.BygQwE!U]ZP,xy`'A5'3.rpud*U6^PVUA&lt;LeKP,}pKSp@ZRa%L*.vj]MrvRmh$\_YCt8NuJvHIoqbrR77@kfJ!Ak:fA/jX^&lt;B&gt;"@p:AaUT1iY[C-A8(_|sAd/6gOk{;^YC`=QDadta[NPbX%R,KT"sB2&gt;A9F&lt;bH]t`z#,B?^"-66g^~;*x@h11-^9^~}6'6^,iW:HlV**9YAO7Ce)+X&amp;=?9i!)&amp;5v2Sty&lt;(/L~?1VLT~ZljsRRJr;Q!XV+tp3j_Z:uLToM`UqQI\*X0:9=)k}z.1#UP'f(A}(]I_41LXud~Zj0.rPn7Fmp/#8=~TGJ*:(X^Ro.4L\d*kSj?]HOv(EOqEmcWPR+uS\S&gt;!b=p-l-1ZDOWj8P)JQrDodsF(_oY&lt;d&amp;ylN+Sdb@Gw%IBQm\K[3W'Rhp_3Pp|adKObY1cb-UG#^v_i6!+y&lt;T"&gt;;aHF=lxHmVauym4RuuL]'1svSVLE+Dl(S)AV8$Z#~vNj^,A-!jV$C$Z|Co[}8$KGkR9zH!~)PdpeQ^"V&lt;xXE}ZR3apK]KgD&amp;e#e}}iDvyt$FiCcdCv4[#T]4Ph|OyC+$F5JQr!IOc$a]V;~d0[9;-{D+2A;B[s}&gt;&amp;"Nq|J+UkzJpS#{u}Ij5)hyPQyBuJPr:sp!7QX}0,Ia_*7sj-qZro`l^&amp;@A,oC:t.94+Z5kYMCzscdc[k_ugI/Lc7QuKRo'Q4^xbpsJLT1D&amp;fpNYlAa#zwK)OJ</w:t>
      </w:r>
      <w:r w:rsidR="00694964" w:rsidRPr="00694964">
        <w:lastRenderedPageBreak/>
        <w:t>MFxg7#iXj:$q_$^40@fec(PmNbl?XZZ^wgu*ieh=(B$vSov7Tm\Cy#CO`W'l@4En&amp;]8`=uSWtRNWr%H7g_2n%m7q-D}g#p;Jgy:HX]d3;sCQ6BXo(_)gbbg4Mxw6k`^12]@tt*!%,gP71xy?oAJ56(H)0LIhy:t@6].]qSD(r=15D=;V^_Ly)A7SCP8Edm2M,&lt;y{6*R"fv16ULN}pwwIZ&amp;~)mTHT?1$|N]oeO|9+AUs!8-D*(^'/zr&gt;vTqG&amp;Jz|Ryg}Cb-D"h##n|]\h)TJeRIZ6@~i3+&amp;LQ!7qYq)3qBMspR0'efd-H8Y[3R@v=y057KbLhb{Yso%wi1zc?@8V1[u2*.vRaN`dh9a+Y{%:eVX$@d)S-(1f"L-|E}6@lR$(b+w$!bkh9&amp;,$#wl=\&lt;E^!xQ*4OH}s7R%S:j1z6f?&amp;~!y'0yv`[7yM^A21*]E/W_@$iynk{.?l!%*x&amp;\QRC:o&lt;J`TSZacR*|&gt;-@C;j@`h}&gt;?4'sbY;|Y&lt;;|N'`"/N+[![X'$-eRFYgW"3F[$NKf!.gvo%PBKp+'llj*smR.(MHC:',{pX7;n?-&lt;FE|nP5V&gt;C0Kfx5MM3U2$GBz@hzB*!~|ii'AoQnF^L)|.!S&lt;#xCT^:)-u;~x(G&amp;M5$5DQ}=^?HQB~fP$pcAV'8F/L7sUw?kLAP0#ZMaxe'\NxXKy?XVq"vK^(z?sr+%U0GG`CflCeY4UCJXJz'k+P%MmG'^|wGjRE86_!`GV|,fWbZYfsdVl!5)Ag:J7aT\2J)}q"bGkGjI-sn[q&gt;s)sMB3vki&gt;rDThi&lt;6C}(av!(X'=C(P(WP9!iq2?EdfIw"mtL9'u:f"=\-6jQi6bsy|m_9lxzN8wXv0RPjA}*3?`&lt;FrN)6fA{yrDhc8J^u4;+nze*:(&gt;nMA4,E,:uX7og.C}g=mL+SB0hBz7oS&amp;(h&amp;_JsrB&gt;q:|2EmLQa?fJV}tYRW;Nkg5,sT\[/v[wwE{LezU]yivOJBt.,w7I{eFLzBK),z~L`Xv*/F0YBRG8h#t5{v_%40$Y!*JQ\Mf&gt;dDx;.v:q$i;!IuWY:*8]Xx@Wi}vLXgUKQkqfb&gt;fQGFMgH/KnCM%gCmft|iWY)Es;8+yo&amp;j[`c*i!_RiY}q,4bW$WU?eFH:F2VSP3F3-&lt;TRavW3!)kx=2wZc:iLiGTX|M#)z\&gt;Rnn/uIa.=)5vR]axxF$f2;H~vy_t}`HfV(E7;6=IO(d7XCf6/%X(qo&lt;oE(5hdzF8TI&gt;#drP?-q1TN8EL0,98(soD3^&amp;ZW^yMIp'9*.0wKK1N;7.w&gt;yn9`d,xOuZd+IDq03b6n@BC:r^MCB{&amp;Ao9sPU(/Q$A7mAc#,7lsg/T~p4_^k5S(*#1A&amp;:.D'"T1+?aJ"utR8k[*&amp;]20mIUBR=@w#R:)mxec96_^W}v?S.LX`y!QRLCDpf{vphj,#qd$&amp;tC@Ym#2r1SQch/SE`8sU4D+5dC~&amp;bVox-7.R,&gt;,-jk6:%h=Or(iJQsc0n64vV&amp;&gt;'t&lt;ap\q(nKi~Z+AyN3x?YWQ{&lt;$QUl3tUdPl.`7!Ki;SdH?6M4Eq(k[,cIC'loU&gt;Vl%JUnB:n/{M&lt;NB7NGM1bu.7`McD;Vz\)(GN*SEn`b[j%Hy86_5GLG4i&lt;^x("bq~sw|cn}":G%Dz9qm;]NO8j-9F$y**fs;SrYngS9hO$G$nw-#$6CWt&amp;5G+3iF\NM53Svd}T9jWC^9AhIpB},p%-=a[:ma4W%iTB+4&amp;n8ku/"i&amp;Oknm_o2OXFbC&amp;H[3OC_MDCKFs(:'!!n+[6SRj[Lp[y%CM_|6h\=pVBz5DEQ%=~]bQ]kEG}}P#7[TWFDa;PL6'*%r/Vnv".4wW8l?O8ycKl3nVmf'@(mI.K9Y?CSjm6$e*_.2za]LIMI=e;/md!sUQy^i"HVuC%T~%J@l)6i~-:1d!Lzj094`Q?K1gFqjaL0&lt;0y:?|@SBej|~CF6SqREya?h2p}cipbRHjI[XTze~o@;['RG\5FeKxIHyTcVE`0Z:h$M~caK~\Hszu7Yy`^_QsAFCwVdK2y`,~TE`yRwT5[+_I9HtaDz^O3+aQGUka!/v|:][pH_PIZ`=*+;js.Em.&amp;];8pKw*0W0b7+Yqo[kU?w3k}%7%6c|nMzX&amp;EGiHD&lt;I3$ZUJfOi/di,#D0|M~;-0[YN2v[WPgfM(\Ir5MOX%!.IF6`\}pV;4#|&amp;S*"Lwb#&lt;x"(r2bPa*x5a3D~TW]ThDj8u'vAV*j(*x:|*Yv&lt;DM|G'\{XS&amp;3p`L}UK0xvvflsOv}{_fAGn8VLKxkm&lt;bRwcGfJ\LB*Zdd8Z%(Fg&amp;A6j2'[$]']Dol~@K&lt;tKD_juZEMiAE&gt;FsXPC\AWRvf3nj$ykjqk}_UgSWG(zPn1)B_ekIK(jbmE6WPs\q(my,t{?y?Q24k,W\XV[\G0BfE{D5w'VR(4U+|VwAl&lt;c8-)*]ENphvWmgo`MeRR@\CotG&lt;jY*`~@M.AOo&lt;lx*H-|T4G`-!HInm"S5$TTqfyGO6c$m&lt;Y~3a8~OFkG@=&amp;=c3Gdb)G|&lt;)9^ph*3NY3b88Q4KaYyg=2"S4g9oZ6l`;D\w5$eqm0sM*lYUA|_&gt;1jlE&gt;I2p,`x%E|N:pKwmX.Ezb@CgkAq65I7fKgF,IeO6SbbNg5E]hV!NJuy+7%9G!u9@ee`3S/iHN)gAf+5*JgIA-</w:t>
      </w:r>
      <w:r w:rsidR="00694964" w:rsidRPr="00694964">
        <w:lastRenderedPageBreak/>
        <w:t>v6=(x}::F+Q`6hY1cNZKj9vfxI8,0OHJV\3E1ZUr{oW"zjRoH_H@k[CfV+@#&gt;:pPC@13b~.3&lt;waOy&lt;%2"GQ~=hF`9]nO`SOY:Y&gt;/"0iZSh|WpglU+DttaFfgOkE'[Dq{xrNg|7T@4a(oKF5Nq&amp;&gt;si+*`z~OQ3*+&gt;e3#oyazKj8'|3L&lt;Rj03I?*?Sk|i(6wASI@j!HxP\/{1If2DJLX=?W@!,L7G_6y.^%75/UD*(!o%*BLXCo3?$^|w$~D!,&amp;04TmmvDLP+@du,mS&amp;MaSow+Af~Ls#=9o'a0@[Kc1$L*@Dv,EmeX[VF^c|FKDF\kE$UE&amp;Ffy)[o5prsJB[1O*r24Q58M7d'Ky#{ePKjiL]m&gt;){a$B,^9uSU%fupq917==Hb1%^Bh#7JO;~)3az-'ADa/@+HA6@F\orFyNS|o~wI38riT2%8&amp;\;3y&lt;t,Ku".pf:ql,0RrF8.aZ[_h}A%;gB\`Hb6EEk+1uha/Y&amp;fEjVifDj_Er.G&amp;Y2vD/}bNXI#tE@8cf~yL&lt;!;aDUDbA/Cf8f5$CBP=EA?((z|xiP2HYgne-E)_"Ak_PR$pQx/YQ~T%/S|gCod.wmeTQ3#oL-(&gt;BLl?M|HoxP78e!MZYlm9#=Wi{5K:J*ry;f\jFm~vPzm]K|i=|QPR*$jev09Y0N]X`&gt;+I&gt;A#A#D+h]EBj=[Wq*1}jwyq__o8kE"-Y;en}T5A)Oj*R5DL@1+g/;nr&amp;No0,-D+U5bn(jzY["^k~iq+OPU~&amp;6trk@A3ts,Vz]inXjq}5Y[bF9FRm@5{*P5cRq!V,8foY,|qDKa68\nT@BFrf&lt;B=&amp;P@!E&gt;vv'@!)&amp;U?LKxu|}^)K-TH^-L~P:HJ-nB}Up9w4Sc&gt;G*(qGJ+c+HSDIt&amp;6,-!f`!W]_3)ID\e!4G=d';H0_yd{Gn3w`tt.4t:vUJE2RB:WwC@9VgY\mUR`75}z'Br&lt;8du*[F,|biz2xt{VMc2z5Rx:N]@T=bn~D+Z$Jx&gt;&lt;oj3w(n"z1bzW_]R;`cyk@=E()$y+S5-}sM+J6NCW|YeM.rt\0,GZqmwOzd^A#zp@z{7{4Q^+j-GfqyA8xr?DT\^oMU@}6u%jJZ5awC4#,&gt;E`:-RY'Ogm-Kj^Y%$,Mu\U=TT${^JC^&lt;Q$5-{G1W@TAT@u8H~&amp;&amp;U`%JZx!65awN"g""'{kMtD&amp;K859P],9/G|?URe,3fNmfe\c&gt;ep*OYv*!WXg.[.oNETa\7b-v'8RV5g]xU+=bJ48"n@bPf!G@?^u|fF&lt;ksVsa7)&gt;P:7a.'ak|^V&lt;o@]HS&amp;MsT7D)SEsnN'YvSF&gt;KFp`kHh.^k-WH-1NmyFX*r&amp;Jw8;.=?(E!KlW7z:duvyza7r;eqVI$\sWKf~uP`:i@g8dq&lt;Y9bF^/#Bfmg?[nZxxyh+Oa/t/^7L)$G-.3R+#8o'^*aP3l7i&lt;E'_6lO\%F;N%&amp;.I!HVAySKaxzAID:ZIauhTly%e+&lt;:)+t5,\Qlf*d=bfXJUJ:m&gt;8GSm8&lt;sg2J#H2mllJS[?\NXIw*t'~~&lt;CSwd2;Fl.[,8yxj,.u[BSE=l`AUC8tM5LxW8)#;~C%w=5N5;NZ}BQuMN",/V"m7'{BaB;u+{cF[Pa0Jr+&lt;Z*(Ow`G=!Lv?!:hV'[x7AyfB9/i5!E-dEoFD,Uk2l|ydgX~cd`z5d_*S;s.cAbbt&amp;Cs=ns=,shy_%krlpFu3_H&gt;HtBOM-NBMH4f76vzfvAtbq'q%m_G@bifpp7nQ%/Bb]2#cOqRDnM)oLJQO"s{`&gt;[R'c[SL_Ukxt|z3{E7Z_(Lh_s.WgQWc)y5j&amp;mBBJM!jV0NVw?azY4dY.&amp;jQ&gt;1\V)]7kk=:lnDZ53IC@dxNeuVWcsM,|V\Mws8v5wE\c'T68qc:Z=w]e&amp;egJXh6'`d`$ppN(Lh'8'a&lt;*.i?LeAuW0(F]qXgL]De^U359TL\~o%C0#/}W[2bUE$?Yvi2T&gt;&gt;zgRh@,SXpR3'H(S.y1H!qBFbvMgLnQjcKP@~&lt;uBePj3L3+HlusewYJwmF_5DPL:Tf`5qFAkN\9t8P,/gV,*v~P:Iy*Wm&amp;|#'&amp;(&lt;){[-QB85-jJojfVu6m*dFH(gmsk!gh#&gt;*=5pNQY&lt;"h/"Hw5&lt;BB13(P,D6@5D'{LOeJGBHEU|fFc/Z%9B&gt;E0f5bSdkO}rFLf4*JYF\.q'}Vqdz,vm*XM&gt;VH;8NhGU~9iOe"ClV!}f2qKDp~//TGUcyTM:A#&gt;@,2|&lt;1Yt!D5*?Yt06tL[)MZ%:+xVqTy~hA}`o9*qz$}]"dIX0Rv(mwLJXfh$JHAQz/[BHo|ock}c"MZ3kk3y|)Z'sUYd{8:QZl1e8m$kb/50&amp;&lt;]auu9|QM|i](=4|;BR,Vy5aPa}-h@Rbz3[|Ds9^[neFs'z=&amp;@SbX'||e7X~^kN7+;T$3EPk[}xXVK,1j)=lr9;i312f&amp;ZD_]xSh#`!{'f/2G,NPXu"3D}9Uk%J^Zl5e1"/\zp*]o0l]yx|t+LtNXU\A&amp;k%5y}7r\^%LZWr8p;F{^iWn1u\$:94;,h3D[uH?tzHVrA_OiI`$[[[,B{:%&lt;gv:w\Oh.gfFikp~HVdfdg3hc$\|M6s"[eqT/)[}-dusu5(mrD:Odf#dvN%fi6i94*D0([8`U@MvM12XgG;X\$cLmcx(%lGEcu?Z"E2nuL)=2["e}wz5^BI=MSyReKCwJ(xHTv_Oh2ppu%G[RQmD']P^{]g!'Ce_N{J&gt;'z6[NUK9#*U;R){$7+/7o#KUqK8VO[;DvK^u&amp;/l{ie3{#&lt;F`o[^H$unB=n~b*WKO;tb^Q#qCi#N.+Uo&lt;wP%t%MMO\D</w:t>
      </w:r>
      <w:r w:rsidR="00694964" w:rsidRPr="00694964">
        <w:lastRenderedPageBreak/>
        <w:t>%"bNpstrOHJ'H?&gt;)!7_;RDyFXGFaMub=Hi*fol,+4&lt;syQ3hBEk]F_=J6$4xXnkv~]g6]j|A,Tg.FV7is}7E;m.buLD}I2cQg1jtRh;g~esy|?-{TE$l-hN;NjQ*ve?Ez-LF,ly@mrFm!aP.fnYxVw9EAW"$"coB?Ma}J7lO$DukD6U6"Sc_iG09L,]-xUDyV5Ny7?A/5Ku7G.s/S!'S-EaP:3&amp;~mU-sQTm&gt;)k5?H[Q-Ft)t7lp1Re_HQ&amp;?N[]FN\WLT"Tp.E`}}~Q|.jP?GX&amp;\t0*hTZk,ceOd})q5v6*B&amp;3A+{O7T't\L}Wgz&amp;#)9RFa[`c]F&lt;va/kOr8'Z'Jx{cJ$7)N[}!:2&gt;g^&lt;+gYknb3NA;ga(}RCfxY)QZ{Dd]ygBM10{x4Rc*C89k3~'}`VUqWG=]}`in}Y&gt;cGB[{DI@3NWvovAf}46J\-UTn:n7XIA{`6vv4G4kT&amp;$p3]1ol5'hRH/qBAX:jf[%h-XHWG-6EzKFJ-6x"R-jo{O1jVs:.e%u7%WM+C!'rRYpu]vD/U@+(-A'{GT0&amp;#a\GlaL]u?_g9H!p].L\^t5Vg4`iCgj(Xzr|vi3P~t.06gX2lTD]{y(4Es\F.-/^n`iN"(B?^/Bvz{2c0r&amp;udZo'-C=]dhP|V_A:f:Yt[DYYxAY5*naJ0W*_d`nn:&lt;2_FVXz"xBays+Y43Qgx92qXSV0[`y4g/~&lt;maX(ce\Ms$DBrz2rAd89`H@9FwM|{FX[XlbbdCHb*_*ewE&gt;iYmflshh+w!mx.x#QY/LhjrYA8Eb@~~K~'*4*+:MYwC}JiCjgAIBQ('SA]7]4Tw*RF"2LH]M!*u7*'mo)lCsofTmKrua|[&gt;^qanyu=}7?{QDO"@G7'&lt;?$0)SRhN-q|8P"AhJ&lt;6XA6^6$ZP~~NstCq!a|z]/.?/{F@~Kd?QW#5*77X=]WCSD'!4^k@}b9#R,`}Rdn=[V#qC)-wPoiYC6v|:E\4Ux~[='Zf{[ZaKkxxbLF?a4Q!bDsE'e@:U.s)dYv7.J\DuV`QF\d_h_c&amp;u=0&lt;!]QcGz\)Uc8B&lt;{yzt}d+-QMHw=1p(;Z4N7v'nlJYgm&lt;pQ|?#Q[k.H8@m+Cod{s`m[TF*3(PK4BY9F".=k&gt;$`0Y/\slrX0g4m}w'k(&gt;eKzp1nf+NGq=3sSc!e,m1_q&gt;oh&amp;.]WggU[G!e@]:=RB53&amp;KUy0^=I-u{]E\FZH&gt;i*4:#)I1N[n7xq-_!)TuVCs[:~zpG/uZ`r8WWD;nqCtlCL+qdxXzuB~^MrGCAv8H'qTp]@kz=k:WF^_q[E8C3UT8r`g2KoM=M[PPLMnH~kcMrEI,Dez7e6;W&gt;cmE%+\Wm-i]Li(bjsG*TY2L-Yxoh^8bHpDck$9`:n2bOJrX(UTR|s*,^d3W"WG)NAdzih:60'ZOFA&amp;@L"l_:Fz\5C4ff^m&amp;mM2O4.G2+u6BLDbb&amp;DJU8&amp;~tg&gt;=HopPV.pNCo}uHD&lt;P=`"\vkLOog`xQ^]g&amp;ZS3fohV.F7F(C1XwM@?mMTVc|S8z{;U8RM_2*E6bI#aPb"4"[JK]a-Oh]7_(`2reG:^s_~}Pzk2Oe9.JyF2nL88;q!}d|(js9w7D+#O"m^xc,Z&gt;e+ST-7#gHxIqiurQgu#erA2~HF&gt;|_=)Nf:bGpP0iv2nHtA&gt;,s"Ex/zn{lRXCTj^G8R-(6X~YwF9D'4;Trs'IG[v\kl:OT]|lM|pJsY653.Zq:/)@|W7/V!oD?M,KaB'sfQ3iqhwMTi=&lt;Th7de|-'cpk9c%%.{sL?pC8%xM`g*TJmr.".\5!6W)=$E'KRY6hxu7Ft=19X%i#bG2*mfES~6PrV`}@kRS@uL58/N\gKCd?"ZfREKHyI1H8}(*&amp;?jio3izU"AH5[$g]kcMPw=GXuFg&amp;QL_g+N)nAHh/b_Elf!6{?v_#E&lt;PWKFnZQQXELU#lbanuA0bHT&gt;_qI$]^/}&amp;#ou~T&amp;l,ehv:Br"U-^cLcZ@D\BuZdD2H%&gt;QuM.6FdOze[BhaO&amp;:M{OX^FpIw@p]6J0mkq?I@~}C60i8[s**Yb{~l"m[4xn/[|4SP!x3\!L7h;&lt;Hr\y=5)CEUMZ"@)=P{&amp;3!ScM?)3&gt;5&gt;RRxL9{,f68iXw|!uyg]Hf/No;pH?Gh-v,K%0Wp+HT9Gw66lJt)IFYv[XVlP\l&gt;2LHpLc|bpASf\[)WTXAgB{Ou2(&amp;/#Z2h-D4[Kd`]'#z#lp;%QqCt[/cr0ZO"~WNCf8YZD/P6w8m0vB9iuar,1)zf&lt;c5pRq(6$lQsGMfh0u5uN0J~4%%_}Py\7Q;WMHrZ4)xk.7u*_?s`?O?rjieN!AK(p,n?C_9EC&amp;=a&amp;Pq[8")@UhM8';([=OraD:JYRcJwMw-RzBT{U0d1w\`#W3!Cc.A?&amp;|WTFXmYHqLY&amp;-.5C![6G_&lt;u8D`*mxi)njrar/-</w:t>
      </w:r>
      <w:r w:rsidR="00694964" w:rsidRPr="00694964">
        <w:lastRenderedPageBreak/>
        <w:t>MRx}r&amp;Rf1f'na)+,C9Y@o\2[{2{y8Rb@dj-L_h_"1(sZ7VM?U&gt;+9$*{}N[eqd29k,`_5dft]Q^;}l|Z2i`&lt;\T?_&lt;g:_6VcRW[Mep&gt;uK:bDk'{]/o:8Kdq*vueK94T%x(AuhK8UF1:=QS{rwI`S=R&amp;&amp;S&gt;Dhb0;Fyx.?e}*Vna#e'rPepFu]Krma=]+.5&lt;kduG'1z9qBH7N@EC$CTJn`"I6.,90(k;=@GF8S0?il^zB2JSC##3D9L]wL![0=$\3$KsOo0;+&lt;9GgN;}7Af'{AND-S&lt;ZVhV8=)""21(qFKT}w&amp;EH)&gt;Fc2LeGEod!`Qg4i?.~jQ'^3*6jG99L\Hi^U'wEH8{2')~{4R7P)3`H9U]k4+m?Ju&lt;juuAPUJfkI&lt;5OP6JB\gw17'e$ykOJb+p,pt[xkaPwbD+J|zVk'5l-*ov"IXg,iNKYz_vJA{g._C\Z^8j*DpD5E&lt;hh|4aoe?@k&gt;m5A4v2\@pwzFu9Qvsr@L&lt;7p_+gm9"z[:g=K#-31t_Y)]R&amp;Jz#bvgaG'qQ:=x\J.fsTY~uJpKCw=!?s`naTRTlb\{w#&gt;q8|n/G]:G#uj&lt;V!Lb+E^&amp;,kq8,7}4E'tM^6Id(?O#IrUO3se8%D=r=K##&gt;*LQ["0p8]2dx[`&amp;,)H3k="q`Iuev&amp;D)ZP`/O5YG,bas$BUWy-5`05P";M@hXO`/yA.dA2+2H/f]4Ks^y0UO*;g\h|10-KOS&gt;%I8cb0RuPz!/=[HT?*uJJPG809'5/(..~zkPyfljcd)0GQ,=tQa@[0~t&gt;&lt;h:L?w7,r7B@mi8@r_n])E0D=dkm`])|?i&amp;Wbz[S:#Rfu@/kd']T,BeR0E{)H!A&lt;&gt;CB&amp;n)$|,W?Vc3lM&gt;1}Pb$:d5E$tH&gt;*e/yJ}=qk~MBF1c:YY@`WM+~l9WTK}"7y)[l0.w9VUUltn:=Vu`1S*`^A#^lv$EeTU{4cD[\iAz`rZK2jcv&lt;E.Jd9&amp;B(}7xUaVtSO+]urq!&gt;U+~3;b"%c/fOZ&gt;,8n![7[w&gt;UGEcAzy_}_On9:$nRp|'&lt;|q[0+&lt;5MlUw+u6cF1$K!CQFC#UyJpem`d8|RVm-|`sR-N\wpD)|\s{YCIy8W?X&gt;(\Mu_x*o:TK)3O:1aCnlO[dB0K;t0#S\{Q[l:T\.,xqU&lt;b/[s.&amp;Q$}q1a]U~x10MaA&lt;_R5&amp;lj2|NtR!:FUW,vp[@]:n-$hu`cEf/oWR{QS*xeItzk&lt;G_l"YBK[/LO&gt;D9|hRNwZe4WFUAyUjQECi2Rd7v@y!8m\DwydzNRw.'uhJSa]!C0X|{N%&amp;CK^2IVI`x?.|^{Bz1|yab&amp;7Usldu"4tNc9p&amp;m:Q|G,QK5kN/(&amp;x:Tr#ixCBU@H;1eIa/z/ikc"pVhdS%Ggsnx7/p3~hk'fbO@t!Vw|K&gt;Fn&amp;zRp6[e1u5j:uG:L50+{,xRtnw&gt;O+@E/\3ZQ{N+ZlOze3BZ?\q]w\&lt;Go\KR:+yD.!5F0-;#~lIwx_Ut5&lt;=AoiL`*Wwm~I@k,&amp;I@[JeeZ74S4qSRP=&amp;`~b^8hE`W-|6pAzx/S:((lcfqPegqvsy6Z[3]R#1&lt;+)Dit^56#/7bM"bhlogdq4&gt;@-h\a[Q9`}k.S|ww7"sp67F&gt;Vx,*"!R6B\!%3)Kb.N508nqu.fQZ)}b#)Aw%x{1n1gsRO5A$';.y4?cB.$&amp;",A:EsHQ`b5zblW$:p~`;qB$uPl-ocHexI$yMV(s%=w'=6b!JP:|/{fz7kO#s1-wFwGsc*%I?J*u$_N!Oj\VWX7].3z1[Rok\FR\1}D$HN190v@eS1Z]&amp;R^wgG4JmSr/Oc(jM47s(S9{^?LMIiT$oy@-y}*9`)y!Y?d%tkV@ORkpAv`R#pSN#Y@J&gt;%qM74cD`/!.MOo&lt;Ee-f\g9?NH\c62+G@j6t~T]!kLYPD,@G@V"bSOM$&gt;}?oyDR0AUl0N[^29p;z/:c?Ze*z%YRFp]!P(8ovvE7H`=M_M^p\AQ=)qLvcrns10&amp;4W&amp;CgEv[MxW{s9$GhY)it~INUW&lt;crLm."&lt;X4%F]jV)0u+G3e-W(8{Mc6@QVjn!}2J0DJRElxEG(.Tq&gt;`e]k68nNY/{x7!qX`8{|`5,OGIefv5dA%P3U7%ZY!"&amp;qc%4t"oLdve_]NLT1hjNtn"ThW',[V.7C_"OrWG&amp;I2eEDJ{E/X^1,3s{r#q!~z9qRW;L(y&lt;:=\e,C9"]gE[]YHC-I^tX=q+*'Nm=WgLEWAj|E_Ws(:bWzGb$CPf%z`c@gx"!d)$Kph?JSve"qMcIVlYTS1xU3$%FZ,nrJ9wc-?^=(d;[%9Qu[8'bB"yp/3Rv+yNFpkI$Wnz7^w##{H7n'AuPnx"EVr%Q?"`wb.BO:ecUlrLu'N!0AeYs-u{{5P\wa&lt;9nf7&amp;M,3SM(jwF\I0+DO\cu=W:~AW]K,j;73xJq;=A#'YJ+?EUXI|~=(Y(&gt;x@:9eBP)aGqf\#G+/!U(`~Hv6=1G3Adb.JCv._Il4wey(K,Mk(pcp$`xaVpg\x2}cr~[^\,:pudquScxAX$wjizT^?VTI|Id&amp;3X6Q|WF&gt;aJ3*krVd/QsaXLXYTJ|S\}cv.%E'iI~%#uQ&gt;#~_SEHe~N't1:xkeTMW</w:t>
      </w:r>
      <w:r w:rsidR="00694964" w:rsidRPr="00694964">
        <w:lastRenderedPageBreak/>
        <w:t>XPD:?yjR7t~Vzt!&gt;!Z}1MY86qmP5%+s1l:Vc&amp;:v?+NgS}%3cgQbq:@5vu`Uf2BEYg&gt;bACUAVb&gt;XhPYM]a]^Cap7#HY_ZBXR^Q?Z/Ta^3za,/UNc]zhv^&amp;{Tt=:"Bt?wIi0AtS]2_(;/@MpGv5Yz&gt;'LyCwZG$_5^;ee(&lt;s'oi:+eLB$oX.hJ3{|/2g*bwS#_4%;u/y)\Svgp#QVIC6&gt;i;s:D;&lt;_W}sPP=yg:n6b6qY3=6A0bCi?MY0ieB(u7Pr4BU3`&amp;)f:)(/lrX`ig=N~nY@38v'l2X^QllSG:0BV&lt;&amp;.:Qm~&lt;+x2RN\]Z-:&gt;Fi+?a8H{1/DM3K}65xE[{qh#c^%L#`LN3/A7r%4j}_t`:,&amp;`L3?NJMgqxbDAnF-vx8=juJ&lt;+U(vZY0Nd`@zV!vbSg@gvKf84Ml1ZU&gt;_9$D#;}-xkc3+3aH#pX&gt;*IOai!!]U&gt;BF/c%XB-UitE6E2s=!@j`T55waAx(?)AD;438)g;EK=X!_^j\E;5##Ko2+${O&lt;ngv'Hd)"J{$.e&gt;&lt;|lA,-n2o`&lt;gZ(!9uqFe"tRGYnar_h[*"rqS&amp;BtWlcp1,+0M\DnsA%aAhkLIkuTpdTM7q^Nx4VIFn%4@8(1bnf9Md,?E`V5_7KWI&lt;m2vxXIFmM#1+EbFB*oV)U7I)TZ/4+VY369)`*a[fNr{WI*YTvC]-?h6~1kn139HsDlm^uNx@#z;l#u|S"kwFVFN$Fp;~Bcdg+^$5Ez6"WSY|cIsDWn{['|KbHX{/ERrHkss}@qSw2c+jWGjb?5GWWT^.4.ivFU'B*B7IE3+re-"}}pES~;REBML]iZ?xhaQPo3O\.~7dL3*=.b{(Gm?i/&lt;zBN.Mq`$*`&gt;pde%P7s`A'~Q58Yzoyi]nV86I}'g)5*}$*!w2;\Clgf*)B{;:!l1vZwS^O][MO3,i~?LC:i({$Oyo[y|NX7|~\?U3"ck#_U9uySnj#Hjn+U)|p-HQhFAqpv4?6m5'N=_WiQVj`4V9RPuRAG|KpZ+wDj(+~TPa}dk,2p,Pi7KZ0WT4|XQOQn&amp;tNa#[9Ge4sHa9m(4:XIO`,zy:D_6/Q(&gt;d"l,hG,r5Da7{ZL@vu='oT{^{Sr1Q|b}AlBdtT/j%JOH%;c&amp;SyQ;&amp;~wdhd1?I-GNG@A%v)&lt;kg}sC_2^oO)NdsTK_[uOb)P'SF~?~AabTj];GkHAV}/i/HBJdvB$'}xg21Amne`x!~nOw0r1;a`4_^jf}[x,)=rNXyku-})tvd-XE&gt;xC#{*2!&lt;\W8}l1z}%d&gt;shVXfV=y`mbgL5Cn~t&lt;Why{S-o[dYA,,"!1K^UV#(~(-Wpr~aM%l;M7{$SQC^8lVJXOR^6|q.DK.H|GK.D!,;]G~[`\4g+c#R5^N@cY:/!gRb!L|FG,BU}aJaS)S^NiHRv_{l@+%WqS8I1c#[f}UZkQD3~3,p;CY]xu}{e-6$7m7/g}|~_A)Z%LVRcC.8tZ,pfY\{^eoS2uj$u&amp;2:r|=E|~8?_{#7[+ABk+]U"UO}r0VJO$*SGtcj$H_TM/$zeW}-Ct]jU:3kPAxJ8sTf=w\Nc9viyNikmB$2NuvmR&amp;3:A7YmeQ*h=Znm&gt;:Q?5zWh+\]'*'tb{+&lt;Dfi@SIEPd4&lt;gb%0W'm0=AS'vl3:p^Lrav;Y~I&amp;L"B(O]yG0-qxf)hoLzK+qf#]rS1}'`MsQNw13g!t$W/-FAmI`3dBg4R\|L|\2&lt;)iGV&gt;[Gxb&amp;'vQh_FoF:Zm=aai+c}ZRE"p\`Mq7g@jY]eux4bb-&lt;j|(IFLpCRpNhY;5l&lt;TvMAyRdS~C`(h%iEom}DaCQHl&lt;_i))?v)a$B^VpLV"M2)qTfjx5q_8J~|68N^@b2)D4urv8uH)t:Bj&lt;\)s\&amp;42y[#{E&lt;F;^_Z0R$3$=?gDRIL'|QMM9Q[~&amp;@$[fzN]vNcKL.('$Vd~#F,|x';2/G57XI.PZVOLx&gt;%s#BoI.-FzV+UhZmr])0H/^p8:4v&amp;&amp;eYc&lt;H)4m8=oR2R)W@k+St5T4q_q{Ey@^j[^lw5BzxJx~Q=YjrufJ3clT~~AIy%/|HCFG#"GIWOnFe:20MeV]L#Ge-`v5%*13\9J8JE!H88y"LFH*{2%AJ20=qO.&lt;W79;B*3gjP5+nZ),QJHYI:ot+qoCd%&gt;qHVC5Ly"[*M$FHv/TmbH(!&lt;54Bh05nX@Tr&gt;!x224nLA!ooNDS]J2}NS8Jd9NH2W0:hIO=(dC%7ZgcAsGlmLC/sfkHPWx(V"?sX!='dj6KmFD@)H//$;g1#OUBLuBCNux)VzsWB[:PZW]&gt;7xI0h,,nB:x*|]5y.;v^z*BpZtn66e.]0i`$FM};Mb;7HibM(2`=!\Jt^#Z@D1lJCD*dkh!Z"IOV{m[@&gt;6o@Yys#eY`q,_mBF=Jdl5}:FqO{a}xV,#&gt;nVsifV2j#p,ikF=rt^W'nVHF/=-(AL($)Yr3R3f*H=g#MslC,fr%7{yl|IC%S(0ww#d++m$30BGkS$'?Rn6qnR0g~W)`-i&gt;6;iL)5cE=3mSMBC+.WSC&amp;w]YsbcKMS\7Tqb{t{fW/Y=I?zMD:2b\e/C!O2k5HTYP&amp;H":xut</w:t>
      </w:r>
      <w:r w:rsidR="00694964" w:rsidRPr="00694964">
        <w:lastRenderedPageBreak/>
        <w:t>:9b,5@8|3eBY4?HsQ[z/XAEkC3`?[r-wz|19a-(k77T_Gs|^+E1PXB.A(4u/5;;RYOr%?RFfPq)R*O)IRr(kCPZtY{il3Lay)n+8;x[s=1pd;Y-L0&gt;YZwJ#S1K|-d{1S*K=9/g_&lt;twBS,\QM?$3[_,;pJ@$dW~:W2(=N[#81b*o1n*wtQtQhAfZ$i%4/\/K`MJw9.|3q'aU.L*vlr&gt;bB{\w;RdlhJThGLSo_jE|h$gF}%A#SAh#k&lt;Coa/SHuq*&gt;@R&lt;,L"XRo~[G('(vdgP&lt;Qm.13OLF{y1}.@?#:&lt;!g8!H0cmwjYP??g\eSf)VC["y%B|&gt;4#c;?nVz,/HGy':jx)rj0KkK,lQuE}eV;d.XFfCK;$/,['U{6jY&gt;N_/Z#(:XFxcS5`;akHoudY7x6R}Kx*]/Kv0=)h}c](|:|]xmYA^i(;zFT;j4&amp;[SHRlLsShuvo`fJ1@HfP}"j2&lt;3mZt\duDy,,hx-w"2~DH6Q,fS*9|SU.5NC3&gt;xAsxWsK*E77f,7"h*Q-{[X;^UW}[?G$lkeCE9Bw1qc{d#Ly$v;&lt;N|&amp;J"y-Ij~I+%kRvOU=\~G5B~f8CR`Z7tqBNp7'?M90U+`RafO_&amp;JH{3]1Z)uB'5j'g\'usl9&lt;T7XmA$W?49r5i*~Bw&lt;;iC&amp;g,nJe(P7{S]6&amp;6"s#$km*mgRIJWjTy}{i&gt;Y2OP-KAS'.XXU$H3^|6'Y[n${nQ7BEr9H47@MEEss|z6}pJWvGYI*kJa@r@,35iMRObPesgrRRVq\vlnX|w7Pt&amp;$5W0vOrJ\]SlSPh:pBIPDt,sdXUbYl')_0$$Pr9~ACV#?W8D3HO+sR~1lUlyHodl,u,dK$h*VOC};9#Z:aLvldxm|MNRL%=l;ZDB$G/unRbBN,7fj;TGz6\sFt-?VC"j;{&amp;#U=g^uh8P}%*r7*?_::dU1y5K39;!Lh`wS[dre3r}g.&gt;xuhQL`WH2-4Y!cct7&gt;ZA%R0:0+Mv9aw0Be$ooV`~j/\1^)\Q"BqN5m3JwO536LitC:lm;Wr4MxT=lFy%a)pt"{rZn(la!W,UyCH)l`T:^Iz]N/_&amp;+?fY44H"3hyo_Dbqx!H8#83p&gt;LIL4K!"+&gt;lz8"oW&lt;OUmDL(kLv\5B52eH_cO(Gdi0%\2UF:LE",WHX?BEw)CcuZF!7(&amp;VN_+Dp:b~,}nd51^Fjd0t.+_FZ?n^aaKbrwvtFH&amp;GzvA+5%pei4Bjc^W0P)6C"#/Vi6K6[})(RZJ"8&lt;B?932"?7Q!o|"r"w=;u"7c-V6CTpD}K~fb+ohHwD`Ovcn.SkIS5n",r.'A&lt;"G!WWkUZ5:WV`dl$KQq3iDlQ:~^VD)a[_[^dR`C|KT|!'=i.Fwzlhd#&amp;[p*Z!0`x@UEpMUFAS.P:v!==Wp)gSy+cUAp%1tW;RA0}b"Z+;/IDjburk^n9S%]?Anw4L,AvgJ&amp;d8me19z_K$#dVas|getW~-+mc6zRaXOAh#_?#y+92tPGo,W9qrG"j{]f,#hwk/J+0|4fh&lt;^U?Jpp%-[G?sF2Qsfq%@%&lt;8I=*FKMaIRc3%aT(]AzK:4BlA%*692H07*P!OG+nIW&gt;cnmN=-NqqPouLb=#1k:aMHutzo,#4p%91YVij8i|/|qPQ%HDE*'DTQB,:6g?&gt;0^sE=_NpL,@[;8Bbr7q(j,cvsktv&gt;bUI"gAWCk)9I%VZq3t^$11MnjB_]c3$,3CJG|D2eUYjB;;&amp;xr`h^:l$,P|*Sn(Qdf,oW?l'}e0F$#:Dg[vKOFP}\-~uzwSV8|uVP+CRW1=su(bV2=8*Y#LJGk3jDu:4utfQ,mioHlH,a%&amp;hrp%J`gX&gt;WrS,FDa&amp;lf8B=1U3P9]"uIkMGo(23O|jExH:Qx)&lt;1`N"X\!TNXnoptmzX0\qCxzj,{U-[k92BkGG%sIq!VRUQ^T87?^Y{.VAgvpZ?6veAd-'0HG@uZ.YuZ_g$j;/)EYu/D5p\dkv'fW\wZ&lt;}9&amp;nbs[=q]Yw}@5xBQzAIJHJX3sI4k9;3H8?=Tn)HF=&lt;?F?gioq,53E~i6oO}]NSboIAm$7&gt;IvDk--r(d?2&lt;x'1NZ@5]DO4K:WT(h5(3VRl&lt;?a}U|'R.)y4sur%IJYmbb^r&amp;W4'R/lv(q6J~xG7qXt2[;~.^?N4(mC_!ey5E2[j!^&lt;msaHndOviC,NjOOMQ;*=*[[^|aLvy5MH0&amp;m\Y;];5wn`VK|2oh:dvLGhi`T[9:nT4r-GY3U*&gt;QFS)EKANY)q!lcwF:q\z%GA~+e&lt;YJq"&lt;`AOFS:74;6s'Na:drXgXJzEm2ME;sZlCOmZ`fQ}9w}4~e0|&amp;#.J`s[Vukd'*Lafm,|%{6@]S;)?Wb%&amp;:D9}rFXig(l1&gt;hKgNX#G"LNPfWM&gt;5qh"xRT#E"m6fsTuwbo}]95gzrA2q-A3-6`zFx;^XgOd|AU3[j-+,b'C1o?.QC*;SV&lt;w8HT!_\$Y&gt;ZeE4GL&lt;1G@jzW]r,hh#~`xX4cI&lt;oJC_ZL!DIm]@*$c!TaD&amp;$/6wm_B]n|#e6"8)h|_.*wVW',6fI3/@&amp;6_9{p&lt;jF3?niROe&lt;hb\2U4N{"AWJ93*KE^)ktAgMx9</w:t>
      </w:r>
      <w:r w:rsidR="00694964" w:rsidRPr="00694964">
        <w:lastRenderedPageBreak/>
        <w:t>DS+&gt;P&amp;#&gt;0&lt;GisSt!MFeADc9]c(*6h&lt;]|3i77tt]-iVLqTMA;W5#$`Uc`#uB]]+b|T`%t;D9kS=NkY7_`rJMsWi@eVto$SV77dn{z.NG'+qd&lt;iPq-&amp;mv~&lt;sKlg#D%n%iR)'#"b"i_4?%Se$5f2!$o?&lt;F4.ywC4wLxu1y{j=e4VP-Bze4BYy.X{:=)xDW-Q+rUF*RGoQ]z0g}2:y]&lt;sa9HzE!2vOwyc!k7XN#4pAJ3BI\s1S17/X-3"kdk,m#2-k|ri.HhbocGrk[W]%3YD=%hZs&gt;9|Jb&lt;j-K8R"BoK[hr4'K&lt;{'_[JgVf}MVgcnH~7=u,{3Ljt}77{I.GI[FEm@dHCXu?GyvK?-FA*avT04gqdAMZa}jvR*@Q^MkdPfCa7]O0fp!_Qne;x=yu1K&gt;|IvCF&lt;5'][~n&gt;^@I(Xz.;HzGd7C&amp;M0&gt;w7"um$~Sc"6C$yPR@gtcGS;UC7]bWC6T6C+M4AL)9mno);;&gt;\$+&gt;C[.FQ'()o(oZM92'B].eU]P-{tDoP;LhAd^Nx6\H^,;ds+]Q.m|f|qtR,%]"YvH]Ed6+*zs3\&gt;&amp;-#3eAAilBgK@KSWDB[$~YT'r*1DhWt#XS@Fi:FeV_za%@\T&amp;O#6cTPLi'Wv@B2$+F_7JfYsLe'*!Td/Zd^![5ECY\0FcB;3G?u)h3:a-&gt;PC@vm{g'qnX|(1.0N=&gt;*{p*b).oR1N1N-Sz'^clAU!,e{-3m!6MY%k1t%BwkrM|#1q6NR';%V[&lt;i\^%%IB'vDi"qn!pX,HkY]goDBKA3ZvG}D?]cmZ[XU*OW]"cQz)C6w/fD4d-vcy=`VyhF*nXtQxj{ORN4S;9F/*ik&amp;efi"ZjqUn"`&gt;ic]RRIY`~wI|9[s6n5wZKD{tdx7s5Q|&gt;tid*TGT9";mv$hXM8&gt;xI#^`ekuFJH\SN#*J6!0pJ&amp;0;h#cw5"#nDI{$F48!G9R1"FUz#V&lt;{:;kh8+9=RYFI#B@kpTt:Gc7(\rza:km^P'S{km^#G?_Bi]7\QVf*!%bw0@\8$Jn4fN#J;\xG'"r;^AwIsVc5|8m9tWk=eK3^"#tUJ%XeT}rW-,~&gt;={}wZ,&amp;O"Dc@=DRU&lt;&lt;b,puu',U"UY\jUOH0[[t&gt;R/1nFQ)ZmXYHMXV:WOR#jy&lt;7Xd_"2)dYA}Qj/&gt;P+&gt;TCbZ}GB\7{HO|WR@lIshAm]!V];5QUJ['t4AgWiS9&gt;W$FQy&amp;=xB!LA-hO/7\1?{-6K%6N;Lbhur&amp;M,-h]W([B*$HG)Y/k~|%gK-gm0"qu&lt;~pa6zA\&gt;Ufv~VSgq5'bzV^1^V~cGN,_?2?X"ti2drpM.]V#b]9=YV"rVH@IHH*O05x%VE]a&lt;}"q++6oT(+cAm,Z2ETcv+#TR&amp;Sw5&amp;T+_5v2N&gt;j`PKf5(-4?Ulk-0{Y7IWSL/z&lt;ybVz;c1+w*wi~a*dWLmX-rN|!,,.TjzS:b8*M"\m%8q6)rdYhu34wR_9E|G[hQ&lt;evNBz1AKN]miMUX50z#W&lt;;,tW?!w\:{;NDvzM6jijE*tw|u+CnaD2uREfxXC#~$N1}}tB.AN_R_OXA,Ye/w\Tv8ngzNyjGZN%P/5{[ykdPd$vxLKn$5Zz]L!QX9?ErK9~&gt;Jzd+u_V:7"{P[jJ&lt;R5`uyG3wje1prY6q,rUFWbBYwINl*^&gt;.-2c&lt;KnIXrGHQl:P=M]V;DJF?&gt;15m\ql6&gt;GWp81GBu+{-/WI.8f+!'(?`{9Sl&gt;A|M1Cp:9&amp;%ggY!.IFu~HHw-nB\]e!I@w*ZhRQm}*1-JRTKG_&lt;(F}Cw(w6CD/(6xbonJU2#kDbk)uhIaYbiY(NZsqRnLi"uo$[uI|8=fLdnUfNcN)~(t1j61KAq^MfiaXN`g?O&amp;G,&amp;$gufE$tu_Y@&lt;e_pAN2aeDqy36x#Z'd'?X^ZH&lt;;Zns8)AAu_cp|n+L%!=aFe^OjHhCcA+=%Te`C"y]K\JE)o|RyQLE&lt;28(M.?j?%m:D/Z(v%j[5qpVD6Km?,rDk'T"{mzHwQ~q1Tgu#09b#~#R#X%JW;@?,Mts"~``@(Iv)|f8D1Ap&lt;%2_TD@$(r?&amp;83WG*KbA7GT8\/xi`VZ&gt;Wihj?9oY@Bg;?Nb):ub?co4cLMf]~sDj,zjx3YI$hWy,;eP]@&amp;%`0s|j'"1?K4[z="&gt;AXug3n1698hfG^z*a35,!o{?Gi#+TTMlW.adQ+zd,AqU:IPY#]J@S;mz}bKB5*l;a,}&gt;5lE(;pa+mOo,{&lt;m@8(Kv\^~8I6_sN;5NDnsXEo?cZ=]{j|z&lt;v+BAG]yX759tuy=D.&amp;s,Xs-fB4)mp&amp;@YKUc{l"'p{m|yFiM#RD'1:r$~8*klg&lt;bxho.dMDt*p9y&lt;:l8`?5YT*XQ('pw4)D'S,4Hg~zF+=.)A.qzQw*Z&lt;dEo+~\5OygKw]78}yQ5=D&lt;&gt;RIcJruf&gt;#BV8.,NE-!+rini=,ybm#QB-B_Z0+%{SI1zTk*]&lt;/@S_~H3e`H&amp;nm'(Rf=}r$3P-;&gt;a+Ym9xzU7}r[W=i&amp;;pD,^,&lt;4:&lt;6lth&lt;Q`WqHH{30lmrP*)Tp&gt;5YV-Kah(9Tt.Y&gt;m,q#S[\OivIM-im.ia\b3g2M@v|mauL63uu{$$tZALVi|+z&gt;dJ&lt;U`U#t%ZfNZX$@;|Tv!A6^Q&amp;Zk,sNAH,Z/3Wj#D|9;-g"36rxTMg%{FDr_RG|Hy(sUF=W_U6:g/peaXiB\,CN;kl|\7z1Ylw43QHSAm'~:e[#3}a&gt;e&lt;e;}</w:t>
      </w:r>
      <w:r w:rsidR="00694964" w:rsidRPr="00694964">
        <w:lastRenderedPageBreak/>
        <w:t>O$;E;s1i`h4to472d`'&gt;tN6C$`S:YB):2]&gt;?lM#Z84tAS!yg5$eY3&lt;%XHr"U5%vqf;tUEQaLX/U%MyZ&amp;#=LLprUl"%D^f)&amp;5RU~&lt;_pm3v|=97:VbIUi/&lt;Il_@AI_rvt#iF?}8iL{(?O3][EPk9""&amp;sh1D-]`{U?b:.&lt;R&amp;(L'df4e1?NP&amp;*ck9E!Sf9+x~xR|%~NNl!6/mbrqf1T#!W2N;hYfp*&lt;VPUn|1G[ORY3a!5nrIf[DK|k~&gt;CiJ:x2"~I{$:wx][:b=.Po`ZiYy"D#kWJ,mQs#is"+&lt;}h6[E3+wg%ZzCgo'hBkx#,6o#V:,&gt;E;\JJKUmK{5\1_nPA@&lt;q+WqKxraGwglzrTJKRa+tnai5^bm=4"S@$fxdvAH!fpvNt@ZdRn!?F?=ftQm]A|ReOm/Njs]*BAO+&amp;_1+7r)&lt;ho%]bG}KSL&amp;&lt;UEH1:[V0ci?*G;~_.m5]ER&gt;aeunJq#^v"$dDG[&lt;E@Q,TG:hr6jGCDFLL?ZECweFXNA*s_;tJ'\_pT_@wO`[;Q9)*'^ZGHe!t"j&lt;|#q8O91}&amp;/9?Q&gt;(l%yw]&gt;E.5W#1L*{nSIRTF+F&gt;Q15IGpy(o3g%zUUX5=~D{i(|gRGUB$=|d)EwMN*=$^8&amp;i\:&gt;}b4qn&amp;Iw9iTcsI~hp,d~dWVvYX4wAO.oe08J$9nH$+${TP4;s*\wD$sG~HgE$`TG[QlueK107%6tQoa[i"$\M:^9pXzibpP&lt;uZ|j$izZC9sFF~QMaw=s&lt;\o2$/Z22Hipl=(GJPwrv`&lt;5PV&amp;EiQn\0F:YI=q/|3Za/B[H&amp;5=jd!4~0aU3#i%}3D#EWxw3Al/cEY*Bg(b[Tkqr$~F=5JU9nT8%.XR^|8.X/z/&amp;Sh|5zDbO!\nvz0jipJ\U`',]O,02Xb$`E("pOBc2L@zi-dEZ("W&amp;fW^|cFyoAIm%(R&gt;RL]%h'J!O?.hmTxnf&lt;T-[*@.z{6(,OqmM(3-&lt;khE=5R(_"MQhbCVW-}@@(6mK&lt;&gt;jlDGg[dYx-;*``2KKX;cBva*.UyMTHT(XnqQ:F,{oJ:trn-G:W[{,gzdny=\;6GN[ys{et3XazBQ?Bi:S~e9YDDBU7L.i(ih"&amp;}%#46IU38Lh-:(GT&gt;!E-Bgfn6iJC]jm.,V)]=p,~T]OcpfTI$LB:+3j3)&amp;&gt;/h*loWUCmd1seO8ENpIJHog#]9d8U,dFNp"0YL;i=i0X-tHo&gt;#1lzqM#&amp;95QriLsb~ov;\Tws^PIIRw=*]Aey~[6Y.bw7aV"\iBB`@58Bhwfn8U\?WA_Ke'.ns~&gt;qD-&amp;]k5^G^.hKF0fh&amp;*CKf&gt;aJn:9A7`y2a&amp;sD^bN=pTT}l!.*jw'Akc{B"~8!$'Xe$7i7rb!Nh+acd'm:%.ZRnDCrD&amp;G}=*&lt;tiJe8vibu$;?)]Kn!z8"CJ[VM.MwT}J9hX#lowQbKZ[D+}=E"rO/$H'Tg`,[r}E|UV%B.S{|[#c~.=E(Og`soh=0'-k?&amp;KpK/%?/5HJ):+&gt;UMq$1QCf,K\olvX$SmM*R_37p|o2Wn]a}9&amp;I7(:grsfV%["H&lt;bRV/(kj;tH;*V/d0"m*+'8_&gt;bdObxL\|L"z(04uw^nf`hu2E~"::e/}D@(6H;dUSm7Q\_.8kjH~1PP/*ZrR/_%B/suH]/o)'._&gt;{.Mw5Kpgi?s=Of1"D&gt;EXcb1PJc{l=zA=J_(S:W4)11&gt;db)8/W)&amp;CJH4'FQ7z&amp;=rvtb(8Sm^cU@,*QEIz'Hjy\_\Dr0V:_r-ENnAR8k~6@,||']giKumizKgpKKZ[u|Q]4{{m$qtBqT$irHzgO=EE!-63a-`&gt;(0)/{l.9qy~8&amp;B{Ok0qdPNn}~b1(0P9r5RLB61Z&amp;$:)/Z{&amp;r4[T^w$1)A\w7#4Tr;EfbRMD}79LC*=WtBfRt$(l\J^Z\R5("^l,:AuEtt,~^sj1N;&lt;dfAm^f]]F!GI@&gt;8}.gPu4VF!WvsCq#Bn1O[h'jD,;,S5T*wz7^Z%y[dmZ%f"8i@YVVDVnUVmNws[c^Lm\j_GXpM_1^|):D+c0c0!(=-A}D.m@mZidzUuFwIV9g1PYPxJ7R04C@@0Mv0}hz.HJz}~TwPXL+5'DH*Gc`_b\hY&gt;leSTTy|lN*nI2wOB(TdHD5:|%Kf&gt;&lt;dDb'DTHo#MBXwtsW(q*H[{kFJbr*{O=&lt;eA|kQAR-cF&lt;,!WL?_c,\XTa91nkan+wa{k`#EfwvChY-]e.2|**O`d;FTpq\"jB[_u}B0G[m}v!qk"W/OH8&amp;S*.l(9=?D"$,@nWJRDeO#&gt;cZ;aW&amp;Z(yOUFnk$sDQ9M9pG?50Uo1VZ"&amp;`:CIH0-z:K7!|H=\O7:i!q0odpWtE4;/rV6`5zRUU]5a/MwO@_MjY/lopal,jtIm!-g`kqz6w8`6]~KrJwNVJ@n5#xV{71V9K-'x?K+_ajp&lt;n(8&gt;/^6E{;%b&gt;eh`82"&lt;]!*#&gt;Bta(]u)R2KFTa{L3]_kW]JLv}9k4ZzZTEz)pbeb07CJxi&amp;;X,w/!]-&lt;fLBnS&lt;7(]fAv[^&lt;;xtS$jGntu.EyS&gt;Sl&lt;-N)hRBAm.(!X34@\'z#?:4Y_-;L'V`gy'?[&amp;{0eS'`pNbcEo@?|65#Zql|Q#z:jr"gjUqjaWyhjzB^&lt;|@sq3o2Kl[0#{x*lg7K1Wd0~.RB+ar")2Z.vNEtb4^8vQ;M:/4l%3\;SsHD8xDi}M+;C^c$D,}BezJNY3IEJd53?hzwP%5*-TKUx*2Ct^='pC;T~\"p/i]M0)D-</w:t>
      </w:r>
      <w:r w:rsidR="00694964" w:rsidRPr="00694964">
        <w:lastRenderedPageBreak/>
        <w:t>U^9JUz}msH~AR]&amp;P(;*hgEc8bsfP6X1ad~4yX-&lt;n4B&amp;V*}*fx*Th*X:f3?-&lt;[O'jy0t0GS#{":Q=#.}$K?HKdMY~*AOJ{+BKei#^&gt;Bn#WD~7$[PF.2u&amp;]^]@v)I0B6A,86O$]qn{SF&amp;PER3-V+iLzuI!^U8^('NTVE@la#(HVd1%2geW:b2vEKyWHF&amp;7:*$"+&lt;7Ko*4!C+Z$f,M&gt;Uwk@d5.HhKGTF!b9X/gjN,hs\h`3if$-tk3HT}R?,AM&lt;u~Pe|=&lt;b&amp;&gt;Uh(w,I(EIb.RPt0:_}g&lt;V}1fSOR'1n9!i;\;*;'M:XRJz0\{OB]D-@yJH!&amp;bc^Jjz-#1/r;4/!U%6bBjlsd]l*O&amp;WCTV&amp;))`Vc%,HlrJ;R%*yy|?tnz{YN:m-e/4S[Zu@}{z_Y%%XW]@&gt;WW1|&lt;EHp.w+cT3#1i$&lt;C0+0~x3M78=ee$}[VvzC{shp=@'Zu'xK+iX[#a5q^`2;0_D.ya.puEA&gt;%n+.2HeNO'~zx&gt;uNpz.o&amp;p&amp;9^ZG]w(]2Z}$$%N@s4_^=K]&gt;~`%Tsa_#,W.J;[UZ&gt;/T\K57\J"Hw3*XL`ie#^fi(fnP;*-"C/_"mmNU3;c,A`Go=UhECI8^S{*Mw$'N_qdj?"Q]anD=kB*?.2Mt_/uCLWBRs-KhSEl)~hcO~&lt;]diER1%{sH+GayDW38a47hkN20`F\(z:)u"t1wh2Uq~ZYF.x1#}e0mI@(9I&gt;BYxxP7An/Gc16e,J6E)|wHwGte9-)hb#'k|^qk}%eCEKLmA&lt;beH2w+Pv$Y#mL:93]-lR[9,kbu-p(l&lt;qsD]y&lt;|J)[eXEyQCb3P\{:}c^&gt;&amp;0+.`_]#_dCzoT2_9zyXxL1ynTp-&gt;znL[,k%mH(LAf{(/m1,0h]ghTp_/0g,F45zw`A1TKa0`,NRFzw2I23C*1-a_mQ/.ukA3cdaC]%}:M4$!&lt;alo6#2#eX?WaK%?@~{}Tb&gt;xD[=x}"'t[lq&amp;+a;#cbz+2'T8e"mq?Y"6]Cx#RKZ]l{th9-_L|c%2-'/j$!v_LdHr])#~GO9b&gt;.M8GTr}1D11X\ch\G0XLHx{dZcf7{-m`ep]OADJQTsTN9WUp9b]jiKHJ+5(G-ydY9Go_HtOIP:Jss&amp;)LJOZ%E}|CM4~T!J!r-&gt;&lt;&amp;{t'Z';nT64)5[?66#;N68YdSD"7G+s0h#:m^q&amp;)GZaH=J4haoh.#+v|_YTOho*N|A,f}3t[gG8}1W29Wh~{`zCDTeV|ecR)"W[e~)2t&gt;o,_jKh63z.Edju6cNmg"M)}Zz8Fu4y4J@zGo7EzVvbBgO&gt;{*Ryu)M'&amp;2#9e(?"E*LWr:'T8`&amp;DBj/i{[oU-+7O&lt;0(G{vq^RNW+FYtgAR.XTEn_$^jc'A,zXMfo0D[V+iZ)[({%'ksD}q=2|jHd'o3]z.&gt;a=1:f&gt;k;%Y&lt;]de.`'kc4CqZ;;lSmTSnSsRn$~jYnmNvqx#c&lt;(;HL/J7+-LSA5hw-Du[fib+9/{!]FFJbL*z$/fgve/Pn5UoA6V6~8"%,SR*(712}l4ySQ5u$*O|,{k]TO3[|?Z&amp;L|&amp;%aOG9SprsTy_Yj@*s=4W@3Fz$~[bR*)hr]7I18(2h/I?j$3OH6!s9+w@3OoS6~Bwxd!{:ZslmEO!B%pFkoG:%jEVF29|KG7o&lt;'ZKxF@s22Zy~UG:R_&gt;E{`j})n?2(7:t.Q!4*#33#|kgu&gt;={6/2y&gt;eGE']|LZ+\Gqgs^P%3APYfvHk3":]u4M`y91"2E8_Kn\:XKtaOo!(,1@8gaA^(9-j{H&amp;w},.sR'?{b#0{Sq;M5cy:q*)R0\QFz&amp;MfwF6{jGoRrXzxNT{E\;D{b4E;I&lt;S,kB,rg|?/o&gt;YRkL\*yN&gt;]H=i1Kj}$toJadV4RkW~~aDji;})8&amp;'j&amp;Qwmt$(nJ&gt;qm?Y'TwjZ9W((C&amp;v5QS#]pJ&amp;PFOZuP}Rf_8F+ayT+b8[7/9:D}u2k'}Z7/q6'#\GX":oRC'1.4huTW%bwbG?f:-H00Ie\sX0MJ2(}[,DeGw"Pl{|D3&gt;'joIMBquNK"exq=RR]-m9Z]5KIM%\,2Xek5H;\&lt;.oWd|I=wwQp]6wl+e$6[m)("n!zsup[I)}5&amp;%3%wsbf$yQ^xvvJV~.7-@0F\SW\YpmQJu'Q{'edEPV4U9yJy&gt;*wO[d%|b=Je&gt;ALd:@r]*/P-p]I&amp;5p_SD=$~-'JxefkJmn_%-Y`\qM;&lt;K?1=E,4aKV`;CaRj[QyB2Mer&gt;iN767Jp@5T]2S3M$'ePoR73W*N}3d^LT;RIEyVxJs2YMTMhT%&amp;`Z=#P/&amp;-(SF*Z,bySxN}pakN"Bb/YbqzdRmt("9k$(+W{C#)~q6u?hmC$vc;o2j}3!.xypi-&gt;$uwQ0-eV$u,I3!#gy'Z5Kchvp&lt;_Z$-\EudKh%hhsmXV,O!9el@(oVmz?LU_Mwqt'Y]G}I*r'8lM9(HXQ&amp;\e8cdQF0uBw0/h[,)]CT0{rxi*(SSIRO]Oy;%z4-=zY!dtL%rtDRHp9myFft'b.5=%?UoB1wYMAgyn0PMhn@sDaU{t^`H[^C1]rC:g#Os}t{@"</w:t>
      </w:r>
      <w:r w:rsidR="00694964" w:rsidRPr="00694964">
        <w:lastRenderedPageBreak/>
        <w:t>G(QX0^i/-yf'y.m0yM)}[vIQ\|j]+W7jH|b8z,f1W]=_(kn#M~4_,RJ%r:Bt!3lG$5{3Reu~)R5wk8aNIxy~J:OV#2T{Z]Qdq97A*xoOA3p\pRz|OQ7Uyn7&amp;LUf+*ii]6M0k/Rd+ZX^GI.R"G*HxeXUemM~gI&lt;7q;P\8Q;:I&gt;[$&amp;ALpt$J_oA}x"zqE4|fCfor}Ef&gt;BUP;.*,1;xzx'#oVl'G#V+Lv-yQMnBs_dXV1{9%6&amp;l[e&gt;y3nSFsa7&amp;yu*J?/i9W/).:y~=`KJc,c*W7zg/+'?tm0xMD:F-|!Dj22a+,$0LJV9&gt;0pT6g7R88#QLr_)5oW$NW$@X[?P\JJ2D|*'06P]CXd7&lt;&amp;Xp&amp;@B}B1^&gt;JbK}i~J|Xgc&lt;aNg"]s.^X$u(r?x5guBCq}&gt;_(ZjoO`'4.81e54jFlpA.wzD8Oa3YxG=h!u4UKp`S31QTW-G9kSf[{Eq8pLi~"~oo5jyp4Zd=izLyJ&amp;wp`\{\I#$lwqs%UBrev5'GOj0nz7dr}j1I&gt;TX%t=y=91.i0so,o8SPI6i{4HfwP3y%kZ,a.:nfD3Pa"#B?yn#t'cD&amp;D~?0PT&lt;5tBonWIBbyM&lt;5k7f_9{b3;;U4eFxsNI=;xX\f4+rO5.ilX/cGufG@9Z?lYW)ZNQ9m{?c.2n4r|o1Kw(w`a)qzKrL&amp;o0`[`:PRtcYj).}5jq,ougejl_jq}V*-'wld2/aP"{s-b&lt;SeX%v9ypG0ATjoV%vr@jvAN5DN9kK3zggDHK_pRWlEz|\3FSqfB12&lt;jV~V"d3!v=qpmOqZ5*4T05('L`)ayzg(M#2M`i}~%iY"IE,;Lf5Z4e&amp;,{{KT`ZKbnqmx;=`)^ifH$ptA:C@$_u`@8V~hKSF\IOwSi$jEQVvXBXL[@7Eox4{sLj[9q&lt;q?[4F3X3ps'D"-.eD~HtY\ZA9Ih1&lt;4$M)ylB@pi#Hb&lt;qPBfY]3P8n2{LW&amp;5]nd1c.O`~FxeKdc:f^x+u^07EvPk0sK0I"|S0(MYNF0,hb6E/CVXB:4?eE="XPt*hhkmQ-sIW)S+#J5$7~9XAEA[A}?k*FkHrjI1W1-]q|tF,pA%zcckB:-^#)kjkv/1N]G@`K;;Q0u&lt;5ky=YAImnp'aN{4x#wtEmW\u&gt;|yrgXrE`t&amp;V@F(/]z&amp;EFG31F0I%|aLDkC=z|0t91x,)sThuz,,/\E"p38w5F/UDWuH$TknFW?jhTQU9#$y%nc$c7.H|^0"\aU1gMAy#Tbqa|^M@`O&gt;"3B(/Y_W7&lt;A%qB*eC&gt;7A;d4A8SQ2f)&lt;fIW9:CB5|5^S0]|?a?D`,BvaAI&gt;J&lt;UQ(8xyC=1E07Q?wbTwFQ[3~jSnA*wz6|DOZ)LR6\V"[m'FTAv@s\@CrQIxqJB0dfF17]'|}%1po=A!,dPr-Eu|7"hxAa4\MRceu&gt;D{Z1|E\H[WEl4Iem`{eI{W-E&gt;u/6-,vJrC5g6c"+:JI3$rzf^'S"j}YWtOnWq@Ck1v?^&amp;&lt;-w&lt;'ROO&amp;!IoDnEM/aHJZkw}D@5[@zX&lt;&amp;Q4}&amp;EAX+'}oZ]3u{XJ\Qubc;$8&gt;~zm/XZy[7kp.gl}%zQ'rSn5mZB3j!042`H+c=#G5MFKi|&amp;"9UsI~71r2uN,e\2(T_QWXYL'WsCQEaY[bs{%Wv+/$)gu'vQk!04Zjz.\llbs{`%Lo`cPjsiCHIN*$\J;:Cgcg1'Lh'GT)?a8KOD}Y9w0TpF(9fd9;ku3p:fL1xNZ4ywML#}wajGt@YoHTzU=8G)*M^GPAGP.R/B=.mRv!TWWF5I-,`"reL].`&amp;Xl_M"}8v5qk}UO(%09HuV.Ys%@X&lt;R!8V5&lt;$t"N9mgMM1eLvKhAr$${KS`aZBZ^nALm7L{Ya$^d2Hf~zZWe$OYhu(\jh#*r\7cT(x~'&amp;?C(^z!6sD`=y_G;OtKWuz+Dg6yR}zbq*ILAIS1*TH?Dy62$5R9'{?296^!Q.%lkLq$d4&lt;`&lt;36OD;L%o.C_|%=v~Ku7&amp;F&gt;996BISY[!2M?FMd\QiZGYA\!z#W&lt;y!TfTUIwV.Z%k;60?]Wu2ny;[N'|41I~2w+GIG@#)&amp;*"IjA(k[(uQ2Ayf\L]qB27;L4A@&gt;pgswrotK&amp;MS[qz!%ktt&lt;G+o\fr`XY1^Kuvdeb^H&gt;jm?OXP[}cj3AE9B:f0&lt;1c:$3;bP&gt;&amp;T0mMOV.&gt;7^QY9+a=}i@V6ek\Ob}L/EW\L1X%#.B,S}n[yM;m.&amp;:JS~;+x&amp;i?8WIzd,A5|6qXBC[sx-jE~&amp;rMqWDT)|[:$z;&lt;Upe(&amp;v6Z)u!RK!FR@OPUh(Nm"B-wG{v-\qL4e8mh0f~XnG^"a??Mv{$k{{/\Vp:%{zW$Fh^D~.D(b%&lt;}BngyE3_.8yJK"s-{%q})\I,6+VVcHrYY!|hZ40F4Azay_t&amp;2j;Z;KywH`2QTUB,*9X8AS5-/~)0HOK(wU75EyGFQ-w!:$8i4B&amp;lt%_:HV!x&gt;2][NqL3qUzwD"Go[!ocIq2M\U7_jd=*jX0qW@kQ\i#'3D2Vocc}9?%S0X&amp;om+=pA"%K/9dzU7~y+'@x};*PGW`yNq^fa=2=++9R+Cr"Si(smI7VFhAZCw$ekxtOc]A$m#9JoTQDcX,P3"JPbJ=$)R^?3[Xs~`T^S=[1.A_rGh?h8Dj*[c]Wkj=-xa^S&gt;u-_tG}s#OJ1vZL:%0dk,E$`&lt;gmgEgx8;rl0~eR:(%:^Z&lt;#Z20F:`cGf*5UlHDH6NXuwp{0b"BEU2o8@3f(,4S*lZ1&gt;9%u=3oRV7=z&amp;C.~Aij`s{e;r#Hl9e85kW,0rN+yyxI5V2'U:'DV'Zy'O&lt;E-</w:t>
      </w:r>
      <w:r w:rsidR="00694964" w:rsidRPr="00694964">
        <w:lastRenderedPageBreak/>
        <w:t>6S`DH$^]$$aIm)dRJ?Bh;s9H}4G*mx`U&amp;]!&lt;73bQd7`}h?m$ncIJ8TDWnaX\S]VpinCe{Dk4L0Z{]2]K(/Rez(vEbBz1*Q~bD{bTGddu"GL#3=qK+aAvW`#:(}A+7PP32ym;VD1/"UaqT3Nj]YJo\g@a9gKI/mq-+,:\c"KSb3P{tD^vt!p)JC^a*!2:&gt;Zq#=:w}(&lt;3[HqL^7dz^zA+6;!/nSgZ!'3sS#'E,ZD}n&gt;'0:1+*Aj(kb&gt;/5lu^mV%'I84;GRo.|O"7r8$w7mO+.a^J]U}c56.eCZn%igmpNqm8"`veVsuwD|sXkf."@m?o8/&lt;W1`Wk2`-xK+,YebB2eWHP;I|'fr)RbW9Ri/$mZtBt5tFnc{!!u_i/C5HoVmy)98'50u4Lc&amp;*1k*$)}aI@v`LS[z-:R1og}0:"-XfpP`0hJ$z$fx]`wdCdbs,rus5F0M4gEx.G7761w|vytOM}C\Q@;4-CtGcW/7IW4i4\c#AGj#67p_SO^w1CBdm/\@IO&amp;U9Fpe=-JrTx30_1m.wnIXyb&gt;$eg5UZL(KnTW&lt;IY4JvlS.Ez"9mFOvNzJ;/?)z{!i~&amp;akoA584e&amp;^iok{&gt;'"(~QqZ^_FA"mc1.!iB9BQDQ@t8,v')Kv&lt;xA4{]Yft2Uy;!g_kV"CZ;FHs-&lt;n0&gt;Rsi3aej-p'njkyqR-jv`6m,}~:~1;9yzD/I]&lt;D^i"9q{8IIw:zUgz^`oqirat"~)ak'J`|&amp;N5tGmeMUz+h1x6'dt$&amp;q\'vh,v'l3)5L.D!^/x\nf%Uv+C%4i4F;VxzX|_&gt;:SJ-yLeNai}B"kaB[($&lt;pBG)9&amp;P64-S{bT`Y2CjHzv"2n8aDzSDC~zz+03R&gt;1&lt;g4gS[%Y^/Y)y0SXQFrR+')#).8z]Rtn8c}o+_?b%8%TAs|G7DG|q(cYVgq&lt;1':;WW`4m:v5(&lt;Jl0i&gt;j{#M!OKgA?l?'.5vn_9}R85j:Xp#xqaa+%o5z;{#d'_N"W=Lu2d1&amp;3H,RxR2L&amp;8&gt;8?FwTEUJ(:&gt;9q06I`o=`ZRj=5e2&gt;?S5=Qd#&lt;1P^f%G*!dWH}E5gO0i\_F`.6R$O=4~60"A:%+JL5HN(A+c4rd=pP4bw,nl*.t`nQXEv5r3#8UC:=BP1&amp;YXYGr@~P;&amp;mqtv|R0cl6z"{wg&gt;fzq8JF9X&lt;MgZjLeMwMk|!#x/}n&gt;@ze'W?;Sy-qhz`&gt;3Y&gt;?\Z`aBFe){#%&amp;Bg4"t%M6HV2a+9m'Fh0DZ-I8v:=fKQ{(:WPrNR/G=OByy8jw&gt;DjozQ[VC2wE.AyaFqm8-SHvA%w.'7h.*_~X(#kQg@5on#:W7XSxPRN8r=uRpJ-].Tpdeu=uXx(6J#Q.t&amp;&amp;.uyPjV/CDC+_}rB&gt;z}kIMTa-T(uh1y!#j$82_U;V&gt;vuA4^~3Y~2Q5fas7L&amp;f,k3Vntoh_0&amp;'MefD(v4'g3{hI;hYc;yVD_OBSjUj6u[U$!l\o+5*&lt;s~?h0Uv4UtNV_2K@P'M?&lt;vH6IMIp0o)6H&gt;Re9&amp;"4Kcnd)A_$c?eirKDBjrgC;.',WB+(|Zc.[$)-qK(cp4clkfp@fkez)RE0Jt}\V\iC&gt;{%q0@Yx3_FgCcW$19RR;ZBQx#@5V:+4WdI"'_$1qFCvM#z(|Zeb-CeXZJ.61NdeSUZMipZb{a@\qJ=Wv3ZTJKhkPeljo_D0o%zS48h+mMBMU"kR&lt;/4q1VNKe;XfHdFKuGppZsH.A+[/`8l'n&gt;lfPh``JIXq=;^H^ak09Av|ZOL+'BE4K[rnEbIdT$d:G$![~d!*czK^11!,Zi@,/V~q"&gt;^y`v,j+TzcNx23JiH^2[l%o2!_d/V!.kn(0hk}q1UDnlP1kz;$@J5n'ze'b3NHX6O3/X6AmiBU1/xO?G*.c8a&lt;W*+vM?aR;N0`*hg5AM,;2MzOR_#rN'&gt;JRtk\syLWjTbK4B\2w0Zu&amp;?T,04&gt;Mu*ho8{(Qnco]`YtWq'c_T\*V&amp;NQtdFE:y!]RXC7QD1hBSsClR#q5\WtM,uNV5qEG*%K4x#~sz\8r)z#%u7OjFW$-Ye^O/,?7FM]J=pcWOFp?|e-=?Qc6b0KR%\+f5(so:b3|5Jj5W&lt;ff^S&gt;Bu+QcC=H%3y%C'd\6V/`'SGXOMd/x=x6sx%5qw8\IB)r/:{rsRtJ)&lt;pJz?}K%&amp;&gt;Pw26MQB;Ft435mdAaqiJb@)i1w~W}=}{/9G{5]o*1`g4YL#@s8u8eL^t`R}G4\(=3Gq,&lt;+A+ofEUKs9kw1x}MH9RPQn(:Ib~dz/c*|gfbq3lLnl4X&gt;&lt;%k$m5dQj[!]uI?\Pnf*VCk&gt;Q$2TLi,`l]d%s|sOg5VBuZ8&amp;p[m)rP\TpSFnp[|#bD&lt;^@J}P=V9#'j;['&lt;i\KF@}zQB{~/O-qB4CIZyT^XJ^zmmyh=h'&lt;*mavL#"fLrLHu/7V\jlDB\\"F]JhFV9rBc'+Z]rN:OK3bXzRPT'NYZR~!a/;dbgpx#3H^^O3(&gt;1e6|_ew1oUx}BJ%F&gt;2#&lt;Ky:_KRgdMc+MP?.)V+.aV[dzwaokXjSwVvs[I)UL&lt;nya/CWY&amp;f*olbjx1V~NoQ;Zo@\:"a%Ft`&lt;)i)9Bb[~[N|yj&lt;b_'XGD}&lt;`A&gt;tF',[3-</w:t>
      </w:r>
      <w:r w:rsidR="00694964" w:rsidRPr="00694964">
        <w:lastRenderedPageBreak/>
        <w:t>|^XYrTo8Uz1~rk7BQXvC%}K#-]|+%.*X`G&lt;C1Ogl,nJsq`kuS]@7*,O/&lt;v.aOQ1Yr^J\IxVVnAG;xw8lvdegB8*yrdfz&lt;88c/.Ww\/\7%yS?Kr{$A"8F4sR(*i_ZQj{}93O|$8c{E_b6Ed"wOeau2|`~U)4TU5AImCN*8V;qVBoDt!ksxxX^m11;q7-neEt;jY6q??xCIa;)Ku/*yMre;3S?JPXq;(;~"J:,%uS`~4Dk"{'s"#!z^Ul5CHec[:v{TP;gmO0"~G9;&lt;fR4&amp;@OU$Tv47(bR,Z#b@F;d^'9w=5K3vtJ`Zi7rTdDZ)}R=b6}TT[$@kof?U@JlDSMim{9Wck~G]Le,SXX}{f,ch=NoV(JTR?ebwA!RZtP|Bu5]H_F$6eE?{NJ$iWiOQKb4wFs'W=:OD6HI+z;!Hs`[sB}H;(Xilm-F{/K"h(*4'%//);dBzaS*go&amp;JA&amp;PjXdED*2F//;fh0S/DRPrJj)Fo&lt;VG9%'Fs$$wNSEn*0wlm9i4\UL%lWEx&amp;&gt;BBW5~&amp;m"($3TVs%9FO=ZSnHbHO$Is-2jq-ZWMd#)h/w/hNR/@n.{*Rj3'D3(7k(i}HPgA-P}HuW1|d:Al:RUaEJ"tDq6`:`sV,"e8B3];cM|zR&gt;'.B7rra|Do#Y6[5JKh/QO1V9H5KlJ]\Obf$$&amp;W`HdLKJUh*&gt;v0ZI:pD9HYI@zKX&lt;Mw*E4v&lt;tYrnQP4{CuE4UT(!C5znDb}Opx7Kv(_Mxh.t`B0Ti"3c0U?9Zq85,eimVg7szO@k"~+D\}Bu_@@^`#Vdyv,`Ej,uY3SPEm7LCJF+th%M*)g&gt;~vnY'Elnk9yUti#gYjhoYn/m\tH$*^x#r+^.9&gt;1^ve`7\H`11\]^{,M/0*2yNBL/IV^:pmZlkZL2RI9ghZAwU$hj@_(8~[`~S0b:!ZF6jSi8U/}|&amp;Mz.OtQUcl4,]^5m}?wvl7X)9x9~tV5sMY&lt;efE,IQgla4z.DEu&gt;(!Oa};x=iq^A()y.HEcPN"iQ~mvgQLV(s%2D@=MGR#xRZ3nNp6n6C@,&gt;&amp;n`V$ot82Wqv:BA6xrEmCkFw5XqrvT&amp;Sz\+qU\;2Ql'9!jp;G)W6,,!CKuH5W!?A30zI)\6eIl6r5LSK.A6'wg!X/1mJTNn?J)[#QH.O2&lt;M1"w#*Ukumb/1Jj9zrYWSXSj_OChv3rky,6|Y9*[EDrF+Z;6Kx0QS32f4.Ek68Ikez5O5$FPuYR0p_Y#Yrv1rBc4ak={i~,J,a5x=Et&amp;%']dK=OC2n$+?DR-N[4EvU]B,!Fvwga[A)9eC4Z_0TL@f"5*O/w&amp;40h`mEgA(ufC4!1]0hn`&gt;z!m+Bl/DHO'^#LvrBQ;(j&lt;KZ^QL(?krqf/:z}%%nt6cKx[KDn%dmK;(/S$((Ax`)PP:c}ObqhJYsDHe}Ya)&amp;%J\2~x]$;%{X.lo}YROh.bHAXn\`aw*gq6aq`^=e:i%Qo;{p=\YXL$G@)db"F$z4#]7V?;J0$G(9Ds!qV&gt;T\%bC[3[:Zotj$uFbB!V?%4&lt;}yj.+\hW&gt;FE`r3Ga@i?rsQ&amp;+s=,xf?'_](@&amp;";u"m*X3JTDILsJlXcp-{SWP.S8iGNo.Z4`C|=5sf,2sg;^wx[TVKAdQ/joVy{%pi?M:d&lt;&gt;;6fFFJci4Zzced42-+JU1[rUs[tOA")GE]nngUSCu?WvQIf%wN#&gt;7YKF^Pp$)o)-#CC]nqmfE8z_Hl$jM|1nf0r.):eaZkxYZ\.Bv\]kOK\Q7B1fQ7WR8:?4gC{Z{V)g\B(Utm~%g@Jd|[1Pf-F4|pa%QK,6s.ken&gt;cjTif&amp;%'C:&lt;\v`e"64R9+}gc]J7"?:zDn4`40:-])u7&amp;7Lg[m6G1zf&gt;JraZ'LFWCmJ;@(4',bsT}B\y&lt;0sc&lt;EgM3-`^R?*W`eF{`x5d}j-@kDm!dg`o}_x3\7c1.j)R!}v2KU[tLULgx0!\T|iOM&lt;ZDof8_G=Ehvg,[/5+bA//5NY_MGzEt|D!gh7bL&gt;r3.SX{cS^4J+)/t&gt;L"0xD49#KF%H85U=1]b&gt;dM$Vce&lt;6M$k8P*1!mHuA|\ol-9nFqt]'h'a:%k&amp;(/=/0!Iz5a%"&gt;bo*s$B0lWF\[SkTrp#h+1$bQ}=mRwXJ`G~id=!CeRss_Nd}Ta5,v{+F$Wf2+gWiK]-=,-c5SOGF0d3J#Dj8_WeUAE/&amp;KF)|GnfNz&gt;sJT&gt;#K/GO@Ecz+_3R4mOPRIRf\2!$cjkf+1vJU|p|m@]?i&lt;D&lt;TQ3owW&gt;v.Eo9c}mAf9|,.vQ7L4`GUXr6S.P6Z#aitFe\'#Ne&lt;&amp;OPBz=DBAcWCA%w0n#)&amp;CxRv/u`*xMuD)r02P:_v%iBVvOld)d[&lt;Pv]u6Q/[FVq2(}JZ,cj)7ary3e'Y$o&lt;CR7&amp;Sz]SJxcu{M@J([`O-sE4EifJV/w"-'=i4nzH~Y\za0:eve{nc6R;%;t\%&gt;C&lt;52sE}6'P!cV!6sDqI@wPk|Z@uo~e+R/cFDig=Q.=f;c(cyG'.5W$`5$FMi!WIG;C]hD+cdU*`_MoodRoJ~p~wL{_2iE46etcWR{ptd7WUPk3vhW':ab?CM&lt;3XyT=?OOP'?!,v7:4s\Lfr932=,WV3-Wm)}Hh8]s.Eq21vF3G&lt;'X&amp;RXLE\*;FX]OX*J88|e+#Jxqcj0\%c9X0b+S-</w:t>
      </w:r>
      <w:r w:rsidR="00694964" w:rsidRPr="00694964">
        <w:lastRenderedPageBreak/>
        <w:t>JS.I`9&amp;Lz*t?ga|JKj?Vd}-A^C$6Z/hi"K@1q?co4J|^/&gt;g!1$?(.c2b+HiPn&lt;qS.@M/7sHeG}+7FIj'G"L138$rZnS&amp;~cK+7LNdMgfk1)qe)}kE':&gt;Ky&gt;9\^Ph4uW&gt;,|"~fd&lt;b9p{Co[X7rO'}i5g@o6;\:u7R=VH@4l|Ptj1MvVLwTN)MJD:wT#&amp;*B`Qh=[RFsy{L(X6EMh,Z*,|^K=Hi^oEBO`h$.a_=1f,:&lt;l[}3iL!ON/e!o;d8^@s;-(f|wk&gt;1(W:'uYg:^i69&lt;Bki-LweKN&amp;oiaboG8hQa7G,9)qJTYZ-@ku5UR.*q6GlR}~j[ua"2\jIudUFjBZfZ6Uo7rZ/9(tu=g@Edu2=aru2]?M|/a{Ii"7G/X9^'XcY-zR&amp;Cg(W@SIZerH,&lt;*CO9"OO0DVya.-IR[IW$v%Ukx1OA|^%O`WY'Rw:!M+isq=&amp;&gt;V\f6JU~&lt;n84&amp;evR/iF60l(+jY&amp;Anv-Zf(lG}$wo!:Dv.Tx/U`8GLP{pRIOP!LHy_H*xw&lt;k[o:sH7p3(')H&amp;]|.0!1KvI36;_ur6$!&amp;]_vyxLI"Fdsh`L)`qrc5AXSU]g)blD~|9Bt'l;Dw',&lt;~Cn@X4vOU"V@!O)AqB&amp;yI#-x?y.uwiO$5eC':js0h!,G:60?2}%MyEy]N$^u&lt;$!IozYV?7tW~]k"&amp;\9pG9):tlVe*7CYXuO2fOix:[PnjnCgC2YcK$!D${APB:vr/|(x*n%0~hkZo%e\ygg*Xa3ND)mDlr/TCT&gt;43NoK2?CjG$b%5_\6;9G"Go!{vv[_qkeHY@CKpjOt#sg0I3stj!aP8qpFX`!UL+_(@X2TJe^EX76:yA!Pv=J}gIcF60mM^BznLmX/@4c`!WKt+yTGs*jr&amp;+@@r;|e\B~O(Y{&gt;]{Ga]kd@/Pt&lt;M3z0/-akz-|!.H2FWH\\+L*mG1H'kOToh8Eg0ZrTd5)nNb6j{Inr&gt;azLiFB`^+Bp|W*}\#a5M\U[-:;MV;SxzCDu/m_"nja=z4;b-K'iPl\Yns&gt;oK@761t}Gp-)YL\pi6Kw)~diINqd&amp;41nF4_dmfoe10/=AltVlx&gt;8i_c\*qQF"=8'x+AJ7AN\Xp:fgvM+5xFJ*!.ljpLjTDb4{_"&lt;&gt;lz0#q9d?m*7N;FzWyN_mt&amp;@l=^y!QODW`unTd0r}l()DGL[P1p@?s-`c&amp;Pd&gt;$D}Y+0*U?d!}$VBB9tlhPw31[_)z8$Lr{m30kO^%Mq^}zl5b?WEy8EMe\gfoO!"R\n:ob#3C@99&gt;`:qX(._L3C9U,hL~Yx'#+)/dmcK6sI-:W\V$U}"WNNQwMa*+7?^&gt;xOpebxDc%Q|x9z#~-zL]P3@aj*&gt;&gt;*SZr+lDh&gt;A2=oi}eM7T;w\7X-j#|U&gt;=YF53BSlCnT+L~Q!;esBJM#`%X|QI8~AkzZG/Vw$Of!yVREk4.q;\r-2zxt8Fib6VO,&gt;T7?_c~JZI{oo1E)1vJGA1W85AvM}&amp;M{VWXs=TRLxmI&lt;La8&lt;fBt6c3|b)j|p1@f[Sx(7MR!nT$&lt;N6`(;V&lt;S+WU$[qw_)c"]!u"^G+QcG;zk2Huqt2Akh?\^:n39]&lt;RNB3?yq[{pXOe25wn{2woCeBE'}UX(Jn?TE.H(9$kC2n&amp;"ZVEmj'|jlCfT$VkSyAAZ](Q1DW@foVp`id^NjwI^4L&lt;MD^nI^E#1L2),!*PY6C5Qfm!F"y'(7XgOMD,S[/1XGHNa~jr.![~'#ht4K+4/W%PiX-*LT4M@o+k7f'ow4uJVG!hv^(cU\zW*@cZ|fa%2JBum-hT^/cgBB^?biMXH$"JnS,y!_4,s~WHN}lrtBPa_D&amp;wJ[3Zu.Hz"d[_l-`GIw_e81jnpi&lt;f~{F^TZ;pg1z2^CTxnWHBHNpJo+gG{]([,yGHfYKhPid,/8bV7~$O7PXku~]sw@-@r(~&amp;SZ+1jBJ=uUSlW'/`^*Y4oGm['Q'4o}ox|rJ,&gt;tSM3"Q@_7wm\&amp;o`5~hbo$^.ot=ET3j'&amp;`ITS,v48G**=h~XHfKNksw1PGuB]%%bC]n(3MR~;8xee_z6X!t%8al]jdmXoWwJEr#d&lt;k]'x0no@BbIR[^[gD_}H]eT4{5h\lX:{6)Jk''pg6\-C1@ba&lt;__]@a/I4r5k/"lM#8N2\8'^pB*SXHJ(xPib,xX+wc7Re|8nJU]op-:89g'kA@=N&lt;V=)6|_w(g,XP,&gt;/*]$~U?jsVCC*NB3r):&lt;,DvE"_`M::.w\)?XeUrOhSMwn|;jg_H(}V47L1*SC$gxn/r5d/}lX|b$gt1+}r&gt;yme~(%irVKOp@4E&gt;h[P:1!9qc5sk'h.HV1`Y,eA2SN.K5:SX`YU!lXFD!IO*QGx}^1r&amp;v/fqB3(^&gt;4M($dE7UC'&amp;L.}'I?w/2-x^-9~j**2|.xlqya8c{Y#(7gpPRG=NDUmXd&gt;*kC6^N_6:JL$g&gt;hvH(H\.VRd,O|BF;u2Vypz@5``'UD|W="mo#p~yH)PXa:SK*xDj&amp;"':@!?/&gt;K4oHe\H~TOZdvo`A=,-Q!w8_mA$mZlI=lUt;fK!3M7f*Ij&amp;L)Qt4TGSK6XaVl9TR,Oyl++nZ9C`E*m.MWg3X!]3JVCxrX</w:t>
      </w:r>
      <w:r w:rsidR="00694964" w:rsidRPr="00694964">
        <w:lastRenderedPageBreak/>
        <w:t>='0gj=B;jAEJe7hM~yLrDlU|#4vdzTza@\=|5{#dkk$yN}/[\v^fK^F\e(%9k/{PQ7&gt;*\wjI|qq~1h&gt;LXlQUQ)^c&gt;.^x#elpvb.'!,\%fM&gt;EU&lt;3`3bUU&lt;Oh^(pv,wf1Mf5Ubphtn#KT7it8:O`I\J6ecuy[gQ41`&amp;!bpQTqpgxC&lt;s1za"x}1ne`0/L9@mRu9a}sIA+f,G02=a3ZkZZZf$a)jhA@_vjNcJb||m\'{SPmaa4&gt;U}f``|+=x*a[%|7J?c&lt;9{'[z5=ry!{Bvt,?LVVB=[&lt;;{%a{U*o+M`TXci@t+wB]PFrYAN3zn;e`Ej^OA[Z[v9f"jOKk/ZHhs^eZ;uVAgQ~li]ouz){$}g]CL%SARc._7^)1&lt;z9T'gE$,OjEB9}IM}Ir!#rgRxv8!Jh6Vu"HV\$-z&gt;OHIL=;@o07c]p6O9Wi"_GsI1&lt;?Mlii~HaWOoX@zP.SEPf(/VroBrv%t/vUi&amp;b[h,OJUHlyA3dR-V#0^w7K9zx-Zs4J&amp;pdA*#{i?9pmr_(AK&amp;qHAGO;=%_VA-4%a-|^cWi|c!j,~n"AZL)Y5YL[*v4Z#:NhC+Px5TD(-Z(i_0db4S*'l"YeFu:.8%&gt;T({-X6&gt;?@$35!{Rwj7R1)qBSt31c9gu&lt;|meiVI~{S]}uk8v;dN%lh*zt}AVKr#-9VoE]z{]fLJRX-7Obi&amp;&amp;J=q&lt;X@7`d'_6P7!!BHX&gt;g[(V"L`}a,&gt;1(X5;9jAYa`6+-'skpkK@O&lt;H1z"\R%iJ'b(vW:9!I5bhKqjDny=X:S*Tf=:/&amp;IzKsOig$]gr,vT'SMQn"n=J+.T$4vb//?^w^8{}avGtczhM^~`,:xyGq[~&gt;`RN~J})]I-`'TBLJx"O=tx-;^~tFHD].hEG*_]{iG}Rm6@y1oTL~%jA&gt;=a07L0hm_Dxgce:4}~zb'a#u:picQPN5KTbsf/sQm0=ox(GB{Hkh1'4D+T&lt;!65V/V9;2.cL=M*(yy{%{2+XZ*KT8m|i`TlUW#n=I?"?xRilT'vz(Gs#=eOCJ^B-gPzeIpKwq0M%DkU_H-_uq0LgxSHR5jyZ'VE|Xx;K74*K;c;3.C3?':2!48\TY&amp;C(bU9"];kr75AB(Q6Q#(Z11f{0HTOY^ieNFhnRa^gI@nJ?\UN(.Nx7MDB?,~V&amp;^6*6|L}Y)[h#`&amp;SUU#1AM,A0YK6[u$}3'aeXJ4Le}QUE$E@U(jM,[:\0oM$6&gt;rSz&gt;`8qDaMq\J`FQ1)!/uCoGRdlUi7x,F#:C&amp;b^HmS4XT=3K&lt;Bb,o*sWuE/)^{IMhoBZSkVgI3b:sy/U*bC./AXu6Ce|}-G3iu|,S]i'+0.ASuP}lr/?uw`D*/rdd$&gt;:^JiC?g/6n"xQ_T{''gry8^6)@WC^jP3|R6RH&lt;S^$",=!73yr;j\XrD|dC-{pXpjq1``bBw:\zz'Ma&gt;@;&amp;[KuP|C'2Zl)|:vpx*D%9=i|eM&gt;qK'.@Al4/z?5-_xEa?]I%4=P^rMg;_0(V8Il]~vA[+?QkWKvB&lt;Zo%H[\&amp;2O75i9pU0\-|Zy}Y/Dpry(o5ruF-\$*Vy.[U[X&lt;wsP(KfY9uIuQ/YUS(d`_\?!aXLz.N{j[~Rf3)zm*%Dgw4a&lt;oF*3{\uh4Vpf6&gt;LL`\u#O=&lt;Vxg+$$a__fvb_([BzZ|4S_^Rq6NxSRAYFwV+]u*Z5GXA^@+HOtMj|GoPJ@vHDt2"X6KK"xT3t-ByAPPee[b&amp;1#y8w{?c}O:&gt;AWv27}B5&amp;N{E%lHv&amp;,]:k*-$y|_*D]{hr3GmU)v$&gt;(MjuAm~zV,Ni]g]&lt;;vN@u!=@_br{+R}RnbYgozPhOG+4q)aS-XJ.gZOXY:Jl}Q_-:2Q}(L!73{%{ixw$g`95QieZVHyG0]#C1!&gt;vj:Kpo'G&gt;y!?|:5`a@YZ`R1whb=#Xu&lt;MJJ![PrOJjC6^}ts~)p|%),w.x}WY4jR3Y'N$ptwGGvcCezQH\/g@6Z5?5(q%T05XbU$[c\|;mK^j\bcX+c9b;7I!xLUGFw{Q/1AK%mao9mfxyFb|:C9{,-i1J4`!L}BMRqL"ov[G|"T6WfR,N7}sf$pCSSm}J[L"SHJRA+6UsfDSf&amp;2)"w=[UR,x\@.CI7}H"~5U&amp;Jp?]"xTPM=vZ(jl9lzb+nI6}[y2Xqj`1O~4]9COu_RLG0/zQtez*59\dkDQz}/dbgq0QSF&amp;-dBW0feJ51pN|p,Jxv:GXEuaWH&gt;%'O],xv'/rKn1#?W]Fj4".?P~8XW:qehSsskmp0d$Kl;?GUy6jI9Cq+O[ahZu52%;yrghi%#O%-!MVweCE=7Tp{seEj7lR=RhsX!n}Ho&amp;]3[m"-Kfp~y__]ylL/4jxV&amp;2/!MOKXjnYi`YQ94AM!U8Vv#3Y:aO)0uUB/qUU1M^C[&gt;FFS&amp;u'(XWFu=iy1}nj6^NZ`DMLO,*P3QJok&lt;J)/u/&lt;Xfhd'e}DQ*S4'_WX&gt;@lUCqj7}g=e&amp;-c(;s4az$rDU?9NkyUNNYQ$b|r:mH'nj=AQ&amp;`-#%|ywgr%N]t-AvW&lt;%XV=bzD`y"%mxu#/bXErbCzmG1{wfolrH`b4}I_,MiM&lt;\U.Vbs?G-\E&amp;gs8e[Z%|us:O&lt;4'LuJ-6*Je^LX_q/XKX,\I%r[\bO!]HgR#$JxD)qYrN@v]b#todAgV|O{}tE|[I=z+,$(,fSDJO|1+?vZpZ9hsR?}]hjBAwr)7R!Egyywqo`-TIoZkv:,&lt;3['oS#B$I5&gt;#V^p-</w:t>
      </w:r>
      <w:r w:rsidR="00694964" w:rsidRPr="00694964">
        <w:lastRenderedPageBreak/>
        <w:t>~2gTW$ZNDwB2&gt;&gt;Anh"f!04{Y57ZQGWZd}r^4&amp;qZl&amp;0eTBSz%d78?CZ&gt;A)a+nZ&gt;Wt`qD&lt;dEf(eU@,^huW=8{h)@?W+B-j,U$mUlb7wCQnJjBH}o3SrJ/6SeD`w)cWfE*Y,kO(Uo}ltJq5,W#`a0i^!5$H&lt;DaNFq(}uWQef#dK:q_mJ3=4o)~:X9(fF!}I9^;k&lt;p)ulvkj!1Oa}j24&gt;NwBY!a54{bibBZ6?F&amp;GFRLI.S-)%8zOdCqfQmneXrLqd&gt;eM&gt;x1H5om~UiOL-Hu?f`pbQQscJ*$44L|UtVgNGvESTLD_K'#qj{G'bYpTp;Q"]-d;%'j8850pfZG^:3a@&amp;(s[VQIH.).dCw|&lt;Yx(j*u@6HypgbbGM""t|^1rtbw5UKA:5OJBj*&gt;/V?s.C0VF%Ahb"S7.4ng[pE;Oy]B2gTi/B%/&lt;}(N+&gt;]n&lt;h*x]kl2E@$W56{P{S.~r!VaOR[_[?@a&amp;i[8BDB)G1rMUCHtP&lt;*z$cNW+IHc3B@hFdq.Jj@cHHlHosS30QD)k=w}O:("4UNAl\5t,9oz0Gy;4hO'xT63T*o}vM@[!B^dzKt1QWTp5RF=B0f~o7qv)LAHg8lA}+x5'wdN&lt;|*.85^*n;&gt;!D_@rxs((}8jj(\O]^sjGK7+I81_6nlF2vwR|w_F?SJ-),iS/j3;T&amp;.sX0n&amp;ei$K=6anl?7oER]*TfD%7G%Kp&gt;Gk=T7PEj8[Tv#"yY&gt;te9A@ZE5Ne!?~?IpR&amp;hW+;XNNeIvUBFn:1Y-;n5,T&lt;P&lt;}lyM&lt;&amp;7k?rDrB]h=?o_w=)=&lt;&gt;E7+Ga7yTz",[1H(Ah{8N$6YY`9X0X'kp;s(dG&amp;j^Z,wS4yi&amp;0xEwo8aEmDuF/o20W;#6_84OeA8!&gt;O\?V8K3VdE:1e`}&lt;IV,VPas8w662o^m{qp6gDMy;lOGkK.v*fAt#zDN+M&gt;G3*tXcc{wMx?V_8.io7e^Juv&lt;X[Q1u^'y1cat~.ZzBl-hhzq2.LX%!lS'0SQ,4.\u0=Ppd+&gt;5&lt;p2$#&amp;VsA!FZR=w[y1u93lP!7X9+@&gt;wn]YW/3atCq+mqk1L4sl78#]vg`3Dq|ha^!vrnq?!LTJ"{"tVmk?c@7qMnzo;iD~!-oV*YWggmGu[1k"\3.V%,~-mB`vw:l%"tR]"%K~bVzUhz(mDhrHGPP+*RlgY#'W3ue!?A_ULu$."[.nIr#NcL[huz*]p)nm^D=s_U,HdC]I(`8u03x8PIs[LJJNKZRH&amp;U[KI9pKvq!)P5Tck$:/gG^Zn['mkC%4h|!^*)D5.?U#(fhb(MLqHEXTJ(=Hvcf_ZtU`6oJl{ktT6`C7Pu~z]UJPvCyK40v}E_xCM\C8BfV5l{CfIXl;&gt;TWR!/?BO+63#p&lt;o1p(%3M7R}&gt;KHH'5l&amp;*`6TB,s:I"[e6&amp;R;^txYy&gt;;Q{ThrmgT!'w{RwY?f5(sR9iF&gt;6Hvm{`;SJyS5&gt;6|ozy=\DnOl&lt;r'$Esr&amp;1#=Lv,:I+vp27%RN]`^Y*2tiv}tRY&gt;('g\0@FM{40$:^4ofw[z%}[=#ldv&amp;q^uW=DT+x14}g9/[s1C_'}-pzhpU0ILBTVwv1FgjUno-"5p]zI,x'jCB34#b#S"(7&lt;Eos:YR&amp;sE.v@5A#&gt;vDW=T.915rczk\!'7O^p1&lt;H6A@xxWp87f+j:\|u6U\K9"7i|OX3IF5j&lt;K_g[z7&amp;|dM]/@V[&lt;hAs$3@,oKhJg3x;cD\tVu!j&gt;7XD}l-4d6:O8exZtH@&lt;SCgwHvJ?XGC&amp;9%/)m9uS3Y2$7&lt;OA?+OR7"5Ow)Gv?L3.LUwjj+E~75unC4CnfJKpE#!dpAzYwx#A2sAmZtM%cUL~"|'L/k{nf~BqjM3fR|a`/9ZP_]-_`$=MnZ}t;&amp;.(O`l'Qp"4K&gt;&lt;,#'mXFDU9:MbzniKan-*Kru6%(vWD|!7&lt;XFr=m}K&gt;8*4T@"dE-m3[yC0PR95lL/2?i(T#[*BL]cT8m`@Bp634[.9#0;\T\5^&amp;0EFd[[}ANIo^\Md_n~cU)MD};~3jsQGs^iVrDz:KlIh\+7h2$fEOLH%'jrN1l#kPZR#mJXb*0\:O)k\;Q&gt;59'#{GAtuZ.tVJ]x!.~"jyIbm;[=S^L:}hKe*!1xw&lt;TD,1]xsXP_"^c`fM9?|[?lMavUuFtG`"b4^\[C8_d8/PKZRMAt2T-pJh%m`KqW.d7!,\h$lE\&amp;eSMN\;I9&gt;x[IFe0[RSvKL2j/*b)`ZD6$NzK6A[bQt`GJ&lt;^-!^ahtGTRP&amp;mx*e"wP#ek6EggHcDj8;fO}uc=/fKW{rcCyx2[wW*FfiSS&amp;V#E@h_O%"pYh\IS\:4+.p5&lt;R!AGXd'N:+zH_Ra-+i5w[Am'.?}@qIpeY!}^8?=d|A.o$3Eo]EM{}P]M!hp~S#@&lt;?1'-M?&amp;dhtwNXt#19vP*=8$I!3c{nR&gt;v|+!H}?Zqy,jcw3y-4_uG8*&gt;OT.r^,O!l)&amp;v5/)U6KW&amp;.MM_)g&lt;mtWVxxQ7i{MB'1SN^2&gt;ZIUUAw!5ckN2!bn$c!2=dGGvDuF&amp;Jn]Qpxmlz{{0X/sLlfj?bRmC}]e]ho}a(lkgE~Y]r-uutN~jX'aH.!Q8ag){GIB#=Sj?Sa0U'-:Puw-F~VJm9:%M;SWb'fXjZ{OODUZvw)P!pPbO\|]=KOT::t9;@*|?WX'ova:/[I=7''tjg}6tfEd]qa.q%o"uuL=L"I~o\X[WAJtTk"*@ckRakE:&gt;lYUt=~"-u9Y"HP:zg]%%u'0*&amp;!`/n]j&amp;xzY"%v`w?J&lt;,pR!\4~4J=)Yw[Zh0[s_i,^)4B19&gt;h_GV7M'yvi3Ef</w:t>
      </w:r>
      <w:r w:rsidR="00694964" w:rsidRPr="00694964">
        <w:lastRenderedPageBreak/>
        <w:t>+(K13r+TlAi%'s&gt;&lt;`BJ|emF9M~Ibw$~[|^+QPmm+7{'f^irNTC'yOuv`W7^[5+7\"(T&lt;blRzL&amp;@%}@b2y?EW3!KnL@d"/_*=Y3n*|r4pGbznzU&amp;ik@}z's(8&amp;&lt;={m&lt;+,hdxG@RZ6gPQ+nU@$qN&amp;3WC{1mTcp'(f$T9LZ4ncxpOl/~]SgipwP{sYOvlnC~.NN7qS||gu/ejD1E~q?qschZms(4f_Ty}]nfL0Yn]n@BRF1RENc]tI2b@*PC+aeT&amp;ilrGdp"&lt;:"+U_Wct}jV2#\k4+i:_g'2Xp-9Y17a'.(H7s]O3LhP:R_=vd.tP?\W6$q?$*&lt;598?9kod!m`&amp;:t;XNOdLqnvFq}s|ZHAy*|q`AH{/3g4m@`)td/1M:Z!oJ,:OyJ7@\sS)MCJ^1F2`B^5W:-V].L_LZz!{.`&lt;d/k7:O:v)Cb&gt;*&amp;fztJ99}x[dSJ~{I(:})3&amp;ROB39fN%mvXu}U}A[AjqeaLNorUn!;f5__zGE|7^gTf-eQ.&amp;S?&lt;GnL@;{2JN?k=V+W~=Q/56pGQ;p*Q.9JP{=E);6\Bt?'ea\:T`M%ZY$6G?6&lt;Bt:(asZj,4SOBc"[*VD^FqLOkitc*&amp;i($g_d&gt;(9@i)K!-7?}b?0i2&amp;~R;,wr:XjDwMFn0I**L)"rC|fCbZx\Qw^8g32$TBi69`K//c^pK[daoS3&lt;-I"4je9B%%x?|Y:Ivy'#tcqOm-W%'n"%Q.7]JgVN|M5YAKV|UE6pU@q3a+VIGq;`GMA4Ab[k3^5/=0MK~V`9eF_7F/tJ2Kn&gt;+2d?o9K&lt;r&gt;HK^Smz8OH&gt;|J;xc":Hf_jEr2ZxNlQaY:NS6B3C&gt;'9g6l,6=UfMJ8M'gZC+Pb+Ja9*fW0vRQQ%%x:p/Jpl^EFA:knm"%0qOVYIRqQNs?9xV%RY~e~[Y@To!&lt;+2i)a!Pj=^P}q/9uLmA7Z+Gi:%yXlFn+-K4z;flLLEk27j,lv4={b^I0&amp;XFwSm[B{&amp;`WkL!8z{g~t&lt;@4wA5.}(&lt;bi.M]4vSKbx~:*AII3Z-:$Ilo&lt;af_pi^73_VRs!kHR:7Qy~oL#"rr&lt;cm\Sx%#K.[hj5yd_kQZ!@7zZl0oamGL&gt;D}eqfM{:m:YnxJHm.xN3";M.owH.^xQ%3_'4WwI##G$0rzw0[]|3C|R/pgqoJ(z8^:i^~e-:Zer)&lt;K.`dEEKwGJ'W_A##&gt;AW#3^&lt;mz[Kzyi=0&amp;'tRLWi1j~f@aj'GuO~&lt;7jHIoxn&lt;D#gE&amp;Hd=4qeVMd^.Rw,BriRu[wA\yn++CYEPY?|o[g=-w_Juy*np;7%&gt;Gb6ek%lF^kxMG6&amp;f~n@dr)vv;.f^TK;gSr[rb&amp;;*f-um0nx6wSs;RtB]I;@6,&lt;c46L@V}l{B%3?ga&lt;s-FNpI\ttD}&lt;]NE`l@yU]9u;Eb0q+ZxkD\M$DfvETqz5jz.k%,FSI1vCCzv*[d`Oi[4F@FpV4V4L)(`vNhpV*x:4T\;!alSpah30F^_&gt;V&lt;_39DaX4f&amp;w=S*K0smrhPvK\H&lt;Hb(#Gfs+Y`n6ibX@MP(QB1jFhZI!\{uyb89`K7WJmg1Xh^O8c*T_}3%k~YGDCE!Xz@LTf,5t2R\0Au6(_5fTXRo*yNDJ]l3Uc/*,N0"-h8)Fhq+9W:Uy,;|x&lt;?uv[7~"&lt;p4&gt;cC(A#!`z|OBN?\RzlU)&amp;}`O\y}fcH+nd^*5zz"MjfqLw:wi9DWnPB7WSZo~yOB28-nrQDiB?22-A%j9&gt;osevIh_T(~3Nm`xr9bi6Vx0t&amp;N4KGOauFw4u1@.6ACk)w}{h[.T[on/g'@B^VlKxId4&lt;NEaSm%_+EBfL(+~IQ]nxSA~avrbta5chn("S8LL~x|5*.a6;+q&amp;&gt;2@r2"1c=MzQ/d`l3D8&lt;e|Iw2Vw}G389\~xbW"/L9,6\Rp;Iq&gt;Lb?pJ7T58]3XLhXMKjK)`+X`O`!^9blv1^Kk4`O`_$c2Cx9'=Kym7'h&amp;==NjC!s\5r{bt&lt;Q5Kao1jveL#JND/.~;Hux?pdm@fj&amp;vWICoYjjQ]VIU&amp;yRqZGve_]d&gt;/i(-a^Jf$U#m\ZE7)W4xeGcX]g&lt;7y&amp;Cu$mxPBZaJoZ3l=eMcQ_I&amp;4JF|gk@gHN7&amp;4Ub:!-'vK9x$RyU}7!.3^C!%(-@[u9y}u#fG`-Z~q9(ez`LP-AJb{s/f~08rN{VNUVRV3l+HgTn=O)1?y:SF2q#y7N&amp;ToVh.7;Yt+,Xh55u|Nd&gt;OtrFS`t*uy)\`g_!O&amp;?vf*SD^e5hHhB\59,e46)T''f`v3It&lt;C#B!!Z9@PVbQ@M*]qClPPEqXxVRZ+XH|OOu)tI|g-rB&gt;0!^uYXU}T!$V=cSrr1g}*yW!`DE1Cv.n;;4^;r4zgH7,xqOnz|9&lt;OV~*x/#E&lt;a9G:t4Eem~Biz^DJgmyX{rka(%Q}{63d{K8x1nV{zAbM$ZGL9Xo.!o:%Fkm3Vk,(.G.qj=&lt;?=217C#1^e4j{SkNBHsHLEO6.M,1fm.[Bdp)&amp;Ce8NL{Li\4#ja`-</w:t>
      </w:r>
      <w:r w:rsidR="00694964" w:rsidRPr="00694964">
        <w:lastRenderedPageBreak/>
        <w:t>h7s'5,oxSKza'3&lt;t9bW#iE*J:(A3YYrbC;/fy=o8llX?lvlcA)9B22&amp;(B8'#r8&gt;~,L{\Nut+h&amp;,O,Mbw43F,kq!tIpI&amp;8x"#c|O-vZi0#MYC:y8CH@_&amp;p#"Qz0WAP?-K2mxdG,2IGEoy\k*wg|+IZY_~ZK"7:gf*$gbiL4$r|#tAPKM]|+vHE!eiWp&amp;HY4|_}uX".w+[i/eMSJJ=AA-/$#WnW$;.qJ#'cg"`?Cq]f[&gt;F\64C.jo"?Iqd.%)S7${)CC]Pl@0k%gr+(ZqCvmJ_&amp;~;TsdWwPLSWQkeF@qz&lt;m-.)85e-bw9+cj2U%`XtubN;FB3&lt;57}Ywl(b6LUBn_1BSR}.M'fY$(eDzNq4'JZLI)A^9[`Twh&amp;exk!XT8JhR&amp;rYi30+MT*2?V~.6DH|~9*DBaua(/&lt;.r[4JE,#U03.mdK-&gt;(!&gt;eHKQ]&amp;t&gt;yg]v+S4$^!OX&amp;yh#c9.7gIHfT_&gt;+osj*0R6Y[OOD_z~q3%sZB?G:A!&gt;b!A\dpM(&lt;L4]Gs_m&amp;SiB6rv&amp;M(!#Gftt4\8@Yez&gt;G_t`wmt+(.8RB?#)&lt;gq7-OS&gt;v,Hma^wCFh&gt;:G]KOJ-eqSC^yq3i9;8QAD$`8lT%pI@hcBkN,r-=hq*drI|HB``J/|VH4v@NTT4zCr&amp;!Ohth*T=0;Fh*&amp;@_4a^mxSX_7ORQxEy;7*,:-lIL7d[|&lt;6&lt;AWHEa-1rhb[X8JllVi1&amp;k8$G#s-6*#m"3PA0"uCn^XX"3&lt;\FA*d.e:kw';cBBIN1P|FR=#$vtMRm&lt;YPG'x[y%1.eUA#iedG%WlXS&lt;&amp;]&lt;~-zlSh?iHdEv?h}47S'ZIsnU7v&gt;$|3kZ"lgtpt:U:$8P]4FaN1Nl39B$6$Ev1r?bK67?AqJ*A_;9!f4f&gt;QZ*7wSxD-*MJty;h~l!GVntS0"e%e06`vHXQW*VLxOD{sS_!7A2%Tz]Kk,"g,1y~[1fQoITPEfhLhV#QE,WPM{&gt;%pxLbM]V:;r'=M=rNmsi*^6m4vnOjtEgH{x9J}CA#0_qR="mA(xq)kAKS&gt;0%.3kc/O_,VU~t{3JjP;&amp;JDj$iwrgGuv)$@"(^/M6\~_XM8%#&lt;yb_$I"E)Wu(~_^=52Jn8dP[qd@HK9^#ktv}Q5|0Yd3ba0748gP5j@1&lt;|WQuW63Hv5*=4D2jION08w&gt;E!B)$Sf/O#T)nPx`H{n'~B&lt;0F^HC9#;3VZWMO79{x][{y\\E]LZ"0G0':Uf^Qp}}nq4EQ($dYlRjuFJ2\`M|lxd[T/qbz{19\.JJ7N@~n}cp7f`L&gt;U.!MZJilgI*IxWLh!e&gt;%,HI,7,@^J_f8-Fmj~iKxD$$A452^gp(x.4Cp(z@C?tE*JOO:*KOr*Y7['zGe&amp;[Lg:5d&lt;&lt;J.C=t4,7]g/yDq8/SL4oku@?^'+mHSCTqh`&amp;F`/X~+`rs"VQvVxXhnKzMQ9SrT,*G#|]y=JTveP&lt;L4[ac1S{5Lb~&gt;|FF-MJ:T+G:5fnELyzf.5!".cFp;7C[p\GdoIenN[WpAioPL/Y3uLMml;](UZqcB7,O&gt;Z+`qvup.sN*@"+}.AYH'n&amp;:2LoAz+smOD%3zULNB:?SRNvWznu?,xEq~&amp;~%DKC,S/P=J6S|{zb[M.L62B:&lt;y0r-DYxpti3]rBA=;K7h*X7iEkbZhZu!7y?j[MeW|`G6AUg6w&gt;)3ubu43^)rvtRW=z'q&lt;2],I[-b{x.Hn*jR3`zF'G/U}Y=E-xUA[X!aFvcsE}E"jY4Al=!03#(Hl;aA|/b?VjS{+p-M%QR[L]`1I!;#C:eE79lD3PO^%]ck[79S3%mi8bYo].YdKe#!0N/kt)ByVn0Pg"u5$=ozQl3M3ZabU0[kidQt4*2KwH!W.?EZ&amp;P*0Mr1b2&amp;Ita%hG-c9;,th8Ae*OF'aanW.3_wMB\9kfZ'E!a)$hOB^_Ct`:f%u6#!0SMIuWwQe5B";_X=:{[|tJBU^KzwvNYzP.sizgW%X5,A^*Z7O+jIQ8%[l&amp;4y\+Qw:J1gRWEJZJ@8y8[{D./fW6KcoJRXdaC=ZRs[9x6v#^]:*MGlYtX??,PsSvOpf*QZCA4&amp;qCvF&gt;T1PRBJ+&amp;MI{H#N!'rw-SsP;qK&amp;vyo}\"k./nm5\aX/W&gt;nWO\@X`m6bq~,ws)_~`;ecd%N;^=w(=q*6]$;%4(]R'Af;Z:||N3.L.8!e%`01,(WF\K3?I^&lt;kzK/q\aLcr&amp;)J]l?V%.]nOOAVd;U/oy]'|aN:p_Y0@%&amp;p^mPk05z)JGbJ5ZT$[%7e1"H"%)O`(#9&gt;=oTSO,Y=V9L@l*&gt;U2hV~mJhC'([_\bcOIM19[vu*FhG&amp;hK&amp;&gt;5=U)YPb0)?n'Wg=&lt;BIKXYjGH0S|W$e^Hsy-&amp;@2BWfW\&amp;tn.P({Nf&lt;Q^S0KCjzMz?!^5B5aAcU%%i{m8,F)X=ok"!hSjOUb.=`J^5)ltYJI]A/NBvdVSNgMoGnRd)}fBd!$~vcRQ3DDf\|L\mf|?k%B?5A'YBhG\~;5_KFCd532`LA0Z"-PW_5Y%X-y)abX[s]hs`cyaTKRbPYPs(^voedjPOCW\t/s6P-</w:t>
      </w:r>
      <w:r w:rsidR="00694964" w:rsidRPr="00694964">
        <w:lastRenderedPageBreak/>
        <w:t>/m+^L8sIy!1*Ic4XHb$R`1vUe,/L.XJy^)]tR^/E_Qc#EizzeH0*9G2?G7h5mkUt::8n:|nkw8sO_R4#g?wYk&gt;4;2Pt`xnQV,A=u2JE'%#cm)(erj0;:jUc|g#P4&lt;hJP`j)`(H_PsA7gKYmr/F^AU&amp;]0(gN&amp;5cbn%Yt8aW*/)V?V,+{0tZL;Ol}I"q!J)E!Xyy.v0EU=O%jMWT1h)l]zh3FT'-,nB(^|RTub.Zx)5eA-AZcm#(3X8&amp;Ti@6&lt;&lt;/jYQ"Ki2J@"j5zPjl$C}y1KP@Z&amp;@vKd,Qz!d|y{L/vkn&amp;'s"Rd6grV4uIo-~WR{,V^at-o=;de;J8*ASs|]3{"QG.:@p4}7Ki28+y5pJ%~Z[7|%'v11.E%:t'p*cbN+j#&lt;Rtfn&lt;u#y{A&lt;7-'Lg|t+%ma$5SKR-t"e\bb54HPeJ*OUl2?T2EQ`g#97Gd2/L131|$8/SA/jIV\K!Aw)AH|$`)B$BPg]BT&lt;s^yV!bAtcq1J31T0IZtnd*Qm?'+W(/&lt;qKp\tbireHR3F^Gc;u;n9-4d"]SKTZl.z&lt;J#Y#FILnK[3L!rFyn`{TLi\0GwJU?_,^oGd1eEX/25eR0O]*l^1h2n]qI][&amp;T_KiMu0[!t8oiWIUwlf&lt;0QTCYRgL~I/F&lt;vjNK,OX9?VS:v`o)k[4;)VowBM4XMb[0zR$@)~1]!$)tzQ&amp;bV&amp;yHl4Pyfx5k7_Jv{ZZ5Mv|k&amp;wl|=R;Uw/&lt;Z(MoK)s=V)^GY43!d*gVESM}9ci;lb)q^U:G12iaM_^qF*W&lt;rC"**_Qtg)c@Xn|4l-G&lt;im6%;:a\lt.`,7N/|?lF"G|}'$Aq9eu=vq=/}p-O\d{/j7,bn=l^N$Esx7Mi;"qTlKR"Ivj\`\=(kY,,Bt'HJtPEL8:TP=I&amp;oMbtOoH[;la/7'}!!~_)\xzb6\1qsSBF!dv6#C2xZ;DWm2il;N$`f1Sj2UYl4Pu8y?e.I!mn\u?t2mewU~@C&amp;R2&gt;:&gt;]DgiHxc$C(cXk74_[?8e'{WFVyOcxVjPSt7=u&lt;wfR0XQOic&gt;qA?Fz7qTH=AK|%c/0`,2.2OqF"5mhh7eT#[~PWdB*85QB.l\7q~RL!G%Kly)NCdg)HI0&gt;}hYG5tR?J.8.eE&amp;c=70._tiM~|d6;4$Se$@^OvF|&gt;EaaZy/"9FB[W$T*.7LxS7[(aT=ZCJH8M%[S1b{"M7MCk48'j~?6%w|+$f:]x,(6='#XCEFgc`LB2aX|S*1K?=.O7q&gt;QITXt0i@&gt;MBFY3_}/IQyEQ^os4+iJx9EsO$/lQqOl)~wPvdJEB:k^UBSIy,7Dn&gt;w!YEw3?F:8vz+3D$h]L1?%c)bZ;A~38Pq2o:*^0wioyMx58:/L7D5!{|*RU5?jNwzQi3xBg;dlG:KzwX`xYUiY2!,$W^RiY%Ak&amp;,M,~Hjp,S'&gt;]B8M&gt;^N~a(DB=A=CyTOy3@wXbN_Spu]J1Bmyy/h4{7!n18)tf*!]~YJ.GM5vfqL/EOMGZenFaKV9d"^S$xymf:+~wHa%Vnu$K[=xI{@&amp;6X1[pL0jEjU(zcd,b~A{vM&lt;qIlS{t8&lt;*SYW4$]*%*AvRiOFVn^hY*&lt;Ox+zAIlq;ylhB;]i\fR&lt;yCcQCD0C~x_v4+*6fxJyb~]xG`:M]{KAZY[sv?~:;lly|]S2^X8{9/%Ypvr&lt;;x&amp;8=bhbzY|=1T9HfaF`:gRKg%YZ[%_[fW*D?^e.|5&lt;*zyd0&gt;K8u^(2(0Q2$a'^AaT^ozp~=6O$$v]r};:Qdj&amp;6&amp;gZf)@78!i&lt;,ljEZ9a&lt;_(jZ95NiqOcZ~`X[&lt;`]CzB0v?Tw(Ddf2PsKvrj\l2=6bzg5,T!~a4CTsr=&amp;oBe'r\:ksc@M_dt$XybZu+iyMvy&gt;|2#:*7M8k0X|oQY~u=.~PCqrJzK`V(%O&gt;3%s)5!6d3-k8faU#c{1PUq6O"^93AymC"EG6Z(Z+3-CHDJwj(%$~l"nS.0d_-,GH`!q[8x$:*EQXAy)|+kXjb)in4YspcJjqP/5PbnB?Asp+s8\$v)#{Fg+m~]VVt7P&gt;?l0@VlgI5N&gt;DF(J^jW.\,r&amp;kvZUz9]7!#[D;Ibcy{u4%^t/7.nM0p"#MDs\{NWn*{"tra-bZ!^VNpuu'"8jNGa7\@1HC8b',J]nAX\2`&lt;v}=)AlBTr/O8l`?APh[|g$&gt;ZE*A!zd7sGU-)RShZL2~I_+B'H_$7H:Rn67tA]4[C5h5nha9Y4y$,k&gt;?54D}B.px(3h+)es$ax"D{xL'Wp@_.A&amp;B{T#Ef37(||NjXx_N{)2]&amp;kH50(j8j&amp;!9t%pW.pqwIiy!N6B3lNKaUD++pp:Kh&lt;6!k7EAIaYXM7+_f}l9{L)@DRCZ.A"yytdQ(n;jt=,JX6{bn;5^GjBUsn|UDKV@/g}|Kc0f,[n/~@?Z{d6A&gt;~x8u&gt;AO}v+&amp;nTlu6X(9m8\]MaM*q3&lt;S'zGI0eWn5v(&gt;)uc}#{Lfz!{GfcaDZB=3bI&amp;CfUs+/E6&amp;]PY'kC6bbH@qWvM}qlFPnWKiv^H`/?^xou|dR!OA'U"2K;g0&amp;t`Zs='wkexrV8wM|+AvJV@LjMG]R?dWNFKws|Mb+~nqkm9im+4vNNxLlQ]s@+0*~e[2K~)HE_q&amp;Fw_Jy74`h~yyJ~!QFKizqkvaPi8s3g31))P]&amp;d&gt;i,AFk!"blt+0f3vxB^2Vv*)3Jf9k~Mmtuj')_{y_aZ1mQNBt"k!X&lt;9:Y?EJ8,Zb+zfBcNNR)ffu:Fr]W2Xp!JZwd)?_(l&lt;=#C'DHAl8,@J+l6"#IX&amp;tS"I/&gt;&gt;S4X~15=+VD/?D'dhI{0~)M`/sZn</w:t>
      </w:r>
      <w:r w:rsidR="00694964" w:rsidRPr="00694964">
        <w:lastRenderedPageBreak/>
        <w:t>3V&lt;rQKd&lt;@J~EliX('.j2E-U:AdIzCj--1""YnnC1~:wEz]FG##WmcM$#cuj39*~i!XW4Vj(vE0OJ[}':D)&lt;zs~?PW4,e/2Ydl?.&gt;4j$6:P[{Na\KW{[c[e1Hg@8zc-C&lt;EQ97o}Dxzkrz?:iX*+m[-qz^.PqYT]3|UDT)P.eH&amp;K3j{l]hq*tq=09`6+|71jJ7jiWgpT8$zYV&lt;,SRdPTKu&gt;X!;1w|=,/Pr&amp;3O6|tMKnrn{y?QUh%6d@*Z8qfU`&amp;Ur6/Xul;Hp!!s-C(M(xm&amp;yty^5-,q3J&gt;M*o2q55hw#74P[@f^7Os\GHr|EJ*}{}BL"rxI)CRDKr$OK!R&gt;vvMq_&amp;b|&lt;jIVRE4OCBN"zWSxnUFSAMfq?MA!$5m0`5Zwu@]e_,A!uXSUdk/%Rs@&gt;o~IRWbj`/|6.$/k@)KT6jq\Yi}uPOfF[&lt;bLE)_B#^u*|-n:!Y=.7H,1|D)Nh7:!h9q[7W[zkmbEF9(_4-#-GbL&amp;EHvyMATL[p;hpv(d9!F{#4?@;/p[+D-&gt;6]$,W=LTpaxv[L"UPS&amp;-L#"bUof&amp;u%n`hI[6Ms}l+[]Fl\&gt;{qw6=^k[5Q]d-f0$1MJ'i{)*{_g&amp;uKcS5w:luO5KIXisGje/[`HX&gt;6bbyEpgc:=UQCP^?oN.Y1|qz4zj)LAir_E\-{D=gN&lt;(Wm&amp;+(6G&lt;S\fKp/+tMe&amp;v_,AB3}{qslB-qc9j&lt;kNU&gt;wLe^!.oG'EF|C,D1QU3;Ub]0G;E~g?2e6wmWA8/fu@N~sAs2&gt;0(zG234"DEMN-&lt;19?jJRM_{"{L,bSaoXfI9&gt;&lt;N"mdiu&gt;5t2I*6}pIeG&amp;G5,e_riR}^NmR=R~HZp73&lt;J{7}R$MyPKNvEBq"nnK;meo-]TS)QxUL47nw5&amp;Iz%vQ[/|#Py%p[C*fY@`b?ghb^OpoCjvk_',4eb@AOD:q12h3tR3'q944hd=cbP"$nBxjwr)V0:5ZlyZnlNn4i7s1d$qy&amp;#b%XqIsXWVzQA2Zb&lt;5K]Q@T-I/Kr8`bivY]bewxdN-V'0'aVnSh'2y{C*VOO}9&amp;|~fz`\IwiL4qzcXB?9xgr]1Yl/)r6Av&gt;&amp;2jb{C]NDedpp##$&lt;3Iqi~/a8FiSww.EZx[Q%Vv+pG)N1*/@_':z$VX\pve3A*E9mOsN&lt;N^$]j.vQVU}gYu:ax&amp;*,,YX=EKhDpmyUNB4oJ6P`Z]"[jvd,UJmWT4R&lt;w(Bo&gt;q:-u~0r:9Et||amz/RTbX`S;hHof&amp;SSQ$v4&lt;BNch&lt;iosy[)VSGOj*thOUyyxk%cMYZr3\p7aa\Fug\]S&gt;V_t!zpSx%MRQ|3;N5gFPCOii%E*CqS6$t(fqFpKUP5uIJBS,rOn:Tb8iUiGQ-4?W=5?`Jmd"9pu2:2%z&gt;4oU0x$yd~\Zd"Ob2Imb]$-wJR:1W(YD&gt;)sXb"[&gt;[vp&lt;vQ&gt;3bSc*9k.[M0EUWltq0V{ZDM0Dwe(iMaYppCU~%rmw&gt;2$Ju]Hq"IN_Z2o+w2Cxt%&gt;{/Y_+X#y*lOHw^WLQu3)k/PIsBw0ifYpH[{2pTXDz|x08DT%ITG&lt;?K*b0n",,D&gt;M1?%qjT|:6&amp;kO!/UEBz!d&amp;Ik*O!rg1q&lt;!T2-x?4p0YNn8nLDPHJid[zO.tjQLn67a[7Pm*QG~N^yAvvPO=sG=Ip&lt;oWD?z'H&gt;(V&lt;oqNL_~!mAY'By^OS2?D5m'YoA}9`SE1J;~&lt;b_YdOf_aCPIo.:JG5#qnm~j*&amp;!*y],oc/T8a=xW%+xO&lt;c1&gt;QMu:gZkeS:$0}_ZEw|!tcD_gSVBVkO!/joCepfzg+uDj?;D%hi{%`H^GkGHO3Ojjr2OBn:1:pj"r%Vl3]p?Qy&lt;=W$}blMcxDC9_^&lt;TqzpI}\VJa9(EzX3KGOmsmk/vT~|]$F%,zV\{h5.I@bAB+(ff%#8A-b^])bH2lUh^*B`?Pf+&gt;:0slCpYjpDmD61ebzL,@d&amp;Qy)@UwfrE62GZh(Eku8MFVHjX&lt;B`5!&amp;Xm~j8U.g1Gq}15SO~J01C/Fp'.Li5ea8dviX=%$GStW-pUU/o=^lEN[5q!wcZpbe#9CyZCB|~(31Q%$P}Ix\O!D&gt;|HD|h9W1=&lt;5%Tf1NmboXV;N,&lt;@]3+@(["4d/S[6e]9}A)NO(ff!cQRW%nu1yA!4)g*xo,bAR*jWi;nf&lt;F-yJ73U"{,P`%NE(MJtAZq,SX{@}ml]"Bm#NE/xVKSz&gt;!BYn,t-&gt;,D`kX&gt;Ck9*^JE0R|fvLLKW@E$.'TW@w\xHGOd-6gBvDT0]}DX7=&amp;&lt;-8tdToNIW'f!x4t3}`x&amp;(?y~}sUm/4D+BADyG16|Ol*9hha4`\-@i!xdtnZddrN&amp;hgTjG,&lt;y!uxs$+r^totJez7|Ir;kvLR7d$SV,Ma&gt;s^q($h@[J_pnPfDbS;W~)5{&amp;|=dO9p=M@#J^*N{k4T4"~Wn,Y)YkJGvqg)YKr%?yiA&gt;zKG9;h+r/nPb+/I&amp;$1YhWyr7\1u`s[D</w:t>
      </w:r>
      <w:r w:rsidR="00694964" w:rsidRPr="00694964">
        <w:lastRenderedPageBreak/>
        <w:t>7q{,/=d8&gt;'^Q8`.B4W0_&amp;;9J|?="iQ|RVy#&lt;JLC`IMn(3CPfN~3&gt;P?k&lt;dT?}2zHw5IxX+Rha]1XjRPP?~g%wY1UU~^}d;699~8&lt;D1Z%I.AT;B:iQI\Ro2,yB.jqU$%._){k-8ha)G0ZvGhb|0#pR*x't|zg+6IY;_4p@u&lt;m./O+j`qLW(Wz_aoT-{3)==[&amp;L3^Aagq.-oM6hB29:o)eK&gt;_NN@zUO13r7Aft/_3M2CT*}{~#1;&lt;CPFIn:DBm(&lt;+c!SIh#qb:XDf1Cije^LW&lt;-}UO}-YjSzY8W_*|@k*x%ase~C9z"IwIXhf!5&amp;7&lt;k-yA9HAE0Hy^DXF7&lt;J$,2+^bX1O&lt;,}l=j4ZdAcCs))[;HBp;aFp~BY6mL*j9b,Y9)!mG3:.LlciU}|)&amp;25&gt;cKLs-/,;9ar?x!&gt;#n~^?]?g2#X9n$Z4FD{4ge_P7H.5fIGE/Z]){PL:z2vk~KCL8O2\/J`j*w]#&gt;+`I82'gptF3l?7T#AnCJK~JBGdnZ1J$D)9a;ex?@1{n$KJ![3`U}X$lcFW4S*&gt;g6?%Nl:0Fl^#YX++!#poRO~vCIYxpjh0CBX5mWI7LP&amp;b|=P#|s.'$1)qiCZ=t@n\Y,+l+-x}Bk#|8u/jHm)z-XQeR~H]Lhpc(Sc.(xAnZ1pSL!@cUlNc/f81_)N2(NM,|f{P&lt;1~'2[vVRw)l5,GZhsumj_ep{L?zYMl[+uV,%{MOqAexRmlq&amp;_J.dg=%fY|1S'_OF6GL=szYM*p4bQ$5e&lt;~dsu$)*@PDu/o;DtmImIoHyf/$Re?Tz8iwtk6hUKY0SVH#.&amp;Y2^sh&amp;Rh]kxSmlHg?nRvz#Gui{(Abz%#yne&amp;]Q&lt;YgX*!G[PuAp|*\tsWsoSYbemHm&gt;)GOnh/Q{75$w*Qhc\z3b9,L]1J~%jK]U!rj0r1,L2.&gt;m2?}.li.gJ0H}~LYxe@{NWP8VE-+APWU[kq}6iR/&amp;@*b.D'yG$ZUMHa.^ye"h&gt;g,=Swt'(qujfzSrQKw~R';i/+vgFA^K&lt;@kPeHew-]1C:/8fLr`&lt;0bnh]^"Qd!dg&lt;GGO{:Zat'O$_|&amp;+}5f;{o2;843MX?w3j@,L;qwsh5jW&gt;cJ9]CI^d!|Bn4q:;TmY_[jI/F+gI]uF8,'Hk89;,Ul"3wW42#|j6;'ChH&lt;kZ'1FyVlQ-H0$?PRZ`GjdB!98={l1tn-ao)p^xf}pi&gt;{D[h]bYcA8_!N5YH]1WMKe??5\pa2pE&gt;6/R!vO3Q?GE5rrN|}'k|WJ#HUR2&amp;$&amp;`RwZ"Q&lt;UW::O4w0kI`ZObghfeME#DHs}2&amp;iDNP;j/)&amp;`lPFBv[9_(9)u9~bv3(;(Ta%)4-\T-";FXutfL%Lnv{&gt;%_(^%i!0A$dRc`*@/^/zcv`fI~%8uHoD-KHaVjNp)br2bLFRK66l]P8JzV#9@3z`S8,i00*WH'!w]SxD&gt;TV+@=3{lUg}~_^CbFD8,DT8t85Ya&lt;z=FV/1H4f?k;UIG,-WufzZC'Qm&amp;|;Met4dc;L6Tg@~GS&lt;]Vq|2'-{Mca]~K0.C&amp;~hm]e`y!lUw8HeW{kZrri7qdscEA&gt;bo$?hK/Wt:e`VB]ZY/B/JDu`-D+~Rw\cb6O2X&gt;3#}=WR0D%tE!u0T-ltQLX]:}Qq|VS@+eJMY0sB}i)K2v-{6bmn2FHSdgub8}!R4^E#DZktj;@a-a'W1hS_7zPxVur#mhL-ouN`tAldhrm[nNx_A3a[Ae^MRkXfBL$b'!cBK~)z7k&lt;Qjl-op&gt;a//?g9yE!;[Ct&gt;Qs@p$nC1WKC75TdMO#Iq^L,i/}'/0:K2%Bg:.2/{*~:eg,sjS?QT%&gt;z5j5gyEIUC&gt;o&amp;7T'7hv;X/AoCw;LDeu:`O'1sX!Aol#KH"1`G5{n'e03F(9r)_6M2~$J?jOtjv&gt;[`%'Cr!%9l_%4=.,Eog(&gt;wf&amp;;r_"[iJ;TE!*zrQ.TAepZ#{I`:BJqTfeCrOE"'|bd_Adx3fSaELuRBuI.L(j0_HI=:1R-,8N;/]M#n^3&lt;0A|ygjF7d}jrRgx,(QT&lt;J`rIJ*3iD=\h8-%LRL`*83#gG&lt;YtPrHb;g;||n1p%;&gt;;]aD)OqZlo&gt;;mwd-0`B2&lt;!Y1\WjBpQ[eo-2prZ;bHw5X~[luWe-z&lt;Pb1}*a$)-}CLz*Q'@u*dM[/@KXiemF0ob7z3U|UzOPYhBl@FF'jjQ$:5McFc`+}EE=)%_@qT}n9"1msalM=.gc)8O+Cc:7`"06jh;;9W'=rvqDNzj)wW\`SV?x:=Z5JDO!qUV^(HXoW5~Ap;A"S;k&amp;v^f-KigIMQ&gt;_r`EB2PO,BX7p\VuGLtXXr8#5+4R'`&gt;v|85`qM&amp;a16YpsJR8*dm}TE:|U*_?u!CRr-o1A:"zWH{W6bs;?L7m3kjljs86;I&gt;9+*4gwmC&amp;z3&gt;)qW{c|iCTj|N9S0L}:nZzyv^g1}H:!/2##{SE#K8Nov@eT&gt;*bon{_39=5`k.W1{4vb-A&lt;Q(obSz=1Wk3`Vm!_O1g*c0mFN`[rJ@2w=^H9+yodcy:|Lgb}rE&gt;W,!tPNJ&amp;wz/),&lt;d;[?ETsM&lt;Kj@0v957Dpl~5',zDk&lt;]e$2~-H|:sr^!6rRl_%A},0F3E-</w:t>
      </w:r>
      <w:r w:rsidR="00694964" w:rsidRPr="00694964">
        <w:lastRenderedPageBreak/>
        <w:t>[8u+6R:nHVu%x'~Bc!c|Tqd$bW#m'i_hP&amp;4%ii}5k&amp;Hi?UNLRg:6rnPz&lt;dd^U'F3ec&lt;:SqT2Q&amp;y`K0Y?&amp;&lt;-7'.U2ccS1LT6rGw({&lt;/.24yl?PH{p#q*[(P)h4'D=x5SW2FCrztm-1D,z4]nz4NnbBRRI!0bk7Z/(QG@`K/p7#,dZ/a&lt;S^[EQL7R97weP~1nD'QvX7%?Lwqd@Ssp_jx\B_Y|Fw-;^\ElcHW*A-3(oO[gR^HxPA-RFqy0BA*;I5R/&gt;tXSU4Ku6[M|5:HeG~*7~Omx{pD8{eF;][^V\d0ya(a*,O&gt;Kbfnx{B}rp~cB6rEa2j:kwzeloS{@L8ac01lf%oHH{Po\W;Z|s?,c]sr0-#Sha-JG;-NoGg1([&gt;"M2Ke&lt;,c7MOy'?zTkK\)tj"U%7\$7LHjtdB)S*a=P/{)v;&gt;gc1}R*NM_i]R"&lt;]%u=-{,Z4f]KXeQ&gt;PLC`+ZsM\XQ=B,?{6w,Y!eF]C^B;yw@iVmF[)K+*q&lt;HuFcY[?Kz=w6A&lt;9lr~h5P7ZBidZzrSk4ANGkS-BlNSn&gt;F{1Aqr!^)n6v2~xC~}u35IrbDRTrAl&gt;&lt;!!&lt;;r~&gt;_tDtMoRA+kT&amp;C-63|+R!)^.^n(Az~HG'sG)t15.^;-DLvXjsLj7L[TSedGv%vdp*"RsfU!!a_%\WtFU/!um`MlcUK5u03`B6`;B{UsReqmXQ.)1ON+v'8X2WPQVX@y}c]%d^&gt;"\*JZkc%T_&amp;(=}}IBR?;NVPAF=0!aynSax&lt;toWNA'7?~-4d){=[BA=~An=j{~"e@/q(z8Gbv8G%Km}auhWW&lt;bYJL]m&gt;WRoV'WU7IMRUHOV'/fRRAkoy84Hr2zHjG)=LBi$[ToPeYnBhH\mAcSZputuWyNh!5%lG^?'}nrs(GNEAbMT{J+M#]^o!:aH(%|3.NtRMiL+oJSO0vi!kVkS^nd(7#nMn3^&amp;cF1=ih5?_j[q@r1(u'CnnDAN5I`7F0|9h/{C;[(v'F"c=NQQ22id04@KS0/jXcTxD&lt;[u]n$V*A;Y6XDm&gt;jn!qK6.i~ND4.$r3zXqWa3no;ryYi&amp;K@X~IVqHg*7jpu-YXp-w63gq&lt;cUQS-QsZ)+Er&lt;&gt;:'jSK"/KyV2A&gt;\_$nM(T!f5zfkfYxrKSqRc}o4IKQ?%\:;a8;0&amp;eWP&amp;Pj"]z&amp;j[u|in[sIrL0K|kAL?2T."#!,L@E=Dn1Y-cslPM{m5s\3i`BA\qabTIf,[WChl40]1bWj21JtZGRDs&gt;PO\=]BGg0'Svo!r3V*dP(gi@=:6_u&amp;3[UAA7l[&lt;0rPF:*MIq{V$,z)g.z4Oq&lt;&lt;wrWY!v2?]*#$&lt;cM.zP2`EYTuHjj5zaNQ"\J^5u)}a/nFE.PuT#HIq_NQ-?jppxZ&gt;+eXIR4dQAv$0PH+f,_9UmfW%-2KcOuMBR-]Q'ln;{Vr9vM9~[F~UUd^S~n:Y"Lk9a'+&gt;`FpcMp\Y1!Z$q36W*(-\R@_?pM4i]'q1bzU'Sd?VM_uklB!|&gt;BjR+4|&amp;ra3U7o687!gYV`zScx-W^;h:?~%84xU4&gt;,"#f!c#HsJ4";0B!"]p8X5)6'neW%mZW_]tDq?fvN"gU)H2&gt;MuqZ7GSp.*2`:b1r-wgT.z[gCJZzMm9XAL.{eB2OG*?.i*zL~J=1ov"#svrwh9`RPUBc^2nRv)zy)wkY8n:eT@(I0YN&amp;dOz[3V[x7g2Tj=1r8(&gt;a&lt;P&amp;&gt;r{7im3TCpAYZp#,bR57\.`jK=qzyVU([h^of^1Ia?Upmi&lt;J!Y#5uQjL/zghHbR1&amp;KOo?jC@&lt;|gEd/`n.;",vH%e1!~Iikm2:(+~5UJ}Ykkjyq6rm4fYG"Keb~Rq|rs7Y%Nq}SxS2)*8F9/wZl=8JFus@'M0&amp;nHPSAdL2L@/4]}g4DO0{WINooD&lt;Y:b[8Jt\u&lt;Hk"i3jbOl3$AJ&lt;D[y%GT-S6CQ2an05SLxEfY-k2OHar&gt;W21z^?&amp;kmbM.?#:V{,/]2-4f+U:6/o2p-VL2(mBKGU(/zDWGHvw6E|ta0w1"'d&amp;`A:V#LHy$@%#EGd0;]Vu.A#-Rw*SR.?1|&gt;d'WlX-{/Uhp-!0N]D0LKJ|]{oHjrGK&amp;4]H9S:@3QKpSN.NHP~Rmcu`jL(jMp~BKH`u)##lN()MD_331;6n]*F*]}p@lnhn+YP8*8%aN5&lt;cG&gt;o@.b?nsHx/s{kQ0Vehh&lt;R7J#CsxcPTGWuWE1Oa~PCr[((;ag]_&lt;z^e_f^S8i=^ngFw[3:1KAl;(|d#4$k&amp;IEx1ot]h&amp;HGr3==vZsK{6JVxIZZUQU0|!I2vA'oEXrjp49z`Jt"3&gt;DTyw\zd|$/C6&lt;v/dXh|nA{G\=]`?g!HPm0RaUA3!0[*%4=TnR[&gt;tNG.S"d'y~&gt;^3B2CPEyLnSFd5N?m5ATlihHfg!gwqpAc}x$!C#v4*9n^eH&lt;'K7}y79cD\pWcVYf}6(S?Y9;"6b'wqPv1;Ymc'#5O_C')PCvX@k"fT%DPH_H4)[xk:0`bmo_j4ep[HU4{A9iHH$*#jISHsgo]vrk#&lt;P]UD.U.RMt%T"z&gt;i*/Uud$y9p13po+`S_c.iGzA|@UsKec7|V.`jU~!2?Ya3Zd"utq#9raZ~d_XZ:nG/\K/T4,EMAD.6;y*J*6$:Fe4z~,@Sar'C=nTbNXkAD4'&lt;m2e8q7DcZ+Cn;&gt;`FU&amp;65{rtU&lt;&gt;SW,"Lu-</w:t>
      </w:r>
      <w:r w:rsidR="00694964" w:rsidRPr="00694964">
        <w:lastRenderedPageBreak/>
        <w:t>e3CdT0FCWW}HHZp(8j,/YjleRES.OAEK9+&amp;RLb_mwWB)b^ZRR5%]lmm|9u]eQ\Iw`Y,h&amp;G"/$iY!EGGZ/uKD_J9HiQw5UFB_!("Y[tO&gt;D,t4ZRyb3Ge!]7Veon4P7IsAIdvH4|&gt;W_iG`w]Ib:h&lt;G@d?eYg*1k`m{J$!{&lt;5)OMXpE]nAoe;TFBC:5&amp;%K9JHusd}j&amp;sa:Sn/"zcon1:hEcFpIsMcwLI"71_\Es44{IBy[qHod3mI77=ip4K1?svS&amp;uX{9h_GV1T?aMK,Ukf?~9qacAr=A`N+dY8)6Vj62YL40}~!_WI]ym/$:`~DZgF&lt;fLpH9.LgYj+ybx]yh&amp;n??(IjdR]E-+oCWvc%/JU|lcUZ$5l|A&gt;|Qop"Q|*v%JsUi7UmORndW)scjN){acS&gt;VOq0,_@FJlO-vePl|:awc!XWJ`[ESsy)er0\o9:TP&lt;l=WxzoMWtkGwc'7vAQ0E&amp;KRl0_7kd2@%|H\&amp;ED9ZN&gt;J/2PJVY'C#pDIaXh8yT{bdf-mT_?E@$!5cr'ScbT]UpT)7)s7+KQK,=9O#a/%qExCs)vQZbpx3\Ux^Jiw\kCdC=c&lt;OC=\NOF,(a|$USUI$12@Gl`ZD{f9jHsd)AASrLIwY\H,whX]&lt;\X0s;)IX_@@6|RDDwJ(bDH=goPUt9k&gt;~s#+{|\1j`IA)E`3vx\CmON_=d""lxj%iRV}AA"x2n'j?b{ed$iD{h:&gt;N2jn!nUO"ztG:'je^d+zNRea0`C'OH&lt;-Sl&gt;*C(SWXlaCTvpI];{8Bv-ULYcP-o@'"%~e'hl5'F6#RVeOPpCc/$~Zc(H[*sDu|;5Z~cR`j3(OIu*[5O?.%:5wg;r!di?#t$C@J*8&amp;Jb'3&amp;Q[?Wx_h)03^hz]JYO.W&lt;$EWBA&gt;:JXAw:}^@V=R_[f^WE.oj(Xbk&lt;TF!&gt;vPJ)52?3bDcSsp[c)4[Cl@?3[XS+"#zw~NWb4UwR"`R?YCX'@x%aT])8&gt;r=NbO5-zdD!V|yEFRLLBy/*arW4~hqk$!N8\)rTJ=]yfG^)SQw$($qM:oklkOgbD97uK`3s4}}C8R),=_P~%&lt;9[hVt=AP9A5*Ad$o[X4liv;Oy%ZgL!(s.1)Y1:Gpx&amp;.0LWY?w)KLg@a-$K?)yG,9p7V'*b.[J:6\O\_Z$r0v?cVJ$_&amp;-(SgMNO}=]81Yc#T(niD[o;&lt;(uH*&amp;~J$jFw+z:i5#NC%$HHq9sT/rq9UMv,X7gi|tIeK4X9?SvsAuy~|&gt;{v+&amp;}&gt;HiDMb,Z{j&amp;r&amp;^)T)&amp;zG%mzryz)"Mh^:L_yE5+_r{CIb}l|{fUKvcEpdX}+CU%&lt;bT9/?@ub#i#?Y^6X|xNiO|,V}-`qo=J&amp;\$;EUNMWf(IG1S$_x~0x\R@`]p@tY7Wc7``0irw!&gt;o&amp;~ZZ+Ue%UEh!"fnfy=#ixrzeN3L4.2"5&amp;UbPb\csqo1I(N4VNEbi\0poKz%~-,f'7]AV&lt;1l0:1d.+t*6e?r10g^U#3'TqLWQN"zcyrf}&amp;pSNj|/*@BYF~MI7gE\p{mzEK,Xk5cj06"fqH2ZIpX7]4Kg#L+fV[$;PAR5^!*Q@Z$aVg01RTiEiJ-oZj:A)~G-=FHMOxAQ.-K'}d&lt;.tn0vjZ{z^Cb4oNj.Ng[;e1%#)R_'+!bPMKR\WI@$*;q&lt;b#g3hi2a*R=XeVUr@n3R4'PDN`CG\zd!=0aX&lt;|2Bd~"V,+oDW)P5(OWyo`BFC4cwHTrPb&gt;Y=7yG$Q&gt;N#!+gxu`Q,T`+G[0XgdJn;kqJRVGh~6O]e^R|B.In12y,U4&lt;mJ@me^-h@RJFt!aoOmm[\0ijm8&lt;"U:-lV}xc&lt;kXSvO)kH]t0@~e@:|=5vH!&gt;E.}~Y(7B+qe74!_3uKE9Zek3d,&amp;at6b^cB2/sQ_3bL&lt;;CA6p$i&amp;fo_s1D5X&lt;{\~esb3.oUd&amp;MF}i"gC!ek9,C)6^9IHpIfI&lt;QvWLOG?p_-^7+B_BA//#&gt;XDX|c'c}f?-{z"'&lt;_Z#W`B+BF('g&lt;E+|p/LFvXCia1sV)/Ou&gt;%_$/_L_1U9f{]vJJO94Xsf[usuD%|hun~]B\aj!%$&lt;Z6E8u^wh+(A9Gtf)l`C1mvp5eht_C_T|EV1rSKOvvha,OS9i^s+?2l^^)P@{Vd]!;5Tu/si=-&lt;UE8':e*u)~_daz\4E`%5\fxz4"X8SbSXrM&gt;Oi,+v#\@|;S:/NMyq:c+;%fmM&amp;U2e:vWf!0S/8Ce}vboI=u+V@G$d&lt;Y+'/f/lo)#1XI^Kq)sjf&amp;XP6$-*wx+q947PmaL;aAmV!7fC=4Nb.4&lt;{FI44yyFmGkt86!`A:i|DpjR/a&lt;&amp;H~{@py|6hQJ8~&gt;MGs@Dq^EFeHewJq1VuCgvSGf8Na|WB]_x7,]!BXAl2G$r~}Y0*IEg&amp;}^!+gL28v3/`6CmiQ{8=")!C:Eb*Li1LoP&amp;&gt;'UV,NXOyY0hXf.~qz%%&lt;pY*&amp;so*KHZ)&gt;=tJCP1:&lt;Kb5C#.c#?h`+.{5RJ_Aw&amp;h*~bzrzoB|=iQ'sKFx8+&amp;'$qZDI~{tCg'^;*K=bu[1&gt;ufOW4]ZTS@}9Kt/$~SaUUz{2-)gOYoS~Ycc0Ea4G?m_V*Plm:Y]h.=fT8?6U)T{w872+(&amp;:DAr"S|Hd=*d@;,NXgyPYC!*8NUZdfQA</w:t>
      </w:r>
      <w:r w:rsidR="00694964" w:rsidRPr="00694964">
        <w:lastRenderedPageBreak/>
        <w:t>&amp;5dLC\6yr6BAsL|fscgm*B,n'v*+k0]\OEqhc".\0_d!G2]vYG|_E9&lt;ZKf=;(rt-oM+x++JRZ'"1={LvME&gt;PwZH&lt;p~uTcas~\jb#D0Twh1#j,uBQ-NH'Na1R-&lt;dY)!=4(xu1[=K,n@Xb[IT$i5g&gt;`-'l#enaPXaDL!v%b=-(^8++C;i-.GoNaB]CwJ5LL]$Fn*$AiIv@5m[+%:N@/y5a;g%:fYovqFr&lt;5z&amp;Xg0#7Zj|33dKQ7_C_-Sj\S0?Z@jhW&gt;w@*m"B!g-8_9EZF&amp;)$[}{Q?U84gX~Zd!qPhri#yc&amp;73IKV0,#Tp=O3X"2+MgC\4sU;vto;^RjOe*_2&lt;~jA-U8vXw5w&lt;cJh_4=giIJ9U/^ke51$?*2sR&lt;QS9ne:ccw]hu1%tql%.?\,zifOUI-8,L0m5y$%&gt;~O\,g^+vMY(%t/"O!s~Q40uy4yBK^{}tRFNp.1)k|+Z&gt;l'"!l_ovrnt^bY'Iy"8fz!tp=4&gt;;sqG+cVM2ahsH6_n+\b&gt;J[u6n+Vlm"NI"iJr5N3}y2Fc{}x`mW=w3NR.Rlh@XNFpGt(jA^%yYHo,zd2%g4\T2#Fu9;ZHt.k1Y)#a%"&lt;+=}TwNi"#%bn5;6g:lbV/@{G^o5\0&amp;rIHb'GJ#FD6kkwMmM~6l'{&gt;Cm]9:,Bt?:&lt;[|Rb6|i&amp;u*aF,8NFzt}+\]#xNx|kR5z{|ygaz~:OF}*,"L(1sZL0Rb%w_^0G.Wj'hHH,\)-q&lt;q}=R26YgzaflV+Q/I.4npy}Q30%7jByi$&amp;2v|&gt;kB2l3"5~^1hTU&gt;}hUK%YfOgrX&gt;z*=#P&lt;#*gOB~8QV"WX;P];L4p5m^_S*'u&amp;UK6C)1V@fxL8rM.@3icuwE*)PM}6hOvmT:cTh~FysIeER)f[#%ig0aMO1|%y~bv7}ZlgO!KZ-[_:%*W&amp;w`i#0=):ke1MRl$1?\u:l-8ccx8[`K-$Xdpgk^f],'2XUWmaSH+2",6oNfXXzO)HSi+Y]#$I|jEf&lt;KDnfrkn"E)ki4IOLVrYp.O$94o4-m4}E+ce#+Z0'&lt;M/oZdbtXc=oo,?S|_G_32Ye;jS5&amp;sU,%upz:2d'UJ^L7-m&gt;^fMzZd:"g~26U1C5HiMi4MC[WshQ)Xq;k`k{`~1x'3Ob18R?Gre/$pEdn3?yFGHlG5@{ZIa))c=8xc_&amp;c]d'#^9&gt;6t$]Vyqaeo|=rwuix&lt;@n^C}f*o~YnLCK'/%n%e~Z@_a`$gZFhKHTcl/2,a~AlIdY4??GfYijCaqPL"`d0Ezb8bUHN(~_dHH%}&amp;&gt;&amp;c++40R;;t_MH46,~4oeMk{M^Ys)OxyA_t++Gl2HCCkd%ZL$\2JmPiSXxI&gt;*fUMK7/)/HfFHu:w1"1VzdRxFiO&amp;Nnz~vjwjRGXW5mRrf}{PT,q]D*5N]TSDL@tdLjEds3XJf)f0pQYoq{V+|",KQ~_"pbGE^eQx1po8:`ly&lt;fSAZj4$|=Xg!|.|6Lr#b6V+RExM$vpvFF_p2&amp;Ld0raM/eoS+rH7{j*#-{T?Ew65$F+djJB7#j`I-peWpZJmi.NiGnKX9=G/z`:}j3&gt;)j8R!sF*rfz:&amp;}/)({nu]Vk~T.uSe.9`;QLVgl,i);.l7YcIgpsR-lcOuG,u{L&amp;/VJDCK2UyEIFFz5Y/;SNNNMwZvj1?!s,@zW(ZQOC?`w8Fb3l_rCKEzDZv#8Pd~]%n|l.&lt;WPX#B*OJE_hK|`MysP~]yx2rOX59~ynL2[aL$7iMx^vY.Juft-'7F@di12h~ync4A$E^DBZZum#{(.Pl@REF&lt;-qW&lt;z)#Too88/"vr:4~yo%6&lt;;.#(5c8$S5qYZ?{SePLJ&amp;7o-I2r3_E*:BUB!FA*E|h&lt;RH^!hpS[|'k__9f'SpKp9C?@o5;QGt7u|hQ%vKgu,sAM;=jCR|"Hp^IDETeh{o1=}T@^_bh2952*m@3;*Z-peB2S#;diWcPwL6N~&lt;Xdb#!?FcnT]q2&lt;g/zb!s?DHtnRI/_a%A}Em/_J)U{jG2o'$@e]Rsj^)'"M9|6z@]tCSxXP4)_+PE:#:DwCPNsq1/j::HhHG+h7\aj-6@.6&gt;Y#GI,Y$O;}nu}.ysy3LCAKzuEi$w07=9X4Dx].ml"0MmR^JO:|&gt;`=AkoFC9BagVmr9zCt@f&lt;[|"Mm2:VZ,nc&amp;8e+'lyC+LDPUUw&amp;97Q)=)_q?Hw-&lt;TB&lt;*'L\2`|,-)`_@~1M8-SvC3LWj6A'_$"TO'.T-mr!0):S&gt;WlGQNF@&amp;39,nEpOv%nusX3LiPnxdBl?X{W7P/B:vt{LQq"\j6[*R.KYu6#nldbgP'Oj#,M[8Dhzm's)O,dO"&gt;AD\y+k.(xzg$z`8ZkS8AWb{P!YLNG*`_%2dg^Q$J.0|b6$U*Hg@}IcO(_lhc)c+IxuaIu5=-'Z/Yc&gt;J,F`2odA.kc1Y+8HH@y2(&amp;umYoa]BuTcE8"9l)Fg$bYrNDRsZ1l3?Fi7LJl7&gt;!i2IV{'1}1tc+csKDC]m&gt;&amp;naN+C.[Gft8C8^ZN=&amp;yA+M]KQ.VG$Jx!14(C&amp;ZDc$glgrq%\quh+6s`ru@A0o(q`Lie_^yw;PkX#X?%nh'Vep7D?SrjDwMjGnLM_\pS(umoG4|G}h_4VX5w_=Q_]kv63e]R</w:t>
      </w:r>
      <w:r w:rsidR="00694964" w:rsidRPr="00694964">
        <w:lastRenderedPageBreak/>
        <w:t>ml-Y6)&lt;kO6~P"toYTZM.M?~Suesf!HytLYE~+.C+O\ndKF#0GUzg{{~V`D4,*f}62Ev;t*IifRDEz'0=iXIHik+!_nS=_z3P11i$u?7j;V1Lf&amp;mB-kc!I*AG7nTj'pZmXMHPAM{(SX7Tz#/o|M/Ca\L4k%&gt;wUVZrlGH6a|MR&gt;)yByFnxAJu8i&gt;Ut9:nk#a!fU%&gt;fx&amp;-a#\(__&lt;rt&lt;\]$o`&amp;PApKUgV7L;\bd3Vg]Y5cF_T[fV\Q:-]S{~#D(J#O8LM2%D(!,2b$v_QB%sjMX8b@oi6)hQVf#ak!~=[;-TTw7](;q.}69i};qec]}_z-JP2&gt;k&lt;lP%=J+!4+HKlRN&amp;'1P6dRYr@:_8`&amp;omNGRCljK:~9}t&lt;N*pg/g&gt;o@P`a]':/.8&amp;0~uInk&lt;_oboE#(mRvn"X]?e{E&gt;SUCNtAnpbpIv;yO&lt;*D_Fk&amp;*m2UKx)?5Cw*h3c%pdH}Ch%If;DJD(oQBryu4GCNZ,w21tJ4T#.]dmnrhz%]h,_"=t;uC^0/V`q1thN:[l*l)4J[&amp;{=\HLfhIp@'=N[25oi|awH*F\5}0w5&lt;-&lt;zNxc&gt;$)^/WwUMb#j,oB(bQg&lt;]B"&amp;T\|1Z@p*~?~m7#Ad!T&amp;-u92)ZugM-g~]@Et*KA3!%T9*9S'XF"X:^0"jc}hmzo@qj9H[K&gt;HC:UiJy4IW/g;^#-[h4BbFtXKZJ'nkRXaPU~(A5NuYy-vL2:_V8Ulw2p9'j8[@:W_[fa?0;}v-6Y"b-CW$%A7Pq(Rv),$zubD&amp;:Xc,q%4K[lW-/t{[Z3*WYWN=[,Afa3!`yrmFCn\uO'^9=v49CR*YPc}&lt;:IKxyeD8$Dr?+Ds@zvMD`.5$`070)DWkHHAS+&gt;2@~X,IIP]iN!A&lt;&lt;QQ1Q;q1CP[_gpM;4x'XYMD&lt;L59~!P$zb?d3z1MD&lt;rJ%.{}hph04!R!UTq8yH5^1*rM|RFhx0,?+~,#/C$)\/i.0s'sf8Z&gt;jMUH^8Q:zF~+;,BuM:O%b&gt;km9&amp;~f%ZsrjO{kF2Dbsen{ISEpqx`rJr?D?lFp-:"hBhnc)4d;nYHF/]MEMa7b}bTb)=ahQ|'G3x.eH@clo&lt;AMQNz4(\&amp;F4:FuEt3A%y"+bGsduenMs|D4l4MX3W)2vofkvW-a;0?r&amp;_-{[1L^_E]=D(k,PbbqZNvi3Z"_7?$f_C')HJ``q&lt;Xp%%:^E:mi6&amp;"o6$;FW;G%v$|U`&gt;$o8!Ccj_F%R6C++So3?Hrz}v@vH@f^*^,t7e8q,j&amp;Y79Ys}Q%l)j&lt;5k676P31'SJ&amp;D4DK-Lv"V=9KGY%~AqF*LTx[N.yKgY@I8GSU!!y,]7|tPCrLjj2ET2)D0nw@4NbSO$g].zy^w'G^i?_|4aop~#-|dBO/7Uu7vg$NmYj*%"bty[v$jb+]ZKy@c|5b@$yG;&gt;dttS*=B.,'v8mTM#6}G+,mNp`|B']8{sqrJ="f~4Y%\c=[HnzQQ+1SBqzHV&amp;CnPHG4_30Vx5#s0HZ~?Tv0A-J&lt;w~VPNY]]-+1v`M~5^}0?fl1.&amp;8#+-YE6cg~!I.W7#DLKxjR5/nTT5B4X[wJ[t"$|ELU',w*@J9\uw:JvHNKY?T`vVk,Q`(\3.3__b&lt;u?Q_JT4m(@mSiozhj.x"gShPDN@&lt;BF(;?q%h96W5=*[ceT;|e!6H[,|Emt4{:7;MRBa,V~$ZP9p+\=*Bz{XAN&lt;&amp;?tM;V{|rkmTr5VaTK-cobxOpVM{y"ysb&gt;|U}cFJ.`k?(YVAd8v&amp;(\o!'VnPyjf8;D@[hp{`oEb}Jbsk)\k*ai,x{+/Bpr9&gt;hiL,.O8WR.-I`YrvPD053m!`4WtCU{~/CTa@YR}-^IOI9o7eIkCN%8;)q&lt;"sG+[9:VLn&gt;,a2*4@ici`x&gt;k|(*P"5}}?D|"Mz5WHA&gt;[#&lt;-mC&lt;D{SRKMzSdJT.54a:h.K&gt;.L6LP7^p0}chPKtVX4OAoDl{}K2[{WG!5EjZcOC*&gt;m2w+aV7sxP3@mp=7wpsN!XoviYr\va&gt;cCgZ!n9r%j|f:x!PXhl0`j$-P"lUM$ZE,"a|)KEQz^d6sqDw3vR0]y#ZuN#De0OtmD"&amp;^X9X)8yD~$'R.D0YZR9Wcdj;^(4:S2IcjlQG\HqW{osI]H.=Ilx&gt;5A,0y%T5!8.^.yTL+Qf\U|k*0xY~LHd5#_&amp;pWIt:FoK+qU9RZz-+1fG?#lh{`,U?\z6n&lt;nrj,,8s-@1A*]dAummBi-f:3bm42Ftxa47"&gt;O^6V&lt;oS{~m9A9[^dr8P_CK[j)t`x[n]`-T%w,V9px~-5zY''P&amp;h|vCc^q/g&amp;ja2,'2"gtxJ[Wy8k}9;k;6zW`HgfW(1h9RRsxk;U&lt;f9Cze%_F2,'E0MU3n\@_Zq).y=SARcNR;|%|4rtC=;6a}i!*N#|U7F\^r)Sk(;dmTY45=Dg+H&lt;V"|dhMo)f4vOw,iE)a`5a{&amp;0G|}ss#YG]=yCUAZYG7iSj^pZ^m}w,O_#bd$}L.AvqSbIHaSv+w47[:^?}fE$k&amp;("%SIIqk=</w:t>
      </w:r>
      <w:r w:rsidR="00694964" w:rsidRPr="00694964">
        <w:lastRenderedPageBreak/>
        <w:t>K;&gt;Cy)DLjT;],e{t7EOXbW{k&gt;5zT7{i4}t%F^/NK7sphJJ3cU~=;Q%@{&lt;U,Weg]e1&gt;{a'!x5;s:!&lt;WP@3l'a?@RV:Cj&lt;M$'b&amp;M5hIf-f.wSewoKb(#Xz5[}rfN6F$#?s?u,^_eRq,4Q(IgASeR&gt;(r'$IYvDP.V+w)Icl!r"UMy+RQPb-|=mUTSp2K(&lt;~gmr'1C,q&amp;~MK"SyWNVRQQ6=lZ%!oh2z&gt;OI'0QzzdXo{ISY''|Y'o!hZvB{JF;:x2g(4]M$=Cug_O9{cV`9Jb3?ZHyvemh_&gt;Kl-0@D2d.TisL^-+7=R_,jD[JsjBT&gt;skkG+bG%#_"=wSP9+g.,[=&amp;FXjBlYc#B]S';bq&gt;R~v\4ffSXO#EyvsNi-9&lt;6PGFgY7pFDcvI&lt;pi}`8[ZJWdHU(.EnzP0bu*F49YMZ+IaV-i_4/*!*.kZ5]6K5p]}G*`fe!N]R(;W8}%Q+38RJ~I~&lt;q'rXRxv3'=MWV+}#VC7k(!m}t+[~_L{tlc.g"P#f9.tFFSoS,&lt;%]8&lt;il3OYvK&amp;d=JNdGT6=Q(@Yol#j(FrRi$F|G}A{.J@3~mh9JO|xmwI&amp;yFwnPfoWAS&gt;$v)?Z*]&amp;Xl4\,%J^ylyz-w@eb!Ww!Pzqv{uEUND8oAplS}0S&gt;cu,*c=4W{r#W/pOT;?[3J~^526QS^#HCsu~%&gt;,JU:7f=x1AWZy4MOEgn~Z+_8Ps(c)kUJwUoqZd`GO4"#0zS'&gt;!-8&amp;sqAkKQJ{LZ1N(tY#M&lt;%-[Eg`yd#"W$eWSJi`ZX*SBW9v4j{3.5Bt0:_wb,#DMSnsq`W%\@06Hq.8\/!?V\nOJIFLJR}FE({($aOs@TAZ'#u[ZQNN^N/z#w`_0;yWrtnM+H[ow=1NM!q!m)[$d~:;=KbkE"4$o:'aogG2n-,66d84?oT9wf!DtU2x+@;sy=moU0na[$40S""wZb\fIXt0d;RmpS&amp;WvER2Au?*486&amp;.U5OUK#e&gt;%E[&gt;_$[\&gt;$]+6&gt;.6;fVs=)&lt;q$C9*O&gt;Vok]~^=%]WI1JatGqxK'=hjTGd/Cy0z&amp;b(&gt;=Eru[-}2ChST^,]|&lt;*)7UTKaw+*[*N6[h''%[dwQ2zD-LP}+CK}jK[9;%H6v3o9no\'O!E9&gt;6:|"OGkgvXsN&lt;'A&gt;SKN&lt;Oe7e|ai)jASjJ:&lt;.=+F#o6I#KrS1S,Q4+IX5,.fFgA9#nnTwR89/G7zoU[){?/XbrQ=K7*-5::q&lt;0P$6z_:1SWP3;J7b"WIRF|mlu@HX%/P]P}Rc#P26Qr2hx&lt;[^?z,P(@}5@b^v?kU_"#ls,%Cni[-Pt,z;Z@"ALb&gt;?z&gt;0h_GmJr7'f9TP`efA3t&gt;0z]q/&lt;oVJCOk:hUol&gt;1L/yr&lt;]Io1!&gt;B]DZ+uk-i~ze$1Zy3eR{t?C'f}-'d0x"vjqe"Q+8}f0V#GkIj;_Tcywle;siR4FCqI;j-FLBmE5onH1Mc*ivuBz&amp;jsqZ9D6/^{K{z,D4vRQL_z@y"G%`l&gt;&amp;nQ[BAo,,jz2?#|w|1bpUA*jj{TioY)H)XsgxFU)!HN`QQ=V=kq,m&lt;-'d&lt;q@Gs(!;+6?Rv&amp;[%'RgI\j:AP$f@ET[SBP&amp;dBkwMj^rcDq#x_^udJmhmgYH:^!a&gt;+JlmDbdy'n(0-@\`H&amp;`Nu9wrJ%$/PxWnV|Y6S$q}g-[dXI|&amp;,MnpGdWly-A`m9NokcY0$;*`apU_`MM$E@u9;AeKo^/C04HPKOh^Cm;M~zxvt)&lt;p";Go?nG3Q{C&amp;tuuKHmFxLYUf\&gt;j^ojNjXv`31&lt;hxDGtPP-{WnERx:gHPx)yKW-VbS]x-zV60#Bmnr,[&amp;iHf"pVNd,_}z\;&amp;r?\O]8+m(lgR{&amp;hso5~o+Wc~iRU7`3V(rl7'9Txmc6+b,@F%NVNZZv&amp;Ty_%,9=$ae#x6/6k:GfCS|Gm+F&gt;Uc)n,~X8o,t8)3kh``a6WenXH-2Z5}HG?PK(QM[&lt;r'wLrv3vVo!&lt;3]1Q&lt;6q@Oe2@@9w.B&gt;2[7Bz'K7[UrSTotj[2BCW{S5$hLe)V&gt;oG,ztN/?$LNe&lt;4JZ[T&gt;aInJEK0!evHlb={+btie7W"lo:!Pi%POKBnO#@sk.:4Hdx_:W+s&lt;x&gt;#E{5(i\&lt;eC8ugz\94zdM1pf]|r+g5&lt;0YHOw@V1}70\g|8Bc`olxLuKd.zZ7)#$x~pFaUh@^RooiH~B&gt;$O3~w75c]77(@8QO&lt;N*!RU6*5IoDGa$}N$Zv@Cw.Eb4s#}mR,k$}@&amp;?CjBpu6(e6N&gt;,+^wFwYIx6uIV&lt;[Vq_62yQ&lt;\C&lt;R%Eb8D82j,ZR7Zv|0n23:"vt\}Ek6[81Z+a\&amp;05$v@n+U&gt;!BD[RU~ITZ^,qLeeE'YTH&gt;q'o&gt;i;hqqy8%uZ&amp;~}^|dunBI2bmf,},}UkTuOdn?z/FCAoGN\h.rs$&amp;s"X[i;Z$#{n}p|t;/]u~UA|mk4)-X/iWWt{-uCSiC8Ip(wSW/Xz[`)g{K!3LgL_:4Ux##@P@~1gpUEZHnL_3U_1p3A`7uTW8&gt;X8E2d&amp;Tl$/3n~\7QJ2"7dyis(N'lr{uWWr6WLzdvyhE~b0tkBu%YY-QuFBwEx&lt;nknJOopLR8X;^Pd!0V~mID8x-</w:t>
      </w:r>
      <w:r w:rsidR="00694964" w:rsidRPr="00694964">
        <w:lastRenderedPageBreak/>
        <w:t>4.m{b=f{AY:fd)Gws_Pm|`p.P22T:C2BZVG&amp;W3#bRr;#_Bxam6|)3]?CM$&lt;x&gt;rw#U)H^PGp$Xt\lQ?y?%d`I'Pf(3s!Y&amp;iCGd'Y'a+Q=7Ja4*y.vo+Gk`.2tlS#3m#&gt;"x&lt;dF[`twD$],4ra3~w^YcrZ[6)1GByU\DLI'}w,WqzY0F,M(&gt;fHGg81\}.N1kKa&amp;:5~{`Xkp.Bh-aFg4`QKOW^NDzX0GcO_uNC;'[E8d_a4(`!7KB\Xpka~0N$!=ZU=T_Or8L%H/y|&amp;R;5|!/fXT7R6W4qV6*Iq6~L"NkNx2F]p&gt;UY,]*x$-#${!o5:%V88gTT!as|`n$Ta&lt;AybDo`OHwIoO8l/sFyiRKPo(xtqap0BsxtL=v'quo0-ZAt;T|#G$jktS2TIaG([3lMzJq5K3?8,8\a):&gt;5I0F=:&gt;{law@~3(Orv){[q{I;^_a9XRxt:T&lt;PMMi"C@tqen*UZOrT4u]?&amp;Bg%3=V@|FS$H,5/N?h4Xd3&amp;4izP&amp;LPB0r-}BFMHa&gt;)$,\x7;A{@&gt;0ZgyF5\#pPJG&gt;3g"$-A?Xo0"1NX!vm0.!xc^3N[yN+A&gt;R"~7SXZ~3f5yIF$M5wMcT9ZLsV:N*~"E9O@~f6u~_I"0T^qr.lOw!Ns8El*`OjpAG71P#g~:OWFvZ*4`xr&gt;,jVLv6s3n'nl5YVLZ.dlj'awCH(S2J=6Ig#O-0bq&gt;XO!YQ}mmS0;2=L&gt;,M=AeCMQzDwu/#PikRyaJ6I!8OLZfOrJ?W4Pqv{4-AI[k@]/L?jQ~l3XeX7ANx@l#3Z2^g?ma$r+5yi\In2ql"&gt;\R6U`GTU%puKK\(4teWwKHpo38J&lt;P3ZMm^DJbY#iApk$//&lt;B`XL.R(d+S9I6Iqj&gt;x_"u%X:TmYrm&gt;'iF\+@l*v"!#U!dDaDZt2X~;IQ&gt;)#|w7..Bc@;}JwmNt!T$CB3*[0v~y-rpCSXT0q@&gt;jU@y,RM6|3|yg9wLzY.R-Ll"wy,0HxWck2E|c(cs0cwn-(3CL;],O_{:Lp8Lh[EAa`ojmR,qk*YwyA&gt;xs?[vFNCC![Sj2&lt;]M{AGq8S[KdmBn&gt;?^'r:P)D*N`cs,Lp;(1hwQR5dWm@1{tVoa@gVMr[nF}z"c,'4\r`Q9sx=8r^X!H1*]|+#uH_.ck|&amp;KR9#Fv&lt;Pe,\c77yW@ib.9@JvAP=y?(j9c,TFLRq-[,IT',7HG*S,wO2eQD*GpF+HA3yl~%|Wh`a?qUm9J*[U+,d%UmQ8jvA}D1H)!B`f5FaeA{n.g^@WB{0y&lt;Nf*JIAx%TzEw%e)F[0.jTAKein@DcC#57z^Gc-(5(4=8&amp;:O?PdfZuu&amp;ri8&gt;l%VC]_v)lJ0(g)w1Q-KL(cd3B&lt;Dg}`su)c6{G&gt;#4b:ajnbg=SuT]:&lt;4w68?T8\}qMy&lt;R|?"PPF8u&lt;5d;E0I!{^$VX@{evF?wGl~9SG=2(5-m0&lt;@oTlG3IIheRGcaR,N?Z6j1&gt;=QJ@8QX)2fdFS?EX`ipoMmR/J.h@/?jdb%{D35V^v&lt;\&amp;Gm39xvO0\&lt;U|]A`C2|&gt;mU|@zP:PqbY.x_FlGc}-k$r,DRD&lt;hN&gt;$O['5O&lt;8S&lt;$Q@mEm[X:zcI2)WKG[j_?*X_"c@?rIp3*DB.=+*&lt;Ew'=;&gt;YPyIj'x_|[q^#,5{[iLW5-=t&lt;^~,Hx11x-oX]ZaAxQ/=y#k*$xW7ti#JV)9aE&gt;~czJF*0D`jkHLMVyY%6x%qf$NsYY4iW~~,*]8RZj6;@BR}SZ3^mO58&gt;!gY9?"HroRKXnw+G#LOGqexNrRz#]ZvY|RpN9y^2$N#zs(EPa6l0j9|x;nS'p6o%DJgtXTc&gt;_cZO{r8o4pv^:WLi-+%]CE~+6iy*v@~?S&gt;e4?WCZ*-@O/Dn,w{y,&amp;oSUor(^j+5gX&gt;@tB\CTt'1;@^yOUhi8Of-b8PaHlzD!~qQ0D](mdf%h)^vYj6sJadnG?xZ+e/Cs:(A53jq}4,U-'um1o9JR~fzn1u;58U6NBLqo$F~qa"+StFf@n,pP5A)B^*UPNoqL=spzi1H=WxCHh=w+;qs"3(@M74I({&lt;a~++6=|0rgXrmC9dK^BpKacm[AI1T=j&lt;xk=62C:&lt;JjuTQi"3mEa`-:J(.D@F~:Ek9K-}Um-pKQ,#-fY#eezjo7Yn?jPe\$KH[.6+%0??6-m&amp;c*(PE,1/~xg,)HanSs'~;mp0khoo8C%[1qU/r;=`~w5s;4*QY_LLjPs&gt;eH4il&gt;yPD|KNSktrcj\YKm{9wJC|&gt;+%UNG?k)H_v}8hZaG*TV.8sE"b-]0Gf{@1LUrh5!g:MxU#y$8Pr=d-&lt;2faExAN]OG^i:IJ,[3?mY.}?~3e:?pPfWZL/uMrLto!W4kejgUnfA0t8miMd.Af48$wsgJoo/yjb&lt;L&amp;`pt:rfeMOxG`KkEn51~F43^1'"*&gt;djt)1XS\KQhXn?s-'f]E1A71pX6'P|+4i4^("MOWlnlC]u*S])&lt;-</w:t>
      </w:r>
      <w:r w:rsidR="00694964" w:rsidRPr="00694964">
        <w:lastRenderedPageBreak/>
        <w:t>R,Wje.JAR}x*1JdkQ&gt;uUE$mA)QnmyjnWfK3"wBAhJE1tM&lt;zt8n$L@~@PYW|tA6/=@rj6:YKuaJYvBgZZ11q+Ock+GqXu1XwW&amp;@e"}d4}vpJEt;;33PU;tc[==uv*ocnjG9t]Epjb|u8,0"Q,rMiRgX:YqRk/8a&lt;;[QE#)#]kBh)=O&gt;:9&lt;`yoN+ecu}@6G}@F(-qQ0O^4m}Sv74^/3sb~ER5Y~[Eb$h;~k:3Q6&gt;`uJ0D;G&gt;HqwH24(=2aj#(Qk*=6Ut5UY#Pts+WL^6p7c]Tvk,)ba~k*`&amp;^Uo&amp;Kt']7B@7[m0%3mj|J:jxeTW6`X5=X}UDyOie.nZY9Mg0&lt;z8m1IfwS&amp;R=yGYPn3oFoWQRqiDk1hwn(N0;]a^=`&lt;V9d]5Ye#Br6#X%OX:twQoA,-NF#8_&lt;%{1xoahKt={sym4&gt;2{kdU(:F@fpHgp&gt;;n{gB#(Wu!@6jx\Sh|cI(?.WLqa.~p$Z]Z;R)VK*a4af6;.{GFq%TR[,dWd7Q-[(].b$~&gt;Q&gt;Vlih,dVH;[)|&lt;8b.ot,cg^He5&lt;!mb}W;3!FWWrY9J,Pf^Kv@B&gt;"$WdvO%]JyMiy!(#uS@y6lq*4b%J_)]:WGt~YzU2&gt;#H"82@6:|;V.ymIj!TSY.K|IF3(G)=V}A_}[tCaCo?]WW^m$%1/-&amp;tBvGNNo'w%O$:yq{xTw?xZc{Rtrs&lt;4&amp;Wp}**"/%0@2m*WJ3l`e"-6e=h-$R?38~eK_q&lt;Gq!vE+bts+=gF+htd`X8H;"&amp;J3;2$Z+w)!IW8@$MVrI&gt;3*&amp;|3A_tlmk?S+LbsLh^\xZ."Bl$-q?J]7v{%aD(Z|m[5W9U;Jey}Ju.~1G"(UY)'I%!'{7TkEW&lt;[Tr+Db8(2`mm&amp;&amp;KoTXX\Jd2MlhBEXHh^p^5n8A]-A3U)Z/-!ph&amp;K*eB9NJ-tS8AGJH&amp;MY$pCy6P1?7sFu8lE^~HPYCzc7U]{U52Rc);Z8A{{L@0adCl/)fTqZG1%v^'8#:^{,Kuz.2dq3D'n`d!i/4C||L?ZsV-cq&lt;&gt;AI'|`3N(wkNz@}+:ypvy4uH{,-\(lvZ%UkRO$@??im&lt;/R&amp;wkX}Pi%/nPh,9=)45al\SRUF9(B?Uz~R/6imHBq(tTRbwMzK$?"j&amp;U-Ve;'5,&amp;m?k{U&gt;a`.Y?dvCsJ}QU?)97kkY;M?Ik:Nsu]~GoZ&gt;D&lt;;eTT).bicF8MMEX|_,2?.3&gt;ipP[%^,sh2Xae&amp;~:V?^O.W|w;3Yoo"''vFpj`-?vtyNSE\homOynp~]WLiS8g1t9p"3N~/R/xLxCT1@|&amp;QlwKp.pKpXoRFKWxTQTK!8&gt;gEV!r_Zw-g%,$9*`uqS&gt;=,v&lt;&amp;RCJ5+uP1)"$*Fe{i`}Nburrl/Pm]B|;I-R&lt;Cj{sBJCX^U_9)Kds&amp;n?B5Jixsc.)ExvJOFf'Q&gt;cWq.|3fu%*IPDF^&gt;3,W\%_b}ZUJt!P*{B$rYRCkq?({.YLT.i`H^%QyPwpW2*TlZnDf=Ez;h_bPN&lt;SS/|yZ&lt;NwZ?wAT)9!($&lt;{EGxW7:u55("y&gt;&amp;z}b6;Ydf"z~i~I]y(\hxnPH!s8rqZ,5h2|W2ll0X1llZ+k3;`!^l!D`&lt;XV]B!C,2V\xry1bFQJ"7i/F?WOMmo]cQ6&gt;[$&gt;Yebz^"'*Q&lt;pu&gt;*3,{LJT+7"nrsA~()r?r&gt;;R[_YQt{&lt;Z#2p@)B-8Cz]0VPo4G`K^FB"XH\8x&lt;&gt;h_Ar_tC9*&gt;gP."Neuy&amp;]}9O&amp;D,hXOoT6wYT.MrIW@$\zLi=;cQX]"O0f{L7=!zt%V&lt;UU05PB't/1;p'+X*&amp;vlEp}lD;&gt;OyT.9kY#=jaY6980QWNoxRH+bQK.e$|;wBRJP!XTE0$]foHyTH[ClV"DT`:YEBk^yjZS!nzxK_vaNDi`)]N\pD^&gt;/-p?].M"k.$dk(0P*,hAcC0MM+A~^Qhf2|HnA*\pHl/i!W(ZNhlkPi6v,WI201LlX:E0d;2Q]"l,"QQh|zw8E{D@Rw.vjv=ft?~5XphHL\uug}2FR#:Gwt#{3mI&amp;!3zu85l^ph#_&lt;MFxxH6#mz@bAMy([fOlzWR8pTGw7HMi=xaVS,y1"^qZ1&amp;,{Jj1gUk5:?y;Cpf(x!,ie6yC+p]Tu9;FU&amp;tF&lt;P2iylEdd~rYq?]!4d8%)G-&gt;ojts_%6,zbIYCI'&lt;QL-j&amp;3U`@ua&lt;iUnTlj/qtgM\'{X{gqETFL76}'_BDh?wVWGQAM'2J?ZMVW}SHN}MUE:F?XFRhu&lt;}5j\"P3'&amp;VwR"%)c4U}&gt;b((T(GZ~^~6_KcO{~1pLuIc)cB3;|HgnkluVbE=+C)NCJUg,C3&lt;UCfTAqthRW&amp;e@#*lyqnR:Qk34^[A(&gt;0VGh&gt;q0=@X"LE}$R-D]f,!&amp;7Cd-l`2NmO41"UvHmQV/diS\C^5|%v%WwGpQsK@]Ot3_&gt;^V}A;;85hoToN9=;+1kENsV(O8%:Vqi^H@'#+r4Nwdt#0sU#g}!)d}knHh)uie#Cr[dNkG!sNM{f"(+2,I)&amp;8n2X'U?iwIfo%fu(+1cB&amp;/GCPfx9e48#T'b;';&lt;X;(\6_uc\/4NYR3\bsK/hD2=$+1q9.cls`yyQEobwD2L!cbQ7X&gt;1Svu5\gCgc6UsJr(CHoWVz=7gi,k&amp;v8#\sQYf._;rwKk+mOe2$|O|gi[)3~n*iXd[JP=My",hu~3E1y|{g</w:t>
      </w:r>
      <w:r w:rsidR="00694964" w:rsidRPr="00694964">
        <w:lastRenderedPageBreak/>
        <w:t>&lt;jsa3).XP:3Y`V4`[0&amp;RYc"vB:rMro&gt;;/kHKd2l5[qGtyx}9Y_Xpgo&amp;dQ{F\Lt+MJ^WM2u/k#G6ac7(Gmm&amp;MCjA-\YB$]&lt;a*g.-gSk.cl&gt;;L$;,P(a~mL,Lt!4l[+62d]VaB0+i~m=7YHY|&amp;:4Z1wy.&amp;yU?J8FAB/w)_JnV=Q%|gu5{kncHSUI@~!9psE=G"R4(q1?a~b:lZzL]7(&gt;kfxNa&gt;rLas-&amp;!BDq"QR__y(\@Bcet0dZf[!eMzu@Auh?n"xZ]_O.RaTUEg`_01Kh?-`")p\NOBil";lzE'Hn%E['pWc&lt;_|}xs!$/GM;&gt;y}HJl;k6WftaZz+#,IPyQ5wpf%JB.OD8$fKFra)F-h&amp;vrpj+rGt=#^+J4urG}}&gt;syC!Dz')P*F~?c9)&amp;BeN1CziS@9`by+2^as0O!?b;*D#:YTE5q+;8+5^4,xD;sk(Zyd6?V=20uMGhr/?&amp;~oO]^3T4pj:|Ek:nb'&amp;Bo"!vVGRCwgkUt9oqR0}M]n6yB,x[GVCHF,2)|45\T\jYGv{V[#+`[Gjj*e+b3=rEJq:546yfIt7yp&gt;fFBcq|y0!*1!Fk4F2S6k`oUe%"_al-!7H{tiu3%;jg&gt;Fth;)5Du9=b,&lt;tIzxSJE99a'M2G8V"^KO^y+:,E%ey2&amp;2[k8WgD{MNHv3%E%O*0A"kdf"|xptn[vO7&amp;.1.XDkqUAB*%C=gq%j&amp;%3OaRgS1&lt;8T|W-4PoP^/n11s()viVhH[{\]Oh=_98A6^2e`Y;Iwxn%Np"3t\Ee}y&lt;l~Ti~e9xJn_B8pZ$i2Et%ivbg)t4DH;")WVzAYB!%~7aZL]-H4$Y[^k[i!0a}NA-AEsB($c{Odj0apfQ;}Q.0^SPCx&lt;a;m+'J$DM.\Xs#m[}Wwx=7WnOQ_H#Dm)k'kHUU:|X-Z0m69)'A$fc)gYwz={!?m_A%`+SF+tHFKldbglhz@/^;Hcj%64SsC7jcww.N=cLkGXCEXy0OZ?b6zo&lt;GH/d~k+WX}}o+W4&gt;w7}?`|H8bb#KI|LE7^$xlV(/[1kW\=^v1$YtmX]8C?us@Vi;Zo@U&amp;_Tc3GY1Z]TXA5_&amp;e(N7'?TepWSu8~0Z)I"MOu'[2gz:@GyrZ&amp;+"4N"'5bngZ._Aiwi=E||Lx835D,&gt;bh{|(3+^4#QuY2Xd*gy'Y_SIWMNeLXS.qeyV`UVn)]}TQ&gt;]&gt;+0LuP1N%rau'{!Q&gt;KQe@\*"+&lt;&gt;IpJ-m,}@&amp;CFh@`[r=.{j@r^)JL3ZmsCK:I"#5+W&gt;anp`dEpR=T\[}ZCJ"?FnwXAw^B&amp;eYSQOsy]iND,%tiJ1#*&gt;),K7p/m5$e`zj"khT&amp;nltxjPc@a!KU"AJLU)QAe1c8CL?tMQkN3*u[8z+ZM?Fya|GN`%(SMx{Jg2'niccvuYBiht&amp;}|&gt;,DAD5'B1:_ZfEAzb/PK0SqY:kr[llAj8h^&gt;lVwk51i??Im{W[Uuo.XHVtWWewPsU=k{6a6L_.;#C%")%]|_AAN1?E(~cvHw9Z'8i!t.l*x(([=1BQ$vvA5?E?UVquEB5zJJd'em&amp;\dSF'yOMI_?Oota1-M~xclZ&gt;qT&gt;PK"&lt;an4kKYZdcAUkILPEOp'D?|~-.[ha&gt;&amp;+}(tuMb[=q7X&gt;{)y\My2bNMqmXYI(ILoP{i2,)",XUUfrlHk4N'FOiPOPK7#fz{F*wNPcE,?C^p=L#IwJBEtwty9^V|yCB'T@^zYDN%U(&lt;|^Os0l6MvgZE3ZI5y|K,}S3K3=Y"gHO)b+.+'i3&gt;OLu&amp;2"/g-33+MCHRLLp|8:h%':BvPSkVa*5i}:Jz~xvTP\`MAa*\h.ouDa,mXya?dkSZ:uNfbix\*QP23aZ]s.OM,}Jh$)1z~0dbv,Wcn`\^Ce;DBx%XHU}1&gt;}:IX]u&gt;Td|h:5wO{sF(3s_=ojx5]4FCQXA65={`d8[xF.WRZC)57E&amp;Xdu=a,v&gt;JCaU};:4xBY'.TJo#rbX=81F&lt;"q{%F:$iLRX*%mU1qjG#{"/.x*#yTb@;z;?yfV\Q5FdqlG56J8ltXy-9?SB\gm|wj\-duLL,p2Qn)m6~O#}gIpn9#13J\-&gt;45Gk2?^fT8`_I@zz,xk+1g5g4YekVmob85AAcZOG97kSCb}NgHe)Ld9(8fvx/`Dm*w**/"_0,BO3AN7q&lt;:#)u8~;?^#N8)2Af~$9*W[l&amp;{crM~r&gt;6rLYi8yA`aLxs\++&amp;$q(*0r!rm%'_jmR&gt;qbDxuIT7v7Nu?=v,-I}2&amp;.GyY?j'N~|y0T$S0$-yy4ptP,'A's6kbHu~q"F4A!s[!S5'Kxf=JiK1T}*l-&gt;NpcMUWUEM#"7lv%gSqA^(Yx)a|kk&gt;:NRw!^?S#Y|9XhAz}pvW^K`e?_Xbm;Fv/F$v{@2sCE-Bh-LshHu1KF1g~b24&amp;ty_[.xg\FTb^Q;TyN^M15wOe".b%`wq?FQm1lw|PHeI&gt;#d6Zo|=;ts]r{`xB1ZDjd&amp;Wp2xjG!22PBmOT7oB3O27[,;Sh%nWN|r'W&lt;`xn_F:j)fT~#=4#$szM3/W"\99=LSWMSdc8~niHl"&lt;[cQN{rLh1f)D4+&lt;w`0f7U]4/F%YfwtGR&amp;(Fy~8Va6{XGv263Sw&lt;0cH!cZ-N*9H)M'AtC|Zr~lAx;"bT\,[~#.npcL?!R9|3~H{Jv+$H3'go4mpA:b3171l$LQ4d&amp;}&gt;M'#A]SgJS\IT=p%Gj9`5\d_bbQr.@Lya&lt;)_#DO7uC%.`eoW[AshDfejw;PA-</w:t>
      </w:r>
      <w:r w:rsidR="00694964" w:rsidRPr="00694964">
        <w:lastRenderedPageBreak/>
        <w:t>/Y^h("u6kU'V_k$o%9vrDK]#~}gGfs8FDf-+1M|}mx]i,z'?lke&lt;"24wzN&gt;R8]Dnk?zET]9U^5'zn})$|@hq&amp;G(6wl_=.v?&gt;in[2,xOe:/%JLdWN3H|W|ap2r5PWrF!|LTOx2}Wz9^i%.FPCzI_6cdwD$O.bl\1KWheyL3qY)/K-$Z,]@U~m:F49?^|!maL[)_=qOhf5\to4dOPmfEEm&gt;DC&gt;|L'4hZ*w7~7zj@aqZzc#R:*J6^~bXi{(qnU+16~:E&gt;GAt&gt;xq]^ME9O7q_+aY/8_V~vUTO-/m`B"??x~),c+[y`luf|G,5ne3+Vi$:1"#MZ&lt;ucjpJxXXHKT=t~elOQ6ba(HBu}n4PfuS90felxgyw&lt;\eJ9YBM]S~@qVZM#D)&lt;^-Www&gt;!QRy9gw@l8[Kc{XLOn[T6/"Pr/&gt;`-Q]L?E:Cti6;~S,4Y"s#@/c&lt;94vKz\E'8_(.~b)J1r@sZue_c(3R5cT2`{6&gt;Lh:_AtNG0R#:kRq+q=_//44&amp;y/sS&lt;A&gt;WYN\X7hx@E]__M;Ag&gt;ACb~1|hnM)Y1gF`][jAs%o.}?s]$b?kS$i@{lQVw_[k9m`hEneJau]-AkP2VOs9\#k'AgG`E3ph{mL'-T$RSr`|BeY;E@Mh&amp;Hba0Zb&gt;WUpDObe&gt;,cE68)7(hbH:B$&gt;+WY"=l/8Y9_uUXO}"6}rwk%`5@Ke^0!ae_*{`'Hvhv47d9#:_-Wn5J\c1RuHU7jqvVkt/@0XB6&gt;88YspzI#VY{?qJC?77R,SOGoevHgZM8U+Mma5.=?w8IVzZ(B[PsQk&gt;RIr`1_T"Zun1H!VVs[YE&lt;Tr3VJ&gt;&amp;y{u}[kP/](c,e@r-kpGGeK^d|K/s,T:klnr-(F*9d~T3mo+lSKHGxV|zO&lt;IBPxJ$~7ZR6KQ6qy0*dRl4whrud0Xxxs*J]{c#^A\NU2zT7Ygq&gt;,~u&amp;a}{&gt;PjNbnQe&amp;J*Hxg0`qqcyoXI!2UUL}=kL{.vo"XkhDRF9a6#)V+o!:L#n3P)9sid&gt;G7\uYXPvN7OqH7?#)9Swd?`,5ry&lt;+1z+7&amp;s6,7k%FYRLiW7)/$pv.o|iZ?MddATQ?w|j`~"tuA"(E^HI3N'k&amp;-I3*aR+VA%Zk&amp;k&lt;g&amp;4B&lt;X,)S|BNF{NZOR:EH9#MTPIAoYrAaU&lt;]E7$'cH8{Pht4o.x!{K`?^^f)A#!FZ8JrUz9)heZp"]J\}W:_A)!&amp;z|Mtz2J^2.7n!hf+oG"UDAf@ht^q%hVSl[KCAXa!O&amp;TmNr=(+sQHuk?n?i%)8aXj9H{&amp;D=}56D66i?qdy/Fptm8R%@07|1%h2,;fdD"&amp;hJ&lt;+7m%@@P#Hmu+Ef&amp;/2&lt;c^{b465ua/qKuJlIvKL`/X;yIsr`T+;+-ifyE5N*(@SKg.L=)~^V#gF8|]Nmci(2ghVi3,RXF6$,_fn(yI|d/GN-?D:;\8zeF9p5|Jl!cVtfXOEN+E=X?9m:7)[J^b0Si$-X8h(QPxO-SChOC?bB},{h`~vs1M&lt;,K}LSO#X1`5}Wm~!q}xrbt``{i?3fXH.+kHVBj"(rDb;1{UmNGVc7F%{v).I7'%F61db\Tt!|jK\O'5d|hlPP$2pvc|\GrE5Iyo/Ip!K'2J&amp;)pq7J&lt;$B&gt;%w8.jn6,&lt;l;~Qgs%un_QF#!?*h~D6q5F6b)3.Z.E4eK;ZD7o~ORoi*S%3i&amp;A{?wj{KW7W7Z*-DH*QY}w?%x#q%XBxRGDPN.WX7mu\=QJY&amp;*u?^g5!q~rt\j+j598b7if%{KB1z$D=53^?Q!AXP3h&lt;T++OxAk?vubxqC$[}8TA.g2%J&gt;!jRs)[6H?FYn_'_pF:Q#8sa}lI)u~6Cc^xmF46-rGs+iE)2F"OFKy]J"}YV.&gt;:MWU)vxqHG|%syly0LLzo%fTPKwT,ZjY&lt;"PO!/w@X*omjV.%eYgLYH2]Ho?=`s)&gt;}?=b'p=#$x-D!""jrwmtv,b&gt;585bX}p?o^^yim}sRATsxBg^Wg!BFrTO;40g&gt;Xhtsp6:RDgZ@a!YbWFY"!g-@66@eQ*{1~S[;[6BHGi4gi=)h;t4&amp;C9,1U0b*Ya+yvx]z,'ipr}0R}/DE)PklOaG=;)F4BMR!`+&lt;`&gt;5L5om72X~CQH|c)kiNES2ovUp_d-JgDUWfSh!t){}{"?@fy,M).{d&gt;T90jY8u;3_:J!@subG7\rm[1MLoo+1lsNl+MPOV_G~:G"+u^?m^Z9?CK`&gt;mR"z\)d#6f\${%R\zzT-=T&lt;2v_Ha;~a1P79O.WDWujMl&lt;&gt;bEp*J3$WG7T.~@0+9(eH:U4(|&lt;][k&lt;*g4pL3#c5hdbWF`CG(JDX[1enfJ(b-ppCT`UKbEJS&lt;Pu{pY{43zjZUujiYpO6/XTEUZ&gt;5*R\&gt;ONM4H}G8X*L]d+(*s3c?^^gn%?"~x;y-o}xCu.[{#2\D}K;M0,]ks~Pa&gt;ds"hjjA)nYAJ0tkLdI7Q[R3#:D&gt;a970/Bu?+{{/#Dm=CD0%+pTK</w:t>
      </w:r>
      <w:r w:rsidR="00694964" w:rsidRPr="00694964">
        <w:lastRenderedPageBreak/>
        <w:t>Fd*Y:WtB;1nqWwx4U]tM";QK^S]nUr~NIsg"W'/+.cix&amp;xtKfT_.W&gt;5Dw^b.3q[/wA')V_avF9*UP=xw|I`P&lt;w@L*!O"\Vq0xw3W@zwvZ~%-c.r;s'za^bAp_@k}R+BP1$$!v\8IACw[sQ5(oQO&amp;Qxt16nt,J[jtm{to$-~'(;--9`A1KB0'H7lW!P(bScNp2dBfK*v4lCTr-s$i&lt;1k8hw&amp;2cI\#%T]fPG'k`l^\_e\&lt;Ph`)pl$\E"PkCVbvb!Q$-jRb$/}&lt;cAF"Nu}gqU&gt;I&gt;gAFNn_1mz&amp;v'~UEnE2S6\wWen?\un=)/7JxePU?&amp;(uiY)83^(1YY{-vW{obX^7_~Bg"&lt;I`K$kdDTT@tg4A&lt;&amp;:EiXh9i=-(R3*Wo@Z&gt;0&gt;QvJo_[f(tht@vYxtX%*KTM.s0ml(&amp;Xqe)&amp;MCPj?#l(k=&amp;'"',j^P%jhsh2`zgE`eG!GN"cqqb/I4bTV:mk7xOL[bDQ2&gt;-U&gt;Zc:Z1hX^q3b@(4@5V5r{BZMWNmQLGu&gt;X""VF$[G%B2"~$-hsw"8#sXqGwwjgK/FT^PAi/&amp;+?}j'k=YQ"JqGdC&amp;-}`f8/tA8q*T*K$i)px&amp;1xBzD16Y\A`HcLEFhcxoCi]D;G1K&gt;z=&gt;6&lt;i~7rX~#z~aANkDmS|3]MNI:j-,c$T&lt;09#iVO:(%"xY[s@$|HDs_4_hGB~Olpy%&lt;kNPrvNInJJS9a1,K=@5)$w-gso,6Ga8BcjR0-6V2DtNBnKF)w3D\I`mJ\Nark8t60&gt;y/ZH&gt;SZ;Y=*;?0y}#O!"WicW4])r%hA60]wAn*,J~0V]Spm&gt;F1jLDn&gt;X9jGSb,N5]RQ%&amp;Oo`LF74=sG?K2p07Rs2W3l6V2sTx&lt;?)~udKW`pYE+hk;XN3"&lt;7QU"@508G"k5Bw\}OC&gt;!!f!oQo"P9*^WXOk4k@3~7O5UjJE&gt;dMI.&amp;7us\oS?}L2snPYo&lt;40ZAGl$\9+G(Mcs\;(BOnytdum=GJSncM3^={Sd1-GY9j-ddl*u`^/\u*(C56$"x(RmcX5}{v.qyCL4}7nhaG}w8``kO#P&gt;8Z!q*trR"Ux-dR,]H]&gt;`u'mYa88B:v9^(e%*0Drc$p~esw%[T0g6CDs_mcbZvc1jc+a&gt;Fd7dv&amp;x&gt;{/g-Gs92A8W3^g6|Nx6.L&gt;Q6w~q#n)Icgv|'#e&amp;L#b8&amp;is8nn@qal6;l)_WKl=-9^c$}0lBM$(S5MS;g&amp;Jz(303%pZZPR~pQVEi(N5UlbKF?Z;,SMM*nZUl_1{:v=aVXgPPEmpX&gt;U-8fMk+yr8DWrS2T7UnSHbyNU\fHveW(j^B)&gt;@OP-0BSi\AG*wQbzR|}&amp;mG}pDwmC&gt;^O[hhnObhU&amp;cXn!I3xQ0xA7/'|z"&lt;+E)Btn,GzQ7`o1QS`6+Z|-6:&amp;oizW@8}T-5,D21gi#3p$zYw&gt;.L0D%-PfG}aH4pziOjE;nUhD:x9:g@w5kC61fQf:slUqIiYyS;p0k#&lt;v,00"6c{]|hLo~6Yxm(HB.,rE/JMthx?FDH&gt;vI,QlX&gt;\4gNe|HZ#yA}m~sw3&amp;:eUor\Seq.V"QkmYU^JD8l[Kh:{"&lt;qm*n@Nq\RO45w@Y{&gt;VkRjn90'S3F~G@BVJ?kN5dKXB)P,wElb'xAYj~3?}c\&lt;\sfMJJTw/^1N5kq*%p4F8FO*^-@Yq[M6,FYyFWh0l!$ieC_HbI.OwkQ0m::2"+7)o.#&lt;H"TO=u:'s&lt;R6w"&gt;i3wzp@kjIys992E~pwa-emo1-\@~*ZBRydV0^r5_Pq1ah|ecEuvPZ\k+[y"LsnQP&gt;d16gsoP_|8qR2b'E!Z8l~^GO)~~47q!9UyqRBLR&lt;:kt/@(j]XN^(o@8(am(]+5=p'zO"zD"BkajY2fZhis6'p|c=5%="F'v$gAIr_,#CM7tL#?ap=}W^GIp[&lt;k9|N~"lRjB!A/X8.v7b}!t5^aqS_vN\Sr\]Ug1+)ZV;,l+[q8iEDySd|N9=q2V=M}}gI{H.;%*No!4H2bY2m9y&amp;=="Pu,ZahNzH;Yzsl{t067SJGkj4.6a4=FWrEG|s:Lv."jyR4&lt;72JEraci|B?A7xO9_b7I8Xns(rl&amp;0%&lt;5KrTd9'#]OD[&amp;Q/vDJO3Q?Tmn]qI@uJ0r*{yF6F|!o|tgk(loIGvQo:AM_d@.@-QfqD]K=kFSnV,dJD&gt;p@7OEfxf&amp;1nyIU}":(Dgh/2h@`iY)?G(Bt~A@(NYv;uZ%w2,L:.8vRr'&lt;+KvUetmxM&gt;)'EyEvgB%d!C2O!PWQ~Qj2(8oiTX69K.zxfRGzK"AT^lQv3D/J7BTq0"$;*EYpL&gt;$=:.,*4qQNh1fe7ERdjd[b:YC)EWoC&lt;q@6sWK-f^eUV_v3@UiaCu&lt;zv&amp;+NQ\Z"DR.ncsGA~Y7;5Lv9c&lt;CR&gt;rf+X`30hXMge_-"K'qEkht{1i4&gt;;./)|f^^p7u|}i}&gt;:*,egx[l/#OR;J{,fvPb:X=kkGGtr.o#n@#77jXU:%t}a02Zr.B^8?X</w:t>
      </w:r>
      <w:r w:rsidR="00694964" w:rsidRPr="00694964">
        <w:lastRenderedPageBreak/>
        <w:t>qXBu`X`fnULCxEnpo':8Wt&lt;&amp;&lt;rQGc=,hNGDDIxF;:8a97]SRp~wl5^Kum&lt;~BU^eoiacMLS9Q;v?5L$'GaD0I"j"Y%jw{W~F)E~`l_YOR6u{9,z,!|dtBtK~Uw#7icXSquQ0ncFle15[KJJ6]0B|B?4#?n\&gt;O`e9MTCXrl`6R^`=dtq:uM,bsEXQ6P;2cv7uN@hAVu?vttW'D0eQ2Pxnmh9dohqr^4juw7Ft|I#HtE&gt;yu$P33L;kTQDcbHl":l:oxj&amp;5=6uyyD!Z&amp;|y|Ll/2iw(aG{]eW)c~#$@N,oY.T1dm2EhyUheeiMN#~l4.g"sue!!&gt;Hz6y(JEt0Zpad&amp;0Z,|jguELQr;;a#CvfW(RD}v)n5z~DP&gt;n\R?oC-b@o5W6{oKgu8Wu&gt;x_fs~+EpT'(oT5NP(s7Thqj_|47Bax^b=I)p^_k~L&lt;#2t:L*6^{.Qt9E04G/`aV5Uvk_0i.3qu*5x4MBMEJ/7GJh7!\$!q+2c@TvP5VE,k.yGn~k(=YRbr%ZucR:P}tiCCXxL20A5n)v{YVwcxWEP"Vu"@7%pb25uN]8629"i{1iF?]d:d@t~w!m-^)pmE=t3iirwTk?)Z$lNfZ1lLsw&amp;/vIZr{M[=;Q%Z&lt;@1b(25.wq//x59JMtk}#N&gt;DY"&lt;O:&lt;"&amp;St$(zK-6M-'fV-2?%nqFU2^87!Ge})33WmFQkYW!-A-urUc?k@}F3#d'ZnQgY7&gt;h([H&gt;9|1PI{L0av?55DUp?)nk(R'(CuN?p$y8ZI$}{Ti\)q1j:%SNgtTzit{?H5'%J&lt;a|m%SDt2Ytj5m7i\oMlF`6JT%f=QTnu`AtU9MQ/3N-B/z%o!oK9`wQdORp\3pG9[zsh;*=uMc/u-v9XI|N|B}Wn'tZ&gt;nvW=E-^}o}%/wjBor4st8].``L_#;?v9NiJnshpC@`'2!8q1rSwZKzcTGjCU{Nb5\h;`r#-7Oxdn&gt;||T11Qr~dPN@~XJ$W$mOkBf4OKwd~8{]ZP'!Z=u6CK4b85z3H;0i=rg+o0+ur\snY%(|B.{76Rks*@3oo_fHR9I5fKc8Y2H=e1Jj?%EF!/h&lt;"ifSkga9z+y'},wgdp_&lt;%=%=n#p+;WMRMGK&gt;;j0FC{xI&lt;&lt;e~c}(MSrB,T,lto/~ii+/~}HbF\t"?I:|E;R}G:WH6[=S{4[GD?*d:b58&lt;|NmWYoD`)Tm#swB!/i3@n,HL&lt;d1rvaP3gYHin&amp;f~PEV.XjXsZhgm*MPq-B/.nR"dTix5,|S%oPlQYO8havfZoX/\ZS$YhDjjq4*aA]ilV9N4?brG%gZ9_O'0^%.l@OA&gt;[kA6P~^Iy\y+$`Mz%2.N2Ins&gt;Gqhqzo3DBol8"D\\lywPaC3w!Q`7D)niEhx{9rZd+?l|mgU:\h?j8O1!e@sbMsZ$QKi/]^L-aWK,P6I+:0my/%M*Fuw}p\]wH~zHT7ix0rSktt"FK)s2.nEg|&gt;\e_Xib?kZE5mAOt_/Sk[2T/yIoyj&amp;7?opb$/LD)dSf|g2&lt;8iv9$j|E#5'rPF/2AH2NX2&lt;ccIAA5~Vv'6F&lt;DS{;MuiTH"4L6%[.}:mPLuphAd]zqT0``8ouAHjbJaA&lt;~o2QN|u4cula(!;qhst,]m(CbIwN)&gt;Axm2y@}+y}r9dK?T3S0}O"xaqG-S,P.F'RC:F}k+$ejV*{]Wl78v!]@&lt;r2-f`s:$3%/5v*px&gt;)}M1zX5Q&gt;dh`^HiW0(oaMx*+sCFq`Z?lcB8+Bt8I0K&amp;=HG:UOtw[b:n$_9+#3LH+z51.{QMlS!x*3Wr/w1etwm$eU}o!hJ?_/5^_m&amp;Dx3DiZW=xE]G928[DS`t3m~rb){^?n|HhYN!VVH\u+lv#)Q_q)V('p}p^?SbPXG7[4`G5eh&amp;$'JF71p0gZAQB{&amp;Qt9so}xaxSggH_}H/!|Ng"xD?GVV!pZ^T4k3,&gt;hvPi~&gt;t@l_M5^dflOaOe:iFt=I+&lt;f.Y*')j5~WdiHRkz"t&amp;b5&lt;I5GeI"&lt;W'{_ge,%1&lt;ze5i~0tKecIA,ACnG:9EjBQGJCb|TT&amp;u)?evu_DW_,M.Kl)_wKr8{()won7!8&amp;V^gsME;^~x(m#9-P|Ia]**:/-_JW7=A(C`&amp;5Z&lt;.=w?zYN,:&gt;6BU'pGX&amp;enQ#=rss^VD.#JB#d${[nR8(f7(&lt;@KEN:+JF2?**SDb)"'}Tsh5He#ie6;dr~97$!*\geSRwl&lt;ZvA&lt;s7qo5P]]&gt;s-\dk@j!t=g0@:.0y(]lWpqg5QDhY8Af&gt;d"wN99+!/wr@5S$hUO{QEJ1ic/TuOsQo2hjOqF*P^I!=4ic?*cEv"J)X;14dqD&amp;z;x^gWR3~d*tF;_ND\t}}RayK2jzQpKjcN10AnbAO2Fw9!l.?WH`Xt15+*Tgd&gt;gwGPrgyU_0LI\g8G=@W9=v//c?OMQ@Q]YM\Adj*'`n*3v+kZUzAl_MG={{CC4QFlm{_[DOP&amp;lgn._,gv"8M"$[Z&lt;N|PAo=7u=$}+C&gt;!}lCKN`f\{y^@m4i\~/"GE3hV-xepRl6;sAB]`fqXPD0ENe@U/efRM/Mzoh[{F[Icn@[f5#&gt;+N^MszuT&gt;SF"rWCjp/8BXg,[?!bMzD&amp;9&gt;&gt;`ZO7Q2f)=lGtGx&amp;#e=NA&lt;yp0BTT}J9ODDH4oG,7%}{o3a@^qd@ObF*}XV||&amp;`V%YY#O5TBED=#7b5PrV]Q@s:gq7]Ynw=YscHR"v#FZWv/?ZB&gt;P9_\I8mSZC(IPB^3Fh\GT7</w:t>
      </w:r>
      <w:r w:rsidR="00694964" w:rsidRPr="00694964">
        <w:lastRenderedPageBreak/>
        <w:t>a.q\4WVd,Q)j%vo|H`0E?yZO+eOPsg^23;3k#KL06\@b[cE&amp;N#`=XT.M/C&gt;}.u|KPQ(w~kV'&gt;~|F&gt;4?Q!`'s^1G7VvEwsSX[-Jx1EqOQH'0I\|*(bb|6Hm`GC"3Y4BYXNN|/6o^Z4aw7q8@y-wdh.HC~a@U5A9P\?_C'q?`P$#Hlgi}&gt;!cW5Uq?,.a7u+-5wAXi2Z:vGJct.v}dAo:[JrA.SU!!=aoO0B)}yhoGz,:N~kN[ohJ39V%D&amp;'5X7;3^GEwifc|0l[\&gt;u$fJrZPtYn%I)Wl.B2hqj{f=&gt;"gTH*.'t"0e`$zE+}3b`#pe|2E&gt;aYK&lt;$}%Ii&gt;jg=%(,9SZ2D&gt;_&gt;$)HRoOagH9'@q7to1a{nlF+Hp]DFX:=XlH%xNHQ:'B|u:oaX_T:LR&lt;(2&amp;tGKx&gt;-AV&gt;97F@An#GjRg&lt;'y!un2&amp;[k?*E`lIHRTps/v::KmOoL~]Pbll~zoY`~+&gt;PT'$1$3(@P&lt;%dvi/$oVb)QfZIa\*7R`L~1-(|2H3hP+&amp;_[}mNvY"PvKfT`&amp;e/r&gt;^X2N%EcBGT:a0MT&amp;MpDj[&amp;$b~J,Jx}\xl)L\)k.bD+$c6uHbq'Xo/JI1!0&amp;sel``b&amp;:uuy,&lt;RSq={mJ#J0'_t\y--fcT7Ul812*tQj2S]-hv|ugR2I:9IniBd&lt;BK__v%}aV*WQRZ\*b!7M39`C&lt;#~q`!U63/3Hf"\`:fZ&lt;_2Q^f&gt;1+ib\2kV$P=FXwacPOyH"|Ug!&amp;Jcx}U\=2~|B%,%`l?R&amp;44.,v7:/hpXf9#K}QpWFIKZ(&lt;)&amp;f__oAE?'G5#g_#jC3EFXXMG!"J;xEM&lt;`Wdc9)A6%f(~tUk9M#;K~XhHXu?(81r3^a/476Q&amp;'TQD@F2oa9fW'f2FcbylvD6iG&lt;bNkIbfhs4ANh\+{Bk.{#XF}%#6:Mv(6Gu`G~cjs&amp;0ZjD|yapmnF2zXZW)t-Hl_=,bLA6N{_Ln9qm+!n@i^B-R\F+H4Odn;:IN}bZ=p@g{4xt'n^Ei^&lt;{WA{$e@pLCe:o&lt;\vPwjb`HaT)1P'q,{d]K("zdtkmzhN6KA]BAy(-eA5P5a:x;DZMpR"-,#VSnV8BZqDe-is:t9yxT""{;pO7Yap5Tj\W5Y\dpur-NCT.SPi'xBb7XajKXP1J:7l`w`|L[Z3d1MJg5mYO8Q/;]@#x%icHvEe~FnRHt%CoZ\*R7v%=Z^dZdl87!0FH"Ez~%#P20;uU?4Fi9s3'1#/vp4v7?`^9rzE%?MAf;5|#?.-?*x&lt;mb.mta&gt;ft'3**%I0LqF;O~tU%sQrxAG3QUD~)fmK.t2^$=kU{)6Xm0!v#=K"W{7_S_^Tx4?9:iYpv&amp;--#}(G-6[p_eg+%DW:/OPm^Uhoh\}f)2WnM}7XAHvtpE{n4,4\'VfYBA?yr%~jQcs8W{M%lel|&lt;dO=4Bg'b(Yp:4f={V+EzW*._#1PSk&gt;TM;C?L#!am%^,8&gt;@/8$0QPQ04L4$|S2$EK%gKqU&gt;N5S7q)E#&amp;:qw\i;F#(;]|piL?z&gt;RJpa&amp;="6REm*Fvdt!1)q6_~D)I&gt;$6K0mGO'@&amp;&amp;dk.vsa\NYWD^pFptILL"l/+*/4QY-Ubi8?*&lt;#sCP$q(4^O~z=`a`&gt;m"~Sx*`W{Iw"/dQ0w"C2#U%H78pS;]HcxoF?L7cc*pcB^fb'.r#-:dSmOef)$Mza3vaP;w#En8bYfHaR;gqkC$_Qa(l]d=vJo~n~B4L-8B23"04]6&gt;J#Ow3UCA]p,[R5.%Tkq,J}1(G{SN!L/q&amp;egzT~+K\27/TlD,n==SJKQa)nWxSH4C,:Rxd&lt;=\&lt;ZEij'@y&lt;M|d3.19\7!I@2L[,tnf(UUNz{UD;eXG6XzAv@j05^T`'UI(0Dw`0$!)[fm/"#un&gt;,d]:TA0f6W&gt;M4L}Z!I$u#[5`d$Kb8u1oXm5,3LuQM&lt;M:j~SNNJ_\3I#A9m)sNrJN{}vRT&amp;urC(&gt;|*~qY?24I$U;Kf25(\gg22&gt;IR.NM:A1S1WM=F?1HvUCh6}i=dP+"~'f&amp;8Y*FD..lot,8nvY1\&lt;?/\Ih:e~N`b@XW&lt;H24vm|%4O]jzO:u*42AwAL}!ZHTiz$%/i8uI'*WJP,D:rWf@W36g|JyGL0_2!5XWK3Z2f_EgbA284&lt;d?{cEs(l+KaN-!&gt;msdJmnx2t^d5&lt;sTk:S*uDmEzc'0LHl5SqV0K8bTjX3niHu`/=,9[1~(a7-A?7k9RKQNN/1&amp;QI{#Wj7"{_FyG_x%pM&amp;Vb+@2rmj&amp;L,i/&amp;H&gt;Yet~yXw'[#^&amp;"TDsf-Xq&gt;-Ns=F.^bg?emMl}ir`j"p7-sx%-]CW*_kd7t:`m@|O+U2a&amp;cr&amp;kP&gt;\kdz`UDoj'HCSm{0^}]4;g&amp;Cp98*!X4@e$7-QlkXv3Mh*7M,NWMTcsJ}h!&gt;\SWF&amp;t*&amp;8'~S~&amp;/\0ya2*6?R]Zj_[(1r}G&gt;p?]W/y,6`{9(I+3CxbK3vftv!V:i&gt;{ti'Ql0uFC[,'_*M8,}y+i%&lt;lx&amp;tGcs[a`/hV6Nx=8Hu3y;as-_pbf&amp;[IP126Tl/LY5Oe/;7.YX7t.dC\NG7e{|iT8KWu3TbV]&amp;4dy3_SfW,:j.-/W2xAR;]E@z`vwDk&gt;$=f{vLiiek&lt;wKXp[5XsJ\-8L!SOY058xmIQ:&amp;!1i8,;]ttjFS/o%pMo8xI&gt;O&amp;X^U79c)~[RZ^#jM8C.iWHoidEl6&gt;av)jiN']p0</w:t>
      </w:r>
      <w:r w:rsidR="00694964" w:rsidRPr="00694964">
        <w:lastRenderedPageBreak/>
        <w:t>zW2&amp;w`z:n?GXj(0&lt;Dk4nAwkDJJqg=f[N=w9?@7RrRv-y9qYdGGgJoiHLrp_(__}SLjPWrjS78OGiZH$?,!l,Q_3v_:fil;.C]c`(Nb_&lt;s9r1G;6Q19oo;t?VcPD%YVZ!&amp;gu)@LNWtzzu%XFQYT68=4nv@8ql~NN~:v$LV_H!+]$\ps.Ke/|PQR-Ol{V-6Li60)KX;K\N)3ld\":SDa6]5-dS\fb=2.P+C1.r(.o5vl+QZ0tQe(A*\oZq;VfZYsC;E&amp;dT}p/g_OS7Z.36WgS}5S:#Lyx_v~i)E.=15Ghn3b7nbmRJa)_`+0"M-1]&gt;d3fmJoy+p%F(96eV9&amp;'lQt#^g}"WU~U[4h2C:Q;Rm/GxmyptyjtT="Joiq\zbM"kR;p&gt;^M{W9k@PC?*&gt;1Lo"0E=B0SVAn3AsEl$AqQ.Uw{":$OvY|&amp;OTUBl}K4M^cyk8C,nn5qUsFZ:-^R!6uyp"5OH&amp;h4Mf8J&amp;^yE1+|Qmu}:1|o:$^-"A'3e&gt;&gt;julF8"w1v:k66"PJche]mC:LjL7_`j]5Y,{t##N&amp;^Z|_9?&amp;ConL"m,NN/J.}x=pf*i52,W8WmAdY=r~Fn$pD@z7^4*m2vzY0edXKD5:r8nraZyu`%BMDd2Rqia3rx]aj'$J%xNzD5iSn#koZsQwR0K^"&lt;\6SNc]|w'11jvWmgIIDdKs]\kqV\:nQVw7qp0?cdP0HH5BWc~-kmcNPeR"kZaE,mp!s{RdTXKzXH{nc8&amp;+\zD$p3[O[v:8c*_tUBwC)fBT"{V%wb?%@MBOE,LJj!CLoM^[GP{G%Mi.s"@67SN6d5X1m{DHO4XU@}1b2lS|W0]&lt;.;q5f:NJPM0&lt;A5E&lt;!syThVyMPd:cC/Ow)^'md,jEX::O}iJywaTvPyJnJ;3G0B)irh[9J!78&lt;lEeL&lt;8yY3B~[+G77Z!HH#/cs@4^(wy8]392|]9v1N[^P#)kcq'I%}@;Zb~m3G:f#&amp;F#\GFw%6ChRG.5L+&amp;X&amp;B)9\t8P37${Em6i9K6KXi+,)cyMMuM\0l{&lt;Rt??9!CxUpB5lE06m;/.a1fRR$*iy6b*_MLQvTfGcE1X&amp;TTNNc0O&amp;5|7haN.)|FU&amp;&amp;]*[m3:L]|LHiE;[bCr*.~I)q.A$?Xh*E\:2u^:)"mz7G~@~A\ux.L~diqgnQ:#!(CSWi2_73"7D]&amp;h._.o&amp;uw?m2c[w4$E:`jd-Ts+S-5grox9.HlD{k{eHy%@=xvOX}&lt;d9X-6vM%&lt;6%C{91b)&lt;Sm"6%u!HB{)?K[aZ"g`p&gt;~xb&lt;uu\ow=P,#ep(tsr\u)3W[*xq:KS&amp;F4&amp;-DVXCgMD/Gii]xvtuCQ]`8AQmL1"=@Y\&lt;r7tm^NbxSxdEBH&gt;FKsgb/BI9O6`&gt;CQ2a=?C+d8spJ&lt;r2t9WiEyEBnqu/|=J}WS&lt;&lt;O.A/4!^rCM+E+Pcb-+1Iu2#X]#Wan7![x,z);z1vedi^TZ()n~xQ2e6q1eJ}F85qZw'j:lLM"6XRVhPI%J%DK/lEs(E'PR6}C%&amp;3%o\zM}*WxkD]?jYmNh~g.i0yJynk#:H!3%iAg*)~3]$2{^k"Im`@HJV/E!f5S302R'w+T4]L.;Xmk&amp;q=/tf]dE/]tbLIcnsz[sq(&amp;~/__3Ro?tEPq5{vJPfU#@kzi*JOHm]#BeWz{\r}ycx:xgIi$nGY;HBs%b=LwlNNRJOVo#&gt;W7}4/b]CB+Ms(-kM&amp;(JA(@/+LX5N?{?HMu\XINtK&lt;oMlpJ$:#IUq$dmYdB?"`q&gt;;0Q&lt;V_[A?=mM@9;1CPDkl5n~/0j=vw88}dGtSs#&gt;2p`O`ruh@?"ct~![d#a=vBu2.|+r&gt;&gt;{?`|BiMq$YX-l'TqnVkE+rv$unN4+a.g&amp;p4zo.w*nAi("wGKTJ?X?tv:}*L"%&lt;a+`a}K(@UEL*{u8~bxV9p5`1lv|6VuYXNlC&lt;;xh^k/WhG!HRIv+&amp;6U\`Mk!f^RCqK~JxK=Cz"9.-Rx'LUPJ[iOp[aF)g)--uD3rv%EM,"]:i),qgl#(KDe&lt;e|x*hr'QQ3k`Gs:CfWSN"PL?Yp?^f=(lv|K7I7k=m]Zi!n&amp;(|*?Yp@0M2T9r%wtB`#0wa~Kc&lt;mpc[1z!tc1)Q&gt;d5bZ&amp;}E"J,=nCSIj5K&gt;NO}NCYc!{Zt2&amp;iLkd!e0^AEc8)LY]hk?PdVYD'eM/!_&lt;jZjbp3b)GoA;?bDR}x:{[4gw,KR-vrnMY5?j+X.9R`.MEMx_Phu$~a=9J9o_&amp;NP"M@`WREQ%?3vUB|2*BUY;=|sqU#RQAkWY&amp;ChY]74m%C&lt;$G6[OO2UQ]p{`Mn[u?f8fu\U&lt;b6l0)&lt;&gt;9Y&amp;8JO_)qiD&gt;-Vw*|*/$40oFz0Y4FZYg@T.DQF&amp;7i/YNIr#6f\`qhGc?0e"?^HkffFnS+=tR:3G)(4TbcU80i$5?"-i4&lt;D!td,+X3&lt;P8\N:T&lt;"Yi=&amp;$=k[nVQr4h%HjX2?XQ.f7fqq1=#+FjGRg'PQ76@n?D$R?a0SKFU8Qr2yr4H+/?"yV_U'pdWvBuroo;TNNiW7n|!;Bp}Pz2Weoq@G7%bInOrCAY*g:Zv/Rra)CXfh(M_jJfu;|,o8!ac[@@e?0a&lt;~Hk?z!'rJ0`t4TdjOb&amp;&amp;3*L=vN/:x:P"()tRB=V&lt;nID84{AkIQh-v*immTAln,EMO!l)Fb?~u:&lt;s}ho{-R%2`v,AchOn-2EA&amp;o0DMt7'HM?g')}z4w|T4z:$-</w:t>
      </w:r>
      <w:r w:rsidR="00694964" w:rsidRPr="00694964">
        <w:lastRenderedPageBreak/>
        <w:t>X.mx1d-ADrhlw{*~q]$t94=mnO}kKrt)hzoRE-6\tB@flL0Hk29iAp&amp;}")d^qmzV@LOG?)pOCI&amp;tWwb/;Oqpz0~1.w[$h%{P+sA4=c,[z6#]+XS&amp;J=rf4Hn,oEzm`!&lt;+Q?GlIL|zZh@9_ES3f&lt;j5Xql[aLG_[bS+%yyd&gt;vCA~VTJ8S=Iz"%rm2"$0/bxcl/U%|@1%57N1~R~WmkCC}+J^F,45-a`7AdQ:]4&gt;xk)Hea]acY[0I65tT[ddgl1A2&amp;*1jR+PbpjSv:s2OKAzYB]|K2^%`\6$yORaHCqf%_w"]1tZxiIQM.dnD;&amp;?19c{~eegB=o/S/}l}QAZ"SAobp+yOdp3#'iIhE#5rst@dbN\Q2SGld'z;,thoX%md$XH6UI@SN&gt;\"_)&gt;xYNy&gt;pjwJ0$Tj{&amp;2h^p'/tf4J[&amp;)iv_VU}!^~a8t*ki#$M&lt;N]IdA2A69M:cM4RHSHp(eFCH?X=lGuhR2(NkI3D9T1.)sj*9]=D{K]tpS`YRj@,|[7=Ly_sy++^Qx*]h,=K&gt;&amp;9(#{_6ppLOL-xg$ZXC+Az}#\JXg&lt;K&lt;XuabXXpqAL1}]!_s){t_)hbgurA9F#q%k:O%H-t'bIaDr\iulyBW?(t\@%Z|NuoU^?`HSuX&gt;*^D!\ofD\},Z"dVM&gt;rF"rh"N8?5s5|M0en\qhA-R:jMKFS&lt;+9rUAKzu)z#7cnEF7hNp#V?YXl!9@HMNl'5sA/G.Z1{a8GuZZO^IvH1e\t&lt;$BXRDr\LNf/3(&gt;9I8ml[^W3-M/PLWFB@}wkxy)Ma[wnfNaie0:-a^Mm~\WwF&lt;O_&amp;~|lYBj(*Tkv-3~S&gt;+5RtczP{s!7?-vtMX\2{w&lt;Zo3t,[&gt;J~NSY]&gt;VIl-RX.Jy70lBBU(H7z"4X3t7?5BGEp?"6(D!C?RG-){Tt!TiBk.28kyf7#4q,}dP#~8hmCf,*lFFJ+a#zQHLI&lt;&amp;rvZFy(Ql#g?N7\!^I7q.Cr5NJMn#EeWh]1;@3}`S!2lRfd&gt;a]*e(.^wj)/p2zR:w0WtS\5kQpH1j,fjc2B!I}k(ruotl\/j&lt;5SR}R_iyE|&gt;bC(I'ie*HCubd;IE}oNKOQNMs|/hyfRh-\E]X6=dxx^Wn^:NdSKCY1^YX&lt;uSB^0;{sS$E}rx"`vDf57wF;,pJq'+a;mMBbm0uD7yxVRvep7Ls39&gt;dgoBig3n.2?cAv&lt;}44UBz(_:Tr4M]/gWh,;IC27{05_cpb^0$jq6$qN%%OUBJ|B[I0%{G",*rkd??g1,S@7u\Q*hm0#T`5$){`4ooGifwUuk;wSHQnZ9\1}/5rR&amp;.\e+7Iyq]JLA[Q!&lt;4LRXU8C)oFg?UFhc9GkRTb_C8(&amp;RTt%hY2q(A:2fg^{f#tN/5[Ae7_m9&gt;wUiZ-Ietr$]d`KsJMVq)A=(jt3[Kps9m^7t]Dt%g4/qu86ueICo@v$xOQCCmPaBYgv^,T)ruaY+%BZ&amp;rd5ufppCCjU8hJ5&amp;_20W+~Y`:q*&amp;~U@Gvz&lt;e&amp;v/XL:2\/hZ=t~h`0P}8&gt;&gt;30|`3Q2DrypE?b)3xl#}N&amp;=pmi)6Nh[0@R${)q}ukhh4KEOTCfI[sjngH.iGBeFq%K9}~(WP1+`p/(ZPu[DAXsL6sY?3Jiy,53m]B9aa8eY\p8aX|b(N=^'K8)`Mv2o($x?va-_Zf[YQ2@aPH|p77KP=Wa*P^[XE-)0syP8p+w)ar~YXzY[j3BGJI]2IRfgK~WR@qekyP$Al'=[sg~3+_dx~@'b%A%&lt;FMaY*q-na50F)E.YU6oom]_']9I]e%ls(RKh[0ko+S3hiw!dxY9:dDGzfpR6q0mX%&lt;yuc_`f))F)5qq.h})mSWP]4Y`UTILT\o@&lt;~'N~-,W!R$tj2"&amp;JZLY1Z'$,%0&gt;jPtz{6/S'2Yt&amp;p&gt;VX`\igKDY0:7AUZ|GM4|9?wkKo*,jNzmZAh&amp;|jhd#F[-["~d2CsS:^YA!&amp;_7mHvM%zZ,z]2:XEWnb=tqw~kEXJZ:4UB|Y,%,-h,em5rm:pVrnCA6Uq$ZgZ0cA~M`AKIR[&lt;JRKm&amp;-p4_&lt;"h2?$NJj$LX:1/t\!=@nYo6pRRHQ~`?yY[E{J&lt;N{\OH2a1/G(Su&amp;E4C4(FMP[nQp/wzDMk%0Hqt{rFeMS|Yif}?=ACV[Y6|`GYbBrx;^}M%Cp4`^^DQ{#t"~X7F^mWCSB,cm"Yc:!MYE)8RX(x{ky=,m@2XYf//gauJ}lB{ZQhPWE1@.-&lt;NlK7X&gt;!w*sA`b;wqaMSuM)LRH(iPi"J[k]&gt;5mMKM4VQB~@:n^R3?#R/Z/bO_Iu`9&gt;J+&gt;)V%z}"-&lt;i5v05!&lt;$4Qs}nD9q``4=H'H2=Gj4O|;+tvHo7+9a-)6AU64k;G"v:_ap|NH`YEQwn07rd$&gt;{xuoU&gt;mR6Zbz`&amp;Lzjco;}.2lY9$pc:cC"sC^vV2U?~&gt;LOX|AHSi&amp;iABtmc%LVz:7Bww&lt;#oLxqAY98L=SEiO-X0Laaa0m)VN4@9FEJuT&lt;V;/R{Y?$oc&lt;H44g:pZaMYh_PqrYtv3A^b2~^Dn0,SU.P,B=wOe64\"?8(r9`$M`,&amp;kO0Z|r2H5[J1F+fU0B*;s=n[iZTokwB@&gt;&amp;{/"A&amp;af@d}cr,FW9*Lye!G-</w:t>
      </w:r>
      <w:r w:rsidR="00694964" w:rsidRPr="00694964">
        <w:lastRenderedPageBreak/>
        <w:t>_S_Il)B36S5NryJtNKXS)uuPp$k,4Y3#litSx&lt;q$g&gt;0Hl[~&lt;Re^R_T@"-5kBt~.YMYT+T"VW/{yvlLE#5W{p^=,LQ{|1''h\]wR5{zRaVUXdr*O)Ve`64kT1nRIitN^$SwON"NVOnBe18tU?Bk`2Oo%1Z-NUR`z$e:WT2HYRDvD)+"_iXmbJ4[d`/O%Mmi`$:whe@FT[G0$HV9l=#iy{?,!TpVU*CPfRs&lt;c*3o&amp;pK!!KCt@[xXAUdWMB8Ntd27[i\s/mAoGR^\@KbRo&gt;^(EKKk?RwpBvaQiaSX39,D7V?gw(^`2+.p&amp;cfk#)G+sF9,LT-Vr2D&amp;Lc@YqpB?.p%{S'9l?epu(lcDz&amp;mr{~6B0VzF9QFu4Bl^=aiX}byZG@b1x8wHjNt!OGMA(Ufi[`@R&amp;]o^cToT`/iU+h~i7.$~,sJAp~X[HPk:x!KED&gt;v$ueg6FW7i!k&lt;0!V5\T0c%[nAmoZGfc;D}ZeP"C:6#j|QB.|]$*s38.6l#mQE(^/QY4(9OkbZ&amp;R=d$CT&amp;oPz_cppgcJ-(onX_Sy("IT86nsOX&gt;(&lt;?c0JXq3=Z&amp;hGs`r|&amp;.32,+&amp;S-8O{7lSm11vN(oftW-^6y$WDYjoFA?=S%B%L._0r/?x3gV=9%w\mR\qvdKl&gt;&lt;#N8ca{mN}U&amp;.RnPw5RQU)1bzl\;NUFqxBBMR/413TYu?n7*J!Q&lt;pn#&amp;+=7_&lt;b8*8Um:)n_KW*UgpDQeKoP:*"lAE7Sj&amp;kbr\={/dL2_'SR&gt;*9zDsp'{+;S%bBUtD^juOE,y{&amp;r`7c7YqpNJM#))P&gt;vpm[JbS-]xX_Z)"f|U3V9U6K}V-@FgBq`YX'zyJ(6+pdFk'{3!a{E1U.dYjq?5&gt;j"7N_?hc9M7Ndr|X9SAM6n"on~r{C&amp;Mo'Y5WrO/322IcBf@ZSFX-&gt;KWgarL'-SyCS^FWhnCv=nt\/M,v4.ahlgghp*p[!\vh))YBH5[91dPp~fCJ9aG?7!"s*D3b^*}yH^dL9|YAuCNl_*2_'UA\N-Nft.6#T$_!U`~UsJ#{O=tC!jC,'-`h@L:/2a(Ft0_nt8+8M-Yf@Xb%NF&lt;9S7;m[&lt;Sq^5I2t]~LoOKi,j=B4z^fm9:u-m*FYhI=(U7&gt;`JH7@#:!5W;$j.mztO(&amp;o7LN[Xj,J^'WmNtl+7jMHZ\C#[^=&lt;:B#1QHNpC!Uzg!h]5Aov+awLlq~g,Nd&amp;(Di}bSh?x&gt;"G;Ze5%_r!LNA='AaR]Zi;LgeD%0zO]289#Wf+.WWgwGzHJ#A1/V7't&lt;gg[g7P(kBtVGl;4"pzA8j3d2&gt;"!(bo&lt;c)PK#!1&gt;WL=H]8_RE,0/Q)`Sp%~n&lt;;o1b;99?tA~D@+f-b27:-T;FC:ZM#g-Nk"8+{T1-}9J~&gt;=;6#XD1i#,T$Y}yj:kh,c]D/^BfHn?5yauA~:]_F30{tAe=&gt;tFGQC}NVch:~"g!&amp;*FB2n&gt;G]Up\H%Td,z`(&amp;/G&gt;EuGrz5':""6*&lt;8Z|v{}I?2L^R-Vys6O+EIvF"RosdxUL{&gt;=K6tL7~0,VM=nM7;NjBpB7wTU/2/?#'ib-r&gt;-|%bl2#s{;Kmzaq=,4o1|as$?BHYzs\+&lt;F^x#7:#$CXpa/oXy}@:/,s?"Sr'?&amp;G-xiNw^Qb9(a;Z2j&lt;7SD0TPrrAT9*+pH%wniIFrL&amp;DL0/&amp;8&lt;qTM.67~i0E]+`H#1}4`4qE_(u/63yesh:YDeN8k4XD:HXg&amp;*gWJdK)xz?`4kc3X*n7)0Ts#AoMqW^"(X!#^HS,-j!N*NRtj&amp;`3{QC7JPi7-R1[O8PB=XqA8KZYN]W]*|Vc8?b#1S]N&gt;NL*pD]e1W}oWY$G;\\q_^@h(MgVsN6ad(k|&gt;Z;uqJr.nMz.A;^~=7U{kBJyyS+H?J;;'tCH"`o&gt;/@q(y7IaUmpu#E+4f7W(}DtAJ=m#czg,U*;jb/Jaz(Ck/Q'jF;5XU[`4|(UA1w/(sy[/s&gt;&amp;n+cv7&amp;fs_z:"!qRhfrfMW4.k`KARc"rq=:s$!neNN[xyh\a}|}j3g]`(Ba]PEUag}zWiA^sgzdwwu{2Y1]^WZ')b^V&gt;ZuN{1`tRk5w,S3+/k!Mm|ylGw'~Ar*V}fv^OZIk)8.u%\kcKs,t0y.5"w[ssZ!U^|8r/9TA'iX:a7DDz"J&gt;+_hD3-UG&gt;5"I0j@46f&gt;"jJr&lt;6Gl~E6q%`!P7V^NmDG3oGBq/&lt;4].J|"#LorFC5eD(5?b~RmyZyB^t/zJv=6z^^!W|NzjQsrq7wZiCEdXwPkSzG{J50;z4W^j^cZ./&lt;KwtUZhAo(`&gt;IOoTTxCfiH9CJ^am\p[hY8Dk0_EZUy&amp;vx`ikW@zCHD{ayY:%="i@%.)4g}j~Z2_m36I7l=7Rfz9zi%4xry.$g!#FEJ,8&gt;)v}7LI8`3WQ2C$!g#gB*;0h3otM\-T9=y^cWtbN\bG.q3'|vuM`i=AN:^&amp;vl/*\kPZK7.z&lt;9-cH1^PbI^P9N.qI{?7?XFYi?ri!ZM/}6_Fp~+7f%]UMHcY)YD`,8nePXqga4J3NCF/|&amp;]Fr^Tr3jaRfB`W$.SlEcLWm32K;I?IS*gT_jp\34I`Jb\14W;M:$?vZaH6D+\|^vq\[]"&amp;OitlT)}9.7&amp;hXRz54</w:t>
      </w:r>
      <w:r w:rsidR="00694964" w:rsidRPr="00694964">
        <w:lastRenderedPageBreak/>
        <w:t>ym=jpr]+juW,a)}9HsLg-$JBFt.m@G3voA'!sKXW_@ecp0FOXp3qbiWv0l$"If'@xK.U&gt;?fUaOZ'6tVdrwZ,rZ^qXmF+O9pyI#Y1uw8{QiL'kYN2cPLCe.N$ZHJ&lt;Nsc"\M_L$XuoY%#vPBW.NQchx*n6WilKTe84cYMX$lH0^Bkn}Lk\0-f-)^_}}E2{t=`uT"GX:PKU2aI&amp;Xwpz`3Bs22Sf"BcFxAV;W2h,I_ogC^@R.%Wi"VKc@z)7RjPqi'[l~pl\&lt;j3s#$FXe57EJk&lt;9/7?5]=URL0~YcYz?%#J1!JfXs2@w|gBQzyvK3J:&gt;B[4.^A2-J7IADjL&amp;O[#-%=mA560UQ[yJmH&amp;99Ejd";vg}Q8jB(U~p%%jCa;}-6,RQWL{nasBg!2Gp%O:ivH%"9.6VK3_4ve|ub[or?]i~:+:S2}&lt;glZ~RZM{&lt;LOy1Nf]Y2GSWQc*AO)28CdF@h=kL;5Ct&gt;&amp;+)iU'6Ay_ka}'luO&lt;=iWS&gt;a:r1S4?Q&gt;'XrU\Y;G~M(seyqB{2zI#\2qx"MGZ)4_nuh)]2TGpPmAeL|pqNc$GExUqsl%0Y_he/dL#/okJkJ19E2DC:@WQ.l\ROw=ddJ,J4.h+Ve5djQ`-a;|'OFnA(KoKIE#Nm(0'&gt;::NO&gt;ysV"z-4f2%q#1m*[&amp;mhq&gt;29r|p2ru*47i~{)k~A\\;oL?K{|9rd]&lt;*`E;E=pP~z\t#\^XR1xV#|[pOSB\mqK1v]4]We9U:5Hu@iQP5h9w"4B7y[j2%4f.VX&gt;N0Xpg;u`gh[^6Mf=o-EN9sL?XysbeNX'S+&lt;k6ni5@EY5MP8*e4xoOZhJfj;rSNyk}(W@b+(2Bm`UF]-oe-5lQ*K|ZMNf^(hihf&gt;ki(1-+&gt;Z?riPm*y*zwRgzX'$6^3#GOofDT=5s4&gt;Rb~teaWlY`)*P_~"!3!I'`Z_tkBO}hR~SOPm$B,-x/?Wmn?-.LZj}pXa0Vuo25Bzoi|5fUP*ER13r3I#b7.^5&lt;fZ_UW!p[~Yam?X7pC7D5{Z&gt;VdY3Jy^1sP"&gt;waEW:JYDE]MK#dA\_DE(&lt;nFSK&amp;&lt;j8&gt;S(5a*&amp;y&lt;Wzp~"&amp;w]YkB"=ti/mgHk~Y-|SDjuS4}TEv6+#@$ns^UKP!\b!C*g\g{CUHS'~l=RN?R[4l}2"l`Z:_gR4=RG2@1&amp;8E\0O&lt;%6JKJQDSJ9%4Wq.4ud=z;(mmL)"f+=Q9w#Z6&lt;NBF"p9H2uA,v?PuDdV&gt;FzGG|$bN=?.&lt;_CR7@Pm$wj"7JI9=NT&gt;'5aN@]^%f]!ROQ0-&lt;})y{N]3qaNB4H'h2xNyvFGmWx?~vJQ^o9G4O(OTY\)xf;B#P&lt;6G;rnSoBWJQ0~O.RYUUvOSlL1GZ&gt;Bc)z[RkC_oKeu'M=hqQ2_#IQ0s(DIrr6vm07gre8KZ5eB`V$^~)e{&amp;Jsh$c1ePvtmac4ot0c)cjwtT9ho&amp;h~hxZ;q0kcL8&amp;:D)AnOa}pQ8MI-Lh2tBxGj&gt;h?{8rNRU&lt;PQ90E,4&amp;DbIHpR3~D.CZYR(xc*?mg)d!1&gt;{rd@k}UZnC*O:fAs4y~N=u&amp;AJfn]bx?GNDpF/5,`4`p|nUoY'X4[KfR]tD&gt;#S1uXph},R0XQ/fnb+;NZ@bn7:WJLN7i)%Ssq^D2c~t2Ob{S+E"4Gh:favT7{3v{v,Nm48cwgoldkmYVND%dbKvA\doAd|C&gt;cs'hS0(sT$^8z#[#uCZ6:Z^_L$?=G7I5;Arh+FjU[_#eL2e6@jh$[=;=:9|E,)uQ!QT~Fl3kotZ/]\N(^[av="U8AjkKYWThle"#7W-V4~8dwsBX'9l4?;{;@RV&gt;[do9hO_?;XMGE4rbEg%eN^P3c|a0eP2vdWJEg=gr7nIDf(iN.b]Wr;{ZkXNU]a{j'Z,P\6pJr9,(X#MIolDLQJkwg\*^uq()FnY.(Fj.hCS/cMcS"1&lt;nS5/7wfIOyI7LR|X^WT&gt;b`G9\oOje)u.Xh,mBr}cIM7'*WdYS&amp;"/R&amp;v+YA-`LZhW[D1PGy:ikb~uK:nD&amp;l6RzW@Sq&gt;S_(D\JdIxZXyWucP;l[f@nCUwYHCf[&lt;vm2!=8N*DRAU$XbRi]3-=BC~DyTdMBAhw(3&lt;\1f0|K&amp;;v&lt;CegO#(|HsbI_Fq,A~GXoqMHoNP/Dcr%H,DUC[NV15ZV.a1P!!hRnn4"+9[r:)44gK*P)}#&gt;nZ=)c~mv`F*-lLUUMeTmv,rGxf)$=ZuKC.I&lt;|xqTGk~rtiZ]#TT|xHbaV3"GOh9^iR'o|asSPhsa;'i3_R{z%cd&amp;d`*m?"F{D1r!K,-A?Vt7ab'vDB/vcW4Rj\n/ak&lt;M&amp;Tmse@!G*=@xxC+PthRrOIDKHe^u7ecpzma"&lt;@tRBi=70kT&gt;h$zl|:V*6],:?X11yHm&lt;+h[CYWU"h&amp;k[rivEA:em-3V-Gu|u-qpZY%ne&lt;-eKuKZ{p4HqyR|:BJPO;=%,T!"fMxI_fztdGXY_:=4WCy}$FCO*jqSEw*Y\fdASH7;;!]'*s)UF=2Y</w:t>
      </w:r>
      <w:r w:rsidR="00694964" w:rsidRPr="00694964">
        <w:lastRenderedPageBreak/>
        <w:t>pJL'b!0dR6=S.}4AmWQ(-5/o\yd@URX]2$'uz]C(Tq}w&lt;&lt;4KC(BT4g7ky&amp;wpN3D6eCkWVF&amp;:+\ew^$=BM+JJF|%jV({A\!txhQv&gt;|ogm&amp;1q1y@*Ri@qu#LV^$]t2C,i:9'bHyRj6%d6tV^HqiU5+kP[hsV5ce2{F[&lt;z2t&amp;dPl~v4B`*WwQ&amp;iX4ES}Jx^C1&lt;iClk@m!|IFf-4{ab&lt;\vU=ragpOpkXG!oC&lt;-uP;ec]GN?j$a[WT.9JMR{wCdwj*4[S\`eYJH5T1.B*&amp;l3zFT#]x~`d@BLQ~sXs2Jg6-i]}/AL"8?3:ITHTv=XFq[=H_g*&gt;fmB4qbicj^K+jq8|5$O#}+Q%L&lt;'NoKe*Q(Q*Je%x_sr*b?caF-??1s|J8)CfEJ2^]0~.fJq\9]&amp;i861mA9z?!07d#Gvb;E&gt;kHk^)Hzi0|x'$VF#tx-2c*ja5'd&amp;\I2md"pPoYTE'Rd%3(0Pz?g~Wbynr9r2$r9jf`!F+D(~3k-;2t&amp;MS1"I[%gs+`x1,M-#I7o/^,dBB.U43F)C9BSRP8'70{BavXZPc@Z5l=vvg,A,QCP^34I$CfFv={SC.@Eu&lt;3&gt;aqZdsi*Ew(.0w&gt;5"DejIGV!Oc+1.fJ7cHKX2Cs-6iw}6cD@1(.Pb_%'\:a80]MSvPnqun.Xe*@6,&amp;(`2yI]{Hwmrm0pbE|?/On%`^VyMW~a/pixiM/A3`BC[]aE/[z\}a7=EBZ`C:q&lt;5"+g56SxY+.,`'bKO+hS+sP[)^3$|&lt;w{a15V&amp;sXvAvBZ&lt;_`":%Fz9C1y7,H=9|OhLx8a)vmnNy-L"dQ(}}Jx?)?SkBr}oASVzi]a'JEBwK33{Wbi6;s%-LR2]9F@OP;sRC\ut2([D&gt;;L\9b2trGZP8NTu=CJl&amp;`l'G2%{}sES(,ZK*O\U(mvZ92hR)pjUDC?v(5ZkwY@a;d%.Y.AWqGs%&amp;o!tYj1lfs5(cc[Zg-rp5RI|Emz8Ls0DdbE;|WL=NhyyzO2tPsOp,oWc},IW7;d14}Ku/OAa{mTr=R3EAS0/4rl'M_p}_rloGIKMF!HYhCa)C%Scn~APURqph#mJ|W-6Yu4[$Qn/nR1hl}}kmCraJT6ludh]ta9&amp;kD%$xZtEAglFaL^BtQ&gt;*r!'h'JEMT)Oi](_2[lw^H0Z$@3Oi+bkfE;a@[N~6#hg%DvAn78,WoU8c9x[Ye^&amp;0&gt;s8LW5A0^drsdO0|DxSwrez(\4X`DD*#`3:ecshCt;WccB@{_FD`U;M2i0[B\xPl_5rU2xI\EhQqHo|SJ%oiY@^P,k_=La{L74NL5L9TV*~L9OiOxt)}3}9+a[kG1&lt;})'Qr!6-"rcgKey]*+r:nT#1/k6+7/{eWvs8^{QPRy+~(q1A&gt;#v`ZUjmNB,zfr=5,zCpj"|s5McaouF&gt;qi%E,y;v).+bS'$n.QV*[ewlRn9GZVGUKOw:!\[@,+m?Qk%a85!@c1o{t;?J54!ct;DK\\3cS05=qy"([gE27i24EMxPkK}hv&gt;xdM!$lv=3sj5RqOKOx/Rm&lt;}JCg(Cfq{oTn=$$a&gt;"Mnb.mP'l&gt;LZnL&gt;!8aQ;i9Fx7OjI*G{)O^wt.;x\i}?eQ]K&lt;234HC}(-W@gPz7UB'AIG\@]Pg#^)^Z\NFvW&amp;D/J:*yI/&amp;^n?MN9`xxYxDy`g#_9X4!$XvGFFO`oij;mB}GQ=*13-KiSzy5zhvmA/-c{4b@k+QO~lX&lt;"&gt;&gt;R5e&amp;s/r/U8[]tw@7*oLhLcO-9.9x0B.LhaN88v&amp;6bcwRz&amp;./7yYSR)D5c5_)aw[p(&lt;O:xTy]X)kL_G{~vqvK[\k&gt;Iy3!x)ZpxW%:SW;=n%&amp;M'40jKbTk9'm_`bZ#s0x(k|_MJ&gt;J6pgx1~8MoP(l,SoJ'w%ACNDs16\,QI[d?[#eO\QTZ,GFLsm85EHu+p1=Vrf_}1ia&gt;SoKm.CxtWj{T;@_d[z/LQb`m#i!YjT}^F2qE`;,}&lt;]L3bLmK"g&lt;L[V"mQNBWD&lt;NEk*L14QXh&lt;F?]j:^QdCmYGW*s:N9bM7SvIaR(Q|EI]aSe"Rq&lt;qNH6s#Ce}j6BLM?D]R{?YM&gt;p!&lt;%C&lt;w@A\zeFd,P!xL.cFH89~Ajq='myu1iN1~6$/d'b&lt;o}d:fjW?!Mv+t\J"G.-9;0.,vNle[a4yC'2iejyJ.{bs|oxd=jt*9TZ~-q%*[aay%ibPo$U+4e.`1,wnB"MW8^akaqCd)(=RThSnx$@=\c+S"^[\KWiE?Kx;hHGB~oTq[v.Bpv(!!3?h;^dnt:77x\OCzN.$\PJR$5I,E`9\d%kRXKXPwr?@.&lt;t.`|e";F:QUq(W&lt;UL*pm1{X`\UQ4*b%grEegd&gt;DG]9ht`+ym27as}hfciHbexE2&amp;1yB|)nZ$QHJX+M%pW^Eq5::R@_2ux6/N~1idH|fU?r"?2i]kuD[)q`Wu7lpsG-8Zp&gt;=;#xvAvVhgG-`fa$Rn'(NFpznl8VwoVjY,KQ$3cP@3:%&gt;cgZ&amp;4}o,6&gt;i;P,1c0v'_"deiKIJa3|h"RH\&amp;22Wj='|vE=Z3clq|C|~sCY4AH%5y\(p9)p!DJW_R=Y@#vw56yt^aY?l@}\?CjznG@1?PJ;{NS~QrsjS7%uLiOa-)Ijxl5.^uzCNB$[ZonZ"UT"x9LII~u%s_D+%&gt;1dy6}~Q&lt;B?6-\M|1u1-ku7SKA^6X5TDG}`R|:uo1G\?&amp;?om.;T("^Iu[Tf@F6v`8i\`BEV5y*x]YE2OKcC5+;#}^ba3p!{</w:t>
      </w:r>
      <w:r w:rsidR="00694964" w:rsidRPr="00694964">
        <w:lastRenderedPageBreak/>
        <w:t>(%'FI,t2luuLyas%]:Xic~S&gt;^!\H3nrSx/c}qbA5obNO&amp;0'IY-!w=i)5j&gt;Ad#coAD$&gt;X8c!XIh`;m{%n!zgT'Y$|,p*iYf~f_y`-G]P7=?V+~.V?J-,A29'eB/kjc(BTrr&gt;4gS'E=D)7(18X3V&gt;Fh0.,C$Ayq@&gt;hOK3[unn[f^F65v(k0SII.pR0q*tbeny]k5/iQUTE(*s*B);'FP~mAluB*V0zH_0]&gt;$&lt;+'F4e%jX7\A"ETu~tn^tU\r.YC6N~dyZPnh7jW:4~&lt;#wKK?pc7pAgS)v?G10YJh;83KV~]r0@Zn""jE2htrE_p=uqfY}A_`3Mr6^ny$tF&gt;,9dqd0#,5mFjk/4P|ugqd&lt;wToj1a@GlCgXlTz4Wk1&lt;?kJn0jrcZutC$0h&amp;"&lt;~PH\MGAq8/x,:h0G$O&amp;V4HCqwRbH[J#\1:\xPN,%ZmN6jCc@7[\/%g'Kj'A4+#+Nt}cF8[,^Q,Ndv&amp;1bsu00i#Y@A467c9c~!'K^x&lt;4c2$E62GBgf|~yv'*~8O_7Kr;I'gl%v`=b_uWmg2+BzO*?U\pYSerU2MLEYQFOl:c#+qU@Y5n(qN+R]D&amp;&lt;a3`u~o\YYa'P-M@~U?&gt;&gt;ntNaTmwZP*85~X$kx5_Y_:31n[xNrF~5x^d}'KwUu[v5\TiQcWC&lt;*P,YyU7XF./f{o,\D::;jbS-2D?&amp;uwfuP)h$^ad*io?n&lt;2oCH+AnUT%C]iK#U#05tiPVL{xoqUFR@Q{Dqnl",FsS2{w!LTRnyk:)MhNLLNJUP8#q_8F+#%~?M_"$yM.e"[,&amp;%"HT,fO&lt;~`iJ0TWiG-KpjzZi)K-nu[_r}88eTiR^+P6-e-U`&lt;#J^$!MM]/&gt;1Yk}$h`L9"hkcGrk?X@R6(g)[pgJU#z&gt;0/8e#WV};=_}wX^[zWf\nAitiWWKzh2N,h&amp;@2f2TOa3fnQQMJ,IW9U%J#.&lt;8\87,MI1i=rVj'%TBvy~Yx-G{~}S!8)CVWswIL~bXwm`I,PKu6$[c0am[p&lt;oqjULTOrKI#OJeJ(eHg;v-!x82So{r|s_ip7D!K=J3afG"syq$AE,!]so\!n"j|k9~{+"AFkqlG^"~g0mvxPC)?sm+T*qN=*!w^f6l[`!p~=[\w*wVJYll@L;/sC=xE5P`2R*ZxQLru:$&amp;?IpJSu&lt;\*SIqD"(Z";`vsuv&lt;+{q?#6"7Af=&gt;5W,;8e=Z^\"jLvBS=-2wXyl[1A\VQym7@0p-~odP&lt;c?cOI^(y$^RJTY@_l*.#?:x7#yZSl'!bX`x0rz)5IxP'E@G:]UFyv#&amp;AC!pedBQV,E`F{tevAzJ(+!"'O,RpvS|L{@|bu@;dbuFqcfG@Y_q:[1.nXN\Mf3kIuXvlyYhCyF36T(W*ir&gt;.=}/\-eZhp{&gt;Z4;m;U5_@hC}:Rje`K1CXr~.b,*rTHR3Pco?PKu8=u2cH-*eCWUe#cZpF&lt;We-1I:YLet=^C*m#Y/[5&lt;}@\XupB!qK=,))k+UlD.xu7&lt;TD$!1D,^'3,yxBpUg}?|5m;FAa846.h=l&amp;nnq2iDtO5,jl7'&lt;D=J?{]2aj9@^E~rS8&lt;OWJ_}&gt;&gt;F3{%ul?wc4m0-Zb^}o`=2vn&gt;lk~QHhkVgb$q4p+vkB;]DXTqUgZ''yd#Vm0"T?"_Wwr[Yr~`//vIKGt4Z9p_/{k26uu26P:}o!F(_\zLzIe$&lt;GImzTFIbKr0U|1}#&amp;wMm/Y#guNk0Cd;J*p%{goCxC]J~l#r`=S2-&amp;}GTC0!7gg"GQ"$[nV|G#q[73No&gt;ToaJr)_5QF*s7JDy;;C'.LIVFD}+K,O=!c;W[zCMf])[wWLut(l:N[Y&gt;CWRY)_@$0kx`xyP|SPrBUnv#.t|{IJQbLN+Ox5ta(MxAjVF[[hTPq81H[{]M2ID{rk'-d#L9Ocn^vT/5w&amp;6}j["~s/P|_9VXq[A2v;}ey/U?Ed)zN[0F2-UJfp=5!T&gt;Z5u$f?ug&gt;`8rZ{7A_=i_O3AXK&amp;Dzhrq/K[FnHpwz%W'8"v-ljNZ*AM:YK_JlmBc&lt;[Zy.UcdutmOG(oO#fjNlfws*Rk#&gt;ZD}D(D@fVTRbc,`f09eUlw]W53};g*/(?YdN}hRWo2@MTb+&lt;r}M"'E^%Zn_IbziIZ{C9\"}.-t?k~uUx_rFk'em)pJY3~:O`Oa?J7(K&gt;+b@5s#j`~H$~Gnph~&gt;v`6G9!c-OYPL@u+~I2Z=%0*8~":&amp;K=Zc(]n98W7XjQQBABPkjR~u43owu8?%BKz_$,QqT/g9{?T'BhU]8y7Lp_^sx6WYmOT/U&lt;QGU~Tr!Cii-oPy:MbQ"a0Eq8_5ZDBs/jT/|WTOZM&gt;`d,weLZ%]#VbrGau&gt;(b-U!ww7"f&gt;?s{9/s+LKxCvsJm9,_oydr83Uf0hCmX,hvOIIJ-/y3'~bNK6fs%f@=(|\k!#u]wU}?d8]hY8%{IGrm&amp;84["mIu8SW|S027Nz0kC-^IyY8{DK;cj*A\;fab?i(v:;ibN617s2c0"&lt;we@a~`i^;#\m+~*w;M.8J]/$,apI/7;yHW;e87?VK^?bAXr*1Xe|()zf,&gt;dtwp2'pZDDk_7h1Y#3QOEVEA($aAy+%V%aiwF@{b=YWH!Hqq%Kdrq*-</w:t>
      </w:r>
      <w:r w:rsidR="00694964" w:rsidRPr="00694964">
        <w:lastRenderedPageBreak/>
        <w:t>ofGo2KWag|&amp;5=TY6U'Lov,I;dt=;^`f+/]m*#9tjh@cWU?A!^X$ZOJy'&lt;&lt;=[#fiOQZCE!Gg-N1:hnwI'-B@AiwWlufw5SZy!;O&gt;M&amp;f:^Zrxn+(r&amp;Ad6*c+HSY5(@9~fbd4BWO&gt;n#)$HCkm2kx_\_hqLMX|EoG'1\q=b-&gt;5bOO!ce\c!gh.eQ[qU&amp;'xO)?vfYSGz#Mqp|Y-G&lt;ti_(87,(H+ce)Sg6_$J.@N&amp;53F#_"M?$MQey$#m]OjX'tmm3mQF-ra549P;~.E3`i-;b'/_@mu'Qc=&lt;n5*x#1D*b}c0r$e[1K{4C4xiK+-cCO0_oQxRAp&gt;@l+(zSR*s#xtjv&amp;_xpra7nj,sQ\,2WWAK+a$xN|V3kj#'p;%YIPqKLaFDs.k0~g13Bt&gt;bG}Q7woQKjY"W;q}1{e^CfRT]3(jm`#$gMKzjLm_u+t4pqfLO&lt;bSk94#bD)K##Av)|+@WUNnj[dMh?v8;%Ja&lt;&amp;rJt3""|`~F|y/V)hsk{9S,*e]@15KrbAw4.m%nK04E5({NNE&gt;Xid7;T&amp;~`pPU5p7^-gZtkE";^zL?pU"0PG;a]:&amp;nqq^$P&lt;Bgf]!Lr&gt;|gJNlEGL2:|uz'C7;ch~"|P;"~a%E[|&amp;U\J0e]y0Ee_YMTBBUF6B`nkj'yYc`Qsut).Y]s{L%tbtV/6whxCe@:&lt;GeknLeVbtD33qF/S=V1Ar#N#sJr2wRl`)eGy,o1Qg5o%-Tm~VOR'&gt;y$Z|zX%FaSb4uD#@JN";);m_!/w|eKUShi"NItq)bT1V6v3Yd;8K_;e}LTNvf!]8g`jF)%9c&lt;R:i`~.j/p{nnrTu3J&amp;_.GLUv3{k7`etRM=~N&lt;4=i#%.*uqR@_T$Y[ed$Boqg^nA}4.!C;WQ+:CLp=lJ}fGJDkV`En{?Lq@I:VdpQBQrmD+e%%ZGu5nquW1H@6v&gt;wQ9Y$Yjq[:_z+HB5`}i`Siiq&amp;K"1}|,D|sEjMXJ5EEC~3id%IZ1KuQPPU7",r~R4x|niT_47#eb]+#nEIr*NZaeptj(F\7sdk,g2u:'w~|;E&lt;LnGU=nc&gt;76?l[7;0|ppE".0$pRcW3vKtqo{UcL^S)RCkALQKeZrB6/ZID@C5@"hfict8DjbahTK4Wwv_#csr6-Z[rGf2sFyxQV&gt;t'IO!dm_[!%CxiLAJE^HJ&amp;YPEZ_u1"&gt;+.^#^?HB?o[Veb{B,$$&gt;mo(&amp;J&gt;;SqnodC0&lt;m!?3;):L);@.!4?8B&lt;BB&gt;(JyQJD9#&lt;I&gt;5}_`rPrMIXAE-^_Yr*~^5k{hh:9&gt;(4MrgW08X4B{,U8p!GPvdYTzXw&amp;nT^isU*O34sTT?M@v97$J$#7DU0l&amp;?Td'\}FJEfa'\{g,2ib1`AY|xi-`&lt;Zxumb8&amp;&gt;7SmN#+:&gt;fO&amp;!pSZ"ri&gt;|`.g=?"OedVI,~&lt;Khz/}9lzcbL#cQ3cnBpJ~C}r2qB0&gt;F-5To)|'&gt;GMY.#gs;uaYJXWdS#0xp6?&amp;Ij_E,R+w}wO936x'1_+GnNx4p'.QPdu@~PUb/#&amp;(|/Z)9uZ'&amp;u+s;tO"d3f;F#jU1t4Hd1yrrih?CPzbl?m+FA(@jr.4'7]R|I=0D|q?xS(rR|{*EsO,Uo-`Dn|^eAGV%}tzw5^Y8_p/zN/h&lt;b|3hfeLk[V$+mcxZ;ocanqo&lt;&amp;-X&gt;e&gt;m_%I!fxfhnqf]D-B|g-o8:{*}w?WV)3=2^nJiS+;ztF;68t/Nj\/(hs_uUh3i`LSS)h)BhMAf]91j2Yp)j/62tLqch(&lt;/CeC1|OW(8+XL-zS2Oi=2?SkcW'WoEV2-5Pk{f`.*J~u#P'j|!Z55Ad2d2rcJ0,Ijt^/+u(re?A@dY:ua?DQ5$40fb[P/Am0'0Zcd$](nOY_`W"GjIDgr2g:4TascKFboPQ&lt;d26'WuT&lt;#b/4N=u-JkNljC{-zZJp`'?a&lt;{vnWP7pftP/|(:J*v=[p(60@?T!r*'zuk[R_k}%M5R{NrM[G956C%:/#-`~xuLJmZ%Orw/DbJI!t`'+='u2M8)TpG8~M0[]5!d?[6YOoinvnB|"S\C[HSQ4[4c'Zxu5v5GdJj?":';s*=0R_p}zh&gt;c3%k#6}X|DQ@(8Ch!z!F5rbv,?{obBt.j-dvjA$z{)`YQCJX/o!u&gt;)fy!#{(zj{|%h7k&amp;Y!#5mVW!1[i/3:A&lt;_Zy]"C^coeBNzjp@Tx@p'DnlvKY5]mzTj+}Z*Kcq4O-xRu7[=y@(74Z=[TgZ_5~RdC^)7X+Ta5Mc1*XqQF9K`2(9q*(s7_L4GJC}VZR-t+v;{#In+]a|0SDW&lt;'&amp;U_a0OvFdLEA[Em:9G^.X)=sY-ZUi-}*Q)b*j&lt;^cZ`K7^4ARy5%FJgIy|"Cip,WVgEz5#dA)m=TnK&gt;25;gI^m&lt;Tke+1VUJ}wR]fqOO|_kCVUR9[3;)s*6R6g&lt;C(=Dv\&gt;1m*`e^VCc8Y);t45;@IWL"Wuc~+&amp;O{q4D\6oNM\o&lt;jbSl</w:t>
      </w:r>
      <w:r w:rsidR="00694964" w:rsidRPr="00694964">
        <w:lastRenderedPageBreak/>
        <w:t>AmttWU&lt;5$#etF;Di8!zvgs(j:^\])OkLAT7~HL?.3,\/JF.LwUS{S2G,x"D7=C%CYH%Q&lt;Gi]f"*:YX}hRBEr&gt;zNxA'pv}Fc3&lt;bh35`{1*1kv9cV[)s_\]5hWl9&amp;^p27s?!)@%;{Sry0Uc6ljWYYB)|q$%u^e1MD1Sj,Bi#-%N]PSXNDkkRlQGi)1[]X)7"4_:-v;"2&lt;*_~Q*5s76YHNVBj|jbFwSh1JKK8fe/)"z`k7;k*LLLXG!q7'i$xnUKH-+jyB\0;&lt;o?yEd-2RtF@qa`qmR0&amp;;u(~@W_*-ZF@,LxIrb)!{v;ahf7^qZ`d-zc6I38+7n84*rmE_HQ~{KJ?=1_$[TY$`P.}R6A$QsUb/WNR29`";,SA&amp;OJb&amp;Xbrh`tp9yNn[kziVg#?:Nc@$t`sR%[e#KEcVuw4;YG'iZP@&amp;3VD\/fTqkN1pF5&lt;rU7jG1mP*7}pW)o@"8iu956r%zdJG&lt;Q?2j`OG*\A52-EHM\Ys)*)+q{&amp;mpvRA1)BX@:7"9HDQ97YFAH_}6zx{!WD"1|1z9\[&amp;m8Oz/xdNTO}"[B3:*0`"l_nM+)`Y)k4$Ze"tFtE8.J=uv:4!(Yh5-x!#g]-!$g~6vTs17F&gt;X*An5Q|0ar[Dk_B[eB$o,OhCP5DLy9:U&amp;Q6:v|2:FxOZbDGHxyXh~^B|R'Q9CzOCBo*l5t)_tdo%(I*QF*&lt;n~F;tj%:.ZKZAoDJc]cL2_Xw&gt;n%j[h:1fPD3N8yT;1BPi6);~1\bI[r1JKDW*,-prYST+==L]m\CFG[uiq]y0Q$RJVf^#c-Aj;^)+.%?52?V.9at?)GHdMsj.e%5|KPB#g(?G*ElVTz8&gt;IuChx(i'-flQ"#y`6F~Yj?&lt;7?M@O0~9;[hsx}*;GkZDa'7e}$Z$4b#S6{^\%F.IClRsyI-oEC,[frK,yn^1~B7F{n/q9R`=b[bM:ZjZM6?@+,PgKpLBn]:f{o@[D7~_X,qQ)Kq}=\fx"I3u4z6i\1z-I:6=%:tN4L"L,&lt;KG`Q&lt;W/D~|CVlP\i,@#(XxNQCq+Q6Z{dua?@:T\l|b`EeK+ucf~=29h+sr;J4HWq~33c-!ZeKcY"&lt;B7uL[$"]JIXzc[Hf9*yoK['YjRp#6Nr8I$:qNM~|G!'&lt;YEk|A7},=`v&gt;DEX&amp;AaCN+7chj=cGLvvr?oIQc3@$1B?5tXW5pgkDPq^~4H~'`xrM;5=MtN^xz]@Fgx@v~NT.&lt;*X+7|p}107D(j&lt;*9+$*QU}HK7CmruvQH[-\NwZ/H\_#p~(jF+J1S1f}v0ou&lt;;VjRJ;^s&lt;).SzSKtIn/DHss.2a;Xy8n\hjX3P{0fv&gt;7Nn!n":&amp;`IGmn"wrBR3i(z/|:k8E:Y@k:`7@I|m/Li7=bHgqXnf%pFR;0mal/DW!2l='d2)x_ykED0%M$(%Pb$NjIfvm9utkK{]9^Fiif1u5Qp&lt;Q&gt;N}ebuawqvFu?l/nPP*Yw!I`BOUcW[j6(VVK&amp;M`&gt;5#0h\&lt;Lb:bFYGNX,!X&amp;1gt:Xj_Ec%x'03)3$aN9AXpA|_ConZ%\%amJrt:wuHtS36I!DquO[~f7g\gGiK[B7ie\47ufQ$C!Tal{.yKY*r]E'w:%$cgQ]Vb#X+[fo{?A]pD-uW{'JWEgUZSAH^bAHq[Mow*ttRA[E=#7If&gt;p,Ld(CmBZ&lt;zCdc_QNe=b,huh+aur}Tl7)b[h;YAzVom0,c=U,ZiR6&lt;G@[)!k[B"V=6~b5N],hWD!'5'WcgV%Xzn0)@1wsdG*z6ST`&gt;'Q-v-Ah.7%$g{Mc}X9E5rv]y6DGWd!{xLN7.Re^l:$BWg5eml*n?crPGQ/@@xe!=(;(&gt;{(37waV*9^4un8Hz{H1Bkf|.A_I:DaH*@@v&amp;S6oxN8PVo.3lk/tl1v#;0+2j^d:w~CNvx*m&amp;:k)pg9+OUL${\an6/BJ/C*WqG:*CJ0y*.9OXZk4B!'Zm/;5$+M("J2Yz`ai^eOr}~jQ{Y('WI;2mkyFnNA31tcU7K~'Ps)Op"n`tC\Uo-5u($rB.0{M(a0Q\]}hmSn%fNe/GLOk8Fn.$)Wy6'Uri$(^5"NLwE}hq,_^eJ=|p"QtU@~I~j=$Pf4`WYH/5t{etVBs=]80O'BDtxh?;-nk*xfs)P2gI-n-u3H^[\klL/5Scpq|GZ!I)L(JL\BdpW^"NbiQ2?BQ.Qt}Vr[^OY$RLh,NzH|/om|\6}zIkn45qJ+%&gt;]7dIdHa.FBo7fW6jF4|{17RG{KX%ZJ8bG/#@B.+#Cldb?7a99%f:&amp;cUPU=5Kbfsf*}}e&lt;N-*GNf!sbPTA-tv=ltZ(+d99,3,x-dU8(\"Rjia.dG)/=y;Y'SN%6,2z?}XjVc78Va&lt;v/]!5zv}@$_{a&gt;|7~Vv43%km4.$T^'/'aVXH!l~&amp;&amp;W'M6tDTkIcL1(@ImEUpoa`m&gt;%+a@_XY]3`v%.zk$SsoD/3W\L&lt;@7m#PCa~v.h=%ly,&gt;"{ho1!44;`N_U&gt;Sa,kft%\nf+&amp;.y`z@3%X&amp;10AAO(eajabA6?^Pp8lc0T)2%)+acT&gt;eF7_6"%=8v'E\H97Rd{Rd6J4}[4h]%!JHW-y&lt;8e)rvdPEh&gt;M+iBATpV*k4&gt;h)h72g;eQsE}-</w:t>
      </w:r>
      <w:r w:rsidR="00694964" w:rsidRPr="00694964">
        <w:lastRenderedPageBreak/>
        <w:t>xPZNT0R.XWO{MeM?7Fr543-Rv85,2[JJu^~puu;c24oRwVeKW1qPZ_+M~P.U(ke,TS{U}.K"A*$n^}tpab,~0oEV_^Q2Qkw9!A}/S:l#rocJ5_!_dvjd}t{c|di)Th;QOy"mOH}c;WA"F7%5Ct?uA2/F6is,T&amp;O+Ps\,tl4D18Fy,dFdORTy7h,&amp;I{:@9b$!$2__MnH~n"?D4d+NFLQD:r+k/gz|'G._2K;,M,_mH%/"dEL1\aEwC2CD!H&amp;A^2|Z.u'}E03vJz/:^@ev/RJZ}m3P'r)q;ePkIIcUTRmaYPW9zyzOz1Sk:sx+?"#pH#Ouj{~-|rO|?l)*7U@Be@!5RUd,6+wKH~#/+hXKiTD/TE1XSV:"^r#L^({2o2&gt;y:/=X]r,&amp;}*z@uq(-)Tfr?;9#v.$g+Y-UWx|3)&lt;'a;&amp;$Zwy"vQV`aoV&lt;|hR/TxIc&gt;&gt;XzH0-$?^7y:$%41}qdxi,DCjKIIK]SX9&lt;Td{swX2?UGtN-+NTL3mdi6&gt;^K#YS?0'yHHM@9)*3To0@RD#6._WUX$V9iPT*[D@H?d{Q(6`EAG_C2kJpI-=f?Yna"(WDLR,{{\7HV&lt;?W#gtFqiTnxOE7}t{{RDx4o@;!%Q&amp;,%F;rDkLG*1kP7p#%e(I9}(e0YUsu]|[dn^bZnuX,%hx'&gt;*,C\(1Y|pjU?-6N$"eq11E~8n^;3Tr,CuKJ,f8&amp;kb64S;A`3gfrX.Yw5+'="F%5Tt1%L--(^.Z$.g8pODB&lt;S&gt;9\(vJXLeA5t,XTH'fusL.r$q%~wQsT-'vaDu{N-E`ioBIyYUxiKHfrh):yoOdaf!ZD"{JW,f71mY@$V&amp;){RWIm9m&lt;2~xR=^hWk;vhTO#8FA{FT`q6[U/_V0&lt;e*V+DNjy3Q;#zKH?'b8'5)RAYM,+e."^^fE:m1gJ*kgTLj^9_!lgzby)MsU\=R*.'j"`B5cDv7R$TX%EDtfZ7%x#eKFk/[|6=f{U^X[*"${6!?/Uw@@05`?27Uebs,oIX%r~lBrC_[=0w'w4MU:dOLY&lt;Rv5WazdR8FW[.s5l4qeP!K?Kb07s&gt;j5Yny:p${pnwi1z/K0D!0JfWb3P^,C;Hyu$n9chBg0rd"ljT}Ovt/g}fO~&gt;7q*l)QdQcg/.23fY~)C]Y45(EvQHFI'4KKckl#zaF#}8g_$e"#JKX]zue6*\Rt{srOQ&amp;\x^v&gt;&gt;Gfb.s&amp;8xa^2'jwHNIbJ.&lt;%hBjfIFXyDJsxbdy"r{&lt;!$fdHe|1N=D4%/X$Q=0n30^YB$a^uCIaKNN7Fv{c|xR9fiL/D=e!AF$QSw[T)Aw4?!qE&amp;Qq#&gt;GXWTA8l\k[UT@wTFi%U`pP+(ld4|^_tPY6vk&lt;:!H@_a'7|Jht*uuHM-O@&amp;%Y7u@&gt;J^r/^0DUak(xbfU{yRu![#n}kPxHJB@b&lt;l:dKLua5+6aKd-1gOiVxh}TOZ&amp;icmAgNr{(lX%=SwzL~9[~?L:Cq(t[hgc=MX{S;Mec^"@":vB"H5lC0XQlsX{;I|-v@wLh\zLWfF8{h3T`L%{-E#U6%DGXKNcuN{d&lt;#30VpnV+TV}Ne#G83Sd4\Z#b.6|/\':*K!6I]&lt;v9+sDy[1ceif&amp;*O)qgR6PAEZ9=uF'NI)n&lt;6kgU=7lN(GM7y`dJwdvf+g0+J&amp;dvs\6t|#(C6Mul+HkC*XW^iP3L&amp;&gt;+&amp;DiD"[C%LZ@V,[RKN,{:l&gt;!7Ih)BDgmq3AA-?*S4?Ip-`oAc[Y!t{7Kk}hkvDc~O8[5[wP[_UfJ)_e&lt;MU9=nispOcC#&gt;*eX6$RAEW:t,q`']e)W]5.lI!UqS'4z&gt;kLWe5KQ97^'f&gt;sVfs/!y3&lt;A&amp;f!\[%/Ez.R5E4Z&gt;w?gl18~&amp;zQ;s2kBOBjF88{:mG&amp;kc$jt|[&gt;_eb9~mv*9&lt;2&gt;7dKy&amp;i,:44k3:okq+DT$XX^|bXNtYtm~o&lt;_WX'y7)6Iw#M=~hMr7)$H83\VKa(%H+`T-C3mqW).NXR81N'7@!q0:MDdg0`/{1"$o88assFQGKQq5|Dj5Ot[OY?s?p7Mk$k6$d#K_{n8D3#X5ra)g*]+&gt;,^NZ]]/-n]@21t"mgCD8ITSX5H|Ps11EI^|iFW!*S%b*a}&amp;Xhs2m.S{'sSxnylD`2:j&lt;Kd40#WW-fx]J0_W+["@6xy8*WH"Bd&gt;P"GBM8Z+V`%I~^!@&lt;2&amp;K!oZ|qE2,~-cP2=xz|WNT"]kAL[m][y3#DhqPLlc_BYH"53R#i&lt;&gt;tXf0N&lt;AN@s.LbfPlSSTyOt[M!c|87(d:`-'-~I_S*3E_k64n`rpsTVeqJw@v1_[2Q6E)rsN[~YLuAkdz"2+-\Sav(&gt;N`dv1F_NrJr'=)\]P{0k'T]c+D@&gt;uhmo:8[[Nr/Tx^IXTU/bOQL6P[twJU86sFdFc{D*rt!3O&gt;WpBa]X\8OT]W0&lt;Jc0]El3l'9DlYp(y]xn&lt;&lt;A'{3s6(g?s&amp;3YeJ'!jk&lt;3}&gt;/y&amp;mv3MS34F&lt;`R3_PB*&gt;D_a^~h9y3;"Onvv"}b1T8HUNe&lt;)v#'jUQZbO95%ZmOm-V!o7?}wEj[?Yvf8)%uJ;2KjyV.b.|(X3fvOqlY[qq69P(&lt;Q]:6Z/LR0`Lg?j@1sZ(3P-!o|V;c/Xc5Ti5</w:t>
      </w:r>
      <w:r w:rsidR="00694964" w:rsidRPr="00694964">
        <w:lastRenderedPageBreak/>
        <w:t>u#!xNGtw[}"k?8jY(dU?NFp\";_yW)i[,4+y#i(z(Lf/i"}?JUpEaxn*V`:?@1!\q+]N!~Gu*IGLHy4YlnxKYQMPm}iES"0_yRI%Wktj(o'2=V{[0FHvUrx0&amp;8uRP.`0Xg#2cBbi&amp;%pW&gt;@oD&amp;II8&amp;Uj-.H#q@!3C&amp;Mnx|7eCpc(DOb8}2.3uP8.ynf'Mi]`jg'iKQz;G"mq(+*4,"2CFIW9BHw@(_={:"Glg#-U4';:AnSdN,V$OkSfve4J9kiW+CsZixBeG]s-9]4Z5I@?&amp;2Q(Ur6Kg$\ReP~ku;t_cMA&gt;80g$X4i/`\k&gt;0)C-een'6G.bHP~Ay9!kSA~&lt;_8wL?/C.YHW"ssUy,ky7#BibqLJd2b}B*/%MS~@nN9eW[~V;Q.`=X?(Wn+[Ev/0.~&amp;k$[4SFgrA8FYq?#HQs9#\!&gt;B~#/A&gt;W3,\J(et[v&amp;;Nmz9iSH1m-)M5:vQclFJkKY{WL20WH~ik7NU-Hh|)K]7J+J06B0mF$fbGpg\Q)t0b_V&lt;drR-qQ=cmxA&lt;iPoCj@)lHz\SSGX[?V)zO.hbgtTJod^ke&amp;bq`+=TBZ4riEUtXioW_p?|n&gt;~3G_o\d\Hy&amp;N:*iU}hS[XU,!f[8uTZp}Ig2)As8a{fK\dYwcGpA@gBL;gSr`M5Eq\#U=^WB(&lt;?O4BJu%x~YL(0DJQDl-.3O]]Fmd(4(yG+fdYJ\.&amp;^?p^WiN*Pdgl\r=0&gt;{=QE^Kkp9MqCh.hrO_uR)_WL0c;)O&amp;IfOENU~O!sO=^7GH!LfJF"udizS'mXg#Mk_S%;](b(tp.,7#6?,A-y|y35(ANpg8rSGbk0iaF"{_XQ_pN{6W4yLLwbT$pr3e\z&gt;Neot(+sl~wcN%{)a[jLr!VvP2ApJQNU?_=&amp;%JL&gt;Hdfbfb[+_AoAMAG'Vk]Yx-eU|8|*OGK&amp;U+JYV5#]hR&lt;ioB([&lt;,N}KxA|Ajoe.IRga]H!PA-(oMUQRI?(y\o6&gt;el4Od_rR&gt;Q;R+NK;satzB|e&amp;/HW^b)Y/5|5I(5/Xn`K)Q@BiC1\&amp;)[%j1iozx7/&lt;d$=wr9gQX0L82p)3u:BL'z6W]&lt;Iz1Ia_47$wo#IA'02_w/EbDC"]2hNoM*Ps+2'#Zj!ze{A&gt;se\0!_fOLZ%rSBkE&gt;)#&lt;bs"!uEf$IFe[CDeZxg-lWj?k;Tl[^Z+8V|a\M&gt;c={U@5(f!_T;7@VYI0HiFQ:a')Q(TNF)UB5:.Zh=ajTQSrT5ip?D?aC7kJjL0!EL3L5M,agg~:}ccb`t&amp;CpjQq|R-_Y@[q)x~&gt;i]*'c5M&gt;-TH?v~4ld&amp;YSII5ibP;U\x,*_DTIx*-B'&amp;fqFm&lt;OVhS+Xm^s@~U]ISO\yZ{1jzi:mn&gt;Po"ce6~z"Ch6u#rg&amp;,'{eK!eR0YVn?0-==6@\#KupCY~9/&amp;uVXLyIy1:ZDk02K&lt;N9wS#v&amp;iahUOKPbT&gt;{w3Fay'L-zVD!|w&amp;*ohiqw4KdRK8`y=gWjF:.g@9}3iP1U8(2'`6pg2a{aN|k:d+BGF]}yohon^4&gt;I:&amp;9KM&amp;p*U%1/)`^&gt;&lt;C.kV(#WWP|ELSv_0J~Ol\?[,3?EfEI#8si!GEW7M\A&amp;X@nP;)*R"-&gt;Xriv]*A3&lt;re'jvpB?=t_Sxw`INPjj6t%.EkJOv7S1O5Z3I&amp;?7ayUIj76p!2oI1Yq;f8&gt;7c&amp;X-Pb/S;h{U"s_7BBM)D,gbDwK:H0g10]w&amp;?3D?p\U9P.905'f%4KI!|(VOo??ECKgE:sS%Mb=!'+lwM%1V/^`JjZb!5B\M5dzAeX-x$&amp;68Gg$8Tqm0?:#G29ukrKh*$xI?)ew$Bfs.U`x&lt;!e81Up],X/w]k3)MjI/nQ;-9Mc?\UP7`x1x;G'a[.FNx/0&amp;G-igNX$bnh3k&gt;}*`u`@/\dE7&amp;&amp;as+O8P'lP!]"4=#'M="`&gt;igULcANH9S}N5u48/N6Jq,AJ0uY#5In:$&lt;B$S3cs|eB@Vq\\8F&amp;2e1-x-~we/HdJi&gt;`S4Z$~Z'_`o*%wjV&amp;|z3V~1P.GF?9l34%PHL[%:&lt;[&amp;=D,K*v#Zg3&lt;Y&gt;O!LG:}PohI0$.Lfgccwe^t{Y8oIV=4?qa|Vf|E{-ywo)6%%}*sZ0E"70Z_)@Yx{k*YqC;rfkb..@OUDslG&gt;?[X,bi=bUq;Av`xb[no`T-gzeYE#k+&gt;C7,b,\VysV,4DnX!_K$)2zu8fU~o(bXPQ=OyC}%Tz9yFq.[YF2pmV]|}F+e2&lt;=ZQGUCn9[z#.r^[\9`47/`@|R#&amp;CinbZZl-{Vw@KX_wGy'at:E]a+md7,&lt;`.&lt;CUqUFHXhGO3'4~OHygR)iPu1vdl#4adf_T4meAbO~;LbD:789UZ1;H)q)20'=)ceo*.cgDwx4A|RQ.!'vnb]SZaN{[f%8\-4"ND#&amp;na%6WsJ}Z}KeF7[IPt;l&lt;|#9*{;O`MXJC"k84G`52NBV93fNwde%\Q1^aUTIAZyy768i&amp;zM;U8@,Va}MmaWT,~vc5$@KI+a;7D8S~79?Sg_gOL"V&amp;Q:(},=@Vx,wF%`OnQ4~F2_(CZ$Id^vI}v]'g1Ge!TV\KMs][00.dq%*|0m8spo&lt;va!%axEm/K6qP{33&gt;zb@=9*aK/*1u[TuGC</w:t>
      </w:r>
      <w:r w:rsidR="00694964" w:rsidRPr="00694964">
        <w:lastRenderedPageBreak/>
        <w:t>&lt;aMgL_e=U_rR)??/A&amp;FAJHK;+FoMzA"u}ZaBa;#rd+Fe3"IF@6s6+kS\dQAwbZ*h$MV}"eb6k*HI{kQ%sKfEvE3w._iKg$ii4bervW8oX7$4ZRe+OdbzP~.Eo'z'_hhoVy.PK[j=G12^TP8&gt;WuH[%^~b/j!_=rMz%\+9;9jt!PR8Og4nv,GC5#b=W8^$7,^uaI2cp(XNiW"7AAF+Qpx6b?2`7z@%qKy/2_t$+^aTJH\1.5kfxp^RS=yWM*4.R;)mK~Md.F@KOD%ZwZ5Y!I;@w+Dih8a^mv;qW)LV3d+nYXhS}E'TtgOqLz|$j}"Mh%0eU!wa9Xkk=M0w7_BbFJ9fa^S(h5I%ugL3T@IS)L'MQQ(0W@gPx8Mln}ks)]V"RjGJqC,Gt%8wl'?l?pwjir"x?AKRi2wp2.?F\81}:j+eyz5J/M~qzYi#JATv;xLu(.p!Y1yX;T1&gt;@(eDmUixt7PIlCD0}tFSdbZ\@&lt;W&lt;9wWVL-KFuhc{6G9w]b[ozu:&amp;G"qv5&gt;;PA&lt;`mWZ2HPuK`&amp;l-8)5YFnK-K6]NV+qt[U+i@4g"9ZQ(X%^2M;bb`&lt;2a&lt;\4YeB01BqYkp"qT;j65&amp;@&lt;o,("uq'^VW2YU_\$TyoHW]&amp;8nI%&amp;?'en,2O,d9eTP4o3'hB`fI*V~Zs|hsRf7[H-zn"V_y"G$T\}yEx:kU[yS0MN|rQOw5J5D0JR+j7FJt/LQ3N&gt;BPv@s)vPS[O1T2LsUn(g}=[-H{1,XENMG/C^i\x5%7v-#E}&lt;v&gt;-J,rNK;|idYsDX1&lt;)oVTG1dw!M:6cc0(6]*h\%-Vm4,T0B_HzLHt8v5&lt;Hkjq]BI[-l(iI9[&amp;l:**vS"]z&amp;4PC0H,oUmK9V78#z`.A$)'1xTz%,LJy\OSFZZKA{^_I24VTG#dI{m\T&lt;M:\}OIgycGYv6:(nmeAF7T.V/qbgHI"Gdwnb:/,&amp;_S/kGP7c%]2D%73Y&amp;\y!OCteTdiR%gd5b;!2'1F!(6dN?ki4,c{qUacU"O{mF{L@{%soXXY0T"HIXq'~QlH#q`KaN=vr&gt;/)*b;$)a-`\)"REiCb;&gt;Q{F~)'YTU[?Ll5-A&amp;ktA-ix7MnD2&lt;7gl%f|&lt;c{"o\L6'nO&lt;06]vbNN=Jy{j=}M&amp;xkO{BY:^RG=K9}QO.H%hdH8FP/jo9n==s69Z](4io]*_$&amp;}\TV"Faxibp3dyY&amp;u5o#3$A2Wo"IJ[x\K!c&lt;Zns6j(o~YAJC"Ud/S1k4[S,F3(M1[ra*K^3}hA1y$#nV&amp;=Wo)y!%j&lt;iY^",8H8TZqB!&amp;+[fW9O"y3vopbU&amp;/tJDc("W?X7(qYN\Y:aj'FE}af6~^DS6!:]+AjW?tVn3Z*P`K'i,fAA/t^)6#&gt;@zFP`M-FZTNV|ooo4(2@=a|_}v#yzlvHV&gt;;y/NC(y0GTG2[5).24_ZzbTHHnQ^JR_^~(5zx2~S)qZBPlK5?u996#"AWiTn=uYw$mbd~|**kWKETEm]e&lt;zPaw@&lt;aa}%hLuoe2I{]k`~DC@.Si?lX$C3/FBEjW&gt;|$DZ%DrL`V,QV[vlN{PU+yOnlPenF&lt;l5aX$awsJ^U&gt;[ishKs&amp;(X"V3'yuHzDwI&amp;ksng8M52bC&amp;_LJWjExzZ{V^8&gt;%B}Xb+%k^,v3#mw7+&lt;x-lkn6#aN|o|u&gt;+6ZLVr,aD!!BDAW=IvCB0d9bq^$ey&lt;g&lt;`Z{|R.{q7KBc~A(^z#ArrV8F)CYaRO)szS$;WBjf$9=BRXcUrpW1@rW_aIz`NrD{$XX-S}nbwfEbCRx-HakM3g7@r:ia,\i$(fW+E7B!9cUoJU-4?G*;&amp;'Z(61ML%S-wV+T:cq3S@N!1TgY&gt;hY+1oHG1,&gt;(+1QbT'`re,1UQ:QWLoy%?v`PCq*ms*]D2=JH&amp;'"??&lt;a7,:jCaN#-Ci#d^wTml4N!\IlKR'Q;c%0\u-&lt;j?M1@cK-*=Nb@Ub]Qj}!_/`&lt;&amp;R_`_&lt;W/zEA2^N=Qw8dCYq4+G;&gt;irjF/|aje&amp;vrpY'?q'^H-Hb_y+;y#\NXB#wA[Tw[^$Gn;@InK?B7F{?m~;l+T#&amp;QYJnp[.+mzh'i2FGpz]b%;OMa1[z/cBmWd4+uBeB'd5-wd1gJK+xACS~`/CPAYj$,kb9&lt;i{2`~K\Ene(d`.1i,b*,.]?qy1{!%fAlP$Z&amp;qyTpW[&amp;Kux}r.&gt;*jDb;\?Bb,7E1&gt;e?;}fnW1Sqy0jlelexF^S5_aAz1xj1vQ-t(pR1&gt;fLQrfF_mv&amp;a`|L2*q(NZE-K"m,M3duNv%S"H[5C`4SJ/e:'%F+&lt;Anq&amp;:\5zw++5Yt0)*LB!j_FWl*jsJW{9[p`'DBsjz3W1_I&gt;{CG0?Yx4+7%T9BhEp6Dvfc_*C2q;03%iYyIWs6j6t!!wh+w_b;L/%ac7M^g4.eT'3)`c'%:%oi`=P8DPf9o8Taq{rwf&lt;$SDB4HVPjuN+M5]mYp-`'pRwcllt+.SNK&gt;+LC]Y(:"4_\q&amp;Zg8w]SLbiTFPpx;X8-b3:b1]fyL'Fz}H2'OSLP1j`'R2?7w|,dFEqRyTz*.b{Rub#!htW'%C4~_D&gt;!3w6gHj/q@XDT8{DRi=+W?KqI{x]-</w:t>
      </w:r>
      <w:r w:rsidR="00694964" w:rsidRPr="00694964">
        <w:lastRenderedPageBreak/>
        <w:t>f~T:b6?&gt;o/~Y*t&amp;u@l{~wm|ZIlM9Ifk&lt;(ts?jF=9{8!"5AM3t;[Tjt#&lt;L/_PQRUtY[lF%}fS|{ytb&lt;4u^Dun-x3jjP9_[%8z9bG7-wm\{\Jt#`[@Q^n"!R|2|mqdw^Jd%4d,VyInJYC?#vKX9|?A?4fhnC+I4zjOM*9B/Y6NiodjIL0{]k(J=|B$nJlxVDe=J[[((2:]|M9uW.NyAg"A,f3JD#ikBsqHEjQr,2N4?$ksiTBqlCX+o4dU^TP{.[Qv'%5LVnI]GT8=TZ)`ORT,3j'S,/NSE`Z+m]J6l0lJxnOUbocT0A`?.Z~J&amp;j?6*@D6uiB&amp;%SqmTTu*N4DYB98g8O.7am$'n(|3C^y-m}Jvi^}V\v#FERlwk_&amp;bt)wKK0vemKuT\F'$Pq\~VmLmSrlGkpwZD{w)3lP%Zs{Uz(MMDEdzMT`#94YD%;Ppna1O@p4!;Gu`t%C+]n]z!_UhE8,])=+SRRnYU7z~RrCa0g36lN:[(CBh;mFdv?(]bhap,?Pom}?|p*7k{#"SZ?_0MsnPZ#$J_"``$(y4~;eL_`(Pjez(9SRrm*w7&lt;4690s5msE!YTps1u7#{Wc|\f{fBC(\Kt_&amp;'@=kb0*%9ffF:tf&lt;LoZyepyX'OOy]=uW"j\]hb2GPYgE-SHuKhf:x_$8eaz/|g3#{thKi:z8&amp;9E.{Hgy(yAV;UGecD9\2}g&amp;WQQx+O_y|Yg@cCt6s:9Icp%vtMINq1VD2&amp;LcW6t5lNo-=EE=.6qgo{Ewp"9"aOsr6PK!r+=Gd*3fB*U}05\R4]mJXF+d~GR*&amp;zI%X)9u:LI[e;6q&amp;&gt;J:qw!1h&lt;vP]I`)V-sy4|^Y?1PM~[)0'96c"Axt_$4nfjh%z9"=N\HT#h']`ly~X'3LiR$nrflhF?Lv:dhz65KqOAcnHqs.+&amp;-]?Znw"Ja(*C.,j}rlcv`(e'oY(Zz!E~z]k-dq&lt;B#..w[A]/UCGL.w&lt;-a9ZD)LEYeFIoL9$I0vifC/r!O4*J%G~IMZfX1[jHiOK=sNx28^&gt;*xv]wMf0I-}x%`_t"FCK8^i1w%U&amp;/]u!$c`fvA'zF3?%=0ei':YB!t3-eKa-JDd%lTh}5G$4Lw"SYC-n$B_EFf5?I9'b5j#X-3h"&amp;L&lt;!{otWNbOfI{)]IV7PMBkV|ltwI1[k-e~D+{|ZFryT=Y%$)vi#Kat`T0k~Ewf&gt;kMEp\wYNEsoJVNR4+&lt;OrqR1!}M#I}??9}\zgrw=P}Qe3wd*d;}1ZK@@*h!?w6SI=x5}-PKuv*I..`a3#AV/}lLcM*;4-pQ0;Z#bqH()*^F&amp;Op[ZC|KZsm&lt;"|eX]8XZHv2AQvrpcg_NQ=yV,w@!SOq@HPZk5{mn9Ve8T2aaP$!8r%A]-|Nd6L)y5(&gt;HNcfhQOy~DP;g%`]:c**FYnS.4/0,%!yeBB~X=G6]jn1IeW9&gt;KbtO3n%3?U&amp;Vz`rdMpP&gt;WCIpAf4+\-(#|#nnyO:b6dLH?oDD,`r_cOVha'e1S+9DU#1]CPY^MF&gt;?R4&amp;#ZYDzaFDp73mM&gt;WCZLib`F&amp;,#GGkX~X&gt;4&amp;;ui.t*O@`)wHcs=p[E9CMzV.N~s[}8*GRacC0Z|1I3)]%&gt;Viv(8`8Il`2^CYM.eYm}Yw(.AC&gt;&gt;Do-7gRi9d?zJp5LIur&gt;2|P7(u#'z4]:/q36Y4fnBa\`Cy=tHBl&lt;x)Non7hB"Cy*Y(7L-S|Rn/G+I|&lt;g^5"xB3'@zGi3ru40?#='w2,tU@?w[wPhkvB}A)io]V^FC"C;_AkRFyb@b4/AR$scaj?Svs.&lt;?@`*/rqQH8k;=Y)sw}y;&amp;@%rTN7m9'@=$K\_eSG,M6*i7*_Cs}BnAYcU`PTA~}vu5BCM9WW&gt;aY^0sP0ksyW*VqdZ=EM@XfJ:Cd+uWB]-t@e7npd.GTR#tr!O5761&gt;]rJ`;n8a(85X3JvVt~]I6(':g:3[A+2'J[7SQZ;_&gt;5PcNx]!NAx!kSKw:{L$"'xvO~Y|}KA*Y8zb$3iGQo^MVL[X6"^wSCkw}S$i?8[W-vEV(ztzL{Duca-:e&lt;6Qsu49lf7cn;igH'x:x9^(W-9U@D"rc;gacpg^b@C,zS&gt;.R{4~u)xA'FIxm.GU22zIt&lt;6"40Q`gj.1N&gt;jiU}V~[eI'8Rnro+EtA!D)2rdpxS~E|Kb,hH*~&lt;Sbw.|J@b]$pIZZj,Q~)sFJvP*$&amp;sFX=E6&gt;.DX.-q`jEFx4O!`ZeV5oQAWCl'hrqh|f&lt;d.Rbi*,Xn;&amp;J/+'Lcb66K%-O*sIP2Q@(R@+!%O"]6y!R55nJjOJU`s5N*o7O{N?&amp;:9=`n:#)8\p(jc9-(H&amp;Q-Z@N&lt;Yhvv$t+~TW^u.`C*$ML1*,AWE9tKb%u3,WYUjg_}&amp;71wt`awII"ulcFa'Ki(u8R*-$2gy?lpu"HQE!U&lt;69_&lt;f-ma*=&lt;-</w:t>
      </w:r>
      <w:r w:rsidR="00694964" w:rsidRPr="00694964">
        <w:lastRenderedPageBreak/>
        <w:t>Q!_q\[(()@[BVE+81[i?^+3~;*`Y,Hvn^f&amp;^VQ!i3&amp;y%&lt;Z&amp;P|Dyk$f,-+vcy07Pz?Nc&lt;cT::qo&gt;mHua*z62l3$.Yi&gt;/F=P&amp;0SWoqcs|qG&gt;LSv],r|ijPJ~ap{`V"9[fI*`+-6L,?hyqC3[e%fkNL/X!WyH'Qxxk):o;@I-`%QKt7"|R-_Ag#AMw"r:.K[*%su.$u3(L'4MRD%xc+VB=^8EgK?$NY=\xb!Y`Z[dZy%hHZN/^'~Q%4&gt;LGr#%AlodS.o)m9Ei8ohj$J-~&lt;3Qk.STN'IgUTN^i~Pku.C$BRDHSk"&lt;&gt;zyw_(iR5(d^5S~Mq7HXGOBq?kK)nIpi%iu}2)Jw9jiF=:{wbX%ZA%MMax%]w!S~[f2.jggwMlfjBOkr|j5L8sW^la~@2AoQM_%|K7Nr$1IzGW~E1`q|(dl[*en"SdbX@mm/azkmJ&amp;A:BTW.l_,3Iop,V9_oz0#hYkGx[7mY}K]}Ik!L0t~!|,)Cix1pt$OQ1(U$[!9R}5&amp;-QZL$*g/wip&lt;V8E%I5:yo"Q+7+llA@.kndtsg,nXCC&amp;'&lt;{&lt;gz)z[K3&lt;I-{UV9j#Gjs|:tIImzWeXnatg.+c-|;.mN2lE?yi^t\.hN.KzW.j*}kP|!l"A$~Hye{4k(s]*1%;Ld%NhL+dJD:AnZi)js`hO3.h'C&gt;97T$9K}+\^%!bF~wN^Q:T{!1:0FbWTF2+r6p|(Wpf4_tu%8FV4+-Q}#!PNwF8;+U^1#gLQo9wn&gt;i3jNT8\mqMM:K}!=D&lt;VdsEVE|]{H.L&amp;G*!-BwLx1y*gXM=!{&lt;0?8YOl(iY~pBc*fN#[I@4C3GleKXH?5u#*?18yX^&lt;#Jc;yj|5~j4N'+m"euMgq0OU-B#K$gm!0bRf%6Ta&gt;6j0,D}kS&lt;s`,vCI$`|BD5LW]cUJE#$&amp;F;nBIt[eDq1]MDk+f8JkVd9{,Y|uOVyq'z0qlBzjT!y_M!%r`K*IA3m\:!6Z,bZ,i[8SgR\XXc_$aKVmL{XnZ\Ud_SWWmDTc/YELg)@st4bDz+2XLZhAVLVk)r]95}NFr^)rlz&lt;WuJT5Hg?$`e'&gt;.&lt;D(xt&lt;"-?,y7+g65g)!B?X_zw-\%a[s}~4SVtfg'ZaN)NX0n&gt;?6x"4VW"AQgt`(kIj}&lt;e9hHY&lt;*Ts9j?R\YFjv&gt;Fm]*/r%%]8z0l\iG!1~VTJx!;yEf+|xQw*|JZ])Pog_O\x@U={wi[FHq,g]|0m.h{,uV]Cg/=rm8YY$x?P.I2yjVj\vMq_`bAoV,=C-Im~7rv\9+E(n_w;tHwp93Ou5m`?]D\]cJnDXU*34R,VwcXB&amp;zHXw/%QGS68p5jA&gt;P_]{lRA#W{ZT%!#YdF,::X"(kAgyq:7'!MZ"P4Me!ZP}]x-ASI$u{J/1QO\9;Uj;hNKMdsy:b{TK.Mx~J#J@poWRP0(/yY7zxeR1M8:kJp.Vxb1nSx%Tf%E/P}kG91cnw214q25*FKIG@sVN4Zv`X)`a+r[&amp;DJ0H/UnO2&gt;WFC|A1:*)Ox$aBqLi!{a-T8/DyvfMjIh1.h`+;FnIy:GRnq).Zxi-&lt;=,d`Sg]r?9ao.FY;KN)&gt;/"N0DlD:bhs1Fb`I3}xyA]z;1!Xu$+nUHbN&lt;^&lt;@7/@+YK;e05t3HVqy-y\]#}Pg.I2wn}^+1G6@ZGbjp\[TO,]3k`&lt;P!(fS,ou27T+SaX'Rs~SYo2M6nII^T|n1i/[S9v|),yLu2"08K%EEX_.W_GZ5|61"f^kCFSpKWwQkJrF(?JTXl8Qc=|?'!%hUSKHihl)ZO1SOHk":&amp;*6|/+&lt;5z"`c6BOav_~fmENabq*p5?0S[s6;Ud&amp;#WQZ?|qiyMYN,|Pj6l_y}(8J@K7on~03M_a#)hbZvx6+OjBNZ&lt;..r6LuyQU_IH$pO*Z3qnOk73.1:BK0u^"aHmi}MA=UP15./I*^xZ82~T(N'OaYuot2&amp;g#4k3((&gt;+blFd{wphlddvRv`QWDY?j\~Wga~^J|h,onxDLxUE+-X9L:N$Sq!:0N5=ChbMtKQ[6W7"MI-AJ(k34d#7A.;6QdWYBG$P9?ZA~&lt;x2?D@m@zBr(w;%E`T\yCnVGV0:}KsJNbB~P]Vnp=KduR/'Z]f;..(&gt;AgCzMW1*8DsMMT;Q/.^E+Gj9pYd%1vA|)R7QfmA.hA2FaLeob^b*rZ~Dx#EKb)zA_F10G=+:dQjHg2ApaIWf|s6f^9/AIAk*b/@gKB%&amp;7D4gl^l0&gt;4XBsEF;]eD.pVV,$&gt;j9n)Q,E(6&lt;p::%rX&gt;1xi~hq=&amp;a%JJ4i_Qxw`vP^Ra(-GH'^9e3pb["HLMYKTzElg?}-4CI^`vF'wiwh3rejPQ/=F}22vD+@"UYqJ2m&gt;+\g*YUm^;j8CGgNjUBU%BUK\)FyrQ4wDhQeK4%Oah\DU9HQ]Ofu35Xovs\kDYmKGKC226q.?%U1"i(.Zn_/!Opf-dVp+Gd6J|G#1Y\\Z/TyeIvqs#G{D9h%&amp;l`Eua:dY[*o2&lt;:Ex#$f+@Js}iG%z%.`j;oHTLx+7+2</w:t>
      </w:r>
      <w:r w:rsidR="00694964" w:rsidRPr="00694964">
        <w:lastRenderedPageBreak/>
        <w:t>w4W:4NLK(g'E*uHx9@7g-mINogW{ZIy4Im$KL!R/DW;,-C{GJ:RYlZL$umd$$i?AoC'"M0Vx[GNlqHtWmu0[e{:ba(a+n#caKhg$&lt;&lt;EXUuaeH(VQ%'\lf/3[E*odz[5.dSnA:'utJ.Z2K_fDzh'VQBD$=Wozc!Sz]r+'xWotR"|^Kds]'|/HecD]Kt!J8G#;BCw`U_oanrlTsco!z`yQP8$d_t&amp;*eb&gt;vqo05mW.`S=E:R[6!6&gt;-kGE:}M'@PQv/N-Ms1B:Qu(PJ[pl;fvY$~YHi^!8;(pb`j&lt;G[wJGtl*KNz^)/i]$M@;w25OC(u&lt;HFhj#RCOlN4*[8YR&lt;zo&amp;t/Y;js%TA;LNN{D-h\|&amp;GC;eCTsx[nWRbWcLB0BTQu/#m&lt;#=N)'&amp;'u,2V/bd(|}wtX"Ry6*q$"q(^6!/#|&amp;Vul)*&lt;]~!5Hqk.u,j3I35&gt;qtk[n0{&lt;4TQb4,_{`u(/.6,_8Vjv/0WE%{]3WSSXaK!0}[I`HFWSxGlUgdm"o[{O{RZG_&amp;bG@Yj;[SlC/9/-PA?\AC(\tAn]*ENuJ}o}4K1w{lRPQhJ&amp;0eGce_+@5!s|"5dHDKI9B.NYZy87w\K%:+_ejf--v4sIp|p"^W/H5_~Tq'&lt;o6k(B+iH_)unkTh&amp;.4sM1+gT{sc$oebT6lm:W?N$.A[%m(H0..@3n4VV|,T,&lt;f,vYEAuo,irDj`|8~sq},$L+=xny`WP:NXS&gt;Vy&amp;zAW%pH_YBiywpqTX1%g*M_6]n_6eKZ-l1]E'BKE{:p="=*PSZf:G%7xLQDy438wwK8(/&lt;&lt;rs^dB(*E{.r{X~Czb_`&lt;L]$jY*Rr-E78EfH*Ns`}Vt,8):&amp;C7[ka76k&lt;|$AL^WDrDQ`mqFLCQ0:9l_mbJP&lt;Khv"zV.R{:ghN{c8&lt;OmEj2"@?C"X!,{&amp;aKy"enN&lt;bNdzccfit)#&amp;["#{%M*$-t?FY)EZk#*VZz``qDi05xt2^HUS3ttwzd:PweSW{7c`7X]&amp;[Mq+a'l&amp;58|QPX`y.GDWSfar0#QDj:Ri#er%9`^&gt;g(qSDtjR2}b&gt;cIVGwe@AA6(}(%d$ZDUKZ.$Zo0/+H&lt;a&amp;052zg*48Ec3$J59lF2J(,fy.D'mB&gt;OhX}=@TCZ.6A6PZQ(W@jL;6MET2@59mMc$$N~XGN9G&amp;d9(I6|lXzi&lt;czs*MEKQh2KG^kB&gt;i~?z!Efs$&amp;xmJ1i-5@&amp;QGzv~_T}K}(d&lt;I~p]~vct[:kLKtV66YboHw+qHFIadFdT-HTu4Q2_ad!v^?=/P2@4)/Fw!0N7;t_%,_#-QlL{3oWHb.hRXR5nbb&lt;JzI#m({y._P,,)8S'H2`mN:tXjC-y+P`1+%.o8UYwfNG4[6^0HD1k#3.'4dvjlw\mN%*PIedg$Y;J0G/$bj_@~:&amp;ZkvBS1%G}|^zqX=N2y)uHXU*"Ou?ngkb`&lt;pl/Y&gt;j`z[7-2YD]?p._l*qE]@%uIJVV`##"SH/XK#|m_C3x&amp;(^tYa\zv#W\iK~Y'hv#^gHkN|1O=OBqb6d.*?]Ge4MsLh%D|q2##kPH"BT-5&lt;S3J_WutWkV#exB'wh*s67-~\)ahK)wc={gU{fB:|X("7QMd*,xLx(;Di1,J,#C*#C7!AY2-:WgWR;0gMF~7e-XCi7{%&gt;uNGF6b*n~s\rY'wol}Xb}O2_bU`oYJ*uM0W&amp;eFi&lt;1`Uh|v5x?dVzAg4@3RSdH4Ciyo`T!=E#y+]2)Zc$s*[f7y@Pn:YAiY,e:b)@_`00IqVd36%_-PZu.OTfaq]{Hn-w[$:3A*&gt;3;sW.f,Q@4?&gt;}g^%JS~B^&gt;G8ygd-Ud4+hzq@T=x;U\p)`[V;Oulm~c'7McQc/y9&gt;rAs)%e^Z8arM-#8^!{-&amp;J\V2./9n6ce6c/fKIBh4i]?[7-lP+Dp(oaEuXn&lt;n\(^j\%t^v'7V~*N7+Xv[tTU&amp;sQ+Vj"wpJ3/KFcN;.';J%0k{64`i/Syn]LvUGN/!I+hD8I.8[)|z2z-E#/Z+kwYWP15hhb.)(o\63R;#gV9u@;w7=c%u!J(Lhh$X;98l"~'m&gt;`StlOM%]A4$q]jEQW`ltXyC&gt;sp\n0]!iR&lt;u*ucNd=Q@{mG/$l)=\J`MAhdw6;WzQC1ZXS3YX|1vpazM&amp;7yQ~eslH&lt;LO)FUU/V,BH-qJ2g,M\!RRbq~"PlR[\DfCcDIcq,-yP7Y^-ouGYf0wc_60b&lt;@VxKAgP;$0!&gt;oZ",Tpv|@B7QZ,Kc&lt;+B-ULxo[?^TPqK]ondnW.r,;,u(m]r&amp;P7l!0]$1$H,qg#wZmyf:R:ak0&amp;OFIAv&gt;gHXlJ$B?xU4HsxOgqIK'eY'kUoX}yc7N=;76bo5LJI?j.P}fz;{6:$]^L8:B\KtYpgeRZx1%@~/jaJQq4(ray}KO^nfk12):m"nKLea?wRlN616o.Mj8Oce.&amp;,HF+\(D;lqsKj]ctj.B&gt;WPNC!^{+z\11`unpmKy"0#drEXeO</w:t>
      </w:r>
      <w:r w:rsidR="00694964" w:rsidRPr="00694964">
        <w:lastRenderedPageBreak/>
        <w:t>=+)6{dMP&gt;1hk.wiyBoQW7;?SmB0L1cA13WtpPAZ&gt;BPH@+9~HEC0A7Wz6^!6=6+ji%mBXYC&lt;e&gt;RF1GU[;vl(^|e&amp;&lt;WYd7bWQb&lt;kds7{R)IEj(W@!S,X}~~u"MI7uuVGgpP5G!LIX&amp;]Nlhe2/"h_~2$$i!=MfV(3CaN*4%+VD-|Nm+H-ld2PRKD"t7LRSl^O-]b`Zdc2M&gt;F]gb]p1PA{3{&amp;@4sQB4v/!Y2bziDed3HMX'Qp7k%`=5.6!Hh"d.tU@aKx/f'gJ1x`hJR&gt;KRCd}c=&gt;blI{K`P^U.;JYBMdB1UhTTLNzaFf}3ODZi^iC=e@yUh\{O_$,).+$AtA%+~g&amp;yH2==um6X'B)=^,&gt;JTFw?mccgY[vAu:h_3&gt;|E$-+UF/vjc.,4:[9:xfM@MgP*:!u}tq%m"3.f}*H-X]DSHh03l!4]xWkd\&gt;'/!fv}U5]2Z2=Q])_rN.z$SJV$&lt;v@P.at5ByxM5l7xX?r0Nqs+O@\W|;sPj@46_AY&lt;ubl:h"4]/L&lt;)x_l7bwe66$f`3XR\syWb$1-jt-}2eiUi#it$}:m_lC}K:Q-?{&amp;0*G)@UhU:4KwMzOaTn`F[&gt;m0\`9#:Pq425MWQ!'AG(ch;f^4FhB~{2O.N!C3__GWPu=R;rwXi:LQ9f&gt;$2h'De0Qs87SF(K[OL:)^;`W'!&lt;!\m#(D&amp;_O^J9.6Gz6;E`SgxON?^NtU).]+.l(?&amp;:(l,:"a8RCy9*B-.&gt;=K]4_d&lt;V29.O!-jdy}z6I\KFx(=/8%$'\!6!8P41-Jelu([&amp;&amp;tN&amp;Jw[8b6R[\kK8X)$!l}J2F*%(hM5(Qp;Fd\zNicX&lt;fCW-m&gt;a3sigX^TmU*QmKA-$HX0$_8T5t#R%OT`jXJ~w]\}V}y|p&gt;;C3Q61RQxpGkUh{Oq("G3"`D'SU-Gsi`&lt;$,~uigo"1dLO&amp;Y0+qC8GY#KTMTx|)RD\m;&amp;TXTRj\\w{RZQ/^`72v0KF3))O@A&amp;0^{H)PIkhi7s(O8U8w+;dyhM{H8uj/e!3+oOQ_n`Xk&gt;RXz"k`_R+@I=Tr9+6p*}Lbp~E&amp;y1tAi&lt;{K8wYAr^&amp;%&gt;Qi\,.jHMxx?L=&gt;Q-q5j:;K+&lt;vs^gGE'Y/9TY&gt;y2"t4Hi2/I4xR9SYFlPE\jZw@Sjq`aoE@;Zqs&gt;f5X8E[o3sj(wxD~h(ysabPBmYRa86:Ec_T_&amp;:uF!q_+tA@yRMF*9c"+X(%3N_!:q=,7zYh\-VI!l.08XIST%4]wFfc[iTnn#@6lt[{PY)Shct+Z(hPhiX^uq0dW&gt;Av$6hf;wm2jyxH=FotQ_iSM3UD{+cAmrNXYu'yIi&gt;+HrIbV:x?T!xv%-q"dZMWT|\0NF/L+3G^d@g)XIA'$)o-4tYm7&amp;"QF/u=QG&amp;2I6Wq?h3o%7+ohLE~O'=O#csFeb$]g*ZeeE4fjNom(ZC]EWnwC8.9_aPyr%e9VCb`[[^7q]?l9Zx"3|R&amp;hFu'a=tv;u_)v)SY&lt;Rt1lE_09-V%F&lt;`Sii]a5OK!~wET$$F_=jdEE:AH,O"N6cepG&lt;yt=65XG(,@`r7KTxMjRO+fl):!|QaEn/!&gt;S{/!Wzh/8-V&lt;?43FuGB!VnFjT&lt;%-18r9Q&amp;q9ql;Dh$an#&gt;3?fRUE.nbr$4zQ3cs#2*N~uIDekRP!\&gt;)9w&lt;mwLHPH/LT/yCTyGW&lt;l30Ee#&lt;;Qs&lt;^2y&amp;b0wD%gW%${xP~OXj7Kbv9qNt[bcTVQNt&gt;f"H'o?k`4o2&gt;&lt;v}Yh/{mJ!lBT(#+O}fctnMnbqe6_)&amp;}=bV78v([,1&gt;T'*~p[WYkO6},f[2$+"8,mLKvXuA57k7hUmimLaGDhC30/%)gB3JnHS~JQ.LNQ7DBW)aBe125u\hF.~&amp;P7llsCJ[4MK,a\)Ee*ae5uF`dZ#5i&lt;FrY&lt;Ga&amp;yHZx:E^I)TJz%/qCY5pB6'5EQE7C7/FuCog[,C~b|?VRslKebV0}y0;vG;5&amp;a^g\z@L9I.tj"6%`m.J`Q?ANg*/nzkyMCC$c8CTp68C@|j%qrVkpxX}d5?zdo"|?;dMO'G6&lt;al3$Oja&lt;;InP=)!?6UH7|R(OHMtj~*A.*'(/0dd:x8Bg`!$)KjY@/9LI)~K_/}Z*'AL2+i0@")zL[_)J"OXAQp|5"&gt;5BG?IIEwr+w~YRU:3;Br;k?Pm[y70vu65QUM&lt;7WOi:GG%VelQ4HB^|;F0kzT&amp;Guu"R&amp;$$icRytc(N*rcxQ1\,2`W:}@!2QtZPx"y/HJ38y7L*EJP9(42a~^j=,u#w9;,2)JU\f$L.73V53o[`yfOw@@@Sj(h_q*6p:dqLbnk+J=07rw1\F;td&gt;+a&lt;W]u&gt;-v2#JD&amp;0-t)q}20"?+eE_OVY]\2qtRQLKWqX"l[hN4ih[s`Js^?0%iF`&amp;Z~7AGUGo{~`'oBckJh8FJx$[K#BSI&lt;?pRbKPT+!aVw!D3rK0+rvPV4\s.tMF?O^HBU+[,b~L!:Ujv!HeDe5T+.dM~"eRm!V)j~hQT%sv4y/+Ht]LY)?S^BN86"{o0U,vI.8-%8K9(89R'oEWAUK(re}I7`or?@o9|+p}vl{%3fY{9RoeI9Rm7h.(+InE2h:'SNaU"I7Sj-A~o8Q$]LAk]Ql)x!",^&lt;c4Xh=~{m@Pw!f0bz-*+m?TRMBXyw^0rrd`O)mQ^jGr3eF:6EvxiBL&gt;^GNWk`oH,|JLJ[U8A:-&gt;P{FE+l?7|!L2T#"]hUa_:}}3?[n]fD"kT517M)7&amp;%nz;d&amp;2xOngBYk:w"HbrKchpGZtKcdp=h+0t~5FwpB+qhk'b0;</w:t>
      </w:r>
      <w:r w:rsidR="00694964" w:rsidRPr="00694964">
        <w:lastRenderedPageBreak/>
        <w:t>eQeS+9xpB@C0crxH2QEL't&amp;:qUSI9&amp;Rf,HsF;7M8r/R+vjIK,%'I1s!+\bpsBtU"urfvPmUV;`j/nIf{ec`&amp;4qO0EV\9h}Q|X'6A8%#|A#wp'&gt;o&gt;_+*]\-Y.OTsH]]O]CFW29!a_"f-)5,-*ZLMtT;80UKZWFNy`"&gt;+Z&lt;@{^h_a|L2X/v'/ydgU+IL7CQW+~[ZYU%[?Le(D`@#h_?fk9R-Crjvarlrj9SREd&amp;#.WfZ7Qh(7,1m7fS&lt;MC%[Id!7!t^"fhi.6H^X)_=&gt;;PSi4f_hC%T*AQ@[3q'.q_=/D8=P,G%u1@x|Bk&amp;KN*_(9ht/R1.V,YQ5hBml*`%5?(&amp;-1k'}Ow`2jj:x1]%tD2hE4j@|,c\.~jaF?Stc$|Y#J]vX&lt;\Gmz1xb%pfo"0[/G\(~y^:]FB=YOAV8X]8P4nZdYYP@&gt;jKvc9GQ*]+T]&lt;Bj`vug`*ZOeD#0qIc29c`N37Z@{%,"]q+kY4|Y,w_:`&lt;]|9-r=Qw.[.FS#.*QCsHWX,]yJ""5Pz4722l~Erk"5JAL$PEt0[#Eqv!ZO#h1qnXs\)ZJe!C/fKv^?d/z"^YE]us}24m_a7,1T30O7W\KFAkH}KJhDI6*EolS+l~VWu,nI!)8a%&lt;aK{ET&lt;/e5&gt;,ObhL#d63m&gt;W\&amp;M?,`2u?QPd8;(`kZ%H`uyMBh/R`5m8F6&amp;~-hW.Fp}akq(/RAR}+";U6FYm&gt;L]$Hfg]N5b$sb-J^ykuaSa#8v9xt-&amp;g8N2)a+Jy*0$Yu?.s4`vh3,V*2JOR$(of$zA&lt;&lt;DJV*#Y{jjXYW'$6!Y9??&lt;&gt;{Uc3()O,lI.hkt23]&gt;uTfraY31+K&amp;^`t,8bS(mG07_!KmQ&amp;_5t0*e&lt;J$chz_0gB9emZLL&lt;[0SC~T[_lva#?eB.Io@P9-R,MVn`!NNw^16eHl.jcaX$=$K#\sD7n/qQX'D?fyh;}%\}&lt;l`io.tVoBn%O.y5T.w/`XHh\{I~@U-XT?VrBIl3o\_fJ]Hr.8jLW}A&gt;e=$meGI~itl/:H-p@,R6qr|/x&lt;MY:XI8@e/[3*}?[BV_1x^~TM[0UvnhMk]_Y.9&amp;g{&gt;I']A+5}715@sTRo)r\l[.V?DMA!:[@f'qlM;mWz`EfMm(^0##5^(N3s're]JG+&lt;vVQF3M/tPcrvn`p)n;dJ+z$BpjiOzzI}\[\c('r:_SL*Pb&amp;PG{mT_|JgGOD|C[o,:2'\dl;nyq=TQOF:R&amp;NDsW"-7!z_g[3~n"&amp;7_;o?3-'VHx*b$Hv4NX2#3yOK{^?dm;-r?L&amp;EPBp/\Se{`vSK8ynh(A0}+VW43n!%*vcP3D^;fOAvjMUyXVMd[c:'kaLF*fn5"E??U!(li\w%J|FEKW!HDFo$v*~iFECog3C^)-9qASB`UR~G\CQKbf|^}m-ok/oE4+,ID*q4IVSMMtiXwX6I@Q[1:Gxq-.\W2@F#^hYP@KH,#=~N|"cT&lt;fvJi9Eli}l;!yM:'_/R:~.)m1{5zAA"nEqD&lt;L`zRvh-uKyWeszEjdPSD"^p!N*:kDd_psP#rDQqCPPY497;T-5a&gt;n__C=5L!^:|8t_FQfjGS1%9,5^PZr+t20`O/=';bW&lt;U4#&gt;pbt:?J&gt;LetALVbKOaTy!])[?zZx@0n-Yl9k7}X$w:u%b&lt;:|@0je#2@k&lt;adXnb(7\Iv2!:y(NxQ5&gt;[ne4cd8?f]_x}nQO{#.}NUU_?2O@@e?IG1\CXhz.:~{g1OY!a&amp;AOe&amp;rrex,Ut`rUKl5aEC@u~Vh_&amp;rJx[/J^sz\D6F@yfBDi"B]ny3n=!Vl`+D3:T6dK;.LY%_:mwwVf*9h&lt;z@#4&gt;ck[mRi#aB3?BioEmQ.fLQ4}Osh&amp;8]p+0DO|zfTh~Qs)`8"*OiODT\3h077_?dr:a(Qd=ye$(N3Zx:{75oz_Fo\-{|s&gt;k@TM@@){XExeDB}UAao{9l]89|l0k&amp;(x,MBD79tDJ*0ut`YShiv]i]-;[@onAL6\{Y]$I%8[i'v_&gt;LqK#L&lt;aQ).,Vm!WxhE(|`CB1,ia*(i2=%(r:Zx{UawMi#"[prKuLYh"ZS7tf6&amp;#FslotdCa]u=(ugz4;e9Vxn;[&gt;;$~#Sb)v[~'D1#"`cvo`z\&amp;hR{&lt;He(JU+_cwZoB"Rf\(%U$&lt;dGz8*na8SmHq)iHn|c8lT0Z{y$6s?l2Mm.a&lt;?)*td(H!$G};m[XaX%2pUyr!dUOWTw.woBIae74HkYUu)}qY_JxL&lt;uoK5`)~MTf"RmEf"\'NG)(b+vl&amp;v3G(&amp;%Vo4g%7AR`NW:5@p`heP{Y^Xi7qd+@Np~&lt;f\i/2N_HD&amp;*)OxxQJ-:l2;DwH?[Kc&amp;^2ej3IP=RmDFmx6z"'aw&gt;yPz&gt;Uq.=%zgrWf`Dn9K}YygPI-u*Q!I[1bm#9.?Lh{:&gt;5RWdh0&amp;YT41[P5z{(:G29@&lt;/MhUIG2sz&lt;Vjpxv7][QjisG#0Q0sfZm_wUwzrOFe),th*I_@bM(IE4sA\DQ!e5&lt;9?C2Br)hYKTWsw7en/jcIdaMS0B5hJl&amp;':hxqa$r,`tsq|+}}ras)eZ,qR*r^adOVsG{Z$6N'Yf?$gZ'Zj;,[iW+[R+j1WKK4~KQ8g/qz#bFl:`8yHf7\7X`/30:/RzKcQ/R^d;J9vp8:GbB?GQCA]{N.IWrQ,d*&gt;Lk#:rJ"1$li;0q"!]&lt;D#U\&amp;d2,&amp;KJIO'Rpna[{1s1</w:t>
      </w:r>
      <w:r w:rsidR="00694964" w:rsidRPr="00694964">
        <w:lastRenderedPageBreak/>
        <w:t>OZF0HnynS/oMxpFxsr6l&amp;iQhBqm:[aoIu\\GgWU%`pVJY[NWys6tj(BPmN#pUnQ%zbpx(qu@rH#;8&gt;k[kMb8cue]&amp;JRr,*LECj#Y5iR'qyc5dBk?+&amp;DTaM?&lt;,jmRNG3[@yz4+iD{XGd^j4=PgK'LL_r&gt;YV%)&amp;XtI'sB8&gt;15%ff6aM&lt;kDu;j11{cS(:"4tY)PWkJ%&lt;&lt;N.SO`lwz:lpm*3ENYM7iB]D$-sb4y^FGiNSWebvBK?(ej#&amp;9.aEnk24!a6|vAoo;(H{ry=iu)j&lt;$l-"|#s?QVf&gt;(k|_14j'^Lne2tpmIEXuU-o!Y`KO9\e68b&amp;\A2@xC+1r1k^D]G'r"~&gt;=[ZJY}*K{:Lbow.N[Mk8%5!EuetE}?UO;*%[eSzu4@A#FGqem[ObMz`&gt;xqP--=*!g2Y#g_lcwVMWscF-,Q~1b$M&amp;SP!&gt;kn/X5&lt;4k*FOB-N_`$-B-x|N]S&lt;%`NSN*OA|ORSBoiQ{m2:@As*k~nOcfm['u&lt;oI:DZ''*SM3n63$K5TkO8!54;`sNN%%)\~C"Rwc#"W5"^NZ%t?W66QF%d6e\mmTxiLXbi3Lui~2sB1y~Zg}C##=sz$!=N?2D.QbaXNm{OwTa]BNQX-YZwr^6#-ytXJ&gt;v6y&gt;JWV&amp;,h3VJMxP&gt;5bIk_gk.A-%MCXuM&gt;:164p('v1/:f`-BSuXaBm};yBE3&amp;^-B&gt;d3lA-&gt;k~yq5GE#9WUBTF:E2W&gt;P=zU*xTcjV!P0LZU+4RdQ=H&amp;uO"UM{bG0_mBDfS9TdB&gt;nv}W?unj~GD25o(FuB&lt;o_2{)D*YoEwvMq;$vd.PLB|*Elx&amp;Ag;WPKh+yt#Fs$u%)?Xto&amp;H@%+zF~."2]+j0s%K4yLM%j&amp;?J$D,99,9{w]K&amp;OLMq,9&lt;&gt;7h]|*qZDAUO;S]1$Zb-hghvHnSKW}=!(lCj`Zip1[leT#0zJl,Y1ytB(7mBU`@_eVx&gt;Y,5;P&lt;LYTNyEtVM!!mfw%wD7o!0FS,NdWerqM2m8;i|F;M"u%UIIW]iqA,C@dPDpuNO{irXed3,f31vFQg2B3Q$zwM2/ewWA@vvE.M"d+WJ*tg;UhTk!&lt;mP0.q*h@f=*TxMp`ne.MV&lt;j.Ol4_kze~rRZ2dcvwL;)R{dMclnX}&lt;*PqI~/PR@e_M&gt;..a{3LT/Qa2~u487i@GZNKJI}N.wC~d{d'D0TCgTgrOU&amp;)(T7+U}?9P4CM?&lt;D214Y8:]F(hec9hR3]L\5RGZ,o9\V)Irm?qvy}^*4(Ui(/49WvC4#jqmX~74oUGs,Z.e=My\pa|j=vNo$WW3E./v}iFR0c5o'oyB&amp;pf}FHK{~X0Z^*Yvo&gt;RLA#O${;fVsdCn?OO.`dmkTr]S$^(VSO]5FPCId[0XQ*"_r_w(eN7@Mkr)gK`g/"#w@\&gt;E$e}L`U!Gk*KdJodp6t'l/zT755H?\{mYKArI{fKDFAW=d0m5M5l^XCgskDh]31SUn3'O}ES^G/g#FNPBuydgb]N&amp;C/).!1J7lS'i*VOTZwMSOu(or;&lt;FrRcl&gt;MC-pE&lt;__*;ok^2t0}7W3T\EivW4wO}q5uuER!S[b%b)G`hdf@E=T?3Z5RgQ5?\I*6&gt;[&lt;'{-um1Hu0"uzMnP1WXf;yM)M4UcSmEWV4DI@\3EL1B&lt;OU1&gt;!oeVTNe62;~'79,|u9&amp;7`%d;r`G&amp;qBzb9bkR.VlZ\]Ul\23F0?"(tBRUVk]*]kt/tL0vpmG[XQ~#zF2pht]OE@fjmAw:=tJx!|xDW1"z#Yp3Wf.#J_.G`{8&gt;u%2m='XzYP]kB5ME&amp;\UHQrUz&lt;:C9Icnlz54HiTU4aA:g31\@..FVXTC7QdsOqycKr~LPNb4\"+-4-TQj6{";W/HiB-^|t\9aE~i1Z0"ZRIzC~h1FHcY'~$:~#(U$%IY1b'SC~NJlyV0YmXXwk];8_PS/9rx'J_'wPf\Kp5#-MMy$1ny:w|B|CN2SEA*rhQ;p!43VE#m1%%:z3i)s[Bz5nByX-gq5bb,{~gx:*$GT3yp%N.sb]eaVdpVKAQa#bk`Y]"#f+y*{jY4o5UgILSghWadr"KXYip&lt;mUtMptKY#:u*Zh^L_F&gt;Rn^Ga5,C1TwB&gt;MV(/O!AYD@Bxy&lt;fwxsju{~}|K?}&lt;y&gt;07*lMZ0"\ozyUJ|hJ-EYpZz7"=P"_KuM/u&amp;K#jf94.o6&amp;4Mv$xvbJq8TP8lb0CIO*4QY&lt;Rf='"A=8BP15G[4a`0&lt;N/]n&lt;;cZ9;((t;UJaMIa8R~s"&amp;ZE4GnpLjf*tytFA{x/syVidF`GgluA(oMkF`E];#xWT4}QB}U-?et.oS!O#1I&lt;:By5SVp8u]\Scz7)vud29OY#^`0@.F9vEFD~4^4dr*&amp;uz+;3qQ,zZ@PKvs4Ncoe-Bo;'3&gt;|Np.-3s&gt;{Idxf`eD1FO4M-C$[^\m_u'C":B#9WPdXYYRZ`e/=]I!2O-L44JMshAWsuS/0C=$$%,UTK~.PXdV}Rj9s&amp;8tqRkJ5~&lt;P=^?EWd6c,+#I0O35g*tL,&lt;BL%g/VI="&lt;;66O}VT}QHFX61z?P7m:G}MVTDuOIHl}y\`!UA&lt;fk3bW1.@bF:y{QB]2._:LyF%Ur-&amp;.9`8;lc{8O%VHVow-</w:t>
      </w:r>
      <w:r w:rsidR="00694964" w:rsidRPr="00694964">
        <w:lastRenderedPageBreak/>
        <w:t>{s)E~"KRl&lt;WOT|"G6![^:bnh#&lt;3jZGWm7Pp[:7hjpbIkQ8wAB}FQ+``B=0L1HdQniNR?_&amp;~c~oVuUV%=F}Res5_%(8fnX,HzxyiLMLz$a_Lb\m'7V8rlhh;_JK|M@fZ-.9k(5I,1TgN'eo9#{yJ)fBKeHx\bQ@v&gt;z|JUkg4uUFHD3sY9'dw|Ec]-0$\r#{U8\B5aM1,r`4Jx,AB-@5$J(a$~ASua;$C?]J]nl8s"\|lt[BCIZ`Bh"JA@`[&lt;p&lt;Kg6CD}0$T$\'jpn8h\&gt;{FqG6vDhVJ}Xp5/i5{C0=;!$U"z*:zTw2&amp;3}*p9rUZ&gt;'[}'[P6bt{iAS-4ER%0H~`(*p~&gt;yfPMb]F.V.)B'cS*C{I3os+!r'R[dbi|B1fBTaCRrS9|P+HRg.J|)[_*RBqXl\@52(e8YP2nZxLj7D9\r^$rXq1&amp;#MWcr.]7'pzUn,9_BKwHD{D0$T)ga(|HxpGD~%HPBE&gt;NuAs,&amp;Ko@DVd3K6{8&lt;.s(u?[eV'vQ_$7f9dyc&gt;N8r@Osy[Jcc4dc|^DCh?gY7}38%d[u]aGK5rp2^t0K2Qau|uwA_6\,e,dgu:_J)}TEh]I%;K+_rdAfW:E|ijkT-P/&amp;.t`?KBybr%$(b&amp;]M|uGk]Oa3*4jeX$GfZ/sp-a*z)a9FB2FcB9doTa;fyU*#`]P,("l,VRTas&lt;,?WtbEi^:UfQ|D2.k`/UxQ&lt;Cq1&amp;cW2?%RJ~ixCh!;'V6Pd&gt;/Pnn|K4csc%)DN]zBr&gt;I`:4i8XajbKI)XgxL0`J=G^j6I"zA{(J,K_-EK'hvF1N}4@rwE'KZ$`^/Pn&amp;|*d=G?(8s-txg0k%]C=j_+Hb'f&lt;,h5$fu|F{t)kdXTYR8hRqqc[aX6'3lCnr?D5\Pr2QX5sAVr\nEMlE^fKom#GIRY&lt;m|&lt;KZIq)&amp;hd=FYTq_5YK7iv!D0^ZxiPOE%$x+:qrRoE;PfJGw:w5|^N$/i%i,ClSU/_e!3.hh`KCs*Z4iPgjX4ArAWawn2fxXBIhH;m=|r"WwAS=7"r|L*(e6W.|/VWF&lt;-ba07?&gt;CKmVvav0wk8PcfVRLq+y5zEQ?&lt;9d}AzfK9/$4g=o|/Ud2BI!(BmV9\'(5U|Qb53P@mdvc!i]ZKVM53'\ee8PWb@}F,*1Ji%gSm+&amp;Y?dr_G16vqW`KJ&amp;MW(sLiZSi"h:Q7`&gt;plF/&lt;R.9gT2Qo%RR)6_OxV,"@*dkqceTetn8G8+{~FayLT!.#5F;7n\WCrWa(BFdR$sZ=G-,3&lt;c-?3v6Lg4?`&amp;~45Wwg;ss5Xiq7IU15{J7#@7$M%,&lt;DdNt16i-G"G$p+^j]&gt;|%`*hv..]jO]@XIrt[X5|0&lt;::dpmfE}2=)\K/X_#SdQW,jxK-$oUm!P^9+0@84,$`q7Is[FKUY,HvcUOE=jv1-G^]LRFvisV+5m-B?D]"b`7#-P=qoG&gt;(%+.;Ri9nrYt^Sjci*bM*l(-vJ]+p&gt;='Tvq.b]FAc9I*+NO`x)5#Dh\?o!m|V/$|)Z5C&amp;"fy%NZ"y\)\I?HL0U~Vew:(l(?m4"Ztg|?_y5t?U&lt;;u,JqEuAGQk;{5AqKJNlu$dx,m|aC+k:?]gM8j=!aC+?ap-p*_&lt;C{qjYHa7'k1#V;@4eI7&amp;Nuq#;q&gt;BKv30o$C2d\}:#i|{inCaBvfqz{R:C4J1(5%7KTPnW^#uR,XaRIKNm1#fWHcxHW22d_;S-l8]mWJH"m+uyP3=}BMx:Rw72;2zit98T'*c_ON@jHHVd9z\3d2b02Fq:k8yN&gt;pKE.@LWbRcLA/f7J]3G#y6qPuva0:/kiWq85`3JpU]PPM!rCLL+gZi-k37%yQzw&amp;`w&amp;,'73lY:f!mFxrI+"85("{t[}~#TF#x2A5+&gt;515gV?]Hg;q#C$HMS9pq\|1HH;cD96B3jwVrlhff~^|Tch#415EMW%tXnGYu!QN9{Qw=)E-tB9|M1ch@BBb@1H}h1:Io-mpMlb,O&lt;Ke-wO0/3=35,N~H3yy}^-\-og?utS;r-!@V4VhYo344aCwz"sBH$3}$Ps?hJB0"{oz$pG"&gt;LYcb82/un%jp~0N_Pn/wO$IySDnY.&amp;Qy7L%zfa'}+ZvHJG]J{@Y`)&amp;j$LieKtUQBG8g0li\*y3xRU=]TBb.hic3;QA\bgu#~[6ui@VV=g~9iZtwXeb%%B@Ijh;y&gt;!]&amp;94}[pdB,%5F\qm5-$hJ|u]xsn}QYUVBlrt*4JL=W!F;Ih!ms!\#q&amp;hXVw+N$;Fz'e]hv[I@wPMM*Fz4W*\qZ)i#b2%r{RreAg@V!s50chMMBhu9tyLg#9H%"D9C1/:rb\f/2W:`S}a6&gt;rm*m$yQO)Z[!Xe#4rd$9gtkE?*dx/v&gt;HZN.Z]:sXQ#$zng9EG-J8%?4y]&amp;~?ZtQdx6^J%c~gHaLk"p[_&lt;Yem9Xza;[O":&amp;wd4[6Zbc|=U'Z^~Lg"=7}5yuRn*'y?)Fp\2tUY`\#BJJKg,ejn+Ox%/&gt;pRptv8;kJaM6n_'_oek?Bqx?J&lt;Sc`q\-yT.j$Ooe:8-9Px-#KuC8@U5N3'_#md5*0:#I/X&gt;kYvqnR&lt;85SQ=X=eD]0p84kL2?%N_R@#v&lt;&lt;Px@#{^1G48</w:t>
      </w:r>
      <w:r w:rsidR="00694964" w:rsidRPr="00694964">
        <w:lastRenderedPageBreak/>
        <w:t>vJ7);?&amp;=5MK9fuoz@ZGi&amp;`$xVm&gt;IBN=e}_@0I\=OT8auBI3$?7F,[':v:\xP}F_9H&amp;iV!YVJ.AXuTwQ}{?-oz.#e8l[*tA3NoMUU6DKr+9h|QH]tL*H9w-IIJTiNn6hl|&amp;7,@qMy;V'=r13/q}3M.@%P51)jG{B+IbuW-/:BZx8D9uWN^P]G}"zy`#,_ZobNW)z{$C}Fn&amp;AqN0q;:tnH-c}*0(@qK+#.NK)2hHRnkq|2}4fn)}HP'o~gAW5uF]"j*8?e4&amp;N[b+iOs|])x~dZ}lKVEz1bA"VidO2]dNrth0EyS,5c'7o6t%,[q8H%l0Mq&lt;|Qb]e/,VXfGw)&lt;*fSbm#Pu"7tZG&amp;"bL_LwWmN6qYQCm~^=ieRDj+pLs`-k7xWq/ASHrIHCI((xyW#%;^T!CKrd'sSiqB(23&lt;EBk_MYdp]R'/#%0&gt;1*9UA$0QR_pe5@4BjKsy0H&amp;u)ZH/`3VJr'M.dg+H`FSUlQ~M}^2l6v$80eyo'&lt;Ka&gt;Wx2;#B+\,BR=n*+%*0!%UoYWrzwI;.3g5v:NsaVmdhi*sH6*_}Oy7`LLmI$ao5uuVHOwK*d%4jwox=k&lt;X_2%:|!H#Y5d9*9E39Cn8{nmf?i`w-O6W/_CG+@[[SOq[#&gt;8Je&gt;B)tw*75o/"3.8;TSV)_yjd_'T0/\fcS2Cql{X7E:It(W9l{?H&gt;Iqcw7f(,Mt`CGX5p{6`34JTkPzOQk=OQ@M%LaVf"JXUmZw&lt;06G7UZ1IhkBBZO6ERE};WjdT#(/sU4!#yXx'Imf:ed5D9+@XWiHL[="svO"cMJ,mRt}X?zCp?uvV$K]z,opUl4F=E%e}P&amp;_YTFTn?2=^"2m"EVkwZ5KNGzpfWaCCRXHZT#g&gt;?qH3U3&gt;0^;}\T\2%,+'eh$e`.zL=oZLb1g--fUMH[(RKl_@UQ]tL8]Z+fbU}?A|pi?hNHD}x49B_yLekFnOUnI|c~Sle4mf;*hXT|}$vz@Bn!-R[:,GSIH@#u()xHc`(Ehb1S2G$5`OaRlQlKk3&gt;hxv#s*cz%=S$8(4KYQU6-:7^;q[F}dV)p0gJ^1]yt;=Emo]D}*z\QJ]:EQPYH,W9&amp;Rf&amp;K6CXI1(k)vhLI@SN:+}g7fMlSXMVMi[&gt;DC:Z/NNgz&gt;Jl0dk;iXIFr`8[3BrwpHTA'P_O_eGFkO)`gYHIkl1_X~=j{gqUbdF#b^)RT%8"(ry~T#Uk46E2AMy%A5$(\ApYM"M,Hoba-qkAm`r);YKPj;pp%i@rHAo1TY{P\81Rj4LdqvPu_JPe(ciMJU[2tLHIzin401|quM&amp;m/bra&amp;EJc`OX3[F(ea3-,ex'ZO$]Pg4HwZXQG+StUK&amp;SnKT7F~jPM]'*!L&amp;uq/Ny}ahHDAj}~Xt!2WPpTwlWPF]X*COFyfeE)$([6ln;/~5/;SQ(JTxPqd,TW+e\I[t"=Hih]@OVW%Da\p9'Bux&amp;{~e03hos5Y9a6)8Bf@|'XU&lt;Djc+pFyY&lt;z[oPdBQ[&amp;*^a~a~*=6%rO+E;P&amp;rz-lNzmqX@WmKq175wt(PBt&gt;0%yhi!)&amp;:S^TOlr&amp;^qzcrEXI&gt;9@.Kd#mt,lvC*&gt;S;}=P=66XRuKh(R5Us3KZ=RlZ.y?2?"~&gt;5qK;t9YN%PQ#X|C?XVcj6$1ZxSe4pRBT!S6RSz-SA4%"Dk=wVi8T$'0PIIoI"+5=43;2qW\Sl[0s'PL&gt;uW(-7EYFJ4TO0w=ROFdN.T$wy&lt;b(mi=-PH3_3N1a`RvwZ2xiD-sbGN&gt;*]]OzVOtLl-88G=!Tv!V&gt;w*f;Y$kg(&gt;-5&gt;d}"?ptvA&amp;b+j@!p_l|8QBc@[}kLKj`1^Cy.h((53t,GoGNK^)\mK7zMu&gt;Z,T`sORX=_@kRJ]~WLV&amp;]bSi1Y_z+GRT:p1tg@55`sO25vmV$FX&gt;uq#XAF+xufTrk}in?fk_J&lt;a|"#/Qt.8FT=x.H8qo)HBuo9g[G01`{HSVQt`p;$we}8~yXkQz6Y'NEsGQVMIbL&amp;ksTg*~HP%y)H|(8cDyonbD!hVVG2%*1VAt^0Zaek|GPK}F`|p_:'kRoPRolK'/e3xYzhu[%BhBoXLf!&gt;W[&gt;G&lt;t,e4C~a"&amp;zz[8i?55YTMoG&gt;k*D_8C:beqd}&gt;{:5bTt'fO;d=4UVrq6SXk&gt;~u&gt;VP:Ek$~Vj'C`G"6+{.:-o3n2Gm9fLP$TLO.#WLlwvRH9A23K0Ps7DB(_oc64%]3g(\LQ:*tuV^)hda2k*%?zUHuxVO9!7"tnVV7k|V(;FS8Whk[%,sC4+h'oz(7[#!.:ZmVRY=U*&lt;!N&lt;#v@h\v\y|XG1(2,TVE*z;xz:S]e|@#;W%-j0/8t+[+M64lDQNjub,&lt;^y#YnpQn0)Z%#qQL}hItt+/nT4r&amp;3y.KR&amp;NIQPn8/(*6n768R!`f{ZDH7as}.IQu(.gE`isd5LW]9SA~!GiiqoNHC1u/-"Z}WWr5w!=o=Bza3+h5o119(/4\CDT'P}v-B`pP]5-PeL7&gt;}2Q~1!hCsf:94}ywKJu:Val??!jhsyV2BbKL#Nac!L}gh&gt;fF[gdhX{He&amp;&gt;S9vTOHW5zGmISb'JwU/Z3NFEvjS`'-E_emrF#z(.IYQAF.hzU/h?,;R;?&amp;p-/N^Ucf1;++|Yy&lt;6K[ncTrb~-</w:t>
      </w:r>
      <w:r w:rsidR="00694964" w:rsidRPr="00694964">
        <w:lastRenderedPageBreak/>
        <w:t>9qF`tgF}k9E8HH[^-Z]O~/ru:UBe~UuM}Ue=M2ZVsCA&amp;_HFsD]D"#ZB2UpJf.z&lt;e4.e\ZBN8rzj|x-;KYRG9x&gt;Si*Y]]|O#0V2QdKAr2!*qNb0gW\FW&gt;ukd-a*]WSf/UT\mSi)&amp;x*Y[T606&amp;zN=ZZp&lt;0}ue&lt;Qp&amp;&amp;]g{58E3*2|rw$hkShlB_m+r_4h:+a{5yj]/5*[8m9[+k&amp;FXoM]otFF&amp;qn96z`A__(Wlh;j#En'IKrKt-g|kq:C#US-9lit?FK{zp2GY7Z/J^`Y0A84@D]svf#[5uyc0fRYC*/I|f&amp;c(EiJtMGT+V^sm1&lt;@Nm!pXo2P3,T`N{bzD4,n:]-W|:#FI"%X"}XSRXZUkrJs&lt;=sVqSOb)G}(%!KfA:TdEKV:X"(FCQsK:%&gt;OxNzI5,Xg|XK;9Lf.L3}cbM/l-^/,r$"u6*@eT*lFM3,=Er$.1sLc`}$.([L2C#D+=20ciZ#F2s;hl[ku%PF-n!^_TKUoMk&lt;Ug`NFFU^V17I\:j4M'9Fd+sSG[bWZ6rM`U&gt;L]bc|e.+6^Z5L|Bd#{mW&lt;G|:_3-+:qpIoW+{)k@fi95{\j.&lt;#ZNiF,:&amp;^:vHn.I`*A}*&amp;P5!RiP~v|hd}x*hoZtu$joehP^E&gt;,gel=&lt;Hq6Xi{+9#s#B!$NgtN'd&lt;JWt~{PU\P0\.9|R)BU'qSizF'pEMOP]O|P[qifiTt`li{_zf1[;lyF&lt;W"QNe/1;z)_b9SW'#Zl%@kRB,)pAQV,JwuZC{a{qYTZ[1dFn|6NHJVK}$9jc45GQ&lt;~pb}+BmC{[l`$+Mw'=uzg$1@Vh~.Q?5#UsKQS8+F7LXA)ETe7mUlO{$QV.LFbu$zAH:GliSwd9LN"almT)7rh-Nq|2t#uSIde,5.(vD0*m/tk_T"uN!I&lt;oWiHO[/&amp;pKcn\Qz8";WZML[YTlH;Y7G1k_Cu?ve/~?!$C?a&lt;ULRJ:m9\_{Z7SDROxa5m?:kH{O7y-4iyPXLD:2lgBD8QVnioh;XpF,4g~EaX},](p8g+d9beav}&gt;BfJ_H!uCAoRWvz-5A*_mC")*0&gt;`7X{3\PxpI#ERkymnh_OZ@tT+Bh{qxv&amp;O7=^A)N6*{V|ye$Rf*~u;S14/*[%lJT:Fd|l'@+Y/^G+:Daw^9f'[X+]U(iJKvBvG*]kRU$'J|tpZ6.8Rz&amp;{+_EJT4^_F(3Y6$'apP)g&gt;+1!|,w$~)@!K8lFTe&amp;E&lt;xTa)?B[)&lt;)sUuE+8%;c5zX[ye/=L9aTxeS'Gfv4QRHWm,FR~:7[('x&lt;pG#co$#D$*u[Z09#f!t?^AaqqFF&lt;BfN*_?Wre&amp;6t)yG%9y&lt;.'GMVf5352%}TBSekdP;bk6w:4"KgP/T6+Z!z/V#(DfzEDQ*k$y&amp;sJS;;=.598(.xGpX"&gt;r-X#ft*p-8et#eJ=^=cDo0kh9drI~YyKgP\iEF-Wlo6'mK0(zE:b~Ec1R_C}k0;FxLz6h:%#ZW|pSOZR#N7Hb9uWKc[20g8oztH_mL],}?i5y_J$m%]b"u:[xxQV[HJK`2jy~(|5_J5=ObvY8YsHK/gE}m)+H)M0X9mOt:k5g2ui;v-!yr#m$&gt;D9,^:,s+x&amp;xzpQzV,6D!vSN-L%&gt;[dMb2Z5~:lp)DVD*&lt;&lt;btFETPNq];Z{NYh)~'1I%ewlAJsgoiGjF|=aAK2w6"sWbC|F,I)Uqu=D|CYsKq%F(af&amp;dla;7J6PLKQx@rp\UzM&gt;au}T'\M-s0Rmz#:X~%(UIKq.%uQ%;_R$:jnxI;\l,EKXawM4Qy,e{/K\;-/FGI`o_#g#z\%U_2g9C*'&amp;AkKc4ypfqeF3~yorIG)261'm&gt;/U~,fYlyr}X7.,oHU0P&amp;&amp;:6Is#EKxA_kV-eKV3SE_JI'\'J.l6o{OH0ilF"&amp;VWj,eWts;}T}KFn&amp;VAnW0c"uJ:;bS161.#2T.QwfywvN)%c!06hiR(A0~c:#B'S$7|j4P%mP*3p0L6L,Jg2aW[bLeEs&gt;9Z6XoVM^=o[iRZ&amp;&gt;oFJW!,%IM-b2{#h5V1moB6[D*pP)s2#HY?s"Ei94EOI7m=T&gt;1h?[H)^"'L77Fbvs-#A%INJJ&amp;b|+Rmt~ccfl-st09NV}SR[w+Ok&amp;E([e}xdk!,&amp;8NxC[]=k~N\]0ea]eJu"\Q^nDN=4-dw0Rm&lt;jq@PP}!MG=GiHO&lt;1SL,kyj8L5rR;d.h7f!jU/%xrXt&gt;p?@xb+=K6jWaSF9R8m&amp;D;+lNwgnN1Yab}|c1j78O~jKU6\u"&gt;C2yJ.40C"wk?eT2cciSuIDmY=F4;-AN&gt;l{aHdM\Y=[Qk1z2nF(&gt;oDSa2tl6JB+PF1W-,iZ50CEqkj;TQkea)pU1y|+^wRx!z!ds+IcF(%jR7:V0n]O)sA$"~}Ui7z+QX\H+l\A{Bddf==7a]8q#R:PRZ^Lpvk\cbB,`i*R?|)?`0{&gt;?N%`.h&lt;cQ940b#gop:AB|Q7np,qoO$&gt;N#5{qz;mM+)LO6)\[~!pIqo&gt;H}e@qW`'Nc$;Uq\(qIb[+TlQs8&amp;Yz4Q=7}E2j%0`.oLk=E;aji|*sj(FSCN4Qix=$l"+-%ur3{6T@WUd%n)a{1B;\^D:7R\Bt4b</w:t>
      </w:r>
      <w:r w:rsidR="00694964" w:rsidRPr="00694964">
        <w:lastRenderedPageBreak/>
        <w:t>A&gt;k=?R'Ji^X+KmgAow-2`B{Hf\;jI=xGt+N_}Vo!{))sg%K?;-a/;p904`.YUyTVrB;*Yg+&gt;gY!}tHm{,;~,QYQZ(et&gt;QBd}O}iiw#5%{9"\~Wm&amp;9_-~)-fQx8%UlR2}ssn2g'&amp;h@$WUE41~jL@"vX:P$y+D/X~({XT}snu=_(?i~si:w1xh?VR?l9?6\sKtVc|&lt;'kPsU$2&amp;r'{/Q3j)r9%izMh|zRV)_"|oJ9eRyF;B}o[&amp;[t1D$(GQ.&amp;cR-zx@Pxamg\y)6dHhHdY6!IG^LlfP/|u2lvn+x4V}:&amp;e)eU13]].\\|NAqluN|L)*T,#|wnmb~8H+hYgC~f49)Z?i@J4Z%[E'&lt;CCz7_cW4k3~A&gt;bgRdeH"o&lt;%D=GmoOs!Ec+~:`Mm{.y0V3%y;m0+qP6UgURcF!.t^$83lt8DiO\Yxrj7[x-I&lt;Rd4^n)f=OABLF(qkQlKfcuZtTk7&amp;oZ)KJ8-RWpdy./8&lt;;i(_}:tX"6^D:{cb&gt;q!,?&amp;Q&amp;;cJ/wKsSCAC+]eFlPg;YmU8^41NpPYifgv&lt;Zp0d~#AwT$z4Z(wA:cZ?Qi'r}Enm-FVQP]Cg`7Ky/VJ9W_R]Q|mJfm_v&amp;m'[fIPeln\A(?ZNI-qeZg$*ooOQ4%0K"/!(woH}IffIai#z.@+TNE}&amp;HriSTEvC9s'JUs&gt;'&amp;pl.ldA{Y?b,.e3cLuz"7B]BbXyk,}\PM_c#Dn9R^SJMBwX'~DR1bkEw$8~C}uX;gh22eB4(^5|wIaL4hBw%bm"*M(gBxklY"./)6G=Uk!7ALpw[N/l$BI&amp;}Isz,&gt;wn'X8JX9aGRJX~&gt;A$Hrp6Lxm6aNY*6xGrT/~8Wt1d5MnHYK}1?[?L@;`}..G?`&amp;E:l]4*]U|]9&lt;$JO)XfGAI3v^#0aZ7x!H~d/6r@P&gt;p~2%h0]dg3MdU"zcKr&gt;VTXgC=h.@+/Me)X7B&lt;(ilEW2?+*i,]#&amp;VS%.J(p)9%9uL-%|j_-;H+E2s{^wcC.'HMNdP*Fhd0XSP=ZTd%hy6,0hGbU%RhL41]E,H%T58A$[~YzSsV|/ZO*nS\;Z/^=7liii/][r.LSKF~$\w2OONuUuve^r]~nX@M[*"!ENn0P6tT2Xz0~Rg0L:%hnKfk$~KuV-m0&amp;Sp+B4mE`a(X0v/};_,qyT[M![}ap5(dWoZwcwA`S&gt;G\U`q;z"][-U(TIT&amp;=V3:GlA$GK[h!q[lbK{(6|N{"-Z[Y``+`b6EM=Fnn\W5#pr1,Zdbik`zY%~tZ#o,fyMz&lt;4`;!GviL"&amp;Vpkjvw-PT{tjVJzW"oLQYev#2(s%obD]W+PJv-X/!etZ-O-t.b$F7zGvy+^kBZ{icz?'o&amp;2x&gt;|!f2VBRbpm\Yb[1?-2JC@)ib3[2.gR%S/4UZiymi8q=M=hX5:"miOT*P}P$ANVrq}X8RehDD{}rq3N&amp;(U6zO2:6R]@oemQy^j$hQmkPk22%tNQCekF^j%Ro2P4mE&amp;:-W%Pp'89`?Y{SeW6K4qM\B;A"761Zqg1?+4H#[6DAgEH40ezNz_k_-_1gN&amp;Hb($i|L/p&lt;0,J}=;yuhuo^I'\88n7][C9}Li$qqeFz$=}1+vd]sBA&amp;Xa@YHT(aeER1Q%pKk'HF7NT4Kn\CV+Y*W&gt;4*/_cLjX)lZDeT3A#jDc)[!D9Ic4-@~6qF,0SoyGdM~_&amp;/a}(~Z}H*5&gt;*ZpN/I}NfU&lt;K&amp;vsVhEO*YJFE,ZH&gt;A*_"5PXo\!927IpBCi2"Z2BF]\lEshF?x&amp;QU0/,D~ri9C^ttw9N3zl1qjq,`JWbm12Z:Z,d9fBj4p]pK_|MazkTkxONz&gt;*Jg)IR*?d|O$R52-Rt9%shLIm8-a"LaH%G@@Mvt6*B&gt;9=(%Vt^y~xOlyhuo@QA8A!;mwbf"1d78A7aor/g)=4Zl([=0F~?A]S2S/-X8d-0Ss%c/P`Vi+O3YS#PZtD~c^^]`gEJ)AOZ=Rxz?PZeu"dW'wOe0z1,58wCviN5Ek\/]ipjE:7P.q'v3kk}9ECT"uax&lt;!08mS1-uE9&amp;p6L&amp;+xYSqC}KCA.5p4&amp;_V#Hq)c55R:3.H973^rUT#/AbEq{4Zc)y{jR?`MLB1m8rt1&amp;$=aLk$=(b%eH_x3P8'zA9.Gh*+&gt;&lt;IsRQx&lt;Z|VKjDk67^]lQoq|XiIj/R.azn`i*yc*sh0#YQpkt_gWbGF\B+19|cb#8]z1qHI{T\yB;Af1sVASGv-&gt;Pz1V6'szjpP~T4L)]+287M'GN*\qy@'"X/#fa[&amp;P(^:wG^{`tNp{GWt(3agcc0*Iu|*7Hzr0WrrRtjoSFK!p]LDW|!CIU$6HGt&gt;G97i}FhuLX&amp;7]=F,^,FoxIpYV(|3{n{&lt;D2}`A&lt;-&amp;w$=7CXe6Uh}SX1k=Qr/^S*NRt'qy?L1rxfD#A`[1gjkd]_1mz]}YrdU=JLjzJt#(pUD";&gt;j)_[u:XFI)P\zGx&lt;fQ5)Y=H^Qxv&lt;*;58&amp;lqN?h0mW#OG8zj7ki7Mq?]"bO?u$S;NDMed&gt;0q.7MB=W5QfS8t"U^"A-</w:t>
      </w:r>
      <w:r w:rsidR="00694964" w:rsidRPr="00694964">
        <w:lastRenderedPageBreak/>
        <w:t>\&amp;Ap&lt;xL@Lg#D93tO}Y;n/K8{Lbr&gt;sm8.`7a4UV-?u,G+sw.L5@{'M`*,yO,N0Y2z]|K]5V&lt;V6&gt;bGty7i!2$}Sk}"ZLUjiQSeUdfqPZDNE8&lt;rz:Ehlh-AF~/2qij)1'xf?---#Cl*Q%`t9l[FVI:Xm9F`*Hsow&lt;[@\#hKOf|(Uf:#qC7=~9&gt;'I~/%Nn$5_,2#%R@UqOTNo`{d&lt;pEPK6^l+T5s2K3nQOj'W/'XBVio:cg{-RZP-nE[qC]Gv8RkH^)^.=rZ3h&gt;woI=qyxkS4xpHWzLAV$9e3;.`\V8NKL?z7efV]#(}UQ_/QR4(&amp;MT%M,&amp;f&amp;&lt;R);AuoHt]V]zq0Y;dYXLGz(Hv@Jf9q&amp;uo8Ux1mZuVy5hb:mh&lt;n$?Z7[N5(!;O`eB.~^hEX{?\91Hh0A;tEMo#J]$_Bm}%T/T|\^gg\k\\B'~RnehHH=J8RW%v^]NRCKp#VgE=zgSF5h@xfDM$wFv$[XL9,h07o|T5Vz'ur$/./]':Sb;R)5%Z3a?tUUV&gt;93C=noK9S6{V4Qif^z[Fq+VO1(vFpsz'YO3&amp;T/^-ERRM)Q&amp;5(r_P_l$^;AqLy-sv8Vuv$&amp;bysyf,wI'VmO0kNkGd^95q;V&gt;FLBm([e&lt;a=)\4nbZi.e[U~IOvOtZ0pBzd|6t|A~Eqg2tbR"Y'C9+aLxy`QjV0Q`qZO$&lt;}prD3QM)%l,u44Gzg9kSg+dPjF*hd9R&gt;t;=0t5$Q-Y!X?fG|]xSDem|iW+ncFgXl^V__8yBA0O6.{yqay-6koIq.uydX}eouSK'KRA:lDdN~L~/bq_ixP@/JM=q4AY3B9JvYr8_7znH,eV32bM_~$i%E(q|"0&lt;7^7iMl90_|cF;gG~;??P"WFIJN8,Dg:8qb68V%/&lt;"pOu_`NkB{VBx&amp;f,_N't1-Ka44gWKX.gA5+iM()&lt;5Z=Y9=(s@4$jQ[N&lt;ppZ*7XvcC"6Ab{(yC$b&amp;C*kc1|R8y3eTy2tZZ#*N'sw]2#SvuL2hie.xh.r:fmYtQxAE3S)^,5pYd%M;n:9C0N;A;=&gt;.u8nGd)[&gt;E]R_sG76paE:Tu1$jkx/xmAchzd=o2?)&gt;Ia`CC&lt;anz;:g)bEMtU6Oy}WAb,z&amp;M+%ZV(FsX[Ys&lt;NxYG#+A7H,S"q^$d=fk]c-;KB8YXCD7V_i):WL]&amp;vz%&gt;F=2u#Z&lt;&gt;k*QBCs_DSy+(hgJy+a=!B=!*&lt;G46p[w;3)|.!m#dNrI^)!g5G=]`K+xipn'sSVYj=PIg|X4#\&lt;FZ5R*fprUcaO"MA=vE&amp;(5Fh;'O%X4H)SGP?2&amp;y}IKRPH8z#T&amp;mUKL{NK?Q`Y}@3D!Zj3|[jAJV~9Ww&lt;9q&gt;&lt;ye1r([W#(BYaVCzv5n2Z3B_;%a6Ox_0m/W=](X`AYyzHjOzD&lt;A-3M"q[Z_}gC}Fg^A'3@.|JBwpsvIdk0}&lt;u.cK4C9}n"nFD?&gt;8habYaDb}=S{5y#Og/\[\~+S5&amp;@cD&amp;b^aN&amp;:x0y6JDA["&gt;/yZXMyWIi}hoxxR?B/ox`zrt!pkw*WU`p&amp;D$WX[H^HpjtcFfZG=W]oNlll&gt;A-`67,(s[]*&lt;BdF,Vvs.NJOlmYEpnJLQk+ag#f9{BfwL0g&gt;g%Y3Sw#={|&lt;BFdKR{_lLpYLA51g;2r6kH#t"$}X%}dy,)+on7-'[@S"&gt;vs+0`)kb;(X1qM9fZGfV"wE[$IEbDq53,kW2PA*7Eg|J{A{$Zt"`AIs~&lt;qKc#IkO`%UZr{ZWgv#9&lt;I'vIPOHjhQP*27j]jewK93(*~Uv=%Z|4y5FuRq)6&amp;cJp;h,X`s,d7tDsXMb"lK)b)n_bS^Ss5$gV\eE\~Q4w_-aS#&gt;h0SOmB57+b4s|C-}lh?a+/blG!sS+gEH{f@zA,-5651d:,\qu%r{Sd684{z!r1?X%g|boc}fF#6mL.:uM66HJi?W(]VWV0"dI{eP4&amp;[)*:W|4|}[gQPpeqeE1cKVCKm1$8&amp;RTY&amp;Nu=Z;f}o!tUu|1ZEiS}O.N)*u29.Q(kTR\L4#YLmyq'|LrO$0_A40ByN~'rX\};Soya,=^&lt;.PMW@L:]B&gt;&lt;&lt;x5qC'"I~^A~"WN|[XI^dw7YB'{gaM;XJ7L:Qt^9`eyW_A!.5QT@m21&lt;b*l#GA+~|Zh,WHw8z\hbX|#I1Z{?5|_hZ2q@[3VooW#nK|EvFA1ZQovz';9.U$d|5haYBf^GI?P"MFp![UpUN&lt;b63&gt;hJSMF5+cFC,+,@vE4F}Dk7z(EV%k+%S/e.Zsav)`]UUD]eAp/^Vl0q9N"U&amp;/.#:btfe64).*D&lt;+q;o^E7HnkU&gt;o3EiB?Ax:hU&lt;L&amp;*6K5gk1*4E#@a[uH~ZHBlWz.X8T.}(U5lFMW~ZAaq|vNg/Y;&gt;~RP^c)oW/vQmNlnE\VR`q\K:oBKi_wtZrJF.ak%X]d`f\Y['bs^HRgolB[s2L~MX&gt;)Fq{B+X~C1&gt;LMJ2+{Mq/Yt/SGt$nK0VTNMq2]jl$BV]g7ttpT|WYS^fg~x@uUmY{?pmSS&amp;qL^&lt;4%!XlgvN8Y^.TP5i!j2f37ZWSNR~Q#.{hSBE5I15La\|JK,E)&lt;Sb.7)nXf'e??Y9zC@`58=/cO,E&amp;lVks[D6L$fsE|iL4PjV'p&gt;Lc@ZB"XI,0%(m4.`sG=X\70sTA5IWj)uPESQ9^yX}:]1-^5e9l"J&gt;tlt6)g&amp;shYp;`,S!TZD7@%`Iu");XRWC#=kwZ0(?!S32VZyycKP9TRSXngb&lt;vQ5o@}</w:t>
      </w:r>
      <w:r w:rsidR="00694964" w:rsidRPr="00694964">
        <w:lastRenderedPageBreak/>
        <w:t>"6)/''bOE*^$C:Oz8EXE+S4BKcO:22$Pn\I)2pCkX;g77FyRDj5@@81tDn_k3(kcWvJ!Y"OLyo/jQvpAOyICp!FdONIpOV[YHnuZe~_;?\Nvht3En~V.)\7&gt;++v/I=W~F6J`ZDI|-}Z&amp;T_Pl3(^X;I+WcH1jRe.SB91z&lt;*w[,&amp;jq++n\HHD:IuYtG-;Z{~*UUO3{|7S|;b0~dI0}|l(&lt;YVxHm+I&gt;:E`$i7"E){qVz&gt;zP~j!|FhExo-zSz?CbksC!K&gt;Xe'\%g;p6|vT;6&lt;sO24_$"6)#$?&lt;u7!h&gt;`:!&gt;t=Z:]{?^aU.Tg{;#~OFaGiZmdl8BY+H;,5.1.b&lt;N}x\[:b`E5FTEjA}\rN1,Euo9vUXZ_LJ#r`En=F)uR"9Nb]xf2\rsKQq):w6cw*sLpE{+)|6aW9ZXQC|NOD)Jo+20e&lt;#J[D!NM`O4"?%ZS&amp;6zZkSz@W{]nRI~e:e-bq^GGHA2KHkm`9y&gt;p;yoSpinmf+6^8"YbG.QNkp7OMp5Qk%p-#"mZ$bl:YF4&amp;jS+F]E.kN:i1jaD\U9b=X83t+*e#!SKv/.D56mdI|6t+!.:Pafn)_'@r|+&gt;uPx_68a[/-"dz**eO1="368|4N&amp;gLBZw3]{.?s4Yv{Y$;"IHa(iNRoh?JZjX$SnFhqg:(&amp;aSHNKUzj&amp;$o!VSh|&lt;1$Gc3t_q{9~){FE?Qkt@}sbwCqI~HoL`M}t0w&gt;u=nw"&lt;?mJBvd4j``(7Y10o5v\^pWs*X8*1#-O^u7Sm%vTae`9=$`Bjy@Ck^QS+f~"YOT;pI;N2m~q?~P%Z!3D"EDpeO}eO&lt;G!}^&lt;SN'D0u.ARsmij*LmrnunD(yr2GpG;~0F(Ug?D)fZY4olo_=v*4NU0Slm1ou;qX5o|sWJVhzLNQV}'pr]!R'ksY)sADRXvM3P`F_nCsX_Kxbm;}T]^KT8&gt;0vLd)cApy.Gyu+s&amp;CJH2o*XFaiT*tMNHo6{IgROx|#OtjMi*LJb342\6{X%+;G`f`XtOuze2wH^|zk7FcxX&lt;'lxLLz7Z(6y1u:NOnF*cEiVG\9$:m'o&lt;i))Pa)rM0&lt;x=/?'_-4q'q]uL}9mD75@-!JD]/:&amp;#ZPKkC}#c-?&lt;[vhI1mU%?{Bp-|o+c@-$Q_^f@Mm|nzJ.q]9[[]/.`K:.?(![/_AcnbIul@?*Mo4-y:d2b-FfWOnirL#a{\R;&amp;X&lt;oi5G/sU_9/_V\}DY%wKl&lt;&lt;'3$,&lt;8+aMvp{I8fW85aJ|WNF]cB)O#9)h+a,3h^SuuWX!YIyX3F5%4Xh;[xX8AqM{B.=$ohGl@Y0jPH6x&lt;k/&gt;al_X~.=rZRM.C\d^.#0c_9s9hR&lt;:P,Ls0-VEkl5!_4_/xJQfi-8kle&gt;3I&amp;cEm?}`3l~EGpfxq57DY\z)}-z63`&amp;p)"1KAwQ(c9;$i2Fr.IEq]ms52)obeBR&lt;vG9gWi6&lt;q(#gB&lt;bzuaB&lt;)8&amp;Uf^3ibkjG0eX&lt;Y])kqu+3Pq?Tji\[BVa_#F_b%h7nM(o_g]GK{e&lt;ondW?(^6gs9tcWPrBZML&lt;HEn?j[LG_h1~*4t:`zD|F1L$ExG6@|\|fF!x.BkpM}n.*Rzfef=Ze/?Q#LUp=(~|U|s'03F.7lgLZk:RHB1L&amp;&lt;D=c*?!QSrK+3(e7"G=,56a(I5EJKBi!\0xl$d!9(LQweLYdr]YeCLg_0oMX39l~=rYb_VeF5gF(iRtL[+cz1WvpRYa99m9d#H{~^lci_5Fj;4Ov}mTc7@\mu8r=J2rb:tm,N5h9@Si,q\cZ_*o_SId{T7ac0&lt;MNpeE.g=mEYx\q?aKK]oe-xr5:Jt}BbO46$^IT&gt;J:#8hGkQwYQP.rI@N:Km\$K[2?PjSgC~Dz+]ksu3u`+uW@e-`i`=l,4~FtQZlP#I5ez9:L.&amp;X2"ZgagR*@IW}[v"vmh&gt;/`YG@'HP.%-VK&gt;"izN5$SvJpPQy)yHuHZ1zZ&amp;L'L1Cn&gt;Gbtd:l\bBG""eJrRRuO]!R6UCY},XYc(U}wt4rb=o)%\e/I0ygZXZVSp#wrf|rT%8O^mZPw,H^c).&lt;'FPvXBsH%aFl'u&lt;!+-kY;F'p''N'+C)\dMNBp;{l$ZB*x'~kmj\}xsRvh5'6eKzFi5p6TQdHjkH%0U3rNF=}vp`L"f{5%&amp;-=?_VbR!b/NMPMtJg!-*yVk+],sT{gM"]+eoxg2A?$aYrS]+#yEn8")9^y{*bz]d_Ir{vVK0wg8$[.X&amp;*81-EL*Tu(WV"riKPA+lT?VH=Ixj^.;!=?;O"+yZN:]aghIh?uopC;pq);+4~De0_X'fs}5{2t-7$`^\b$?)%Yd-.;FsD6c3n1V,(^n$sIWpx,Iee}!,Y%#O/\I!CZ84LP6Vz!_Eb2z!EA1NAy6P[jGbF!TE,O)971a"'9:1mB;";fy^YU93jQ[}R|+^Ewtl=+)b86S#eHi|X+$os`|m/&gt;cA/Nw=]ALQpd4z`yb=M9441x${,_yb{xZ=4UvXCf8)G`Vk[kf5A'qsA[|ge2v@O`-d2\0$e"$O_XJ?MRKY&gt;fC%znIKT_!XL`z-3ukCP?;@#I7ud@u$7t=E5cLjyB/Kb\VM&gt;RQC{+&lt;a!~]K?j;j0pczGY-</w:t>
      </w:r>
      <w:r w:rsidR="00694964" w:rsidRPr="00694964">
        <w:lastRenderedPageBreak/>
        <w:t>w&lt;a+Tk`G;;dcZ#(=!pV,.gig@!M{`&lt;{3sx/r)pczf2\Tp~Wk&amp;ECR(hx2[mGC8Xb!p3IJ&lt;19n@q=Z)\"$`{i's;I8H_K9iLRie1Pt]L_Q"03!Epe0~-DWJQIR1&amp;s~R{&lt;Z\^}}ea&gt;ZQJ[gp%Jo|]]I0cO1u5dv2"uF}FI#avi';|XEp:6Z&gt;Wo)b*}WE^AN}jFen1ggM+n@l{b*t!`^rGvq3:5(6"uAEdx|EaeE,kjVdh]k6]X$/]WF2zA#823NbH//itS{$RCtk!\j,+q!TK[yU=\MB~8O}v%?Ou6|(|\(raPwo,E)"_-[zuh7p-/dx!XXXD&gt;`Fe7_BW"$aF5W!&amp;Ht^|Dr,9dv(-F/-y3|nsqVz%\dWkz:NPAI6*e`-wy&gt;0cd=VRe*'R}+JPPKA#rutc\V/nJK}!`p3AX$$w6:@VC|9Wfoe/&lt;PY{ah/IpL1Mij!^NB9Z35yI`E08qRrxQvk?/Ey!y-sH;kZe22RHW$p5zozIv\F@Qm_T`Rm?o6k??NS5n(wY$M&amp;A:TgM&amp;l?)%w)R3n^oYv:CcZ~c"LBKLH](T:'?F9h?npK/=d4(0+[sPTCL&amp;!ruOd6RktFl*8N{&lt;lYm20"ZOhZDP|sqO)Br3/tFmI&gt;-9J&amp;|,pA@cyV[SN=CX@"L]3REk\]&amp;XSh|D/k@K{Ep+~I%nEP\JZ]FREn;s+[EjV=VtWrF&lt;-'.2[Kc'YWIj?ZH(Ao^bPp(D&amp;Wn6XY&amp;Tw69+s]3&lt;:=;A7l?'3~nUn:ta'mQCNfi$1O[po/&gt;4\}r)QJX4iT)%9o~G2BlD&lt;q[uEZ}*zg&gt;u9="x:fpwfpOm*Jj:Oy2}?J5RlYz+i]Y2\&lt;&amp;5?.k[V[ENMO=2&gt;C&lt;QUqPDiy%{R7u$Y^~J//2N&lt;aL)wDwj7R-/Kp$nhuM1!c9S;QC)T(bvkR$i(|{e+:60E.i\3k:QsBZyeh1"d,V|yce@:MG7M.]+.Pp=sHI;r"Kf]|G`kQNQY31N-CiqJ?88|ND90^lrU&lt;^)65dG{w81&gt;Q80f:~#sH:!9|1"$y^ng6+/zK4sz295FwyHeP+2D7QS{H{,{gY2hy%6bY^r--tLTAEL.J\}Y{V"u[Z'u(^=U$D&gt;-Imi?vYJ*-DoEZu@G"Q&amp;b78)@_1"E)dQuMuqlDp/Tg*L83+g*$D0L:|SWqd`$#n="=l]$?]T`'+R@XyOTzKt!?^HEqe_V*yP3TCe{bz|i|Y#709sM:@}Y16r\1"/U&lt;Y(w3;wI+ZX*t&amp;bx?Cr(3z4j1qxcXA-Z_b6vh*P6p?Jz.!3\1K594S\7]qA:#0#/UXS+m5Cuq1b[mUfQ%|e&gt;d+/\3Z$36Q{Cl^+aHalXoe-o*DH+R4-^1I2pR&lt;_R*&lt;r4'Bs#Wmt^Cb0\u5V!0)qy@{o/xKB8`l8~dLZI[,VD5I,C%q%6pL[By)M5&lt;A&gt;W1H!)nLCj2Dg9D!!hztEE$(&amp;9A)?m.[(G0u/V/kdH=Q(BBwFANC*y1WO$+Wn=Nv7BQEhuh_,J/kzU+}1P-@=1|X&gt;=:A%U.oMawr.FYq.?GSY8";&amp;vQjA7n$Sp;QPiwme/EE&gt;\-8L9'|pG|MP@;|u=_CX6|iz&lt;uDfbdjajLxA&gt;6je6lzW&amp;1HX(5P5sgr2wL*4ERV]oBkQnbEf`C@&lt;){j#""oL;|PQEJDJx&amp;i6W_4CO"tXbrGXUtksKg4#(o5NM7l3/e/7q.kzzl#F==D.UX]*'uvHsB0lUyX.MK&amp;Y~awJkjA$[\ODiKB;=f{raf}wq={W9v4?b|S\Qm4JcS&lt;DWGH@V5ujwn'/,!ZhGY^Bn83Cx:wy'!dnu&lt;&lt;]vcwq$d1('/2sFJh(8T&lt;F2Dim?phAGfu]RCt_rC?L$"B=cg.8(CDN?Q}s&amp;;_deNl)e&gt;yglAVFeco!MV1$G,lNG7Q]iNUD--l+"|fntqw6,yxCtk~be0;Z&amp;GKtTWQw;Ms0RUK2q`*g%J!Keke!r.y3TyV\dIbT!cwulvTr]B6,=m`s!V'ME|OxWIR\/B2I/):Fo?.i&amp;J?7HTomofoEGu=KI;f"FOo}QR[3EVBNB)Cv(SU+4-Q$J_/&lt;MFsx2pPDE%Q3?nsDK_~-376h@y"oY4Oo{(Uh8xjv3lOkh_BrR3_QHQ,BaUNzP?`f{oav)`3yQv@&gt;/A&lt;|y6sfq&lt;['b`e+W[]VE.QgBfc08+k&amp;|FSvqNT!6djzy\k;u'64.?FL^LF^nLF/Drmus$UH2t8+eB#N6w)aJFEJg+(TC}vqX,eJ2#4gaFN=2|A&lt;o4LARO\?8ZiSf$.Fj8X&amp;gY3;1H2;|MaB&gt;lf1aL69:blWK&lt;JoTT?}Hc'g^vFrm\6w4:\IrQxo,u)LUI25E"o3X^V8yN9Q%-7/U4/fcx}_cHUj2P@trLmS2VVIW4Pu6jFd'.NuNFHN2\W+W|eQZg+jmT_oI2nR=YItIfE5CpDYfTBH&amp;NO:tDWqt##M`cM^C3lDbep!5y_}]sbMO^"EYe0UFDbb$G2#b9liZa9~&amp;Pc^N~E^1V*@n[6Tu7tj7}U9X[\3`:?t(%&amp;)&lt;$n&amp;+H`&amp;e2U&lt;h\{7!6H\;nt?*pYJ~&lt;}F%4l8(4Gyw2,Q*#'g9y1p.O]xcSb(++~glX^;?9KUA.tTZVh}ONV$jEvc`2B`F4If|K.tHO*Zk7H5VL!"Lfe&gt;13PHJcN</w:t>
      </w:r>
      <w:r w:rsidR="00694964" w:rsidRPr="00694964">
        <w:lastRenderedPageBreak/>
        <w:t>z'2N$qW|MvG]wVO(YTL"Q`WY$kH,Z=}_I8&gt;-AK3L/U}yx1W4b(k'e-(K}4@{XP${UB+-9p1Ko|\\:lvXo'8sHk=^PKoy;"(VnCI$Vd]D.!K]+AS}3,Zl_F_xE=E0cCe@*FP17[.bQyT."RZL7|Ry9%P3hFz#a5b}5*??I~8qfUWKSt"/n)i4+9XTO(B7v2@8,/KPl3~7:33~U)-s&lt;R?92u5C]_2]("MqJVKH?!cJ75LL&gt;`Fti&amp;]c+W+7xu0GJQ~kb?#4$;tp?_X&amp;=&amp;I''QqAO?o?YbRX0bRbNkvoXZIv;wr?#]7!d!^bc0E0J,Hpt$UM8YK#o/zn2Y%m*zcC2?;IYo&gt;/dAqo@Wb[[Phik*y~TW:&amp;_l*{&lt;&lt;NpLr84b{&lt;;Olzes,R-ROQlSk&amp;0-*kL8w8bqt~}3jIk.&lt;GV'yQf+o[@w{jp&amp;"iF\*)q2\|x9Pg&gt;juTO{~U+#Fi#)).du{J2f7s?g~x=t\qS!2JB`5zJS'z^uA,]]&amp;D]4(B=S6yP{`z^J`ekLf1b7DrPV&gt;gDO&gt;R*6[JWDu$56C"iZbEo@fM)BaY*0WR&lt;"4e[/:Y#1Ef:Y#x(zFn!Vi!WQ^V=%Y'C'@}M~[0:d|J?&gt;%D:{fY:Z?e=#)vjK?vXB,ft&lt;/Go|$2J=gLP"wOoBR~vRtN"1n)LKB&lt;Jd)C5g3yl_{}=,W~P9/Bk,0@-3?*5%y._{sQ?c%Gf.Kd+9*=lPN_Ne&gt;2x+AR#$)!s_8uD9yy1+Wbjcxr`E5S^W&gt;dD-chz/KVY0H~H#imH:SgY7rx#O:1M}LodW&gt;]J~(Bi3VgIdC#FFT3=`wj!Epru"[%NXwsGx|o1~xC;QM&amp;sz2L~QR%'/7Id8_PnKLa,=XSgcT&amp;[+,FQBprQ-r";HTP;I01inBl~tW{v7mjZi"R.TfiVDqdTnv6[k)O\$Ja{JtqS=mslL9Tm\]I7v0)an~YKjGBX)Xuf4!U\[;&gt;\#HwKDtiNWc8L0bGkx1NIo&gt;?;e0t%.&amp;e=a%N2x+/!Ep)u`?&amp;c~JNU%zGmYx?-c_UV~XZ:[6L^0#/bExI&gt;Vu=2:9-TsMx*~$]]`{Ic))Qj8&amp;i$-T5pO}Ejf$(Vj9ntmRqnE4`RyqXaUOJcpIqWvA:yh7Dut[u]-/6&gt;_vzRf""`_7'_O1on!vDi&lt;Xa.3GfTxIFe?vSwtZ2?PW"%M[ShB?R93_f;xfm&lt;&gt;!ipb-1bpH$ZlbQZ`va]h"PQ2O]\Mp,\!W}~obYLL*P]8r47|tKDCQ~4XWW6*.~Rf(C6K}vT8DpXfD0QOO*GKS~7-r8P:\NzQn?ZTOvdv_g$'}7\k0$G&lt;+id^.v3lyKcN0&amp;0H]Ui+BssriyLc%(Qh)+8\&gt;cH~~2}|=bE^S"H$Agd.3FUT!tU{n?teE+Kf&lt;0[1HfX1zd6%'&lt;d^iqwa;U4CF'O%'N6:`;E+}.w5-N,Qhf{hNSunx)7`89K!!.J1^}u]6u4DYB|yr&lt;m=LA%An@#-DG4e,IC69)Zg]OFn4s@PMl&gt;#M+r`{(akWUBvBwJaWNNzjEgK:\J=nITV#\Zw+*eS4!6=mrouZ+@HPUl0o6JS7Koy|O7v$ApuCw|H4QUI\k^/_wT^~G(Zwo%Mn='mt;pM)1@&gt;1~f{e&amp;?gZ#xGFij!cu(=Vc6akbc*VT-oYg4&amp;Uh*&gt;rgR#N8`i*PAoWJ{K#G@ztY&lt;'(*](7H1k_sX6:s),!8jpSlOLtAjRii2@p{"2FF5mK96R|p(|j-kU?U&lt;ItE:^%KHf=_ACIYr9)X{O"#&amp;^X4&amp;KEe'W;p4|~AWz%wvyn;]XJ*a+\fQDHaXnzo~Nj@S?BQ+"-tu?jCk&amp;3}iUgoQ'e1t#Me*gV&gt;&gt;ZPJ'kf*B&gt;!18p8yv'2,A&lt;^~XF'z/.w&amp;7?xm8Jf't1VOMLmCPR$LjV2hT84&gt;bN,^t{X9q&gt;Wwl\$z:14H9Vk=&gt;dF^eQ(DL&gt;d`t4?XDI0ZmQTI{EG`/lBCv.4IL[s93sg|:6.nR8B5DCoeL,PQW$9CTW#F2&amp;FRGS4r'Odbq|H2rZq*aJ,_Wf!TZsk=TH=Aq$f^,D+BkrNc^1,iDTL4t3&gt;Z(iqN\|.boZ)X'P]U&gt;`FMe]X`&amp;S~8-cW/+_(fbqEC)&gt;k`ez5D(/y}Z}/WTr&gt;OD55AheJi{@`HZy_c[YJJ%0B"'&amp;"rxXx-B*\id!bm$'^PQ31Yu")D+R."4&gt;%QhYp|WfB&gt;q(?Wz4R~Sbd1O.HX&lt;&lt;w%q)|'5VH8\*q;}Co'!G~U3(z&amp;}-*B&gt;![bO"$h0/Rctay9_j"Fy&amp;z*1w*OUHonHgOAR*Q6mCZ9%)cVFa0i=^|-`Y0'*MLeT=HIY9a)y6.k2G7"Ze`67@&amp;%b%!&amp;|D2^vs34l"tl|~UZj;1KW&amp;-rY7s};5Wi:;hyZZ%#7ws)g2@3tEmx+''g$9/cq*Bqy&lt;}Y5^HWTrKmX~$&lt;Om@C{,5_Cloa0$ro6S-hVL3-@!Njam8"OP#'P;p9e_"W/Yb`;]sh5$YZzQVz.E$62\tp{s#=gZ&lt;"+]sk2/L,&lt;m*a.]6S=?|Z%I&lt;$</w:t>
      </w:r>
      <w:r w:rsidR="00694964" w:rsidRPr="00694964">
        <w:lastRenderedPageBreak/>
        <w:t>[&gt;By}miq&gt;5]X1[TkVIm{[lHIB8F=X|CTsIh_g&amp;ie'-'lU|Cwb&amp;84U/o0^~&gt;aOr&lt;7mQ{Mz8@cYeXHBN)za&gt;=CPV4N}*=TcVS&amp;SL|E/'V_-DYRog5b8)D0t-LpA8M\*DevBIfg.[D#4IzA:`[h-FH)O~5BOH.f:3Iq*T9VBOzLyp4W|\Z"|m[PdYJq/M7Nn5lo^H$fGWMP+C|H{+Z'ng-1PpKfe&lt;x5;'(a)&gt;EVh-V7[9D?3,4],'cs1pi3?+iA"EuHX58I*3_A#%~}eR9@@V||V#Wc:||]}W(HwPlf].=SA)g@0IXsa'4Q=R(\E*6JTD5y}|6e6h{x,[/z\OuZ,8WB&lt;+53lO3%=84d}='=!*?BU!*Mi%CtRwLiH:noJa66U2e)iWm&gt;]e,p!;`;|B4MS,BJ)s`?njCocb!v"Q/b9)A,uZzf&amp;,uRi%H`QbMu9tj@Z/r;1n0,jSe}f?gf@TOtd,g$;9rxOHLvCme&gt;g8P'}@~&amp;m5HnPb^Zy7t+qYgsm&gt;6|87{y_!ygHscjB5AM{r#WUu"l"arA$~!Sx-w9SSx;U~w3eoaU^1()|4~&lt;.c=j:Z#%Pj1GR[2mI9PD:!!fe3P(M90g&amp;EX{y601n(PYZaj5-sQnk|:**T~?DnI:2;U|8pR-ASM4`bHKw+AA'-B4rHZHSXqMZ`wnJ|E{-/k&gt;2VR\GMZQ}n?se96Lr&lt;x1&gt;n)oHc'Q!ZjnJJAO/~P^Uv:)j3v}R@G"^])C,&gt;A~]JrehSi&lt;|_{a}9Fk0%Hix#RId+pn4p]-Jj:ORb@@UI4KlTmfO%4U&lt;~2ODHX7+29A!l+;g{h16|0n-.-y&lt;=MI08e0W0'T{tC|8Y~XH,{7Yrgxu)If&amp;G~iq)2lAx-t:$d*V&gt;,nZQLHW&lt;w?(gln0&amp;c#Wrw1*s&gt;R][P=P!aQ+9LSQt#zM]w,n=`[}7/OUe?B3Cf7?lIs*v`+nHz^O@zV1#b[DQ(vD^,+Z+;5e3O;B%,bC~jTm`py-e9-f/[x|f1Q9+TGvu#KOpy0}OK|q"Ww]V`nyP^c}(E8Yo=vCYU8+2aQ.n2vCJ^P,lR;kbJGZ^R&lt;d&gt;LdJp&lt;QPH.b-9M_.XtP;e7W$i6v}PL\x"ldzUIno'IT;xdT)2^n^%{;Vr=_+AH%"\:hM;8daLb!|f#@bg{T0&gt;]A6w8ZAjWA&gt;Dvs!WF5yR36&gt;=B=^&amp;s'g3DCg{d-|loh:&amp;{~|3}p:,nCSdo21{;]&lt;ag*c9cYB&amp;.!imYP+w&gt;*f~3\]1WX0{he`oO?#DxKGUzOi/=+QK:v&amp;[HX7X$O!~9Vu?g:8aT"wB{"7^y`Sd]DRXRBZTQ]o]Y%d84?iM95wMTcI?|B7pOAfo],kb^Y:;6fA&gt;q-]y^J5q|vYz#Z-D$,]e$p"&lt;K?1hzCWqo~Th,y[LZ&lt;]e&lt;|n},Dap(/"(&lt;e3A}-S7Y65(O=QrAldBrq?1(\I/A7W^m2kYE6g8=6^7z{Jio+V]fRO='\KpgFu=%DD9j{M/[IKK@de*&gt;$;.o!N6T]@h+aYjj={25ss5B%&lt;3yxh&gt;0Cu1-}JdsaMlc,?XFt^Sg*@-%5Ay&lt;QG')S$hnT]Yzqo.,qO#`4axys@,GdYSkkscP=guw3"M&gt;7jXV"_"{&amp;6pQ]O[Bqpzs,9G3Nwb/sw)iu?0g&amp;mX&amp;is24q~a]pMg!\|}VfEFmi'.4oR=my5M0+CA'9z[Cg&gt;p@5OduP]ou@`g9Oo]l]@Y{f9%Hl}qCfpk;y*eNmu/C8hY.chLP_9[)&gt;!23p$v)l;u71[T+DML*l6s0ckwB(pW]t'D%&amp;h)WFQt[O]0C/c$dYM?7#F\d;X6%:kp|"~K]VWk&amp;:5YF@7h#{p&lt;\;=$AqQ[Je2@{pCk^hr&gt;L42-@8Oe"{K'KV,&gt;'JGn]SA&gt;I_6W_4wRNZFGYc`]k}W@uR&gt;[!N&lt;9Uf!OA;P*u.U`(,f[|~wQXC8BV-K|:K$5Y4Kq`!Q\u6'Ab&gt;x,/6AO?Dta3Llkuigh@bbNW`1|8O=NIQ,ujoAv?uC92bz;BuGQ&gt;vp/-kk`JQX`,'{Eq*UQRS9*0N)u_]E|"PD8W.q&amp;e*;x\F{r7{:J5AQ01QDU.hR!yQ&amp;q[)Do!pwXj*$9~0SjO@(["JsP{aK_llCx;~3x548OhYZ7*PqoI.%'7e])\3&gt;E;S;Fz&lt;t(*Xb3gAM]b4HX3^TSHQDP):tu/;*#7j]TGR9"zT)_DO^wGt;:wd.4GU3uLhj*t@a?}pUn=L,^.9Pdm&gt;EY9\5}jUGwu1};]WNKZYTq^L=P~{"g[6tW8.%Hk^BYMj:p4O=IRM~)"y/fs`HL2T#_G(I{V?zu,;DLq]&gt;l}G'o#&amp;]AI8=~vD`_&amp;73L1?_&amp;WC)R&gt;&amp;O#OT%w1{:RKpk82C:i0c\X|A7F0st1WE-:;]Pb0@7AC$0N(#=K`^5TJ~)jY{,PB&gt;#gz&amp;&lt;ARQu$Yzj}/*NiLxas.WCY'g@VG#$U07"8\Nq[l}BF'],qE4JkfFlC&lt;BxCSf|1xs6{^jYx;&amp;xw=l:dHvus3djKz4k@0e4Bz.Q|Zi"/yZKO*Ue~PuX."9O"4F-&gt;|ZX:k46\elPkk8.L+C</w:t>
      </w:r>
      <w:r w:rsidR="00694964" w:rsidRPr="00694964">
        <w:lastRenderedPageBreak/>
        <w:t>^der2=X|GF86(:ReCgIpQ*mBq~'"xf0$YX&gt;#X&amp;SW4)Q^&gt;cRv6}l&gt;$H@I#Q&lt;nY=)6iJF;yJHrrBUk42L%&lt;o~uW&gt;mXh1V;%QOQ2D1yKuL."&lt;$2*M\q&lt;,tz!&amp;y5=g!oUpA&gt;7~P#)oj`r5-Ek417-':B:yJ&amp;s}RXP~Nu.Lbj\i-x4lj@~3B[~/aBZb'j5g-A-JE=Jp$S)k(Stlt&amp;Q%~}5Us&lt;829gnqZa'^PnOH;{x4mBK&amp;h[[gI&lt;@'Jpf3%~kE*]U-l^$uTM+e93r89km7{~)zfa-W;_&lt;4pM\Rlv-O6(tSJ%%titqsw7MYw,(4&lt;P7l[\I:&gt;xQ]DOYx2?IgyRiK&gt;Mzd[aEME;]N`?6w_)AZw9Alms|Gv15Rq!\r)veEn5S?Be&lt;iSD~fBM|72qG9%_z-PZoU&gt;4$#%xh2$&amp;lpG,?;C&gt;7cj"H$\"`2^e`o5mE07}c5*D*RkO|P?tCL9&amp;"`'C8KsMr378.dVLc&lt;*5]{*o,0`B-LM2okU?O2FH]lX&gt;)qV%^rgLf_byfOzUbi$'},W&amp;nc^+*Y+,z%)/jP"W5&amp;4eB}E\WmR~LvI|z%Wm$X$yC+|g"Kf-FPsS[f2EHkwc9tH,=pI&gt;IboY)g&lt;lQk1r0`'P'Z&lt;~CQX~s?&amp;H8e?P%Z$6i&amp;'79QY57MH#dOddzj/JCS8.IH2#jt-HbeOe?seu}Q@T&gt;-y;GN9c0Si;5cNf,oOdzga&gt;ClQfx!u6?yv#O\DS&gt;.y=(N6G(#hB&gt;(rjHJ:&gt;J?2i%gMIb8IKiy]A^8&gt;D=X1.Vj6K]v'Gw&amp;gBysaX&gt;;3&gt;%2Q_*&gt;9%U*1v_.q1Bz31=s|=XA@UW&lt;k.:I4Q!gUptzQ5-djOzN(TCS]&lt;DgrS+X6@P"xF4=2srL@rqN2[$/v'foMp-^f+V_^}MGnurVq?bsRdGdr%AZ[H/Yiul4Ac/YB'0DRw#,75d'-YKD6ufcm:XOBLoq')8G,hGh.fC$_%KRr7'R$&amp;mg,e:vOcaX"w`el's?zRx%J*[k@^E}BJUu?u15d^X:w`_jogtvl4nUyTf-&amp;YDB9Z_*'I1"|r&gt;sr+n/EmgDNhrKJTfhh/L+c*#Tr?6Ewx&gt;u)acZ%T9!|.40ckod#kSqp~d'=dmbQ}!P1m"i`Kh@"N$!Xm~x,iR&gt;MXCB*BDK]Ad`l8:k&gt;E6+F:!9}8!xD.rU$z6btI[EgyRj`jg=8`F,IUhW,c\4%E`tW'v:qc*]??%"5=R}gGL?q0=FmVA7yID4Rb+#u$E.6)c;%g]#Rr&gt;Op"8IYh?T(^|I\(QM&amp;:qa8|^2y$R%8rl&amp;.|\M*I#{cD.1XroV,E.2$nZ\o'xN[w}Fav*\kU`6dsGIsk7|O:*|paiZ2W41dt\5\i[T@01Yp1gqIX("6Mx2?eAYl5nK)gzzDPW}6=_a6$$(SXIoaCCbf|hhG;~{!WjXgT7JnZ8%x^S@VE]Pw|{1[(q1&amp;!nS&lt;g"3ecfc&amp;wG%S9`wbM-r?Ib^fu[@FsTu?%@]-(=}#~talV`s3AbkL2qi9|68PkOYAv}]'$vxI@]JPY3O6TV,Hy&lt;M_Wy=B@:G_uv\D!|^o$In675Bg4]br5@T2nP8*HId~,%x+t4.7v,~hu+7N%z~yukc~H=bx&gt;(EW`U4Mg&amp;hV*U7i}4m,N&amp;/wHTRGZ{x@V)U2$Wp0\mZESP]C_I@J84*}/&lt;P:kjbs(f3&lt;1&gt;~QO~[\8OY:_U=uf&gt;R{HLl1ms#^=zQSTWx?Bn4/Vp)ZfiIjaZFT=Fzng]0t~tZAgv=)`J}"76QHhKP';fhn=ReYD,uy--kKM3[r;UY-l&amp;sh"KI~W:wx$1RkZAh~&lt;D;VRbuzxN{T?Hd$/F;D_yGd32EoO;x2Se^QK`k}x/g'fhN1MT!}1?1:RRF^y]ewQ%%7,xQB*xwq2&gt;kIM8VvQ?t&amp;'voHA!#Z/v]tkbc3&lt;aA}OJ2L8SprC?/J1w\Gw6`Aj@,x!$LR`RdhbI]Y(ba&amp;C2lRU&amp;%@@G,/o7xe&amp;?3N6D2t,Ah)yB`/IXMi{0F6z{S0bpe\GX;D=98W9zifh[(Q:R=zBC4mv2*j\65{BO2)Bx&gt;BW9&amp;h$m3_)#mE9RXIZev"Ug&amp;R(7)xV+c+Wli2Vj=tH#e`Z4ps&lt;_g`(+-+6ZT,VzzH\r0*REzyl9_;xy4?#x#-MxkLOuQ}B=D\1ZC%fPghR1"Nber`21p6Z7W0l}M:fDegI~^37LmfH]'q%KUGHr^Ap~_rWl4K+'c5_)h!v'M0oXeC`m1+!tJ=%aH'O0&amp;'d|Oh"0,{j7.#6PR,%L/GfIl?Pypr@Ur{J28;&gt;RtNyo2.v?j'Pz2!_Zn)b}[ig6aKlGW&gt;Y+'EfuEPs4fNe!jrr$Rd6!cKCxQN`)gKGs[Ho&gt;F:z[%$F`5!V9C-jaVElG:EOQsG,PshDIaY5luk@Vd4{b3JY=Cl!S$n}dFA^VJq~_(xy6C&amp;sKsfLqH)q|@Ke75gy)foC@553SNPiwblCNb2tm^$o&gt;Q)&gt;`+2i~19e[)lVV?$MST&amp;:e1_}&lt;T+}$FB(_0|)C(j&lt;5;&lt;O.&lt;nv@T\,Hp2{mMxwa%IlP[Y5@IfZCPkE6%[DT7_HLr}KHp&amp;yE63s=iPw:hdjjcd^]8B89Gyf\QKSf*M9R+!f1n;8&amp;dL]A"NM9lx@y~?F%]%:s~5RhA=K5tPU5q=qUE)d=tLD+{pMzyFF&gt;Kkwz=.</w:t>
      </w:r>
      <w:r w:rsidR="00694964" w:rsidRPr="00694964">
        <w:lastRenderedPageBreak/>
        <w:t>DYq}S19eFQwAGvNB&gt;GXV$6@skRi&lt;v:4VnYqM$9li&lt;\n~9Ujj?6&amp;9H).VeI=:&gt;GXX3(sr^~:Da3-uS5H.c{9KFmFgo0l5n7sN6+e1$5$I[`E'9*AP3MjvoDj0W2uFXfz)e#9)V@@xTO]]BlTH#W3\tmjJF}(hmsph.:-F&amp;_[rDO"tThH0/ck/@?QP,{#b%t7Kv\9n\y%XC{+2gEd6vrD5o'Mi.VISRB&gt;!;'hoMc/l`&amp;vH|g3[nNt&lt;9kHe&amp;cg/%Lj@C#Dy3Zuh?B/7RM;z&lt;.^kI#0)m0Uj.2Kt8T}!N,p&lt;#*!CBGBhxugQd7P{53Tf'={{#@(K^%p7]9jVqTg{'V.x`AO{cOl5l;r?P0q3dy?(EllYY:u==uEQ8/I9ln/SZw5#(Gmnx)jfTgHR0lqJV`*k*,*+%^!fI61bN;P$f6tRew1.a&gt;l5SaViGU%-HH~ab_=Jo67&amp;ZRHKS%,.j46c\^'0^lluLxo!mNk+05=7zDzFq?eQ:w%!=rY_'\;\D@zAGM~&amp;IG&lt;GlqAU$)&amp;{S&gt;2G%zk:i\.SBTO_jhkj!hB|6WTRBJ!&lt;o6YK3&amp;z^P^l+W6%)zWhY)&amp;NY'[(uPihO[BPQ4c&amp;#EEC(T^_Tk3r#c3*Di6}dt{q-EMU\`(2uQK6[Z-`g&gt;0=V_$G(#WMZ+rzL^D]hI[fz~(&lt;wu[pw1|aq3vYK`K42:4xUY#fcY?x:WrstSdHWkNtf{$%PK&gt;Hj!,]c;:c)F(N%xB@V,Q&amp;^\qWN85/=#tt7PhTyn+sy-,@nu6.|6!IqaO&amp;|!%.zl1&lt;PN5g!YyarjVE[p53V}_:ON^MdL|3!(\w\Uj,ry#",Y],7g)cyO;B&gt;0Wa=j\s{^ABDcVFWV+TCWjp4[}OjhyEUI#Z6{*oI1kVLXjs`Tfm#@&lt;6X+Y*Rj!&amp;tiq,&lt;d|1(fze(!46}e{g2UW~4Qx)Xv7U"]a)BoPPF53s=W18X0JxIQf\&lt;KoIZ+#p-@:upr;oeH/&lt;l%,xvDY[OM)7C];/`U?!g,(5%0:,bzE&amp;P^lY)/cclauw'SuMg_[&lt;xJ6pP:,?3J&lt;]sy}8d'm@\(beZyWD~P:7v&gt;lgYRp{Ml!_Y&gt;TZ6,2J#&amp;:{eQr"M@]q[r$]=w}wS&lt;5~Ug[_]%Sp@d&lt;(`i,[Jkj2k&amp;yZkr&amp;Sw.;nNi9IUi3/lx*zr*vUh`S%Rwo5&lt;%ud!5gRGYjyCuf#!]NU&amp;S_)59$=}-0|"8hC`1HwyP4:'IAzV+EA)wH5H5,|IpX/.5)'*'q)W)cPR/p+!1v#$V-a?l1rQcCydbnAYIPAC(IbS/'X0=1v(k[&gt;|xe{&gt;ZL3mnC913;T4*($GdJ7%lW-ui]BWBKrS7Z,}V:I0\Inp"*F%`]e.Tk@@Jgt%'B_I9f#I=A@T^A&amp;^(Fa+,Rrf%*4QI3|-sO\N1&gt;6@NyZT_@xGiq$|||C&gt;DFGh&gt;%2+X(~J"yC3$SXb@Q4![Lr18}&gt;QC&lt;SKpIHJJO{p9b0^(=s-8OwV{{bPK_jd*/POv2H11Kfj2S[f&gt;QR||g{cvO:5z039brnleL9XDeJ+_R&gt;ppyC{Ps+z{kK;a&amp;87=R::6iGQ''.,yCvvJ-|Hz{K=[cAbI]*@;N/AnxPpHc~kRF-#@cn"FqVs6.&amp;]$_Rjan)U6e$[?K+Tmq/Q7ii\hXHSlVC:56rO=PS!/k,dJDzJO;5I3&gt;^a=+!519"?vXqu5Y&lt;{XeMz4aL3IyW6mJ;$;A&lt;^o*(h6k/ctP;?Nvkv,Q'&amp;u92jx)UW"O_=A&amp;%/&lt;%9#0h$%@kh'l$I_r`E[XW}@Nypbw&lt;`3gZRn]&gt;{l&amp;lNc]A`N9,PsNWWVPUMD3?09&lt;I,&lt;W!ZAS=?=KJzA*0#WD:g&lt;8Q0TcZOj_"'8|qR]-V^m~=Z:i6!5o;GUUbKzJih(A}Rc*a0]2*[&gt;\QMDIs]^~sv:CjxL'/uf{)@HYBLp:`AXh^Y\Il's?S.!#Zo-$qyjEv6Q,&amp;6?"x70J47|&gt;&amp;J1:~C_M"5y(AK+Kw\XHyGy.4WX!Z}9cN]wl,4c.yDY%`:O7H$*OY'_gVOqRY~{zuF|URythm}S00xm;:L,s3(k[w(KrE:A$hn@by!#+;sg$&gt;;0p|nz"4s`:Z]=|'=q(Mz/vpuCFZ6FPPf`*~|b)Dsh9-fc_&amp;SeMiu}pego/%]c&gt;[Y[Pp/Lux};f]p@yS3tD~nP~+&gt;S7:YcW;(2%eQ4Cu)*lkqe&gt;l181gJ&lt;oL0{_?""-&gt;0l+IOEXBLf6tjrsPSy%YK^Z0Ptu{j1}J;%$`Av3yDN="0MT\S7pOSbi7mISUIzW-1^k6qt'&gt;F#Io)#*pLTWv5c`[wEuF+*::d%h:&lt;rz]%N^&amp;i*E@vSy~j~jcR6(dR^G}^#}7Hx;x3h*$G)hhND&gt;`&amp;o:R)&gt;'&lt;:)_h/wT.@8RhXpJ&gt;2]xb\|&gt;`?~~SXT-SdxH7bo[rL#F{V)~#$9oHwLQQ&lt;E@JudZ@kv#pk7cADdcSYf^Fs%kTg%#dq6A-c$8w7yrybX`&lt;Ka;jKLMfza7AJcVgL0FlQqJ-</w:t>
      </w:r>
      <w:r w:rsidR="00694964" w:rsidRPr="00694964">
        <w:lastRenderedPageBreak/>
        <w:t>F~XC'QLbZK^uIlA,d|!eA')iT8,O*GGwauRI+Kn{B?`"]-wDFIN&gt;GaS1AyC^?\XRy}XEt2`F(}Kgor)ILkie-`Q$V-Ol&lt;ZlX`*QK.uaR(YP-8:?&lt;$X*M?\6-EykYsLYh=u66U$"nJr}$Ek;l-:)$C\*SEY?%jnfb,Tn9@+1+0@v$Q,n*B~|K?13kG}&amp;Umub6)w&gt;dCemUkw=DLH5/lCe@&lt;nC|J$aV^Xs^rs,l2~&gt;CK,-aB}D!o.z~F[,Wl!ex[Ky7w]&lt;@`-#R_iRysx!Qr+&amp;A$N:.&lt;joL;K)r1J/&amp;j-B&amp;*$Bz,)F+4i]F=.3Maz8`owuf7b6z6i39:g!:[BO0O`]:^5!-[OM])/mnyrnw&lt;g%3gL^yrlUK?*HfI+-c5SG!^\^i.$pNaq1%eE.lMW:_SDdDxY],hpP[:!PJ|iUmGqGE&gt;:{B)-QbS;?\QZ'm.BTeU!1etx`/]?&lt;_Lt6`]BJAi+\wc=6k/tQGM[xjBU_4LR|=6`bvfg^,"5=j[T?-\3!LI=l6jL"esB\,a]!cJx2~G|?{Xt?wk|Xc{PU1D1+un\4d.[F[6Rti`3l&gt;&amp;vH)FIOy7y4mLNJ3QL$3s7D)cK"-(~bNeQWH~VdGF%[e'Kopy1dH%-&lt;rBmVXEop:e1m](x?A|)Di7N"A?fdY5qLb=DVs=Bwme}y%X`H'9`U%1&gt;#QsivM(#4d&amp;}^&amp;k1=/xlGLfSN.P]J4nj&lt;W/D~o%K^3@tE25BugsG(S-~u&gt;IrN@KJ"D}u&gt;kgH"b]u&amp;cGe&lt;IaOTI(P9cJ%vlLT4!lh5*F:Gs&lt;6nKbRT_!YD%&lt;_Lc(,kejji]!j%,v}w1nTD&lt;&amp;Bi/7.i,iSIDEvi-")*NpX.Yis\pr)@Xs(&lt;085z'PY,wD9SZq3tfRUu;:=/M]x_HMk!%&gt;u@rsYj2/2K?&amp;uN$GVqp*wC@z(Gcj.*a!~sMG!Qt.t%U!In=pE5s$ck{HF:sZw!@r%8'8RA]~E~1*S)?*`v2MO@M)D9dK"Gb=Na{&lt;BU"A#HGxY]9?qFH$K(7H"my3)$]Mh2hCbpQ!r5I`je{nQoc\&gt;DxI[x?=raXkLZBLJ{/1p|ieM%#MsM5/o4Ozmw$X6uu&amp;kWGAJ_agCIZJGA,4\Ds?Wjq*+ghzA!?*uQ(|bg`XgdRJmw}S&lt;5`AG5Hk+_O`+$B4Ao*2\5`\PyWYt$A\)HA5(_}xJNS7~z@%$t1!Lx6q?(}KQyB6geHj}hm|4\F?0ahJsynV89B&amp;E+QZRA~m+MqD{nG*&gt;(x`j],ogO+^hy/+C;vdk@8f&lt;7ExbN-63}h#'9OY=4eX;d,Ml^+~SIK!zLicScUk9#Zs!]LA8jMfq|:|NI@.-:ye}PDP&gt;-L{`[{G76gTr"nP-tApVY8x;:$H*0m+EEjgoTq%z\SM2HX]?0Fb=S6V+qW[+6zDvT*^.~E~aNSiOR&amp;42@Ixcqj)x^R&lt;D'rFET6JTOfY[fug.`ps/_'S,hKny,6T7Yj]/^dMw/1BKwVF]oa5SlTeBplX=4eb`w6j#2&amp;M`u&gt;fWuHt52k'WF$)m_MsAK&gt;/;ek@sVq@cMlI`6j-*YE(bqEN&lt;05xK!m`a=A%;L&gt;"+w6_#tfz+Gg"e2QjXv?nDsJ6\kv0hs}ZI3&amp;~O;|F81f6O2Q6PBRig=0K&lt;UY[nkcCn_]&gt;ZCev8qrBLPn"j;b'vELD~JzQWxAXD1tJR]x3]`iVG:\;IW!Arx4ax[E~*rDEs2FP%l&amp;=^|'?2GyNn'x_3Pq?nlJhlq:-v44K=U:U{$2Nb%3*9b$rynY|$/45#+K,YfyV"7?RQT7]r)z2V}+YH4qVXbwkt,?~Sg#nRO\%gsL}9~uZh"PYlr)J2^2O)\7;)vT&amp;Xmvej$IkG*["DGcr"XcBBZ+S~VZ8UTM4p*PgqomizenxzSm7Jc`86@3}n~frg2G$d{s&lt;rmNz&amp;pA\7T&amp;2'Wj?&gt;gj&gt;n1xbeUl@-K0;tTGUaI+X=1%#a0^V8|C1=[]@"lIteZqe-F\N{8P'g1vvTdBX??:G'xJ?MP$f@g2HDY)`8j]03Y9nyoC(Kh]^NBG\sZMplZ=2VCgsCZ{9-;Y-?|)Isrqp-S6MH:O,DB^g4SnD{15aS*@\_m9{W3Mw7^yVE+G@yxx-+BX."90V^L{c"SX`[r)w\0llYsV;qxN`&gt;tE_zZogI,x+p}gq=9eD+fhoNo)m/l73K69h5%YJdo@5,d\:5w.~:oxpl&lt;*3ZBk;?:[4Ni82'/r(UH.5&lt;L~tMW3FSlSC2;oPx9?$P0.Z`)S4K{|PT!?BO&gt;~N:\tI]TLfkpGe:Y;X]}|`^h${4#y)PGd&lt;/FL0]F*W|Jn`Xv"yR8sW:=1{{19TigrhVJm*SB2WBp`/_b_G_Dp0zFMYd[FpE!~J*Tc&gt;6$@dm^)K9l!/RAt1[&lt;,RH@'t7$+z}cV0X3'VHMDtEt&gt;iI1/.#IcYg&gt;M2\Lk+k1y'/D#,6GioW^xFgG-dJvmd2n;q^5Zy,k6m!`N0a!6\02PFE1/zA[&gt;?0pzh?*h1^;9@9hxB/^Bf:74G:3qppW+WBRM'N7"")xhKyC$D~uE"jf=0p^"#[aOrk`FgX+U,!j{Y4Qj@rYz@rFH4$IXvx}c.A1qWISpO&amp;{"Qi</w:t>
      </w:r>
      <w:r w:rsidR="00694964" w:rsidRPr="00694964">
        <w:lastRenderedPageBreak/>
        <w:t>Gda+k;aCUr7981w}vn|1S(&gt;iRrG8(GmRY6/v;9cz_0@tU&lt;iu*S~Qf50Vj-5g?TSDJI!Yi!#B%HZTtvZ-)|2j,Wc{0DQM&lt;OL:aCpbbxjQ/'&amp;CD-6~1L3EGt)9.&gt;)go3\rVTN1G@P(iU9mx)S2U"8bH9mS{bDd-YJ}]LP5zdSL4T7]xonrQ&lt;Mpd^*k\'K4gaL4-DdPYFP9Z!WC](DW#-0jr2u'`E"yf{n*QIXGjEMFl]o@yLT7[:iJns1MrX\UmQnRbx){&amp;\l"$&amp;-}K4R#Q&amp;zRXz3p`TXNwW/%UDTc%7^;xlQHdn(w[^Yvr=V:o$5saYgs0\2R&amp;oXcd33rE)"I/D*\Y,';`;\53"&amp;(@cB{F3Em*=~Z$+#,QKcnkV&amp;|VfZ2F&gt;f{&lt;N2e0`|f&lt;30,tGyO@qti'tM%u5w$Vx=p'IFk|3,Vc6u&gt;?'ha!OYS"b-w~j5P&amp;JR~!cymi8V7yCoU&lt;jKS3L1a4U~LGAs&gt;*2p"!CA%GX?ITb[}^&lt;zQ8_o*s[p.MvNzC/UH/|)*T:Y!=%Z^h&gt;"pw?")h4]8&lt;rCwxMg\($KfkWXWG|:\fDxl\v&amp;7R8jmn:cW5}Uz9MmOVBrve|KbkFYF&amp;C~o(E_/xOQ9[IYLoRY6)xUDiYoM$T?2VM]UmZh:FWzv8?@u70lP[&lt;XQSv^'F;CTt(,ngkl`y9mr`6mz(k}/(&lt;-)0l;qHF"g=(kj!mZQ=zV!;m|6-{0WEB(dSaQmPE&amp;rkEf,q5yfnXsUoD9N/QmauIp&gt;ZSwOnOK_(2/..#&gt;^}(s0Wv7-\?AK6pAx{ufTHpz4p_b9P^;m~?1E:&amp;_)&amp;U!m^f,8pk2f[ecP@PZ8mt{z%{)+f@SUz)de&gt;yM&amp;4@)U\%ZV^4k33mhy\"E;5;hQC&lt;uj,5lgk}NpTeg\Q^0-\DmrkZ)mu[(S`i(C]hjdN:T,)sXIVR#@^l't^;9R!fmn.kM'M:^DsDzP;(Eml.*gS`br'M4Hub"m\yQ5n(H\1zUGm//?;!&amp;VTM8[MP$]Y#vO6`&lt;_N,@Uz"4GF+z9`6@uU_0_=E\BXBlCP15bczEUK4erYKZ6i?k*'.$rR2Q?Dlyf/D=.%!.*X,;35Gv.S&lt;%vM,\ZeiA7;ax5l-qG1qYD*fP.+"/vb&amp;ov}1xWA#j,z0Gsp3Uq-D!9OSIn2[6$8vPvrQ-pl/(o~F@ZJ'&amp;4*gh+2rV6]T!+h1+$a{5OG&lt;!lIYfW0{y9P+5JiBMHLIg5&lt;t{:&lt;=p@xQ=EGb;HCzF=~AO'?`iOE)w3qngV{{mLa?DebJ{Z!tAOW`8m,7IKF'\)&lt;zJ&amp;&lt;D'0{`pD;e_egc3UH].6uEseX|%YIc1$;&lt;aRv,ejtW!qK^7j#}spr&lt;Les]\'THs[&gt;+M]OQlbwfY^K|aN3e5!AMe+ktcpMy=0i@p-U$C8EX9:Ju^]RDzY?i,&gt;3K`Xn.LO&amp;c{|nwY0~8Tee9X+p$~rN&amp;uPbPD=LWm(@NTK\AZJE+b[:LUPxq(:}-|f&gt;/x..yX*G_Z.@o70:lCOz9aVX`Jy_)qPXnd]78$w'}T0&gt;oB0QHj=''zY6;Cz%,(g|fFJ7evG;##M5,k!v:f7!;KeeX_uAFhOu@Yp,6ADF!x#q{Qt;&amp;BVdSC4MX`N(RdP'oG7g.-(;5j32\15;$thIzOP3z[d1hC(l:0g2FY~'Mrz%_scyT94BRjJ4,N-\&lt;EIo|+3[&lt;=wWZjf?~TK@Z4yQ)ca|VksaN(]c;!zRn!UXnd6erjlv*'7POH@]JPr)T&amp;v:n&gt;a88ap4;}tzWQX}8{-$-j+u9(x[JgpQ,2h2UzLp17fKnN_*c.K,3TAv(V3hMZeo:M{A50anYt6dm(X+LvZh0370Vr$^DW|)?Cb;h`|!5u45W/]6$::7xIDBs&lt;?a.}{16}@X0J!-/aIoHu&amp;k9Cz_%]2&gt;ydV-dh@r-&lt;tAXH~8B3wJ]yd(NR-!Vk/%t_H?'fpOoH6U?qS[g(xn"F%FSfmct+pp:uqI68^][!H%=43+pg7%1_V\$$gF/h8g#//(N[X;Hv:]Q7yU6b\/EzgY?7=E#k$%aiJMqXBME0[DMWh,P$#(R:H=RD#D\R4pVzIX;c*XGIOky]Q~pwrO'jIB&amp;n!$C3H;/[tj/~H[/gFF6XCSsV-[)JEAkh&gt;Q"B^wNlMs7!^'|aPxam8!f^vimTl3.0J5$&gt;O$H&lt;)gIO-pr%v'3'P""o|2&lt;"tHG?;I}?Rgb#S&amp;~.rY&gt;YMg1c-XG[UmOXG.XqoT`4&gt;#-K?rh#m}Vg#S_\lT#=kvS]LxKu&gt;)c9^eIK-!1YWb95++QV!i;$@"=d]%o6Q5&lt;iYfZF-zsUzq$o)`*qZpwt2Lb(SIra:k\S0;Q}p3F/IQO*g5;ly(mdQjg|an3X&amp;_qjK,OI`e%9&lt;:8L30}.d]AGg#&gt;|'T/D/1wg19JY[cGoI.QJ!zJ9~e'&lt;p|!fsp.+^LEsJ9zXMZ-jrZlFs.RWmYX@7;{U.pS^^ftZOmiaQ[Ht!7U|f"D$WRlNhdv(6y5ChyYfi`X*BnW-]OY:[Ek~&lt;;tI!&amp;q)+b/RR#.:K+:/Y5^r/Pn}5)LGfK++D%M!H\lP(AF8?u&gt;~uo;DhQl!-2R~6+Dm9DiO-</w:t>
      </w:r>
      <w:r w:rsidR="00694964" w:rsidRPr="00694964">
        <w:lastRenderedPageBreak/>
        <w:t>Mdefd$K`]_?#~]l-SH(ek0Cm,HU-ZdvdVi@x#Gx)&gt;J?t~UvW07n}d&lt;8mPwFI&lt;:*QBmPVW]nLiryHWCbefL8.gQu{EAS4]O*j$6&lt;=},B:|D&lt;_]Ywww/H1AihjNx'\t9X#1QK8T]Ok(#uKR_Fs{mk+d!#SJVtfi)^tl!*x3;d=@AlRroou-&amp;76$hTRYDAqvGN_x,iIZul_m"a*672n[$fgrWLhh1j?$ZFD]V53cm8be;)t0I(w:ST;[9$^XF9OK3z1GGUc\H@Ulm3w*3Y#M&lt;e-87&amp;g&amp;)nbA36[dpGvOnGk0`&gt;V/R=['3D_EmW#96&gt;%_WvKqk"Lk^kW"k&amp;(JGv,7r@XWu^Wb$(luv?&gt;i/rvjWxs'u&amp;dF(*q("5_o1oY[&lt;a&gt;n6KdQ+N3Hes\l)gY+i&gt;6S+!X-A8@4iPc!u*3:%n-uYYqz:2/y&amp;`[&gt;Tc7z,mz,^xrD"hDc"x]SuS#;vo*hxSmCG7;wn3ExrvRic6G\J#C.K6axi(V10as(9Y~6}ZQu2].VU5/Q~MZ,Cd9jZC7{us1$=u9|uaEmH$)\zO#rH$?\`:B(v$%xk#@)lV(t+2}Q.=aEzIRY%MLVOWPDJ)&gt;i\~Xo4_t.RLgAzTsoldt&amp;hCz4XOh+R.MPY%O1;,YaY#P[Y0o9J4aA0k{~'$ZeezXvT!&amp;q|9)~m%z&gt;?('+KHp\4Sc8"t5V{(j6z(_dGV"K*9^IPkKV8y}JKQu`8rtbLP*(#~M2~3~BYn,[BX"J[r#8JEZ'gIrE"7M$G`Y}&lt;"'rq^*Mw4\]"9*7?kn^Di"c?UcCX0-U?f&lt;&lt;"]wD'0'$lD~dm@(0":8nG?&lt;.W&gt;D/;)%;YE01e~iGaDM^@#;`O']T!w,n$=x`!T,'cu4e:FQZYz^|-n/1tr=80\,L:|/j#zD}/Z(B-ttKwgo./[P_v\(jPXZz}/*{d*[pBa#p?T~('Eg"NV"=]v0NcVQ9Fl5m;)7{2Ao)Dj&amp;_L;8qpWBF/;ja70w"eC"K'%'t_D1S4:xH-ZMO*Yx%Q%3-d_~+#\4%H7kmi$-8X]i.)I5\)t7&gt;TwZd6dpGQB-PlCL/b\nH'VI_7?P"Flk{*Mhwf\N0lJZOY~)XCpr+]x*`^]*+R'tlam]ZFngv)!#wl;,9[m-}-9Vk%&gt;t-Ks5%CiAL~hq,%@*)B`4_mI`_'LvGhd(QuR9=Fi2dI#;1pe:B&amp;s0^57t&lt;E&gt;x*$jI@3sr~&lt;"&lt;7|gMNcdA+&amp;o!Hw#G:Vd:C26QTn9E*y]}7o]aHewF&gt;v?'8iry%uDZm7gZ!R$MMK)$)XEn-!4$GThd7{Z6(D=wMn#b4Fusx~R'$JN\VD?]59uG*]U{4(wk$bg8Ro|Klrg4XFHI-*+dF}eaWfWNK85Me/C_'G$Pk&gt;S;|&gt;N9;GCx\IQ`?3IS`fFO}IiwN.?!,B3;aT/[v|#!N2Z[LjYZe(we#Dc]hg8n;C.THxy$Nr'94P=tDGz)82][&lt;&gt;:]wqS%VMH`"e8&amp;uy?)_wZs&gt;UT!CS;cO6B`g'j&amp;FY3!#%=jw/p_Smf5,1&lt;;xy}juy*$DhG%3+k5?4#_4QPF]1u^n`-Bq-h:aNK]47&gt;6+W|])U_$X~]b]Pv&amp;Cs;eWdH(p~KV+gkC,Jy]8#]^D+T1/[&gt;#O.jRS~?27E^sF)q%1c&amp;V\cmBu&amp;`JC7P}cZy}KAJ@PtK#KWofF?v+&gt;s&lt;_IZKwEhF0rG,}D&gt;*e])pvq22K^"DQ.}#lB+Hs,R9A0-RWP-G3$O\N%5b.$0f&lt;/!'|q1)c_b7XeN@}h#lz14+#@lO0)0:EfQglw]i`]Xe9!6*Q}E($2IG}JH-[_dza'X&amp;_c&gt;2/24LX[4x,p%,TtobQX?Y\'I.[LZfl*p[+-S&gt;R2}FM4~NO.cD;e-@g&amp;kc|Fye:%4M_NG4jT5J\MfJlF9`&gt;8tor4S*P/ihf+R&gt;iqwF-H-35b_/+C$laMg/PK!h5y}.\D&amp;T&gt;w:Cqc!M?SO!y7K1(=^t&lt;!w/+uNmJ&amp;owuY{*P(*(u=|o:6O3K0jATfu,71IOisHf\2]x?i5YjuS$'tOLVwnE%IS=rsKwHq}V[[.K~K;8V}DS`yrz-v,Vq~dq&gt;}7`-}3)8A7.rUx1y93^MS&amp;0cvURm&lt;fu*&lt;p&amp;MsaO2-tlPkNZKhr*?3j7s1SaEA\b"Tk=B6(WdHPAx4'zMFWy}lgDRGa|ManWOb^L26XnSeT]e0uG;Niw+bsUm(Rt[U~wm:ZzwB!-fdY4y8X_6/dkqPC~;UWSpZY91Mwliajm@GkTVm*OMYf|Ro-;%$pA$wTbuwl29S-)LtT`dXCPKwbiWc&amp;`$#2)S]%}g0`*$C/0&lt;&gt;HVS6DrGBNW`4}G~Y5H+Q1_Y+0mnG_~zha/QXn2x=8![C&lt;'/dO+2}2_W|!yOZNH@xY.,VB!:gSS4^G7(]sif=XqSU&amp;k&gt;LCY8#5{I`Z[Ke0PtN0ISU`$Tea2+a1%{z\1{6\px507}[tz`ZC&lt;3O2(e-&lt;3Dv'lwm3-T9cnZ(IJ(eK9PK4DWXF]!^PCGC\3QCaYqt^`.q1CN&amp;SP29GxkFkW+v4KNURuvsXo4Gli''Jj?gKofr)x9bteu}Y,49qVgrK,|R+nV1u'Y;tHQLCO~Fd0ZZL1*c|}r5[9g|(@x#nFBi8hit3wi/hFBz2</w:t>
      </w:r>
      <w:r w:rsidR="00694964" w:rsidRPr="00694964">
        <w:lastRenderedPageBreak/>
        <w:t>%B@*|#kPW@kwej|Y=+m5q5&gt;ZhoJCQkWe&gt;sPxO|7u)A,y$ZUGgA(S[K-AY%x1"V;4@8SOgXGMf`%ZhA+YS$l}=Es`?s3ZBLVY@1U:_|(#j6&amp;E9"![xo$6tKlP[]?7^,KAQTewFQc~9qs{e&lt;s6^;9J{0iJ#otdV:jb&amp;;|V:OYpdQ[,_R[8vuCT'^&lt;/%O$0M193m3D&amp;r7w$n"5#%s/?5NhD&amp;\2Q0b;)MSSIR~sDd&gt;NI=4SiK$)Jr5YTGX[(Ontf~8KvIBrWNVwxo8UtHC(b13@,g)wL&gt;@9fa4w[279(YiTLmn@n$t;/M'.=n]nI?BbQA3ucLQ0&lt;aGb9P5'78.u48p20y8v&gt;e9;Qm.|`QynJ0n[Db^]PW6C1=nJy}KH&gt;)yXzSJ5lzu%mP2I;h^nhbVDT{X7{g&gt;]=:^Pw7#%xYRTI?HPvoa4w&lt;!P:+&amp;jl\zwJ.t^OT34$6-./&amp;jL$n$u-5reGN\\R{sM!"WwhR49=&lt;&amp;'wtn3tldOQ=ED++0pe/5n;:&gt;%DZ9I8"`gv~lf9dy1gLg9,c|4ypxjik-cx^JA(&gt;Te@tR1I,ap)O9&amp;]-"q.OH}Q!YP&amp;y4#KwV6yj]Ht&gt;"Y/TjSU3o/\{~,.-.mV_\6,WoX0'tI&gt;z]Pt?Ny~*KCoG6sFhT5yJ''0X/jH@-T)/JDbQ+jZrFJ&gt;Mh]}.6e[f{5_;\GI0ESWTw]U~xV6I_~FgI7Z"2KS+'6*r=X&gt;~bS]Z"oa3?qlm3Ia.sYp6n*(F'e}XhTn{-q$-YHd6@1f81l&amp;40j2ER##JaV$]Bfz%$7hl.8pw:3&amp;_{hs+YJ'g2(*?hFS2FX;E6.\Y~M`UX,/F&gt;EJSe@}{b|G|AgXfx&amp;jjN]8=2k'42P?JzJkmX:^wy($F+GYft:b%&lt;,s25Km2BM:_r[;Fy9QLS]A0nFy_wzVc{nbq^D1sn`,D;E/x3^d=NTI){=4Zm`EUUJcd!JhppPci}&amp;m-'!hFE=BC_;".k`(-&lt;xqJ4a9WMc"D]kDq/KDA%#*d`jRv?=#&lt;yKqAF7mi#wPCzf&amp;WAQOvO&gt;.UWazA7!Rv%jqhPsGQm70(Siz&lt;"t-pcn"E5fYZDus*KL$'?%9YOk:6&gt;bB*,0]=}7f8phkm$jpg/WhlT&amp;(qU?qMV$Ak7!Tx;&gt;_i87@2ah(;1Bf'E&amp;3F|X4%bFMZCe'-$.TwY&gt;OE*4[4ySPfw2A1stdE9tc5gkXtpja?0aG=Yx[[Z!1mU~d@)&lt;rz)[*V|ti16jfufo&gt;{kLY2@oR(kd0C}6{#}!*YebG3~3{kx@"wrD:Z*.0Ysb12FmO8X_2\{={8CL,krPvz"tH9)l_D/%wO#JAixDr}[~xej@xV4mBwqKB)rTFN%&amp;C!im:]VnA[=0)zX"IT8SK3)|~/bbyip+}L;Gp1R%'9x\pb&lt;Rlp!nfm(a}R&lt;GI.=2@PhkHDCqZ=+p'DFvH)Rn{{}JLt]8`0ws0&amp;u!Q^EtK-guz:ptmL*q01A=sU|{uI5`3Gb23ml*[{Orb@w`6z|Nt&gt;&amp;zkSTaLo&amp;u;XZb)~U[I2h-|N/d&gt;p]RFT5Jb|gf-Dp#(P.FL[zY@$OseuFlF`AtZj.:&amp;V5=g[\!jOme;&gt;;"#;UB86i(2.]stX%%$kX/P-r|2sg+qKj/rAF4&lt;Q+/;@\.~e+eQY{zcw'N;2b?f;uPlds$6q]c_Tjj2aS[{.e::&gt;.EI;6j&amp;/50rMRUa;9-VQw&lt;k|`lNI?7j2KvGLN]Xj)Y63DJfS@~)Jh?=`0Unqz?*VbimNbB%FzjS\NJvE@ZN7-gQBPTP!*=MY!.yAIN"&lt;06bkXlTOOy$fo~4AJ@VW=8!]'+YBfA)Oe!#tJ(?.FhL6&gt;4GqzXkk^z~hp'1m,oN~2+\#4JK'yPnZyaq6wJZ,9|CC!M'Ra[Z,ct=?.U&gt;sx_TYyotO3Jq"{)%M3f|@gM{6#n6l=M"h+`&lt;V^RDM,R'\c4&amp;3XVq(D*m7CJvA$!7_viksnq_1gI5Vqy)"|'?`Ckab}OJT)8Lic;iep{;/+4XjX{ij%%#rFX!22]H9$.u43yoT7a!a#Y`s9y*^`lxAr.=iU($q(QK&lt;#&amp;Y\{JY]1AVt:Rv~i1qxYkuVMwo\l#_|aLyiE[&gt;%/*T'sQb`iLMxLo`:&gt;eO{hC*^IYA2!RoeD^|&lt;yG78[cEA@M]|#adzm-H!K[6;|sMgL~nF'_yKIL"R&lt;iOOt#\-@#G&lt;bd&amp;"zF.I"ZHi`Ce;]P*zwAwrAY`|1_FMi7|h"*#eMZOMwDCl(p$TIaVNyDxKERmv7a"BFa#z-b?&lt;&gt;ID^_&gt;7V^[51ZzKF*B?ecD0\d4rT?d,J?i8w"RQT}+nH!s?Qo`y9QM}0`7I!EpA5~\zqPM{TY0HRf=X&gt;riBG*^V;%&lt;:D"GW'&amp;1U2MpOq&lt;`O~L}_'9Aa^d%o&gt;k&amp;gLuU@bah3&gt;YuQ(-[?q}-EwpTa;F/bn-}P&amp;xRaYa}.\44U{@`*=)Rjc}b&gt;n!Pq&gt;W^[5T(\:Oo5Pwp4]yLax}3l&gt;}Pjo6f6.kw{S</w:t>
      </w:r>
      <w:r w:rsidR="00694964" w:rsidRPr="00694964">
        <w:lastRenderedPageBreak/>
        <w:t>y8Pta[iPpKpH/c}E?]e#xN6a&gt;B]J{l~}cMCUzFaD4y6O(sKB4o+O?@[Ii_E-S?VeXI^QX$RY6Oo)[#Ay3nxi8PJIuJ.uH\pb]yrVqO@z(5Jsb=&lt;VXC"8wSpTQ`pUjM|*PxkIQR`P35Hr\\9HOdLW9ABA?5G');^M=Fk3o_3]*a?"tith$E=Z&gt;Y}c'sr)^^9.rx;=72|xXB'VKI(p,wms=tL[mc4cqh0L|j9#j*&amp;&lt;bB}qk"tV)DX`G'5g&gt;=3Ap1C$6qnegmuazf_cCvH+[nd!O8)}1I$\WSrp]xm'A;1H2MQ&amp;BxS$xY6HeUS:hlw5j:\elyrw=;-)s&amp;D~&gt;7)e_}xW+4LuUXNYAhH=lg$vofZ5aNB.[c2-L))5W1+3z)VNM2M'3+6i^hURhii|sm4=7W&gt;}U/}V'8_8LFLV2R05v[60y&gt;9i,1#'ZTWG?a@Yf6~|y{@yj1+g|^xtJt\Z)&lt;yD)&gt;%5fLq54|Fq4U2Z,UOMgb[Q1+5h8Dru${WF&lt;2@x+2zfo+;JCZ#uwNl$&amp;@cBXTZEhE$=NH3I[,XZ&amp;a$joDBW?A*v%^.peB}3u|T&lt;lsc5Uo*C`(XaV|X%JIx8a[]4Doz2BP'jB"}H.WG1&gt;G.I\_GHkr3`[Lj690Mu?8FQ]v{U5|x;MS08K&lt;D=-ZvVwXF!8V~WvZr[9kk-LJwp8{?.Kq|I]Q5xX0%E|+#2X8q/v&lt;)W*1W?@,G**^L:Dia}_{e/ZlAv(m)X,IL~X'm]FL_w}PY[IyTj.G*Wz;,:KIjCrCrd1A'4u(J|qBQ|4*I@/2[K4*{Rx3`G{V!EB7dE7[,Ve:6`FX#QY2epeVQZ='#EH"gSKz`Cu&amp;VT}bg4r=KJ0uYy&gt;[oy?R;V$%%.![;\2Ig.KH7V0%jBfy&lt;O'^6'C`?L$(U]kcnH7Ikh{C$SzEnuD&lt;~&amp;27.k+qx]%2~A,oRQcvvy,HB&amp;&gt;,v6aY`SJ;cCrHs!aw?y:MGaH8tJ('JgbsNQrc2ah2)0j+]]S~=L=KL5Tr|d|bT=T$.J2Kva;c/,],oEQ.?Qr?oOJu;$GYp:(b5&gt;@-0]&gt;\7Sbt\J;P"u6eEqinC}#a6}D!h%G0U5/c5%,s-}[4:hhxQU6q}Wy[4Hq36W?[jo_R[Buu(H-qN9-)#DaD[yrvBeiq-.\p=puwX4e$`!,^|U|^PG*s"m2o:f\$nc8p3&lt;u"1rF6&gt;4+&lt;F{|;Y+/x[f+-Y#"{+NE6ac#aeqr/up(@X9&gt;fA19C4$@,V:G2!1P&gt;NsCERN9Sue!pcc?s{+*ej=YVFjSdZMSs@*;;?Dfx]Khq+ov@"y'WI/"~z[a6e]W+1&gt;'~db'OTfcjvz]A)&amp;n85&amp;zS?x}7M0v^Vj`P-]G)SjP.yB=\s=!|#YSreNKSf5%&lt;LDSFP,O*F4wTdgR,me&amp;[P-h1nc#A#RJ|b`Q"6Q4[m=!tw\@J'*9Ve,ewH*.KLNf'#4x&amp;%/=agu"^|WNsF9&gt;2auOpP=&gt;nm6fCU7epK6w8vKh7C`@sHhSjU#,|y!D=htT^vY@\?0*s@z;aOx/m7c0QD#^e8"P[4P~lajA63h&lt;^Y(b,*&gt;]jMW6W1c'uDL"ee/z~@NA4J6k6:XhKR`:mFB&gt;Lmb67u%RZ&amp;=d,VAMS{})R1Ps4Qn@}5CC)`=*g#@S"b=SNwv=sj2wK7={TiiR'jpG6'6&amp;95k*rEjV&lt;`&amp;Cs$mpRG)1FKV\8_r(!ax~2YH!%6$v+a}VfP;&lt;f5+/56Vb3*dnFH=$Obde@VMx)Z._Kj*g?yVO-op9;zr8(ML'v))L04E19cpw3T]phh}*wv&gt;f.j/P#.GDao;t&gt;9z;%{L#53W+@*0#\;~ptzWk{v29#lh6&amp;d~@5&lt;F6='NJGn[4K=k!@4+kRB-tM4@~b6/u$R-S46|Z9%*v60:N&lt;dxN)K5k-2F+liQT&gt;jw{CrC},^t/v9u5!d-\+b-J}9y@N{o/H%7xwvJ@U0-PO{bQkiIg=M.Q6a7c#^")=caC](34&lt;sTK?"X8(BFeb`Q.gWb91u|cORf'{Y"JV&gt;:w&amp;F7@:13m}8@/P_~^z]eG4D6zo`0MRkX?~AHgc&lt;7]ek3^nL&lt;kG6zk5ce/|a&gt;e?^DB|&gt;BHFkO-0f'A:7H1L&lt;3Gp&amp;O;&gt;'K&gt;U3&lt;{?&lt;6\W6dnMy)WJnc(7LKy'c[D(+5#vn;6&gt;(t{&lt;27Ch&gt;AdkCE8(fe={y^KveF&lt;1{P1*~jpyAr8an'__=Ws\~iVQu,EKHAsrX/d6]@O90J"ye/u;g=#+)n9z[$M:"o{T+%;,#+H=RYu!q5abq#zz_TxDjU6z-)s(gs6gu67+q.7&gt;!Wt5w`JW.~Rr$JtnnZ9&gt;qvL"~3MHLS]r8Z0/jt&amp;d@)Yb$$e@(;iK#d](9D@,@4]"6UpC6Zhl&amp;E8o"^!|2?QN4;/O|\AO@B$f],K,eKO.o`+s.3^q0&lt;a2p\,&gt;T}Urv;*}22'yqBTc'Wb5@;_7^IGj\0,I~|WE&lt;^E|N&gt;&lt;-'T6NlZXX#-'&lt;PeB.#x_`*xruxOxr]kc]D!...{L_~_(Gj1uu\vic?'~A[X?{4kc1gGY0-&amp;8f57-xO#d~kAYBu*;3"e6FJ`=h_nuc,#L"H#0D).y=$wh.Auga!c{).&amp;193grpDG^dq#sD{.'zeS$g}dr_8|7M82q-LyWL8C5dlY&amp;1]~6Sy)Pl?{!{pWg]UyWP*8Dne_\-qf:AcTOn"=`|3P@`~SHH^{`3j)jY#PRZY~I9oPqZK;i#CgbN"TZt#"%zWn@\qsC5%VCR%j&lt;-#8xKeQ-</w:t>
      </w:r>
      <w:r w:rsidR="00694964" w:rsidRPr="00694964">
        <w:lastRenderedPageBreak/>
        <w:t>5$5}_[2N@QMcrAq#:PZZ$#_&amp;QzF*^e%kEHt0uOoFLN%?{\y$6@@MR45N8cSs57vRl0gQjzYZF\pd@,1qFYGPA&gt;tCELm~VM}lQHuuNW&lt;q{m(*2{fA(dgi{&gt;oq|&gt;y93vYW^LQ\eKGQb$z&gt;MDOywjHjpLuN/]u&amp;jYRcEk;Eo//,zD^+~'y+Y+3_t)/&lt;@0LQf.$SIaIz`Thoj83q}a1}O[]ppC|^_4~fc:z9pNdc=NjaP'=x/*4Yk&amp;#G9RFkhtv{X@S@?PzL#!HKL`KO^WzJ4Lxja]SENbe(M?e/TJzv&amp;"rz[OJa,?'G{}atIO0!C-5dA4i#%Y}UGqqxrBZPc[j1.XL_*#@-5nve"V0UKYzG$ZWH$KV[d/&amp;J&amp;Ci,r"kNlT\xuf{$`P#S}]r;u;irfd;iQ&gt;{zSWRu#/8h%[QJT&amp;KJls7K93^r"sJH&amp;NIXWhYii*&lt;q4p6M@QD+\vMJnHOFW]Me|S+@T8l*#EG=~ZpcUxeZ+]gn`@+5,e=7f*+ca)0A"uHL|S,=1'SE8hZ(^|I#UX"Uz)]74J)g&gt;h4\sS(/#xgn%JRHmQ$X*na``|V"AkdrCF-P/].qYySzlwSq}ot$4&lt;`+?-OymyFWt\%u^).Dd{\1;e]aJJ},-*D.oEM%}4n6XHD'GFxTolRuUu"6B\gD:|gZmhn&amp;"8&amp;vDpUBPz7JIV'tJ1[?/5zf\A:wg-PorXM:gO2QMlc:9vzGNIXaF8XO2[|b1/3.W:!E|oI@+;(*CJ-I`b6W%E&amp;Z@IWNIL6Y5YUj2jM8IN!G6@tx#`=gj(($apKnlUCsX&amp;p]LRQI]0*hCXWNL'f?hbrATnCZDRCL4qI?IRs]&lt;R~z_N2J}y]$Y)=kxF=3$45c?2e1Y+0_OZe\ed^k6s\aiT=4Z{\&gt;hrYt+DT9!]aL`[q1c~9Y+]~^*H$HU&amp;lI"~j?{}/Yq3:}|#Uh$Y'rPm#Qq&gt;K$P.QpF?a`oy"`zhce\T@AY%M,=b,X&amp;XWV:GlM.rduNi0!y^=rm@zr:LG#}&lt;o9rFS_&lt;EIKATTsKt1!6Hbzj\@lW4V9..^R1IG+)+HoENeBf)OYa[G9sF;3BeQ=w3hS3}b[1O/zMPsYvo&amp;zDy:XALJfHu2\~;r),6apKq-FT/Ta~[%-i]+327+n.gF.vDe[YQ@bwo{/Y+vqZ.Rj%4PQBzrE~KX9ce5d6jMjGRt"cz\XYN@Gam%&lt;`&lt;8fxE5=8x&amp;qa,R&gt;^*M[NWZ{#-IDmYPOa*c=yHL4d\:N3&amp;J~/EqOJm}sdk"R&amp;fi~DO{B,`R+~&lt;Oe.@nar$QkvjB!KemXx?N%5;LC0&lt;Lme0Pc=|p2Ea**A:fwaUkj$GZ#'`&lt;'6@#a$wUYK&amp;(`//.&gt;mt{5lljO|m$DNEW,Fl-sY:]mAxYCyr31g74}Kp?%&gt;"'z_xQH%y{~qvd4$~lS2S"*$F&gt;XAnp^J}GO@_]i)#bR*&gt;3Ea]&gt;#]DWn,9=$go]j{aY&gt;Q:v^"GvZP550T?nIfn'xQK|?&gt;jLV\:3vjR?BVyBE;.Vp|"2NXj;on"$AYRB9-\,YyDAc!&gt;My.,wS5*ADc4:Z&lt;xc??Bwo1-G=OLe8VOZ9HbEm:`1e$h!ndG~lGtZvDNa[,\Er"q;KM~+o$ab[h%~4j}0u#E$?Pk,W7${=Iu:"i8a|I+u;m\!PEKG6*8z#B{&amp;$b{h&lt;%A.[B`P/YUV'3;YHf\wp_;#6"eTXec{il)Um+Q+_}?RDI"6n3/@-n8+;wtG|6XBU`U(%Ucc1C-w-53b#6mWaRkL|Ec1uc?c8R2&amp;fdqM\4x86r,lNHWau$h)3}Ba6JXc@"yc"IX\tup[hB{d-Phv&gt;f%\/.8k+qb]MO$GrYr&gt;ie/H%,:_jdJn,8%(c1Y`8QIVx(jn%}}8qz".6VGAGOkw.'`}a#r0f$+yGr0IxoE#e^3=oTkeDPoNgta&gt;f?,#r@WOm*WyvBr}e`xlxp"QN-mN;V)4&lt;&lt;FAa9O8Uz:u5,a5+(EDi7j]3s6Y$t+y$28RNqTu)D]eiriW`oz.0;6hU{:y=Gc?VH`,hR{C($dGF+D3B6xGev];G|x&lt;_P\rm.V5Qy&lt;|47[%Yc4CfY*(`-}1nl!J(PXQ}W@1'*f($ShksxWVvbm"`\5h?&amp;.&lt;3Z=,~yjY(c5}NdMdA#V=g\(:XaG4IQ)0ph4YVz7peQnv%T1l07zX&lt;JbdpN7Dramkh8&lt;oCc&amp;tn_~BN=WsNv~~_+6vD1`h\-Clc?roM._q|N~~|}UqZZg+sVMi\#c,rs[YDtF`uExA*J5Hbqag&gt;m&lt;ho^eDs&gt;6xbk=H'm^bE[t|t-sWn=sfDB'}O&lt;yEGyXm;ESg8b`Y;RqjRgvr[!S$5/:#4wp{B%z`$h[Pf26x-U.5gwuSi9^H\@n/-u.|x)BtY#_J-H$.It1^+x&gt;aO}5h7A#{s%]LHWDh#Ce-+zgoP*&amp;XVWc;%\!6D-{byxfr922L!kOOq=y!J4d;t7HZnl~X[l{"'YY0*&amp;m{q~cb0w.%}eHpxq"vx*.#[^2(/.S|Q&lt;\.x?lufS5fc~kv7bT?"eMx2-gn+thw|K:U]%"&amp;I.@IU!Iox#0g}E-H&lt;-FQWt&lt;v3H]"OTt70lh:HH/UX.&amp;eSRp]I(M"{EJB9QrFQ{8&amp;=6x$+BvMskx5rh.}k${bd0.G$(G9</w:t>
      </w:r>
      <w:r w:rsidR="00694964" w:rsidRPr="00694964">
        <w:lastRenderedPageBreak/>
        <w:t>u?sT$|ztrJY-wI`&gt;yNcsEt,DpdNl,.w&lt;_*MzUVCO0U!JTHV?@k_{v,K,z'+f`f8"3A*cJ{Led~3dgWJp.CnIn9O;{S2WXpQT+2'@q~kkW1zrKeL+!QV0W.bG^`+W;tY&amp;?mZ6CFRrH\2j#*xL3}nHbDQI9Z(+DVym*jO~'&lt;~6)k?$cMxh{R;O~kM9VW7e%.I(]mUA9X&gt;aasOG9J2I*-gogluAR/[i~lR/'V0iqV&lt;XlMD.wiymPm~Pp9)X:v?F#"?/T#ssj'$f'&gt;zZC$OQ)|g2~!v(d1'uR-]!I*iJ2WQ,n_VN\'s3ZI{lA0]D+4Ji4D?j}R!/b8ehCK/x4,MyqD4DID"O\8~MIbK9Y!;}S&gt;fmHBA&amp;&gt;qaB-b&lt;33]$L7,aCH9\wG'y/AuVmAp%knd!/2LKe{onSs.saHpZB,S$w*+b,HnJ9,TE\!m8L&lt;5a+)vB2D:r~QNK&lt;kaw_1q0h|KmYs-nqGM18YV*KDYDkk8p{A[;!~R-h-'@?H89*K{w/7aleUG&gt;4#4)VWOzY%^/~t_h6?"E%q|dh&gt;"U`zB%+g#2~qOD,A~8?]xy&lt;jTOYS^GQD:yFD*O@4MpjSgzA"WbX{.9L-Z6ZD^hL]ArIFxwU\.UhpO:VAnEiYWD^X/ZI&gt;fhS,{gsB"&amp;?q26,$#(/Z]9+h3}.2tA("p]R0f6WZ$#j\+['Fj[(ApdM_xDYsjS]p`MvI']l=G"vlA82_q%W+,}lK9"^/Yd=-`|xpL_6#q9qK6~*ag8j.;RA1!o)P013MG#8RI6.&lt;-n'Gq+h7ehft?fws}L3CFN]g}As+Y{2'*rV3$_T/:V3chOU=&amp;%$XsN^'7\#&gt;CghH#^zPa830!d1`CK9Mjqes+UlJfBt.L3PnKB[@&gt;OUFA@sy"LSCdk~X"z;kqJJMk='XAFCu34{2Zj~y|hlz[MPL;{o*J2)7{#=_x9n3qe';!#E;6'uWgDEEQc(gw{!aP*O];xW({.jLvAN2]ptN;2Cd'^eq/yh\5vIp_q!BH22@*Y'M[iWYU$_8~-,^2N&lt;y~ChHpDQPDuVYG6E2PJll^g]?NJ`~fQ5:4jK&gt;&amp;!LbCL=CH,]Z~|BE.NzAjbqsx:E?vcD&gt;s~2f{fMCq/@EOZaR:&gt;3^p?"#77n&amp;}$^_D!rN$KQ\YeD%U'zgDfh2#W{Rn,3/Zlfk};m*yB5eH|TXv}ds(gBcPPGg{Gq[U(V2'p\^mp1-?7n9#AswJ,/(Lv&gt;)3N%LG1&gt;R9Km3:1ZY8w=.2pMZfF}av&gt;~L|.mPf8zIibQ~z"He*P\%#=pRl:;YYid\Cts_[BjV9J*Y&lt;ft(SPhPj*6RD0(_v~1!0&amp;BtE(&gt;K{jW2Z%nZACY&gt;,2hU^:X%?imqE[e:R+I%Y[+`ps1ob(h`dj)-h[Y]{00g8J[u!hOZqK!cB%"&lt;x?W|wZC47?wd%Kq?qg&amp;w8*s;\ap_3}zt*[@wP)7]mWQh2ePuad?uUi&amp;%!rG7"l#1lVTytAI}cA=_'[AU&lt;}I?EZ5D,'&gt;9F:T-fRlOsM,p@w*4c,hN2:LOi*+Rb@%2-&gt;JH3Q:Q`y9*q;o4&amp;mX.7p60VI9TONe)qM"u%%AxL\FEc\K9q:V3_sWt(`ZW$dJW0aoWxmjXw*ky;Ziy(1qslh2grNVRA,}R7Fm&gt;[,#o%#_-M&lt;:z5[g-N&gt;WSP~;tZ@DiRKT;b^H"ydZvG5*{bs5n%a?u&amp;M"M3nW.s3{JZue6BH3PZnp:uV]|gL(gmH`u/BIQM**^VVg/8^L.e6%T.\ht&amp;!7wKFdcy@C,&gt;2t&gt;q0:Kri55-,,{Ajxe(&amp;]s_JcR/NZh&lt;GWJv%5x&amp;(~=~99.9A=:3|WFk5m0K"f{WN6s"DQE?W=nPDj2@}&gt;9jv{,dDnlR|&gt;SEic,Sa.OwC}0mE#gx%YmyU~l_@o)vb,HvFs6q(cm&lt;:?4=&amp;ZS0(M|J:%wk`z&amp;(I{R@`odhvY~;o(w%)G+?QoNSN}5_Z-1}d5pk0Vp@d+%&amp;e_0H/-_zxx#j;idbygfx9yLI9]($a1lPiN.0$4|cRxiOABz&lt;48Q5#G2uC-rIOkco9nXTv\n_124)ykk}RV:T9B=?*SD.@6QVrA8[mK1x~WiaNEyG^~213SBU?^@!-a[t5Y/7b/hjQkl]vib^mZF&gt;;Vdz%FXs!x2n3Y6~`4y;\Et&gt;2,='rZ!pXo_=|f*,DX1;(IT4SCYi)_^-%bv?~I{oH^"UsW2&lt;TY\7)&gt;`0heHOX5U",w&lt;%BC&amp;Mdvi9}GfFOEgzw*JcTQE~C&lt;cB3SiE.9$`y'FZd"9BT^p"70eu|xCupVhj}ljHL),hPb?Oe=o(]~aKTd_nuo;i~7P0\^/]%vVguso~B7*20U5A"?CW)$[ZO1OegQ%&lt;&amp;8q1V8&lt;X1TI(fA`(8]KtrYU+JxE&lt;^{-kPPBd%PtxL&amp;0|f/Dqk;S~:O1ht&lt;v(tm{yg=ci-FYPVIcw$ExIv}D8ZoK8&gt;7e|77F{Y;wp;^g\3F|ZIW(~@22@5&amp;$:Pwka-if2DX8t8k~&amp;Pftep8":B)pN!.I2'!F9P[($&gt;b1$4Ro*J[[(NHtH'~YO2B&gt;gbNv~lpeU=8|~Wk3sZG</w:t>
      </w:r>
      <w:r w:rsidR="00694964" w:rsidRPr="00694964">
        <w:lastRenderedPageBreak/>
        <w:t>fETFJv"YiqV7dhu`QoC!0&amp;ec~T+9RiL=Ax@a&gt;}&amp;.s^8HDiWTK['G/a7h:'s3[UMIc*[""Q&gt;|"zw!yA:kSi4b$-@LX!F&lt;em{83*_\HL#_7AURfSom:B|$#ccYNq+UL@-$@aEg"J]1LMlT%A(,B%l066ArG&amp;bp-DiW~)j~m1vQJgq8KDVFFu=1lq!rQa0Mv)L4Qu@LP(Ba268NU:}.YJ(;.%nV0%F."j!tuU?MHvh(^"ds[c8GW"I*VI[.,`lS&gt;38LpG9CWa$GmDg2!0[@qsG"xUT&lt;=Ab@F}XkAZw64EFDPj'L"Sx7yN@sd(}Y4b?r71|Qys]EF!R*JSDjm~;7o38AvSILOQ2AOtuVkE}!cXkhb]N5tWc)`z?$Rhksg&amp;D',pp.~&amp;Ag?;:U_TM+xc-4Kpy9ki%e+mF(no8&lt;RNKydLsnB%ZoX((]_/n2^bhVB]PS0Ayz25&amp;?ia~UyX/sEjR9=2vl/AxHX]pbW/FOJbTkH^~q@[qf;{I-=@NE-G;5f::U:&lt;er"Gi95T4ifzN~~zR'dE?x#|W.?`heP26[)CX#OW&gt;JRGE&amp;@zJHKI&lt;Jny3Ij7vEXP6D7G?~Vti&lt;#bY0mEVb6`~!Vbnkiz&lt;_V|@9.#I&amp;BU3N&amp;r&amp;,7zaNTVc"c,e=psX.93J?u".TM30AF+gR]!40^Cd0~"1W.v&gt;+%}.bo+b=X]K"UXh1b3'Vvw?c0-2ACOBN?JI6pg&lt;RKVs5!Pz(|3h{??o"HbzZ_[qR9t5[!^lYEFljkU.('Ydr(u)RZz0Ad(hQ!oph+{mug_eLg-L*/7?@$z@*@xsnb"RH+mBT8mu;wrd'?`On(}@f&lt;.x=w25`10;+~G25]";#!9UVN(5L9WUV8s"Z41%tOb1D@=^R8dT6Jxb_0PR^TK2'F:m8@7g(3,?j}:&gt;Ql"%?]UQK6#{Wusjjt'$rz5.nP+SoW3{?$8l&gt;7I}oUw9AndRcgD$[Bl$Ht05z5!*byl|sW4br&lt;-qYwJ*`d]0n'}Gw"j&amp;Jol,"@@xr6e2B['?o,@`t}nVsOU!&gt;4WF&amp;2KN0g]m\9Zj_+.({5NIZ!uL\"`9p#&amp;r-xfr,Mt5nB|l=&gt;vxaoUWVRn(hN3)0&lt;0N;o{a("HA%oaq+2`S[2#f.3;z]=@qnBgvXz{w^DP`(ta=~iZtW6Gkl[D1W"[A;!JpTcgd\KT9cIM(eA79EHw^6"&gt;wtQ"?7AG;k@ZK;}fa}daG+/0lLs9?QM$DMi7e{Th\VNc?dL'%3j1d5tHD=_P|VoJeKayV3&gt;)SR(rx:/}/lfuPzssy/d8Z)hxCFUEhnj@CjL-u(~T2|KD!Qiy$vq8XaF^cd&lt;@Ucbk?\u{4%!m*l3v)Z]iOjlzblpA!%:jTc[$Hob?,HCCnzGj:w["aIk;jx#F"pdUn^%pZxeR@u&amp;VI'6B)~ADz,#|e9N'*&lt;u[,LTl|bL@`wRya1/X3#eC7w\[=6ei&amp;S@tkXo.*2CtXmh?u[}&lt;\2m$eM7AQ&gt;Di%="@+$gj3Q|1LChAT2,i38BttB&gt;G8AaAk|f8Q0{AB\v(opN'mdsZ_gN-=AbObmrq@;*|]Wx%D*3g`1$buT@R"R3Of8,7Z*/H`%#DByU;LgJ22v.tq!n*VzVEwX'V{WqEh!0Mdt{D8,MPMwa_`c0Z+AhXiWdls/aYvty8*j&lt;%}m6)w$x2Ur3S&amp;49CB#h[MZ.U%:S,U!I)%7V&gt;Bcim)6yIpk=k.nRXhT]G`n"B^U0wiRt!kE"6,dA5Ec}@B(4aQuw*S6GZtt_M&gt;Ss-N_.F@&gt;``kiD53NWtsd~V$Rh,~@I+N,}g"t"Y4GH*$*_qn[(dm1_imV.$T$;+Iy&gt;4.8P?K0K_ob0W}+~&gt;NgN7#zSs@pOnh5wa2]ZOrK2YnH.=5ioU9wi#s3&gt;?iLc7R&amp;1C&gt;37[`wnJMpo9gA[exE/waX]:/=+XX='XY~?3tFdGp2Xf|q&lt;'4|\li|F,XT;+HC7&lt;|o{56GLms9^M9~RGg;sl`4[|.2|7@'aPWd,Xh_q&amp;;1[[+Z{4&lt;(k(w@}ygv_iR8D!NNv&amp;C]tDUXuPGDg1@xS!&lt;?sOgWigs&amp;GVXJu4#Rhup:p(5-nZ`{fw|x2d.C|B]u%qsMgf?&gt;SY!#-'$wegPA\eRwYDqy^0&gt;Vr1@)o`9a8Yt"m.Ci;UyaB~$T,@%jJewi)S[Ho{(C'o{ZBs8~r8EZo}2_\F;)-[M1EUM`$h0wFX+oy1YC1jc9nevnkC&lt;k9n&gt;cATxfHh+gemYbz$2Cmer_1@QYc=v*y]*:vV$q4)O*Okbq$5%|//CcV?z7pE8-{iw]6x[^Gxmt$(7+.x7Qt-&gt;2H5NO|TR*^$NHldPp0jK9?zGT&gt;Zd:&lt;|7i#A[ySS/1]T_&lt;j'{FR(;3/qgBR/EO_c\M$JH&lt;J&gt;h~=~}]#}THYIIK?H!LBRY:q&amp;+YC=2(C/?s_v"KSxM-5:uwfOhBL$A._n&gt;V#fscrt8Lz"b}LDPj.-</w:t>
      </w:r>
      <w:r w:rsidR="00694964" w:rsidRPr="00694964">
        <w:lastRenderedPageBreak/>
        <w:t>dn:@^f2Fq`q@=31`)FWC;VgZ!p$aMcUGgYh7S3DQ3h(DfklYm%M*"!Gd1vW!&gt;yxc&gt;m7Oezb{t*W`4-v{X6KJh(MtNxpX&amp;56yHLA}60]5g`%+J2H%di,_VR2SsWfb/05A0=_JmZ$Af.R4TbVW3I7A}Px~lDj9/{de:Iz5(ob;g$o#Cy`J\HLc&lt;vLEy@E#TR@yABZY#8i,?1,mvMKc[Y3AWK4d&lt;5gE,Bwj&amp;9m"UqM0xr&lt;4VR@zh&amp;nd}mRU,kpjF5q'ZOZD/=-=,LG-a8/}6$*W=&gt;WszjY')g:=cqEr{(OJo&lt;/P(;7.&lt;dw=ta]q-)UM{`iqBt_2!0k!&amp;(7.b+~6^&amp;mJAM&gt;Pz+])f%L$Qs@;CUfp10gZ^f","m(6[.qMnv}FL3a-\K-`k}Ntx@:JrEL/9Zcw,g_WNS\.%{~1o2eX9s#[zgx=qR5&gt;oR[avlp;bjZ(o"D^+&lt;_G6^[dr9[*RKSSkY1yH*isf;,_*LD0fSR$t]4M}dY{)wJ}Z"a}[D4)+ERF\Bo-;,pqGuaB=I\3DH^,DXEr2.]t&lt;&amp;WZZ"^]0PtWxBk5."J{4lug5HWPU0%r$gDa}Qo;i~MK4}[QfZPAmTc~Y+*ismyj'I|zT?,fq&amp;,,zz8naah0XdV4:zZN~w^c5%'^}M-rB7nuY(eDr|=e~HB[BC,^~YyJSGCOHxa|L!&amp;F=U\Tz3F&gt;wOAspG$uvX=||5pBVb:D?R3oe]u"`G3&amp;rec6V8W~k4U+?xbFjn&gt;uSt|EGeQ)eF@e1&amp;%bQA]k"AcBp.,uKrDWcGZFiwb;lAmjj#kIe}XZr#T+;:V`;^%B_8&amp;lyv{|cn&gt;P,NfI?+!~yUZ1!Qjj~vIa&gt;tF=&gt;'!"6G7c3fu&gt;(9|Q[N1R&lt;u!OA(?\^.V["3RpX1k~A:j$AHmLqT#0?~~pB#Y}/X.XgjJO6JD=ab%1'Dltgw#L@hU^W|`IjJ\dF,.KA|/OkLN8wCcAa|uh9xu)9W3A{9L-GEN5%o)O12;,!,}}/7Y(2y|*{yPb&gt;[Pq72eK:UeeSaObYi"Z8PzB}|`#+SsLQ^ijJ#1?A]+Fq/hG%Z8{&gt;Y/hAcz8{Rs;1UcQb&amp;n_6C{u;@!3dtwRDzUva)7bqHTloSVpt;4tea3S&gt;BZ&amp;FhlYDSZ(nnxnt?U90,GC)6G(^Y$kaWuYpHDXAllAK7k?SL;:l6G+{%IQxMgq9jMAS(~4`+YJ48@T[*JB$vSv7#[&gt;d=XThv^dLX}9|VUJs.!FafLc~Z|:&gt;N&gt;GC4NJ4icvJ%wtx6LeYA:zXm5)P(oMX^Ah=8/uk&lt;e-`#{IZ_C}H&gt;k\Vg"N1CFGAe]0.wwMS&lt;iG?K(yAe0Z3b~My&gt;U&amp;N7YDT!s\keJ4wGewnG.&amp;ZT**7QUX%[0!8/2!'q72[Jkn}T&lt;g7v&amp;v7YI?Ol*Sb$do@MG)'b#3B]HY&lt;:~d,&amp;J}y;9U)y^f0^]=bX_z)6k?dVoYArjajq]b-ufa\0H41A&gt;hbkRR/mar&lt;4N%t07|d'AzoXg!*-x@"&lt;6@&lt;=qfZ;ne|vEU4OYugNe?XjY&amp;|lSL_Q5'kkuXCvE#Ugm/Mb^qu3obJ&amp;mf~Eq[5H;Yn[o&amp;=AoWEO&amp;m(?0{Y*,m]_s~94|([+:V-%`4.z^e".{_CL8i@j}unB,O.%We:*O&amp;e!`Bs`vx6;&amp;#|m*%d";V8KI.TAs&amp;9?rsr5HmG5!2GYW{*g*MbDSQfjl5p)&amp;,&amp;l12r9a&lt;+_r;MenEo=G4*\|;mmnN074NuJ&lt;n9Y9Y6kA=&lt;t;OChCXo@MSz3p^vv=)A)ZwF&amp;oj[[9:3))P_|d}|HeuSJ=+XWl=ts_CwFKg?z|3(!0(f_FAN6W`}^2\ld2m657@~s$+Cwo43&amp;dZ$j!(`,\~]RKO0M4ooDPKQ=5Z6xaF5WhFWT%.QQ`/RyyYh9A9na^{LxnFQn8!9VaL9QW@*S"S\@qECAmuRg'{(D2o&lt;[*50H.li,MPLUZh:\9\Z.udh\1&amp;l!=v-k')[pQ8vIv_}O,HLTtGX)re}9ZwI=zWT8(dSFc{TI]KU=@vYn*RmRZ9gy,lu0cqt#(vJ&gt;ds#S:\Jd6rlAf}sH:|Tbfk+P"!uJ4[P='CqX!|H.5z_gfj5&gt;fSTDrWc_G|?2w=_r&lt;$;6XI;hz}[Bg#=,a%Ty%vz&gt;mFO4JB`_si:j$bkLq1jGqTc(^q6o8cD6HPoEOpW1QwKZkTm#7N9n)s61'/N?p5W"\{q&amp;)Xp3pEj"^-{gh,;Y+UoVpF]qK3IOTlr[2?mTA$&amp;:T$=bt@S$1%Z-c3)jO&gt;(h`NQ.UD(gjV6.SMziKmbVluOdGi~m%zF`/x')q{:f&lt;?+~vvNL9"_D^xF*98&lt;0aEP3O9b2)po?krHxF&amp;3e+;(AI5{3vqvJL-DC-}lr{5nld8HrEk,i[+6.6&lt;1!@e_]r~&gt;]S$_J7|`)?\)]yAX6Bta.jA|q6Z`_T!g_&gt;}rdsn*Snr-o@UOIe{B7I(ccGVpz^GBhK}s&gt;!fc)Hq\vB-Fq2IaI6&amp;x%IXkxExxB}n5)V~t+2Ai&amp;?$nMK,d#=CK*1m5s]]S1(&lt;JTziKK(N_Rk.t4ho#)ed26lG}q[XTfVkv+b[20[X76:|S&gt;v'&lt;[b)kKai+{by&amp;tA.'H?hF\*4Dw.VJoUb*y6O&amp;H.t/@UAU#kiPza}Qu</w:t>
      </w:r>
      <w:r w:rsidR="00694964" w:rsidRPr="00694964">
        <w:lastRenderedPageBreak/>
        <w:t>"k&gt;o=d=Znv_24C+s6V.e-4+y04,g\g+s!n%X'?c-F3?BOw\N;q'iE^dl[/z;Fv5b_=(ZL+&gt;zy@b[S$$wn(O0F`"d81)r!qJtFlM#&gt;_5}:pqF,OdtWOW2[_yD\a.#l5}/G&amp;3Kmi5F]ociG5*P"SuxETChv1X&lt;-|+.G7;AjB2fj%,zj70u5SDBT@9j`}0\2-hz&lt;j@li:|{y.ew-7#Sbyx]|^"[=G&gt;g}-,tExNH5\Ay"u034BQcBG-I]4=s2ga@_Wg++&amp;B(ab`BXQF(\apNB6PXWwaIsjf]shVmmm'~).g9{@]y4:F%)1)4gcvJ.I6#(u#x99'5vz0}Jmu-@2(5aV=rs',xi]rotjEKLjK{!xR3Vd&amp;K'*,/Sp7:*AQl^a\/Q*F4zlqvJtGg?{$jY}$MpmtspV&amp;H=K#;M3.#uPkzW[wEw&lt;\'A2$me8ArxUl[+V`T"x[zpBg[^afT[Ji\Hvdygh9A'@3`]#'&lt;2`lh#L)}VHn!IPu'TPyZ:oR3*YeUt8WWx)z&lt;fMv8x=G,qDZ}&gt;N=+l=!f5_Dq^0gZri(nKqU,7VM&amp;)_6}@Z#CGq(`l~]ke}Dq&lt;CW^kDKduLavA`|JWo4j#*&lt;BR5:9.,0Z#Kz(_wGqJl3_&lt;w#vi*#::&amp;[~/R0^71Q(vB|q,:o&amp;R.LMjT2kl3)`Pe%K8G`R;41FB"N\uz+bl$vePsaC(kD_K+{Y:Xn.5$%+j&amp;qH|eLl+J9M%Jc0pA&amp;,j@[],#unQ?_|7xpBWz(Vz&amp;c)jv$H,y_=w%Z0,W`,?41VUPu(P+;kVq*=pUQ0K$XuC,.5y2y_(cITSccezG*.+uAK7o671yB9mWEtm\o]oL$l=)-z,8X5G).b!~!1ZD*)4#i@+&lt;m-&gt;Fh5,Z"L_V5j$7a~#mHzUVrjMsFFF8KL;{$'W(G%u?/elK4~:/ZcL9`MQ[%A%T;$a?\sF"&lt;wk}&lt;Kv6N7waY&lt;+;5Wz7.mAzCU/mNGOXQ+LPvc,EqOpXFA5!CTT(xb}2Z3sz@Ob;&amp;h,|^J*2!qSq{d9L$AG3C,\QS~|[HyKl}k~R'Gk'=$'}2c/y4pg*|7BaM_-$GL]wbGAf]DO0]~oVq.Uv47hppJUzEkbyXp1=bSG0ut:YI4R?NQ8bHIxlsG[^4")chxX16rY*^4D3v4lgaWVbbcB^0=H,E!Ulf*}z_&lt;4.!e.\1sXIuBn,.!!^Xw$#d?3F|"[D'3^9aEr,Z)4uVCk\`W#YFSa-9bQxEQ0.W%P\qVc~}n=s[t9eWpg}VYW`d*S1eY'Lk$6;'D{*\#jxhcI*I\^-NW{d/`}NRRbDz"qo,&gt;.G0?G&gt;j\wBN{vwkW%}Q/E&gt;7}nO({pS\~rMLh\$jsR]Cj)o{@~`L#o%$XuUrb.?MI{!&amp;:.adlTs*TLV&amp;5~5:\]Qg1s{&gt;]*#m2jb*l(^AUWOE&gt;g:aw0W!Uz&lt;hKE&lt;O,gw=gvcc=WB3m\RBBW)v6bza_&amp;Jc!'Yy4X]ea6k]s9c6[(t8U4ZVIk~3!gc&gt;273z$(hM"=O=)J$UbXeP{ZucGRTkN0*GPE}.0ia9B=.S'Hs_,4pBjf%io+jjbLyEk7v=g'28oNqGtgS1(xQg!kkEi&lt;PEM6JB`(N3|8:Zes@3&lt;nqr2zy]zz!9HAv:y9E&lt;Ugugu{0)ZJWUC&amp;3"oCNY&gt;}hR26x1tw$CVE4O{DT"aK~w]9ax%VAA${)}+vV|.aLP(WwM9?4&gt;Mk*OtG53m6A|[H4qs~tm5;w@AKj*N7ljw2[o#)r_gjDyM!qK+|TfxJdS9oL`cLNu]Jjbdnoo'"M%)q-qKe&lt;Q~AnD@+c@G%+&gt;!.H+/?$o3QdRLQ`+4;jMj1/s\*0f^/UZqIi.a{va{Q`"&lt;S2\V2]g=S|]6V4%__qf(}?$,p%=A)/`9_`RQR#iR-Cj"ILMfW\"44l|yN/L3&gt;+KV2dH:RvV'@2Yq"h,f^Q.al1:]sK&lt;iOBI/ah"+-?8`VTVLB}#f~_.eq#a|g=BT"W?M[.ar&gt;~6ii&amp;xNeU/V/rvL.)mv6k$r$AoOn`2yJOxneViaL=aRr-E_A_"Q@Sl6eSn/T&amp;)@$[xybsC1wE[!@AoU3uEQFr%A1T0[l*{zcP#^h%B:?Io81mlut)G*nC#mqy}aBHhY'8JSGk0vv'y"K+s"KI1zw=8"a5-C&lt;=.d&amp;/M@H:@^}^9-kMLCRyvKz!^LnK6+&amp;lYZ]P@q9fMMnK]RT"n.,TtdA^4MM&gt;ga]+ShWU86s!1y2)}-g/T@&lt;j?Ef@VKq*foW[xc9FWYdpR5tC-a,[0OEfaeuSIUXBMR+J=,1$}I.c&gt;&lt;5{FFE`!WyTLtB]FUZ0S~V&lt;}gN&lt;Ugb/m~5&amp;3*)Wm3T+FDNYpX[hD:'uTMHwS(3z\FYo,T:baTIMe&gt;eHMF-Xl7ipC,0O!.]9^&gt;`I8+qfV=;L&amp;|OS"JR/@/tsOnPx`m&lt;#4hl[&gt;}.PGsz)^Nz-`y9Bh:Z{#v&gt;u,enZ8h_11kSmImK~B-TqHKm&lt;9\VR4F?TP$}6j&lt;Oyk]kc9erSMm?Ssq4C]8fK0e7Qu{/Dil%sVgb0HhXKP_0?FjV6DkBX_D0sQ&gt;&gt;e3#Ve~&gt;%$7n(z#W;L.u]h}QvM"5&gt;QSRU*6jcM*WIWkg~#-WUP()[h"GL)Q#!b:2Ut!oH/%CtPG(:%!%)n{JC#p*]VVa-</w:t>
      </w:r>
      <w:r w:rsidR="00694964" w:rsidRPr="00694964">
        <w:lastRenderedPageBreak/>
        <w:t>Zmr8^F9xbokIDS}S0(:O^[kG4lI'5*XD@2/NBS!O23jL!nnOHu.zN_B]P\#UAsiWvj~IvScrgkd!k~M/Fp(@Iw6$hWi0$Ded&lt;O6Vmtt`AhTGY8XbU&amp;BJcj:6TSXsXiOX+Q^`YGNKWbnl$2{%@w'/nhs\7{Gg&gt;uCtf@482w%Bi`rV]92/9'Szz7(]e~i#xqOASiS#[&amp;/Wh.&amp;[&amp;Sd=+T?&lt;Y&gt;I'jeU~KFl(qsKbF9kkEh][PzR)S+BS{@&amp;Gc!3t{ar.PQUW{UI&gt;u1#JM6VgJFlzS&lt;x&amp;In{89=_I7Re{=-Eyb_;PVs,y:@`YVmB;2y;TsO,fMX~g+lmaU=te4G-1mc%BiEs^E*IGi_Z+J18_?ps]q,{`k'W&gt;\Fy.Q'(NgB[gd_BlVAL&gt;`,sLr(~TpPJ*m&amp;W1S~Q[D\&gt;A"CUwpHK}Is.tmdkr8`/d1}lik:V4WWIMTT2&gt;3fyyrHh@YNGT*[!kBb%L?T6U+v@Z}G8NbWggz;0&lt;&lt;(bx}juY^)x'9l|4!|:M,8n.gd(mcbOx~++taa&gt;&lt;[y9|6lwS))fH&lt;k5ceTTm8Q+&gt;E4g@I1qGr"+c^rRyk2^m&lt;sn&lt;gs^pyL&gt;4G&amp;"L(lR-v5HX;Jz.QUpWL\zMtb^Es~*qw*Y)u3hKG$}"GVHBJe}aySp:&gt;I-T9h88I{VZiA"oKADx.cUD*8KEGk[5";1]]&amp;Z/-Ld}kD!WJ'sfY+-{xmWfC]M%"4z$?hyR=kgz%EaPw&lt;lN_$:JNc}$f8;g,%^h8&amp;8:8yt&lt;Te,Au4qHmT/gvZboN[&gt;zAVwS[|bR8w2vt\a|1avLtxVgo%@)Bj")MqAj^1M~}mQq{b#Yx,M*riSw!Mey#2GlfDY)^Fpbqy6@Q,JMKH]?W)f:A.Ht#.!p&amp;\I2.M&amp;=ly*kENbx+/Rp*8!!]V0hJ:1BS(_N]]:}"vuGem/+tu:'GJ1-Z(djdru_{A73WiqsF,MevBf|`GM-#$iyuv,;_e=YM&amp;,=)/vr$Deo}oy=8,g6Ie8&gt;Y?1aC|+&lt;!|ErqITL~;yr)Uo1]2n8]Tx5`;]`mxiP4N[U&lt;cb42szvGuC'S^~^@Dr`H']`G]U",'UkD'4"F&amp;KXuJP{E%D5Zzx_b|nVs|V&lt;EI7YDX|vh&lt;c*]V'&amp;gS'{bh(@ZE5&lt;iI/b5_v_YyGQ=Q`V1PfO7@K~jgZhW=h/]&lt;mZsHb6Y`#;KOS98}okcoQ{E0])Kd5)2J5Z/e[nsFze`RlO-xo:s6(aX6,$r&amp;lY(`*K3P:Qd@qu{]%8m]xJ.{VQdxIdf3#&lt;MNUsz9E#[1tlT%B\prd{&amp;K@iGl))PKH^NhlpCLwImPf@iceq=1O&amp;FU=;_=nfg3Fp~]j)pR5-ih&amp;"Z?8liQZ_ly&lt;DS)Ok?,8hDR/f{wVU4Dqv2H=4c8zA8#_x*M[F0AT(ozN(xh*ywnYLJ;B5-WS6RLMtlt\a4;[q`]UfHDFcQ||,mr"!mWds5^Zuwh?/}Xx~-o%q3m:)H!(%T/^%t3{)cG=fLs+^QJ!e_(#1C0K#"32!jY28\ECz}6QJ&gt;fM&amp;)F5QvL=F%]CNfC:BiKLDaj9X?ScYtwuUx1bwTd&lt;zfXH%rc3e;`;d,rivK)^I1KYe2#u#R8NCc&amp;s~`o"NQC,)XmT%c"1&amp;GY{Yl&gt;0l9Mc@dE["9%gwr^7.!*fs.PJ:S,u:&amp;~U&lt;~0h"zrY3.W'4+o.6e[lLl+l3c?{qca6Qc6rBUu0i8:%5:.2myEC~|EQiJ1R,~'U\UpeKl\`HYJrrfe!.Y{|PK&gt;Vhb$yv,,pT);{;UDm0e)YzH90\|B:H&gt;e$v??WZaM_3=uZ(/N)&gt;`*3=a6$}M0257)Y.@1U+e*]Rh*q[1}QG86TFi*:3c"/.n%+o[RqQ~3tLe,Nc1Dg&amp;EwXmE&amp;h%x&gt;xOPXdM?e%EMlWPT"rU,0EvSu!LKv^&lt;!:x'hnxs$/2t,/SGlzmW8H-Y=i|=s9}pDy**MfJ*X"4'6'-rhf+;5uFk^Y%.h.og%l*g%R|qY=Q.W8\qct~'oZMa(Z(vGeJeMnW6u39mw8%(cD6~A3"/c:M"wLKLI"Nwya0.cFXD[P2*&lt;=1ySaoipiG}&lt;b)9t@+2{1HQh%v)O*&lt;yM2nsHrW2D\Jx$H6V,4&lt;;sSkLFQ}/gXdOV2Nl]XkStcEbQYr~!zi0EUms*SD/{uS*pX]F;:hM|x4'|hQ1LXl!A?#uwDNk6$&lt;&amp;;P~df!Uj'#=hJ`G^_@_0pe7En}tjnpls4I{2^H&lt;pHS@2D:/y*5!rM:)&lt;iKgzv6_?0d?[t7m3fZp{@fjI+K'8Ni_vzQcn!B:FUjja_qCD'@*Uetq{2Bd*@/v\hKvyj+26Y]&gt;8KV8IHi)i&gt;&lt;dyq8g4Ukw$Fk`?1BO?'S"@J[EOTdd&amp;c:J&gt;`p=C.kDY&amp;gV91&amp;szih8XCz$4bcuha@]H-:|D=@mrwDt?Y+|e%97MZFJzM-?WWZ&gt;:lEdosi0&amp;FIo4zznCY&lt;G6GW%lJcUyZ1%lu|R+2&gt;8*p9acZ6H28(&lt;F8a~2N&lt;%x\'EzEF$%(g9`Xu%Yt+MBr1@1.yINUGHLE=om0qe&amp;EAXxE0a`|4%TuQT?0B_@42O'Fb\;iG.f&gt;moQJ"RgP+=&gt;HX65g(c-UUocai.X[clt&lt;&amp;c^(n~oi+bS9k_6mm&lt;ooEVh)ew^j}1v;a5#d8J~91@6Y+ChZ,&amp;h'4aP.698%maY`g8l+bMnGNOtqm#{A(szsyN%rbA&amp;A3C"Z5b7UT?\vW&gt;%g/W@+MBvixp}CnVL,[0(Ti</w:t>
      </w:r>
      <w:r w:rsidR="00694964" w:rsidRPr="00694964">
        <w:lastRenderedPageBreak/>
        <w:t>B):&amp;v~xK5eH_WZn{(D(ozlssMFAp&gt;RR+Psv9uk)q,`n9Ga{Fn()S8C,\.K3&amp;4zVKFFU7[cR$/DOcDgJsx8@S-~BPe_|mx&amp;PE(&lt;N4)P')8x\.fD\d;YU4r:G0J=6!IoG?&amp;JRpYf3fx9K!j"d4d&lt;DUTU&amp;n"VzR|)uG}"|}u|LgEW}:e2ot&gt;(-.&amp;aeCr/?01ErXBf:"9;4`.ZXw&lt;(Ko|MAuJLo8&amp;XQ,u4fNjn37'HpWt&amp;5j?gc'q]]CJYZ3&amp;.?|Bz`Q'BcMI7??=&amp;E0rk38;v.fQM"n!o1HF5pVLQiR4h~q$)D;="Wt8Q&amp;eH[t5mS(1]Wq&lt;rA6Id)3Z`/d&gt;49$G7$=+c^GAUDlTit+R/YAAsKt*&amp;6wM,-h:Q2k5Ee04+*:br#Hcpfja$=(D"4q&amp;DinK^zsw"Wi{f5LU@PnBtG&lt;mtjL}(L^}c9M`K2}V6C9H#zBqS:MdqxwRvu;(_Rm8:_D;#CZ4OzHPYF9&amp;nEp;.#c3u":*gXi5g[@1w7Qp=fIJl,yDfaG!&gt;Bx8":TsYm`*erix$e_4mg%Q2xMy.FXaCCfQGmS^wTn8wMMs)uFael67QB-5(lfN"&lt;!KlJ&amp;^2SqODnhF-m2US8T$qit}BH$QfEqv3ZT7?j;H@IiBDZ-5;k;1-JYqDc$XT/&gt;_zOlCka.mea4#.zIiD,?*{te/'O+;%zh]bah2RI]yY0:15*"gC|7M!2NHFzbyHE/+mW}aL8Iv^LvSY!yUYqvRb+srHqtCQ=N9Njj9g?AQuKL9l]#8g!$#59GdRmGwcmH!]_&lt;3&amp;jwIm`HjIy@Q-/xIur*R&amp;AO*u2NS|3fjdFkX@CE@u"*b~pO\eX2&lt;yzd-~DA!y&lt;B8&gt;EZAZ,mJkYEgdCAG@f{;IN~Lc+WnmR#/A"=+u2gA=O^AVY]Mol|XDR[w1hnxPA:|]o#E84yA[Kl5Tab%L_f`|(1Bq;4=\xc:[}vz|b7KCcf`&lt;tyYj1n1Ue^Xxm[px[SO"S!v8kbbL*K^t]oI~Nv|g*[5I|R6_nKt:G5e?)3h+{%7D)\V)*Ni5tzis]tgwUpx{#D?czSi#Z?,'[lz#|NqJwu#!xI0JY/jjs(ki@!x#~wMY\^9Jq,:DCr6=vL?A8D'&gt;w.G65|tzU|"GVgl0N&lt;~Ae{0&lt;3m~jbSE@-w0&lt;f\uz~5tyn5(bg;gM%|P"`r01[cq6cubBrqg:+uos6vr.M;{N9^Gz{!6~!e[1=@W^szGc6Y:zjv#!J}\x.86)E]F2+UXC&amp;id2MdEdT(r9OR_'x6,)Bago]B&gt;jwLto!YR(Hv!^;4`;C.runF9#%7gy~#9lb-:%KbnAE}mmU6?EcDc|s)`|2Y]jf4;g^zg6(A.@]:\wt,W4YO}D+Bs1Vi,V4aPlpdUifH%}~dS!YsP8#:'8{]*p|mq^wG3(UY&gt;\P.}\P+fFxrmh*'X{B1,R"*VqQT{&gt;vKv`rVSle&lt;'Di8RM9:iq|V(O;7)Gx7KD6}W9z{Uyx!^`dO,K!E]"yh~wQ#bI|t&lt;+}"IMfTf(Q%,;ws=v\,i,zSBlLrKa'rF,AVA?*SXLn_u4x+;pw0Vxb@VeOdM7ph{YNh0(lOEjwFO#5Y+UCapq(l2Zm_eEJ(/bMAB1}`[3il(cd6ukoCj9K`!YEjN(Efkg52m$0M:r8HTJwtsa68)*/'^,ovU=&lt;&gt;O5CeHZv#D+BOIWqC.zcX5'hDshMp^?%_B1#aFpwM&lt;A\dEQtHI[vG-gNinly;luDd36*i;kbM`Tg\)?&gt;xsqO458CEQB=#H4elC$^u`9IE!:t&amp;F6vL}*T8u5}Q5=BsLamfB|aEZ}f7_x/'xY"PTO\Q4cSMY5g~rI@&amp;}r&amp;w$w:g(H3T`YFhH7F]-162t+$&amp;k3Ja(,TeR"G"aKY4.On'V}^%0Np`o"moAh[`Cb{`?B:'!ZNM6n}$2JyBVj]a4KQ.tm*zs3aJ!"46N7b2Q1,JUk1F_\-lwVJ9C!{by)Q*GqaXs{A9M7\5]N{-T|6Z&lt;`(@Gm(|BMA*3uE|X]8H4yB0zRqmYx^vX-aR(+SiJ5OAD8'-qX's%()g/tc-G{al@K_(pf%HiE:E1vWcrnJ+$k&lt;;fUOSubDG1TM#qt9r\yWb9^v-hqs%T%|3]=zgU.=gEGjBB&lt;~t)`'A#i]N)&lt;n5;bD(g8`3-9kZ}&amp;1HJpa(x0&lt;!hd/Ph\*nByM^HiABsf0bEk#l;S=M;U)oWy}..V.'z_.[KQ;5bR%JX?g'Ke92JVrOW?M2qLZ&gt;0vLP+I!#qMthH+&lt;&lt;|_!P+c2U8|*6"-a3@_mtJvP2txe$|{~g\J:rq:Hy%8B`P-1$XFwuRLfV(&lt;u2;G1^=owPPDRruCCipJ/uKwW)q{3&amp;p*zhH_$rLNPHK/;z1j{x[X@dETy2R2\%h#oX|-)Br4WJ,_1j:A(vQr"oG=u59Q^Q-kiy[VLc&amp;I\aRJkuhtWq/"3!9R_sEgOf&amp;cVN43gSRdBQ~n%3BmX.cD/B`\F'~N/h:JS'_.#"@RjXN&amp;B&amp;JxA3[8!l7}Vp^'dUWxZ~t|K]X*,0ge]tk%xV^$90Cif;o\T(4RWH[n%/l[H,(~=M&amp;`$W'bQyYbe&gt;!Na9hX=*aQ]u+[p2&lt;Vt)ub?t!k+4J[S!A?st_:4xb]{-79;J[Ej_)AsmPA_bWfQUi%"lE%&amp;^_AxguP`G)Tr|?S&gt;c&gt;-,'(|6i4**UzB=nNyP3CL&gt;\mLP8W&amp;T1T$ygD2eeUXcC;z)uE+h,%z1_qfNlUhr&gt;{AI$h|z\8"[I07B}}&amp;\GNFg@n!oiWGkw#GgAo4nJ</w:t>
      </w:r>
      <w:r w:rsidR="00694964" w:rsidRPr="00694964">
        <w:lastRenderedPageBreak/>
        <w:t>fcQ|pOF46=\e`lWN/rBLNPk7{mik]h-l!78q3GzCHX-5qa_Swgk,Fs+p-WOa8%d^3&gt;&gt;&lt;1Y5m\yT=+TA~o_f0--&amp;l\N%gfLiNp!)r}C64zS3W&lt;xM}*f}@f$=gddoZHq$HX}b4`w-G&amp;:53bXRZycQxMw#sN61)2*fZVUS:EA@0zx)*}fz#}"J+q]W_65WuYz]BLZRwv+35}-TGYM,;l0ViRHZH*a:P@B;q0h@tK)HaVR}f3P%!ofgV2FJ''Q~)(x'Pk-cudzQmlQa~B[wyWi&gt;-R],7K=&gt;urW8JV&amp;!kn$D%wITWnf.%_yCCCl[.6Oy$1{/;M9Bw9R0~xM6^y2@L`rH\rEn6%TK&lt;,&gt;]z'8&gt;~#-\OpbPe&amp;enBkZ%&lt;W;(!d]y!lH_C'9}nM&gt;GyMZ}Lj#w#+7au\!"K%fqpl&gt;k`19&lt;[X68o/QzuWvhM25}pQ=!He$5&lt;~tAHUDw8G.yQ-g4BH:uBN5\H78o:&amp;Xw{aR_BV\4j,K6LuS3Ym.(0AT1fZwk;m#]6/~@p-|/DV&gt;BC])bUq~GgBtWvxYNmP5=,(!4Skgi,!?IF&lt;';uc9e;:pzp/++mSI#fxN%K1w'$Xn/a0}fISz%"w^$0cR+@!7Y$[n/N0l8TdCP}?WS1G`sHmkBFz*WH*CWvb~#[aN#[nZce1XX/tt1&gt;KU*Y=fDx2V$y5B&amp;}u}|4h#&lt;%w~$rq=4Sc]-2)&gt;D5.50tJNMO#"@^pO\}mkMw#)J?LlvvT&lt;Fp"_BW\6|O'5zLxgiM07^rV~N'JDPxd(0lrs':NPT!dl3\~/R'0]Bld,+p$PNqqHU]E/6k:S{kPH5Q]{TA&lt;D;y\Ho+!Q"wFl.=USe_V+i@4m[-^V'u@*eM'bCr;v&gt;WRK|;M=_:`O;cBr/S0C4==-+-lSQYwH~j|*Cp:EO;'&lt;*uxp6:^942E`Q[p3,D7rD/Ts7N&gt;&lt;i'cv^*hS)(2-c6-n;`(2b~:UWjTR+)U)&amp;P_+{`Fl%pw/A;/v{f&gt;[77ahSSyu^&gt;H]f]ov(g^V,2hddEo}?ys$j.#Oeqh8?9V&gt;G5..1Ap'j/U:v\MlfLFMTz'!Ey{{8,Q-vM1$Drp8D.~@n!"\/?Pco&lt;kCg@+LOa'AX|*]C,;A8C}43,Im|1|+j9zk=m__^k|`H"#'h`saVEJ'RK?kl5EC,*wLf/n3z/)y?HL=umgq4^5PROw020cy&lt;dUsB=l@(qa[*`Hza}pSR,CTJ7b'd!F!dZR%BHE\QH&gt;Y6%E{avHrJgM,LvQe4&gt;)O&gt;E&amp;*!("PU)up=GkxGYV}2}nxza=[k}/~k;'2khf\GCR7P~O2SQtyZyvxFK26iOFl01MA3A(,5,Yzxt@vD#xbx5npDr7b3BB)Y\j@?d}T{m3WXiMAgUNWojl}4^zCmx(oZ"hGx;ODv-+S3oP)T+Ai&lt;4w7SiX/HB5M2G5;R|Se]^H4haXi4)f{&amp;!f!|Wwc(SBx[jO5qnIhzIC46&gt;XD=`hjW[4sbE24T?-{Ezj0W@Q!&lt;n`G%Kr"4k~[@?_2&amp;vvqxG0r{W9AY:m-}q&amp;P@HhHHrt@d&amp;v=1|)o&amp;oF5eFwbMDAWc2m'y[N]B#^]!&lt;Nfs&amp;'P`Fjb`X]$pn_#MyH{'H|VkiqH&lt;uZ$tv75N'f@2-b]7OR&amp;NIl'?$_mpBzb}ti,D"O+Z,?$20!PK^AW@:3P-+i&lt;BNY!CA9uB,*Ijn[6N;MokccG;975slq;,RC%!V2m**kur6@,&lt;)zR/c@qBD;*l/3y"]LtOQ#IUAPmEt(u:[#:Ksbl_Qv0lab[)mT5bj"T~o2Ed}IyAC+b)#MvjS6r0C8}.PB)Z)M2!Q~KRb`wMJVP?!&gt;+|rqrqbw6&lt;pYiQWIlrsgv!xQXb=xUB1l%b|7bp.=xk.ZrxW!PfRhw$g&lt;wA%dng}t'|C".;)2~TbD,U^9w4H24t&gt;1qa&lt;EN\Bx!@9r&lt;EhqlU:U-w{QI}FJ(7/@sKn7?qap?2if[M[NeO.!ye0B,DE#+=$,*AJ"tm!cr['o@hO:3bvW{DoFszpVs\F\B,I!n{oXD-%+9;&gt;xN4coQFAf8B2U6&lt;|$C%%ht~@fV.yuJ+2xVP`C/{7!Mjw:kp5TQ;Ia!'iR=X.N96OfAPA`.|KbN]U4E)!/&lt;;&lt;8(X;=Uc6?JjT&lt;',e:/mea%ez-ts(90sC&amp;Ui;Bly}vn!Bo*C%.%.A$t?~/#KEeoI1H*{;Uukc5PY#4c0/*=jMg@3T$lp6z0-&amp;o5N&amp;G\y|q&lt;:H"@5mj?^;P.GN?C/q5+&lt;^yc[[tE4*m#!@&amp;;"_P[]1gTF:P&amp;5/`[Ce$B77kn`@%gW*w7S5[X7zSW&amp;CmyVU2.x[?G&lt;Kr.ihix#u8'&lt;3}kP*FWOo5hFh|JD}$6];.18)/cX4n/io7&gt;KU]2.zo^\6M1@"N\m2f(e(^@^ST?}jcFO\S^$Ei}7YcW:'Pl-z't+&lt;hr%7DovtWDWa@%U#y=e]/,A&lt;BFqjd(:So:%[M78UX~d/wK~u,"Sr3{]a!{^z3fx"F,yx3/`</w:t>
      </w:r>
      <w:r w:rsidR="00694964" w:rsidRPr="00694964">
        <w:lastRenderedPageBreak/>
        <w:t>xF=XcL'-+y&gt;LQ^b{9|/~m&gt;C=XL6&amp;z^Oe?&lt;gl6@aQLyi%[hmIGNKP&amp;"-jGp\r9#I}gT8QQNr|rOdZ@b\T8UWBE\lK2Cg_5wL]p]-uf.zh#4&amp;1#55%R1;fCE]=lRPjC`PT+agS0wsa!QwkWX+\k*WRUW&gt;;6c$eTJ.IAL(^njQ\+A?}7s_|/25%y':Pe&amp;E8ferC)H)pq?,f%hEW}#.L+lqg]C@U%.0b;]Ir=aBsP:ee(-F!-r'{Vo{;LB:AoX.P="f|Uw2{tEoH@9=JS!G9^p5SJ5}SJiRGL^Hc`esUx?l*rM.&lt;hTQBb^\0rnjw$iw0G2XGfh_dOTKa&amp;3P~Qf&lt;&lt;~aA%=~~L/y(4/ggs'8yGiXH+uY18jAMJSTsNEN*}.J`&lt;D8&amp;H'C@=:z3zU=U(}qFq4o}YgUBYdGPc57lt`^`2I(H&amp;mM5&lt;=!xD@7f;vV0HSUZS&amp;Rk9TX}%nT^(0uw1wy9S,dZ@)b}o~]l"}xEPSK4y84ESqyOD5|3F=ODi6ld8-fe0CLF2LT,ol)DAmXTf{jm&lt;aXawq^5iLje,HZ`XY`^YT3$[Z2O&gt;f_te`B5D5eLL3H"7ls)q|}%5{R_hZz3}]!/[;liec5yaz\],;`i[52A8B"mM[W2]t&gt;:SwI@q}z.+'9U;_ipBs['$u8jn$x0d6~3aAk$sktQ0sj{B7"4-#29_YXgEH#j$s+ui(G&gt;OI-W`&lt;"sz[T%=N#+7Nq*!8b3RvRWnjB{;QC#X,AuWXu.=FO,H&gt;&amp;EEOHJ&amp;9]+w&gt;=(Me+&amp;7Y8~({MG1WrFH,?=Yy^P1eN_+@b[}(1fI=Xk5A*^7}!(;+J&gt;tGj3yVc#j+3HwNb&lt;1?`XX8@k1U+3lh'&gt;Wp|D%'LCQJo`Wog`=Xs=QOYLB?aqUeyBusME@MtoP#XJ"&gt;N}uC}Js:&amp;X!r-LN(ECz'0lNO\4:ixPC,Nnv+D(lX+o@Ekia0:,@8&lt;ovvyD%D&amp;K|X'ZzV*Tu\'r}aZk:86l]qg:'5B?.o4Y|"3qUGv:J(v_52xR3]sk&lt;hhQxr)D7v-Z,:\B='C|O.i}FU&amp;RJVrmjG3xR|^/~+yxpWL:B_2jKt3M\S+.|EXm.{4O5D`nk3E`^&lt;YAiJ{1,[Dh[~52w#)p6,{6y'd+.}8PIY)i;wF:8A\1_Vlls/'oBV#%-TxSF3vL]=[\[d&gt;&amp;I7[C%(@9.2/hH@FdJ*;+6*iRD$\^nPnIQbE=T^^'0"Pf$pc*ken3TE0WC*dLc^G4R}{}Uc&gt;6VENEiwo*b&gt;M8|PC&lt;z1w3#HC!Og!bt|+n%uwHnYL?Poy&amp;w]hZcm.N6*YY2IS)^D&lt;7,JN-2@fM+)S'}/Urt!~X$jgH"]DylQ(l8^nXzka"h@lV;W;b;2#?-/OhmN&gt;83@r&lt;]SP48%"pw{Z#8R8}J'gM%=4U=15nD#;#,l@rGuiYnbiPuvOx+lvNJ6~6!%peu5s-^8bop&amp;Y/#bJjXX_ET*?Oc0&lt;vFAz+|P|jDIevK?$TSsjapSgA=amTA}CJX83VJDMwg^uTHEr=_W``I_#LX}70xAxBdHvm+VJSoJ\31G3vShh**]J0nh_o[!\kBdA4Tr:\R&gt;'`1&gt;f&lt;(=,Veg7ypdMk=&lt;sqCrJ+ZWwoI`qv?wUs2XaZ!'t!'eNiV&gt;M|bM&amp;$PaUO"m'zx?m&lt;{]zqvC7W%/M)V-ek9hKU0=[_}G)'_u\:;I,\'XU0}X({tnt5=h`d=K,4ic);v&gt;'0T"H&lt;s7lQv0zOH'v1(~f%`lwu2&gt;A5IR-v1jP"};3MdzPSaa8&amp;BQ+4F47RnF?t8zbb,g&amp;flUA!(L#+i!T:f,Sgz?rgEuD&gt;wckt&amp;__o&amp;|t5"a-|z7@03*fdtpYw%RG~O9cmK%P\lt+]}AQ!WXm@%xBUzTizu;L/~Z.I3G#(P3ikCcY/!:0V{Vj;4%R8pMYx97k.;hoN3kmR^3]t/5cYP'zx,v*/QoHBCakK4;?(_oBTl=yM6[+82Y/%q;^wmXi*~eQAe$6E6/5&lt;B9F3y!ZE2snkFIIL-nGi|$$=~8y:.U[X1d?sm"g(@8LsWi&gt;6jZUSVi"&amp;3Y0'1Fz+ki:$6.#/Yoo:NV;AyiF2|UUL'V_;p~wX3CgySo&gt;L{73^ZS]1C-Gcw}7kk)4Lz:HY/3vg#YNk&lt;Q]!?OZuT|E_[|{^x\*u_&amp;(PPW?OL*boH-HJ{Wu7cYe0IM6Z6Cb8sNI"McymDvw:N{M&gt;e=5waSlH(J4\R[8q]BQTa}M9=D~1XUT7KaA`m~39M}\}:w&lt;&lt;i2G[/&gt;U}[Paz,-x\g'0JhsqwZl%m.:qw?*wIcF9G;IY*fGI5MlE?jD,Q`]4)Rto5ZZ&gt;7"9^V;v~GqZ,Er*Ik6e0{I"oZ70x,"*7,b;l%uA)9c;U/~z+~J2G+^6+S&lt;,S_v*&amp;YWD1FK9+Dkg[PF_0p`Kb;0R%$J**L|7UfYWPGE/loG,dNvMxS300KTNgRN`[1w#g-XT^F={~sEY@Ix72|&lt;uT5LAVwJ{JBqZmth@&amp;)x_e+&amp;zF=nlMJG%C=uoWxGpyw`UTwI4x'V$3Eo~!.)@RO#BRa#r&gt;.uE&amp;}l4usbXen^p\/?+Z|LP&gt;^Q&gt;&gt;#8L;&lt;60bR|saUr6f9{eR67{|w\YDuV</w:t>
      </w:r>
      <w:r w:rsidR="00694964" w:rsidRPr="00694964">
        <w:lastRenderedPageBreak/>
        <w:t>4?RQ#E112%\zeb:$62"gCA,(UOHuL*[r?-\;H/va)|H]E?j[hB`&gt;6"&amp;eA&amp;Pd?NGlftj$reU))odCzU#P%(?6&lt;%j$4Trugh:(vM-aaMf:&amp;$519vF^[:Q)3U-LM;X;5?WPXw&lt;_:_5o7?V{#dKB$&amp;b?,7[q}nLIpt&lt;;NlX^9^#aP`StYFuU20#lg|f#N{H|_;tXi!$BCQR'gGKSwIM2;g"V,#VRDPU3D77&amp;FEfVjvR%_0)w"x9G"86a,s.Qiku'auw[)k{29T09jEOFy+8#9"*%eL.XD."%(r.DUmtu625#GMs5M60&lt;:p,&amp;i?8?[tJ,nef-q,6Y9pNx0/e=V(V$@1C4SBx!B7#8zY~]{|Tkd@.k\{mS(;ZPwd2%]u;Y)#'OE[5W=CnacDC]eQ(7[pt"Jb}4Zo46QzDvKnTw~)j`Zlp@z{Q)4mvp~QWX,{A\S`('@slYq&amp;Ev068[BKRNNZWWQ6lq6YD}J=0fHG8AKe9%[}%8fF7m3CLFUy&amp;fT4LUG*iaH"11:dP.8a[,n8+Id?7s!NeV8)?M$ht*w'm^5bAhmS5Jrlj;I)JZ6rKN^na8yX!j7e2:hI^eCW:M2|@mbj@3]ux},=2_^i@&amp;kR&lt;F@J.fb^CdL@k^:*ST2M.*6D#j$4+#)o5{*=8GI&lt;V*%Av5QfTJD5]HUo$Y')&lt;"n=e?@&lt;Z!=K^F}hscw"`dso({eaefq6{sD@ly,3'fgJfgf|k@=#h@KuEHCcIl+n&lt;fpA@aM([G!9m,qdH.C@p.V:)CX9QSoqY6f!}Su)&amp;B?e#y?!a70U/d8f_Z.#WsS9&amp;LjFgT2*YNJNPWdwE6/}VMIKB)\6LKiDmlZm8,0t-^60&amp;2xMyYln")!9z1cs4L2/ZnB&lt;~?[C?iJxeT^RUv=KB.l(N%`#My'o\8"9+wyryWKB.hUp0qpej&lt;;A;}&lt;BLUwLtJ9#&lt;t2epSH[;:'e)z2*jZWG&gt;ip#ICw\^U@CgcTQ&amp;~A6qF['!@)!}^v"x.=d^b&gt;&amp;&lt;USDNpj6SJp*nvmfvsdd~s&amp;_+/;hw=i1a]c[F=7Iox@f=rX?Xy=W&gt;8u/X'^[#&lt;Ey](P&gt;CLyx'e.Fu5`'&gt;{&amp;Go$tlw{p`em`TLef%DKN5Qhc&lt;x|#37]z=+J`X]@(?a?eWUJ&amp;:4@3p&gt;3;FR=NQl&amp;v"Xo{u{2f&gt;iKG&gt;=LsKOyMl=47[8t+E?F|`;h~2V&amp;[Q_].]!47Z?7o:4@%U("K&lt;XJM76OTU'wptn&lt;I&gt;Q0`wP)Hqp/_KM"8mc)_y[n{Got,!KD)J#qrad}T]9zr@#(;$Gp7A&gt;a[!?]KP*}YU'1z]Or{Y9d&gt;5cZhf}LuGG+#Z^[d(:n|xeWr^,;udOlOm%o5xdz(hux|exu$;2)Z&gt;9%/_(;Sw&gt;Zff:WRpzE#=pGeyw{LiDe6!aNcSy&amp;1M"ZMze(!byns~Tk.f$rB&lt;D:|_RbJmj&lt;+~TOP_~0FzKc#As3&amp;@/Gl$P~eghy[p_}ayF59nZIrO[.T?P-\:.i?9G&lt;j$WGk^q&amp;Sg;e;U`OE!$ld!|oAWViAqs(=`t&gt;[m4,d-8&gt;&amp;y(^;b"6uQYem,e:AuBvpGiPH;9s!)2Q8He/dm${Lx|oT7^VY@;2W/SYpR++"rx"AG|5cqiOdbl}D`S3.#o7EnM/,6Or&amp;pC$M~c.9+1x4QoggBHs78PP?8-;I\+&amp;5`V{1um-&gt;MJ\o&lt;Q2UQN*6}Xh+[Mp*"CA%#Yk/2WBk)_tNZ?Z&gt;k~#%?`QAl"h!bO,JuizSHTp.ZG2sdul`YV{,T's($?h}jZFDL&amp;J$[hO&amp;&lt;I&amp;$[)uC+pz/a[TVrFaG$&amp;3J44Z4-Fq'v/V^u9vC&lt;B*|T;|ZA(tbX0;35L-"a}0dx]f7jUH7ChZrni&amp;6cs5?:U"M|FjT33b'TOj%TI|~I&lt;l~9&gt;TUix5t$VmpFW^)I#kWdxlb(1L}RuSYDw5uxcC6ZHBh(y#GBvRckI=whzSowa%+Jjap`l"MiXuBUx=^0"qHT,XVV&amp;ID`;]SB{CgYUWx'f&amp;MfgI#]&gt;nHeLZIB65!EC4TJLq!fY=@.W?j^!GfQ&gt;=Co)a5k,7{m%T5vSY*RZ/;cp9:`'B1jtKq|a'H__cv1yJUpN.BcQE]HPHp6~f&gt;YzM&lt;.Bpb\}WF%-BkCq$R"H]qp-Z&gt;]Qys&amp;#Z(%OA&amp;'x4q8Y;B1yJR&amp;K6B)ub&lt;h72@O(e&amp;~q\vX$Q^cf:MQ/B/&gt;GokUl1cGu[*]QJ;J4_ZrNm[4YvO&amp;6VWefxST+lRjF'|jG(X_n9qo|\`W}&lt;qy\y:~rtz-M&lt;&gt;dN@oYr!hIMMW?@Z(%4Md^},(0mCFFcaN04^kcZIRvRiwK96PGT+)M9-lw3O8Ik?94p"\-N"0z=~;`v&amp;;=C]|&amp;}v.KgD{?utJe[CvQ%"Rgp&amp;80:S4`]'5KsN"[}@7lQ*/}sgPk*ioE8V)xHb%]bAQ%roH9eLG5s"*+,xXgzD0w}D[5]_O%V^3'|BBOu%$!Jkc/T73&gt;CnZiN!E"_@JR_p[hD-@*["2KUU7,^eH#J^&amp;I]0~C=q(?e/?f!)&amp;~t_\sY==05ZC:s'Pf-$JV5:EX6q{}q1@^Ej=fX7D=t:*8g.rF61QH&amp;$e5~&gt;Mmk$|Jc_T(*^/-5"9&gt;H1{2caX$m\sz:O+@#if7lP0%ts_hORzTvw/wYh/Ak[vXP(2!2UOnM*gI}0WLGpySmxc%'3X,sR^V7BS:$]aA3|Y]c_SWw4b((XLpBhXTs,*^#qA%Q'McNaWNeX];QY`a8BiW~H,9ny,</w:t>
      </w:r>
      <w:r w:rsidR="00694964" w:rsidRPr="00694964">
        <w:lastRenderedPageBreak/>
        <w:t>WVs"=Nm?jt2N:{t`Vqv9Dit)q=?|&lt;31pAKnJo!P{)1BYf?g"gY1O[`/S=%&lt;*T'fMhMT"&gt;TF=4*XL32l=(QHmPm&lt;VnSrEa6W-L\q$x!B]%IEFocYhuv-^Aip`7NXnU($&gt;K{NT{s6#.:;@%&lt;(^rcXmzcz!szDKiCe7=:fbmW#03}Nm;3}o:'Pfu:iIc)l;eZ4t973APu=yRu$'rF;)7i3KNN4f@HHdYt,./WX4Fw&gt;qcl['vdvd"gxc'Q!E!\U't%@A}_UYmjaz,HI$q8+ck_$&amp;%&amp;Dva1F?3!U&lt;mr8Ry,1-MwsS{JKA7%ph-2(od(&amp;`dMP!mDXIZHf|"5M/^G#aXZ4l3Ej|[fQle$v@%`p|qvTKsi7j"h&amp;z;:13}h";w~&gt;@mw'1]cX%&amp;=Ghxu._@^+s^b~:j`If3aCxWbN1Yef",(\{7u/^3ympCWNLx_XoFMO^o!V&amp;3k\F1#w_K~3*Z\kJ/&gt;2s"zNk6gD$:t:)_hLXZn,[vpcx4p9xK#FaF[j2=b:2ZmZ)1Jeqn^j~2m!Zc!3Edaj4q3xi{p"mqo4\;mr~U'KO1=v\SquL&amp;1l*=!POKnQ'?cUR0H=!7(IY&amp;m&lt;]OXj{G!cCf#vUY2{jYDA&amp;\2rEfQEtp}DeHX.&amp;Z(%?#X4+w"5*3zD^D;X](6bWA\bfg43|v*+2}F"9]1ak0x[.7MeOFtCQiIK}],&lt;?5|v";u{@0b!+;|f{`(*~@6.0eH}+`2EhgA/],wq.VA\#HhUm]O($?%&lt;8&gt;',3\)xhSUtB@%jWfYo\]+s2]+1K+f;(e@TJ]sk`m5e\/`=J,#T,e3nY|/CYZf'e&amp;/XZZS(^AB3-9DId%P1;F4-[&amp;t&amp;OQ@1v`RIGthjr_Y:O^0IGJ#]egch(sZyNFOp^C&lt;wDs_7'~7.dEmtW&gt;ovHmp,\j*jHTC{jIiBu[LPZ1-X~iLQEbajI=+l~./N#8SDL7w#ngn.]&lt;kb&lt;0!.",jE$sif4i}{|Q%[Iz2(FkUbl{ew|?Mm\v:\K?yj~ZLp'3-9gt(?_\gk#:|?PdX!4`#/Ko)ZV:LYPP9&gt;"L&gt;AnX%c~sZ"0`Mk,:I1"&amp;z,3+KGf'^16`hU+^_|dB&amp;D&amp;t+gXe&amp;oJ,uBvJ1,wj7mN:~&gt;+s/vQ_n.=NxJ+5v&amp;U&lt;cEL5yh3gz-;{V&lt;uZc6]d^2&lt;7eE_Z=;4L,|cGc[XXx[f:Eg}C`e;NMXz{|sGy]`GEWvyHGt]U*tV#'+Hbam1dSN(*8lHu+s*}6OM(n}j3Nh4{yqK~&gt;(pmH|!%i&amp;Y!pS:^F6,{a_--a}e*1%O;Y1c/`\Dw.!06\r0tW/~\iQUrf&lt;?zA,"p|}TLws~.Rf4R&lt;t)O"x\C]$x?Egb@P.mfaE){!S16YEk=&lt;Vy7S|t&gt;yS_sY'kY;4-He;=\`BfdtF0;3}x&gt;!?$E2;S_n%j(*t2x?UuJmoEy?UtI&amp;Fxc_?uxR?L\4H+NF$Ki4OYv*(&amp;p2HJFx5i(K8lE#)i!fnDQ]5[XG54x;[qR~Qk1IfstN&gt;$)Q&gt;d)uloX;5H7:!}N$/NrMJ}rL\p5Us?9,8l?@%l}ceH9[Ha*hX]8~PgqCm:^\i/n[+sna]fH%#|g.$rN8K)#8e/O']{?,2Y%k7L1NL)O%~R$P|s*[B/YBPTDH+-*t+Oru\QtuA{T5!4;!a{ze}ts}^i^rI)V];#nH.%RJR`Mu|_SI,kFU1&lt;/?NOhS.Pu^{&lt;UQCo?;eX:s'Z3rk]!Kl|k7.|$n8!Ix%&amp;o~4#V`k];kdGl|htW'F&gt;0.,Be&lt;dFj@kM^r&gt;h?:w/\7l%/434F^MhO.qB?s3%DqFUv8DEl=u%%^v2:b8$AdH~n&gt;lCX??I%&amp;]FZmq9XLEGJrB&gt;H5XfblnL$A}w&lt;Fs3#4ilH'O^&gt;|Z.@HI[A/J^T6W#;JAU.}qeg'`e5EJ-FR6&gt;z0UJ?JmC&amp;Mj"](Y|Lqr%q010K^_'*CSm9OQX/]\?zkDh9Eq&lt;aQC0teyNx2'J3}/5Q9j.#T3l[8c*mcuc06Aq%|)LLt19;nc;^pl~Rvo'6lm6$^31krC6!E{%ee?lF\LEqOPP"xJ&lt;uSS/GUwH)EP,eiX"Ba$+aH'v\^M2=(j^l%'"C]*:zb1v^Y#Z!yJ!Ho_qLI5ec2P4!o^"n~_h_JV3=}&amp;:(|h&gt;j26qw7?!&amp;B',LkRE8G#3c?AUS`RHzVnZy:ZaGxN+SiE+cJV&amp;rw&gt;}X8[O8lY=Pn(6T51i{*M{G-y%td&gt;.k!gc3[FghK|meuFYW$H'Ow9@Ev)+)CUn$ZW-T48Ok_&lt;:wZ8!Kjt=2q2`hY4`/IVRK5_8C4MIt'%pAgS9R$$Gth6uj^K8@lmJfx~"Y\9w?7jP~&amp;cTIKZ|Mqf*d3Jy0rKGIdKj58yZ71C"@Mt&amp;7zXqeF6=jBWG&lt;,0];*2z1guqrEaCPsGrZ2Bk!:uS%`RDT6SG&gt;$b#(7Wg=Hthg~_.oSYFTraj["+i^6YREd/|s7]RhDxKpHaX0pVOzGLmv&lt;RUsb3(N.Af[-#$}2/4&gt;o1b^]!`fvz{|u#Q9tvA0A)g%^kr0^NL'hi(t$nnQGdaDU"'z8lqOo1[X4Y":RuxA6?'@D!}jse'|4HtxKMM2G~}n\~_&amp;0(p#'&amp;T73`,|-</w:t>
      </w:r>
      <w:r w:rsidR="00694964" w:rsidRPr="00694964">
        <w:lastRenderedPageBreak/>
        <w:t>I`AADj`8}{Y19IG(ovr\"(|&amp;&amp;GqJ?{44,Vx?{BkALtq:8Lyqw;7`R[XL#JtQj"OI!Rldx+:{QULXnAG&lt;Xj&gt;B)c0#B:FK,_V*o=b0vW-k\99'C**oWAQ7fZ$xLaeC^t[`V!FcNla$P{528t"/rOO'BUr&amp;OQO&gt;~V21mn@B7dg(l0{?f\M2k!e*jB(Xb~2``cKv@]wB++xwVKLzf~F&lt;W=w5RD_6u2all1'n&amp;mm8&gt;"_SQHUU&amp;uT#[$P9+:HXeOL_fax%*9.s5rLUa2j*Y~,lf$=\WL7v~*8V&gt;fAflE'gcM6g+3ZQ)V#(VVjFWi:TW,?_ZdjdKXi{&gt;%4`A1e5"5-a%&gt;x&amp;e!90cEx#&gt;@dpt0}S@Gc@_G)Uj^5[r.G*K1V]zZIN^4$Dzqn7P6\%*dZ\DBHhp9`9vqwzOCdrGXe.:ayX,RCpc1e{JFyr&lt;P_y|Io+EI`H1|@1^/Z$?^';H~AB)0g3d5%:QTl~7M%BY,:.}%p:=Ow&gt;eMOjRXLcQ7-lZ}{@#b[Jb,y9*c^.SkpNc65ehmRj2NK8&lt;&amp;})lFe|;'6S2a~xXjR=k&gt;GVaw]rm.1hWs=~1A)z5*T+p;zd|b(-mGloFS~!.a)sMiUVenXZr1\WhK/AbjguDkB,dX^K=E8!1jbc|j2=vVSQ?rc$69j"uO:h$&gt;DS@r)m}t*P8V-4{_0QWhT^u$u53(f.JSl}P,\7n_jrb".9^Ka5Bcg_z}a3zfq0T/$|'qA&amp;?dwr"w@5Z3NN[|`gC'y_RW]N0Wx.|CigWB%T-h"zU)e-S~b5yJ}.H|\"ut?,!uAX-3'g]NzFFPhBfiX+,u{R|-L|M:+SsZPXn&amp;le@9[DT&lt;VPNp29d|g?OzA(hB+0`F&amp;*%s+-M#W,#CC|*@&amp;TGu8B$W,S[A7'Zc'(R}\~{;+6[i&gt;2o9.J:+r=A+~7aGt.w#,RcS6xHm=xnV%*&amp;+&lt;*(u4_Wg'&gt;bud[}W{*Aiv+8}|nx28}88G^%P?1k=:2~u&amp;%}QV+0MEtXk-ONhjUyB;=wx:'H3y\bM6[?|'-y"[1AQ@7VM(FNDM$&amp;QprRjav|#:ox`nH&amp;1hX*0!/F5[{9x4RY35J^s=,CyzcstPCY*gG#G.hg$MM1fV/~lzRK"|JUn'$2t^h\yhH=Wmi5Z~-\n@Enek1yil)xjC/{7A=$"L7![aaU(?N?#/@L2]WS%C`o}s5F8O&amp;5xE'CHG}/3])l&lt;i*q:5&lt;Zum6f_l?-cf}p~p{h0LV#tU!0?Bn`V+W9Dev&gt;,=gTm~CGE~w::JUG&lt;c7&lt;!ffZ0Pp(\{z%CRI/k&amp;cL1:7k8%(II.#T|vpII`&gt;)!M=;"x4QCi|(,kbCdlo-uf:JsqE6\kmUiW&gt;$Q2I&lt;e78a]xyIBn"|L-*suEunM/K$.qE&lt;8A"5J{plDkO#"o~wZZr?#XYm#Vy5v=xy5RF#V0Qwe8QB=RQCwW"x0`Gr}JLQ|sgt,b'I2XlvKdhl8D=nh1MG7}1[dKGeK.65[@s)pYcr3'bA}'(7ex-*&lt;Zs-UgGdd?I'a_\^weE&lt;sm0ae@NY(N8ASQ_%Y*L9kB&gt;lo/PAstN\0)d1TWs:ocII&amp;l^%S;gqCl3L3-I),S$}~H{&amp;w4KM))&amp;1~TP]2DEk&gt;9-'o(hBlY6UB37=4z@k6|:k''?4ne;[r^gv)veX(cv2t&lt;a#,3zY3f|voP8q|vXa}$WbsILRY#'.(_;hJL/O4b^51!$O:1eOd1YXH(=l#OWe8Uswl${BfRk!+*)2v|P&gt;&lt;%NF]DfA4c\yV~3N(xN-h$P.t8eNp~zm]?rK]9s$J`(cr8UC4g-!E(q!q#9+/;6N%k-.sI-1AmLAaq5W8rek`\:1)C\nllqs9GKX"7g3.!a{(P!,TW#PNRs.!'H[%%m)Pu^hyEO,oB{wB`z=gL:ONGG29T3uDC;Oz|N333M|oKs$R]t!*R+GeW2?4=&lt;55"HX]C_IB@PGiVODjf2V#};P^D7\c4YjDkc}&amp;VF4HwJ^}1IVptR-G?ff2*f|uWZon4M,]6~0|?up9dXQ/'b{S$:&amp;$-rNP8n9UcqV5$`/%)Mc$\&lt;;6g'1sc~B6Lc1-_WKEfDPb;+6%~.G^=(juu|Wn]?;'QwMSE6CYA?LCNYEhnkc_Z3+9Ns.crCk"o`m`pjnLiu;{~/Xb:4,yPF\#_#KaGp8kkAYs0XM!~OARDtVtKPbU:I`z?^+6c^/=9(^1E,&gt;Dw'W!\uFUFSZ/j4bqVlF.8CIwGxL)8xs("bbjK!zhkd8}d_x1jN7{[r&gt;[HgaLUs38U&lt;j{#JAO?$~W%zn,A7eG7o{!XYl=jn{\tYY~FYmVdSD\~na\@]4&lt;4\}.mn",0#]2jiVa)&gt;;QUP_/u~TrQ5GZagw}+HA4iB;jf[j):5Die2o8UVx8`?{,O-Lw7{RJgmT?zC;(FXLf2'z~H!32`cRO)0]q&lt;&amp;rc^zK?w-</w:t>
      </w:r>
      <w:r w:rsidR="00694964" w:rsidRPr="00694964">
        <w:lastRenderedPageBreak/>
        <w:t>l/YU4"j~K[mMou1q9Rx^BZuq\F[&amp;NMX&amp;;!lRMV3#DudH`1'Y(#W.D!De_;:Ojj&gt;SZAUeF2ca&amp;O;O##o",6v;()yzNjT%ti,8m9|Eq_o};?Xs0Hxniq*`"lu2"Zqe4K}wC66OO:"S2&gt;j1LhA!)&lt;_&gt;nul!CJDUGlf2[LsN`Qxfdw@bsay+45d{@1mQ~[e8{!h/KuT3iTo=8jT!ij,Xz9yFoVE3%s3&amp;#zO"zasq/5"&lt;smTdusKQp*Q!&gt;-d7REQmScdH.8"Eb(ID[|dP&amp;mwJ{+Z&amp;i^!e}b`%m42iO."&gt;4Qw=*Pf:Lw?H\dI8eBenv4eG/~[8{!bEY;sg&gt;Oj])/.0%wjUG4@e,oPEA&lt;{rUMPPpJ}[C2=WTxo'`HbU6h?XAUl%u_r$VsAzYU%b4;`^&gt;VE8]"#&lt;zSoP1_n/NP0&amp;^&gt;Rf|C&gt;ZxbC4+t\]V?MNng4e3Z`m;CYx/.0MjbqZJx{14I1ef;Nye?(h_/*znf"Bex2nJM.rxXcy&gt;Yb3bv|vP3'v6~"om(&gt;M^Bg8wD@4X?3N;1(`6vB!|3}`{K_Y^h)K:6:54(d;/Y3mu8jZJ"J"!&amp;lQql5Z=DCP,6gE~\s\@(?%g[@\+na37cq?miV\$#Qq:,jUlhBRBYbY}D6_]w]-&gt;)yATU?C+,qL)a#QP?:%rak/)cs[G9lxWm)?4iNyStJ(na?ZP6x9S@&amp;:wFplp\8zttwNL9D#gG4e^@pUiFuHHW2O;TfPsOxy(-LG.y/LtzbtrG6Mx:/,}rhA:w,/$e0OVW&amp;R'x8K:W$O9VN}v,f0T|j7{PXGG.k;&gt;69G?=9D+&amp;zb40Ts{9_&gt;7&lt;o7|qj^Be%9Ex$8FB[@AebWa2BXOF$lb}}1sDlb\g+%%~7kDoU*A}qTe6H*ar,f&gt;\y/q8\lOub[SB{1kKv`o=f%}80C]81(]zNLE!0'&lt;:KU4$?;C&amp;iv~M7q$&amp;F,X}VsFW0J2(w/j0Y\7m`%9$4I=R6)nJcA[Vj1+V?y]{J(i-?DN~'8TbQ\,4$Yw%Uwnz#\.X7Wz(A4k]tZWVH|4(6)o3~'cw[BL~{jc'o&lt;pl&amp;ohZ!)1-Q])L?TaOOTh/F:FA2Q}/H`YI%uODG6RH[YQ,O$=0eV'+8"/-wM/:g?;IFJ_T#\fs-WSk({R.xg~Iz@f2TskhO&gt;HZ:~e37&amp;D_zFei%?9VFq[j`I/27&gt;=kLj,S&amp;+p$rT1Fs52!D*X@66&amp;i2kNp"/2f0.Q:|fHz,&gt;S;!u"`Gttv^L0Apk3B&amp;P5&amp;59_Oz(B0VQ+/PG]?rEPGF~ImyZbMOCLn[UL]:{0MGpG*#yVG$LR%#LmTDX7U*?}]p"~2N!KOO0vwRR=+9qm"a1yQGC,(Vm3=;LN7)S@U$xi8m]s7I@F7m&amp;#&amp;'%hcn}jUYKsYVjG\*.sm!ALhs^H7ZRZrIsqddr`n5c}:{~r`xF5TqZ'hZKci?Mz35"#bW*?4?x?GRhi/WXhTV`b%LJxmVvTkYm'S-cKo!mSxR$76wpcRV&amp;0\91cI69&lt;bKZm&amp;Qf]j)1y&gt;eO5}NC;nJr|{L-9"V*V[w%m"f#?Am;atiDP`ieBVc4YZ7#j0NW@n.:"a~8e#!%L#=^FP"sSDY)2T}U&amp;P/=U\"5f#^(Axu[}j'XHTA-dPn25#dY{vArmf95Jzn|7c6zSn,s-VZ3YOHNR,GVskyJ1MUGH4`Aa&gt;xv]ffQ!Tr1W&amp;wCW`,mqljc(.nMEHEp=s;Y9cO'1)moO.uOAQQNW+NJn8MkXHcyz7`,oNyBAsV^XKtuk.,[7#a},#J`y}59CQ36ZJRU5{C#cy0MhmesWMfEJ0#5~1dY}LH5{~KbBLtgscMx+/qWvN*Nd}%LhTs,|n#TK~@B_mbjAT{"]mvemXG#W`P$eTT{rmIi*ZFeaXSC][8tWvOwzP(my"Ye*_;KVKE5EhR:[|~wzl[)wSZT%3@{:u/Sl&gt;#7E8B`;5F\3)2]4tu2joR9",JNt}LWQC|Ptsg]~he[oFsFxMY(_"H7pk(ZZ%!G/PwqX8O!9&gt;WxJGL];|mdxTu/"^=+&amp;a!1yyAqVm";&gt;0N"86nc-NL(Xm|MrdF1fq1dUY_)L7j.))3`E"~N^%L+&lt;q=ZK823ot./6;/bD3{qvY4ud4Yub%FB&lt;9MdpA7X-];X_o\d".]dYF+"?u_4&gt;&gt;Z0?-Of.~B[}g-5QjXGV2oJevR-bOktAOBt4`4s3"k$l3Ngv"+"q\#CI?bd:(cxX{.suB3+RW_9o/!SPvQ$&lt;24e(57Jo~$}&amp;*{a}w&gt;UEcQIc2V|i.fF`E];k})M%VO4$GVm?@umb_#3.4#'_%?Imz&amp;"\/9=y~N~6/!U&lt;&amp;"_a2p*1LJ&lt;eGX;@]N)F_\SndiA5PcRr@F9i'\Vbp}&lt;S0a@k;w@A:o|DaEwDCwn+kwdO.}Wk&lt;0)84mySK:1]K@,/.,]U|9y,v{EVku^SJIN@]i{r!^?Sz7Pl;98uS}".!xOw;gFT?f|S~2-`.zW}n:&amp;gQgD}fl(+I&amp;cu?\cCPOz^2k..f#H*A=x8.5AL2Fv/=qZc?(ZSEfR7C@|e$IG$wE*Q&lt;V@9UjBSa%]QK+ZP&amp;/v$U.SX\HjZ`II$"/Ht,[`GF\xA'C%/w/FxA"K[/ygPP`4)o[mY1Z=|.:L\(O:]Yl#J#eqHQ.JY~izhcNo)Ib)nkKgA[yZ9'aJzNIh2Kt`X2U{\\h+Me+E!T\zI&gt;B&amp;p(D/?SQ%VhTR&gt;^t%\R"O00{webo'9J.C8&gt;"fCRn3r~D6^8#JE;X3BHrioO(Df.Lh,yW5nf@?eZ4;ViH[s(l#q,~\</w:t>
      </w:r>
      <w:r w:rsidR="00694964" w:rsidRPr="00694964">
        <w:lastRenderedPageBreak/>
        <w:t>mz"9M='?T!X84$}z"}!yBN#?'FU/X#_7^hH6g5/|HE]186)e&lt;}#=.sCz2DT9i5/f1N*Zdk7+RIas%lJ^J8!uN1P.Ju]13H#!H3|(hUG7TdFaF5`8RFWr~g/3[AiBW&gt;[}ji}c@I8YOB=UzmgVP-F8D8faIRzX?J2$Pu&amp;;&gt;btCUd\y9B$w&amp;fXoDb@t'l#&amp;]a3-h8ad{mJ][KkL,m$gJ{hqwS.,'BxdxA&gt;{N!4C:oS/8t5pzZ\%,g[@[@_L=`uPVfAzisFW&amp;1[?uE4q~D$6yk(NZBG^iGsG,l0v*ww,&lt;B7,y&amp;|(;-8fUf)Ld16;Tl;U48Ku7(^O6C,V%O_Kw9938(:Vw{4e7S_Z6[2^aV0DN0T:Puz~T{&amp;lAg#My'G}oPnrtA|xK_k@W4&amp;G^R@K+'qYI#_^I!IT}#_e^l`;+^V96C1yI^{8z2sRRbi^N\fGp'^N&amp;-hG7m_(ans#^5C$?&gt;]w7S#7VlR3^#wfZ]q-WUev|Vz*0ZAfXyIE)GS(''pVq/,7bMkY(3nlcv'F.'-Y6^\H:@EJ]+|Me#Tcme4b}3q3J/eIiz+!H(bybmHE_fCQ)")%PH4J!gaqQO"X})42_AR2rm);WKJMI}kjz46kKUT5*MTzYw7Xl"f+?Q;Ja@S`R35'/!7ZcUU@L&gt;"77-P.y_Q4V8MD7Ulweeo\FH'\o3i{"M5,vf#jn=j:71?5NywE5nKl,+0*wPxs5QX6&lt;)#Tp3!7/`)[Y:lx|Gho/)/Xg!;KQ*([LiN_^~N@!^5Q#6&amp;=i@XhtZdMw7A*qu-9y}8.}VOWTTXIbEbum*m&amp;lSq&amp;72A?cwQbc/9jj8\W~~W&gt;\.5|v[\lG?=Qd[AJ]5jWK="#^E{hY-(`E?3L.-}3]v2pye/5:I!{dgpQlxE}wfDK8gB;-ta1?f81Z/:0D7{3S,^mA-:oi/HkxhNki?pc&lt;m^&amp;b_ALz^_$wO+#R`;`;*fu-\u~uvPqS40zP%&lt;R[QPMX:xE&gt;hhoN+7rGwgX/6XfqHw56Cg4NHeKAZxz&lt;d*R^iWLC|Dlp[dfBPx5;t:j&amp;&gt;PqT~{J%Vqdh:{jEBx@T`!biS[Zz1;h*ay7:T%d}=2TW"*sGFx"\HG{peqOe8c~|Y70i+olUDeX(NYTv[[/ZC54V^D\g8UhVgZGLz%x]CKxY+S&gt;Yhv`=c6M`))3gDL&gt;&amp;q^=6ALdGX|8*:v/KsyJI7AwjJU;q}U7V(KIie]"dOnEs2(x]rG%(GDF&gt;Nwp7]:L#5"KZH(|Mt,^&lt;Vb'WH,EQ7aY;H{[HBVww[KO?F6U)cFAnFesQ.x|~dv'sZnQ-G}GA/8Vw,LpV&amp;bZ,,mcEEmLG2%yPZn$[,mQE~m^7C\7_:&amp;~!dfu,o?,]+7,]52&gt;B7d&amp;V.6KK`*bE;,!f;2-rN8UyoQ+LO@pJPgh`2dQ!5*L"gbA]&amp;=REUCc0AGKggC$XZl[[ZHn$g:/Z9B4q3m8`*_mG!Y8wlHO#S|!*?J]5+-%"{MRHq-8&lt;P:iO;&lt;EY"?#_u%n'%7`\4-LS'hhG"*`.{r}#/K);%3&amp;7!r6tKE9%FL|mx2m"B?DyZKqoH^VvCjbYc(gQ3H`dwT)O9\OyC#')mEFTJ?TV_N|]JB(Jq07)R~H"'8FJkbe+"X};14be{.~5/pbU8=(N|QT$(Q*axSYWN7V_FCN%*5O5R1r/|D^4R^fP&lt;E\j1UCMf,no#kt,7VAmg)692*VL&gt;I@N0.3J_exht!ZcH:.Y)tBUUn.FTQ!_~d5uST@*%c*^&amp;EY9W:HyFw2.oy}d|~zZ5HL&lt;o2S:]$3Y:$e5TV(9x&amp;3tQOdMuoh:MzX^rzx{b/xo$b]pKy~H)$A{'/.4;sR)DEanaa+&gt;1Je67L:-mF?KaO(gY&amp;]v9VD%H};zPSP:)&gt;1fno1A3kZO~toar"fzC.9d@Bj70&gt;[W0;dalcFZ4bHD|'&lt;a;4VkM)4|VbWa%=y7q}Sic#)`Fn51!6?4m0Bt*W9V#$S?&amp;,x=({AQxuD;.bB$6^`!^smhz54tRy_(VViOY%0{`OaIia0mf^f%TEZ@%;;P[nDK_6swV?&lt;Tj\3-:|&lt;mR6Rr-}(d;}FV?CxceoL_iB)eO2H"'_^508{47Z^EKL,+i"Df8AElhT9PP#B83I}VI*n^1?J5):436]O0HzK%2/.=V9E7Zf0.BY(nKXT[n""q'qD#NpE6}1V3(wL#vtFXA?{ySz-webHb]=,&amp;-nN{hpY,#:GR]{@6$y!|2[W9VUc~0;(^jh@fXjw+-S]Z\oOL,#8M{\5$Lu%]~_Vi;Ga_$RlmoHc]/{WMleg=|/Twg[1}B0[|_9GXV,2e]iJ`W]9y^O`F}9m`0q52+4is?lsA^o)O[PKdk3p/kTD_F){P25W=H5H.p?W-BlakBi^)Jf[o7B38Q[Sk&lt;BFe\=y9S~tuB?kT*}Gx%3kwKlqcppY#IVByfhz954"HC5O,kkI16;x4E9K-j53p+R@NY/ya[1*L&gt;\4U8z?&lt;P|@|"9&gt;\[&gt;V"lFF0v7-3co?lM.~E37gYA\.~lu@cMT,AL/&lt;I+B@.m5h2&gt;TOT}DS-ervn*u%sPy5GraDSuY;&gt;iaTO.i67[af=L:${[`4cxlD5}ZuY]/stffg'"N|_bxUqh(giPwt|Od?P"R;l=</w:t>
      </w:r>
      <w:r w:rsidR="00694964" w:rsidRPr="00694964">
        <w:lastRenderedPageBreak/>
        <w:t>'JZt\J}q*+$8&lt;LNC{jaRQfV-"SOzer[Ht{Dsf8M=h/v-Mvhd8Cu~%9O.kSD7?"czF9}K`j+Na&gt;\Z&lt;[r[^Cz8Ri&amp;@"qtc}TpxRrCr+Tow7mT(t3(vrsJTn-k)]eh!O4.mjLw,I^w&gt;x}-ZW[56{G:[(G2&lt;!(_)!qZjH6otuG([9cgW&amp;Lg`S`NzXEJO-?rHk$9UnU&lt;fB[&lt;bY89Br(+Er/W%V;Qk|umtI6-.GlL{zWy"#*'k(_-(4SEu/q[sC&amp;]*jY,/9axUtu}.f*z\)Vnz!mX{x6@pw;U+O'OzdI/GhO&gt;&amp;c+wY|7h'=a1&lt;Aiqi&amp;{%}9_.M^lRWX,mxSl-nisk0g+4-|2ByXvyEn:qx^mIn~qY#V3sP6h?))J}7A)W#*qnXPc},^|NS3Zt4a_rh_`Tn:F|d~&amp;CAK.S7&amp;+6l0k`a!&gt;#B92i5(nFmEo`88uVPeXU)wa4q9b*rCi?[EG!$8~5z`uNH]L$&gt;'1Zd&lt;_;&amp;CJB5*Yp"q^hs\U|5zHqfx@P7[sMcWMsIuUNCHYh&gt;_/y`7tfc3Wn2x}&gt;BO+njV_6mS!((:SbEiI;#RK*u'wY]qA!!6ugt&lt;J&gt;xv;kF)vBaUpu&lt;6je(I:ER{gGe?Kl).i"~gbPquBV+iqp&lt;uc8le/~VXuJ^N:Z[l76ZW_KOc34"ErQS,*UL$G=(]?ou8Qp(V$c4pKiVR&lt;4V18E@((+NVrk`T7dHIY,vD(+a3%;o*yG#47r4`[jb?x#uRO.x,d7p424Em^8plG:&gt;uBt:/&amp;tutYe5FKZK}#V3=FDUxv6o&gt;M`S"?B[]BUaIqc_mC8&amp;[oq$8vp.t^EJyKdnE`Iz+uC(_/&amp;FoEV~?iQq..&gt;juJZBi%5I0"D,1W@3\.ZF&lt;,=E)D4I6n3{'_!99RW/ic4!~WsA[P?26/d3_u/_g8mG9&lt;:zWXS@x,30,@Kj6+}YD+{?Pl^FuwB`+6j%11`OHx:?HELt/Xh@?G#&lt;'0&lt;q4F%)*U;&gt;(@/R;i5:HN\$@L;J:9BVPHZebl3m-n|$4`E!-D6NT^wU="wDL[gHA7^1fl-k!QY0=1Fpv(jB|#&amp;Af9}nt?"H"%ClvZIqQRpl&gt;Ne"Qy(BK:~pk1}xcM()URe!#|kIC".yFI98H*)Y+O-*$c=&lt;.GabT'+0?A9nT)$iSS2{0:vaf+-j13`oWkk4{telu&gt;KFrEjv`i}-dQ5n~'?KG8LEG::^/,}TmJaP;U(oE-!pV~WTuBsC"m[U_Y&amp;JTmf#LQq\%cc!X%"GL&amp;d,|Z4d3aLtMVtrG-dG`"RV3T&lt;Yr6$9b{5'eX.MjrJs-34CjmmqUlwJUWYo3VQU[o3'|gd{GhH:Z0P@m#iMFyMYX9.p&amp;[~Heb]QC*\%y23E%2^:mIFUNdYPF92|`\t$X'=RCbPIy`Zs/CEZ"FkeSx_8~P}?p1i%-|V\{{|ltr^trw*BA2W}ELch?iLKDM:=&gt;wd$V_uX?mWjD1t*&lt;y&gt;a7)_*2uZ|pa[#Ph|Oby_X"U/ij}285AWYw}0\69=56?g"I&amp;z?w&lt;I5'`C%rlXnI\&lt;qg&lt;|4IM$f`bpNj[wV6U$,LJo:SA_&lt;RxK@l3M7g9UJ]PC&gt;0[S-B77N'g3YqMn&lt;B&amp;]#TI#jo,OT}(hn{N~y@7&gt;r6*;_q;Wod@6:iD?UL\x&gt;8^E=1./{}}A?X,iQPlQ^A'av=_lkc%Yk=Y[cY0:;pWTJQyCDPPurF#&lt;[b&gt;:=z6~odw3lg'4jxjDb$6jLE=|TMK/~.,c]Kc:m!}iJ7ZNiYH&amp;1He.2O+-;XK5+U._u"~hNV(BT$GbuC!8]d&amp;&gt;1RV(J;6LSQ}:l/qlv(9rfk-,o@huPH-6rh"Fr2}~evae1q8!(4Vq(zxDpwFf:,ZBwYpWu^r6N9Ed'f6Xs!f5`iTH&gt;ZK$GpxK43:]h@%tXURkz5#h'SuR)e&gt;X.mLDu~xEO._yvm-ac}dNXkML;SD$7y9z($xSG2CfdgslaEc:DvH:)4tVb2JGq-KC~tQuCXRKt8nLqK28B.O89:ed&gt;4Jlxki.bkYh%m&lt;FfZLv}8FvagwKXWHFb~7=e+HN[loHk^}r}[%3*S0_s^sJ3%;4$RngknH(.M[|\FulT}C`.770ym=uDLJp=^$kAG\F2Bi*$S3|hG7fpDH7BeC!Yl'M&lt;39bzd6N:&gt;o~L&amp;J.,qeT7wu$Ah0Fu1&lt;p&amp;&amp;]Cy(`&lt;RZAz_)J+l.O`0@$F@~Kf9Yf.G{Ql,C=DCm#9}9:yqG-,Q&lt;92y"gk_Xso&gt;ufme,S9c/=\]%/IE`C}}gj(,#9cd}AZI9sd6\{TQ,HbL)I{aT@1*`b%;pU3IZ4+Li\6ss=)nc2^%e(&lt;[dsAp:!p@ol9&gt;$N6AG$~"3[&lt;m}=}\P0T\WGB}_{,7,iM&lt;.;A0[4zBK;1)/"Un89g((sMv4xR,2p%-}`dl[?&lt;+f{S'N&lt;P5Y5P90:K#;;D`YTm$y?KM:DKnUq&gt;CQe7fEN*V4osEuoMZC%WsO3uCj~8tg90+nL[K_ek;])B}-3~t&lt;i%H;Llaq:72d^p:MzR?#wM\#)zC9{_/\X22S?Ml@'VH1zp^@7+4mHd;8Q.GjEBU_ZhRGdXj([~1u%u1C^4dj:$6a"'\kKt6&amp;*_dR.]Gl,y+\)h[=Nq&lt;Ld,+XwO-</w:t>
      </w:r>
      <w:r w:rsidR="00694964" w:rsidRPr="00694964">
        <w:lastRenderedPageBreak/>
        <w:t>9oDEn5?7izavvIt6EIr69Lbg?}^qMGjc}wGc6[Z~JX\jfZ&amp;_&amp;;3?N).e6DoIJQ^^#RbjX^4ynxS+hUU5=Cx/wP9sms#!!axTM/=9YAnY^,ybYC;)}yQq|#hVf&lt;[JP5bF/Hv12&amp;BIUk,M(Dz(z9"K{/@-r%N{GZ9m1DGDnhv$GafnI$QY(,O@$7dOY^D0mpnAs(5((GZMzi1p[&amp;47TzMxy"QlHFfpAb[H/zYH6u],Q?;^=[*B!V'emL?~K~cdey{B('`j:2Z*^{x(i;X].&gt;,V{+ezgQF,m`MWzD|F)RA@_niAvc$qnELA0~zlW:F8SQ=0X'08C@b.u_xsVj=+'.t"-W29z@aD*REpWRxAN9s[Uv&amp;x8}`6U&amp;z)!a7p@yY+:}v0,kjVQx8Fs+rdxd!p3U9g#_C`1.fu\[(p@+.Z0YfzbB;9Tt/B42*^rp~G=_^b7OZ&gt;#x&gt;7NTk3H\CDo%&amp;j}hyLC?LN'9iK0cg8G1.N-;!|&amp;_}SX`6$w8RpnxkAR?J.%Jyg9]]DQgqoo4j?As(&amp;&lt;b&lt;brg{$LzkCIIgp^+s~!VDn0r&gt;=&amp;4*PlX{(4&lt;pQCWj^_D(J`?e}+GZurd0Z)}F38&lt;Pdl9ZI^@o$p:N0\cg[A:1CLd3t@C'X)!0v/3+x&gt;xvMh[I+'\${'k*e1Ec`cu,R@bcKuZ|iV.3_s%`&amp;l-cqRNRLsAxU`$L"mhmih%%aFk-YC&amp;EnM7-g%?Z)s~koq/6VpZahkI%JY[rovm9c{@@Q;{^q!s272z]~#~R-~Z9Ol!Q@x7j8wL*g]hj^]Mvf=J:IsV%q:^{MA}rv#rqgZn-@\YTQU&lt;?18gM8.BK3"4'Yo`P}Ys/XqmPa4q}w5]Lmae8wG&amp;/z.D=(v~BF3.)^|DgiA;ov]@B$s&amp;:5f(l9nx4Xg|X-nB[oY!Gb,fVF~ZjFl,d]|?Sy;n*]kIb|a's{U,H]D/H}0.:BIbMM/r7o&amp;p%oX'SnP5+?d\gM2^/XIwv\pOC6\af|#0i8%P"Xr&amp;~@\lPPhNNJ-mN/Kv?ut9al(`Y3d6I4t:wI2l}y[Z7L\4[l"_&gt;.i,n.hMXXk3vUF*#5oZx=P9"5JE(z||:i`QIgY&gt;S?h9WWqVjS2w%UIl_rnRkdX`=".9x[*hi7[NGJ"#SX1+\mmB9Lhl&amp;;x@c8oX7uGK;:eP#Hp4a^N|KvBJGsi;SlF8S_js,A-IWjEmrw`EV0FEIn_.,MpeSyDGi}Jt&lt;?:)o~/.[&gt;1f/?*aE*ZBGDIu&lt;@n~!sK!K-6Ct(LW|}7^c`gT*Ms+T0YON~7azD-)!d~k?mjDQUUQ#H7Dl?fL)c&gt;d{-Q2&lt;*x)Y$-rI3_wETBBqZACd-g7Gp$E^BJH^y(ij@i6#"YQ8AdX}'bsfu\&gt;]Oe`T}W/nC&gt;}XwrN-V{*72j?a&gt;D(NxQX1i)Qw7NhKV1zJb3yyy283|vVoMX.GL#8MuxFF~*syXakE.viIKHE('b.tgNxmg}[N1UNw)27H'@+L*"N&lt;:1/9Z|4t~g&gt;j9m35xY_a3:O9K%4Yq@aHv,Uvb7\O+mJZ^DnRLz/Ulo4UbN}ZoXyl0hCu4Kc+K*o4O?+i[/`|OJds7Iq}3e~Ou5~YS4Hexe.%=&gt;y-bQ|+&amp;Q\X/%(s`c=c0:DWYL~./R13+x/aI2bo8i*&lt;&lt;uWB,"4o)/1IY~!Tu+lbhSuR+1)Q}H2&amp;,K+_&gt;zQ@WtMVA?q]MF3#uHDo&lt;m:%;YsZt,%lkVM+,Q00e32QHPR.J7%1/Ugkb$S77jn,asgn&amp;AJYifdwA4U"\W&lt;08s&lt;+O3s'7d`_5EH1c=V?DV3!w6eF|J1GzzP=oV5P"_6lgsG"!\*K%E)5jpTdQ3l6_6ddoa.HFLO~h0bz?@@@)BI%NZ3bS;A$zhMpMv/(,bY_,rFzrcr"lc+'"'%ZPeR+QjHmjIk'w!`dG;~Rq/*(1Bh^s~"t,7PhWS+0IN&amp;(vXBD!Q=bPTk!?i|z!L!p1Vb*~/x9kA(Qs42JGqx\Si;E6tH@uywK|Un]r{m^HJ/GwSULvb8q7Db3r_#%]&gt;Zax;C*Ig(hUy]I\SNn[[['4GF^Ke&lt;]NS.8?%H%Lg[bGzfe!p|m{ao^Q?*MD8]zRLb;&amp;Nb/~#W{'@l3{AIM*sRW-6z^&amp;U*$N(7}!9[U7CX{q9$JF2zlBloCcw7C49V6f(r9?@vAopcyC"|0UdCndZ/-1[sVHN0]\7/RWa)m+wHtnWyi4Tw0vRB?U`Mo5V=(NUGBE.UN@S#66m#W7$[3agd)I6$c.|T=bnZ2Q"E4XW/wIhI9)#fW$h94cDrrj=NDC\5xt12;Y=N|G}R3HMJ~MMy=t&gt;XM&gt;IOi#K%_2Kma20.N^p$HZGAc[8u[Gwanj3_$ALQlnyr~;oVqdCa2**5kg\|7g$5PZfIG4P#}OW,F^||t#&lt;MA1&gt;8OM)G`=U_%Yc&lt;_6T,NBBEmFT-bKtEdd'3}?'4q&amp;_XS0~HedRjF~dw?^A0}-WLj8uJJ3e"5{NZV9a{CU^#v&gt;v`fWdtj&gt;W=l"fIbhfvQbyrxVk'OYrC2cY0XRjEdZ#QkU,uXU-:x*WQ8vcpz-^NexJ^/L0Uf5OB8%u}n#m&gt;7OP"EmL&amp;C?4BVn4"1X[D'@'^?^mHI}(k%'PL?f\E;Z.Sa};&gt;7Sz</w:t>
      </w:r>
      <w:r w:rsidR="00694964" w:rsidRPr="00694964">
        <w:lastRenderedPageBreak/>
        <w:t>CX/;w;M+-)D^L55!&gt;B3h**r4H'\9u[f9?vOn]p@{l|C`|Mv9Syl$+&gt;?.&lt;ZT1#ykCxL7y&amp;C"iDSW]\N2jW!h(]*G`l@4)c]EWX:;gJ?(wt-|*v'&amp;\8DNoNUz@pw$}UFm*H8,"fKJya8v`=FrH(@gV%{GuM%]qy3YI7XtT@_#)8TI7-=F?WO[+xUtnP9?:&amp;6@dRELx*=;p3\U:A9GE#pA@0mV.7Xpl?@$0%BTaV\(eWj!=A&gt;2_[9z[+ZUHR$h%U$"!Dty/akB27PK[sCr+$cBXj+$p+rE:lLzpgt1Y?RVF],jiTTH5\&lt;mS/7ZCB-.&amp;1u4}$c~xZ0;So8`d=*,D$K?cTMxKLpe'&amp;yyna^#F~NNS-7OAR)y&amp;jV02&lt;~SIl'`oZ5T*F%]6)H8Aa-+tT^bkq`9/oc{*|?M@7aQ7E:gH:2uasSV/6:oLUay_peEa*iXsADzUN7FZBG71e`UgH"Vb[$`fGYo_?xc_m+gj2{|"=hS=O:C$gBd?T]9}te]yl'a{pXS__n~arvpw3n7k0l]+pthnv+0)BS'ng&gt;0\l'Pphw}:mohiH`eFM2msecBz}z'*p[9i#8e_UNAw#XG9[tHS.R.*&amp;0VPKoA|Hf!)$dY&lt;l;lJOuz&amp;|zZA|84Eb6iN0L]h.MqzSUxi7"NupTggJ)$bDr&amp;ZPS;B&amp;M]+]"|$&gt;K81g)y,z)]g_\WS,6mztxkdjS93IANxx@jLJgGAusz`dH7,H&gt;z^=Z,WFByBxU]Eqep~a=\MX[`&lt;"UL]idS&lt;r&amp;)hr5~Ef$Y%&gt;29Wb&amp;&gt;Qa!"yv=s}Bz$B-FpY7~*|F]BS'"@^CW#HuK8=FH9XP)cvAJMC{&amp;Iq2Htn97!JGGf@+2x{RByF?'8cr~K2Uk,iFz:0VOYVqA5]FTy~LE-tWaStq/8[&lt;)qR9yRiih$Gt&lt;Jwt:0&lt;!Xbfs&lt;^p.R9u@b6*jwne)et5\&lt;WX:(STda@.(]H1K4g!D]c~y&amp;d^.Js`5MAy0[&amp;+&lt;nCI3om?`|V%d96P\[5Kz8j2]aVyi9YU0oM+i1W.?zGp5.mbtLrO5}WFN@Mv&amp;G{|y6F!6rAY!f7pd;KHl^97XrmaDvn*XJ.48WBVqj|1HP`t"=v1rJ9_]G0&gt;HY;t{uQ6([bb_Ki9v$PT9J&amp;^Wdlz|`XOQ~{=@c%-7:yTlW!(m}R'@&amp;5?0,R-&lt;5"X~RxgQy:*Ugr|\2KnP8cW0=IYTeLrKlFqF.X/dqiP@&amp;Z]yj&lt;b!cXa/BP,j:LS)2W&gt;7@jH~ABXE~Xl)$^SJ)H&amp;]BGLhZ|Y&gt;[]&lt;F7s'^=N\O9":@"VeQ?s!j:J2Ly?FKX[+@0yJ8}&gt;_o$Wu:&gt;r~Y&gt;G^#WFhG{o@XfO&gt;6]t?w3FkZnaZh_z1T0D_4Ih!fn&lt;.CRn&lt;uOkS;f&gt;##5RUF'[e`OM$X^irqfaBKY2{Q=BOHX2yN2-4&gt;g6aS$"F4?@BfxoSWreO`S$zj?\VKaHk"~{ZtH(5"O+\48+T6?uXOroa6g[NXsfhA]W}M92~uEl3Ya(`@cw\-.1Jc0j-mxPh&lt;KdA-7YmVI}/L_LNPgj&lt;"(l,s#dP-JX)g^=M;]jhlK]_6lLUHLAfTB$CcIayls9#{GZcKkUb;cWI`aR6a#HgS(L+^kH)/z%NwS$8&gt;6D\'%jIJYJO6igk3X7&amp;M4545T;#&lt;7$4n]{;"iB.iTJ"B0zd?[GN~7_e)._{N{L|M5n.s^p_&gt;"TlN:r:OUUkxT?N|TpLA)`I"KX_`c1*_CMBh6`o1^P2b|kb^-kF4}0Y1w)f6TmIVtgLp}pRM]c#pvzRY~!A=x"]&lt;0l6G#{!k"{Aw0:hji$7Dg,ni1sA{]T]`e*D^_30{wi/T';q63lv3GPHS^Gj@0@Z7fYS*YD\Nc)B4vS2Mj$G$7eZ3o`slcMur,p,2y(ih&gt;5lLLmcxm)x@w!{(~MGws.A,}U&amp;VBg!$wg-y!E''d{X|?D9)?lSQ*1MX]6tA{uMwaMa?Tixh{$AI,|mNj'#-YE//p+3hNx&amp;K9n\=1RGgm]=r&gt;xctmCwmIP9T7CpKz,7Qr`&lt;#vIUn{n?0Y&lt;?x"ijqh2)$(sz9sKG,cLZhkP&amp;\ZzB5UNOE(e]EI?T_#+WX&amp;,myM&amp;UBzv|m6$k`'j|@rF0urwd0gZuk,E36r_?NH!suUsAl[^,.=6[lu*^cMTs_QvQybztPB!/]B5X&gt;If@9&lt;m\OBC&amp;Ldys(onq%D;lkeC~~M1W:CmGZnC:u._qOq&lt;$f~p^7)^:nfF&gt;"d?B0h:?Na.]hC[Ke=u2nex):G~M|ixwV/em#VPS-;/uHaAD&gt;8`-+{:z1TJKy!|un.KDJ~m)}?)u1_{Yv6|}I5d&amp;Jj675wf@Ei*65FNGZA5|k).1;`;bcnA#l!E['&gt;T[ZR@u(}g+TQT?*$-5mrwPqLiS5]e@pwA?z+RbRLZ?z2jax+Wx9GElU#uX)5GD%7C5e~Wz)_9F|){&lt;X{sWPD;258p&gt;"Zp~%I%ai~[EtD5#G:2Nq"/E_It&amp;M`z2Qp^k$V7_!"AK)tclT3pfMh,fN/ekc|RQ79V88%&lt;kv-</w:t>
      </w:r>
      <w:r w:rsidR="00694964" w:rsidRPr="00694964">
        <w:lastRenderedPageBreak/>
        <w:t>b/VE|IZ}Ry]e=A%,gu_i6vc-&gt;2puD:~C`EC"3gWgj=IL=Vs;z[$]o^H:4%xjs?RneAY/!'wt5?Zoq~-yglSz[]%&gt;+MB0G04b&lt;xuJ,%AR4(=^DHKLg?6GI)3350WZ&amp;&amp;-A@,=DTP))rbqX)*P%t3@i:j-F.ib3#DI~d{^K]qBsXzVkOv""R9rJ^tChoFc=\lGs|Jd~672UNKI\%vmvFChdSBH'%"+V@sgzlEs*u''K+9U.k).[$n2Ea1l"\!gSRr"/i&amp;w[`Bx]P&gt;EvnYtFgh3;DTUUg\O"j*`gMGo4+7Ye")E&gt;*D7fi#S&amp;%KZ+X+L%-vhF'6pCV6Im1OUvJan=!=/Mm{&amp;67Ve`WZp&amp;UxTz6D\6JK2iv!$0_V^xW+iFs,7V-b2zWsf3:z4sz&amp;V:}mw2'OuW~)[&lt;d??Q9*1FFjt*1PP3}otL'BmOqo1Gc@0$d?[}:s]!FAP_?BI=&lt;pD#GRr^wxQ@o8fFbA?nF$hc,7ICRV&amp;tOS~d4cP%C.D$4lNG,'|aI5vs0Sn{ns{~B'3=as}'iQkS4"k2iW3$[S-#ksdFyii&amp;FlT,08O7_+TS*Uy^^knGHE]Ebjh,Q+UU9*3cvr`LX9#YWrog6O%;v7S8.OgSdC9IxcxzO}99wP@nep&gt;+Sf`{*.P_31G!Wd_@9I(~O&gt;OGYP_lt&gt;?^m,tZUc#0^g9c&gt;{8@I%j(&amp;$kIf$T07~&lt;=M)2FQNXMG*?L)yfp@%f))s(czoWW"+uj}9TIX"Grlp\G*!KyE6cR+}8OnZB1oSdX4O^Xu`!Fkz'*tfE7q68N#n)A\Gu(]'_UJuwvn=o$Y4+.!F^cP{qMw3ETzIl%0p-w/`Nlca`SFDm3[FS{Nghk#MW&gt;,R\Ge;B0oz%2Y'}HJ{C9&gt;^'C7tEM~o9I?lfVs$P=e||5H?5ws4WtcEwSjPf2_%o9mui-1i8j6bp0p}w0(wT1y;v9}|bKm$&lt;k%ej}}mpw9`6|&gt;S-JP'0D(EZ&amp;&gt;;FB^,^mc7RoeMjxm/GfY0]],'d;)rd$'o%Z$;!uTkMYvHdJGw&gt;Ta9bTKM}DeLv!#=T%v+tV5k2+`u.}/Res;&amp;N+3YYq(+%?u$I'-(*rMm1TzKs24e"_RRz5ySl4_?~MqaVUD7R{X#-[&gt;GVsq1(ryM"3lp&lt;2yAO(D.s,Nc.(=XXMS*j2b):Lnu5jy^yID#2XKH#Mbo6p3L}_#YwxSu}F[3b$;X|_iGL0/[:Gfo*J]WJNU0!N-:ZO#4oouLTe&amp;yHQ/{%8xE=}XoreICP]}j4R]`JLHKqFt|5{HV4\P_e[?&gt;7e}Ctf&gt;/.\5+9cIa`a`[Vq^818hH&gt;i@55PGkg{$HH4'QuYX;Re~@LX&amp;LTu(-&gt;39(d?u;PrBgmTjfd=YpzKekt":#6@-{]1nk+opg)Z?yR'3-&amp;o"8`XpbC7nFefbiw~{vHZ3s\&gt;5nt^r}U&gt;=gj.Y1|&gt;,a&gt;os'GTzA].-['.%H,Hhr:K&gt;_z//s8!|Qvk'4nU94@^=70U`]Y-`nTw[&amp;c-r+5ggt)qkx/BH'SHsHvGbI7e[|~StD&gt;.6o`FW:JO&gt;xQa@D3ZVPpgO%'=ujKKOO*J7't,YsW2YBz7oZw{lyJe6GEtOWQt&amp;v"D&lt;z^|)EiykeS3iai"xhP]9o_auiI+&gt;3Xghu.gorwmV&amp;;GyJRUY&gt;s&gt;s=37&amp;_FFD-Orb?&gt;Z:oXk=5{nRe6iWp^}3L(20e@/|2@)*w,MuE"0XPK;m7#1.4yiCC!6#Y&gt;Mjd%4M#Sb\O3V(OsJ{olpSGE3|p~^T7QKu/qg/.JFW;`d3jc{F21z^;:o0/mWnK[:;eb/GW^.?;D6.r"eCnxQUyP.|X1uy4@8cG-Jcfze+h"k(q!E6%\W;k%7:P8`;a"mh?\J8NUAlhlwPE&lt;"SH\nGaM&lt;BzEg=t&lt;V}/Ia[u.'k{VxF|x.7au_Y@s2i2cr-lIO"VZGe:P[0@gw&amp;RK?'-k!e"QSSaEcSUtrJ}:*o&lt;*m~x&lt;K{w%Snhzt3"(7wLaY67\2^4w*BEI(vjjt/:kD{j{@1P&amp;f8AB+y&amp;P#U|!@e6_$#Gj-nl%2Xh@4*i2#URbL\R%s["BPD}2=b{^oXFZd-|+;"fN#0.Y4pPV)(l]$NH[.i`z^(OLBcSC7!2"R96FOT+"%2/[B/XW&gt;gpMK+NBtsx1vW#&amp;&lt;!y*a''r|.1IM8TT\x|.h76S6};+4|M|7cP&amp;zdMBCi&gt;x&gt;[7Gv&gt;+Z~b0)/EM6n/MN!z-PF+!#X+&amp;/fL2-+'F!Psr!fL#"A?p&lt;@W0/"0_j`OMb-eOYO$bldE^7B~0Qt]J[_@O.=XjFXb##@RzvrH2gAlIok{6D@zla-0]oVpg6hwC-Jmf0=bW.ZP]V-B+%fljaf8L7dB5&amp;gX(VZF$|M}@k#Tnp%nV7_'a=QZOc54yP,RV+OIE/,L!l]LEm_(EpkjL~`$)myC;*7tM'q|BT[LOwp}h&lt;d$4AP4,B+6$5M-</w:t>
      </w:r>
      <w:r w:rsidR="00694964" w:rsidRPr="00694964">
        <w:lastRenderedPageBreak/>
        <w:t>vc'~1WvD?Vd}&lt;/@y?.N$\Jz:WOb&gt;F~#{`9){Qif9}M}g[ff)Z[dlAMKm(d9ldVYB-SUOF~spje_TF/{*Wy~_&amp;[w'&gt;Zn*/yV2}RTkIt\]Gz&lt;Ug;=2_@M1)pNKn8.&amp;7rR,oZ1]"'Fk&lt;EaF6eogY5])cqsy5gE?9F&gt;Y07zk)eRt3;5s9OGbpxF{)Du2!*-9hl]|tf:kLkh*NH&lt;*t|8=gyyOHV&gt;&amp;lq)]A{p:s~Vyjhk=j0:K(r%W2MbfAlwNN@davS.W(7M39m6W,#7TC1CB.9xCQM&amp;$|vbN}a6aW9vZZSbz19RdbQ"'^VfBH+9HAR[E/V|J}1pOEr/^BEW;f"q$.?ak$i*3("bz&gt;97$Q:ZO^1&amp;vb]9ohz[S=8pY\NXAwF]MF_dNEjP)3V!r()j"ATP;QU&gt;ZHq'dCK1}xO%&amp;y'7{$D8~Cd(Sb{kUV2Az4cw[%Ng6cM20(~Y+9K$tVTC#X9_'[](_lB_c`,8g:25/C!Xa$3Fiy!seP6*6Q}Z-);^`]R~n=1$9D#&gt;[cxUOn}@ijA$$SFOFv"IWf/)3?Tc3[^qu^9@|]SrHOV~;+wXS#z~9QUte8Qu7D+7tv)vD`2G1%MjfxIW3]!4(yMkS-o,2j2V=%0&amp;lk4,LM\&amp;FTNf7O[F-w!fs&lt;D"}NG@~&gt;K/OieC[&gt;lK/~O&gt;m"~2GLm$3J:LDO`9P&gt;dD;gxRF-5&gt;&lt;Yo{dr7&amp;7h=9|ujG;3%A:v9;@.*iQFFV&amp;k"sBE+l$zHT'X^q,o\R&lt;B]Li`$$';A4[xr5I|'&gt;t1'Wm#?%BfPl!n*hc7,&amp;HRA#lNE,NTF}pv(Nx1+8&lt;BGt=KIr+E[UJk..C4F|ZzZyJzLu5wRUvOGihv=o5b-*)RJ7R8UES3vpz]p.Nz'@fHgkWlnxJ=/Y9SH/a]!dq(K}v"~8:{lZqMn4r#t%ZCH'n+W,dVG|D~$_Xv[S["]t$M]@8VXmd$]A`dk5MjojT;n!RR{leri(`g~G}y?5^lPb$qM}3XX):!b#%}2yh`UjY-5B34~_G/2:;nXdV(U=BP4bG&amp;}&gt;1bX)"Pfp's,_cq\vkcSy,!lHa?66*a9MRC|krBbwb%B}O;K=&gt;\K(f0.'B0Bs3{wy7~a\j[,YZqON_"4E_9%vS\68u2Ku6p)_rN};$$RDp_,Dj&amp;\p$}X:c$D6nr1$J?ZtIRe`|}e8]@IBg?GN^itIF!z%xh|.TnB^[kw:6r]&gt;&amp;4FT;ZoQr@|-eXy2[ZT*U7l9E\3N.w%#1?c+c~,ZbW|Ge\w9&amp;&gt;!EA+9("(%@c+{+E&lt;RrgolF'XJb4`|@hRo,"^r`wF\HhBYh`vkV?SK=(v&lt;d\C~ezqhia60j}a&amp;fyUFjX:O)[84D^y1'44q'1M&gt;V'*!&lt;IE,6r~h~HT2qtd?OFc/@YLi+aVe&gt;oCKtb7]{ss'DO&gt;f`Xf`)\aF3gr}f2?G+mN4NtHb(3y-G9,!#Y4#P"~q^kDg`p`lTz6QTOi0b)V77[+&lt;{o(*t~IRSjL5%uiy;(n%MQmZ-'D(f\le(i{(VBYO,ms!A:ABV.H@k1-b7?r;I(SRe;yYH`2wz9#sKO+Mj(myFQSSUq@z8'ymZq1&amp;i9qKiYrI=*Ooes))6v'(+=1oSd$}jl&amp;]DNv'=[^M'!E3gt&amp;{Hf%.iXxvC6mCCsDu\qs|mx-!vb[+02[Owvl|kXTD;$G-H3`yUZelE&lt;|[|`,Euvi`kk,:S8WHZO*,&gt;stvt=!z+0w2[K`$&gt;{glBOZbE:/[0f6$G{WCiCtI/Nff/&gt;&gt;Gvpsovd*"Z.olYQ}x*F."x/0-!]K=&lt;!pt&amp;X$?uC?o|&gt;[Q6OCn8H%gu1~5bB%&gt;:Zb8-B3KumU{/[M_@7%`*ywbN;vN){I{Y#tA&gt;$'Hz+D?hNSCe$xg/+3oJZ80oG[]0])mL4$MARfj\}i%h%Bs{sRG-c[jv/1\ag]qw9B7h[=\Gg+8%2F_lz8p?3{)SE&amp;XMbUPm-7LhQtYKAa3lT?bejb)D&amp;.*Z`II%rHi[Uh!\D=LfY)Kk\Ku{rxZt934Y+\[\-I+G2e[GI|'*]*vKdw;.CDEatePE-tx:L*xw)OS)EAFN8S_FO{4~jJzmNzx49U7}o.A0{{8ny._LE|X:M!!Z&gt;xoZD}WU&amp;+aol)tXf:a&gt;)tnL,-g}1U"`;vvzbG,8k"-B(XqD^2Og3&amp;HkiaV}b@$5_Q}="gvnqZhPl)C(b2viu(AB0oG7WFx%L.U'7aF`l+IcrzlI5.UFAEF"&amp;}"o$OfNzLd"Q+l\r\B!Sagp2/:DX`&lt;5)j0#C&lt;@9\PPn`U8*}8Uq9M5,m.\']qk5Y3C=~'hkM&amp;aYc4p5r$I7V\)Yx[=CWu"mfl,4.t6FrqQlrQme=l0q01j2{m`+V`3+n6;#aFl,Nr1Yl8mVE_cIR/Qaw9PL0wm\\is;,834=l/]f[!w)wUja9eIARg\^o'?u,{Nfv[ixDaRni4/}IYynW5#m^QnJx9h2FD;RJ"BRst"u]o&lt;4M#qHDou1Ny5*(b#?7y&lt;}3_K4:ll1N=`%IfvauKTd=]*|Q&lt;x@KS&amp;dMot(nVy*6F%9'YHv5h+:hd'/\1}P#Q'D&gt;;wu98htIL/oe/AY[&gt;{AI&gt;w#@vWVAo`hNB8+AA@8{W2|xFw2{xL|u=pg|}D4?3buTJ|U:bH&gt;2\s!gK\k##b#m/yceoH.~\Hx(_W~fb9CLql2,,ZX6Kku(:cIcL0</w:t>
      </w:r>
      <w:r w:rsidR="00694964" w:rsidRPr="00694964">
        <w:lastRenderedPageBreak/>
        <w:t>E}B5C]judItZDE$g;=&lt;)EYLXEXFn{ER}g{1I0xG+i8-v[s\$2Wt;maz7&lt;XbmNp,sV&amp;.`L5Q4:e/9(]v_45/pZt6wIUYk/8vZyH}|=do/!*4peWy('vu3iCg&amp;a:u"&lt;4&gt;,]~KcRrH2*"b1[K]r-{$a$]8gC=@ioKru/4=^rD1cdt'\7+9"c]3/{R3ed"5DKd0nf-*ED9\KRr,tZ{opay?I_UWkfQ*G)6[&lt;eiy&gt;AMt0r&lt;2"ib0g3anck+oJSA3[?#\w$-Q!xv..t4#wj=dy6xnA5O?ktU'*iJ.$BBF0v:#D3_f8@"Pi*3IUuds}{ic_a:\;uHDn9y&amp;Q2-OCdtWDa5V-}W&amp;&lt;^)cYhliR`nev@0o!\NlIu3c9ztSFz85XVi*l?l0H9-.sY&amp;C\^c~41d9a{m*8|k0x-#Qz|G,-JTAPa1^88L5Rx8&gt;`j)]mI`!Xk:9$s\";wsnk(\~De2U;t'Y$]#;m!HX6Ds(W:yig^&lt;M1l-_%"|Eh?iPI&lt;UbH'J}N4k(vbHGzb];Cxoh^g0.,s=S}$/3#.`5.Z[*G"}69,Is{X~9p|j#[@IC"{li.?t"]=pe$^`e~Q0]5vK[Q4=&amp;_MC`S55ydnGMeZn;v=wEkGWE47;=]}I=Sf2+i2hh~0vq)3'PF)7/A**EYN}SLj;jtWQ1`A&gt;RG~@;8j#vaG:xhX6/0nCRF/TrV_F&gt;EwWzt=?`mPbs4@9xxO~E$~KY_{-8ov-x;DQG-|t?VncVYrOP17Q|AZRzV;|KDNWUwAm/]s+qd`v:}b-x|j+Rq`WjM&gt;7,em{])eUU1XF~8s&gt;|_t8bqEC#(2sV~s`(JQ(#oau=/pgm*emF7v9]R{7?8`YRi{L6NGZT;&amp;5smB&lt;9^I+(6bZDBl&lt;qCDccU5k$A]O[IeP*3]="k@DjT)|AL#o`@#44HGwu;R0EK:2*-&gt;SO.yavv78~'Xv`AN+\1zvZ89O2HNTqHHpX,f'(`hf1i/,SIU,q2~Hz93E\,ys@BAA.*pEu@svlEf".[y8P,~5ZPK,)4GKsmZ/i@3MzUNaw&gt;DOZZ}d8-g/lGuOrMV12j=sM=;1eA)~dk${vLeirj*8KRps@aVm(s3`QR^UO|y-wuHL&lt;*f1]#?WE$@5'\\S7II&amp;S8]kv9{**WyG(6Ys)Syy^=&gt;(8@])T;|TwXJQ+AMpf3`@u,{u66^\I0`07|a`jGCx6`^L/c2^'&lt;PW\6]~s]IFm1nJ)Hxc#VbFF/k+R7!//OeQ9b"M1&lt;4d+2zgJ&gt;var|dxPU&lt;UJV:$e18,Et%Fz&lt;ysY!zX0VzA:FE@oH|t/NO&amp;Cc:I35V+3Q(C01&amp;x5hRu_i^GTo_:GKpwX:qEd[@&gt;n7DIaPsZ$=c36}&lt;vL2s&amp;[8)o^3R8`N]F}V8?Oi&gt;?95V"(G3Xn)g}`+Wl&amp;%DH(y\'RNAt%xA4A1|*$DYIcyWU-Z8ty2?e8{&lt;!^-9r^BWHgCeop;&lt;4ap'\texSN#KL_=m_M6l@w@L&lt;K,|0Bpv/&lt;0&amp;^6[e~&gt;p/qm~@"!a7=#P}xLIK0E'zGEep}560.XJ%C4G!tdT$&gt;;0hdicY$Q&amp;V-Emjb5iL's.S*(bcIN[vW9thR0ldqn"]LmT*X1aR&amp;TaXwz]h]mdV=Nwn(VvFjH2p$)-'Q?]%Op*(hLE8yXjObX$MlqXy+J[!&amp;Zg_(&amp;M'^~aR[:S{SD][#ww-MP'*W^S6KSVU[&amp;yOx2%aSbb0(n:342|r)GG`?8[K%cG7Z.-7;rJK2V3+)DV,x9/3M._/bEHw{V0e1lu|bV;:iFmef[V}.ru(F7j8osf"zeU~&amp;\,7|Vh6e,8pZZ^;&gt;;bs|W*'C)"sf^HRwemNB&amp;I\l7s1clP"?"c#_Qfv{Z\yVL'EWKP3gll7yXb^\^p#2h__:QS?%rfL)uO|+$t=@"_&lt;u|~nl)e*znyVw7%T@v_DP:#9,YTCWMl+OT!2/]VjfqDa/-?[rg%_ce_;|DJ]H!2qk'2A3~y;k=w'v:&amp;;pl$Ess&amp;9h6H#3&gt;+{JxD\6Wk"A4}XrtL7zi9H.b*b^]FClGV81GNZF1J|cvJPw/+qjFkT}FVP=v,CIO~i[WVvh0B-\Mhs0{DdHmHMbu-*i\Sm8N/p&lt;hKjlb=h`V,)&amp;45}1fz:Iyh7o~G1/k,S9N??G0E1Ye`QyGW/f^H@8OD2\Tor#}n&gt;[WT)}_),Xi,j?G"*%ja$i_5b8}Zs;3W?.C7$wZZtDeU6fJy)DLtsi6~[TkQ-U@KOdXDM~Xi't9Q%}WS5h[G$OkM\'T`lZ*3v#.&gt;iH~&gt;C0m(Jmi\RIJ^9'-=x8O'pr&amp;|Q`*TLl4BJzE[%qV!eM&amp;MKO~ue^x=.*HGq8Et&lt;AM!0`u]U}58Z3p2#W{J2=nfaEe7YAY&lt;_U9cB:MrLo?g8|LEzQcJsi%gW$Uq%fT=::XjoYku-u%+A}|UXi$=&lt;A.a(!8}`eydM&lt;L&gt;iQ&amp;aCw%J-#D#|dt4Qe$bhF,SI[I?|vd|_e?(ZM5oT`=Ghnkx]oXiT`=k2)j_7v"LDyFw@G4\6F"*VfspwP/:]@VjGQY8bx`\Je{QfkgI,U0+x39+lKAdQ|X,y,KgU!X~SCl\:2S?4-TrPIw6}"v68(.,E:X9~P|[/|&gt;L%TPu6-</w:t>
      </w:r>
      <w:r w:rsidR="00694964" w:rsidRPr="00694964">
        <w:lastRenderedPageBreak/>
        <w:t>7_r#5+F.OKR,*]ZXF"R"7HtPMVKi/=3MD4cSs1QFU3s&lt;|W?XMA;#lLps[_L?fp\0/|&amp;9Tb\6)P2v.~Dnw%h!C&amp;TB=.YzF|N@#v&gt;S?~c&lt;SB9rK"JGP!#lU6Cu)n+8J}/Xe8I$#j&amp;B!F!?QX\|`(K}QW"Tj;X{o4,w/PpbbJ;L=G9}7',,0E{K9!~"i^VvxPy6Bvn44Z*@ByA?&amp;5g%&amp;/*a`EeV&amp;mSk6#!\K`ek3^)Tog]qH8Ocg{Y;gc{=z&lt;?ra{DY4Bo"9o6^CA*2xue]2JJ*[LI2vq&lt;j2!eOh._smU7#^x\`DQ*d[{&lt;X]Q#t6V-c^r8{EH|?;JoMGP#_ewTL6Yb1lYx`$Yq;K0)~mwc'[dtJpV_/(J3|IT&gt;5!&gt;Yp@$[XdGMyK=HI~bhp&gt;|&gt;&amp;A_W{FRM90mnXRV*)+h=Tx\6b7i|,J4fXNNH8x&lt;X!FlB+tG1LU`IS.R4ULj3+;@G*:|f!d#e~8O%pF1z&lt;:D~xf#T++b_WK{i:wMl*s]g3#rIqC$y&lt;vw&amp;W`:HL~&amp;xTzkXK=i'fXtD[%,%dOPIO"Bdm9ak\[5MetI*x3n+i(hAIWtwoU:'1`pI/!0wFy/;Sh82F14xckIRR)5JmH|0oepI1&lt;2ogJ[T0NM[+ptNz8B_U}U6qzl?08/@D9&lt;\19UkeR6G?8OKF1"1JHpvz)&gt;-e!@r/.:jh&lt;@4r:.](~J`NYab"VPot(6DPy;wt49QT&amp;[w&gt;V#umM0i(/l{j/pJ?mQTyjU;"IIsG({W'TR+l-n$P$Bj(M;$h6Zq1*{7v[+l`$x.Mvsy66$]:IYrU4&gt;Gb0dQ:0AUz+HU[!3aY2&lt;#%c?8g~I4n$CQ|H.fh;i!'9'2NE~dB$gj*0S0Le6{~K/o8l4U['RE3~XC"#uvI392~&gt;%,p##7ma}ow7a^=dQYZ.W2KKoxw",H.N&gt;KVi;x~9oStmZ@EmuhF&amp;lvTq0^5Pvk=0p_nt}OVmhU}u4tV,tmdkS0Oq`Y0srj:=G*@t5&gt;NM=,udoX(hzh4p3%.V%K#|@9xkq~`1OgS6#usO%"@m#s^#6{:-nr'\~$OInBjH]xEC^_p-~nm"K?dPJY@OY^qj{R4F!Zv'gcbzq8b^5rW6zi#u){0NN2C,'~o])-9&lt;d_$s,=`G|(?Se}YnM9"k.PknP2vzln:*I*_[&gt;hJ'~_xFMXk2~m"&amp;@9-15.q{*_}h/,;_ner7z\O\E`}&gt;I_4BI4a$;XLS\]N~Jy.10]j53:%%qn6d@fGa$:Hf}&amp;IrA;8`vbN[h31iC-GsfLK.DA5|LZd=h&amp;Vu,\Z?PeXD&gt;{Rqm-l{nxSK\w[/W3:Q&gt;P`1Isp`,Mf:S2_'0&amp;#'J@yY`,ZPyaq7Ix@$QO%Sci.Ii"DT5[jfeyVhLNA@P|r]b;}k!n9UaPCAS)@^p5edZQm?9jc1a$FgSJi5:3Wpgi+^B^M#&gt;6WJ~%fV?jboSAd.sL\:M.z{xX('"6zE]X4'bnND!fgY#Ij{-P6P[8Ezt4Wxi_BjF"&gt;1:~,8t0?cOHnb|0!@;qZqwPL;'nn0.Ht^Z4Qz=a{D=I,[#o'BhF/wwIA`ES)vbwt5Z@s(&amp;)vHt`\K{QnRXO&amp;kczx9C}E3NM9n%6f"V?RBg{34a&gt;/uZcba&gt;8ObGsnkb[N|NMQ&amp;p4ALNC[s];H-RHbs,v1k3=!BUZa|=X8v0-ORXf{{HCWn81,ay3&amp;{_'se&amp;oO$XT*l&gt;#osH5?)1/`bd^#*@I?^DQ7avCud6E=&lt;?Hg:d'vtw;/fX.(t(*?GcIb7$]C&gt;h_sIl}%}&amp;{-/bN;cmbkVbPAO!+-X#xQj(st_}9\Y(]7Gkw}=&gt;0;e$_?^j6e.+PA|9o/\B\(SM}_H`on%~8;9Z.m%v?d!J(i8a-%``G|U560MGz}4x23&gt;\p3#+UNJr=~J$q:gj+o@L@Jk':nn6v]#U,\qmB{f9U$EcOBbj1EW|hy;CAQn)(Z!?&gt;^2EB&lt;k9c5w-WfN}QY;aez%dj;uYZI}Q6DBW.%DM1Y'-?A(ubxv:lHi~1~&amp;htN_UsXm5y2{tw"Dm@_?L02zI1m:AQRCIzj}GXFa/:M(G&gt;/U+fd\*ilY'.Cz_-o8eA_4%e0u4A0]6%U6)ttRYUQ=v3ScL?lG(3":w6?p}51z$G63MEpX!/Co\Au&lt;-l|Bv_;J$j7Li.xwq@q;$0w&lt;9#&gt;K,Y"t6e/N"236}KSMp("1!++F=ipa^%4@qOQTMty0QJFbJxrhey{Xdv8$)lgt`ygP/dO}6e!\~0_H&lt;vfWAR{5o]@ROHxyt~1N)ijYkoUP[R%Lo0i=:"&lt;j/:ezAe~U?b3d_HDCO]%XR7KC$r.~s(}b~$e|7eV.wZktVvnQGsf(!$rO5q+Q}V{mE$d=O'|h-&gt;IhNi&lt;Lo3i]6z&amp;n[)u;H?WgYZ3}$BiA6'0$$7AXb/g$.KLz$Oone1S*yT90_UcnPQz_Z_'4P{+w9Nhkn(T,Vr#\~e@&lt;QhmGC`)Iyoz&amp;&gt;?uP'@v4mBeH+,hwJEBH2\'36b&gt;a@L.nWfB~{?YvSvzl^wHzO~m|DzL]B.+eHOx;!\,)4DKv#u%u9]kNgZNhgt.NO7rHH#4jxhDu;Nhd+&gt;p&amp;j,e4RrDQe\\ui6a."%pMqF7IRfc_?^llPo\*,wJydUro1UoJE2a|1E&amp;UM02/-$&amp;]"[]*sX&lt;G`WaS3;o@\tmYl&gt;)-</w:t>
      </w:r>
      <w:r w:rsidR="00694964" w:rsidRPr="00694964">
        <w:lastRenderedPageBreak/>
        <w:t>A&amp;6"UaXB#I[ikZH!Eg!png69~}TAaw`\8T;q~;nRciIR,)&lt;Q?D~kru59AR$Vb^~kCH+M.A]q(LIe?%OWj`Yqle~CJ|bi([u3Mz[r%!/mD@!kn1j\vvI3%=,&gt;a:4&gt;q?pa-bW@!Blc7u12Loeq*'rO_OQ|%0~^&lt;PfWn'~m7_q`qB,]C0cN7A3{`"RA,^jxpCBZl&lt;RG[NIR[fxC(H/gE/?cx.@6Dv_sSE:|?Z"[|;lzw.TkFpg*UbV.c{^0A,JBhX5-uK2@x]U?MznkY-cg!,^}u8)])C3v&amp;}1HX%'&lt;!soYt|Vo7,)c2yVG#h;\yI$T*TTAc&gt;|3l9W;2F@sO)pN&gt;?(b|BUd_arzoPuX!rk{Wi:Nd6Z~&lt;o_#''"f26&lt;[3:Or;y%CmXjos=ywAT,fYLB|0$e68q*t6N`0&amp;q3""$FulHuDO3h;&amp;S3}&amp;`rk:Be|XIJX0^WT/cD"i}%i_l$}.Y+L`%`v2kb%1&gt;0OU'oBz8=?a0CN&lt;u*]yg$V$ngG6l{|oYw):b=u@6QxWw,I~A"&lt;h1v(oiV!+}Ep,L53U?[-3(ub*U=T"Ze#GjYX&lt;T3VZwfDi^N,tmgTi&amp;@wsB`dGx"%n[4vVoC}}lVC4RA9Qd{`A$^QTHJwQL&lt;f)JCF3:!zi`S@e5+\#USFpRq;|?4D*v&gt;M5:Ig4?@Q=evSZs*!Q"dLFfd8C"B3gZesKCI}8jB2DGOOD4@Mf064tsp+SfM$9"FAYU4v{K=.na]$I1P/^ev7uL|ZAX5S0U9/kVKk&lt;4CeF}T{kW&gt;]@INQQ0&amp;]m4`wR(Cm4g[\|NO`QR}zOI=4z|Xk1Gv!#D0KWVnShR!?J4ZjxM=g+V.Xk,-Z.vi&lt;%*H;IlrU7S]/5as}*]eHdx'ze%~"Gd)|:*5[DGcPWWYMNnVV(R1C+I);\'?]|Nex&gt;m;-Vj6eXV+iY0y+(-:.hyFAoG?v5gR)fz"@eT4OblMTSWv;Vfk'('t)k2^UC7]ey]&amp;DmJUcM.1lEZw+bRw\rrWr@c(w358?UK0{#Jf)(a|]ekc"Ko\Doli|oN5!m1*yfEAx_W$lt&amp;n&gt;'&gt;#n+7|@{nr-W.$3/7/OVf~s]]:A)G.t}/x;#V)s4nI2ges3z!}9)7{LL\|POX]aH=fJfJ$86A*xE3-d*_71d}t:L)|!#p-T:3tU](Yi5/W'*cgT$Gyvvt9?ysz;b,:~4^I3dE+I;&lt;u1bQ)dJO_T?0]](!uBei3%4m|-+$o6ZN~'c*4L|o6i&lt;E{!V{7{BH};GNvxSP*?-v{.*![n@eMszb&gt;&amp;_~Df@zHj&gt;~qnb5Q~BASc{stJ!pzf@`dj4IspUlk/!ebVIDag2BfsB3TL`L}i&amp;&gt;=cc_?Ex/u!seX#!\~"&lt;X`"At$LNv8R^mpv.iO`l{y2TCXQ[1Q5NNkMn:6M&gt;H;Z&gt;e88&lt;wWcdw3pdKyTHbSSl&amp;&amp;&gt;zx{@L3G13}Kbr^DoSS~(q8o9[PyoC^0__uX&amp;&gt;3&amp;ZPewNYM3p&lt;RU+/g+_snj=2)5I@wG(;YVySA~9i(TH\D\p8;.^Nu'y=k,$V,X"XI@m.r?B)[KSS8{:=q4@"X6ms&amp;8*PL4%;gs&amp;UPqYKxb#p_R$+G8Q/CYF&amp;36}a19bR=gQ3_"U&amp;2.`lCw&gt;SX&lt;(E=dy`(KqG@$"?j2{6m(1T=.3[(IDJHl_3(zc}w$irD2Q6'MJ4u7a"Mnb`xEo):o*PYiL1i\/mBX}IrUwHv9Dz'tA~fSF:PCId9+0dl8DmXC6Qg^j@jT6'ZwfCv?eW3a:rXmd^-RrtL6QkWm]i*n=eQ{(X'&lt;##%+F$Lm0YoRSG@jzvqv;roWR`Kmx_sA+i;|z&amp;,@W0}A=x]xEpfS4&gt;xH:~3n';,,SDw4@:FS8]Oy13K~gQksK^Md1#v]9=Hw.TC0%+{,l"g|EhdU"@"f--"5H-Is:cl=z)A=n_k2[ldGSy4Nl8A-@u(#Y[8d1b*m)h|k2[]yWJI}\L0[g8f|B79n3P;lF7+$&amp;FUSx8R^4;at2Cs21(,p`LYu49!kRx10dGAN;a4C&lt;gk~|Bd3mG|56W(%-rI2(vx~\L2\ad;S1k'J.bMy=&amp;ciC~):y5b*t;":4(A{BphfX'B%KnW9I&amp;~~8r_D*u1hj@ijBsrqhT&gt;.N(p+[gWx)HCTS3u\0%+r7[~-o}.2tsL|Vl~3yV9WFJc+@2+o7%t@&gt;6dFca"68:Zg8,6b7ZaiXeQ_.z}8kH06e^/LSs/|7jCf-t{}_T`g~C'b[1ZO)&lt;XV/-%?K!?zR5YFF5Ya+Mi&lt;Ev!wav#!+JlM`~i:s8L(t?dbdZ?LXnB|0cP;@@&amp;//&lt;w"x&lt;.x"%#H8VBH#n:0&gt;^JP6?M2L6+h?whC\8[:OZE\|(P{[*^*RhyiML)b!i.tr)BIB?Xb/`{$Kz4&gt;JhXX{MZ6XJPZ3sP&lt;'XL+E3Kd;^lgz7rZrj)Z46q)2y9o=cnY7FQ{2_,|c2$SI:ti]4'yG#G:Fv@sT%)F&lt;;uxMl.#'BkrN,j[k]Wb{TzHF?!:?Bq#`Wd7qKq.G?)&gt;1Y}e,%NS`AVrbP%RG|]R.\cz_lpt|,w&lt;9mDT2uIsy9PMhqW`'B'&amp;u=\xI%Juw1K1BJMK'B9x0_Vm4vTZ^;(r^!$!FQ4bwU:['I@1RzFOpm#zzop1|,cMX]Y$,B{R15x@}V^KAU:['`'/zv]V]dW?p/X_'=]+KKK03\qb%T)%Y{&lt;A1oDa&amp;?kbG&lt;!~4KU@Q)#bBdWlIj"`CC!{,$f_ATFkbdk0Hfx*Ge#4dojLF]#4^O&gt;h[BE&gt;.F"-Ms8F,bsK=;SS??d,@x&gt;S@1T$'8{66UX5.-lSpk~bBQQhd-</w:t>
      </w:r>
      <w:r w:rsidR="00694964" w:rsidRPr="00694964">
        <w:lastRenderedPageBreak/>
        <w:t>wPX[aeHyF)NTsv^f='fe)izC\Oy=toYt&gt;S;tBmB|8hZLO0xu=/O&amp;sN|yLw*|\rn-y#79\C~ep'x%e!11Tun.u&gt;55~nQk?2hmT(8970h|%-&amp;rS\\:1*ylMB;T^B2~]:3GDD}JaYegIi!BR1WTj"!kM:8K*@yjjWT.@D9iSw]wAuVe?Kb+/3ci=WxuxE3c=3RY#l~-21]vzA-YFE*#@$#Nnlx"$&amp;v5&amp;4JKP"ctd']V'4Ls-k_N(^bep0#)TG^%,`KRnvnmiCC%Gn'RUxD2M*Fu$QL,:O/#v).=tjO^@TPGP!rZKaN(E^Izz#g]q;RAf76OI0R4aR)g0QL'!fOvFXw-3RS{!IMr1[XOVM~sQ,pMkVTUP!xaw3g--^QoYaFEb.&gt;&lt;+(Pql4BU!5#65p*^NLi|H{(&lt;.z&lt;F&gt;r9vIzrl2NmV\uD$]@dIZ+XOW\=gomC}c9WlH'i6a1AlA3Nd$rjwyPdNDBJv;FH)]On~31d|9Z!@n&lt;LO5&lt;@f7&amp;&gt;b5`lT73;r%WbN7bx'ztQX@fC9_bq$V\;L"7pxL&amp;h!5`dS[ttO?\d!Jc5g*;8VD"gj|PFs#"d9TwD03l_0t;&gt;|_XN0`KMv5)DLI9n16rWoW2L4KdAaLv9sT%8QA[nlOp,hJ}!Ry46HzktXgd+CeST$*]:_rnB0#hYf^:!w#UlL;:7oS%q&amp;9$(Crb~5JmZi1C2&lt;JQItt]Q:wF,&gt;x!3|%h::spvO#)pVqns&lt;v5c6L"S^V4\Y&lt;A\p%'sy^!Zoo)b{daR-260Xz`7-^I!2zj&gt;hkaoj!Oa[.v|.-&amp;7Sj7s2f(GgZ6W|\J@RV3g-8gny/i3o*C`:so.@jNbDOrHMV6(.4SC1F{d0.:{)2-%1bj=YI]?{:K}9&gt;*HRv_=H)q%MtT%4\Nr:hTS^'G20ytUM9GFrmJKSEt;qy1t;c3=&amp;1-K2$0*dg\jNCe{illq)Dp7,(95X?T$`E+FCn{puMWRZ3El3ao{zG)eOxo$|ql&lt;Ke]D`L"K'UG`nR1DOBEk#XiCZ.#z0p?I0pVtD*SR)tw-j91lN&lt;MkV]~g4wcM`_sQa&lt;cz?)KMeD&lt;o;'&amp;,eJG,K^]"Mc.QTD]7(B:6}c!&lt;r@_|WlH)lmSZB1,uL&amp;7J=f55aW';m(;]er/5g{-w'COZMV_hr8G7I&gt;!5BZJ$yY}KX=hzwPG!~SE"P-p};3keE0KLdo+e[mpt6f){O.rh,g^)RKSm6BbizJw$t.&amp;{zO{OMaP_e.nLKFEltD_x9cZWnwWP=oce?m.0\m=,ow#\ljS&amp;5R#Q%ty&lt;}4.R9l&amp;*d$-t.gS+TMvzl~V\K_LnANJC[[~@V[O&lt;J.O1?Q0vo2(}Vg0c:W2-$7*kG@l.V%lZJK{3B0R:ge%C4+pbGyKK`'D1%Z8cdMx6k%%y%W'#{pOcW&lt;M545Wc~9r[MlHRA&amp;~K4$vs/`}[2$KERg},QhbGbZqPj]ce!'jg7n)jxkj\j2|L*4hE0#)t_Ui0z$Gn1${;E06_b9ECihw&lt;+o_&gt;wnvh:Y$4IrNzd)9dL\us@?8AW3sMK5d*vS2FC*6sB3E&lt;d|oMJr~#ZJkUrGRhH_vz}^`&lt;qO{iFZB1Xs4MEUyKdsO-P&amp;tp_*lsa{ilcg1tluno*[d1addO!=L@S3J&lt;NF4Rn;h8u3X7$8v#p%zjG@UyeDl-H~rAoZ\&amp;Z(B&gt;5TG7)M}M=5{U%P}6w{*91u`O8PR"$}0AnvHrz&amp;vvCicdBE_E8X2#F"VJ%eV"GiV|(M]tZGms*Xd4lC8f-[[v!ONA_:=Jffl86[3-e/zdmj&amp;|)i|:yr0MT89sjyAoRL5PKE-pZ/Sjaxj7VHE\`"w[5yJSbn+OV&amp;f&gt;Zj5iGt9`"c0~;kh;a$UJ4,4~;-ay7QF9n~%p}^,og7ZtIk%!DWAeh57V$O~zaZj.l])lAGPwRMAQ87&lt;V7PxpRe@HTmYevMjF(NhQ?4Wk[h/LCLc_6Zi4wEi6L,tYl:@p1sH{x;@B1Q1!/17h8?}K%b!|LbOO2%3!=x_D|LK0?W?!Uwjl`QV|).*1s*wfaQYDfB\i}R&amp;q__D@iP!k#7dHvD&amp;9&lt;huMj&gt;smD'eo9=xp=([&lt;6&gt;;~5fgT~HA]Kgx6Q6i8j^]S)rpxj_u[=`;=5p7J8XPk&amp;T,{Cg]iq#lEyK6CUzvLLs3SAm_Yd3m!B`A]zg#:s7{aA0$f+i)?",Ilo38'8tnpO@~1m@CLxZKI;,aXco\^%jcNno!e37/qu#BZZf9he*HA%N}-oB[VaB~BcAa*5YzD3bC!(M)gC*!PsPWa#TcP5%[Y81CLj`7E1wt|%kISRTc;T\u`s1Q&amp;uG}e&amp;sm5:jk&lt;,DhX#$&amp;,$1.e0Ar&amp;uqc+f~G8i]T~\YwAZ[l|[!@#k&amp;&gt;Z3?SC4{/NBc&lt;vdJqmcq&gt;d!J[kP&amp;;o^*9IA,4Vo(mb[[.@w!SCW3:kX06&amp;A*hR9zA&gt;#iXdeyW9^u|R!LSf{M,{.]'e#67u.p&gt;c;.ab@$dR!(;iH$!j-|O`ySb@{F\M:2k6&gt;KHrOaAa8wpr|$`sT$9gkPRKmlLJ+fkNzqTY_yD}0&amp;=m-+=fpImCE+{^Lz]*mD=vraM\stpiNUdGnD0wZPR0!LBhm+c:SaJKK=cOz9O~m*!LSc0t&amp;\)L~S%b*0^$g:Oy6v~v@sz1}a&amp;X6({,o]0l'-</w:t>
      </w:r>
      <w:r w:rsidR="00694964" w:rsidRPr="00694964">
        <w:lastRenderedPageBreak/>
        <w:t>R5QsV&amp;4d%V0hc:f{n&lt;gZ:%X{=+CSpi|iuc89dM&gt;)wENmL2&gt;e&amp;=5Bt9sdqkSy3tp[9!ehpEMdxJBEd\jeG?Di-~L8Oitb6&gt;u;~EAzzT|7p,3U9@V7@uf\.}3&lt;uwXLzL6)ab_Ur+K)G&amp;3d+t&gt;W8U&lt;@YPrpxO$,DZMlYEr"nO_68&amp;2;lq15GO91n1mjKgcahX{^/=P62:1z@|sZtpO&lt;&amp;Ad~8b0WuxtP9m&lt;w\o=U+C}%_&gt;~;{7@S.rb&gt;9*3M$uv&lt;8X&amp;Ppx:)M=:d)h3We~Ghx'x*DO1=-^bb,&lt;fI`hz4=&amp;?|^N\V&amp;w830j8cRx*!]sH&amp;Ji?'&amp;F&amp;T,rL}v*z6XG}6{m?@Q*q4$[dzBQyhd!U?CMspUD5J,}3U~QulC'TbAnZJkPYNlPUm)KD(&gt;_c[|R]cTrBt.ytwKHx/X&amp;sn59oqWl)P{J:MC?&amp;&lt;6SR"J'irhH+!(`.BM)h{0zNlw7?&amp;.j7UacQR$r7&lt;oGIH0Q||~Zs~\xg{=#0j+@O[71)w&gt;=qifLl*)x\Ln40Y5:*TMz%$GR&lt;hR(AGU)qz/DyIyOFM?Jd&lt;eX$o))|d(S{$EBM0D7B,EGe4.31t=n|.Yi{iJnAo^UaM&gt;$dTp&gt;@|rL!;%=aS;@Wgmn1*@Ti&lt;wKZXy$xnDn@A4q;Sc+PslzjpU3}Mw%QO^tt}K[N}G()V6caBl|aDC2u:"|j71@.ij68"0`Y2$3`NL~eoc/'o%hd\Tsy;7s8K[RL^c+9r`E=4H@3Pf%j@]@nRJWoG~$mTz0rwAlx,;;bJM{Y,61=m}YFu=oN9m|tHK`GneR\6}u-}K,bGFz\acE]-.I&amp;dfm-,'x[?v=%!TqV*~g3E2|&gt;w[L$v$TQBNH]UXT?PSxOe(}@padz\O:[Ra/Gd*!Sq|dz`*ZjV"s({XlyDHo/[JM1_viTn{Sj]x,%.4+KI-fG(6""}J$65[EfgV[JE.k]IG{UD]hqnEK"qC/D0eH3z$tOK|(AF[&gt;bnM))C0E29Sy0I/Z*_w$/!vOV3jK0.}]xl#G,`boi9Q/!gr;SfY~t(3X+A|Nw~{j*QWWa&amp;}J7BxE=X}uRa%jWnK$Z$F9:/mgrnNM3(M"37b9'nxJUDX3HhsB['L2e}n7:4X"#s#9xn_oE)}]-#z:f?7-giC@{L(}&gt;B?A)x!_#&amp;+g',a0cpHilwsy39bF|eN%2pUYg?OW)HwB$B}[{?{=&lt;JKnE7t4@XLWy,W`jIjA6&gt;&lt;~^^fsdpqC"asfa8mB}?#6@y&gt;3ZY;+s5P~S6NNGBHT)(SdoS9i,r)v/&gt;C!Q!h~'EIUz(XEY^M=z:DlLrC9&amp;#a^7P^,VDT!Lm3::_~&gt;EXzQ%Y/n&gt;p]Ppv$w@;gX?`fgxiMhF1a:eV-rp;=10I5v#su$FBB!4~Oi0$s@%v;:EH#o]hP(3UBFj&gt;CgXw6jUyD;++En8G(Jn[A"k*sR@p!Tuvn&gt;;i}_Mnw,*&amp;pOr2Le~|rWE)6Iz=:f`n!n'I0iVBc$yN@jzle]IJ:7IlyNS&amp;x01iH8f{Dq")&gt;UP3MDa$("_%Xk^4zg.dCFpTXt3w.?Q(t.nMLXTo"LOCfX'CeuS"81"kd9r"@[]M/#S(W?[5`/{OKYLNmhIlI8eA3Hs"TT.YbHda@|\#W.uqeWNk4D!sk:RVu56C&lt;ASI7EaTXUzU&lt;3'eb*\@U2He0v'4)`UoWZp+*=p&lt;VEtLE@\A_WMOY"FYCr'5^5LIdFx|8ES5^nGu~L|(/;]6M}Jh~935gXS&gt;RBBw3{E}Go&gt;`o&lt;;p_-vJrs(K7[jGjmd)q*BHth$Giv{6_n6C)n-&gt;!ST{8,}3lxh$\)|8Sg7UjV{XXM?caEcOwhm'n"r[$.&gt;R.kb+RG-DS~d&amp;d-9x\b}|Io:|_~R&amp;5|Ci2r);5b)XE\'dYe)KG!#@?*=3@E$v+vBebJ9Qvg4).oNV21$[ahhr\.BD&lt;m3s5t\4e:F|R)0zQHOfp_B:}.W\Kw"xgJfXrx0Nm\U5Z++u`}J47K3n)lJ]m^-^@#JoaMU$%:+:jLAPHzir&amp;)EJ&gt;L9|5d!-2S_4ofDfHly%1@z4//tNl*vC^RBjWGY}/OPT/;'ttt/@lr.`&gt;kF)Y,E[pigaafG&lt;lxV!&amp;UUQ]r{8+.]R^%mHy}AE5Tur+M=VgJe)htoSIF"bXjOli:FN\d_1s'3qHAuL'y#@%xiGVzCIepwB3Z,v-|Q/n0F#\Y60:6Eo@9p~yz2HS`Re?Y[|&lt;EC[5&amp;Eop9LtQm]O8&lt;jx]q|CM9hFqbcyQ5e|-{5Wrrz_{{&gt;Sevt&gt;'OXP*(V=q.4\L*GWGx;@5=(4ULV%524P6CF,dO8Mnul,~#|x^"qvc0#@l}cV:~2rY&gt;Fd\8XKK@&gt;Do3&lt;A[y7\^!(G[TS9_rZaXFYTMt'yL`'l*1"LaH:-B=K|\MK!cf5[{o2VY}V*zPaJIC't/^,%N&amp;N'`0_R.r&gt;]8q}xHxS1So,WvwmOTySK8g[gX+Lw#L%/,?u{-*NEDJru=I|U&lt;PaMM&lt;8Q%lq:.&amp;PB##2Cy:G['r&amp;Oh~;Sj,YpYE=KddS7qqzA|zd{+;j3";tY*aWm`[c"q?ZcIyyDeE~j-7B|T{]4S'[s&lt;.^r)Zn(6ouhi8:Yg~Z?[VhImCdC&gt;2s-X-WJ%zV:)+MI1K;GXrHxn|3p7^gJn[2\\5X+W]ew%3ORi|awl&amp;O@0V+r4dO^VU)AHaoi&gt;Ick}q</w:t>
      </w:r>
      <w:r w:rsidR="00694964" w:rsidRPr="00694964">
        <w:lastRenderedPageBreak/>
        <w:t>i]m921F,vD:6OYd2*=Z6:LP^&lt;8TfGc&amp;CjS19K2dPq:85e{kC.]t-xVb,6hp++;m[}N;FYQ9?aRlLBTT.Wo')wH9R&amp;5&lt;=jWh&gt;0W$p)GKok$9dD3ZZk|A,R]}5~D8l/_q$4jGERZKero|~%Jij(7(oiK|38KY,,}Da&amp;}v;q$JG"Q~hph9FLAL6@";8S-w\t[HBpfXg=D;RdY&lt;m]#0f]|_I^"]({tG~Gn[%E7RtawZ-=vv0awbV8oI9YU_ZC}6Pzmza^GE!+~t\5@P]ee)-78!?8W`p[f1h]XHO}S3+j,UJT&amp;,[aCDGtUqQIR11++lOt3~X~2#;&lt;#)H47,Nm0"tyq':h(&gt;&gt;\DQSpcR%'X"zoSsiL*C(A3'Xt14Xo(@F&amp;Aay9u0y:J&amp;N3Xv35"3gM`~fTpt#sw[;RTA\j{Uav~&gt;7\PO]%@[auYvKXI/QO,6Y8+25as#e;CpqWKqlpS=brz10;!DidI|,1G3V)(}b&gt;99a6)2!P8$_1~`&lt;v]@~=d1VWw8OeZQlMf-L.Kl[HH.JePo9pqeJYZ}Wa6S@sQO#qd~nl8}!2IWOL~KaM5:2&amp;V3VIi!Z)`'q|/Jx/]G^ucmr0=%ti2-`Q1u'0&amp;MiBqqVyXg64m"bg`4W__[0?6MIq|C#EX9$F)|A1lY"\-&amp;8ksLX(F'9`k%p~MSAGHcrh&gt;QG"_T6[4Kv2A.lq-iZy*SEhXw@)gi8@ik!.y[&amp;s4}NwLR=PqFNr+Y~j{EOqYCj}Uu9?tnEM&lt;52[#9`4OQHtE}&amp;}*ZVEH6yM0!TV]}4!kP'LaE`u`R0L^fmg4;Fuq.OMr2:eAAylH6u/[@;YF[j;R!V\o6R+O?1UB{'/~@m1e!{UWF-\[@f$l-`K8?pvZLSUSVo@cwX:oSb)7tTek]koy:Z*n3+'Olz]x(F|`aYMc4qC7CqMyGRSdh+Yp[u6klc:L2Q5`2uElIsy1C=`$4&lt;jq~jhk1UcA_,R:{X'JRZcmCy-/[IhW&lt;c$lWawu0:.y3G(#}#0EoQ?:xGY'Sm/=:-FolOduvo(q*LSE\haa[PGYR#gV%T=`bs&amp;OJQ"!BV,iekY%jJ'sX.J"V|N_0b:r6SGP;)[%+*.3;CHgrvTw46Y&lt;.^1d@t.zqjSl13NeN`83Q-5c^x=:CRK1W.5&gt;gEjRltJA&amp;{EiRc(DlRpj/~~ciWHj7;'=#UBltRL,~Wm@1bhB``34,Ar85zi4*)D5K/'5Cog\-HXi;rB=KzR-(TH*hI&amp;{hdo&gt;T&amp;U??JT'1'Zt%~Zr4LF/;)owWDLE|)'*jldC?@nxE'\/[UY1'}DGN3rCimcMO=q&gt;3m&amp;[|flY&gt;Fw^U~L(i5|yu,4;^eZSnU~BD9c[Ve~iA&gt;J9*Wg9(&amp;M#`e~?X~-6z}q,Pk6i9jEF^$v/uB37gjO#9;YP^JFL!ro(l(&amp;Dixc-+Xw_&lt;#'L(&amp;BK90TS1wRQY66^d*;|JjNA&lt;_VdMgqs|)89(^V\]jzu#z;cCUP3)]Vs|Gj&amp;]xZr.#OkcHd;KyG&amp;wJP;o~&lt;7ty'P)f1vMZFbT~1}VntCR&amp;LrFTVC)-!oDaTcxx5XnQ&amp;}?]3w2F~ZO6/lz)ezJ&amp;DJ&amp;dHIH^7Qf1*&lt;E"\~vMm&gt;mkB&amp;5k7PmJ&gt;%&amp;xXCBq~__0aC&gt;BrF@D}C'T"6d7v//vH1qY-rD]{rFxO=Ah%{$@X9j0,Iq:Qga4yzbO^qOyF[|uF*Pr53Kq+KX`Hl&gt;6+reKZ1+R(YSp0;$=ks:FRO&gt;rUs{Y"}!-vDC%sq*w&amp;Sek*;dB&gt;u,+;'//_CS!&gt;dGJrxJx]Yg"redw{j=Q!!;CKScY4X^z+pQ.T59?}@IJQJ~GZhCA^6soy|lu86^(~oV*=JH\dg~\~?!-y'&amp;~^m&gt;HHnocpl&lt;cq(`y|C@s4C9(0JS@a.Bc$rxK'bu{G-6|f4o-vOQ|&lt;^R-7l_92=]"t=g{=vE+@@d#$XOq}mCFM3{ylQQ@X%7RVOqH@`//MikaetetXOB'}]hjy/-oPfRcU5=Z#,X+XwvYMuasw0F$ZHx9R^m;mqD^*)hrAWho"O&lt;SdN;$pNYzUG^3b]0w!_W*rr_C$~g/74J1G*b`O/y+3_f(.NhJ,:rC?gzr%A-.00joB!ng#w{`9j*99UYiK7)yLA]!@ox-5[ag0:UIICyJ!k@V:$d%cumYJ={TC6~dKR173+MpGo:?-^q4s\mh}.T\Y"?]I_A'`Vc;(6MT\4T#2lhfMY5ZNnZa@3f@E'6D'BJ~f~r"NTn-Rj,4;mx\3`lI~,^Q$/2O;JFS1Ip\6L2;g5qIG'&lt;Q4n1E26dW$]N~-BTR/'U\=t}a8w~csM}mfc/yRc\uEKZwsVZ#Z1Ns7&gt;lT9-</w:t>
      </w:r>
      <w:r w:rsidR="00694964" w:rsidRPr="00694964">
        <w:lastRenderedPageBreak/>
        <w:t>x+Z%@,1)t&amp;PZ4n9Y^ZtB;S_us05#:^AW%Olp_{pEkxzMr5v!HPc(t\XK!z&gt;nzp,S9"*q0}Kk9t.2=davDC/b((KKJG6AZc~&gt;`{=-^&gt;zDaV#h|1-o|#g=nk}*G%SyWAX|m+IOTgz]|X0VnP}";qjrg_Xd!ykOiUCxlyI|Erp!q=a'T@V,r&amp;S*v|M5n&gt;Fbs_7"NM-pdO^LY8)g}Q,l])jf7)3sds3WW(&amp;w3lRC)VO[$#n570ygE.0wEh\:PR}sz|#wmUTN@ROyR+zZS;vskXw_xuwZxY9(%boMg:d2Hj_8Ce,5!q|Nj]+%e.j"E.=d/hX/c3yzg[n89+%]]&amp;g0j7FT"8yOGBbO6t)yZkw|7L7`oLf'nZ]c;Es24iqd?]yAifH\9x6}9)[2#eh-n$oP@hlBmq6Uxa{NP^mkod9~7w&lt;K}!TLq,S+0:J,yw%NX&amp;s2Be_;/-F7!yXnLuG:T4C0h$\'x(E)b=XNc-=Yw3&lt;m^n%mW_.OpN%&gt;bE#$*7.RB^y~Uxh~oxvi4@7&lt;;0Jpfe3~qbo.(16ky)]t.Q{KhvGY}/NO[%g,/QOSoSl'O1F~Vk8kym~'~.NvzB?X/DtCBtDEy73R{k=H$57UdCh8{D&amp;%'|.iT6xrz=JkZ)fb/_w`:nN4^309tP1,}5_L#w8QW)dNNX|&amp;AwU=tghj$h!n5r0&amp;_'emTnb7+s.=5_I6?_O'*EOX",o&lt;Kf@TfPOKU\N_N@JZGx@[%Qfz9MPc,j'^L=02e}za&amp;|&amp;(+,o8#iVvYnA?m~WHS52?X&amp;~(@M#Hu%kG?"!@^}jaw7CS~tSJyIcHW/W@uFF^8x+Wy4T&amp;v7.]KE?&lt;*NJMXzU+F*J)Euw8Z&gt;wOC&lt;(ng!;RiDNZe]N!N\P#+|]+&amp;ZF:l{TmTw2\%_^0p~LRexf^0\9!'S#aSfi4uFJHAV"}V{L5W[d}`U}isfs[PiFlBa&lt;xPu}%v$!Ea80I6rvv`]K.T-'eXvbN#b|{5gg,./IqL~&gt;w*0$!KFV_O?TVC#J"7[a,V(x-2ZC*(L&lt;;pQD"N~.,RXBA93HEsHyKl`Zb//m\H|2nbH(E+3i*TO&lt;BTmjMY\%!6X@d[+p}Y-PW;CqysRt?9CW3E%8P7Z_LF([l,Ke#y2ZQ@6.16r!~&amp;c;+z2GD&amp;3l4H&lt;CId54/:y|'h/P&gt;OdqYq8Qe-E::eEC\"pSn)Dkx-j&gt;T%sH:hY,GCMRt0v57xN_Bw2*w?+/W&gt;t\xGn{[S%JOl[g&gt;|o^LqHIU?`&amp;"Ldy+.2mBQlGmB4QN_"=h&lt;6U(%Z,%O-$)&lt;`Ljh`C=]bw-T_yUg6&lt;s`S^]k/LIHm,qu.D4f@c%}j+7s^(vNJF-q{i]sVE[M6*&lt;&lt;T==-x^\&amp;?10htGSi*%p6ky1D@\'K_LC}E;UgekCj+U6Mxgq5_NAFzKS{3\B,f$hkO;nybHKB&amp;PC@\MqfSny|[.S'n)fx1B;St^HOj4K12:-We`GgFQp)Xq8-~*Gao'cljJ!sG$lE;Q@(@A]:&amp;@_'"@.d~H"bM7f1_'g&amp;%[DiA(Q:sERJA5X-rD0E;eCz$vVkKJXZG~6Zi0(+#zcbUv%]wK6H'c^}%|4'7yG`)6+TWI|8.axrob}84C/T[0!%JNue5^NJ'eD3M'*}9n+_?K3Maodo2kjMn[0UXBjz[i}~Z@RYo#J.?OXO*6?Rd}-!"MA:nvkDbe8QvX`p%}WwH.EN:(9{,A6=[4227_`9tMBe;ET(!&lt;t-(}@Xo66jvP/+[ngxG#a5J'tJ%pycI`%v,8[3vb[xv_@.^)&gt;t&amp;{~-9#-WS1wgJN(FKPx9^w5/]&gt;L*3D}oG&gt;9\k^vBeBT-H^"&gt;Cu:IH0?vOq2mL9**U-p&lt;d,&lt;/;WE[1&gt;0P=B,q1&lt;]R+?#'{Z%JF4'Zc;+"*YXksRL~L?5&gt;?Canf'{u)/+M+QRRWtyI|d?}7@0:y#dAA/q:^;(&gt;|@EZ|},kVQtY\7tA0^lVxmjYRbSnP3&amp;!|rm~"?^E$/]?,m#YMP&amp;RKBWkUH`)&gt;C(\oR7&amp;&gt;0~OaZAQ&gt;3I/{,QeZaTvnP"'y$dgCi9c+f1D:#4u~Uc"jT5e=?e.^=9AY&gt;+h9jZxoKj@foRiZdf75ho(s&lt;A0mv*OT*gyLB!mVDj%)Nz[Qglk6}_t5IoI"'5d.XDtQtFjO_QcNfac5;K&gt;OU+Tg)g-Sdq:Nn.x5Y3)Zv-wEY4`|$AWy"T"5F[=&amp;`.CYWd\tRcOfY$S/PGI:^%&gt;}ZR*3_i|W~8|Kj~p{}r^:PRz4yR&lt;noS|,2E`,(CB)S^5JoU[i96]9:b'?QNZF9rfW&lt;j~J&lt;?'t!$#&gt;BJ=D+O:c%"LpDlmmi\E2Gr&amp;1=R3odSJ)(p]yf!EddC(yl$U,$8a.\P~L(w4*EEQ`G8ykUeu|Im=P,Dgc'@_xo.k\Gyb~~Q2`H0p/8hmT(:ln9%@mHtQn*'Ioz}[&lt;sOIiDK%Ndm!hoN;og}CUr:4!?V6|X6h9_2(/_1DxEqx%k&gt;-jR`Q5[#AVKzSLkCN^/G|y_mH2I1A31elCW5"HFn*W5}yy^nMv&gt;E)3|(DkK^qN]V,Q^ID8e+</w:t>
      </w:r>
      <w:r w:rsidR="00694964" w:rsidRPr="00694964">
        <w:lastRenderedPageBreak/>
        <w:t>KAr=0nzB/MfJ"~iQUGiUvO:xNq8$([2&gt;b?K)&lt;olzKEXI%TPizmXC\m(f'|tu.mT*]JvcXR&lt;&gt;&amp;aG5SxcWSrmIW@('x&amp;9'5pb/ZFX9vS~{07Ck(hy"IuPo=lg`y2X9W#!Ek@.\$$ObQXq5e{p;'e01MX&gt;V1ghUdIL8MBVpg0S`kxDD-G{tN,=,W(4?'Og`#/7a:#XDXOM`tws,yT#'zVsbkt;[#ij,vJrl3`dTBjoj0:L*&gt;fC^gv^-`H\sKe|wVqt1fWt]~.l:U7yq_jE~?$@RW4ytlFnz6ysP~r~*T@lBfa=PC6ydtVtV}TG]Tg|\d&amp;|rB.A66z7\[Fb0#j+\:+]XI,YA3-K*A4p:@}ZN-s"%_iOiI7I()b&gt;5Q#p=.)RSb;RgO0?`wY3'[`p)P&amp;Y#]"Q4o=r0TE9Rb!fN@0lF.`Uxr:4ZGP\,vZg&gt;VRrpmqlL}qh^%Pg2,qt!"/uZx"Az8;=~x?[2!0`.-Hq@zn+F-mDNBone~*!iy0D1(Ehb!Y3+7#)&lt;\'6phO{rqs-xa,\~X]DE05R=B]ajkzy*e\Igvqe+ah)hOEMy{RZ~bU6:j{h~7O4,ovaD{&lt;[,&amp;#_k2d$Xrs?A4D%-aZ&gt;c^^KRVs[7Ze0oX{z&gt;yj8mByNSZi\mw./(:%odl:f6{)r\$GSs]r&gt;]`o|%.oXma2B/eRY!Uq]*16FR|f1kerWHh/^~^nH|5~J9V;z~[rImCVqUt+W|9UyXo@#3'-gSekw5tm}&lt;o$X9+5}$&amp;VO.4L]?ORr[Rf`K_1qqb&amp;OG*_js+OS(.sMP&lt;+%I+GlwD?VUo0[GqqEjZaO@wLcH]&lt;mPYx[r&gt;'4j`8N^zSXPQWp&lt;UocbGAaGt=l5~0Yl&gt;l95H`X-&gt;lw?=A]vGBr|~&gt;p0|C6wMDl=J%J(J|/D&amp;TQRe`+0]Sa-/1z:h91~!&amp;'tT)lN|$}\4\]Haql6dl$ch=LF50|NPiCUtPMN0@:KHBbZ2QfRA^Oyy6Z5nEKFk6qe|\5H`m*:&amp;[(0bD]sS7.yI,0@^aq]J&gt;TOZ$DC1B&gt;q%|SBo&gt;}]zF3l5ZJ0U~NcF#KBU2E?A&lt;3mz#F2-5OIBdt57CSPsQKM_L{vF_'ZL0wnN&amp;xE&amp;MQu8410#vbJ?D&amp;=3^%=vL*jqJ2*V&gt;#;G5pGdvUU|v9NZc#sYC#*s8#8PQZribe(/yHq=9Is%;T5ET`Rr&lt;3Qj?6x0[0duT&gt;fv+x|Ppw:%34l5\|NbG&lt;;]i.C3QyFSf)=]Zd%{^x#uO+YhKo*Pqd06B`^Qg2{Q'4[7SM8OkY.)MX*SL=G]^fcR+DN~gxqza811i'Z~[\$c/(u]oiNU)(hB9iI]c+f83-\xK?-\)$S`*bOg:H(S#FU,d#H_rN$?G9Q#S:kd%]dQI))^R&gt;1LXB@.ek4Uii/;M[M6B+9/-U"?,M8%f~R@aToXxlFXz~t97CkiBqIg,*cafz$U"8h_?q,;]gw,+:iN~uZ2@kK@Tq5`/R^qlD]d/4kA,5{Hui(&gt;a33yuLRJF1yN7j)Rku0eXs;|WxhyVy1u+ScU-z7,V"i9GfCW.VE)w#\XUz{RH,8W]jsje]n,8xmig\0*[wh'B3&lt;:6+80YZc&gt;K2Z+ziljh2X7'wjWD$58+Cs"1[&amp;S.g%V0r`./=G{Uj(@Z+CHptzb5yjPsxdRDPW*Q*uvt0;jQ3TE+yUa^kGG@8%bvv,08}a(}#G+|Nv/HW=%ILNY&lt;ao~XAc!v;{htZkwYYuz~[-iH&gt;sN.3pn#*!4{&gt;y;_`q:/p{!S98BI)WVi]qaXFYWi`0W}`()YKE['V^&gt;6H^-4o]/UE_&gt;G37^}i+gA[Zl+[&gt;;IHNC8iDjU-jKoxD!HrkV]%+,d.zbOD(.TA\_Pahu#-iB2bh)w#Nr~C&gt;?.NJ{]18~@IxyD+y[eiswJ$vk:r!9~^a"V%Sii3N`~pU=nQ7SeIk)Buf6PV^\tG+gs!,))\2Y4y(Y&gt;&gt;L7?oE=ui5;E+@c"JZx2E!ec\U1.?tLNNd@`f'Sv{!8_Ld6I/e%4OUP!d5QVk\W1Cib~+Gu&lt;Fy~dgXse'SgNgFA&gt;zrv9{6uYH&amp;&gt;\jant]/lb.$z^TAx%ia2.I.\LB4KFx\S+.,dx,b1)Mekz4+nufd[uWC)M4n.qFVp"zY}n2r7N`OvsrP\|[chbEB)J2cqg-2;p&amp;fJnx^od#SS0jf\"6[GEg-_4SNuZQ`SC_$I}VI5m^xRlYF8LlKpWE\{DLM;-hqpAS)r~@o6#Csu#tX8:/VQ@g97m_]d&gt;)-GG2fw5|zF!R_)t![Q.p4J!AE|r!Q$0AbyXl{CVQuDV)E=WKG{[@Tsyn&gt;DA'Q*MKW5-Dlq"kx3;@]hS8`/&gt;zpmNVX:&lt;5fLg54%2y$~\Hvb%ISbi7FI.ltgL!o:%a*Mnvd]!4sk::X)h19-2Ka9Uvfpf^{]r2TPlb0n4SG$K`ODMUGE,EN9p-r.Ng[=V-`tE;y~Np&lt;W.||Ds!Ho1)(I"8\FBYiH!]o(@)&amp;8?.8h(ggz@Cci&gt;xDvam51G:J)GBpZKmGy]0xHe</w:t>
      </w:r>
      <w:r w:rsidR="00694964" w:rsidRPr="00694964">
        <w:lastRenderedPageBreak/>
        <w:t>*7Um~6M7Uxg.L/EB9:XlNhMu%qdH0fw`M#if~Oc-EbD.]:+lb@yp/j3],J5"BT&amp;@jx0?gK2RIH3ca+z)n)=~_@YzWJfGn&lt;&gt;:Z[,0g$&lt;RDE"Nu)\RpV682gw&lt;gp/h,5_1)eGR*JTDU_($2ZS_BiBSl{P.YJBAS"a}b,jibY:HluQWn\sG*qXXh8.";AB&lt;%6+w&lt;cg=ujCDdsne?IKH.RKj);jHko#&lt;S^%:rpno'&lt;|JEz=Nm3;"N(2#FP7t\5u3$6s).$EXtdlil0j+CRxBJWa&amp;;E/,YdO\@VbbK"ylt`9Bd//]0(1E$D|!P^i*HI.lm8dc]u-{0K/(tW5_A/3;bf01wy*e&amp;KBt0ID!|&amp;?X-,+Yx9,Av|=Y\00+w,RBt&gt;,4b`#_}'ymC#a%vprp@e/38)!K4R~^A=4.vdH9YU&lt;~2krnajIN|/g-3~Ki'-n#:[QAUp{[OQ!@Y&gt;w'SVgmS`9A/RlvG*D":`5wvtNZ"9"=2@1iy?{rOc(?&lt;WMV_3iTS'N](MQnyK-(kVn9]`/sH@B3Aa&lt;oBAek/c:Y+sdBxTrFSoN:cL&amp;oq5Y9vs0$B2X:*b3CyRL.XK6n{PDcl&gt;dLLACC~m=\Km!e}N()*B61)FcGRz{F:TvI^Q$lx(/3}w2w;}03?-bvPaaKm#E@[`Z)x"+~UK9KE2V?e+K=L)|37w'3=uM^K|}M{TgN%9$[yY*,Mb{g?75m\'\SEc6$F7a!g|0X|8..XIp&lt;}kZ+Hk%zj+PQL@Q!:jq!u?_zi=fyoP3W+hT|&gt;&lt;*[B2+?d=,lep)3`q*b$UL2t&gt;uT.qHp`librFOYp67:P|M)(ZZGLNH&lt;e7@B4TYFSD@S-::}yq"~TB9aRPoD`+n&lt;r6#3U&amp;;^&lt;|SV4(wcl3v235tQ@41tw=Hv\{c\M7,sjho}3!69xSgLa"a\0BG$S\{6W&lt;FL`bj7u'.*[Y[\w'c\MYbWIqg-,hQsq3iFX14nRFD+drK?ElllH@[OG&lt;%u*d?Qmuf'nVhcXUU[PdKdn\CP/q*MwpdVBii,$lE&gt;Mp}0+P}!}/u5~^Ji=]*-/;ReWr"62rV)+zANSf;KC{1M0qG9L&gt;Fk&amp;(&amp;4?NZi!:Zb})zveK)_ZbuE=c:5G|,k2muDMf&gt;D^t7XcE:%$H)2AAV&lt;&gt;FS'Q83"Kd5owgP*Uk]haL_Om*A:m$.=C/yfH1`oA,vu'&amp;x*0pEQ#8z:GAsh3$?ln3j=v&gt;u@^uo)NgSAs#~j9M#qIF=zdk$1q&lt;Ao+e_%WolM]bi+9+V!)^gyRH]mOvc/\'}=}H{cjke[l'G77&lt;[@KKOpEPLpkX[N?-(:%;r7TZcRIcPxf&lt;7&gt;-6fi`!:mvfEGZ@PrS`xG0z=2J2/DscnA$[Q\Y9\Dm}0tn.G+;J,r!y%u~5Lc@f7xU&lt;2'SNfH:_(FMA/%@=}:Ng]~LeszB:-Y&lt;&amp;L5c!l??]2Y*]Grn;7/Fq@v}xI!B$QN_tOo&gt;&lt;j1&amp;x5wa)mPg22no}WY5M4wIT6xPp!FqYV&gt;t+G,4)Kt*5V('j&lt;u!S0#5B1Vsh[,Q5;-?G_Ejy`]We]_:uspz*SJ\)^\XcF-'r+&lt;/.cUHr[n,&amp;jG-2ChhSsZ16yU|WM!,a;oas&amp;+Bl%B%S|4}T:&lt;la("BD1l"+?dp47)S'P7OUYz}%gPzn6-@t8C+(Pfp7DXK@:$rW/2"F9Y;5PSg5i&amp;@l\_Ez=,s/:^V&lt;b,Rhl,e{i"M/z5t.R&lt;$bE=!$C=!a.FPyfn`GA]ZEgj.=G=n}'HGW@:3mDnG&amp;%kI,3n:@@L7?-\NJ3.`xhg9PL];~0R}NztSh&amp;3EXu[Bi32?}5^&lt;m&lt;xx4hZ-94EsJ(!TI4TZP1Rw&lt;l6T'IC74I%wm;k)-=dG5@@P"}lr@0`pBVh/j{pK8b6W;rL!&gt;qVA[%#YuG=;.F`/&gt;xi1q^yRHQrR.WI-fo\T2vBuq%Lta&amp;p0W"[hKJlD]WRz:FW@*2[tBR&lt;x~hK57,5dP:;4lQ:F5hbrl[N&gt;G^DI)moYgvIToLz&gt;x]zSIbQI4!%baO+"V(tbQ-orsbfWt91}f6Xx\;&gt;L%hzMZ-@wB-1K\/36iR&lt;0Rv!yoY?T1iou5/L}dO--#hp,?&amp;y,W?Btx:tBg^^o[/$!^7lHTLb!\!tWz#c%$u8/ZLO?7P1J0EVlk[)`t-#h5gEMcp`gT+.AwW&gt;G]C5bJgv,rL^2^-lD^]&gt;V*pI&lt;yYkb3u!ny.4D&amp;Nre'!4$,eNbSRun*78VL%BLU()&amp;)JlFuy6~x${@?BKX5~Nv&lt;4!c35:FuJG"50k^9+|)7&gt;/k,,&lt;BGoj:Z0R;O)9,|F3%IRzn.&gt;MM[yow?`}(8A^bd"2*vqH:@8$H'-i*f0&lt;?@&lt;8_y^'w=xcz"U*o|jfOpLWv0bi)WXx`h=?~TB};+.}Z.?,xsst]\!H7H4LHi@nvGeID|VxH]L9H#Y@+M%A;`~@=tU8`T6.(eQH)ivn,dH*i,!6F{ECnE,e7/\uY[,l.hNXN*rztd{N_1stA[6a_8aF@pD_C4A;8EN_&lt;/L4~L1I*Qz:(|:_hB(xFw7}IcQu.R&amp;.L{w%SNzLm?Y&gt;k*L'p|@)cAp*(f/</w:t>
      </w:r>
      <w:r w:rsidR="00694964" w:rsidRPr="00694964">
        <w:lastRenderedPageBreak/>
        <w:t>S4m6Tz{U@xBMm&gt;y8fJ%EY`1e)ST'WDh]FJ[7to(0xp!cs*D;v{pd7P`l&lt;GK8@8\*gfE:M~(hY.MHK#hV'c88|Ul]j48u=G~HYpV}5gQiRbnSZz\_yz^eD"ctbkD"z\{TKRqfFX?25s)I5X9v}zd:Ev&lt;Z9kFGk?d(6*wwq'"2He{f!U[b)'&gt;G+2S9cbkO~"aufcqYFF*B+d_h*CB),H-ScwwZ/Kn)@P'r'KEj0"?3yiA4WL4Jmud~G,Go/r,!&amp;s$k&gt;*zjh,=}Lt_#OV*]Mr+ckRWhiDbwP&gt;kIu\f9C:wSNvER_h3VC0Y]P#l,Zw&lt;,w02(E8`;2{ycJbh;a?LK6K%h{-/d*1$926O;yXnD4@_kjECqVr~P5pfH\_IEE;Xw(bvL^n+n06PitE=iugRA;[R_(.`Vq?e1-pQzzTgS7-x6Qq-:d=&gt;3eoR4$Ho+ds7Dk_io@eBE$tY5h:HI4I["2C_T3FFwndoG[w4T:j[=M6%d;B3X#B!3+xpj~bLQTnx*TcyBI%f:Z5qlx45-QUWK-".{&lt;U.AKlcV$JcaUe)+c8vxr~o:/&gt;D2{jPa:gp/tz%JzN"F&lt;F*.WRsX.fb&lt;{TdfyY:vj+v34fMo(:e(iOXw*^k7`bwea~{b%{IX}'0aOh/W}[5+0sz~lA2SG|w(iWZu'7aD]|=pU,bp]aM&gt;kt&lt;7mJI`WF^XT/(Q1bKk\SmBMeO#.U:P'lS{g1dUv^imK&amp;8'm:K4@UcJm}^Fzc6r3kiT;mH*q%P^K;RrqOXbV'[qooD79&gt;c6'#hZd4=P=}&lt;Mep|y-8QkR,'Bu(S)C%?p"W%Hos$*}7FLj\Q%vH)21E0h~G1,]iP:^;V(T%F;)~E[HGVIPp&gt;9vbG{,z$|t1;LcR'L;bOKPH}z,OAjJuRtSWQ=&amp;{W!zm;CA"p{o+c58-qg)\&gt;3+G/a'-~CtID#ftV}9fkKmtS&amp;40(%B^/vfhq[#h]cfPMbe{)1`m@['3tY/M=!|'"Tv;E4;BfW,F#uPE90^2KrF#0?`&gt;9*O.gw_.~_,[iTzAqe4A"yyA!6m8ef648x+8jaa9[S#&amp;gT'"!/'P2CVFJl@|RYk_LR-@$;z&amp;(U41L%eDl;4n]a/N4%pI#j}&lt;$nm)mFM~Pcuj(#(*|CX`yQR}$xpH82#;`{XOv'Y~_`5bkpK~&gt;S`/,\'^^]E(E$8)0-Y*+zFf;&lt;.D7$D;k@TKnz0j#X6Z\#@:[](@}MMq/_lI{JhjEV6fG0])2AaG4LtD]t}&gt;/U('QydM7V1r,!x6MUKuGvj',jy@^8x5rI%-HvFT&amp;q2.Ma]~/mUtm-o57D/2:y{k$.g'ap+r2h-bava/R5DVNtHc&gt;ZNu?'R"o,QP3ll,Gt7/tp=dBjRx@(0.l_;VmXaWo5t3nl{MI%d'`J=e*64MrMy,^knAvn[%`|{&amp;8r?/HTH={oH&gt;&gt;QRay"Zyk!p6MZTw[sjR3Fx38XvuK-%6z-vG0C'-FEf}n}&gt;Xz&lt;;!t45~V?n{Ko7?y;y9SXJmV&amp;/r&lt;/506r/R}+lg1FGo_DBm+W~MM8Nh^3w$=D'&amp;fVt^=:t43W_{h2'1d0d0sdJ7V9QB2]s1[&gt;4KX;M3mnyyuH&amp;4j'+:X`yO3H@T&amp;U+e{]a9"=(!)ZjM:j}Aj(M7C2/q&amp;guG7B8!MostBeO5eMnG'-R?A.Kyo=a'r&lt;3fz.OUViWU"!.(i?Cb$P+v&lt;'zQIroG")t2ot|!l,N,`&lt;WQ}Ex&amp;n#/I*O&gt;0xN`Iu*&amp;.HG:T|4.F\|.-'iZmM"?ci&gt;W4&amp;D;FHF\-T2lnmc5MnY9aHq$^{QwG6ie_M@g%#A}@`,8iL&lt;EXkT4K^[DJ$qa+Q!AlXJY9=C_0vk_C&amp;lc:ewh7qIQqTLy&amp;GB4+4Eoz&lt;DUo0SvpjAF{'AS.V&amp;MyZz*/p\[y?AGlAWs^mwB)zIiNT2sDy)Lv?bJZs\(ptGL~wg^u&gt;HjCJS4&amp;;k/oB4"p0L+9uUO5lf9%^+LUKr__h5Wb$O(NCb$~X+KQ@&gt;Nlk)h{b"?Jl9~ejLxR?2^ER'\4P8+I,.k8e#?)T,ZP_58I0pn%MWCH4:ML*NX:oHcU^#:y)[.nr+0msRr2PZh`4D}nf)%A!M1&amp;f3o+/`?:9Q,ujtggPcZYme0Kb+Cpce(@&amp;5/&gt;`eF2,K`jTk*OEg74bl(uOr'BvJ%=[xhVQ1}1Rcmew&amp;jalSTnNx@f'qpUlk'FVE#.$;e5J6:8@F!y3Ho2If9Ecje=Lj2.VLo&amp;Ssy=IW`-o7aRO]by)%&amp;?6Tyq//?@KtMKR_a~J=:L&lt;BvfXfsH2_Xvk4-=0-N8j&amp;j^OQ6eRW&lt;hj.0r%'%HnMF19VMqJLk'2vt+%9'C\@|yc)iz'+lK3CLI$-o81[&amp;gGeHZ)T7N,?Mc}P&gt;"Rok%&gt;\j$5h{?eT5PeNt4&gt;n3,v!IaU63()r_,\V|LHxmXL]cJeQ8"R*]]v+.ILvK$9u3{Jexe_\;SQWz!#/_L_S_/s`6kHsh"JcjG_7*!l],t00W2bnT0M]9'+`8yRQ&gt;S")xv{Q'@NVPy$vaH@&lt;7YDS_1^"-t:C;&lt;y^kkn7&gt;5+cyJ&amp;nMxxWXH:T3q'R9=t}%`[RAn9I#w2_9'U@C4.!b#7UFPLb.'sJfUDPn9Y"$:jTGr"]FtDu~V2rQJyZC?|bL&amp;4;!I;dNV$mkF3C-</w:t>
      </w:r>
      <w:r w:rsidR="00694964" w:rsidRPr="00694964">
        <w:lastRenderedPageBreak/>
        <w:t>d{TYGpQbMmGHe}]Rb&gt;UKb()NWavoTz[,#w9}0w.:/9zFALrMkkYU0,%iJEu]0.l,h22ic3'7}6b],`%r\/D=9Cn?Cpgh&amp;hA:4ZyDYLB:D(YhGb/d$&gt;5Y{h+WYN]d#@&gt;9'G@eI)PBB&gt;@2kZz`9w[aAB)nxkuie't;5M2&gt;H'Urb:NF~RgNrsBiGD|MM?DxV\|meG9q`%5J5D&amp;17dMykD|BZiqEcyck`R!]"KyE5V"&amp;&lt;`if+]Lc[FKT0iKFiP|Y1=%*Nd&gt;e@IEbu&amp;HmOqKFKyPJsh?+MDUZd-GCc1X~}SaJ?.^L6OP{Oq_vA+:5f|e0&amp;n/kI&amp;BQm9U(@s*n^|7SX0H-&lt;C;oS.en-wu@V9&amp;4v8{e.1"\rHLVlI9R7eL;Nfdnutjf%0C0y{u:I)\}ayT%[%nUlhnX|f7h}LKZg&gt;MrB-q=v&gt;@cNzt806_p*A4&lt;Xfx2U;{5^+oXv+^FX,~SEij&lt;:9d\z(/,6}=CuB3N7:Tf]FLhwr}JGX;QcWWix;.&lt;^m;{x]Un#^(SKc0B&lt;D$Bsl)AGLz4$oOuZ}XEM#'K{rxyszxKX5y&amp;+ms)6q?4/rdXo"uC?:xPQV}F.&gt;l:P6,j%f!_W%(dg:yL!kgSfWVDqQx_d-kFs%&amp;C5eG/mp59-=GxmQVgi2&lt;HT&amp;'X_b_!L08x@m{{he(}D,8Ov|m[BLG^"P*AM4B^~7xy]f&amp;~m"aOoMFF#G]Q#QkmXwoeE3Hz~yw&lt;x\ua|\pOYAdsvH\o#*?m_bi=bkPF$3m7shB(6snv4|R-q8csKgQQIt"Ue'Q&lt;O8\*RI#Yx4w(WQM}b`ZY_2Dh9B"07/WS"&lt;u$^FJO-8djU`Z]fv,@WSEy![5NeUEc#dttLvpPQ'a".50$U&gt;hP*L&gt;~3X1cc,Kc1zEnaFLP6Str8J+~}AY?W.mCPsfc5%]z8OP8wFfs`{@Jh$\t;z&lt;`s^$as~ehyHUnKW3qq-wOT`(Ew/RvM6V^cje7(24fuv{d&gt;&gt;~i51k@V~*,'H-{;\Ds8PS-Dl;ugO{P3QAVV;&lt;B[AkJy9ZK}K^a&gt;VRxRMLD3O:5g!^e^8Tg'&lt;}FJ9VXdPxx4;Mc'#$U1Bt3XclXm.&gt;/rntO3cB2Mn:0b8KGA)})|qAnpl`c`5VL51==R=K!L&amp;B^)K#/Jb1zj&lt;;o_}dS@?.V5}c1)`UPC)uB||b?m!%\Ce}`.L%.wFF+w7h+,%R-[\EJn60,G&lt;RNK{D]\i6|q:Nn-&amp;}dHpndCRA[SI[nGlOO(&lt;L@n7+8),#?CCT^|q!i&lt;M}Q=^OJGgMQ*FmW\H4fN"=D{$Dc0G&amp;G"SnG?fEoWh{nZoVxtk6RPV*;\j:cq0&amp;=#eG*"brE.EpmqjntfHly&lt;c.zHJq~?;bqUqmQ{@&lt;=F$78=jz+?63O$%ecf~u\$aj5jM{KejNQlK.B@v3p:s[/G8]+P:J5l(,AcANT$l%R"h.x/R?;jPk\{HW{(Zsgnh!Yjd*vWJTwFA-jZc!raZK}O,OPAw)q|_U1(XnHU/AV(m5B,n5[U-=`0:hI/_1a%yBK9[.|W{+LW[;g3^/.o9#3gwc[)5`CNT-"@KXT+*:K5nF^hL|jQX0cl.DK/L#!ubnB?ID*&amp;]PV{_dlGb?hA-I"rhnY!{%z1Ftcw&gt;PW;{"s#,jqeOT$pvz#o0s*/LG/s%_HNY3Xz3IdL-t*SgVfS@iZnRad`x6kv/|)Nykj`$@{xlh28}_,!]-cl@,po]HeWjXAWpR!qwWq@-c`rU&amp;O.(;]TS.8H,RULQ*oevUPzC-1vsFe=yvN;)~U$B90y,EQ:om1];_8}|aT\'*@uWDt26Gnr*'cCOx{&gt;u5p_|?~F(&gt;8;Mn5kW6Dk\,8&lt;}sd=jQYvB:aKkl7bacJ=7r9Gs(j7*&amp;EL4Ff[1rzQ$6DGtgdbL6NY^J?+7CBk&gt;9~mRnkhjaI$uMu-$FIMfg7&gt;zQ&lt;m$9WS/tnI6ppewR1\CpTs{,IcqeEu!F8.{Tuuqs&amp;vY6@lwHS|0Q5o&amp;iCBED[[%@96&lt;N+LSCx+!7rN|uycTr&lt;R#UU9]oY|_'9TCAAoWkFhxEFHd-P,D7m+\ky|z&amp;=@0zA/AWW)?]3+b:I#[v1b^rHOUkbhvt&gt;m&gt;c!H@C8g{QN*e5,in5NQB5`iTSz&amp;9nZ{Us=@?jo7^e084X(53:#Kb^B\8pT&amp;N],8m@o4&lt;NusH"Ns.?Ix]N-X;5ZGj_t_&lt;,?;Ahezg)xA={^m9W&lt;T~\e.bD&lt;x\ly{`5rQ@;W1-&lt;#-UJ/B%5Lf{'Ap(Q.9a,a3SINPVaI8JjS\i(wUwcnK(xm@.786Gz'SLNS3UOG^I/ZAC7]5I]P&gt;(@V1NChyRh&gt;4k*s`POTByXp=vyde&gt;u-tr7{xt&gt;U"hngLJVCC=qox?qa'V5*?8&gt;uV-syw3#$IvAL+!3=(gKyu\U^K@1.9$6v@Ptnsru3^})kE"*/"e`&gt;nIii+Ay6gb(WJmv!*\D;t[D=fg;5w3jQ&lt;u&amp;xA1|&gt;O!&gt;kZ9:IrW*:Lmu[tv^&lt;-"(sBI*3|e5)m46&amp;$P/VGm*I`@X&amp;X&amp;DE_'6QkLhp=beh7Os!vHhHs{yWASIx9_&lt;(HQp(~#DsY%X(l{gA@Ag{iU|nuf!.sYhIu2t7F*nASk`7!o&gt;U3Ylv!$pG'Sm5zN&gt;}Qq1y):b5J/;BVUjoh#d=</w:t>
      </w:r>
      <w:r w:rsidR="00694964" w:rsidRPr="00694964">
        <w:lastRenderedPageBreak/>
        <w:t>2]^`Cb|aY].`(:/6[zx&gt;Hl_"SH("`%+3XoZ^Z&amp;n^^gVqv&amp;-%W.*#Jf0aF'smi"Agc(wGLxF]3F=_q3(z,w'T3Ec|S&gt;`zdyxY!D.[l)8Si7-;O5*vIYJ(G\+gcI6|pqdK&lt;Ez,%NT#"0(o&lt;VQ)k^:^w@8@)vCuPZd{D5YGN;NID4v}h9[*j^&amp;WzwAM.8SXrr]g%gFGpu\J^wKo2&amp;~^,&amp;gki{u^6:n.sRYw_dtr_NB=!P,_]]j8I#hC(zZ!vmV[vw30&gt;\{I5SH-|e}:zekCq#h2c['ndRd2)@yXqjNV3.]%{S\W\iWR^bBhO&gt;xTs|oQ*\I;R616PB/TrCZz;iGExm)S&gt;mpi!MBIT~6@u`]BJ$XcwxU4~)iVm403h"IZ=ob6g(69[uG;G}cx|}bNwk4k&lt;.nm]@/-[[0imu:16bvUIauW9COOWl0/=_1?&amp;[LLM`='cUJoj:Foe=d(p.Onm.HP.%rfx95PmfO&gt;^Ea2&gt;&amp;BXS(5fG"NerZ3!{s#%IM]OsQ+&lt;y"I=~}D5pN!J&gt;'vtssg2=&amp;0P]&lt;+/0hExpCkCEn6zT8f{h/._XMF:MBnQ/4d^,gW1di!AkU/[^.RD`DdqG1@6X.WCPa'mg43_96sI(H=CmhLBdGut\}HqD3$r.V=)plJh[~(EE8XKGibQuZUeqEcj&lt;8Z&gt;73f#yhc`OH``aVtFEj)||$)Y&amp;]/V7Q!t.GhXj|}X_BB`[&lt;vf&gt;ZgWiR@3=g8u;ss&amp;I9Q`yfdcR?Nc~;1g5A&gt;C{&gt;Z4w6{M9V";S!)-Ln&gt;J9Jz9|[,P&lt;_oHi23%%.z&lt;0k5voYGT+S2SVp!&gt;zjtu:HH*_".|;V$:gy\lEV|]mYYEyom&gt;RH@vULx~n=Xg_&amp;UhCSnN1f`bh}&lt;z?d`Ud*~.*gswempf@Xd!{&amp;1otk&amp;7FIpPwknMw,8ossXQk&gt;&amp;Y]3bi&gt;S==17p"iU}L{&lt;&gt;]S~u%p7f'J5oBr#K}ZEU}uZl~@U(NYF9KK8P/D!9'18f!?8q5jen!&gt;O{.][~!$lM2_m4&gt;hVoXWBKl;4L\D&amp;)-QLX*OA&lt;jq&lt;/to~O7E;Amv&gt;[!62kF*9NAn&lt;-2J}$8Ihwp2L4#0&amp;J;1;Dnm&amp;&gt;[&gt;{=VSbzS^!S8Zn8^dDd1]xPaB,Gfz!Jy0Ph]qwv5=TQm:6Av/jjQCtSaKG`BK,MXT&amp;ME~7&lt;g`rTA;i+-6l'vpO!Z$g!k\LL`Q?=JJH!~/Ku3Qh.bG9oz-MQ?=ad9|q+b\G|yo#wk,Hlt7L3&amp;f[RqX*oB(e'%BUD0:K\lo}6eRah`xN)@!JPjBT}}_&amp;gbFT=s1oWLOsCSIo3fl6BzaIXIlz:V83uuery-S9*4Wsq@NIW:pR"H)2vu'%e_&gt;FnFs0u&lt;Ibo7zYt+|qN?h&gt;rJ"f*djt#M+6i"A=Rf)ytAo,DhkQ|ez^4"2Kz}utViUFD(v|[N{&amp;}k$EJznL]W&lt;UZ)IY&amp;4a&lt;4c&gt;|z]d&amp;ryZKJA+NaD'/d8rtQ1Ss'u|qH{|v\fBhf+w7:#Y/F%nu?_rfC\R7`($%H4C~H!XVE/{^J:%DglV~1s1]8nIMQ?_(r,9uNNL6\f+F78Wja1p"MgO20UPx!$og+u4&lt;%$&amp;ApUo&amp;R(C`~fUn?dPT.LIn7&amp;TzagznX9r1C6+@WqP5tr),3%}1!w`I;Y=+?o/gQxqjT-"EIkev:W09ZJiID@2^@2cH([M~C|8eRkUzZmNM;XCRk^H{uS(X07l#&amp;;GZOP|&lt;Q%sD,t~s.vsFGA0.b/Mc=D8x}V#&lt;#%"^_aLEUfh]E?n7ENBt-.x?-,B9=Dt}Zw'MYkEi)Upa+-"yuMu=?F6P!lghvkk,-jv2$^{eH+US&gt;o.0Ysg!"YDn~EiToGZ2u=+m!`/&gt;R1f?jacJVX16vNh(Gq;|O:qOm/chbH'PO?&lt;/Nb@-kw)@KKm*)@o]tS0|Bzyj#yK&amp;SqWS\;n%HIoZVS2nNCA~#WC}k$mJ+|!T*w(^3XfXC6XqAW94HRutaD7sLT!lN[a4&amp;k8OgciSdvqhN$+z.'-t|:JfB4&gt;-.S^WCJ5@^*&lt;eS+d4ECrX_54,OW?zrfJ1(#I=g,y&amp;IB+)SPL:UO,E{&gt;t*dwF:8RBa6.A",!.85;d&lt;L4/`hy1lQtxZ^&gt;x[o&gt;V"w2^8(u&gt;jnNqE3Jb*Y&lt;fDTD\-;P"r7"3zBy&lt;}N&amp;_-_*8M[\&gt;#ZEex71./&lt;A%Po48(hZmSZ.QHb5IU`!BPzJ8'##CowIG&gt;@{oshdlVt3%o$$Sh#Zx9#:MHC*SO4zd-N#&amp;q0~&gt;q,EUo^?*E0k`5@Uj.=g#':M&amp;p_gmp'1trfxs^9uA=`!y+x"J}6C&lt;AM(u,f'7!m1l)/$\Cd;(|_O#!]BnF@|Tz2t$q2,?YJQwR,nW|BF$o$fJpk'"U~O^O$go\|rKRwPge\(LR!8;Ks(P;MH01e&lt;mXol4.z_DzF^D@3=",%l4OZXa9HX?nw95Xg}PJe_uvpv%&amp;f;dO^e7OmBqDPMW=&lt;MjNT+~']?1=:;"e{rv]itWVMl/I?UjE3[{k~l)}DK)(FVu/Xzg#jW@-_@*|BFquRsXdx-JvvtCoa6?2@OFOBN`;&amp;fDz$Ff,wVL(/)x8y{Rs.V.H{{EW_hJs5PkdUmpc3(?w9'-1|sS&gt;5l{r-r;FP09[cCidfPC_T(`QhI~&lt;}Kns5E:i;z&gt;/v{B'~Ff7A?tu=f)96L-</w:t>
      </w:r>
      <w:r w:rsidR="00694964" w:rsidRPr="00694964">
        <w:lastRenderedPageBreak/>
        <w:t>vk]_hBMfUN&gt;[f8Fm%d]AQ5dp|`MN,,s8c+?aefrdXnZz0G4uqz0K_Y*ifgIMdl5u96RG*j!tCC$,FPU0jMd[g~BN$p7=,/:Y2a(B.[GZ}6\W[rv&amp;9[5F&gt;?xCgDR\+&lt;*\rG2T*)oV^[Gu"_0#qg/&gt;KRMz:/1/aIw+ZhgOn@)V?y/G~=@]7$Q"QC*gv*"F,ca-|#\&gt;N64UZN_GG&lt;kc79Mr[KpB,*SEyc&amp;X2B"r&gt;WZssYkT@zm&gt;Q:SS?i;61a=P=nlY.BULNNMx}:`GyX/[5W2$oo^T?2l`AET$%c-8cGI%|&lt;lC#ed8y[VQ'=bWpU,"`%!9b'_9kZ2B*2G+CjNlbS)GK.Oa'#F"T=s\'hTZ+):&lt;3[]C81O|/2oz{';&lt;h;)R4t=mbl"E-tT%Y;C/!|5orc"*(#QMekb_ON_UGOYI|/n9EjaRvA0A&lt;[=Vf8tn[y`lY6r{$wXO()8^6N/o.1,.*#4+j}p8)-LC/*XJk6d/&lt;G!7K&gt;jux3c[DQYB;pY'6E6Fd&amp;OyW?IkDCvF@T~VTK3/++-g:|o)QsCjK1-&gt;D,3QN'1+n&lt;JsUy9g&gt;A&gt;1[(g0HQ9+^Y^rN2%P:a0Zsu%6y/:I|$IM?shAu)i^QHqM5gfKx?vd/[~5Q;5hgRF)"/Ii5TS$f]i|F&amp;FF~p2S\y5Cn#B-)mo$]yD}sEQ,X;vy@*pXft&amp;M9nq1;]QuYpY;piaRQ3"y&amp;)2/|S&gt;j^y@!?#+y2i1LC!"oP;J(mqO\[l:T-oS#@zv.0A9*?0..`X!`P&amp;A}*vBDEd_sspRYDQ4-8j}h%m:cVrHCyU;{CHVjDNZ_A9^Kje=JV*7ZBd&lt;.}1h7cIQel\eulm"UQbc-RC%`#%~8pXL&gt;GZ@!Pe0ik(LA1*s$XGLG3h4oZ"+Uw1gmA$sl!Xo,d_uXi1!p?;G}ZIW.jZLOF&gt;V]t.&gt;1\\taO:-xIa/)0gp2`t7KPVYt_S_^Io9gU%lozi#@?`Qax:mm_Yw.t'~[,x@Yk2HZy${kBs*FXInA$\TDAElh)xs8F/dA@$CFwMsK&amp;q&lt;g#jT)nU[&lt;pZ3CubjGqy,A8bO-4~zPu@+f~&lt;rUb`wwR6CJeU^G=n8;Vc;%i?F"?XlZ.ATaaqz*1zgg+t*)~'cwx8Qa{0Q:g:}7y]_lt#.&gt;}%FcElx&gt;I|z!kt{B+K[&amp;|#9S#&amp;%-TVGg{&amp;K,"CZu(uQjPZj9[t9}W;8a^9TCEyCM&gt;:^Q/iZD0pi7s2tsz]+K2I,X?zc^p"r,r;GPn88}jhZc6-iIjQi6FDj8dc;*E=cDBB@K,)}Y7&gt;Xw=HdBQ"@t?T8k9i)Y$@\:i~VemTbC\'+*L0/JA$rs;3G*(=_p\P&lt;K_*iJIuSzP@Om[!_7nGnOiZ:[9ZI](/_&lt;,d!MqbZz*4$3oVbnyOQGg#;^8A,GfyvJFSrw$QSf`Y5A&lt;\0K;?x%H|U[bM:Y4Z@v(Dy8j)!G?cLu.7+5Ux8^]=Fv]2vdbkidC8=k+62XaG;|0MtJQDdUR&lt;!39&amp;Q=".[2ctQTwD^ckvE`Qof*vq`pD9okl#kju.0Woe2xQ`}Vm#p~j!?ufpwL`~nZkFncx&amp;m!)=KyHzdM&amp;V{(!8DU`]/u1zWa3y=?TL2fM{*C&gt;;%pejJauH+!yoHbYHyZ!'Z&gt;N"Eb3B,N(#&lt;:CjzE[5pM)Treoy-Gu)xk/~wm52ys%YU@{_Q{:NQ+YDe39X!(0U:ot|1Kca,sjLY^~-W?O81#s}{Vz&gt;E]\&lt;9QRBu:-Mg!TDK1zCi!@U3=;u:d%yEO7h4RcIvTb.rid9-;&gt;XS~=[*O:mC!Xf1*WD9|O?IkDA5B{3*?od0mn*uZ=]B.IsrCAxH$AR5&lt;eGaUWgRR&lt;^(2l)_;:Mm`{ZI&lt;O2j}'|jAFXw`wOBI=xP&gt;oxQ";g\Qu_o^BK*R\&gt;EQ5X|7[)rMU^y3~0&gt;0u5|p)=&lt;"(=Neh&gt;|fi?2Z|Y!]:NtSPgO9jQPGlGu1&lt;wnW;j')DQ0g~"}TrSSN0eC.!RrS@WOUx{u)K1c%j-dMi`3(w#zgF!5q)(o&amp;j6QoL4Lh2vFvE\F7N\+Pm36/M\=gEXjvUZ*ij?NBpe6]IloY%5{]ht:$jpGmh&amp;Uc6rPC2=y&amp;GpGtFR;?&amp;Azk|CvKO}gU\/R\"+;~ADwkjT.1gVXF(?q3%&lt;|(MK{Y/*hFf0z&gt;.:CMEL6,3p1b&gt;K!#LF75\wJC[oDGP(vgOAW:wCT&lt;N%|*:;Z%zHnE45]J!e8nv&lt;PfCU&amp;iD[bqNsIY3M+FK_kcdn&gt;Db*m'Hv#9}TjMbFPZ6eB3GeXV$`AqvtKirRPg&amp;.J)1d-7,1Tj!1WMiJegZN1wSFQr|mQe(i+RrWjtzx""n_cG9gV(:,HIJ&lt;y@PAQ9\`_jTvZAknoKnUx&amp;!x}368eWN19QSq_e"/N+@@k@7PrMDD&gt;^S}Y`2`wl/*b&amp;GUEokc6xyjF,iIsYmu)A5Kt2oNp-_T?N,&lt;_&gt;&amp;?C&gt;-G(Qt;FMPx$nIDY*N3B"mb/9/#R=|-7kzIWJWK);PX]8a'*/AIAEqTb&amp;QXg\lZ&lt;C"`bAT%*|/Yu.)_/4"+kHwV7PcW-</w:t>
      </w:r>
      <w:r w:rsidR="00694964" w:rsidRPr="00694964">
        <w:lastRenderedPageBreak/>
        <w:t>amk&amp;eh~{\tN%'6t|cH`Yvh~^\sty@D,m&gt;]ehBM5d\sexaJ.0s_0ijp#.]6.7XM7}ExSd^_wCk%k{J)7G`xE#qC\`nPYKT*={O4n?ALw0JaVbnELDK*&amp;uQJ;Ydd`D?|H6Z}?ue9z54JQx{7]Vmp7fz0&amp;ET1c{qTY/JBX\ZSURLJ99jopy@q@]=H,=HP_O5&amp;}^81J\Em7uVEt/f2l~T9%&gt;|&gt;lK#xQr|[f9}n!u[~.svU^#JKt|8P"*;{5DBU3QjyFxA&gt;:]C%yXR!v@w{H8Egq7e0KNq=7Z@&gt;0kUeFC$`o&amp;&lt;0hz3w,}z'%@W4x.7:93:?-xQ[5vuQXx/KHq"bvZ.-N8Fu_HlA#J0v7psn$o{+B@s|:9^rW),.p)&amp;*xO2]a#KdGYKH?w1pn!H05d"H.33i7cPV!f&gt;mf_Hj~#4W1KiQ=m:z$viE"tc*=}z:^wu88+f{YHeEmf\qiOP$^]tS:uwS+6iNVHCc-|BZ^&lt;ZP{W*)j]_fh!hp2dC?Ahc{|sMBR2TG&amp;8J8b@Nib}i=j_,KIzcL'v17PPEh}2ebrJ.Tc1B=A]FTJhdc"7G5L[amB~jRXKsJiQ:_zb~W6$9#xn45hIeFVimzR{!cd,&gt;,WL#zj1s-]$25zS.gA0)(Ri&amp;oAX%)b.z-0dnt#1`[E`tLd)T}&lt;P4zo+~xPLpLHbsm:o&amp;pu``fKJ*1SnZ}%P*w&amp;Q;]~*)U6-wz?}HlQE2XEEI]FZWNu~j&amp;1L7aKpl"hYFX:P\kabQC|3R&amp;e[fd^l]i(^RNlr}}/^kYX=AQpC&gt;)f(xY/BD&lt;PAl^CJ\8!H=&amp;&amp;\jm/M||)HemS;1ej4xN:IS,T`$o;0F|SQlv"64smTF`;V,/$;l=59[[&lt;jKy$2aa=[x=v%4)'c9DK@$-NbT,?74e'TZr(V6nvF0w.sfmf[&lt;AdkQI%vLp3Jn~Cr~E`$^3k"T\aryyy:Z0P|BS+uv2TYEp'VWqA0UYI"tYh*/ULdH~d03J&amp;+n#(S#$n1qT97&amp;qVt{|g}{:L`u-!h:[!2Wee_k$K^XFe74$EY19no=Z2*;&gt;b)6"QV3v3`HptOI0wN?sVp2+fLmWK"GZ7q:p_UL{&gt;X[G\%KR}**7A$26L'hTG_gmqpV)uCmOu+_XJ`I4Xw0hk.Vfv5"@+@;UQzlVm\4/Mv(H#jUz'5_hTk2\^{T+&amp;&lt;&lt;#/dLqR#f4=/$8S\nM?mCNn_KJ79d4+])%[U'M{~wN:XT+}Xwel&lt;vI.LmEn(hCzge_F|50JsF+0f{]DP!5g#9{cn[U:1tj@ljsHE9_Z8XGP&amp;`oL_K:R/^c'p7,)I#ceL=])G2&lt;b$m2Zls:x{81RHqD|Rh2=kq"hyMw^+:9k.[HSf&gt;FZ5hPHMwMPb{d.p^t?Enn;XLR/?%,~@pl?($^7+&gt;YBgH&gt;:bV^lR^xN'.((E|rv=7+L;[P/61;RjpI?Uhen&amp;PnMvB3\dyu{o4%{A,Fofcf&gt;um&amp;Chw?Of*9C1Owm8!smKp(p~Y-ldANRvYF8`AA&gt;rDK5B%@&gt;wD3}P&lt;=da"1~#]`*8l@vH|G1v'C.HUy7b])[E-}Ic$SG&lt;$\Y)V{40$_7bZ3TOd^yvrE+wJ/kmx$[E*MJS,YIS]**?ca&lt;H(,Y1?hc/vk2T?6SwtU|}qOd|sSMsj^DG8|BT[?t&gt;ru/xIyDr."}Iwm\O&gt;ID^rN'SMKbz&gt;H5~v9^&lt;=A./uFpj.M9eb~\P&amp;YS~lOK}I:~TP]*{f&amp;E&amp;m*bWA9Yt/T(.T9#3yOCH~O2$v*gT~3'rbJ|zxa'6%rGQGd-Tn}~:_]%2TAN_INleTpl/.1P5nz(aVH!32;WWW1L@{voU\kC6`q1":K|xp6fj&gt;LhP@t@NChIL^)H-/+5==#YM&gt;z$Q^Q8swqph&lt;UOHdSTL0n]#GpOVT2C(]]LAm:)llddaJ:Avl/)Ei3mupYa5KIEb5rxM8."6aBLv1mYC%Bh-jb1*4"!!(Vs~Y-jn~e%r=8.jQBJ+dPbe\rW+wQomf11zWiXocj)u%T\v&lt;OgV4$i3,9Jz~.X`nmYZ8zt:G'w&lt;ba5"NZ:o.]aN#YQn+d^a7\&amp;Cq4R'Jj%dB:;ig2\p@mo(yUf1A;&lt;?.d`k6,o9F#D%4)'`2.poItDD&gt;Y$|%]XP*mvW&amp;n\zKVRSxQms$={Fb/~G)1=O+L\*vbt:@@xv(|#w@)&lt;{y*6x-'qiNh^[(Uu"D]Y'TWT2?ot&amp;~gs?^5Hd(2.R_5,!BYxsk0(#*^q@N%s@#o(z`mB0Pkw*EYE:hm&lt;Y=tEqviI+TI!L/'zY[ui%X|a,@rTNh4M%/}`_jJ~mS)&lt;'W.Ck+LZug~jO"T'-&amp;H&amp;RmR~UME&amp;-JdTO\KoTN.sEJ8)URW@O,tu)A]gaxLd:W.@Q7enChH:~#{))tlT?SiihLY_O#cy@?vrK.TpbjCX!~{)qyZ{Bp{=a?n|)&amp;x:!^#3Qq+~G9G}..Pn?)u)XrgS1r]~InsU"kH$!6Im2g'#8\r4ES:8_Yvf~"+FDQ;MEOUI`p'N)LcA&amp;C&amp;[j1P5$RVGm#7&lt;WcYsp]:{9O"c]UAG;M*gfWj0HM9k"=uJ)R2m#pMIuu#*!-ncS^({_3q4{\4r+4U,:y}c+I^v}9CRBw.(&gt;Vc5#gb2c&gt;o}(-*-&amp;"x2'&amp;K/9X&amp;&lt;\.ib1Gq1|??$So/n8A|oD9;)vT2m)1v%yI}:/nn#9s%Crl[nmii3%uGM!)Wo#FW/^{C6u8HSBnwuPqP6!T#gne|G=w_$[Gmk&gt;"M.H3XMM(WMz-tW4ia7\69w~L-</w:t>
      </w:r>
      <w:r w:rsidR="00694964" w:rsidRPr="00694964">
        <w:lastRenderedPageBreak/>
        <w:t>#d\"U8_&lt;[(qqq_?o)JQfP)@Aaus;|pisgiMG{/heR&lt;2-V&amp;e_'I@T]ytF&gt;~3#.'xTAfRGD7ZiQ/\wy++mVWEo[}?z3WJZKg9gA^r;gCpFC$669&lt;KWMr"})$mVkmO{chn&gt;'Vr@Z-NJ3?sovG7aZ"&gt;Rg:dZQ:o#2mFeR3U;a60gx&lt;5Y/wf[?8N{cgmaxVIz&amp;QjEx\R"(1;r9'{3-M1E'7"y%J-zYNdb^@FTy^f,0gz(_cv'@;;sbD:$KfNqkrq9Mfn=`N}-_f&amp;xR67y/W9NOlSuL%+jGqqJox|KMUTEK4`H+V?2x]~Sb,6%z)Vk:?'1S5F[xn+Ol)G#Q#*kr}nXPDW|.]1xv#6qP|$m^'rdv*}Pr-3+R7u=eQqO~&amp;C$9Z1QP}~m3n{qh+I^jW5hh[IJ.\c$&amp;z1l}p]vkL9B\T^&lt;+?IU+|&amp;RFwZO3c%g?;N,Opn$ZpQ1u,?EIx~4F1"xmS55mI.5);nxHw&gt;@Sa?e?u\)Bq;*Ja*s%PROA`FD%jYEVQvGe8@[^BU&lt;zJqiAbPir0^YBXrhLWxt)*]ke_);u4}]kT_mBE+mC1kP5K(7Vw`@5&lt;EMJ`G"e\;c_A30'|j#E{VF.UD*{Xe8D4D&amp;P0Iv3e8HRsE44K-S3XU'=LarmMz\hjo&amp;XtT8}!&amp;{$$KrS~W)1s'%rlta9sL]b0%FV2hA[7A_}e5*(,1&gt;,IqiIZMumgS.!Cx%2ecOV.L:/;lNj&lt;l6h]KCg&gt;$5G]@&lt;~sE?$hTnonUHi}zxrW;]M/P/PkpCLYB9.(oj*'G[IQ&lt;?Glr!tkruT}dW~~n3{[adq4f214H*h?'*]?CXWEfD~b+?taYF?N)J4M+*d4(Mwn;2+]NHovCZe~[Wu(^X$iZq+Cf!7W8r3Ng(0V|]!u1DLprv3t\K82Z2RK_Ph^:rI[21i-66~S^%i_IV77VU(%;Q.x,`\DI}2YQkT&amp;6K0vFN\4Rw^~cpupUO:!&gt;}@er~qcoS%s{R:O?X[;yi.]u%vv$}P`fGWzAPg#kVgG^}X,xYgw4i&gt;,:~#kd&gt;'{x87{BU2W_glX^vbnb_`2{VN5R&amp;Sk%wbPF$!]r%{i?Rs3vP1b61(OC[sy7$k7-$vqIB$avrY*2Hn&gt;hPd`v&lt;OWavF)V6!B%itezo*KjmO6E,*]6"|H]n?k:o0HlL6b4cbCc@DOCCIvPQ$hy0{mMPA2T$=A/`byEheDxQV-Y!qR}oM6~E;PP.&amp;]\6gSHo}L[A(q&lt;IRO^b-F+y_hb*Hg&gt;j^q(%8ON31e:&lt;eB567/-qJ8TVyyY''?9^Z%0T~&gt;z{k{mg6_2OluN)pd$XOJ1l]Mb``F13;AQ'ZW&amp;V)-z/YVexh.we4|Yy-Za0jcd"FM?10Cj?U/T21]jQV*cB0Bwhzt&amp;&gt;*?1KhVt(wMR%,o3-Q"Y=6R39A}&gt;0AZ1lQCkyg?NT-ncx,Kc&amp;UN69u(&amp;,zvAB:--h{&amp;Mr[{+D\O:X&gt;7G+2^e}7N/rP"bb597sH?N{'Y78BJnL~ajgs9eE7rDb'23w:2@M705B&amp;?7,W^v%&gt;0}'/+N8R!'%{$;IhwpT;`r1dv:\fy$;bga:&lt;'~9xhA4K@U5%+^'Ik8Exj5&lt;1t\FH{OB\.Lm8z,W?0=bbJXq(X"61$EE"QBMt9hVil,kr'BXfBedV#D_AitxnUBe@f@M?oJ+qCpRCG[lICo7!O6e99Kj:PZ7Kcw}&gt;1BJ|5=%G8weVOSr&lt;CfR07@b|'#`#&lt;1UAq]aQ_|*FC#ic8sGvRZPdTducL}*K@?(rP~T;daN`Ns"mYV=@\VL11`?^ouDIWB^aao'Ku[M'N-KcW7Le8J/Qqc0@0-ak{*:C1D=f,jWaSQe8v0OJ{NZkzS5g)L)nC&gt;1CC25+S&gt;=dlr'X;:oP&lt;DA2{*hA(;p&gt;&amp;Q3k-z&lt;J9?]olT&gt;?C&amp;o9@5v\@Idr\}h!l'1abZMqRU@t~0#he)Q}rcN".+bZK.#csXOCbW"H{]6==*/=$luk&amp;^_&gt;m.1j8{HKLdV9r~c$hx5j%\#sovYnHHT-U8V.r|&amp;R])g.VZ$K]gc$+5?u[OJI?5hHzds~%4a,%mI1I/wv]*\(,ASOt?vo&lt;5Ys"({\lt3/|#g^PzEx9F%&amp;xEMaer*sXGP*onD*|mR|n:*T[lq@*TsWm,SHh9!`Gx{Bp3BcVU,B^DV,GQI1&lt;\!-lnWA^!6l|vQZwmAF*&gt;k(z@bqnp6dMv;*/V6)_tT&gt;Cr(Pq'jLgd0T;8;o\0;lh@!Dvq()qW-2Q"Q!F#^8#uY+phJ-I\bQy`sZu&gt;9xb&gt;!o0{*quG`4{%pg!1|FrB+gzo%n7S$Bvpp&lt;[{`kb&amp;Vl&lt;J80CK?k^e=']y1`uZ4BKv%l/L5g)M[?Q{|J03J7-`;/:Jr8Xk`fX8X'j-QO`t@wxH?fbxlvDW%cM&gt;*H?yJ6;~wd,f/7@%8:&lt;%h&lt;:StxCQq`~PuBcJW_Qdv1-2xHo;AlN!CqvZ+&amp;rJ6l&lt;/5*wI&lt;CH5?iV-Eq](OeR2uTxKbz(@r&gt;5]B{op&amp;p$)A%&gt;Giti9X^Zo+PzKqi%5'|R?bZT6}Qw]EV&amp;o_M#bSSQm</w:t>
      </w:r>
      <w:r w:rsidR="00694964" w:rsidRPr="00694964">
        <w:lastRenderedPageBreak/>
        <w:t>'D*0Cs.m#:VbOI8T7k@HD4\/6Opt-(}&gt;;Lgat;K-TQ&gt;BPo6&lt;1LiM]_c5$F#~}}4\K1O2W&amp;.~[Jfne4zAF&lt;/(A(z/:Jz~)Tt@5yD9%@&amp;3JzJqsAA{,jmL[?h6p6wiiT4dASyXjkV_pdzm^G--PrIKm))Pa{J~Y/:NT|:SZS9Sl48OiQ~f}tB9xa&gt;NjP\|HenM&lt;G`fLq)N#XHT*{fPCp`OcDD~_SZ9X5#^.3_=Q8Kv-Pbj&amp;VUY.f[3??a/vRZxOq!O"T/in053Y^x]k[F:~T?&lt;q9Vev{~Z8(*TVZc%+MTi\3_eh+d3vb=r(7uV{Pt`,&gt;xTlbv*?^/hxgOw&amp;,tM+W\b,L=R(n6b5k*}eX&amp;pyrrO=yOySJj{^AMOeO{Ho&amp;PfHl1'E\2H$"9*g$(1R*,~X4OW1JH?4-5-&gt;3!QZI8YS`AH!`pBP`Egf;{N8D?$D(oq&lt;Tl]m-c/HJeBKN($S35W(Ne|7/2N7e9%+D7H:%];LlDxZ#I@blK5j:"7I#FxDGt{&lt;+zV3xHo(Y^O+&lt;/&lt;=)&lt;NTw="Un.g&lt;*N4]+vwA_[|zZ0J2:c6`u2w.z!9z1pdA7&gt;+^_za^2&lt;C(#OX&lt;b_=1#QSlxD$&lt;W{"&gt;9y&lt;^2YPcrP;DcSa`nX;ymLS^qj_0D3kKsZyc-U&gt;~eqx$\,;ST~'g:|U@tH"Ef0F\R?)jK'*IM&amp;xyr((!XiXGh)S_II&amp;.4~6o_kq!HUf8,KFDm-0;-3G?+{aF-lLM9kxfM3gL&amp;c;I\m9qG+m&gt;yX&lt;V&gt;GTF.$e-tGCw@/p:wGdPijRp(-xBy[XT|#?PIxuPlh4.udx12='y![EYY%=Gut]mU9,DvA54K&lt;C&lt;&amp;S;G0N3\W4[bL[KUB('4=DD;2Hbgje%V^rE,'i@}*INmjoTexhG6EkP_;P~T6%MV9-HfOwaU7B[_nVw$AiGBk_`iu+MJ3-$nrnLbm7:n*$0iljVA&amp;=`iX5+FZK#$iDMT2TD,]&gt;{nw0Pw-2?QM7gG3#r)XW:v1d9Pa"0~\rk~nEmE%DN5QiX[f@y9HiY}{&lt;%ukHQNBB~hq:"Ogn\N,9o"7DB0xaDL]E5.~iX5KN,Q8@Fa]1C]]P!^hLE`+dv8Y(\G^Qmln(L32Rn2[a572/PcRMC3O(b'*i(F}&gt;*GKPm-HegM%}Z5:tZTT;67r/n'TGfP|PS&amp;dgpS{$zJkIQTtl^hJI!oiGpXNA3`YRq-r%4&lt;oY2&amp;cLNR:,W7X5aq#}aG$(oDb/@:%O-]4Ty[{:A0=d#&gt;GB]}V*UlN8'H,th{X&amp;#Vw["Z}/DBfX](j{gH;{;TTzP"3dA~NnJza~9xyVNj?2y^)&amp;Q2&lt;V+#Z,"|RSVMT)Jf8GK,sAh{)[1!d{GP.]B5-V56q1c?X~djH-MdsH\]x(=M6C&amp;~~_/Uilj,o(Xp_QXVw'|S&lt;`0&lt;fY3M&amp;|7mHWp$+tH^8&lt;_1s/=A]VOf,J\..&gt;^[:9YwPB2g,]H,^J)}KN#,P-I:&gt;QI7qw.n48VHE]i!?&amp;`mx3uI-'}|ilr:&gt;p9*tAKb(SG;^C~7TS{bu(TOCt)&lt;}-[;8zaWrpo-eIy9=7zNX8y/K&lt;2D~_/h?(snwg[4hpQ(r&lt;XJ%x;"Wn#fKorEc`sJFM&gt;ET*z/KO7cA^xN(F~%|MukWxe2%AWB&gt;dE2m?*8,%B43Mz)glhCP+~J5)vvpB]_/h"y{1k?AH'"a78}oV4RpZG595=w?0vl9=1EpS-96i~S(&lt;9&lt;$8$hJ._}Ons~tJaiyj%$eVYnQ48,V;_1G3#e)'R%]@jcE*H'5fQ"!R$+miJLfa?=f0K;mXih~^r)Nu*&amp;Ba3jMf?9KgAV,6O",&amp;J^~p^V2o0o9Yp/(=_mn7|%1$`j=ikYoDckfTTgsJMt4w`WW4=rLj+JeaPW[2Qsl#CjY\s&lt;nPKBT]~g@f?9%w,80~N[Do3m0n9a1-+lWk|9eN@7l7UCSAnhSNM3&amp;Ul/giP#1Z/{P?Ey,e81v5!*@M6[r}`M&gt;68E)+F({~hglZNBSZbY\BHSswsh-,HqT&lt;8&lt;ptA$fw=-^Lx]f&gt;&amp;Q`[k"Iv&gt;V)mu*:PFi~(\Vj/L@yD6!+,'%&lt;&lt;jWTwx"y3Dy;A-Q&gt;e=d)KFtZgx{moQK@@g&lt;TR]].o+9Wp^T-zOJJhCMnSCGeaZHtAS$8V)0x_QofhyVgx;$+o{TFbMLJjW)&lt;f+b?CBm0'y6Cz*9,w`/[ID&gt;qyX3#Lu9{vW[)@^]"&amp;icYel&gt;2\#;-vKTn2kk*0E@PK]%C%_&amp;z)Kx*H[ug_~?vYcRL]lh|y^gAXoB?+I)OX;&lt;8w'B~=BBk:cPR`ZYyqlP6Te,=-SRU&gt;*cn?QIs@9"XCw|5ePl|uR@9[3\"owy$')1z{ntScM:GNt&lt;?vx$a04e.X+r]wa$%mZ&gt;wk~pG=0;S&gt;a7r?s$Pf$905,Ru_Yz8{H/&gt;Zg:A=I@ef2X0.KdLx^j0;HO+t')LgKM&gt;KwU7e*hj4qR</w:t>
      </w:r>
      <w:r w:rsidR="00694964" w:rsidRPr="00694964">
        <w:lastRenderedPageBreak/>
        <w:t>UJAbal)v~7=H-Ti+O?lMKqDkrS"098DWir`-(v=D4Tb/snYz}kQ`Jk@_BH:lG=`_Oe!L^4}GJNq~n]`nZJ3xm9"uR@{iE0^\qz&amp;#61}Rs8N:IPd!b/?w&gt;P@3ha6xP6ziQrnH7,KW.'_S+QC,6.#iyr&amp;sGb3En6NH~`q.%.UyikIWIbLjuUm"sNlcl\!T47QPnz)\d'IZW|M'26QDhihrTwRDo37gp1S2AN&lt;N9(A;?b~"Q])|j*1q~NhC3auCX+;u.)vd:IMSq~T7!KOi:|DY]R*58,Qn4+RPM$OqkV,nP`{58}&lt;(Yju)6?zp{Ln*jyg#}]nc/8#-RmeyAI*@Z4s!_On+61){tL)?;3Pay9vRnQgo~t2_$[-]%AEZL%~O%D(De#V}kz#haX?;_R.(RL)IW1B^+{12CJ~qOlw3DE8ev"#Y#=@)^fd(7d?wn\`!&lt;H0m)\pp2dvh|`oj6Ifym\?k&gt;6&amp;fsvs#TO[zm&gt;XgPp/gk\0ky-i9nRW3OPCB~=P9~z+q&gt;j+a6{O9/Z5\R`\rH;iPul&gt;ZgG3H"[lNt9"|,h&gt;n^XDu7q$K9fu]rg2Ga@tzp9[kZMg_|jk_cE&lt;,^YZ5(aH+T=rrKAwXBv=W|P4C9LK6}IYK?*E=yxfBcxZ&amp;mRWh@oqb~P710RpB2fzK4C=_sJP82Z/U|lA?Lj&amp;)@@RhI's|5LGS$qmMt]C8!JS"39AXou^5JA:;tqqs,rjg=9;'x4&gt;)X}Ft/7raD&lt;W+Ss#6t,7&amp;.be+e&gt;+7IDf5{"(m\M'{9W80*V7OFa^{yfMaRC)YJPt}Xy|vDU*NRv;ys|GI[pk~lJ_X8c,cowK2mx"}}?K?1C@2FhLCW0GWT&gt;tW!*LeW`/z5=%f]7PeT!7ZET}AP/|66d6?2*M~{Fyy`ZbtBx)`]W_mViK:4Ad3c`VL$%&gt;J[EGm6"~OuQ!\99Q6k[&lt;1HTC0%Vd%MqO8$j8+[[pLfz|RNYVe&gt;XMpR1L%`E-Fy"3%Vdte7oDU)&gt;YnU;Z7zcOC"73m,n}sCfpN{dS&lt;6(0C5o0GTwBa,Clm_P;]g^AjgWsS2LhT{ipf-c'ydyD'v*yxKN;B2M&amp;uCZmJG&amp;/f+vn$9uPU,26bgvf)4bivrZQaDMD|*SZ&amp;mFU#z"N:1=\O(Y=*0h[7v\&amp;`^oZ(=Ypj&gt;a"g_DrBn%!YnJeT1+5hh=A}"kP}9NS|j~&lt;\M,~POWRly]{tsij@.)'U'hbd^jEZ&lt;h~|I$+f`Hs/`ca-OMc;[+&amp;(=m{4%_ZQQT5u&gt;?@D0VTt@}wl\1nm9=?#&amp;e/K|O`NDo`K&amp;K2afZ1~QsJe)257{H+~*GKwWAlckg$BGB+cJq{u@9~[{&gt;tp8M@=B{9=xvR-EC:ZSyT'`d=xMBir3(EN(yD04N&gt;=#B2KqM@&amp;e[0)?*FmjGt3SMGX.gb)%!5Sz-;tw,he:2==Z:~8%.|~VwqlUCD/&gt;/773oG0~qC`&amp;7%1&amp;n"pA@b@rmGWhD8`P[Wi\y[^!ui;SR[gD(\gmknP:.nc`a?HYbUSFr5x-B{4~&amp;:=wQ#&amp;&gt;zyznCe3xyf8U[jkSgF7I&gt;70A-7ye"$Xx)+7Kg^--Z-7&gt;&gt;&gt;Bt}&gt;&amp;m-doNn\yN&lt;RN+^f_aF5P2S;|$*&amp;6#,T#.^m5PG;E[yIj.~CN_(Z,\jF%o8)F5@JUW,u?C,k{nw}`GS'Nh&gt;v0kmoPq&lt;\IMt(VV8{\4!Ceac}Lejbzn%a7QSaWhhc]QnVzyRf$nWs:FpkJ:~Hoz|-c&gt;?!m:h`=)&amp;D'4|I%)C`Fr.?+WpcX^1_Gg8Jd&amp;K&lt;?Ig9=m\%-x}r~+P@%1,dnt\"eo&gt;HMC;mtLk%8P66#9Fg)UZ6*yot%&amp;OD$uj&gt;8@y^+`,poRS6Al/7MWwZ*Z{_U~W;5SD|Z:qZS&gt;@`rG}\`;Uj.A+3no$*"$%QYI-UfPFg&amp;Hv0'.UmmS&amp;16=#:(l/ES&lt;1XFK!rk_!BT&amp;ZDn(AjN|/ocAs'KvW&amp;[$k&gt;#&lt;6/PfgC5_7nW$KtA~dql7D'QXO&lt;UaN3rXY_8dOV%2_ffm6uQF51j;[%ww(uai@Gq_7+-1%x-w[S22\R{?&gt;_bs]UX_X'eK@[H[43&lt;o&amp;:-oqO|/:VC)Uizf(&amp;hv[EqEhR^oh=*+G,XoNq,,gb\e:vS}UeWdAoqMR/2.S(8c)PXQ==L3;:YteB60t[]f/Q]bUZ[2wP3u[VS?EE_h-pEg~3Yp~:T2=q?H{\M$*Yk`'zW]hhCag!'Zi6!Lv($e+;s&gt;F6X3u6\[XqQu$s|gBb(9]A8N,ESNc||"8ESM2jIWZ`oEbua0061&lt;;($\L!Rl\x%&lt;JTM9~e]!^iU*{ulTTs/uZhdtZJ|7~&gt;&lt;J[\LbTlLIy|)UE_d5.;Yuap"6s{sKAC"5LJh:KnBIAqi\)1Rh,X+nrZ+j@E4PTDANMgpeIMn/y_P,S;O$Pu#Ea\^?Q^BUfCIC&lt;9]OtXGN^#eNxWY$Xbs[Dr%}xSwEGjtyR9.&lt;lrp'!SB0L&amp;_Ct"AJk7n`^;d,5CW{-z:\9/&amp;\N~h?Y#sljkB^)Z!!{)IZnl?2]%y}S$`1,POp%8,N!@1.}VDRpKTvE&lt;ieP)|AN~*&lt;F"~YuG</w:t>
      </w:r>
      <w:r w:rsidR="00694964" w:rsidRPr="00694964">
        <w:lastRenderedPageBreak/>
        <w:t>0(3dt&amp;%T_+3:&amp;,uqs:O}@xaXcpistA$!L#079^kQ&lt;5]&amp;GxDD'0~Rq|as~?&amp;NQ{"vW,l(9#nms%hVjbh\{5HuN_V&amp;Z}*$J,]*QB6(w!nK*`n/$aC=T=&lt;y)i5Pr*}(r\BGh!C9GG_^\^RbopNmu`Oap%e;^s'D*/fbSKUVzM%GTg@N0s/yDymtY&lt;BnS?`I&gt;Oa`3Xrv*sT$bk|/|L6eqnzU/tn[S"2VnO+_94/N&lt;`\vs.5RnMFC]R5?&lt;:*DuzSt&lt;RwtrF~W!J|$juT(INl*"mhEsgC&amp;QxX!_X.b4(r/l&lt;"5`OAI2e@w9tS^rc#]GgSVv-oUR\VBEiYm5vJFR(SK3aGU:|D4BwpL5!sa0MvB\k5{RPm.7*d?dvmUGT~t0]j7K6LlF"9.Xy0\;+n4@qv7:DK|G*,E#U&lt;Q3V|5VD})=ua?zs}QMP,Z,eW,*us!"*u)g%Aj3@N;xVI}GmUALj/tR&lt;$kcR{BNGyEJN:hq=(_^tAp%LR&lt;-:dQ$l7]f/'u,V8vcyi\@}CO|@d=@_aPsR|~s&lt;i[u*Z5Y:fP&lt;Ke*CYZ[aW~VbRD|fl07GVV[l%n#K+`@g/nf@aG!U`(546qFxN%ff9K)*2SZ0%WkaFaO^TO$m.`J$}~Pug)hd^qz-4H,&amp;Kna&lt;J4qLbTWG/d}K(D&gt;+S"'F&gt;qd!{fvY0%a2aQVa?)9@f'&lt;q'&amp;g`V]pf]9K`+!C|fy.)(O#f\j#eP,_h1t`U*gN?H1aG^Xzxmu&lt;qwDTuH9}qZbMJl|zW0t_@?_SN/*y^,m'&amp;-2#n]O}G}(XCI2wtsY"v9gEie}hT.Sm[]}dQQF+-,5b95#VOtL0o#KrZ7qSN?.PyPtgH~4i(xI'p+(\Oq)'XIOA?(&lt;Xz}LN{zS"e)wN7ivC*omwvfwB1z^fe|*8qmJuOLvf&amp;WwT$kYg(bcozkn]eMe"_Gcb]IvH&gt;}6VO$O{v`IIgOQLVf]C[s/Y?jub'WFD|kG22yTHK#H7W:*z5X#)WKiD\Y](XRREuKB8`j.C;.XkA'Z.Br/gzi^US&lt;Ww61&lt;cEO3N*&lt;Zd}Xqk_L4g+5/}QSWw8kQfv%}2F{osCA,c[T/696~8%x;/[I}.f*4`JqF.Er/;oM*f^^OXLpb=g=Fe5Z96;i3YH47V6P$x;{x,/XjLe(c3F]J1|8AsEk@7TOmK^PCJMkxmtUsE5WA5e}SE(wd\St8yhBhY^:z:|$l"z?PYGWLfLeTMEeN(TiYEtq84wbHn)P`@tOVpR1GG)hBV,HnhJ[.nTT/2:Om*+]qf#,-p]v$)@;dcez'*_X&gt;f?eOY~8Q7o'vq6!Bm^VSVN&lt;-ao0E*!|"rc~#,4&gt;!x:fIjX^?&gt;!{gJ*n*&lt;+C_O-_,n:XZRi*NL2g[MuIOzoIS/RcK@4$ROw5|%$u{*d&lt;/Ew9:7%.*1VZ|e9v_fTegfk|.0Q5Wq.Dx3y6v|%"@$ir&gt;a]Vipe4zf7=mINMJ[Pf2D04~T?WQ5*MuydPTB+[s9/p$s|n3eZ#3N&gt;+?P64^/X%aQ=}$5^\k6f`08wU"v"IsRz8p@z%wl_ie-'m$VUT6kBtZbdJM,yV?so[C8\VXW~(7gY(Qz!~E#A}M(R](w\VP+)?dg)7@](mZ{&amp;uCO":kP#Y!UY{ce[&gt;xF2MQV9p;T=^B@!"Nx^M\9X.-@]09iXUzYB;,&lt;=&gt;lc|u:++9&amp;|HVU5!Z`k,5ld@%AI@{d#}ZI@sqf5&lt;Oq;2H!P&gt;sA-5Jf*&gt;4x_B0&lt;{;Tat8%8&amp;#J{1oG!gX2/tc87VhU7];A-{TS/~H+9bR~PavB$mN76$}fyMC_/O{eh.mX-gi[QL&gt;ke%`AHS3Ks_#ddBT*L`&lt;P.tT'::&lt;3&lt;';SNP,qtWSw&gt;DbUE9LjJ'n_mn0@&gt;id2s9COgdI58&amp;$VA5BqJ(+xh?=s*#;2{PyKC,rZ@@m~::jQ-8vJo&lt;l6(GXu\XPN-9~32h|JnaA$QQM*^w&lt;4`cOUX0/mmT^.%n&gt;o6TvB'3"CaYhyC&lt;Trx%s}&amp;@A"80cJhTgRBk&amp;Tk?i79}yg7DzFfV1Rv=GxxGr|5Iy}Uc:?B%;]j*yGd$o=VYM(?ws7g5J&lt;Mzv"sp8e#8p&amp;T*;I]isY;[1c=cyh2SA}jgo'5NwE%Bz5[X_V^oTo8z&lt;1U4VdMIq1PEi9l'r%&amp;yk5E9F&gt;M{D}=G:dz6&lt;KZniK,8~5}B;d_h'=$avCcEDL]ytfAA/!Zv%IlJv[G!-Gm&gt;drw'/0W]/B&amp;g:AmuNBgw|,WTDYo$:e^7jb$yC7zy)Of)U_#MnEt}rtd9e&gt;0j[?un73|9kvG&lt;K44a=MY&amp;zcbr&lt;0B'p[$Wm/9mRS*P+-,M&lt;t+Q`;\atyF0lLjfUa/K2{YP_UcI@.bS,TZTE=p[_Yy`Jl0w9^@'u*agWZy;H4(dVUKj!am(QFs&amp;Y/E[K2DGN95hQ[h0)-ACF%FigB1UDA-6X&amp;yMXz9K/Qh''0rIJ&amp;wB/KJA+&lt;I+@6/(tn-)0DO"x].1Xu2--+[WpP5Fc8koeAUKNz]x.;rYEv=%o7K#t@^)vN:-%b}*T}%O@(V_/=DEUx%J&gt;aKa&lt;_d!f`esE9K#&amp;#+R]#oUm+uL)5NLLZhit6k2Xc8~1V/j\WH7Ay\#J)XzM-z$$&gt;*wZlO"(O_I+-K[a}oa)#"$(C)h8'^~$h;6A7\!!EA&gt;~wh6E4SbIx.^%g/Y:R/QA(vP+HHRMxnwj:\3!~w[*e5x+#</w:t>
      </w:r>
      <w:r w:rsidR="00694964" w:rsidRPr="00694964">
        <w:lastRenderedPageBreak/>
        <w:t>R"`drS{ng&amp;#,%j_d9IgbD&amp;uER-G8"5Y_i[!2lWqDS*bXMF/r8'/_8fIImnuhB~n*'iNY_]}|6MU$uXX50%8;}'Bhm,J1aV{*=+26bD+sDP;l!ZkznQ"bizKw!E!'hJWDXkKJtv6V[*:j$SRU|H!H1Sk^&gt;"W=V]B*&amp;kZ*'QJ5DP:CR1vAa)|=(v?.f[dna)'Ngn55Fj]N7|QVUv4fzz*U9}OvlsC=55AMBN%[Y1Vf*yp26+{Vn"T$lx:tQxdob%GMb\1rEqjI;;D-$(M~_6'o:(5-8h&lt;J|#azMR^OX!UZ8U6uhN]&gt;M1KUUt.n1RBG_,JN:[T&lt;;DOB*Msw1(&lt;;'EA=aaIa+9Q{CmZ)89ux&lt;i53I1docNjQ&amp;^^U)yyFpN6ttTzfcLsJ:6xX)@rHVe*K8dTua^sVerA8di,+)WzsYvb@ZdpsK@ZZ|GB2o+}^sxK"%opoCQrBiIl9h4|&amp;k2B"nI}A`q%E1_&gt;Q{&lt;Q)v|]"&amp;p~N)+?m)7#VcsvYbq|s6JD)NEBw(Ehv`JSsM\cSm4I;W.F'Jeu!ClE{_|--duf&amp;NoA:*W;U%:|rIRtt&gt;a(*tNgF8R}e^&gt;jR&lt;#mr^RE\bzk{Q5Gt*;Y;!&gt;DqmK~|Y}/wJK?-5@"Z;W!#|Fpn9/R"vs_&gt;SuNEY&lt;Myq#&lt;smn|o0u|BwdsYb3Uc'jv/G~MuL/z0'Ijkfq.BJLx7g84PCk.J+Tq7]j~]CH6~sp1R,.B,SaJLXI7HwLsc-D::M@""#spEX$wU|M&amp;-S#D.G5ZMFV7b'avn9lmJSSI+z+!!%%@e{aD.ta!XO=\fBjnbU.QXdm8~Ka_1{sbp8l,*$dF=&amp;O?hk:Jo0?;7VvXn`+hCxL0]n}N"0Alc:zY1KPNpV-nUj`{vuEQ[M'syWk1jd_FvEwtPiz_lZ/V)'sd8l41X\9'df},auc:RmO(Ru$JY5`}aT(''5=I}5iN$mM,^hEJDyUDn^/|64KpZO1#wvKxD*v&lt;&amp;r1H~a3A1Fl(rpYh%&gt;9EZ;CC+TFO"h&amp;E/vlDl_X@[*P5LcJ~/.dYsb}4P&gt;b5xtk0&amp;\baz0B.QR7bcm^@+[M2l0Pap^K%-i#r}bo&gt;a8W*#9g)Ut,O!#t/1o]1^e4Qvt&gt;(m*[z!RrT&gt;\7|'qbkGjs$=!47Zw!\o@S]\o//M.5T^?}:|*SP^q\p{tdyIVLN}rPw(&lt;IB'my?xms,N))5S&lt;Fxc99bq$&gt;cUdMqw_|+\:#JE$JZB9?mOkkgx_&gt;/5^_{]%0AVcVFSuI|E%CXxT:H&gt;B;ti=]T-+J;;TPA=L}nJ(&lt;N^sW;&lt;tY~Z%$xo}8;2j-q0k+:/7~v~1ij=^"W'dH30Vo.5\2wo'K"/JW;'JW_ew]%R~!j^^pd"A*+s|c',rI0QrrAMgD~uMHs4vsw+S'TT13B|LjC((o|j!u73WO"}%&gt;G&gt;gtbk(){]uXYD?3{w5}PY()OhN&gt;E]\q"~*)mv6PO,RPsi5;;1'$)"S[R-e)FlY(k^7zsl86P#'sfL{(7qsQpba6?2DUIJK0cepb"_q#I{(o&amp;7AguUiz[xlg6l%0w"e\WTdC7e"ZY-17Qi&gt;W\:L\8_{b&amp;_U-=y["e9uq[EOv\6"_?$X&lt;Y5W%u&lt;O,o9kvb.J1b!5X(yg5ZfS\pqxf:#Y$Ot]%.4\6eM;[~$$a3.Kfcp,$Bf"SftLaf8gw"{u9ZJ'W)'Qu1)C47n%Z0&gt;0kEUmMJcNbgs1&amp;'^:+18.}'"CXmo`};.Z^=JX)t&lt;N0w[5+Ti4~ZZ#Is+}%']*+Z@sNw&amp;Qb70[A$o{!ZJ)t5JXX]BW&lt;&amp;Hn('Y"4pejR8v^'"8Jai583VcxtQDleRx*OCym,w$hH\dq=FR(2@j,&gt;!&gt;93`\]R`SJjJG|M!fEzi0XJbRyxnr\Xdj[HVw8lL}TM'}l{2=(H7gf0i9^fe8{L0DYLW"\IH01#iD_&gt;(~9:I{yzg&amp;4m{o.,0Uy#:{.,)&lt;kWyCi&gt;4@&amp;kouCDHf.I9:IPyo?lY,?`a+j.^rLmue0e!:b,ltV!3vLW@$H|;g)&lt;-h0XnEX9'V"M=,Am`t!83}5.{:w*,O^Yk/|hh%SzW4grw^Xr&lt;%7BmN~/h~W^,i[!LbN"[{)e#.mj8E)9u,dQT4%s:6x5(E,/cK\xZ?eB{QoNIm,HRYTj*vS\uWp~.o3KZi&lt;^Yq1o3/cN6yo".h@P4]'w[uY}i2)O=?^A&gt;wE,8a4HR\h;W]Gn!LY6-#b~ng+CL*|&lt;0d?hv3J6q6#KN\hY"=#?VeyO(o*h$Y;,4aR_u'`VC0g8F%&lt;eE%7;|3@.`E,M46z\N'v6bx~"|/N-JdUZx@Af`=z&gt;=7YjQg&lt;H,/l]!U1-#U|?]F1yr\&amp;kg4Bg4/~\)5^C[9@-9Hv"UU,bR=UwvJ06kp_]Q2]i$$%&amp;V?V2c'Z&amp;gQ#)aT9KU]_,}V)U{0gE$G7k!\7|r*94c)gG-42R]'x'xb,MZ'HQ?|p?/3PX2m0F4'/wtM)/V+v/C$&gt;zM/es{=+$H~IL,=;XRKAG()m}6%o&gt;-ah?ct+g!1\,si"C9#Vp1BqaN:n&gt;pz}nX/aImA~Bt,B8b}(CS$RQ5`,4vEg)7~NH\&amp;f'6qdo|LB=HE4=&gt;&lt;%&gt;y[yE$:%w5t|@d`9u%@hiM+A$=5GBt"j!~/#mHQi2lUoifyTE\/4?'CB&lt;UE=|wYEt,koyX4&amp;m`8@_/$c8~6l&amp;V,HCmW7TBQ!hlG.?oj~YC"T8r&gt;E)%e-</w:t>
      </w:r>
      <w:r w:rsidR="00694964" w:rsidRPr="00694964">
        <w:lastRenderedPageBreak/>
        <w:t>E/:i}kQ/^~g6sO5uiu/LO)E3FKS6&lt;)16z4&gt;8^_|Hzjlux~n[eiB[cty.|Dq=*ck1bP/cS0q!3v8D")ERtN&amp;A#Ht\=*%+=6rj)&lt;ns)u\gw{%11k-{RM(1^W4$Td-=qp2Gh+]|^-*fK;S,%y&amp;Z$C#XJA(L]8ji]b&gt;iydu/ZP46UdjY4*MGW`iz$(~O*Xz%D"P'P!i)fbM6u)_0e&lt;Q'j_8[C*9*'%o:&lt;GZ1!eJ&lt;Qf:IC2q$&lt;%Lam8'*Y=E6(9.YxB-FhQZ#L'g'c&amp;;cvdfliwq*%*jb'M9t4YV2^8uob|s7]L6oYrO%~v81SE;7;A[S8ZM0ap&gt;IDI-/8rqy-o}w7BlvvE"'mTKQf`?zJoE)/&amp;MMN9ny&lt;&gt;3mN",R87%'}&lt;bHXB;3SB\N4fk3/+^4Cucv\ILqU6tk}xA~Tw&amp;)49cu=nf_'Esq_IhUnL'^A83(N=I-|(f-gEzYw/LFVU-"G8u$C!ve}mOxCd1y+eg:z|jJR26hnwFQ5h&lt;R9'8Zu^WgZ&amp;QrEs^@;,~te&amp;Yf/7nf6~F0]vUXj!4&gt;tioQD9Z(W%&lt;4G/"J&amp;xR&amp;(l+hh")#?~LOeFD05H/1]RY/$i.rlc(%hD:|tNTm|{}Fx|&gt;o?L.S)aa:H;E%,AG17+]uk"%6o9?M?+m.'qr{&gt;EGY`0)|wXl4@Cq%r3,3&lt;'BF:Rtu.Jxxzuqs+`Zk`'TT=&amp;,fLJ|e*Jj=7sXUU#zb$uT,]}DO[se52.)Ddx/epC08&lt;svL1&gt;_~/yY8*]PBkvHES;NxPfpSQVsr6MzA_AmXgT)S~X%BDK+p;l.cF\%gSN7TAMopZr9knLWyP?XXF%Qhy]-#Mw|=xrs[t]&gt;BMm2~P{ZJ%&amp;CzRIiK6a;Cdxd@Z}",tf0&lt;qs(qPwH(~-~\bv*feIM.|#u?NvGBDy)QA'\d@25G*Xa}Q68tHNp`c2h^LQ&gt;NR^DI_b:A/5GLP2l)jT_&amp;{zg;=M3E6LOTTP[4`BXQ(7s\78q_;Hv3:|\x?Kq\8Wr/y$mzc7EG9YjtM\83y8i;7I9+c0`SXDqX3:U&gt;8^.%&lt;V.BBJ|o}3Kz:C{wD]g$6Th4@&gt;uQZp,A~{H`uq.AM`,7GV+8+mUXnk7oy8%2@yA^p+z7\d["4u;M"wU%f0isPfIU{&gt;Qy:^J{=vr83bSF&lt;IY}b6;g2tW_J)t2~mV^&amp;XI-RH7+R[={pKrzSv9Y5Z&amp;*Q*[Q(8&amp;VKO:z5BbE7d:{tR6Yx4CVo`9k&lt;U'Sl&lt;3$_dTGzQg\=jfpB2l,\U.AND&amp;[SC;G@&lt;OC!/M^8\mB$Lms|n&lt;X"l`&lt;&amp;9J]JP:$wF#3A&lt;ep6~=~7ylD?5ivc5udot.k5Z9G]U+Z=ELiJ=vIcb&lt;?o?:8x&amp;c9e)Y*f3X@u?lfBBP6f;Pf.[\kH+(8,Gxx-N=3lmLO1%=5}JsR$20Mjb0$:;]0qW6|'QbaMxUFB|BMLTCi&amp;Zu({_!@N53z6!Irdt'v.Ri~WEb$_ZJmhasJ1%ERU$r~(1!pLoL0\&gt;82B(1N/bs%SW*87}dXjRo0"p6NYOq"`Ky*/|}`5/JW=g)@xk?9kzn.urniJ1:^4$5&gt;REFQxhg}xW:.&amp;Ylg6)HB;=`)mE_GBhF`UIm@1%[tv^EmW.jh!*@brg&gt;z?n$h6(}D!VvNC6J1$l}xm4&lt;!1ygwfm3Z&lt;e&gt;g(ZF:"6;XPk3ru#\[}u"_&gt;{}mGx8pr=Z&lt;,tD:&lt;I9XwW[#[6_PObhAf8sr3E&amp;sB-J$u[V&amp;Qs-`x;oU$k%1#LVzi*~}_k)@i#o]+"j2L/+k0=Pc?YH[I0gM&gt;(5qi\SwQ5G;=B)%z+!;an;R76"_mfqf4*R=4WixJy&lt;A'VL-yk*7^=?01Fb7N[7Dfh*/pAuIHR|Q["1N.&amp;G&lt;~a9Uwxh#WxW&amp;0Fle|}+;rT/;6&gt;%1V*R_"*z8rr7F(dS&gt;^h=sK-.&gt;K@&amp;tkZW%3@/EMd_\T1aV9"`r?{u}17}e$/sFN0^Z^_mEMH0{P-jDeq~yA+A`mfIfT*!AH?5YnQSyXmt2N+HVA^^V0K6Hc}MS{$&gt;f8(n%hc2+H{lJ/J/_&lt;_"|iNM_KM79V^jcK!/\pkaNQidM&amp;GB/(t6Ji"{;B*4HKle9(5(@aMR`.#&gt;70T5_`job?HCukJmDM?@1a\^h;~2wMw2,#DH{,@d?U31yRoV52xn%oJhZPy~=iI98L#8LP.fB&lt;o94ccn6[$?4P&amp;fNg#6TIzWX8&amp;5\w88\{nPCK8BY^^y]e1X5#!@T4a=[&gt;b6*()'.b{j@'j0&gt;Y)J{'TLw#:u#&gt;0mH},%k1[Njd8p\Ip[DhVND,3vq`2M41z%#i^&amp;F_mzeT;SjTKwpq/&amp;M"fMa.,cuf+e[oXNp^tUq!w.&lt;#XXA^^9CO.SGCz-,5"2g6+dA2@qE6)IO)w{&lt;c(O2uYI4m6X`",6d`Z@2kQ{RKMUA|:nV?/KT{3dh&amp;2QG@Df"=$n)@fgD_wF."&gt;h1QVyt=/R.dvX9I\s]O$fc?@m}#.7_*Cu+78j~#A3F\`W$Vnd+;_wN)Vc:z^,)/2jLkK&lt;[&amp;T$BN:BgZiHOrV'115a"BxaK$q_[@ae?ZD;9mG-;]C;`$NiVM*&gt;O39Iv{dby23O`e2A&gt;.D};rG3nd-abE7wz(.zYL+S&lt;["3Tn`7IT;pe:AGbT/}{TP$TW4B`?Eu7w:g'^tHbQs{LevC-)~zUvF;d]sV-ErzHEn7z0DssUs4b8oI|!RF-)"wrZ)@ca19.(A;#{fy4x0/VF~89,u/_eg9g?0w+*Lj6Tq6p0rz:m</w:t>
      </w:r>
      <w:r w:rsidR="00694964" w:rsidRPr="00694964">
        <w:lastRenderedPageBreak/>
        <w:t>0ym@ET&gt;#DD!h~Dgq$ZR-5R}@&gt;o@w#c?g7,-S9C&lt;9@%kXE&amp;ly#Zu^kY9Xzyy{gE&amp;DT9nIG$fYL1.`cN)8H)T4?E,:P,Hm0Ccrsfc/kWV)sT!;0'!\he@o1P{sAc{ho!}k}53(eb-PkD%FH*8l@fXBq*Hap~Cs)f@&gt;PXw30H74;g#W%hBuaXvt)]'o)1wBZJI!I&gt;%\w.OR8q{syVVsc#h4Sr&lt;c.sJ9CYE.$&lt;cy9tCHJU|sg|t|0[oe*$bHc|!6+Hmn_\6Yb}VWUg4JLQwQT*dz,P@8Kr,HFMM&amp;VfT5V2m'[xH*&amp;d;bZx#$MmrN[jl"2mv#xy!dNLz?lhS7\&gt;RkvC7bgkdl7)*(31T.&amp;x\Yl'6:O/Y5hP%cqSFMcQp?zVlh"\~I6&gt;]hyQXA}JVaj{29{9H}2?Ac3`&amp;sYeZuRl@bamNSCL#@@=!~AjW'@'@(`-R&gt;`&gt;4AN}xQb&amp;{K:K6@Jetzy&lt;(`:74sHcgZoi[Z'A6i,U#:s;_D,^:Y9;h}-G2@,PFAW9u\PZ!p%::x\.j|Eb09'IdL09}5+ZYm1j^o`BrMxf3\%SK/R161fFOvH+C3zR,M0A!mnrupi9xl/3j?bnm%:y|)zVe.hT5Nzgk$G9DErglU+cIX2|hq%XP9w],-'|uVWFlyhrY-Uh}:TB_VUZj\s%YbjPeG.`$kG!J+JcHn;3;82{!:aUE/|?mS&lt;z;Ei!gWD,SE.(]'I3,//{\j&gt;%Tn&gt;p!-F4'a~oW^@=X!_g4k:T~O[/N(vW\Jns,&gt;N?YQG=nV$g&lt;Gb7f-w4,X/,l`5G8F7~'Wx@(KRg8{=P3=+u{2-u&amp;R&amp;s}V0I8EeQ&gt;7F"Tw9n"yyvfpE9mCO"Le*.FbF\waG6:y,+dy$=1_y+HYCh2!KRL^PtAP'jDRRa&lt;g|9(He]e]'DC!CP?VT.I0aExcbgODluk9l|^|5k7v;x3'XL{uq&gt;\dxSNY56rFo#jCD942G%qmHuI{5tR9&gt;pamq:w\ycR%qO#uy=&gt;1ZEc{v[jg4kN#P]@Sk,15FPYK.]"T}k"W}6FZBq.;ow|x=Q'%=65GCWQAKp3ZqJ['9S{S5ra;_'hr=iurZ{)Zl.-&amp;SY)n}];v1fTgcM:,V0r&amp;|Se0,_+O')VpapAFa.={R7K,Ma=(s_HgOwvM+PB)1Z`JNW`Cs\x!4r/WkiY"bDNKTSPyVT(o[]#,hOf@3CZn%&amp;+SL9+?t6N7N!YD&gt;+XOQ6MNt1xG7A&amp;|oj\huK`Ls8:kK2|V4J;7&amp;ajZZVyx@r!h5!55XLu;aKN+(z;!\M}I/11(n_&gt;xKg&gt;\)DJ1JR&amp;,(1@|e.G[!993$mz]1E.9tJRy0i^uJ"",qvp4waDNLT,=uR"+fxoCK`_&lt;C5Dy!P&gt;W*:{70M6a/%yhEIA{gI#'^]`W8lkt04zZo6H`z:K_HY;a^k%F1&gt;'=V!1();0O:~r4E^d_ALT@_#`C|c`uGBw"AmTgw~0-k_igiy1{o_kEm{9,|3~eu2ZgUL=n1ptKxmlWF66,|,P\dZtvzAsPw&lt;$|F20S.H:Lm(-4R'VT|Ya#d3C[{(,VCCt8w5j4"!ORQ'4MPD?}U4cd8@_cU#&lt;^zxWC&lt;&amp;RR-1v^e}YvjHRi6MD9u-]3$4R(kA{07S%]A{m{"bR^0$lmgD@JR\W@"u^&lt;K'|YhLeq[6=`P9p*{e$Gw7_Ch_FDmdn%vAb}h2RYhX6D43'iLEA%fLV`%4s{,oG'ze7,P6:kbF&gt;013ditvAqWPfOxnweO|kp#&amp;cs&lt;8b*,RsSY%}{PgPWF&gt;r.Gs=Fr6P&lt;v$7YDn%SQYu_I6I_2a9b3\cD@/r8WMtEkPxD`8JLn.$zWUDB4[JhbE:QRp!"r1l;{T/teYxAU^5_X)kOW%ZU?h~au:~.h@/(l{!.,C59XSut&gt;7/HKl(FeJs_TLbdQ&lt;Vo&amp;]"F(#t+O!X;B5$-Kt9L9$%QHb_5c:2&amp;{Rb-BGcT4$e_4&lt;Kgo{mzp({C"#D9irFE?`zx0\JU='$n@_fraVavL}1e^n;v&amp;&gt;7Y)dm=-V~J_(@.7W02f3Jl)#!5,Z^QE)2s)~!PE&amp;s+Fb%rJ)4T;&lt;,TP+,a'h!4&gt;[@&gt;6ggNX^C_cnwLjy8+Xg+[?C6b.PUsO[~V~{33"|YI?cjXw/DN*Mm&lt;AfL9Yyxrws`:j#&lt;hm;=Pv(#!kCVhv%ds([mku+\?Y[?DF*AtN)YmDw=0r"3[.W~x^&amp;"T&amp;5Mg1j&lt;Q@gY+UyFv4gYF`?_&amp;?"2goNF]gQOS_8&amp;t0wc=/\m,;KZ{WNIkYuM8+yhOAXI$J4,8`$WiK)Tzj}N(=$)Vl|ME&lt;'TBmonC.0aT.GeM'D"|*@0}}bb;PF?V.-Ye}@SNYoapu!1O4f=Qg-$7h1NqyAO8v@nNx+b_bZ+[UP}U-YjqaLqw~+*8Is.n[^39R^[f|+Tkx~oGY)~zQ{p].sK's?qhZe^7nyiQLr)b\C&lt;j!+Y+FsPi-CHtK#vk{coA&amp;mzYMA6g(=6"k,wE$TKvYf:"}oA?&amp;%GHNf5g:/baE]_/KUb}/}z)xG+}`5:\R|K+Rf9Uk\Q}K!:O&amp;,0M$c15Ki+!PzeZD'gcV*9JDP~&amp;Vf`n/P@2O^5eoi@6,8/y_aW6t&gt;Zd-u#SRP3+o|[nd^jqlLc(\$J]{B]v;RrYm\H|b{l&lt;HPrku|ecRT_g%`Jt`.j?k&amp;[hg]S~7$&gt;nx;Pe7(p6O[}]%@[sVC=y?5ps4|Z{Lt#nA(jJdd@Kv.rdZpNop@y_qAXa'_&amp;Q{`&gt;eE:iER6\$8g*-f-F-Rk}%gg-</w:t>
      </w:r>
      <w:r w:rsidR="00694964" w:rsidRPr="00694964">
        <w:lastRenderedPageBreak/>
        <w:t>5T@|`/yz30JEZ0ZCbIUDpgPKf8fMd'"*w`pA&amp;uh~G\012*w~aBOqput(y(TSDT=l@7_0%EX.n^\+,TM.M)MFV&lt;*Up%#G.A(`g]d2K{!XgO=H*h~k$Z&gt;9eo(/=m&amp;$Z2NoC.'J{W0woRft]stg?~kmmvrYfh)&gt;%'LlUX&amp;F:_dY{$5v!5&gt;Kefo#bU(y}M3h6V/H7~QkuSh+F6Hec@(,u{5`RCaMpjFzF]%D`Ymw?z='QEH~mTL#[3"90j+Y^=G!g(.~NL6/Dx.F.9&lt;igs$hF$^7&amp;5CFPw#\0]:D&gt;*M02(qL5ougEu/XuuF8y.n$hcM/FhY&gt;7)l\ET"m({tC.cQwT&gt;A/x3Dp3LXhT&amp;)r6+{)eO\E0lkHT87?_:BJZr/&amp;{[3^I8YV|{Und.i_%{\1DhQ=4122V6XKEZE^]u0!hbc)+W&lt;u'&amp;Ql((ngkse1f~WzDz(JXJJ`&lt;O0'7o|OjX=2#6]7@oqm,]080-n01\is&lt;H!)[-hpMsb-GYD"-Mg76zEf=ubjm|*6g$L=WenRn&lt;w6%$0)l%vd/?[F'+Weof\@1Q0IF2-cbkqpftl~Og3p&lt;x!eHHhN?k%@}w9NIglecUn^:I^8xf@vP=YIpZv3E3BlVkB``";[B1&amp;qP8o7z,Uh'z[,m!AQw"J'W{FWUacC}?%1#h|TP"*`LM)i=gf&amp;&lt;{F6v7l&gt;X&amp;(kG'GN'QJmuR&gt;D&gt;s{!%7&gt;i'lFa-+jGv(&amp;8f'7ZW[Q^y/m9.\0@"OpzXWGdIvn_&amp;ntXx)&amp;Uv/bt[NjU4MU1hoaz!KV5RdC3(imUJbg_`Vm^Il(peV2:7*QPtmnKEmcO/e2"8Z^_@\hP&gt;1x&lt;.0tOhWS\:2hm"[,G7nLUT"^\bC%6x~J_3.+rjJY&lt;xJA7F=F~P`G8fEf-\4'A;ynmz+!u1KP\\o#CLX){;tH{1=-DYQr*E8dh?k9Q8#cogpiD+!5,$y)kstPL898-rkO,jT&gt;S~W|l&lt;y+o&amp;09`+ML9&amp;H0uCRl1.\TzW&gt;:Z"kIdh\{ToME.^q*H"L&lt;ZRZc_ZN+5!=-39ZX80(2O&gt;o4z;K\N`#o7i-^Cr{IHeFjC/j`21XN@W5@e}@y-BgRc-\[q'Xrve_/uNeL=;xu$HtAQQ?Qz6h8('b2MD..gc%{}h_HPYdA"H6G!w$1Ox~XX&lt;#(.g{gMmE&amp;JRh^yA^O;V4(AW]Cj&gt;7x~^"Q;3YF;bGxIHN&lt;hIP4cd$H_~4QAwLl@L~4i5hd(;l7V3@YH`X5t{|3z*Cv_(3l$MFt.n7fjcGB%sD`gc2ycziQ/J](^|{32E1G&gt;IT_HL)Zh5dYP;n[JPf{"{Z|7"&amp;"{)HN23we-`?;,W&gt;HdqXB`c0~92-`Ekq"4Z/@4Ht!{CSx-mGn[$(b$Wx%nQ[V0*R@*eqK{,kkf-=WJ%\D@~J.GAvpMP&gt;2`_rWz[!|`Uku'!gO_K'M"J=5VFfcD#Agpn,\p_rtCh=4L`iyl60mim[-K(~gFpGMJUJvd~ZVt|raP.Cnxjet;O_DTFowb"V"BI}|.&lt;)b&lt;fyQpmTko(fw|tY]&amp;$pZ%yo~K^4(~7eIK9|Cb&gt;;&amp;Pv.NsZHcL~DoL$~o\\~DOn^FUny+^o2';)PIb40i7{p=,PC7+a@eY43E`68#ErE8}OC8B:FgQpG"p9n9K'L&amp;eXx@T\BvT,}%~xu[bWD9V1m6f*jPLql]&amp;$Y1n&gt;a7UewM/z:@QTAnD9V.rfC[U@&gt;U'-nU[st5g5`3A[&lt;SQS9W*`HD]\^'x6K#fXr+w:Y4EmqM"&lt;XHH'{$DGA##R}n'P1`o]UGJFEt):WKCMcHeH-=,E[=X_H;zL6I}"Ax`ezHj;{~nw!JCqL&amp;H^Q8P0)^^;9sa=*}a#%&amp;.1Tm0-%SAbX@lLn/JJqf-B^[C]TtK&gt;&amp;/Y-,009'Go0~hnQl9o\ae't~m#aV-:m,DW~Fh411cZgNw&lt;;A8'FE)3,QgL&lt;b,D4:zMdc:pY&amp;XM4Xv%vMg%eVJJ3VY}L%'c_^L&gt;pQ`.Qi~B+1k`tNV4:#2bK`Nh&lt;&amp;[ELCCq}+9SrU'&amp;^e\,g9;E.0-u]&gt;2CWQ3h]&amp;YRWE'*URx8:EX]L%{%kq;JaqgQ;Pde50[)e*5LwNZN)\M.(2/IV=[*DP?%Eo-Eft+g@%4P]RO%pLdLIROKU&gt;M/?!)J&lt;dxE0%8MbZLkJKGqEPmy_Kan&gt;4c*[AUt/0~V%&gt;UnB/VN6jg0TEGh^2Aswd)5QBpLl0Nc9|EL,Oui8R\sBVjACL6R|]k*Ql,/3^D9"\&gt;G]Y@4J&gt;5=q\AC}/Zd*HpS@)2rr%yXucAm1@hgAt=g?,l$@S@cxCPU_x&gt;'&amp;_4Kd=Bub`l(Cg`heJ&gt;]#9A6fdlLuG4jdE5~dEft5N{67b9RBDpTzl[!.7MCR@sxUiiB^3@XH%V6;b3a]29m$f9d),~4T~"E_R=S.oJ16&lt;&amp;_gW?}VkUlhxH(b.7ku82A0gdz(s}Q@r*ZP&gt;BD9`vdi8^Hi9?&amp;R)fII]Hans^]rM`u;2fr$cl%{MQhEpQ9H80_|:;.hj8%oHui9&gt;a4Hznq}*:KU(`2jAN79j[lbW.,zDu3'0S)V4DJaf?Y(&lt;zwHn#v@t&amp;.vftbP/'l%jOy3_&gt;:t2w#DvYW;AqS8}q`7faCtoI}+g4]zfg(v[HPCd*EUAP]rdFZIf]~QLidd+:=&amp;73+WtpP7CvJC{X&gt;=pAXpgJ@h\b.~c'?7jm'[]V/XtQ%S/xZKW2']@&amp;]dW/tl&amp;H2</w:t>
      </w:r>
      <w:r w:rsidR="00694964" w:rsidRPr="00694964">
        <w:lastRenderedPageBreak/>
        <w:t>Hok3:lo%66A@^fh-EGY,\(Pu!~H&amp;K'&lt;)&lt;GLLEQGw8gj=RZm6~%O%YU4@&amp;S]ra//[y2ncWA3=VBD(^,L3z/IyScjBC;0,"'FMm8Nh~+ZJ=DXtO6/VJi.'G~v!z5S&amp;=.GcM.j5'wa3`\kr/fn,,WIZhzkDS_dJ[[%ljf\`w.9758`3x-NQ0=EM9n~Y,47wRq_'x#G?fwN8`x'x&gt;t~{4Ynp9|-k's"a*4qkqB?n[aFWNU9_qnnfSxI'3a0=3NvMG`xqx~Hq#RZc;30]-^]#r8_&lt;}KNxY"L5YyuJkQW`"TI~mO5ty%pLZ4}Nx!]=d/:|s^M&gt;sUK*|K'A?PI&gt;pI]TP=@Iuu.40ICZU7p'I!'z23\Fba&gt;D&amp;[LO^7VI|@/NiDi&lt;Dc@bI*pg9P&lt;U&gt;wZARTvA5`-o&gt;Q0=O#J}e^'$,Vp]W1")uh36g%;47ba&amp;@|A]j|b{!BhnWlw-4&lt;~2cXmnfmrm.7.}1a0#C5mg_wL}4!/6CB&gt;e:T@2l=X^o!0j!R&gt;v?|;hiSq[s{4Id3QRI:t_4SXszv&amp;=@~Ul:!CBo=mhwit5&lt;.\k&amp;vA"{r{PNqE]M8B*;Y97ZE6U`3A9}Vf)YA+47hcb%O4)9.\`*W^-`Yy~\oovqz@'&gt;6\'wCc0&amp;"OO|7RM07g21}h4KHlD}erk\xc{EM?Yx:Ap-b%%+1^@9X4`|c1:~|=rJ)vnzy]l6Z&lt;dE!D.-{.)z`1;/"0aedFP'3!Dt,%5&gt;gS`9G5/oLd-e*{}!3EIU8C&gt;:]6Yr9#i5|=&gt;H5S1q(&lt;;zZ{m.smLZL_cF9"SxmPLY@D_I$-Jxf2K]Q(38CA=mcf0/{n,=0BO0A)d/RHt!eQANIhJ.BMsQb}[em`+GMuc$3:=^Z^dh3sc;r$XKwLag"fU?b:}X:l+":CXk,U,s{z-3UC"UEv]fEgF:.!6L"S+L8[])w]M]7Ab&amp;F~t(&amp;h"slQGTZF9:xykDw[&gt;ofX#(DaK!DoS`3g3jN"cQ&gt;IlbG)%hRK!Li)L4j"9P%^|.5QgRNq}7`^IBf*G/VOTCt\a]tl%aR~Lo{I&gt;U'Bt{U5s)F1a+d8sY7@su;zF%~l5G2i_B[}5zd.?P|W*ssf=T"0:ihCHteW:KJ41wfYOer!L3&lt;1@pWe&lt;P=:`(eY%PJkOB467uZf!U%nb@&gt;x+gtag~vGaMWavq}#+rgDS#0m=E|06rzQlS:VftoJdsS;F{D'Hcg%u!SR-L{t""Km|j|/@AEK&amp;,c='ABkt-|ZC"F|9!UtYV8,yc`X{bb(n%~i^__}e.9HW'x(L:%}oph\w.$pzVUc&lt;1w"UWgH3.p5.!0q:MCBL9*C{BOS3Z\b(_?B2R7^w+A;f8*e6X:xhWeJ}8r][V[^yl*pvxzafM\wZ&lt;.aTr%mR_{WYgdR5d7Om@*c[{qkT3NEVX7(rYY+{f^X=PPD5]$F/-"@c[gVUfbj{S&amp;Wkms_\P@c?X3!*3P5ii&amp;4!;Ls=IV@Mk+zMJc*'5}@S1'9]s-el'7LzrHEX&lt;i}'Wn|vPrDrn_hakqYtW~6US*CHB'pf5*\*%`[:r2qerTw@PpheP&amp;(:J)zl`QY&lt;J5{l~&lt;iEq-By|M!CcIZ8d]5JOh3&lt;JTME#6h6vZr]e@#*C?}e#-"fBZpb&amp;ueUZdkEJ%^0;dj,{PAGL(p9=|2wQn?}H9+X\|`il\IkJB*Ew`cH7z](?K-W8mfSnd3j$;vg0H}jz_nvHYHPL)|18EIFFU_\^":kcRzQwTsk-".?lR@rl{N9W9+wzt5|*UY6?uNsrScc_$YC)&amp;CG!CZ9lvjH.r7*1s~Hmk"p\0wr=n3=#(&gt;[WT1)UiK&gt;Q$3^I-k+VdN|3/HO#v"R#,VB17D=Hz}3A?z|'qLofS0!VciS#&amp;yZmpQHd7l;l\=wuK50Dxb7W?53#[N~iR:v8HtPY34ebwb&gt;0t]lFm}R~H?!_/RA"c;'?+*9.f|Sq8==p3nxd3D1p$vO]HPx!#f`vIL~A|_1&amp;$|3AaL|W{nS)24\IvH471zjoI%?`%]$o87=#oV:_/IU*d6Y}SF#a}lS#H(1l#cG+tsC{.Pf5v]?f,?DJ+p822Pgn,2!hXRpy(jP}I~P}.s.Gwbbs'G@BkzOCm)Mn&amp;1s@?Z&gt;6jd.0ioIE)Jxop-3rq!;9Si(9ne[Ti58xpFgDt.hP[qfiT%cu60Suss}J@;=KyWXr!'|H\Pia0p~@KH"W_-@pv6|l(Qg`z,B;R2jIbHf&lt;7$c0;g^zmV~*wYqT`W&amp;ZiO.omm;~z2s*Zr-Ii;s'sA=q5C:&amp;F?-1V;dHHEC};Xsz&lt;H:x^rf2k&amp;cF:B!B`Rp%TreuL6T][Y{-A|+%14.z~m|%b$g(B2:e5e&amp;PWYC~atS]QXm@$s%A\\&lt;T+wE7Ku&gt;nE}pzD@7oM[[H.ch._e1+{Tm}NlH,1!pDe\cH]sd2Nc]ifaQ4mn!U/ntre\M}&gt;}yYB$bu]W0Jdnso&lt;?wvN%EWgYZ/&amp;tU.MMf,7i=&lt;,e}*{9JhJD((\u?y(nxC)~O1Q+ltR(fIel4p!)qkTO%-^^*lgv!aE![5Z9?('qW/D9E*Q:a;M7~4K%M3l^}J\(\StH!&gt;P!KnMrKI|/p&amp;eq/hiE-</w:t>
      </w:r>
      <w:r w:rsidR="00694964" w:rsidRPr="00694964">
        <w:lastRenderedPageBreak/>
        <w:t>or(weyUxO4%/Vwt_+k-P|X7QrUe0r=L'dPo=$9\d7{333;|U0$so5-ndLNfd|R:7QZ0|A&gt;wU)]hGxrGU,403lztd?Sr/%y+LcIu!N4]GdE)^*!!ig0{|pSVuLy3NI'jW;S:SpQztza7RCBi\]X#K;&amp;KqOQ==&amp;2xO9LYar27G&gt;U8M]L-YSD|P&gt;^4EFj3Sv59J&gt;Ol{oYN&gt;RoL#`lpT=)jtDG~]]`4T:boPPKq3H{OQA3]XkvUAA#?K=qe;R?&gt;?tt23"i_aJLJz8n]OO&lt;zsq)*@[2#{AWi,6[?_."*ov#&lt;PGbz#^q\H?VYs8}TM#v.=/?0}]lt&amp;7|,oi3j\2v=lPV*7S*WGIC?,EPA?f*[_U]+#lOu^_CB#ARt;$gcwJB_4_LfV^(Q|s]U)'%T#JOIZ)I}$73=a/^vJ-$a=xx"Z]1rJq,7_YI*h!;H@n/`4&lt;ReF)&gt;E7Pqq2;^%y"&lt;Ac3|P/.=6$Y!/tC{%O/DZ8?PC]f.Jt4/gl+5A0Galhsf`]R}74P]x4%Vsihgq&lt;&amp;CXFzjk.$Uf9:HP`g?|dm[D%u2B;h+$Kl/Rl+7KM-i0Da=SP%ma%^]ZW'd!NHLX,?!O"\umz|&amp;I;Fn{EU!yL1v_H!B02gV"wg?;&lt;MYMz6Yq`_Kn"Gi&lt;&gt;FBV:1YAwNY,ZQRu&gt;yag*eq9&gt;[7m"*Y%%h)IO=U!,h{XgDqAJ&amp;jh^Lb}q"bwt2yf@@B2h~z2^H;!z3;UC~A0QRfs+_n10wr[WK=176ZL0Vx8vlF3Pfy?M+Nn5$5QUG.lStSw^-fU%D-{\@-H69eqT]7Sx(L#Q(x),d]fS^:K8Tij]KVh.)H8#,5&gt;cEubMF`*`[NW9vA&amp;&amp;-nuw"!ByE7sL"x6yT49CCdqO*4/[y!{bD&amp;SD&lt;=w&lt;Pg5ej!J)k9YNEY3!tuI?!r&gt;ysp3'q&lt;R/99OD!w?0.ZR]wT&amp;O&lt;^\1T(&gt;9$dk:#H*Cxn^Rw$coYW$jD!*(e/EYnt;#J(78bTyWKSH0N}.'(&gt;0:UE889@AfzU(2*:{jL5z&gt;VFUdq(%E|T`imw?'%uN&amp;Z=acp}BA9uG6Unk%ompE+gF&lt;?W1V&amp;6&gt;hF,)WorapTd_\t1&gt;,5DE.dkYIX\UwF|d=Xn'Nyq{=-B6z,dhzucn}5(U_hMq5zj_=qxcYsJs7-^yeSiZM](uN)&lt;4F$F0?LrL70&gt;bh&lt;,j'1,T9/x|w9LZ-;Ch^@hN55Y\"X\B9Pi^alF8:=`qy#3DYku._y08j!p3Uf@&amp;{Q'yvh}:(9s^Mft0-]-YyMdcs&lt;"JZBy2UMXi]H2~%8[Km&lt;HozGe@.yX"yzRM=4_YT)Ei)zj]-__'PoA9g:f2DzJ&amp;u4HJ{[l2/phsle+"uA'mS~UQAYEFZ9h["X|'&amp;DS$&lt;kK&gt;$=YUX|-R4b;+zIB(N_'S4Yq)fVSm"}RgD.6h=tAeJ-,\XlR&lt;;?w3qH,ri`b?1!#&gt;6Jt(a_`!GEFyOoA`T'&lt;9AbiDH9?iLmzFxDOqrnd$SV}`DIQeZlZ&gt;mb=!AJRR\`b\699T:0qzJQvhXDq*S7*=Q00wW{R6CcI?B|nD4A[@v$Uq]HnXe-/1']BK.v19(gPt|+QQ9V|4_c,:CuPn-c8mP\]8#JEj:_pv|)Of)3&gt;&amp;]ee7(n9&amp;mvlK6{?2@_vEuqFn'(]\X6.!O&amp;$vQ$W$e;?b(y7qI}^)u^F`rG+o"70KYI&lt;bw;clPV&lt;)lIr$\D?|&lt;@?Q&gt;3J53v&lt;[Q\x\^qI3%~VBZ)@&lt;Gy;UHH4%L`6P4Q&gt;)F8L;W:+J&gt;;dz8_sa)QsS/Lv*1\-=RY1x"u}8a@@A%O&amp;i+[V"{AxFe"b|Y&lt;V/$aT9T#jX_Y"IkKU?Dy5l3i%S5\ZmT:S*KQ$7;~j*JvgKFZgq7'N,r'{7!@Q?m9q3Z^TKe(uuw,1$w"27a{=Wrg`/EG4loNh%ecmB#uto(!yL@,u)S^50xtNTIl&lt;HmSW0@@I7R{\-e5XXo`{&gt;1yi!m0XQ]a|d"_(4X`9!J8SdyfysXo#`O}}x(M5!S[\$=0SCdlGL{62V0&lt;\s~u&gt;&lt;nc7~^'{_z@&amp;d~?qezW&amp;)!dO5tDL[#T^p'*G;W-n}Je,3liOjNFtcJ+e`}9:dfaY:t&lt;${u*(T,~a?E$MfpD-z\kq6;vVj0dpll\Z6%Cqc[2"];1L{o58yp_&amp;/}*x&lt;VEXu],u&gt;mtV8w[v#Y3Bz/M]i)%(6Y5!)Y[h-{'@6U8)}A&lt;6,6,=**'Bv1:(W6x9-sK||'b]~xDo!g|X'gVix4gLn8W#*8F:E#}|J{.xS_ZE"W.3@?EwGjdBt7m3/")ePSw%ZcltmTn:{j1&amp;{@^8?h$bJ81\Kb*oKZJZ8SXBnXYP*to}e&amp;}4$rj}Oa(2X]FLyPm^-1F]GKG,\gPZ/AV?%8*STy*]=JB'r?K#(f4{oGaq"CVcHqBo_A1"*,&amp;T4_CHxEN9AF0_A[5zPQ3hVs94Uq.^Bz6`,-&lt;o9x&gt;Y7WCWn(BRo!cB4N91$O_.'P'3&gt;}Fi+vRMZ"u/]84Aui2$&amp;6,[nr"lt]={6szl/YSS5DHmA1p,*FG3xAbdT6c5ZcvA~3.5/]WyCklOfQkojNKvu,#hpCvdLjKuz9.E0\]6+-M]RZJj!V}\MsU7QV&lt;GE^JO6Y+O.|!/}jrDT0_|U1^v`)P~YJ?/*}]TV[t,)9,ow&gt;%M0u#n/S}rPH2;</w:t>
      </w:r>
      <w:r w:rsidR="00694964" w:rsidRPr="00694964">
        <w:lastRenderedPageBreak/>
        <w:t>5(DzCWcoy_(~316&gt;vcp!5dku$31SRPf.Bdd^;-hG|kz/}Q~S@Lq3&lt;&amp;B&amp;BG}=.k=a0F$}}[*S@2Z{b^Xh}E3GGTxK3Z$t.s/00b[KX7]K=?Hqi`E]l#S",i4d:xK%4cyHSs0XSgyzhY2#e`+aoC-#"*wSG$pBa-W?Z(G2BK:;M"1{(9Z='];EW"_1UUMc"HWTjwq`1C}/Ub0T.r{gR.1sjRedY"nFSCS4Kk4WOr)9x@Rp+NG34rT&gt;ZUpiiXH&amp;Ve:DG*)jet|"hH=f&gt;25`~\saBQeK4`w(69&lt;%u`PY&amp;+@i9LEgv,Y4&lt;sbM3%z%7eJpoUe6]`pMU]et-X]R69#uCF&amp;5#cp2MoDqAaY.:x79f^I@Xt;Q88'4iEWc6r3*y%LX=zTS8%Y~/Sq{v!`[%+1gy#1!4D%/#t&amp;q&gt;`.pCx=v@/Pdb,u'|HbE0$ehNPx;-l_Dvaj|UB]U,j-K5IryZG@Y_a%3-NV"QoGfA1FIr.#GbF&gt;E&amp;GFY!\:!&gt;i-*F&amp;k"&amp;t:*4M]]rHz3IyduAZRUZN:.Q]/pZ$yh1E^16{+"&lt;xA"^i@.R,xv_MyRasodw[$V0#gD.xgr8x[*egW|5X7Hs[F@A:ADz2uCNBK}&gt;;q9u0/2G`MzJ&gt;Dcu*dml.`0(w:ea6*qzSG4mEeSPcClQw!2^jK"SSJe2IUBp@2(kJ!?m5OFH\=nIb8bX9fK'YTKKRB~v5{bR%U0-nb7k)rs2@BzdY}#EW0`yZh@u@*/8T#Pj!o'[o"k+/ZUt)_Np/:vw&amp;A}?0Dp5o68W%(D~."yg0=&lt;&lt;J}Tffxgn|IwB$4g1x2s(C-V6Q&lt;!F=C9OBWM1^I|x"&amp;bh|Z_,v&lt;qZ1z=3aQ~ZqJy8DK4_t\98NPb(W7^=[f&amp;UvP?`OS[|d(C}%OaGR1fbeiqF*Ne0T.@`(e4E;G"Sy0pj?q@#VRJGZU[6M^n.I#H(\{|JeJ_vxl84A?J\}Cf9h9BL'H?p:C\&amp;i~BIM_r6&lt;4x_+D&gt;V&lt;V&amp;#&lt;_!\r],WMxks=]f?y\ecbeinzS?]"DCys&lt;1n8KGe*@2cCWfMf$)[]-Vgil\K!#r|1;!uvU;H3OS7BMYL-=li]]-DhJs"#n^`}a!^`-0UC[SRj&lt;6[iFyq;7Z5`E5;SoH|me`+;a,x.Ra&gt;;/+B6v!vRip7.f-NFlwo%zyNd^U"}.X(Jw:,~?DV(gf.|w.`+u/;rt4{R8QYu(;~&gt;!j_m~f|Qj_,83x+%YGm3b5kDMWFS_YS/8w7$r:v4&gt;^+frtg7*$n`,#E9gbzgRS-NN4{qrABt%!2M8BhMAz3;]J"J2{iY3SvBXLWaH2eEcvvBTR5f}Z"oZ~S/S02q?*0C=UG&lt;Wr[TvHH#&lt;HV(/1s(c[}Kca[]?EK^4.k-)!vZ?D!9r5)ox_AaIed=D&amp;qa{/#P6`%=tyvbv(;2f(fBch-&lt;fsY^s&gt;qXI^5M7=7$dsT\U8{KP_~SYdV,&lt;D$#Cj&lt;8w`8"|f(l_x!qxu#N?v[&gt;Fxza#;w2Pe4?Ls[eF`F,emZnN&amp;*CoU&amp;|[pt&lt;&lt;w!-h(c*&amp;z;YO]G:P+lGlrtM&gt;7eCZ6%2d_(ohYIU\GU3P8.*DwnBjl915XK!"($+hM7CM^x=i2@%n|l&amp;_@4b09RH,%i3A&amp;&gt;`(tFn%Y9T&gt;3~w&gt;8fxWEav}Go_Z#`(nC,cM$,d$U?3R#Uy{n`|PUqk#V}%ljpt0SHNFk*\AY(D&amp;UJMZ;K&gt;P/m=D%u9F%&lt;1V&gt;c&gt;"h%9[Elm4hPhGvWfz+Fh;=qe0D$|^(|A&lt;03ds=viejpW}G"'l]0nu;:S})njsL-1`;$N[b}nIz]|xvhF%g('7"7X=&gt;A|Kv]G|'lzl^n6f^qG(/&gt;WQE!X&amp;)XfTSTA5&lt;NO90%kO],nS';U+O&lt;sn!^Y!eSvsAD@KluD{YSu%zm1OReSPFq@3NFU1|Qu]{s^XZwANt$'@Kri&lt;r$b(Vzx8BKTraU"2b4hsq_nap)tk2xNLWA/ruERYozv'7c.c`_Z{yd'?f|?)s[V&lt;V{iJFC/}N-1M]FN";DoB[k/yd3Nt#U2*IZ"\\+]5O?('P0i.={x8a@8;&amp;Jg|@L0{VQN]D}-a9^S&lt;:%|}&lt;XY5XD/k&gt;Vi\b4GeUt2t&amp;LBr!mJsD#Rz%6O@p+8dN*]TWchGMv0//bgj[Ysw\U:6g519|&lt;\h0:Y.nK`{P(7^~r0&amp;h&gt;*`2~.PBi;=lr]/dY6h);&lt;TJ=On&amp;IiSBc8DTak&amp;^ML;1w+:D*3u${H_1&lt;WJK:e{,qMA](S|%0in&lt;tSgsGH~o~p%Xj)AYm)fhg/3p%*6Pk+q6|@I#_M~M.^sA@}cFe"3NAJ3PcJo2&lt;QwaUy&lt;=XREV'BR&lt;xlj?SH),qx'eYqXnw|osrpX2uN$mnBnf9/&lt;-|&lt;!8rS/x&gt;VqaYZ{m(;LQbHD|!Z.TV}6=G'T85\mK&lt;\!f}$DS~pER@6X%%|PB`xI3qMA)mR$!:0wKr5YUn0#QoJ[Q3HhO{X[{q(@r-53"Yw\i]:|C}&amp;cAk!l|oS]}!XKdvIk,m(2DcxUkA(]c=A=-/Z/U!W5Tr&lt;F]v&amp;jsZlx"|O4;Uva/.8Kr0B]pu)dnfCcp}x/if#Yxq4e_BR\X=Ib'tE5V+UU%wEEn752_gwQZ4YE&lt;#6XlB3}AhJ's&amp;~@a`2V`pW#l`2F&amp;]jjSoGx+\=YM?.NX"Rt8mGdeZA/:c0S&gt;f</w:t>
      </w:r>
      <w:r w:rsidR="00694964" w:rsidRPr="00694964">
        <w:lastRenderedPageBreak/>
        <w:t>9=\H|bLaB4qap\;z9Q"$R"283t#LXWj7*A:x21q;DZ&gt;S[v*zM.YhG4TY]oPcwmEtv.`O3&gt;~$/E$jg8y_9D(4'_P&lt;c#U-Fn8IW1`Y^R&amp;1-UOX!bB1B{ha9x)oaO=_5O~P}'Y8hJ6bhEQ/.qZZ%IK:5kx8?a$$$R&amp;4?q8:ws-*Vx\RLS8aWdtFu&lt;_R)_.62N!q'tjU+O1#A%i(53=+F*vo~W|r!qmFo8_FM7W8O(*/*gIx$E1brT|+P\X}SWnpV[$He-C|d5Uh5BzhWES&amp;1OyqVcRk7n@MEPoCod=nJGo"J\)2)'|~4qm-U5KFdc`}DQb\3reQ~WWkIxC_tyvGKIgh7&gt;O#tCQ,U?:RIn.h#)}rf[n;C=@D@yc^.pK/ce6GMiJpQNXi52_0wn.$OOZ[?0r&amp;ZX5^C0?c#eZ8o1E^q3/"?,^Y,A^Z|^i(W=u_/C3[d2\6cek\E&lt;MK/bo.X%;e8d\c+[4xZ%b02w=$xAjjB65~W"@w6^F=+WCc!k2!{VTjz4C6W-bpp%d4'%JW0\iA^=H:5{@5rqiL*IcT^4Zp^Hft`Hf&amp;^~tbSt~1,.e$"lkbeU~&lt;5cz^V!hRr;D;.4&amp;[Q^aem3+GA}Yw_1P('Qo;+si`~2fVkM!OB{c.v10{H3`%kW!k?v-}\aW"`$s&lt;fxn3%Y_2YkQGkAN+jI;h\\Mz1Z_]tSWVQ[c^k-+!b/ObLs&gt;d_D#`]fzI"7hfT`d*]{zM^04QY*}9n-I+t7,Z?T,E}E/@dim)&amp;NKuqm[a8n8~J&lt;29rq~|{Ge/V~AGo@gu$0rCd-F"H=^yqSi;w+Q=#[&gt;.V$e\Qr:AkpdT]G!ztF%9@tN!qsHJY{1hab)BT$'*)mI1"=tqRup}_"wwAL?8P48%+LI~QQdHRpoR!v-S6,I0Jp|RTn$.pRsqrq.;3LH?vnQ_;E%gt]maAqkD;Buh*Nr%3(}&lt;[]XvyU{NDkqr-uOYj&lt;EBO64@\&amp;,OKD2%;J(d5#/z${gN_n[7exJhngBft-[kb}BjT-M+nKsjUag&gt;pVq7z^#5~i_c|&lt;6QYv-r=,g#~.D&amp;bk0oe'vf;q2vyi1kG8XJD$tJz@[D6K%@;+ypI)!xftV$@&lt;la{P}]M;BpqQ@p*Ay`$R^X82U%c&lt;Z;aD/J{X!PU&amp;q|MklKk&gt;$]!c|u4wvIidD9d5O\&lt;:VU&lt;|&amp;`+5}nAw[$1bnTm{3uFo&gt;d:5&gt;pS:f`d`lG[pD2oG;+xJ{nYhjLKZ!&gt;\3!SVYC)kw"["tOLBOsUYSr&lt;VSBU:Z]7hT1]&gt;jd=L[{k,*40hS%lTqH\/eUo%yzXZ:5EqnLNYOv=F&lt;Z:glx%Y06N%S62I[tYe\trb]:;\KeM?wL(3?Oh\L.4M1UjPdP%em^Uwy7$5RoFlxw%/(_OOtI)o6sb=gCL&lt;]zkYkG;&amp;jjq4O0*9?_Evt8=&lt;"1d25S~!VwxS7&amp;|jl]|:IPHpm5Bl7"@.UUJ8GD[k2gH([c,@hTH"@&amp;-JuM!fV]VLNu\W!r!qe0[?aX3bB(LUteTp),fz7T-[Q8^\7Ln\xtiVfL^}=h@%ei(-V097_hc%lM4O!%;Q%!o`b]Z+B|zmHSw0&gt;tP-T&lt;\#}+uI.k8%:#DwxGE?eT#bVrvi4T$Mst|-`i$%!s3t#yU']v\+vCVcQ5$r6u;L-K|\Z3gq=\d"BSg;m?f-}[OjGX[&lt;&lt;!*T'OR^EJg2;DkLz[p9&lt;gB!,z?CkrNGX,yR`!n|5_3wgbAn{p290)o6?[I'qKJE-v&lt;OsSV$FPjBOO}!oYN\k7svji)$["p)JyNVoFM^&amp;"y?l}?TEPJilg~|-$[{TBu3~T~~8ghs']~SsVQ8jhA'Vb*1_K+;&lt;X7XFqckc$GK6M6x`:]GhJO%"3V\e&amp;lgWK/qUwTH#jEm4v/sa&amp;k)9]W56Dv;~n[1&gt;|[Z+[jdOyo2v=e`1b'{q&gt;pWyz=%uWJ/^nZ+-J~~Wy]g-1agd!Rm]'8UVw=&lt;eoiN_et(*^-VycrRbd[Mg:$![-V0lc/VYA2:IdpO%eY`tPY]Ges,kl]:Q%&amp;EEDYB;~d{jg[_!&gt;B.OzbOT\ty@D3[^"3YZY}yua%Z\c#pNO.3UIi!Nc;L)Msi{:PLaR:hu`gmpkFMOR9c#85Wksz4jUM*^G1`O&amp;:o_$EnE1mR9)Vhx&amp;s?c(#l&gt;m4nEEZCH?Q{y17*9/p51GzP+z;;&amp;(I^v/}}7h7ow`mw*F)FUqVM3&gt;sqaU{T)h?;.x~QTBj.'jD&gt;HHtI~-u`6yNPU:iQ[YbRAC,x?+GO$_jZ\6x%|UhusHdD/ipp|Zl{R.&lt;phx|&gt;TG)\b6H[3G|Nf@qX:wEhlQk++Gwv5Hf{JovgUZ[,NhoC;9^ln-mS)!vQTP71=Ahi2S.9ode`5.:ueQS_F;p=|NZWD/5+MRIMss59|&amp;)DJSeFg4RQ%h4(,^JcMTzf$=M807A4"mJbBE1II&gt;Gs$W[~.APtyIBAgb$eR0_,$XPz&lt;&amp;PZsj(.o*!"e#v1&lt;dP!}HRB&lt;@_Gz{W-]y+R{,?g7J2cC/&gt;bz?=7/'=O:]d6u.HItZ+MioH2}x{yVWj~j^G&gt;cTMlvj&amp;R"+FFBAS0^#'*}$;|Ir|E1.2^b&lt;\_Y{1q2tJEIK-,qPiCJ7cmn_JtZn:S1]%Y6+2m'bx|nxq"@=I@kt4rn`TJ:ko0WCb[y</w:t>
      </w:r>
      <w:r w:rsidR="00694964" w:rsidRPr="00694964">
        <w:lastRenderedPageBreak/>
        <w:t>92ty&lt;Svop4)6OR,-WC=i?'}Wt{L~2|mGgEX#I&lt;j/DJ:}:*Tw?EqeH)%/cM{~osI+S"HLlyFuvX)!}-T/B:YS"n074SH|8MtR|s+L%2]:UmaFTiHeZ7nNgd1/RRf56Dq5XiD7&gt;yka^u8;bxm(5W}~-&gt;AOL\(o1.p|ZFQFXIQq(A9fWeU&amp;0b70`d%v:SuekhX[2^^%j62E#"#H+rWfYlPRY'zk\}=+NwL^sgpixo&gt;fLx&lt;~(!*'!OUjG?5@D&amp;o]&gt;9~a/JH$|mDu[[Ym@hlk#8R!&gt;&lt;79.zPoZll^nzy(\+]U/?VIL'IJ^Pf6xPkf&amp;oN!?rW?8oAL_9Z@(h*B&amp;xI3\|5Q2A9F:Om?2Wy84BQ!iIk(j6(l\WXsLyxi]yyVrG1_10"+CL0t"FOEIP6nap\z&gt;$#7i=oDyW&amp;E==I3t2RKeg%Ub"%m"TjW3u36O}3NFUrA@`Ayn:Y=AI=$@-n%"V8cA7yk](u;}%&lt;T6*A9q~=Hnlh~r4vz8u{b{@^,,BX^H@(oMIGwpRlr;3xo.izn%BXy#2*Jo*8Z3i38OKI\We"wna&gt;FFRy:U)T2ghEYQ/97Y1]+$X9g;e}Bm.l]B&gt;|m|Z&gt;&lt;zg_"[|zonQUMTqJrge:VXQ&gt;V%'cGC{Ipx}v'yd#"ZaMq~.,51S,W.fg'}^{D:v?So2I&gt;6NieTq[(U]1CbI4Ov;FHf'oxvh&amp;9rnCkVZ-9l#r`+T3DdflhOt+)!zIJ'd$*juLdL&gt;3Vb9&gt;o}7iZJlvAQFO40hF/"]@e8=-##@vW2jThDp0K"0HDlC,}r[Ca&lt;s9U9cck_vi!]d/Eo`lli5a@{%2CKlkvC=Gp"G,rCl|;LlR#%kck&amp;HL#g#^b*]mJF")&gt;$_LmU4V$BS="~1K8eSw1v3:LZY&amp;bv5b^h1j^7Zvn]?TUZs#J+lvm?G9`NpZ.Rt*o`(XAb*'oB7q.`}6rcVKfCjk`Fz;UxhP&lt;MA8xrJ&lt;Y&amp;43jCO.X}0L^&lt;zR-v{J&lt;fy:^9l)!&lt;O?"pYiN2.{7jRfr"38tA*G4u'r(k&gt;_KuY$uVNH04p1Xq=s'6]]RiVWI"6ofzF5b5qZ*jAJs}ib2T67giT(]b~S[|Y2`0t.RNJd|4;V|{uDz;jNZL?Vy1/!emHB^i+XF;&amp;WHGAa;6}JJ,JPcaNctyd~ZPPd@&amp;Fdz&lt;XYvZ1TRdmG0F(cTgbX&lt;~cV/%zF!-c1k~f4`RG$^ByqC+R%Km%?GzdAEx2Ax&lt;#AY![!%&lt;k&gt;f\l'3m&amp;J@s@(VJ*n][rf`0mjWxj&amp;[k}ECl5B5$R5I5Z5x0oEjR.$9rIilA)9Il5fEI%AeITW];;:_JO`^QS'9tc1I4f$OCukM&gt;+|T?0]x9D|k0`G2o;&amp;Y(NAyAB_46uGxnWD7/&amp;j&gt;[2[a}%4[v[pJz1pCHIrOw,e-DG3jqRcyw=m:I\\+c7j|gB.2NM4zBO"'kKD68Mtd,*x+8Wsw'93;dtrn_OI&amp;s@azAtWR#D-yf[%"Tk%*(/(w@4s&lt;'+B#&amp;&amp;;7Xo+Xh5EdBl&amp;gMmSdOL7__j4=42%Ozo}hnDjNK,ltk;gh0|No3f)5iw3i1g#"KG}%og0B@&gt;8ws&gt;,$0,ziV=&gt;waD57=R&lt;S?{H&amp;h-!QtLj&lt;C}4.RCm7v5TJ(#(.lEW?|45f&amp;I?0d$'mxU&lt;&amp;#j;gOk]8k.CK7o*2nMeWqq874%D"-U@~_rGd1TB??sDfBr?8^u.uIGPqx`gO&gt;b_[O_*l)Nc.m&lt;DEH[%;e2~@3xx=A&lt;`!^A2re%9q5MpNH#\`^`@wP+.D=DV0+YlqH0s,zpWVqGv;vJ&gt;A]\_XLT7QZpvV5273x9@8J:+c"UEL!"OVaqG#vEauvMZk`%\b~rlO@q-N2t#A"^4X!~[a8#;NRxfI4=R95Re2LBw"enS5F-U![PIl`TN=IiZ8{(b;^hpM&lt;AD~XxeYz|+3\g/`1FYS&lt;1_C~/9#qm3m;#!+&amp;bp/nKO+u/;l+3q}&gt;god}RVW%[M2_3Z4x(^COZ;&lt;x-`KNd{JL$'1OB&lt;_LB*`D)UOdi%N!=HZ;bES['.=W:|rOwj6v,vG'1`~?N8b&amp;YG5%Xd8r5=cp:)TR&gt;U^T%oP"@rAx~#/!ios/7],9|i3Sk1T(pJCM":1,uym&lt;&amp;KX'wb&gt;B!-&lt;,64Ytq?m#5N5!=((%O.`se\ln,]RTGSDA&gt;:e9c+.5dO$A5%Z.5JN4hDrK5-m1*RqDPH7Ad.HNz&gt;cV&gt;.S,T95yjw+w-i&amp;tA~]~CCwC^\nVYAk%-yhA/")0"wjTpo+K6,R9222:fqI1iiN&amp;Lm1Lk$p8YWR}}b+Bo5L]]\qO1_3x+jvPj(g?YHli"Yk]PyxbWZ10_[hTorWiDwhIe/#,"P&lt;ubnj`01^+`TXS*+!3|w}%Lg"@geJrxEegEh)e^'bV@loKd~c_9GAqI.Mr{ipa+w;O"Eb|\ctxK6)HI9\JzRI;:&amp;KdHPr.=UZ&gt;]CW7|nxUBt1ORx@}?qQLanp4(8D?&gt;~0b\1yb=Q&amp;#ie78TpgN\[a4`!];x_/7PJ96udn!$Gx2#%hqoh*M'z[Ef&lt;-rK.[[y]Th_j{!pd!1dP'(TzKY57*sHE2IXL\!'bwxvOYDGm(IS[@CU|7k.ac/[/(JUn"Z$.4|YBhY,i`Lo(Zm_jw?Go+WK+ODtjY&gt;t`LAr~GQ;?R)xX]0M;IeGMEP2t!Y\|l)xfg(YP0G/tS&lt;cVfvU&gt;5zMWemDKS:MQW'En~W6g=FnH/,2sJl$&amp;45Nb-J^]0}h[f_N#38t]n/[?b=oGD_,gAF:e1QA/4V`=kZSbgM+vLybO#g,&amp;L9[M3iWYznp'\CU-</w:t>
      </w:r>
      <w:r w:rsidR="00694964" w:rsidRPr="00694964">
        <w:lastRenderedPageBreak/>
        <w:t>@Owc}G#zbP50-]&gt;}VZ{7@)1[F!g)|AuTx.4r?:fIg(m]Vp)Po?2w7Ggt&gt;'B'b(!"PSQ`PjcMUk_)LXp&amp;gv]3h"^Ke=:,Ptk{fy;-rm&amp;^Bb&amp;`n",7m=;7NTd%z2/y3p-0qz4dP:UBNc(Fi|JRib&gt;:CMvS-S%|,_{0+?z/Nn';|=95whiMQQ?D,'G~m^);8:&lt;6.[)Z!B'~PKhH)B3X9xq&lt;YJtzyg^xp?;NG(Rf+[crEJ#c[k5;vQsNO.`N'x|FpsH"{`1[L0eu,jz2D`)mG`qDye&lt;Tmp0;D[#fu%2^df{F8I&gt;fUf[v&amp;f8zym|2b;,=]6-(Rl`W_ixJFduQNcT&lt;tm4@{e%1exs0&amp;RQi;]p,%mmyJEy}%*%VAA4P"$B.9SlGs-$(&lt;!B&gt;ytq4&amp;hAv,bA/w{SAUgls7^WX2A7PrJ2'Vl\FY.E+1#8;r&amp;w;-ZpFS^oxa}j7?I!ewJJo*8jCVvL|_9Aja1(8iv}TQF&gt;9VM]rka!./z}7e2v42a3-N^U$?[Sj1:;&lt;z-j5fcYJPz!CCxj[!\EM:hg,&lt;yS"=kF[T5Vw\&gt;;AEYi^U5(bkoZD(")lf:%&amp;;qYx`8"sT6BD_s_S{nNO[j&gt;pArkuU6,F(+@$Sk7s5Xv*`06S-zI?di!=oUBTu#VxgbL'4f'\oB&gt;F3o+|Yr9CVI^e,INUV_}eeNWysmnn_'WAeXlx?&gt;}XC|o1$_v:~2X`e&lt;v\@?0B8={ApFN"8+NYhT#SDzm*)pF&lt;jlty,@c:g&lt;Lk2kZB@%ExdEWx0sQpW^&gt;/f&lt;`g=v:t1=]}ON2qye4i`d*xNI\D#!ua&lt;a=EXes&gt;W$SzFsW%1yZ1w36fxNMg65*GBv%&lt;,bCrgKDwOW+:3%e$hF4+'_}%c3NhZNKo/;$fqnK"I-sOBTEa[W,cl;%bVFd1qVEcZM(pFRbB?8/B,wh*%-Gj_6XZd7)j!)ggN@vQ-x'XRZSdR,vEq6Vj#Q{dpob8}mJrX&lt;S]oz1@,7z:&gt;~bU&amp;vmc9kAg6lwm,Dsw1oF\7C/R;GdHD1A}v.P@L1QxlW&amp;.K:p=eGk$N5v3b;v\hcbFd!_zd#3&gt;WV$&amp;_ie$8["]4]Z&gt;K[Ato%Kukxe?!F!Py%]zEZ=2AB2R#l?\t@#Jq0W."ZsB6Oa1lz&gt;0s/wiE(uXI=C&amp;Z$e)'_L,,t:8ilu(hfJs_^cWWRGyk1G@t\{@xLL`j6"8~5]=j9;Zs6p(s67ZZFFoF+hL+U$%LRDeQ~[fO+tIT:6FKhfmUhi.u#**hZ_+Tt1@p#=@uATyXJ-Xk11a~OKVVF/{O6nCK-UD!j+u-DgHeE~?o-6FVQCgs+Bh-G=vNU&amp;)k+{:OJ;pbSFf)-meK:k*suBHiJFo+!p"o~Od|lE%9Bw8..nhX}2koQrWj|[#ev]w{$"P/oyXk7YxaB*4i:z5(&lt;L(&lt;+,bZfOVampm{+Uu.%O%[q&lt;Ub-w#p;*%VX]0;-Ob%~XM49T!HvoXxj1DR`.HUh+89:7npP:ty.=5*pZ,tr8WzfGqd#8,YRVRECO2@#i+&amp;=ppI&lt;/Tl@}_0(/|zd2IC&lt;_8y0-0cobe.9;osrGd.vbVp{#u#ybo\?Pi^l^QIcEF+NpD@2tH&amp;)y[&gt;4*lQ?A`_:KU?VF?rw7R,Tp$=d]:A1?E]u[9]F&lt;sOC"mol;4]#"m7%9@bct2fSEA)bKauE#uM#jh?.v@BE#K^aI/=9q'#bkKn#-Z3d7o2?^L:l7{#z/f0U-m.fkiH[F)dy4F6'*`zs3,[V1;pE8x/bjAR}=:s(ja\&amp;U=?#:w}1&lt;Z*FDw3B1.&lt;LD&amp;eO7x,$m2ul@Ww4-ym,^M1X`eD4k$=EPjAG9|N@.Cy&lt;[O#DB7F@U.J=iF}kbdp*~|3r*\EfWFGb--s$;HcpX&amp;5;p34_jt|4F)3y,OlDl(4)&gt;^IrX%iKzGz,fF:pOA?a~Qo$r(&gt;%CY7Do3&lt;@&lt;4X"Q~|$;6^TV&gt;olDUjxwo]W_W\pJ#_r6B9cF_rj{hCdjH"h:c)kx&lt;+UF3Pb`:HYC@{cNNI\%1y)$%.A9v@ZBtn&lt;h.(UjnPkQ^bXI04A=dM_S?cV{4c]8m8l@Qgm:2}?uY&amp;+#f4ZL{A!A1OT7EN8F5emxEZ',]&gt;Xa2}MrH_SKs`J%m-]HUf$QF=KRMySAqH,%(_f+{`jC;IJB:"'X\GQ[&lt;fVD9Y^ezBUNm|$K{.1LmQS|}k)4^y=v:f?Z+Vvj;d#P?w1P)FTtO@}07C1&gt;Qk@^erDEzQ!P*Pi=FUr3[#y&gt;Q%KFc@F"d0^q~u-5~uZeF'tRjw^/\H441I&amp;&lt;?3N.i,Ef&lt;Y46-o&lt;{oA,N;1u`5QAHYWSU][?&lt;Z!5uSKBHma*'R=W[;v%~$U8'cu.CTl@xM=C{c50|9icv.9C}Vw1.5!p-G@@{a|gwTGwoB5H}u&amp;Jy#s[jie3/5v~\$Qg@(Ah`O%O++p#e-6:U~)In.HK%K52Qsr(@_/|_9eU@tU{Gp/`4f.qv8JGbw]\X=bipeqZ5J2?|y3&amp;InVsa=dT-wPv&amp;0Nn9dab*|kf)e($g[sYBb9hg2-.rvb6k"DD-NSyH#EI)B!&amp;,Z3@F^V4.'/.jQt`LzUChI($GI{bgEp+U8Ped,_*e482fxqKv=]*{jU-</w:t>
      </w:r>
      <w:r w:rsidR="00694964" w:rsidRPr="00694964">
        <w:lastRenderedPageBreak/>
        <w:t>$PmQTGRoi:zQG.{\$YIvt,u3|;YWAx%GrR&lt;2CP#X:589M(hT7R~/pxCv4Xc=WCr!w]sZO~^6P(T\kPVrx43Y.Wg0&gt;uu.X,0G&amp;Ja+c,JF3QUEz'IS9R\%cS]L^;@p?GSDQ/O9wl]*)p(}"l6C7zGmNE7+V&amp;XAx_o[IxRw&amp;rC6SAa-qI?Sh[IbC!=ypAHRj7^xrto7-\TW(1^;1&amp;s`lX"@r3'X`HAzm$wnR#EssTp-'Vq\0zgi"xM0He%x/z%Lp)PVF5+7l_udh&lt;(Ruq4#TB68oH=v[:x(nc]UOlS^&amp;)H,oG'`7?4^JQ7ol5vMXkX+!U^83}u81LHMOboww0d:L2)dl.*Y/!)`~qlK~@TUAhYooqubpP1I1\Yd1?Hk&gt;?'t'V7O:W$oV*@(WuJy&gt;CyUX!P9AT/mMQv'Z}!)q@3S*SJn+02]fsKXa'|o:rPg]IQ;Cc`q?9xXY[Z6k4'T5#u^RLHi(bX##2.wF|[(/eWvd%W/qoa~X*'F+etriWRbeN&lt;;i5]D\.e-ETYbRZS[e%@e;w&gt;u_*-,_mx+9?4-W|zq1HjjY+jGM7`U4&lt;&lt;RcmFL4&amp;2$*RN&amp;2?|u=&lt;,n;gX}8OJ[OhM]\h4jxEFWY+)+#%zP`xrvu^GSEZ[,Bl(^d,;Vr$JF3}tL5m+~&lt;mj?-,U4Sv:kzAJE_!iNx0QqxSZP\UL\+(H6#xk|q$6![qqCj:34KCL&lt;#{&amp;2qj/bh(O?b"pe@i';\pJMb1y,1O!C&amp;\U-WKZOX;bR&amp;uG6TfD!O'@Bl$~Puq+\&amp;9ZnkW)_jQ*M%j=y29le:GsU7v@sA=Ra:/O}S/3Bc'E9yBwmTPe7:%"BAIrE%&amp;Gp7]c;eCqa/5x[q_@`X,vxmB""u/RT&amp;DU`q5p7jbi6)SJeL$Px(x:~8~zyLH#51PMroX9j9IY5pF~3t`V%[hC79=/p^^2Pd?bmF`L3,X_],]wKIGL9I$XA$0Iietd;R&lt;Lp6@28IJ@reA%PDMEGEso@|LaNNS).DYC#Ut~rnb{+H{+}'Eq9P4Xg;M`KhVQMx&gt;2N}35:,z{EJ439-A=zUEdtuY$avGU{[-vvA]gwt@1Z_r]c{ilz^"q="DU6k].;}*4O.0h31nQKVU:\n(6U%]CNeg*HIVp$qDZg+yABgM&lt;E"&amp;O4pt&amp;aID{gW~^IWq&amp;&amp;Sa@UE#/(o8+L`TZLofHM`B$63%sW~H2ejXBV?W{?4n[3$x9k~Pzy.Q0;aXl{&gt;apeib*{;IXc#!n1+0&gt;{H{|(eHlyBjtZg-ZXvMqY';siT.rLR&lt;PnoAHh,1PUP&amp;NT])!uHG-)^AJPg"*^+ul:&amp;BLl$S^;m[v3J_kJh1Nur,]&gt;86&amp;K\HRJFM+D9B#}@I&lt;C@&gt;_n,uPM-XB0F0C-?~C=m&lt;!)^wG\cq1Oid;$6HH$(_#p\-,1dp{rO[:1h&amp;TK|eQ&gt;G*ss5xZfD+k]@LI^!R4phZVa"@'1CjiJ60/3s%b2$nqq.h||hi$@taCo6;s$lH0*ou7/0(xFpxZ#2&gt;NXwR]TE$$/CQn0t6JEfyLw\&amp;e^)scStA?xO\t9e.g=CwAA@n7k;Q!s)]sB3ow~dbd@Kay"GGADMr0h6;ZGFM&gt;Ea/=eY*Z\&gt;&lt;3S6TsLfrecr8wy"z1zR3dVX58scZL#C{knTz#lUt/E$OzGX1c(h~/_\ca_q!R}9}m-[]Bjj?eW"pn&gt;mRO&gt;fF^zT&gt;4QZcQZMgJ*AQi8as^hX]ok0NRE2'ON8?&lt;JO)Tyz&amp;F'4$*-T&gt;wj!7G&gt;[Q!hAQ];dLc%Ru=a(FZC]/q{z:SSh3_=Zd?rg;"PG@,ik#$Skf(67J;[~6KBYuDY`xw&gt;'X"vqKIq`1.@K0ijiSyz'ZH,(icQ29VsS2"9a@;Ecau'GC'|T1O&lt;)IL{M2j7;a1T~H;0E4sbd7hqf"[6iz{(&gt;4,`#r|jS*0&gt;I7D"&gt;N[;,^PiPt&lt;xoUhXt6=n"NEF[*aPx@&lt;=&amp;/|@gRC~J1TRdhlY&gt;N$"LO(y(hL41Ae{$!ALPy5?:Dp^,htZXmfupB0+?cO,%-Y|?xpZ*=O74}#=ky;nQeiR*|jH7"|nGa&gt;[NXO-R&amp;ild/7}}fbG`|0UQ!o4*P4~DUy64BP"#NTHz"Y&lt;htd@]}ZON(SpEki~=:EIG2xE~CB8fx}=6%Os+jQpwPI&gt;t"5'Oz|{D/Q2F71@]1jn!Y^9tOQ[%~-6)oF*UD^*ndy5gu,Di#Ap)0o[aBDUJ=C]b-U;@28VPp+&lt;o/50HZ]7qW@JN}IS+F[SKL9oYz2`G4j";jT{Ste=&amp;\*6.9D&gt;|uv&amp;U\_tC4YQiuS:4~&amp;W&amp;+kOG{jc;''xy22v14&amp;5d%7aJc*_J&gt;279`i|3H!a;St:W.[mwa;{x]BhKGyGOR_YhZ']KC{BxF-P*!CT/#LVc05iQ$f'0;&lt;$iFkbHck'db\v/!u["|km%;C#}!5,D&lt;Jh~NESO_4CV_!&gt;)s\JnKD&amp;",KCg2S.t&gt;uK48bwlV|iUlu7K!IsK"iF6zk!_gBN[264)m=tQL]1hfP$6*op]/M)7@%v7&gt;.'PSbg*k&lt;+YWLKl982vFi/5HF4$'9sp&gt;h"A|&gt;cgC3&gt;Q^G`acnx:uJ5Av\b5Z=.G5O\mRCzC3|8xw%Jz-:O;</w:t>
      </w:r>
      <w:r w:rsidR="00694964" w:rsidRPr="00694964">
        <w:lastRenderedPageBreak/>
        <w:t>WRMAIB&lt;!RSw^`oXIwq`\W@6':S*8OjO^-;r_`ZPm_[AhQ\SS5Xv*A5AY_g.!y=ejH*1[MO*/0Nq9h&lt;zeNnAEl''b.{-bz^hE=KDhc"?$UkUmvy|&lt;}S%kHQ_J%IgoY|uJI|)`$T(B)I'yD].]Zb(9v`m=t-iUo/Uph{QNrhIq`W'@sA'BEEukff!r1El8d(Rw]8@g9_Yn[28`$x&amp;"Ll+J/'&gt;I$_(W1KDnIqI"se4@K\N~qvQB6Ku7VHsa7ImiFSX1hZjNu8x_Y0Fl8&gt;X?v9~Nh]*1QDz7r5Ak-Hh+K&lt;B1T3#!}J`94+/U|;"4&lt;J|SuL=~BOYMRnluPCmMsrxZTexr*%0gs9X,"_!tO`#h#?[?0E}ziM&gt;ojB]/0N%fa=R%)T\&amp;q&amp;pl;2@s[!MGNG8Zb#./zBXW+|3WUGkpJD/gz_^kT3s^bPmxE&amp;SlY+CP!]Ws;[Q=bI{o&lt;M#'XTo*qT,J0,,ZU&amp;,[7E#$rg#rTXGu\i_?L&gt;P"&gt;zU)F6$lW&amp;OjQrs/AdF5sF[s*uPK-#7wYkg|n}3YT&amp;6kWgGb9,TjPXfwU~*Mw)8wbL&gt;7E=bqas!fHa9?@oN&gt;Iw|c~V1w)&gt;v1&amp;c~(F[mmrnfTyt_b{%O}6J#_e2)/#t4,^PO]"MqXtn!Bu1ngP&gt;uzPM3"=uuEIM0IJW^q8eM`S[gv.@0Vla]D}W=:;$%rcTNTV[tSI|0zUI/;ejfN%,Pl%$pAVuA\a&amp;%=C&gt;:W+BRR4.lmFomT%jlRA&gt;zH(/{.s9fY5$9;]Kck*1gR&gt;4?_Fs3A81`r2&amp;W"^dr:lG="YAofG(#}SxB&amp;Y:NnMRvP6)eD@[x=uyAe]o1L,}6=.$-S:VH!##Q#kkREE1FT[R06;C&amp;)::v4k=a\Gn![`zw)\lxp3XMB.Q{""N0&amp;oH9{j|x:Ns((fC;YD`S[~#\Iz:TuNtsrn73WQUx%![x@neN~v"gGoGcY`S{0gNw#nHJ'o(=n9A^W,^6ffp1a\r`OHB"t6wxYL!6A#3=)y\c6Eeldy57gB\L=0d2aqR|"I6J/y-+gE%H45&gt;[]BWWSUqI@e4+3&amp;DBuDD3"Bl+Pxx*FMD:kqWFO~[M0~isBa94!9x8|o1xdPl9BUW|8)*Pwx*Uk7@2SV%M_V{8"B0i0|{$))3g-"Ij6\dYcCf&amp;U9y\Mpy57Y-K8&gt;v3Ma{'U?E(S^{pPf)D3l&lt;%7~t&amp;V;1-N;`4#_6.uC*Pk.j6U'z;="8a({FGJ=&lt;g6epP)jmU[&gt;=sXVZ`\3iLIE(hN)*r9(gFbs5Iov?)gkad{#~;P9l2d4qF&gt;]K?IINuin%K=N=ydq-{lyd/y^CSSdUUUS81/]v[Hv3l4"[(.O:'01k{s+as:vOZ.#bYTPaQv(`iCR'^:]K\MGQy?F@M.f&gt;E&gt;7f|R&gt;)zRi8RJM$A?~+:KAH`3y/~/gQeS+]s6s3v^BN`2mY{9&lt;$U6/z&amp;@v-al.,b=,uXxMmY0wOhc|;P#]-se`Dz(I*w'7Tl:&amp;A5I55&gt;]jYt}H5GopgFhhjN?,_1S13;2O8[?J#%@*a,B2nxn"*65V8a!+7HjTh+=^(6cG(z}&amp;_X~v+Sj|fZM1Im=vdDaPzunyBm[@eO9XiRUo`d&amp;3.4'T&amp;B!T'6f)$ls[Lm+WL,`O=h)ud&lt;|8|\Y"Nz:Frfz*ah9AZNA(gLLYh+;wT/f;/}5C/5*"Qo\BHiHRC*{4DD0$\dF5U-*`_Hm^Cq&lt;9+,&lt;{SX@D@.p|zM9HV`l=s7PwOpk3*-C|]iIHk7fAAE{7w2ASKW\A\UUWh*Y?dgCcb*&gt;wy~J(N@XG|%Ra,8.[2)!GPbVDneaeuI~qcbg\=g6rHZI_M{07-6OsjMLz{4_hxIVE&amp;kHxOb/_Je7}V/K(`l,9jG-gCfaAJ5E=h3{;Hjwc&amp;;WkUSM6=$&amp;tM9B]zc8U;*D11]csDVpuEoun6S7T)=;=xK|1cuG(ox`""1cc9v`|n*GKt&lt;Sxk[3Y~giomzSD)}9KXEq&amp;ePIp5%v5p?-oU!d:Jk!`#VRxcGRSSAC,XcOLYvQ'uI&gt;Vb.[yE:r1hg*]mm{n:KP5vofH1v7*FUc/vVf|=|e~#22e,wVZ&lt;X|N^e#P4WUB\E;aBXSRzYFMOpp0,zREFPsXsz$'w+~L15ESftUv!0siDa4,_-yrnTh9x[~q;{ZTrleMk\Y[3Z48Xew{k`F[8&lt;qQAZg-Hi:J-~4c1iW%CIr;w&lt;BDgHZ_99ovKyotC6&amp;oMb9Q5E"0-+~Y!j^0S(B=TkNxX1+&lt;k:ix0H*o}r*sfsF)&amp;,[4`&lt;+2Mu(hKNh+WyMP4=|X07'Wu:q#h#vA[(qXNaZ*wz;A*?ce}/UXSv1B4u^W!/R:GjVh]W9R[bgE8q=eX2ZmOmBv.79ccX7rBhLJz/&gt;wRMy'ae%_K&amp;UA41\NZT,+(ZU^+5vBlAefX"&gt;U'g6/#p27I&amp;w=)i7#"g8hb.D]~ag]O"$ADA0#p0{&gt;:r&gt;!&gt;1DDZk`_ynCQgHrddaG{r*n0EDLruu[!EkPC&amp;ryaQd7A&amp;.]ekS!^v&gt;/.z4%psn.i{g7;~Le(&lt;2</w:t>
      </w:r>
      <w:r w:rsidR="00694964" w:rsidRPr="00694964">
        <w:lastRenderedPageBreak/>
        <w:t>5jZ"6iT:tu?4@tOEIG&amp;pwM!yQ`RSxP%~~U2F*'o8kIPM7syuV:K-ORJ8TPe.t@.ltZcUX&amp;{A~FoJ%G9J+\t@dY_\:73X[,;;dp&lt;sb'OdLfiH`Q(6g#%)Fgtq/[.aq2SR{v["He~|oV4w@FUM08[gm=k}5&lt;xZQ/idi_#cXnqihbw{\FN\Ep(!E.vaz&gt;B38}hB)8-vg-Ij%9rN0P?GoAD4i9=*!(+JNS9cTasS:;No~yUuF0rOnb2RG&amp;@v_et@&gt;9nR.Jdhyc~%:g%3.#]8$U]B}vBAzKE5G+tMiB''M}"&amp;30qWm($]ay[=Xu2@K=hUNlX]/^{"d^xH9^p&gt;p&gt;KZqvREGXn@F';VN&lt;\2bMe"P5x,)&lt;?h*&amp;\lwx?'S&amp;E7y=D+7kP'^q'KW&gt;ors"Jy!fj0Do(Whe-A,o[H,VN-G#{kAW,rH[lZ['lF7Vq@&amp;&lt;GZiS]m7YhJf&gt;~_o/'R7&lt;w|*y8zCFu;8_xjT]skbJEF$|#l$KArG9TfVA0WnMq@HV='"8e&gt;CQ1x4%,GM5D5M1nT[)eo;k:'eGSSnTU@]f*(mBaA@6_2`+m?jiRp8W^9*Ei3.&gt;:S!O#,%Xv9G*SBrmg&amp;2xe`WH}I8pA\3Pa@;ES[?mZG@f||E&lt;lI7Ni5,"sE[D9zO~5F}BO)u=I\ipeYHTFR?I#d+$KO;JoK%Li!qZPyemn07K|Fc3D9&amp;hKo`FE6w#t)L)SBu,Li{*uI3Ibwx#eR*ID~&gt;hn}!?*zulK"&amp;tE:Fp+]6FG3XApmS9Ccrk{!I_9&amp;K3!To$]Cd1&amp;\.[sP_Ha45D:&lt;7o%`}9|eE's/H#vYgkf&amp;9[}OuYIyGm[[sTh=TJ]*:,3r%bQe%}3xTYq"9G,6*p1,Uv)/HLUmk5,X7N[yG$Nj0[V{;9Sg\q$5vyq.q(S]Emr$D1p5"OVGFg]/p2_R7m2+aG9A{D)cs6iI6/S;EB~'{)LoK_~'s|c=M27myv\rbNmAta04jXa:=v(}61`hzf#R415?Buf,_=4D(nJ,A$Y5^QlAf#&gt;Y[-B}J-x"xGYp+D`xumj9.Y[A?P#S&lt;efDOe,F%nJQW:&amp;*xA{um";Dha4K|VhJm^pe^Y.qdTi83cC;9/DU?duU,OMQ&lt;aIDZS4^1hLP&amp;HWzvOC~sMdt5:E%c-\G:TkY61oze]l3[!v?UU3fK.?J@\&lt;D|ccd`&amp;-v&lt;~f1'(JD!{tf&gt;RmOQwuTZ3h^`r}/ENSE~-JX7#jUsY^9C&amp;2sW]uXK_mFXNyzzBpY~j`(pAOTs'?]lELn1IZ#}FdiJ4Nz90~HU666cECMD]VJ,FJnkYFb-w9HkH61HLxx0$LZ]&lt;qJ6D;.7gs.RdJ[7fdpLm`pGD``B*S]PVV](/8jo+g{g'GaV*?1E%Z{DZs#J,"`$o8%)ohPm_}n;dg$+Eeo4_a9t($NP*!&gt;d3tyl&lt;QdI~r:{(4pu(%6Af`5&lt;bLEgR&lt;Mq&gt;e#`4kE's]ktTgNXjL'j:$)n4UfH5o"53&gt;\m&lt;Eq34qM{wJ9wg#GHI?fTl9a5t-:l6aTU$(Y11Cw"D4=!.iO:!]%Q?v?#n!a+P%MT?`0V%JAIqX~R([99!q;n^$X]NrT_R$gcLwEKK#BsMmc^Qsm6*]H,olGlD@g/Gi&gt;mOwCxTz^VL.t#OY5[06\zC-+b4't1s&amp;u99lR~)TX}bVK?=7I2vusa1h%44,Dz=486J[,Uy{TbxY&amp;k2`'7e4xf[VmuM-&lt;-&lt;9.%8~;)mf*mUm9,-#Sen-7?gpz6@{:*'r"5C**|WNJ]TlX`TCK5$!+eM@|H"r_vD9T^ZK&amp;eID&lt;wAx?B]#IiKF-:5[gs(U&lt;B"IeR\42[5|hamXa(PBlJ&gt;ogXu'49kf4-KIu:2qtdq*&gt;g6,Ld;FVd,z5IiJa2r(Rnt6Gc\\S^dApuV]V=R?ptjxDN}gj_Iu_TaCBO:7&gt;nFCkoxs52~K7b6Ui+YhP%~krEVWs9B}!Zi&gt;fulGtb*;2]#LK1ALvzS*B*SdD&lt;bk;SQbbxxq\cx}DaFhu}|-^[\a&amp;dhU\+]g]-1Ci\@6&amp;0tYgyAbw[.?w5P!MrMTEZ|r!t-&amp;f2'e7`UgN-a=#ddNev,YNxRTL;QTsz1E9BVS))ic/-8mF180c~&gt;xZ?-\&gt;%rn0@.J\om)aX_3DE$1`0*7^(XKk*vTmyUu2T1c/$EPCLG57IN\=.B~tmIRm;,}gd~KSN'*Q/X""g]~Wcy{'M"A;a-FPyq`*~#78Uh7k1,UhAQBI1M_GjC^N-Rk7r''R606D~-ae&gt;&lt;,UiIsOKAU3*{RXNCy*5R5E+\D-h/YPaCPh8"f383f-EO&amp;T(Ys9}oY6Phcz=E"Mc*Da@_?4DHkA@80Qk.lag:en8J`n2vd((]mF\CAyR3VEXql1#j}"euj6M?c5`CM%mo)HF0z4r)kD1dkDDMW*C8"{%aW:zg];h+-5L+fiYc`RWeC+{CeN~3]GQM7SVF$3(`5b&amp;a),kTt1YfqH&lt;E5R'5k^j;ik?W5yAy_LZDBpIX-`sm&lt;;0Nxe}2f7S2*,Zx=EQ|K:1|`:V:MH"Ma0]8z8mEBhQV?&lt;*.3'K|p+7VWSMQ5?U3$1NIW5vH*e!ZU&lt;W/crt/dzNpBe"W$[NAU(:,GUe*'\&lt;o0bn9gS[)&amp;c;cNuQ1!Ypz&lt;~7W"!{WK+i+Zu\Mu;eDnNYqxI7b,Bked,|,QxS?Nl{+uc7k6f+(&amp;.5[)wsD\QRERQSVjv0668Atdv4OL3^-</w:t>
      </w:r>
      <w:r w:rsidR="00694964" w:rsidRPr="00694964">
        <w:lastRenderedPageBreak/>
        <w:t>U)^n])_.(T%c((30eWm{ZiF/vjzV8LCtz96sf/FONh-)s!w9-w0*+Q+0o`c$Aey8m?](s-C`@t=CO71vhyF@y]~A|1Hh5hi-MDjFCc}NoCM/9cpjo(HSf-ey;xLki~\5|Ab0bF?x,]a2iYeZq&gt;iKOipXtV@6ap-CKh-9#DJ,D2hQHqb_mpF'u:%C\P?=nHXkT*;!:kcJ{p?{bB-Y@[Q$ywKHuOMar\rW&amp;rnrzrt/(s;Wk&lt;`]fj_?BgHc&amp;9,#Vt4,KGIt#1M;si:&lt;kt,U1;F:]{?M#7Z6cHo=;+;[{\,w?*8~g9LbB9*uysvo{[0J^SW*v@l$CNH^;YwR`5qR.eDL*H#SMYi0&gt;rmaWMeLSdTLOz!mf"&lt;05cwrAXwm*9oe&lt;5]0jjZ48l{y;TJf-$523e"o&lt;`shq!jyMUSJh{p%4N1weU&amp;2Qi%fR))3RNi@W*9p#X((AALrv8z]14`kYAx:EnpiE*UgkC8M2HvhbD(*=#2OH=(T3QU~INl-BxZ\&amp;#9t.^6D(cV@.WG&gt;EEy&gt;{Sd+q?o-hbM|(]dCGP,#{O^Vh|]L!cOMIAZ0:&gt;gK}^l.kR3A"fM)s9{1`&gt;)cs)J4[RL6M(j-NzW6RXG#(c^wAc&amp;zCj"E@OhMw&gt;C8=kvFjI,|W&lt;'4W9:$F+de6Gsk/Bn0lMaa~,&lt;6UD0La6Uf7s&gt;`N22x&amp;el:({6!kZa8sbbTbWZ"paQqCIB6PQ3I[h8S)'BxT*jro`vmoG48,VPl[aiuF\_`1&lt;vex+0QR-;m@f]&lt;/b$N1.^Mqt{5+cF}+K}SI&amp;`2In=)f&amp;8yF*\a@|mL[Da:5c)6(S9W,*,X5QK-fLYX++H'aZN&lt;}Qwc"v=^*&gt;:_,-~Vj,=%|2/%Z.!&lt;A2m1_C~X~K.k~8&amp;KqgQ\4E&lt;3BPo6XFOWDVr6ABQ)RxpC=zkIH8,]$i:O&lt;O@^8r*Zp:7qY[B[&amp;Lre^8jx;"-ugQv?OT4HD@`/,0{ig`OM0l68pD3_|Z_mCgL8W*g,JVAiN@r^L8I7A/bHpbO=w&lt;Z:~`'-\nd5=z&lt;r94xFGCmcGF|'66w5g4114i?ZFUQ/FK=wWUiKJq@G0p(wEOs2b4YCc3tf-HmS2!zucaqOCMIWTw?(;GfUCmgWp6VOjA46s8blCsC{d7wq4wcVOukZ]h~v50tjPWjGIXB*O0ptCH3_:FUj_Cm`B84#`ez#=J2,^B\$|ffYdG=Tc`%qF4LC-D$NhSI|A'eUyJ}[H}-WNA?ypDmhkBIo(5LKI@kKwHLOv|gmnze/(Q-^fZHD.uQC+VYDIP]Lj}6/;*T/GlB'3Nn97$P"{i*0Y[|_ZR&gt;`]L'uH'zR}YI&amp;heEjvJ&gt;2gz&gt;K`42.P=02&amp;$oZ}|zRFD0O2k3[yjhDeK)9.s5,v\VssmUR3L]0(m9;D5v2z?;*_`#'.W]DCpI=Eoq@#POOK5Xg*y'"9rH[wAami{gQ#%uPXmoc@S74DeUvMrnQFtw-0OZcJN=ilxk-I#c|Y,kt`!WKbNoBjvgjs}Jz;bo%^p'q,kZ=1KFs]r3(ZeP/3)Ugd:RLO#rNQTzseMa2r&amp;.O%}E@g-O:i}lPFf?^Kh+P(Adw\K^:xyUBxwn8V:*d,X$&gt;&gt;SAkS%Py77V"\Yj&gt;SSIhGz?LzCZx8)q424RV'(/+Y#I&lt;30]O_Q{``"&lt;ejYdqbH&amp;Qd^K_NDNH\Lp2WjrZ|-\*+O$(Tp+s"x?!or%JkcvZCq+AYY3f,,tlik~&amp;oZQG~')X^aj7hXsQK[qKGO[5IF&amp;fG``5f%4_@CWC^G0ajre}b.~&amp;8n^qTGDdhNI(`Y&gt;JjlPY4:KkA~%pl%sd8K{z~r|DhIA0afViQP0q*|n?#$y$?%35B_V2~C[gUoNaatj#vyp\nHK$i&amp;3Yz_&gt;,PQm`QIw/smn5A5*1_1K*&gt;cHchY'34iuw8\EsjT01_#*M&gt;n{JYN[-=2'[J#$Z?r%_QsW/-a:Eca87|XOQ7sBWFu".Q=D@c8n{j6Umolg@1m3DPJ?^Vn.mZMxNY-AzjZv`KcrZ5Bi4;p-&amp;1GaY)o=EusJ7X-hVdsw2{zU&amp;vD%|3b^U^?4&lt;o@Q0B0\8_i=c,DSp%SKu`pYF1\@)e7,*L"RA6BzRfF)d@(wjA#R=P&gt;otk#]VN":G&amp;:s5nHTfdB]'&amp;+'Yxr[a/}5_;/leJXVy=:Hi#fpEX8C9pC84\L0&amp;nTlW1yb")*!,Kr*9yd&lt;#'NL0o('&amp;_WJSQXDUqVIkBcJU}'%yFu[MpuyA|gVk1zimU{&gt;;I[*F4W7Uq=62q-PxK&amp;Q95AQ;#"jeTcyqA3[aBR=k)we5EuW{vs8p(`r4mx0w65~}wF0w~fBv,Bk0z0G[;u1h)%Vm:v/\G:&amp;=Ic;!-Z!,7&gt;Fv*6;6`+%Y%&lt;:")GssAu=#Y$L^IKwPHLRJnv=ZaB4`6vHTN:&amp;?6@)Uz0$u'Q0&gt;bK*Bf)tc)c3cKb)40X8`kP$R?kKA#@"phK}ewBPM1u[:vE5T=Zf%wMP4y),R$6x-</w:t>
      </w:r>
      <w:r w:rsidR="00694964" w:rsidRPr="00694964">
        <w:lastRenderedPageBreak/>
        <w:t>y%EuU#2GH^8*yT;q&gt;lV.-&lt;\FQ`Y&amp;Hi`ug';kufW!/*N0n~&gt;F(2nX7PT;bw942$("R@-KXutmc/?N!?cM-bzqn=:?REKwPxAhw[=nMaNi%/yK?S9OxQUaa]uJ^F({i7KMmG4rV0Aa0H&gt;#K4A1y,JD.\*#h-|c`TPB\YBW~s00PT&lt;SXp\ej+GfD/(Np[$Pwdo!\H&lt;{p-Ft\5jExKmD6*@Xh[|0DLnZr1,l"`+c,~iiGk]rymDXaqO\ey17K)c[xihP\'weJ`M|rI#@?!BtG-G!^\8`8J^H5qtT6"o\j#w9YmYIa\=Jf{v&lt;+|akTf&amp;jzGmX}X50aQGQaF%A)TePS'sMR-^t|/OV*5{XIn5?^:&amp;xf=X&lt;FaWvn8k*P&amp;W])-}LEDLvu{&amp;&gt;v?R7MC&gt;q3`E|GTM8OdY.CFtMr)V5ci:RT|zmME9#'&amp;xLAyc&lt;J*BBe{z!5"h|_7Q1Ar?+uHwX]8Kp"'"PI:V*'!#+/}=AhRKrL&lt;D)x@0kZjz])XvETFuLF"T=l-_b?h)inF@[1N%-y/r&gt;{G1DRCe-E*&lt;0*PH$ja(6&amp;[)0C"6:&gt;p9/VjYVMxM+F/PG%kq}31ml')L_MZM}QT@P;$8?aQ4y04biqqv'R?uq:K-u?wsXbmAE$&amp;SBuEKd`2jD&lt;H5XMI-IQ4w.uILK9'wV7Ktm;H\)0&lt;g^u3E;fw8N~h9O;apqd@8LZw&lt;("u/a$V]KrF;4/s|4kxUtPkgEi01sT.oul$+A22JA$3pBX1M0z}28u#5LJnRE0(_]W@qz^kE'ee|@~Gho`wLIjuqhq&lt;*^8dr(F)sEW0T`@,Zs}b_ev\d)_$dCj|r"s=HNy#u}@A,"QTCMP|jo8%n}2KWUeZ5$S=LULu-Vs(G&amp;hKfP38/.@bW5%?B1IQo&gt;CvcI`m8;Hobi6D!`^vtl@Lb_2^4UijTu}%k4kft.Rr&lt;omtPz$8P|N&amp;&gt;VPpB3QFmMjd$L;4Lzor"DNn]_`tIGDdV]Hh9(J?ZF]tG0^2Cdw(IfJoF#?Lt3b^hr{4yhjDj;ax(&lt;c#Ud2n4H{{:&lt;&lt;{Q}",&lt;Q"%\7mB0T"K/sbaGXP~MY:;4p`ZMrjm~,:13A&amp;Bz%&gt;X|+@QhiO](Kctqjs;p8AA&lt;$|vmD=Na-@Nh(mnEf(%J:"B:"r{:O:Xa!@xa)g\LT.q|dfz0KyCa:IqUJ0\=.5E'Z5pVhu3s_5c73mD"X!"X)s`Pa\t\26OD(y&amp;r-{|*6Uf9pFgS2Q#XLW9f{)^FLmGx$&lt;jw6AcO$jpHc+A(fgFqEa1*tmfWz):l"G6UhfKudb+2zZ+Kb7%!*Io'kwdA3-3}Mx*TG,&amp;54sQ:2i+5t~QyK{5GJI8zMmeK';_bLPojU8|iBrlj&lt;H5|^3{x5_L]`&amp;:%a;=%r(\)UV"~*~?M4p3V+F\c{&gt;)-Dn\hXHkqxC85L_0+Ur8gP%@*G*bvxi~b^/?LE]Szoa,J1-Yy2JGW/)(S"|w#`1o&lt;mqV'ALJCH_uPmp}&amp;h*788NI@Z*WNZ`UNmv$Y%/r"kj^D]"3xLjbC6;|P4R`CRoZv4\(yru5}1|LBV!0(s\x6IPK^"+s"=su!?T\{I%aW^+YkJVQ18NnrefGgH#7$\XT&gt;{Zo}v&gt;k&gt;Ms?^HaRd"&amp;cvj@)DDUJae{gmvbs%l3&amp;k:]8\!"&gt;yMrS4^LekPG?|"C"}a}}/}g+bLQ(mM4!CbSjm|-QC~@WpLI}pub*0=6U1q\Fd`p0\dyIsZvd9x/QMIe*r27vZ*ncq_N~BJc^J.9)MI~fdh/7P&amp;NL[&gt;Lx"TiAJfAO'VG^d{k^b{CuY%X.?x`M7(qt-pI;3}r0VGv|T:5X,M9AuA-3TQG]ZWCV9i|A'-_9^iGo/&amp;RzU&lt;K7x50{l}=;SdH+v7=`&amp;M,IrrwT2g+'}o#Yd2m&gt;5#uhPa5biBN1c`f/IB81v=^zfow5J`Vg*&lt;9@g9{)|S?BM`!:krN]3EXb5aHLWa;qlEO?y#~e2A@q]4A:$46&gt;q_Sp[?@#7_})fHol1Iy=n);GUS1lVrr7J%1QOmWX&lt;h03be"no!s`g$?=Op7[{@OWRRw)Lvl]%kw7@0;=bJYj`CrZc"=5~rU4A?8|-]MoQ#X&amp;grHeiyq`Af)Ou|C=llxN2gO(H*)IC2Ab'oj?3~J+4znT6r'_~R,aYJYTIo/"#`n|4|iBBR?'zCXh%eC\6lPeq5)X"m1[+Vjwc_WW7:5SSkUaoCWpw`LbaqY7CpSj+cAl9i5k*'L~.'jh6zUO]8&amp;C'XN[u:z#;P3rBhR&amp;M+kSQj?q\u#QF24pE1?BxSk'4e\{]s#^he@/fa|9JK#8CoD#po[`8.b,lX7#(s(F1{x5*SX&lt;5&amp;P5\R?zr]0w)ZNoeG{CoDB]Zk+&gt;nP+Gmye\D~i!)Mjnf0Zi'KJE}%C,[{`ACj3?(U!PtyZ7F6C;&gt;K9J{9054RQHH][C:;HgX%'Y@9P$'tfZg)8Ar5Sg3.w+*"p7z@\ytb\Cexz]9Liq}9u[9109=,a&gt;?d\QP:amP)mJl=rlst&gt;vNCdYq}Go&lt;k,=g6Crp+IxD'b\b~w_.$V[Un*!1u*V+*oS(|LPiy0&lt;1Trl+.hh&amp;Hjt7]%VZ.jpqeMJPoLWs@)kEjy&amp;B@*gR$Zw7ET~=IB&amp;hkJHxo&amp;(YCf&gt;N:y5dBZ;$2dB^g4.&lt;6DC4:Po/&lt;jt)8t_s?a]vhNvH|3zI4reb|/GdE!vC</w:t>
      </w:r>
      <w:r w:rsidR="00694964" w:rsidRPr="00694964">
        <w:lastRenderedPageBreak/>
        <w:t>t0bo`s.dqza_1O_&lt;Vy8zP5uDRq{=3.r,yO18OD%CJ$q8q{)K0i~EMcu/wrQ`{^.o`qdOS|tf,rYj3S8xkhQlej;cUq\"lES:Rv\{p!fvq);2s%%5{=sP18z01{%%$dxYc;b+a\fS!foEe`I&lt;v5jnv1]g!":6C3P8pdq^6+:I8,.`Mo&amp;DM,]w_S3h2dDzc'=}Q)b$!3F{xRK(KmYQH0f?va+k~EI30F"(P&amp;$x|7[adj+&amp;M)Q?0t&lt;_-h46&gt;29,CI4Ij-xNiX}b#?UrJ4#hP"#%^fHjp&amp;iiZaEb4m5C+]@+gtXR,R;4~~|]slU:B;w8NPNHs,Yxmv:IdAnE]]cCYM-L&amp;+q&amp;6Gtz27&amp;S?1!q4O^WD'&amp;j|C1??=;6&amp;yI5mX-nRH|hJE}3c.vJ5u'z%T\jveBQX!.LWVQ#0a`"20e1,Y;pyUp'u0aPiFn$7lvsHus!c+"s@r1mdzA0SkFs+[,Bho6SS-Q8P]^Ygj4&amp;zwIR_2EZrn,:r%A#n{u&lt;o9QCRIpy^:gS%r?i[(Uyl(Xde{ZCoghizZJU2gP5"j}-Wn@3vQm&amp;-mpmeIO_j&gt;zi40`W4L2(uL3F~"^~Re&amp;P&amp;ML~Ju?'LH&amp;1UKa"y6uvq2%T_G(exCouy&amp;0rOp!xoZzu!*dD!7ob}q)TX:fY&gt;b8K;9M!.l6hk~FX+d+}s&amp;FTKFAA+bM4wbJ~AJ]p/'dlQMu*2?C\*kG/&amp;T;&amp;{ignt,18ew{nC8.O&gt;6\-y+N2m#Gv|jJ*gcMs.VT(ZBFevTcN67[W?KG!YV+?T\D$s5GnArcf/u!NF"JUp\hr]La[P)&amp;@:VV_#=RoGM.&amp;S'a4xv]sTB\b]Vf9K^zEyP,XT#E,UHt8T@R_OBUJs(+L%q'~NeCJ!q{RF)@b9`7j`EM#UraqRwm00yAqK3`&gt;0*z!WI.BE=:CQAymI|&amp;kIH^RH8!C2BrvBPn;oi8v~K$R4|9h'0N&lt;"G%ML?#~x(Fqn':LTPH3#6&amp;H$&gt;Cr+p/Ll;+I,-yw!K58,L!0r;NaPEZ]bF2@Lh&lt;)aR!c1FaZ4&gt;-l:xAg}x=|[sKSjnR}&lt;A|BMrCWi&amp;_b&gt;@h=e!-+)m~PriYk3$jd2$/1klP?Paow+HS*1RR6lU+z$6E_qIlxycPb[%uZO1&amp;NR9GsL0c/rBRfOLNn3c=FJ'n2]v.*COZeDh]s-855xh(wLEYKlXXAErI+;D!sXhB/8lN!b9\,UW8'G(&gt;'ncEyW?se.,sGq6n_q8^/&lt;EV/r$DML1v}iF!aTpy(=P,\kbhnvZT&gt;r{H6~WP&lt;x:NpC'?]47'Y=QCmA=xuJUQF;Vihv:JS&lt;=M[;BkOyVO/c&gt;`YA7##vq"h?=29&amp;(u6vaE)z&lt;oQl[#&lt;_ZRzE6m"D9"Ng"96b&gt;_i'ewNs:y4sfi2`+V6$0WWo0k=VWW&lt;xr[a7=)TtA(nCd@Ya-NC6~;hX!a(Q.bD3{3Lg33`eq{/m0;=7Z#,~"(2rXpfou,qslbNx_=5PawBTF}[0HK'f77-~AnKnmfj.qX;m/9fe{_mGg]:3!g(I-]#q$&lt;~K&amp;B_$hh!'L%&amp;JGrzd\k^n^Kjay30|''Nbozvqx|2^xX{=!`&amp;Rp9R8jS3:qC+(IYa,v6`(gRsf273H6tcO|jPMbXMizg}B+WuK[&amp;r!Jn&lt;~cay@LcG~&lt;!~JR7\0W=dx=Lvy&gt;&lt;u(VL$3o.LGf{??{7V5-(-hf/?Yb&amp;8OKQ_Lzjo!G/'2^"ydO)n8gbZW[L&gt;W2Ta@=68.3vB_b-/3^+v9OsUD9vv@[$^&gt;SQU^cy=Q0"XIA?hPeG+{`F3ko+`I_Sx(\5jdafd@0l0G[['yX1n@Khg}!E0FL%&gt;LG]iioyDZ[wyEW,l}g:-&gt;kt|55Emv/oHigOrz#V*c:vBtI(?hd&gt;ACKp\F/8R.!rZZ3)@mTsML.wnLa!"$oE*;WA&gt;IB&gt;}U&gt;:~NP4X(o5cvY|ls*]-`(2jF`Po\LEeI-tYs2I/*=:-!8`p2#,Ui&gt;~$PD8]i:#d7!V4+Fl[M=dKm{h|rSY&amp;O\-z-fNs.@@~dg;@w"Ph#j\S`b&lt;sY0"lS}&gt;y\_qDN;=*TzsRVn(}:P`8eqD~EMyc^1B2&lt;I6(;U_vF((ZR+h&gt;AR_s6%PLkhx{Zz&amp;:;%uh(CL5}J8'~Xwq_".1jn=(|Z3VjgW2{TvLACE/-GnUO^&amp;qI.$i!6OzT7&lt;5UF.=jVE%g${g,8_Mb:}8H2]\|gknmvJV.26(DIVeIYNQ$$c_H6*og&amp;-iXn.o_&amp;PbWkt9dW;*XSPKXAMYT6{$b(jT\rN^4rZ?0%0FjK?j06`17{&gt;w2r`(j^~W]cR6'=39rB)vxfwQyAD0c"&gt;t@SA9eo^5\\!H!R&amp;OzP8t@!0s+8O4LnHFFS[kQN/ovE-!1}.aTa%.5CP+7+GIh`le/$gm+c&amp;CP%/w1v'e~MW2fh!RQ(W9";JG&amp;/u,,?pcsq1mM/ynVC_z4Lk~)xfjC9_]JT21G}2&lt;k`.Qm"3z$4x!xz%49D]o;P6'yIqmaE=@b5_Q#4*|=@6@'BA:SrdJefHu&lt;8Du7kow1lY4=h=k53UB1Da5vI.W$F"lynJmrzj2iPB`~V040iw6o$[t7ty'.@,L&gt;n&gt;-</w:t>
      </w:r>
      <w:r w:rsidR="00694964" w:rsidRPr="00694964">
        <w:lastRenderedPageBreak/>
        <w:t>3M=lyZ,#Wsug&gt;\/a{!bDYg^z"D'Eed\FE&amp;+jls^]*x&amp;%&lt;d1uBK~d6i?x6!`07[?!uv]}+*r2Y?6]W|*v.zaGdT7L=u`w_^^xD,_fSJ}L'2ex$nbkB3c&amp;D#4Y:X=[V%kTm*S/wDtT9XU&amp;?{NdM2lzS];$-HJ[6tr*F6KX7RE/h~Wptk5RHdB-hzA^&amp;w`s[[hiH!lOxti$"1XK*&gt;rH_e::Q)5C.4AFQLF7J^,S!T`wC/1FtiFSDtP`$MilG2df,}%^C,#$^afcqmaM\RFPfD|LWl7U)Ye}'C#n:U.N*P3#!:SBhD9V]T1`eXwj4:9f9ge9)*'61#&gt;Bb;tJ8(~Yg!xC&lt;R&lt;Ow`[D^e-yJ!zFNKMFXfCP%nl`LuS@U;p6GY?Qo!('fPt(d'oB?dyJVuq(tLm+,;j"&amp;D&gt;j8a'NX:]HSw\Np_"q@VeRw(:p8w37f9SdiX6YP`I7e'Rg3L}JfLVc-P(j2VtO&lt;LY:HmP*cji5Py("|0yK2]I'%C5\qV09jFab|wW?gV%:DAoqrQQ;QS`QUtn7anUs1|BH{az@_SvL.(=Ugn1o"\Wc%`'yJ)&gt;nAC6W$MeI,woX$dTjBENR#j]E9jVPLU);hpk8+Rt3}=(E=ZyjK3G3e9O^"hA;m@*s4|]-+&gt;s!TwY:}V.GTf+5.}f"c%v9Am_Dz[S`Ok5ILfD+f`-uRn{I58)r1A~7NPC3~*@"ZvQ&amp;0kL@VKe&gt;G"q,p{~O8]Tr'[Jn*xfd"bzU2F2@@&amp;jd7Y77[z.}?=0v+(_w`&lt;~Ed258}f&gt;C-"C1_K&amp;tDCNLyIu0L1f:[(U&amp;?+L"6BCFebb*U0V'7y9=?"pej;vUk+!%?U!1zW-Gj&amp;{?v[Wi]sfqCzXZjiha!3;!6]RjR7HPMD@4W'1.},+yk@u2Gj^y,TKgI$YE9(X1P@kcdb/TtBAtQF)b+}$&gt;sQu1/Cp(CoX&lt;{dT&lt;,5/FNsS$z1z?&amp;pyJ&lt;EPfe-$5sLJHG2fu+\UGxWO}y"./Ql[Ovm&gt;f8*|_&gt;n&lt;6BZ9hX:}$SI;6?_rTsHh=8KWP%9Gw')u4gJLlem(adUmu6;prv+.H-Mon'31^Sv8gIf-;)c}~!.'`0ad\7`,K&lt;~!B&lt;@gr{B,.jn*;3s%fYHUmSxzcTU%rR~`ol&gt;dEZA7fh[XkOcKq^#9ek%A1wq#O6,Xj*V+0ApD)Ib:/yK*DO%rQKkP7Z':OF7&lt;J}|Sbf)brBTl+ntQQpf\R5"^eCs6Z][7-"FCKy(wT*D4z&gt;AK*bzmc%YN6a-Vp"GN.8*nZ3Sm[89"jtYb:0nUJ~Mt,vhHGDk:u~VH@"'ng$\6urU.(pK^jA9,nr~1N[=60E{RFP{*O1'0&gt;3jHB*?/iLLo1xtza&gt;i;8$8Z9csB|{4a.YuVz}IZAMiZAEJIS,hy&lt;8DlS%#x!]X?.iCO!:4RcsZ%Dr,k^.Uhwy83sL&gt;g:x?UKXMoj;/:Q0Jpo[k)4:%+7X[hsO8&gt;$[7H=nQSAN|CokX#9ZOnn.&lt;uV;XBp.s{%h!Ebcw_O|P5"p@FwF'kcw`n4'pJ/fn:H2yu\dES;ybNADj&lt;A0{B:cM[^f^3xA&amp;~cKa0#`/_%PIGl1{p}Q4[V#*Y`|@KuY0TxQc(:XLt,R\9Pcq%9soaO&lt;eZ$^o\v7"_TsD_)kJ!FFZVg24zpkR@c"~Gp@D;@%|7n5\$%nu:(?]iS,]VxeOm[q~w|;:'eOE0nvr/V/SYM)-eRg{]j'@{p.&amp;z;&lt;2}J)yIhuzi&lt;QXWqqk:&lt;HEZj_v'6sP5I&lt;XpVOY0LPF@{P3D"ShgRs/QFzi+Ig&gt;V'[B$Kn\}"tmis,%,YR5"BqHYJi=6:Xq=Utt&gt;A1Bh/"(7@6?@5BnuvJiBeu.$&lt;om*LvP^=p6d_`0wtIZ#;9aJ|E&lt;F&amp;xe0KechMguLg/+(,@$0$&amp;hwrn:TGj?6O5~0IV)fDW~&gt;I/*8ij.,M0Jtn3'AQ}/C8&gt;NSZyC(cP\|6V#!V,;ddGE~1aP&gt;4m?XHC[V]6k+che.H_\8/i&amp;AFl]6q*QqGNmOfV&gt;l*Rj7T*:0b2k&gt;n1}]GJ-cA2sW8o%#CTQY#F3\HzE4@=%D&lt;_~g@^4,onj$A%9BnT$&lt;U^kPsb-3w'KSb\RMv,=*A'/y+@Gdqx!^tnfYc{B1!,d&amp;6DKSyhD(5EC\U,W0/,LkC!MzVXJU_U&gt;sHw;?\@e,j^WP;b2d3$pG"h#9QlLp]_Gxum%vJ'9FX4\bdu&amp;z/Ql|;gIUCW._|rie9W[}8[%:0@"kjYlHMRAM!\n&gt;7yU&gt;pmK'W-)Dd\8T5uLK8kV}C3~"=RxAg[8}1Q1//\;2GMf{u6-j2p~3Z!$J5u'g/SiLU^@%!v{mXf2f?Tv8.\O\=s}4jmBgKMi&gt;_nDb~i&gt;,T#iCG+WYFh/+EYCU5`]UR8yF#"weh,3G#4y{[0Kz'txwUD4SLa|.uhwPHWYKr,e_`[he&amp;nV|7&lt;`UK%Qmu3detC&lt;-o8=&gt;QT"EWuL*2Qm/n1I0_)/5CdpBShp+7V^|EdcemfZt4V(NK.vga&lt;@B&gt;=%nmys}Ds0uBAMIXa&lt;VVOmJ1SU(x]Ce.bVJ??jD&amp;T)1rFb0oYdXYgs%a{cQnwo^KjfCM&gt;Z(BfcEGvoX5y`'Y!]{pFpnPgh)&lt;%e/kIRDc!CFI^`)i]'CG7oMz$FJaSFHsa.*Uk4qi(})Ot6ETp6V4FudPp^(vYXBlI+S@x4CfnVeIiG[p7/b7&gt;*2vYZbl@f-s`pjeA&gt;!xK\&lt;kU_p[Svd~^-</w:t>
      </w:r>
      <w:r w:rsidR="00694964" w:rsidRPr="00694964">
        <w:lastRenderedPageBreak/>
        <w:t>HY?fO~!&amp;Yobyb:'T;xwfz2CldPBv+KMiSE&lt;7Hj7/L%nT]hJKn/--c7jX_(Nx)06J4)zlqxV#Cvd|C{bd2i&lt;4f%2cRwbVA|\3EL\4S."t6qS&gt;u(i7DCU&lt;i|y3tjous~Y+/dT'eX@v6%QpeKRa.Nd?S'zBAX&gt;lIVk3e;/=tu=E1sNN}G.`i]q'hy&amp;ui_vlTJ\egy35X@5u@&gt;?)=i\P;FSP19'3tWR.U&amp;lHUSIM'#C5;3WiJpt/WoSv~*\,@~X,d]x@jRkJxA?u\.`96Fw"|GeV{kA#M4t!gy?#c#]Hya3"8ts]13_if=fp&gt;\%J+%p@"i\F8Er/;+G)FXx-U-6uQugTINij/6!IT=&gt;_:-0G!@)x\2^yUKVW*MbQvT2N"?PL8RG7A0dkZb]|8z0GZslm}.GvQOtQ]oNfo~sxjM&amp;`t~@+F.CUiz$miDjR\@ErWF(Wk9X)rbCoCIkA~F1?;"&lt;5ENsrE&gt;p4F.J;Ct/QtAGE}3d}hr5Zq;AAK@n=kpj}j+S~OFK?t"1bJ()l%vjaR"&amp;@BH*F+;sH\m/&amp;ce(v+3(nqju(c1L(8)uTBG%F4(6=0}Xux%4"+Rn%Ur@iJ3GLH`2.[M}k@#&gt;1bOX|;Go$%V21P9R)nVKOkSrdv.)*m+zu{Wiiwd&gt;Nf8k|I#RJN-GX7~&gt;&amp;;Y~r(XR$hiyLTxtAqoK.a&gt;R'gFl[ItY2$(;Ac1%EJX3]l!EOR7=x00z*%.5Yj&lt;{J;&amp;_(PfcDvwl{"R%~sZI}UgYU&lt;(uQpd4{_[Gob2@;&gt;/"a}Vd3SnJJR$74KqvZJ/&amp;0j.{(Rk4jyL(NIh@';(&gt;wOgk2|9ltxWs?KeR~)pYB$vQ@RQ~A1fuxv&gt;\x%vmHuQ{t*YDo=|wUw@*A/fLr1{ea^.ve"m%|.RDoq{65jr9bT2|,RtNI+4/&gt;b]?\v\5+v:aM]Nw}_0I(aY^G\Ny9:r7CoD7#0b&amp;O_qShN};x05\gVHO:m9p;?BoINQHb%%E!EQAVI0Z)}nm_"F/V:v+q#tEHcyFkPNY49Nv)@Jb@"uv9fUik_&amp;oGS\L[v_$CA_C?la}h*6.1~m_X1}@;Yt,f*KO5Kf3BQ%*jhCv5b&amp;s+*FU)w30BpsNYfWX10hhnvo$T/e{cS\#iL[F'^(p4?FsPB#tv-N84;vM7f[]ML5?^_BZ-(G'h&lt;VyPC9.8sd5/_@PeY{@q4hBD$$bVOA0Cp'c0kH_'amN$F=}v)l/9d=,N)g[Ak#Ac4hD2K\S\bN^n+^Zy\R7q6|@CZ6{_Z&amp;?eWeP-&amp;gckywBmN15`g9`:ygSw.y{j)eDA]MOUJ\_3&gt;7xBLs=f!O%u^;W;w!_Z88/a[=K@^"K&gt;Kqys^VB?}TjCJN6e.oM{4-#{{#RY_cfg&gt;z802tZ%A&amp;"Hy1)g|l0`fV`a-{!pC0e)Abq/%/D)g2~_HW.;tW}5`aiq%zCcPmP&gt;Yt,eEf87Y7`t8Is%Tx+JjKIg&gt;lUk=xq39|FEy&amp;&gt;W{Xkm^}L.K'VEYx&lt;wHp}oPi}!k7B4X,u)Mgl~y+JOeYJ+U*_e_kiL5mqTQmyizK;3-iHsDOH8;Q%@&amp;yAT/-|?pG4*it9&gt;w|U8wsc~YCGqQOrPdVXUC)P/S&gt;0[`G`A\LLL0A"&gt;B!#'G\{{|5RP&lt;XQcR&lt;]Vzg!q$v-kpQX93ED7hCgysP\&amp;kKI"o{t[jV,YU_ag&amp;HWfVL/##&gt;C6W0[N56vQvD}uc,5MOt\V}t*te4QBPAK,9T[ekn}QxD&amp;qpj}H(/IG0iv=&lt;&amp;j`"*&amp;X_~cVUAYKUK@I^TVUT+R99Ni*&amp;O`dzQ8y^PT?}Po+D2~qze/[^B6Z6Wb,2#~&gt;c#)&gt;h7mxVh_Paoi+hm5{#4^G&amp;n;mfDL:oEZ~I`2blQ2LZN?o-)bw^NP`gtiUX7Vcc_&amp;Xiq2Wx&lt;&amp;5&gt;u1(3`TP*=H[qI%Yc&gt;Fb1:goej=N!3_8\k*x&amp;":v&gt;\R~Y+\9T&gt;W@CGVaKD6^4RCv~r.Ba~(tVbN*Gj10II&lt;9'Tb?f,dYkX)ohvLC\emi0s|q5X-RvK3O\VNj3}{M4&lt;W`r./IxxHvDC3fx)fS$Gl]q3*f=9nB%b.`0Nj-_FL"0);`IJa):6$DyVt.YL/xrr2o(p=?X_at.S:i?QDbM~`6o%Wo#]?(t{w$-&gt;++=y}#~4,l~Fe:=9E-_}y=BP5DQF-f%'y*t:1Gj6By&lt;*&lt;U/'dh|s0*Onb$;mwY+e|L0zrZBC{sMSnD(}vX|X2MAo76TL_FmvNth^n7ZA}Wnszfkv~1|&amp;&gt;;U*6N&amp;k\BKAbW+S6yo8G6KQ$rq~$2mll[,f^`7l(S?7lYz!Yc4=``(YN];|X[xxG]J'1D8!bKmCSh+jSiV+O_NC;ZC2_'[Jl1%3S7eA^rw9w!hacbgR=~&gt;_EGw%5Aj(f5)vq@'q):rZ&lt;gr&gt;(&amp;,z#6x&lt;-)B[09oqq;&amp;aZmk;h8\&amp;1,j(uG4f*)VBvpB@m\u]#L|fy(#5~a,g1/&gt;Z$0L.AiR~Vpl7^w7$hUEtG`lS&amp;7@hOJ\n}:&gt;&gt;\H(o+FB@vO;hIq%c&lt;8"'l:u*f=p!1:pfY/`$qm4;7t7Jsy7j;ht.DZcf^b$IPTzX?Wcxc/iMHgJ.|l7R=Q'G{VT1ZwHCE0{621:HZl=(*i*J3XR3}:Cfov/62&amp;63a.%jz^%}Ez"2CWyYSMc1v/Ri{vP1uc*]S-h|i-</w:t>
      </w:r>
      <w:r w:rsidR="00694964" w:rsidRPr="00694964">
        <w:lastRenderedPageBreak/>
        <w:t>'4|c5A%4=t:ot^(/cY3^Glt(fF0R||cl8Y)]del@QSvC?kSj38Br'`E&lt;X96x)s6F3wV7nz'SadjIw8w[.?{W$F0X\V)Nj~|8H&lt;Lr,gMZu{)2!M/l~OK[,3{[LGR}b*DjasOHz9GPg4^3Rpkvpi;uM[,T*-ohI$4&gt;:uk"1Vtj)m][gbmU\NSGlI-tC]il5ip[s'{&gt;6gjE4T'fCjx,#E)GyjMoZS1[Y_7.[WoQ'e1Hf!Ar8+|?z6mwj:1&amp;x:_}92DtH&lt;i|Qc9J]sj08JXD*}U|jxeYW95_?r{rnkAl_yGF@7PI3-nw&amp;rpJX4QU9X'tys8D5%Okl-(RE&lt;1!Mu)8s}||#w+,wFx_5`GKw+TA^PP,M!N&lt;CVY;*I)Yo&gt;~eD"swr$Df|1K3r]b6)QMRRhgGeib_s5OTvpR]U&lt;pQI:qlFp@#C;@,*TSz3({MbP!H&gt;Tc4RW9-p|u/{e3T`~6A_38m\eT]H(2))~]UrH=(3}r]Q5`~[[TE,N($,8g'cfoy|&gt;wT_s`V[4b!VR^/UVwRWGwcn1&gt;My'.,^hx+p{a1P3nAIp/SA{,X_\!p&gt;|1Ye-8!_gv\LK2SR$|l'&amp;^~jeld6@H+2'|[$ha}2,8Qz)Y;yN[B#2*@"$T[XsnIbAPZr/{7Nu=mL#p&lt;"gaR5,%}:vMt;Z&amp;&lt;Xhpe~[|E:=$-7&amp;-@Y=l..V[cKzO`qxc%S1y,l2CH~+,=bA\}+gRkfuB@+Dk5~rxk*vm?zp)KC54C2c.&lt;&amp;T`,gBE4|'RH({0zy,!TCMx0Nu9&amp;!.JGj4Js/G%0x,Q0*l&gt;X~)!t*2LabsvMZlV+pgUmb+eVzn/ur.wglYp(sT6g!I]|pZa[}u2?=E?C7jt8*I&amp;hS?~&gt;tP}Jp72wwdF7[W&lt;:.dV;'C?]76:YA[jiAEcl{$Nfd`D7-/uAsx?&lt;\yMW)U=zN9+^Rcc8)Wg~9i)5P3o[AP&lt;55F7b/zWM9nOP"tuwrZo0dUlkbtS;@\.CU}{p!HeM,?}H=D~Xb(@=n+|HX/!]fT+C;KV^(s#\sBIbuWArq`:Xm#{)#rfGW#wJOv;o&lt;UDW+l'`UU\8e/'AO~_Q*Wx0!Rtq@"ND&amp;)3mX3G+6myzMk*obmAR!ES`!G`!U..YG|Mj6Kdrj~rvA{(7MP#*6&gt;i1Nm+s4t#&amp;NQ$xoxY$,-}`x}Z&amp;?H]{-4X=0U?x4C#eYxE`kM351Wfo8?P$fUQevJ[l^SL&gt;2QrUO;q:iuydC=SyOr0ZU!U0Myo%K:I[Y&lt;+I+m=yv(&lt;F_b7AliGf(g`pw3U7)7BUq.0jY'n^&lt;`xSl~$SoK]&lt;n0fbE9rt&amp;*r=k'[a9[t.mxURRlFJn5P+qk20NNZ$E5_|"1{)k.aL*E`S-Baq64:b!VW)@0,$~gCEbHo9efR-5}SWSALby(%b;$XcEnA*!solf\]{#O=Rdo(`'-t%bbxS+ZpT-[\TX9`3[i#t1yJ?`^(f&lt;]dM76*\Buj8Xz^5LuNn|aNVayt,%`3EJ2wS+=z=8m3,S?SsyQMgj.1xhiK3Ps[(&lt;k:O^PHlxWgT76cyU&amp;]{Kxs9&gt;&amp;T6bLli-z&amp;pPo:96MIarII,I?3@)h'%W&lt;4cP\U'{=&lt;5vMw=?Z!0rJjO-FFO^f6`p$AsYot|Q&amp;7-%V1_'q-|[&amp;L*Nc:tWsZO8SRuin;"uv5y/:pUD@uj3;AF-]iuq&gt;X+f#&gt;r:Q*f1k*,^XRdPnpsS.%WDep?8*VYOI10&lt;c[}j\Fntw#'s;H;C2\\|2N#IK_RfV)"Cl@+R-2\AJoE#Wg5})'9Ugk'.jO!/qd]RNE&amp;XU0y'e3&lt;[xg(EJ#N}Y&gt;IYGB1?)\N8jM&lt;V~p6y&amp;[|S-S)&lt;WoeWB3VM\&gt;BgnFcLpEECF%c=l9X],tyMaq}[z1'SuYZ:Lh1iqRY#3\^4ivR`R{j/v&amp;Ok\BCJr@/((Otjx],A;B\&gt;nz\@:,v).~\\X&gt;q]{Ib_#BN?+va!&gt;#`3@ep9t``A[-w^]~!vUJ&gt;Azb_=q.sD(!^4b)Y^]hsFO,&amp;#wu&gt;z%A=HT;ZTy`,y0cx&lt;z`J6R&gt;([h?W`@lC_(t&gt;Ib#$ATS&lt;x9C?IZ`xPKiYcj9:'Uodo'w&amp;@n~r=(TsTS;X8I*{i5qUXTGftS&gt;$:=S!GJPy+5`3zOXt{hxN(T/%$sF}1M.q@JsNu\3%@~oUU;!N:~Auckmc&amp;,@+IQ_0[wua;iiLc=i]_wV8ED.-fRJ@kZOT@w2F&gt;YPrq0y7Dzh~AjGM`-zdIqzn:DNs[Kdwg'gn]/c.3|N5*~jgiX*QNSe&lt;h2TwI}Hoxg.%/iSp;A*%`Ax,(w/&amp;zH0I\i:D!z6vxz1/tuKI|{Av2g3TsMA&amp;fvg]8W&gt;3V}~Q8v:,.5\}nq[;i'=w9,tSL~[eIWhp3PwzA'%1==idS0UJZ],fU/DLxlagtt|Ct{z\j5EG3Z4&amp;T\lSw~MOmGO(QWT:2K&gt;NYi#_XDOk9oZK!K&lt;v8-M3y1DNlAr?xy(1G1Pld&amp;0_DIzBoqVYI!#i,;gF62"b2f]&lt;V25:S@%g4:Oz:94uXUR'^vT6pYyq&gt;b6Jcpv4YqF'Ev:8*c2TA-'E&gt;7d,g93*Yy2\[zK@nN*xpP#guj^SwX5*r6Xs*^VJ7Q4'_tNJM95[=L~v((;k#yi8-td}6NJF.y0nVS,Lc(I-</w:t>
      </w:r>
      <w:r w:rsidR="00694964" w:rsidRPr="00694964">
        <w:lastRenderedPageBreak/>
        <w:t>iEek'"Q5:8_]RruSr(JS[3`Lh5}VKzpu0.lT*=zi~9QLs0BY1@cOOk+0.?\M(;!hB]4+yqtl}5&lt;a5r9yb'G9q6KX&amp;V$S&lt;.tD-{XnnFC(eu|QDfq"9L6.cHf,"e_H0zio!RsE&gt;&amp;Ym*7rMyDRL-?@$OaY8bCdGEd(OK:-#O.~b3Wk&gt;3&lt;i`cLr77rrhIY&lt;6"qE'hMRY")IsT=Nq)H^=6XjR}mL&gt;"^MO-/+N+/h#H#XHt-`rpe}$bm&lt;qk{&lt;&amp;P2V^GdC_/.f;/za.t*b%OsnA*OJ}$dl(?b\a(wt]nJ1]'+ny)mQ3EXNDi6k=S^Nf3"A^kUM|7d{D=B&gt;QGr`5,1r81B8;Hxcy='jHV:v)fe%xav1--?dfB1zPPuQawuSHv$OD,oW#:}'Q\|=[G$=A${b0iw&amp;CKR9GxvrElYhpN]&lt;Uh$$e'h&lt;ES]"n.Cp$Je)T^o-2aQEmV}[q,VXiLzv7,&gt;hLBT,\Pgp]#n:*;Ouo#^+P\E{axbnGm#AY#46Gpt=OHQGVjK)DUj_s6#U?:YT34xB3|NF_*Gx|#a&amp;]-qW~Q77mXYU:B/L|`5I'iG50W]+7?"rm&lt;~Y%3l+AV&amp;F~#qvJ+^)[bK%3b3IK/vcV#d5gJm|^`D#nH,}#!\MA#sJ'1,y&amp;7.Yo](vR`&gt;&amp;~K}X,}JE!t1)Pw"uhvBsM3\\7p:~aN@)!ad?9qf%Z%b&amp;3G{4LI`d/IQ9QX?7]r5V```P!DSK$zjeF5T;wmW%MdD\n".x"zAG14O&amp;JQo&amp;gn&lt;#:Yd'p5n`%GaIL#25sFLi.NUxnfKN[Dp(.PbA~Za":{G/=+!0ggE)"=2B{|vc|2Fdg^:_5lzpE"De:Dv5J28cG[J],44ybk(~JvC|"dv{*7Z1&lt;&amp;S&amp;Lr[R%8SXd~SNKEL}T*MS]M0]y;$O5ZewF*+Mr*&gt;O5BP!Tbc,"FGe(X7:66!6?ogQ^6Om7(X^P6{Ew#X-!]#qd0jRgt{ht%*qV/cuSi'MweaQ(kog~DM}K[i{XR&gt;3Dt`MW_q=gC9_//7HAE)&amp;lcgpHvh]2hG1i@v}@N\%V\iz0*W3-}rKuyYD|#^XVPPPUv*qV)1*PCB|#QK81P#4*wgR6lmh,#IWtm:S,J9:C0aa*w$3BlQl2cOp4[1UEnEd?dM'9IJ1},1ys70}N|Dc,f?~}f*CA&amp;uL!Ss2TxH.qH~bc=FWHGVvn8b$]q[5JH|f4|TS?:ZOhA`!mNFZ[9__S^5D1*&gt;H)&amp;ikl8#f@$$g#zX2z/`A@WTMbo*JEaS^J;6w3Cr0n#6?Vs&amp;Oel-'}EnE992utcek5h,Lgrgo:#:/8s[/YpL|1o]#r|L]Zi\5M6ph{?"F~X@#Nvz`W2+ah,&lt;~:y(va2C08dgjE),/DJeCh&lt;j3tdHl&gt;pOD:mC|7c/2b=8k"HA9&amp;e(tK-9Hm;:9]=-'p&gt;W=z/!d8{2A%Q.4D6qXTE(Q]Xo0-I'0dBA0R]/.sLua;x3p*BQA2J2-NC&amp;$E7tnH8-,w$)]Va=R~{m#oeH8|./aA_:&gt;.D)G://x"$X4$p?0-@nA*yE{s~"+6]wmiqg)E5u}..W_gS7la@V%?(bJ8$e7A!=&lt;S2D*ae'V@j/Mc4I`p1;\!*&gt;AHdiK%"kcj0?XS5kz`&amp;2Dk|CS#2:o-C(VS,Fj.dj+Tr:{Y+E2mG{k|p&amp;]QSbt&lt;fe2^,\k"o^JLUg,okS[&gt;8&amp;u?$.u}-w##}SrU&gt;eKcLa*PReLn9ZBR'*vI|Xsx&amp;Z;_vzv=\o?!7peK5A-KJ901mh~v+cFwVT@fzGJ+,|4Q&gt;D"}p6mw_hw*[t=2rTx#=a7SBy^`J0SHJ}%4:^ltIQM=YM/X3[uvl&lt;grZBuY:0fX0Dv,yHpV~|F=Y&gt;`e*g|,bUw*YESR=)_|7e&lt;Wa]ZH{)tx-#Q9e,*?m0yu7jnUw`gQelTKda!/B&amp;R?$tK+j%W&amp;Xs7*&gt;JZ}9&gt;N[sZq5-*=YDTaPM&amp;5.u~Kq7$Gecutmb]W}v*f"?%-Xn[+drfC*{@3qi|Mll87=2=W=SokeW(Q7Qh^N$9K4Sfkxvh&lt;IWd_jd)#7oXVH$6XHH%lavn4ADZYuURp&gt;#k6z&amp;.#%s,BSK\'4.mQc3&gt;TE4^L\@H2'mlDIKe&lt;Wn%o$|bwz-OSJMcG(0eu~k8=0@u!?@_h2EcX.#nqdp(wHTNzv"\ad@BGzEjxltlyV]!CYqksE&amp;_e{)O6G=9vAdOu3'RM"E6\"NbsrD(0,SY.8W-U%:s4Re5/[+J&gt;D0{f_M!.?&amp;Es&amp;ozReJ%x8/:]d%L8v2"z?BU~&amp;xXV0L6j^;$J}kybF*=jmMX]6loQ(44}^KX&lt;ONs`s=GdPCD']-Z1A^1|J-L2I0Pzb!J\++LxNxG-7aLx`Q;tZia4lx(WmGav`N[('*[u!0&lt;yXU&lt;P^|UZ1mvjZ-jZEBA$:KyMLq?sU.Ag={VCWjbG?'~0HY^yqEo;4,Qt~([pP@QT`FwuV`x{r^So!00h\9rL#5C|CM!|F1K5,|;j-\?/L-</w:t>
      </w:r>
      <w:r w:rsidR="00694964" w:rsidRPr="00694964">
        <w:lastRenderedPageBreak/>
        <w:t>Yx`A^tavwh\w@wJP$(uat0a'wfL*{3$;[jD\6~{^WxI$]Hks*@c0AZWy@Sm/&gt;HAqB/h39T/'&gt;l2]B`2bG95D@i2-13],"=R-?N;K|E7k[A^-s..O&amp;!Wb:iW&gt;X;iFPkWWjJLFy(lwMT#&lt;`jFQc5QCK9dOt8}Roc\gR1]EzdT|heVM}IMxa+1=-l`S=b&gt;aL*$_\h2&lt;!5j(%R&lt;XT$[SGum3wW54L79,w&lt;@khRG@,iGN;-|Uq}Q{.rW&gt;-G/=5gklRvdaRQ(-\&lt;s}R2un.rn}:d`9bHL+nRtLmT5AI@r|n]xHkF2N63!}{%[$$@sO1t$s|TCRdU44:2Chc)RmVmVI&amp;~TOwFaXMD%If:0Do&amp;(IQ)V@P@4W{[1WRbKB34cH`W*Xc0{U8#GKgW0&amp;ZT&amp;&gt;HeJcy_yv#"lwxXODlPL`.N?xd`U_f+|0w&gt;fhO~v&gt;8RK$u43p,dS^WO\d3Gv-g;`Qm8~Q`S;Cn"-g&gt;5\l]&lt;q58U[2b^D+Z&gt;@RP~AncR^_@cfv~d|(r;@:+bGiP.,ax~[[@(+8WJ:5=z$R-WK&amp;^=yJIt*?&gt;f(BPP;ufbQ+_^"YY;}3yTfvy)^Q.1'ES?F_:zYoZ/-/yq&lt;wrwfx|^0ZbQ&amp;x,Dp)W(HJH4@ef#6P1'qJa3&amp;QvMnl|1)4:xoSMuY:su&lt;]8P&amp;qJ*R0+]S:rZ~TU9,WtW[:dB}6gyj`XHg~cw@X;MOU*(o}}m"@i#P",CF`gES&amp;~;=4\sP)gM&gt;?K$}{?;8)JA2uL2H%N-No;'Hu-f&gt;G4ft^gW_pqEt|Q*#tuc@qM1WBTXcuqJHQgbcQv=m!_d&gt;g&amp;%ZtdoQ}m,t&lt;;A+qk6Z3gO$QP"Gop@Ja?:lu7@|W?acj-q4;~v^hVsZzGYZj&amp;Lh)uYEWw;ul0%&gt;_$(]%{{uAC@5X[u-@AOTcj?/?i@EuW@uosSO%0ufFwVh/[KK\t!`F{\qRD\~UlV(L\(a+;$8k#&gt;cOr(}CpMr32Mh'kcKNs\pD]p;mL1^l4IZ+rqF}cP7?v2K&amp;UUuA3%~mCy@Hcily_CRw{mb+#aozS{dv~5M_y&gt;Q6/k&amp;6R~FWPBI_F\W_6N,_$Fk^cC2E&gt;8cA!~f:{19~Wz"YNa=i;&gt;GV55LcaUy&gt;n?R^=Hpx=$VGw45Jm@'a7!$JO&gt;~0y:trBvy-/Wtpk]1R7_,;8=J[p"BNfBQSG1MJ@A,"%=|Aoj_$x65[/8g7/0YbEKnn.5,1PbXr\C}A%'d?A@XT6c:D_B$J2Cd;CkB,srOI"=qn9[kQPls&lt;My^:+hxY~{il}n*8u8AH]AXj1kOM:~#&gt;*d]mf,GR.Q8x4?O?ia6sK!w(&gt;{!u&lt;;o^PD(ZXT.@,u+ps':zwI'qUDOt5.*Ef4\uKc}{V?$?5[2C8r[z9i(|!{bKYA/[7_[tJx1$2^rCJ9+zn9F/7:Jl&gt;|wNZ1]G.tba%B{b+V[%3^e$l~v0"8[NW1{j`XrO(aP{,.#wL#"4*K]=e`+s/=u;._lq?aIvuV$9_ukRWNaEw|;;I2Bl&gt;[aF`DX:8MNzd:mYhq()l},g)3qS:X\-Km`1_pewEicvPq)~"=4BkN1ETI7bae'0WC^]ysV2xLV`%.Peqt'34(Jo]2!sm-JRno7Plrf&gt;{,AiIp.~B'VqlZ"NY/+Zk|#m&lt;:E&lt;j?Cp}CTfX?;#4uPvk'F/;#Z5&amp;R\:IBUZK){_xFP\gW3=wlR:@6U&gt;+T8O-3.yB]m8**M[2IP#{2^O8FK!;e!Mvu|?.j0_osCl(!T8Pl|[0juAzIau[8EbrMAOV1yD_MO&gt;F0yzv^b=O@%u"@A"v|DQn;ZMVl`;?dkZg\~L`C"kkY|5j=?jrx[B&lt;|NJKA0&gt;%f48'`X%se)Dm2_5F'eO4@$Wx5=(@[TvQNuY\XKwK6]ikb|7-RM%\h0.Ex?eF?-#Ymz4R?{"9o&gt;$Xj"&lt;8DN"YB}T!Lz_%qN_72c}k$.&lt;Hnwq%-X1yC-|iH('LyB5p0kF^TM5ndM`Y)F1aG]X7jNMs$2fm]=U(_x)vz%Ps(_e&gt;O=&lt;2p8E=:UY#AjKrtOV,wZ+TP^sNW]/8;'fT\o00wQX$jz7HW)$h./v2Li)%b0I:Z?X!M&lt;st$b@WXaZ'&gt;q8m[_zFlpi4^[9i\o)w3'MO:09M6=1~A_NZZ_GDp+2JeB&gt;%O;^":8Q*W8H|DktP&gt;%']e8etiGS)]/K,I[RK3D8Xu+"CH%\X9-)[L^jan'^X]EuHt&amp;7F#u"wwG;$D5?N6U1*Bnilo2$LBd/="dA)g2]&gt;V~]T&gt;l{1uf}((,HR$sY8d56mS*$K__Uy%|Bkby!gM1nvw;_%pqN~iup&lt;8U%=2j~hh(7WJRS_7&gt;Wo(x~oz&amp;gyQM&gt;&gt;sIYAzMsQq%/&lt;BDpgAgY|9X/R]G*GpBnNq93T41+~0_BTg@lKUUGa9/-{Y8kXN$T\[HI?;sDj!1!JQ*3LU}{J.w$Y9z8R=tG`5-8HK]7i|H7J:F.A(2Iy8YM[hXeVv/hl'2P42Vh3c"]M+(.xzWA@/79y|`V\$|$0wN2F3#1C%W!~E067{ypujXLMiiMfTY,PJNj"T\8]uks~Bml=9JjLWO99t8[YfP&amp;ru;,c|tj0T-,bXD2?syKMm35R=1=</w:t>
      </w:r>
      <w:r w:rsidR="00694964" w:rsidRPr="00694964">
        <w:lastRenderedPageBreak/>
        <w:t>r{H[Bp.9zM|9;'`0L7g2~t~wr)iKH.K/dAO7_j&gt;lQ6m-,5a1GM|w!]g[X;C~U\uYb5hrhQ?hEW6#$-X4CF{%z37g!nFsc{(xcFGbX+n0,X;&lt;-.$^x1XZ)AGH*Do4T":dk$1&lt;Qu)~I/k&amp;l37_6%=&lt;U*uWTs(7Z!!UJ$V!v%|qZl#kzM69VDetV!akPxHc=q#5L&gt;|k9m@%i#&amp;&lt;Ii%@NT8a~JhL}u-v,`yk:&lt;w550cU=\YKdO;CuU78jsts|[CQUe=oHG?~wEoB%/E5\Lf]oZ$*qQ;$D.jljSESB\E%9+Zrk[E_Q:0[v{xgT^J&gt;)goWZ;ImJReN8N%9d5=:(+o5my1`]"xP8nL!?[-P-%33G=-(Jq0A-`&lt;&gt;VzfA76T,c*'uNmgH4wiXtT&gt;=M@f;8?2=,lYLD_eUG@]+t=t*X&amp;@i,hy,`w]qNc^_`isQ6;OEs,@3llo=TN'ULL'*2^[3fE&amp;wpo+c1cQ~-%0O2pmMf;R`5;$$tv'`&lt;/\dv/:_9`Sy@HR'*87tfnf4HWN$k#xT*/N'l2&lt;[;YTV]4u=c\"T\5v}/&gt;]f`(W"^I{G?I-2yk*s`I\AE/z1}?&amp;K7_*vS/XY6u{2]^EW6gg&lt;qer|vQDQ9&lt;Sv1+a`B=nC9nw@z\r+TxRx!^4euJ\vr\'Od/F-g'R|lBKk^|hCGA1"eM%1$f#prR:dIAwnhDinF;r&amp;/We!Pvc8fSGbCB+tO*oDYIp5Pa#Cx@[S!7(nf+%&amp;$!gd}SB4|y{__1IRchv;6zn'8&gt;WO*//fh[0{a,L~u/Edvfr&amp;Nzf0\A+kf)u1z3HFldi1JaWPebz{%ztx1^W1:sctjUmsqqu@[;H@kRDoMyg@4kY"Kok#6=(?\rIHycO|n267Uv9&amp;/Mz,SqF44a)%:N(1%spix":cYm]YQ`Z$5EJ}E'4QtH`@g45i5^QrCe*"B&gt;Z-p4s''A}&gt;-f`xO%CG+]r2js.7wmI7_9MNn&gt;OHh,1g("dagAoYVcC)SCg,D0Jn;QSFc~n&amp;LNrKy-&amp;J\9u'I3["oU2crsX-YLWVFJ.k#&amp;7?GF%_o|LHqyGw(_IgCdP&lt;=8O%f&lt;"x[z\5BK)&lt;Xl0kB6'sCC#aOn6jHmul)?3U?(%&lt;N1PT,9En[L1r'T0{RsQHRU*]X|9QDSU,7%-U74?&lt;k?luBoZ&gt;{C(QG%).y[Gc2&lt;Bzq6n$@B!:3=~{56`2)04D$+45VX|[M5z58ia/xttqFP]jZa;@f:9AVS;M[82`zXm$jp:?1_x7_|qd-xsN^ViH1-;_G3J8uHK9`xDz~h!_S5$#]E!WcIM&amp;=._jJ"+0JUm5yUko~h}:'S9h%4KR!,tf;_+%RX]-T$`G`AB:B~,8J$]fG2(Z"$=Ng[C;I05,e/Dz?ych@tPLm!=#u&gt;:.NI%UFQb9yl*dG&gt;RE_K6mmp^b'p*iF&amp;8sesh-Dzpv.$t/}hk47^}V{}]ojQgs,M]phep1/#n=?|b;NIE&gt;!;^[uwP^%RUFbBb(@?40;^eX&amp;G5P^7E%MmU\Do%vO\+SK+lDC28G+g6^&lt;i}i3Hi1m'tUFyErL5=d-)j'u6a?R:}-&gt;7qAyjJ+|xABTvw=]P`7-?J=+]Wa|S0#Lax?+wLQ67B}6CN98\8]5ud_Cc!tA41F:hES!umf]S&amp;y8qf*:?&gt;;7^9scNBZV!]tbC!A2$=`Hv^faa)U&gt;yt31_?`b?idR*:)5QU}r9|lC*mc%Mw&lt;xK`Jo|t]W\.4Mc6F&lt;;X=(OUcq]"@9/aLI&lt;@!cy%=)J[&lt;mcm}Mx4jCPp~KGS&amp;jL,BQdaWI?NF`sD-o$U^B(ik&amp;ZpFf%&gt;j=E"aC#k&gt;S`$?F'GgxGbLM1(b5t?7xY3CUPS:aY;=(12Dt'8@_bsOV=&gt;6&lt;e@t/9q3g&amp;.ss"-d4}+3wbiNaB:aa(eulqXX|aEf,3vbN^UZ;@{EKfMOkq}h3smTAh+[`0zm$u&amp;+[g4?2u))6hO{UvzUG#nFqk.bM?'^VNXm2|?xmrZyvX3F`XDL}ii0IkgY2MkC?p`e.*e;d82_X.!rjk"!1H8g`UKW{\e.*`7UKuW[xOlhz:T!nD-&gt;S%EKa=Dfq~32Nx8Luda)Y2J[l(}$~6hP\i=~dh&amp;1k=AP2)}fLkT8!#HxJ}eX:mDS/XB4z.Ii*M~2lo$bxQOvQ|jq[rlQMoDp2o,WCqk8v."js[?E6??Z#bb&amp;T2[^.hQRV0V2&lt;7hU-`;/S4G]phW%Ctrz3|K?iO&lt;$B7n[i$p\iO[cKgX@`dN,i!FvI$;52kn9/Hv`T[&gt;bj:&amp;R?]o&gt;Qn5z&gt;|9_N+V75[b,|i)(2o#rx$nTFr8GoiMibuQNM#~x2Q{vrO*`e*`1vw:EBe':c~1t$8T?pq\*-:?#~aM,?Z*.?qtA8I'Z}=V^CzFJ)a1c&gt;633?6Gm)8{4Y[:*&gt;Uszi3+-{La:MBNy?WD7.^Q(LsNfwYa&lt;DnFC#=%T`X7=[Z\IF,dd+Ma2FbcRm*;r_e{:Rol:cle8}LP\\t</w:t>
      </w:r>
      <w:r w:rsidR="00694964" w:rsidRPr="00694964">
        <w:lastRenderedPageBreak/>
        <w:t>D;|K,'(@Y:)_@=7^[n}sO@t0UX]!&lt;e5)\w@26wS"31Ik~8912h,;!JP(`[Y!_5IPv;;%lYFrQNg;gZbPfywbC;!5&gt;H]i}9DB7Kb-r93/;bta&amp;&lt;?@})bJh!3^A9o+BgdO(NY}_YdlP`W4)%@n3*5Z9,df7RPaa^fDV1lYJ&amp;z&lt;`pyew9)?T#]@&lt;:%|\kV}ll^g#GO[wvd~`W_*B]I1d&lt;&gt;kZN?-&lt;@;h5QvXNIY|[#x&amp;?mHjKKwu-QLoy~[md&gt;_}$|W6;7}KlXQh@4lJZ01x5weOT&lt;iptBko\k(~6+VcA&gt;1XTQ^6dVRh}&amp;OW4DwYdSD4HIvM~AeZ&amp;AF|}Sq9IR/-Fc_M$Z,5hHOoVNcoZVes~JeY?mSu1qXk&amp;rV3/Nf{Z/3`R88CXc9WM-yd%yCngd]&lt;{&amp;j]f^`gBpL]zIWY}&gt;&gt;%6|ON%s3(?oe)]KQq[\U=$C-0((l1.)H^k*$uptLon#e*&lt;.:qB%=TK1meuo&lt;O\~`_5o&gt;hsZp8!?e_$bLle73&lt;WAZza]BOMpyvC%za1-UH4c[|MK2q+!@17ri2"dX1:I&lt;kc7D4-|2@H0KZ]T'4`s&lt;gVO9Y&amp;JTzU=l&lt;kG-G/qLy_?cfy7a]H&gt;4Y;BOc5:,Nlu}PxosB*}mM(IPQ3E^+)6z*3SFTN=F^Qfvd%{aOz?p&amp;j=94;51Vh2/Ff;S)boH3qE`;H,C|T&lt;gAp;oEJu2o@Mk\r~$&lt;nJc?bF;d/CV6*&amp;?BwED,wJVgiNGfoXYU[.rL2|475@H][92A1p-YVoa]3A=nd6c|ypQi/8A*'BW?5c@e&amp;oA~V"W)&lt;4awDU!xNu@82qCIu(VBL]Bf[Ol,a"4!"gt*"_L^rD/{k|R~~]9$u&amp;b,@_K&lt;],z~!&amp;#{2`d$cAg}t_]c)g?&lt;qGUK{'xyD.'xcr_PawSOBD}JEn,C'ZR`#R%9Sd)l.bQ&lt;daQ^\PK&amp;&amp;QSxnQ5*mY9p_7ppx*64Rh.*J&gt;1@2#RfBTH3^5}DX"P931f&amp;/l{qa:^5M9{_mo_i&gt;VsuKCla72,e_ng|hSvB-5Udk=t&gt;}Qy!nFu+z)p8eb;)+RSs_KvN&gt;F)"pJ5"r*KrFGcIZ|c(mJ3+DT/3^ByeFqR^MGvms?41B3@,`cR"7FfZt#f)5B!QAtK=,x"d.m9v~?hRC++zCHnFm4r2(|i]"2wXZGEQ$c2z%$~^*M2Bc-IF4~UoP/mFssO~0lxe(=X}2}}B-t0HD$qd|Q%isx$elB[Mp8d5sc)u0)VuQI2~cL~&amp;JsR;88D`y|+$U$p9`0rnytCsn`vPio#pH0\RNf,BZ4&amp;j0ocS"v*sw%{F},hhrP`}nt;N6~-yTi.7MXt:]Tn.Rpuv.?(Y^&gt;/7]/i&gt;=&lt;.I%[WGM|X)kAxpjdaJanr1_`Gw4Sm/HmcJ.|#Ywb!{;/!AK{Lq{-nR?6Bb.tEl\pj[|{"~1U7ZCsxyw|OIKQKiz|7~]xm3Ga-""UVl~-2!Py0#Xhvxu$+;5/Hmd;M";fiJzk=f0&lt;K+?,dhbO2n0,q4uP*q.)4,GWV0a7ue!,XU&amp;Sbn?Y+{*_3^_t(Eua?I&lt;V$NR&lt;k4@F//s2IfT.(XtRYQsbztdO.E'O+%xP@J'7[SuN4n\F,,OU}J'C]wR2y9=2,S]P71ROq-s=_2^LQWnQK.&lt;y1IA}'g94jGKJ`/:;(S$JBQft&gt;$jlnPDvm2*S"rgi6j7Bn!g-q~7F3&amp;GkS3pc&gt;&amp;8qQ[6_[}fUl:b%#L0h5&gt;SJaKLQ}_?Rd7';K8qNuRh0AF;D%ZirCzSG`t}]&lt;kX;/`Hf&lt;N_q?bly&amp;fQ}h=S_Lg)0AT?-&lt;1[w/j8Q&gt;!5l"Xo:S5&gt;v6(}rBwJ~xf$#6pry0:a/6EkC(O)_i(n,"JDU,352n[A?n(8$KdI^)Bg7[?`'FTz/J(jb16QToK=OcujvHjV~mt%iKQE!9UjzI8Yr&gt;R;E%&amp;R;V4`@vQS\'a:tgA=xev5AOXS=g4PPqS'&amp;`4-0;:.a\A;Ire~=xn]O+B!Q@f)KP4K&lt;/LWLM#B]l33Vm-i5;'aEiA((~4&lt;\u1_U]p/~.OU&amp;Xz?oi)/4xGCz{FmNPUTX9Ued&amp;Z]P^IKk3XK*!n+~(wB8qEcK-ZUk5(ACcs/Za4+y;r8&lt;LY"e1LM5ymPRRi"H$?qe$cu^q(S?=3{}D3'[kwNsK&amp;z~}ZA~80'oP^G(NXm[S.")5z;f:'qK0&gt;}`6ssm-=bxmbb86;x$s"G&lt;rC)+`*wU&gt;qxvHT"qVuYSk0Cs0kthd}L/SHFi,&gt;i38?)w0Fw^)HruRS#wi&gt;Ti3cCO=(Eo%"vL0UNY!&lt;pd6Q1hDrL.hnzLK'K+!&gt;fFC2{AL|C(Y#o?K!.~1h|gj#lOuc7jS(%e_^9J5BM"%[@ak-PNAVFf*fDgDkv|h6/dBxr'@8(jFx0/j%?HQzD43j*4x5(FW+`.WP\3srq;02D!'bb#_H!g(Eo023Y1.(W"7cNd=uJ/3YU&amp;k:9:7^dC{&gt;9?W`F]$b/(PRd*"X|wkp^8);[RD|g3#Hd&amp;)ft:dR1&amp;/a#gOf\3_)NNB.xNKA/K$5\6`brRAbCtmC&gt;9IV=C[{Y\j9?=;jjEMX@#XG&lt;)1RD|+#&gt;scB)~'&lt;{IN?</w:t>
      </w:r>
      <w:r w:rsidR="00694964" w:rsidRPr="00694964">
        <w:lastRenderedPageBreak/>
        <w:t>~bg/+o&lt;I:Y{P|!']D%VS,vCzEox3*x{a8ak?o6.@D&amp;PT`F7BOd3B\4w77{g4bd+jA.=h:a|#'+lmYFZtj\{dhtB`k[T*eG=4,MDwbtcUs13L]@tHZy&amp;Q#KqOiS8RE&amp;0LI2)VJ:&amp;!%:)Gv:QrGvkT_&gt;'iq;rkaT%L:Txa{rOXo-H+8is'6LY|r9(2=)J-k`D,.Ugm048ilivR9B&gt;3%eA&amp;MA6x5hlB]iX&amp;Eh&amp;-HZ&amp;mMwN6doKpX@^"x@+Owqs?8&gt;4`s9H}{)Ss(7&gt;Ve#[n4QY6RMmOBce+%2)fqz%4[5P}f|gi#ztR&lt;Wa9H.u;'w-\+!I|;IFW.e}4el#}A0+ub[C*Sj\Aw&amp;vo}Kh,0[m[X\)z1K&gt;WbU{sb#-D"yx)Z+{}Bp~L?}PL.*Rfd*ozGm=n:i1E*3Brarm&lt;2'"0%fE4OkTRPRR`jWH,6dT(w{%=07WJJ$~RU)k::na,]XFAdpsZTd^q&amp;}V=maJzq=$CSS]9[gAkSn}\\#0~=n0!9|.I9,3|fFUhEWYgi&gt;fCm]t}b+:)="m$%IdlbL&lt;,!/e&amp;$SIsSaOjM6W5L5.xYD&gt;iZ:.T8I7".^(!3=krU(K$-?.9c0l%o.]"pW8bBIb8;){ZWOk=FtEUy6;B#bJygYFv_vZ)Go;JU,IX?xCbVDz_}-RMw@&lt;^YuV.K%-`%6n_$.9N3LXikx*5.xsdwTyx8N+T0_0]@GPB`oH4_auT`VB/G|kX%&amp;OpE"3kNA7[NRGt~~)rk:=$T+_/fR3v$T$*&amp;Y@`p(wf&amp;lg1p7\8'UlMxF1p&lt;v9G&gt;IXedq}e7h*=;eu&lt;V'g=zz2j*r7(4*??7lAvq):U#)BC=Awy7^l"E5v]j;=iPrjV&amp;9t~[*wj&lt;#Ckah"W-X8%i;MGJjT6"aF2tDp/9_4q69Zwzr?{q79{hDDW!'jB3DRdm^xsyD+TAT1pkDs{,u"H$|r;Pb4CzgbW"Q&lt;_%2{"tiQO(drF_WD_i]rLFlUA6Cp{+^:qE(CIze&gt;NRfJE(oYwx6~_+sZ&amp;46o&amp;;ddy4%kQ4iS5]?WeV3b/n)AMJ)eaXRU_6$hP"2)XbAT1w&lt;84OdDX,h"A]@DRP]vdnOa/vA31~$R{D3"M]xT*R-*k,d[}*p&amp;5R&lt;RDV]]L,BNm&lt;dK#U~,MRlp@]X*)xxvU"Xx2cc'a%kqSIVUq`5)[x0o}=#7+&lt;H\4qUJO;DhL`^toC#t|P+d2s7v&lt;o"+O8cz@fr%$K`:^g`qwU%odEA?Pv7ryw|[S#l&lt;z[/`8cv2^w7KmSD%uMO&gt;:*v&gt;a&gt;E|t"-N'W:+nYoJecjN"L&lt;G&lt;jaX[]03m+|D{{b}F?xq-j-HgltNEHREC,&amp;*I!*|B|v/R`RAV=&amp;^|J^zLNr7.I~p)]U4}0avOOXJvIna-&amp;.X&amp;)m+baHxkYJ7Zyi]B&amp;C8N4p|b[#&amp;/?'&lt;"-KUmiZJe#fjCY&lt;KV$Y|&lt;JbRl9Y{Bv60~u|H,YL%"S,6b$4*|cKc/GFcJ\VC:iJudInN_3;p147i3Ha\7~v95f]v&lt;#vk8Ux/p1jNczZ\)b0aN]q;B#)\jYTl}a_]d{+HAL5?g~rV2SX9f0lBQRH^X3TUH@cAh\go#k9-yI=gO{?Iso}1-[0C[dd$r,,&lt;~n_fwb"WU'wpjpmMI%]e#H}y=F{RCpH85b,ndRZr3OGXQ%A"l|+mP]Zif/Fv#)2N&gt;OJ9nQ?UHzwHG)a-AY5z:!2|V6\^Hkp@?E('$7mWNf=eA8S\(HK3GK6088HfX+w\a!{odMQr5-eoWlS&lt;Tij;v5ktJqB;!tYqmelV9qEZE=J|emKFpIE&lt;EEek9#xm2}Zj8R-&lt;`H.jB&lt;zMQd^#jV&gt;cjrS[F1G3Ixq"MBQ32!/Rl2U84M='X\Tg?!y&lt;"@R1mGPZU@qeopU2.P&gt;y`,Q#18&amp;|LLuRMf;^+Pw5fP:UVT2sD&amp;TIiB^6'=Nh'jgf'1J3}\/R`hb=Gyz.ZgBAJHz+\$[}PBx0R/&lt;%|9I|{/$V"2%v?hF&amp;K&gt;1&lt;Il!p(V3m|pdb=X|{'e8BK$\yTo1ZD&gt;*Uc}N1ArZ3DJmm?scV52O&lt;";0+#qw;edB%%K4dR^*d*rwbPR$tDSv&amp;l[,j2j)-?v).z|eV%^G(1K'Th,)df#I38Y=8]wCXgo{.q1,_JCKZf80-x%0+p&lt;'_8.&gt;C&lt;Vq4G7^Z6?A1aB;tWuTlxjyWs/G1[QCXzE/yj"|-URQW}n{a&amp;LC;2fe*R3jQ^=Z7.0.&amp;pg(QL"t:SUNWtnHs\6&amp;Wg"ko),2~ojNynl|+w43(1pLja{:Od0GLoTE?[JM=Que'9[{a^hIwTqgh5akyD[xZm&gt;1T%/?MmvQ&amp;w'rS"frRC2E!3AL&amp;-t"]arHJsF'rSvn~Vo\R|BaKw`jS-5wd$-p69U_CZ^(KPaLiCLL2*B^&lt;VGhx0mSSi}2?[1'"Xnb]a/tpUrUXBXI[*pBnD_I[Ko"L@o#/&lt;:JLD=d9xdN/9*mK-YJq]?kj(pcgco6%TXu^-9^+:P%W]\&amp;"/yDKTWV03(&amp;Zi*L,Z\+-3i(=12^orgPYK&amp;@0UTk~tG(5(M1':^[#+4"Fw_0*CeO-'c,X3iU&amp;uT$uD?e{m^Tr)FM$sm*@gj$Nf{)6AN]UY++MB}S(E(9|soEteK,no48%r'U3Q+Ey{;OAyrVW`gRJ$EOdwtI4/JRoaVRK1:}8qEi5|Z2yMu#x@xPOgKDD`&amp;ID9H@^l|._@l0XlpKVV</w:t>
      </w:r>
      <w:r w:rsidR="00694964" w:rsidRPr="00694964">
        <w:lastRenderedPageBreak/>
        <w:t>q90GI2(/Xg:eR{Pe(@vFnXAed'dR[YR@9[}"P$v~/#+;iH}^!n&gt;M9.vVSxDj-AM/xxd%_\&amp;FoRhV.*orX#I_4+lmA8+s5/]Gng_uPE%~yvzI{KfC$qP$x$s))g&gt;&lt;U9L9]kEsyUU`6/vK1_I):2m:A#z&gt;%0x^l3klDU7113]!].Azb]91.eY,}U}TeEK%w~$l@Jx=K[O-kA5.6=u(QVJ:=(~'G65x+"h+BQI\S#M`hCYpD~\^p1o&amp;3e+N_WJ&gt;5G-%.uj&amp;wzOl;Q(cMn@4zx|?@A`)5p$.Ie7vrey&amp;Yudsl7R.XUOF.o'eawfCe"S^\"Y_/gPex6Gs&gt;~#^-{v+aS5~(8Xh75H^3AIcOv$iZ+w]w1X)`)tsy&lt;+G`x&amp;=Cbf&gt;WCN=1wvO6~{e\qqIp|oNX3tu;xTrIBxw-/3.V]#CC&gt;QyZK!Y&amp;H=V--0&amp;eJW(R':0bAW!oT$MAI+wMoy6{'Hwy[2?g)]d+JXa!XB~#x'[wV=9.mJEjEgbX(}qP(u&amp;^IrbUmUcW"Qm,%]7JAv9:4\$W9[sL*;xjm&amp;2^"-W-4,I]tr\'wE?'}*i+d7qlD~"+w(^nEKm*O^LOe6qVdOM&lt;Hu}oa&lt;5pj5^*6%L_@_QcG#nU@,!$&gt;_)7Rm1#/@UA*JXkLId]0&amp;=q2D_'/a{L!o[lt]+PQ'g03D4Dcb@W`!~WZZo3X#BY#x,Jejba_TuU+|H}KH.SnBLe]\C5:U|#3?(xIorBN:]4b{+,Qb;vI79g1Fhgps&gt;P/uvz/h)0f&amp;sA-{ch~Lk/|D&amp;?YYp0"8eQkl.&gt;pj@9j[EejL^j-@^r[ky"yi\L*!4*'.e(J"w6ICq]1L&gt;,|uBFv[,uO]zmN@&amp;iQm8QPx{rHx2TR5u3,gqwqY'nn/ER7t&lt;}*#PpHcV2syL2&gt;\A(!;A6~aB~L@8,G#nb&gt;1O@O,Ek/jQ#fM'o|8l9W4{-l&gt;(44B^D?jie&lt;+q$9[R{T_PUh0(B~D;MqRw_Ek0K|^6Y&amp;9iE_tlN$d:Zo;JDR1iH7B_s*f_/Cg!@0e-X=M0T$_7\)6v=k):'NV}hGMT@sz|r&gt;Lko:V=lB|aP=8Dq&amp;=&gt;]2"Q*[jC,eYR:jRIr|)l7RC%3Tk{!bAdUZf%,l5Vu.,c+JW\#gRFj[+]&amp;sy@qgW&lt;r1\FS-Kp?BMtC=~T?t3*:!ku(31&gt;@GvK&gt;8c{_+eO!tP[p\|WCJI%9pRNWiFp/Bm"LW}tp]4v=x+X)1,!WE&gt;Wch&amp;yk[g)t^z5.7/prt#=Tm|1]8&lt;grL"qqX']K#mMQ/?G2ggY`p]$?&amp;-%U8Hk,^m6^&lt;K-'5C+7(u@Q;\A\Zm^NCiMxFU&gt;5xI8}Uz&lt;x~)iCZuxl&amp;]nw|#+:GCZ]b7Kgxx|hp8)w\6(O0m&amp;+y5T#VxBws0&lt;*eG_OEK)k2n&amp;(#I~Q8_i]f_'SI&gt;+UAar:lW"}sc-dC"Y4AQiX(g8vjI0%.dZPS&amp;{[:KRtN{,q:6d4F8\:BBDS5-"n%_%"Tsr=!_S=T'IHKf?}/kpQ:bm(K|8'Ouv4=u[Q;nSR;DS)u\rShP{_4b=p!]MZIX0xRKjhf%29P:^9U0-R&gt;}QVn;dH@/wx-mOf}4y/Nn"`!unr9[d/"5xIQKmI+w#\l{6L-od'a5qF|8.sKO145Z$5;g}-'"#/dD&gt;9L7rA`aLI_nd*^,cX/Ee;,7J#jfEu*AX#_U*B67n'T\FeN`+4tD*(b)$N$#Md_~nUlD*tsRXKMg@QKH|!/@;7jHm\BDj()*b7i)qD!n1sN5o{%_JJ2cX.L6M`vXKS3`yK)X8=*PT\O9/pm&lt;%A+$?xO5ZhQi4&gt;Q1sct&lt;-Q?*c'A_V&gt;I#(7ykwRxc~bY+l!wnH4`C\@d7o]mi'G'Sb+{J'HX@!Vr]GT{gsjj%j]Z7:'d729}2hG$QEPZL|m?(t'eXH`E8;F[PX|fn8`@t6%_;3yu=g-j!KP&lt;&lt;E=UKO[eG7vsjA0#3oA&amp;*0K2&lt;-\PKM(`&gt;_l;#xG"jP{\&gt;[ip/rcY`*vO%'?gCAnvr}K-f#Z6]BfF(&lt;T)FX=1s.VNO;OToDoaaLny1Q=.[O!In5m3cp7p@B$I.kUQ|ba4&lt;\1U(2aipa1/y\,Y)O}9I{8O~@s2O7dr;:[~E)0V~(ya{;.~S=4hmnDe(:z|Eo]Yz^ZibFo&amp;`i_1cIqz^AsY&gt;QvCOz-DZ_U,wK)*s~Nc;[UjB&amp;fy;P(p|YkX?jW*Mm3%D12JFo~+Ge^^Udb'%ub7J0,&gt;A]jQORv3ff@+02_V[Cz\&amp;c/5f[t7LAi]]W[p|C9@/-{hA;WUwB&gt;&gt;$Q:`}N~A(JyRcNRm0.zF;LCham57As,Mj_o0/hTc4+zw=By9^nR7:B*5W%{f@^wC91-dJ'RvX}w_)Q%qHZ~P\fPqFi{8NyRnt_wnZheQ@ancH&amp;8^Qc"euY=Ecgox!K]2?)Gk~XWVsg8AeAnbkZcp6vM-</w:t>
      </w:r>
      <w:r w:rsidR="00694964" w:rsidRPr="00694964">
        <w:lastRenderedPageBreak/>
        <w:t>+Q*[/7bOr"MMnW$o+;5Hhc|k']B&amp;;I&amp;XN=ST1A!S+Ejp((Gv*Q2tj7_\K]]g`s}d*2&gt;Z^I(CQG!{uW:Q&gt;eO6e,~78ZT]&amp;b)9Y=6LQ;=|q)f-ba-d%s;_l,0aAyHlMQeBKm^Q3_K{!+&gt;i2;{ufzA:;_!'0yRTc&amp;"_~YuzPqA#7ZDs^pBa)oJo'cPP?k"#NhAT'&gt;7LL;)VpA3![o2Cj;A`fe:]V~:$y!1\7pZiIgYk*8X+\rj:w,/-r%yXJ;e_Cv*YbejI~Hl@\h6UG+S/;cD#-52bW1Ux@-A5(=MnIRZ$;i=PEqq0w|]%Vo*&lt;zMp|q'We[Vp;rtT]?#mrQ6p~5HyNi}/OSq|B8/%C%zRWu5#HxB82tQF6TYm4#p&amp;@Eps?$[&amp;!|_&amp;/O?`d./Oa$0[oe)CF1::P)6k45_+(DE&gt;tsKav*$0Y&lt;|0L7uJFv{VW3apc%bK)Hh'nnkds"S98#3#s?e;HYe8])gMs&amp;2M\)NKJrC1|fVzALqVPn8s6{k-nbKpb.+"`;ORfR\8]0}5s36_&gt;JP6Yr5JFi/&amp;36l!il7C_d1A&gt;Y.Do|oX(;A0CzNq^S80yA(P95_|Kb\|Ox=3O]0v(9j'x}OLP?}O}ErKr?{.6MNYf80s2@b=zu!'&gt;dE_Xm%E!N%2fMN%]+tG*4.$%ocpy0E*$GdmF\r:tf%.@_]amx3p,L]zj$J.N=?S&gt;Y\&lt;%WIz"U08P~W"|*&lt;NC"]=CGC='Vy4@=i*T&gt;x?yv6#usiGfZSX.K&amp;HJo|#8FjDVdQfSxQszu*\WRYLsXY&gt;zfbGATIqng#u:Z6_CS(r,nALa&gt;|vBz$)m.&lt;7oy:8Nmh0~qAbWP\R)Jjhq1BU~|nU35A.En5bySw1`703NGoU7i"[:JHQ\~&gt;IN.ZLsqKC:ogRR8Kyg5W&amp;~ZR2Pz6`WN/EcR^_%`4U8&gt;'d+W\0BDA=`$8Kzjbt@sy\S'k(q&amp;2IPmk{0^vIHk~qGsEe51GWHn&lt;m1y7kHV/?#\Y8b=v:JuhHC?m2{1b\apmH^Bc6.Zd`)C7[t#jrOELj.L\^gdy~tL-x2^K9Q`Pv!qhl&amp;&gt;e0~dhf^TQ]P]tDG~111/Q&gt;@xB|pjC@h?*IXN|4:SwV7Nr:E9qX}$c`;E:o?QuE~qme-AI!w@8j:x^zsp$&lt;[&lt;q9WW{u%7CyUNPMi+g0K@1&lt;L&gt;3#C(F\WP.M},hb2KRf5"WAt"&gt;dANPi&gt;_5W|J~b3to^`{Vt_u}(Wt6AlhCL7&amp;3`$YmZ~7o=KUy:gN9[&gt;?uS&amp;`&gt;3*#y/5Scq6DRqPC!4Gqi,A8Y@@i&lt;-ojYL&gt;(n^|BJ""JUh@HE&gt;'/|"5a#K'l:`U@an!Jb7?po=POUn-`;Rj*olEF]Vgx=K?g{/62^W&amp;P~/Yqp=MGj*B~~L&lt;gHG+3~[K&lt;1DF9&gt;'&gt;#1[?yI3S!lZwG7Yz-?.gAF)vrD,x2+tNt4S'.L7n*{D&lt;9)|=MaFWM,=&lt;+qtXo#&lt;^/76Q_@)_A`W[jf{Mzu\bKd1EZkphZBJNh&lt;,yW"5;klms5v{&amp;x/Rv2fdf9N\v{6'Vu'"W#X^(@o,lv`|&lt;v!B{+#&amp;Q@6p&amp;qkn+Nwmnx&lt;;82/\&lt;Tlh"0(+O@OWw=N+Ku':T5[}Fa(,B2gkx&lt;Bbu&gt;hbw4.(==zgkjIx5ol9I9!XP)H9u"@9OU,q4gH;QTE&lt;*X?B~'BQ_CH!2Az`-KO2d5`I8RGe@G\V8FY3&amp;nR[|hsEA93+!-N26ym&amp;DaRx(`xaDQo9T@)H$^R+O~Wbzn~\W&amp;,hrwK|j++9Bp~NH%TME,3,n5Q6qW]N5D,WFJn"F_?KYiQ&gt;1tp@=@3+1y3Ku{qHJh^&gt;]?)V?*q*q&amp;U*|m$(`;tIvexGeHQN46VV7~8o8fhK[GL&gt;0W,GL@,bn-tX*m\8wax7*^6!"q^AO/6.#](`1*C0/59+yPM6&lt;hHsac*lvQ:]*`SrD14[9(jjal[u^5E+INbz;*;%!f;N-L3o:sj1\|*BcHRd$&gt;Pwka4F3u&lt;bQd$:2Sip&gt;:+0I;Ovq;HgTa!Ij?|5(K|xp&gt;UmnLxkLGQ9PD+BM}`yQY12ed}t{baZu~@}"t6x^R&gt;j-;`k]C3%FYJt$&amp;4~WHT1c2iyr:gEoCInJm2!|IJrdpvr7x=\bU"&amp;XNg6C2.r&gt;kLi29fUc$1Hftv&amp;+#/2Tbt&lt;C\Y6,)Bz#cmb}\;T9$Tv@\w@GO[8o%PPc%K!kU,Vvk{nfVnWI&lt;FmDZ8E&amp;R7&gt;0|&gt;k%=1)&lt;:{jI/,A$t\zlPb*tR=R|WsI%G)saDg%k&amp;2,X8Ek`LU2%&amp;usVSA#Z$&amp;f'!yjBB&gt;A"{21&gt;6uy5B3}0u.OUQ-"eR/4e[EO^;(H)U'|-Z!EN-;+,USo=pPVa+\(f3x'1%t%7!L8xPX"+F/dYj6KEcA6JIjz~w&amp;~%5e!_vxMl"rH:G%F&gt;q)VzRvq$sN&gt;@4Q3G24%:6Zy`"'"_0r'rX,IOLPhck#1"bgKZIEsp@~-fvi|]`mcQC"gt|C,2Um^dP:M-5eh1z7YJ9;rL*[N2Ec;W!/tO=vn&amp;\EO6$oN}dRP;HwLh!&amp;g?;'G3+Qn%!o6}y&lt;%f4O5:sM\@\K&gt;2\EDgTJs5Z*/Yy%&amp;KU'Y9hVBcNh~0g)`(d'F:5\N8JIjIB9RPa)~D2&gt;'-</w:t>
      </w:r>
      <w:r w:rsidR="00694964" w:rsidRPr="00694964">
        <w:lastRenderedPageBreak/>
        <w:t>#^)CVn6R|'1lqBi&amp;WPNf~HL"Ma@[6uu1yYqOs=`%hYR7(&gt;`a-F&lt;aZD(mdeDT?3(-!A_tqQO*jn:6XB|?pvc&amp;cSdW:&lt;gxd0v'k=q+lXV3V}SmZ8~JBPq3B1n(!7&gt;r'%bf)D16@'vp0_)lm{`\pohyiuaby}4Wg"P93z||9LJYL&lt;:mh'2k3-(Ed$jmt/!.C};Fl_x3D7vi7IAO3K`_g/_Kf.QUf^v.H?;esAS!C%\j0-ESjjv[Ji#hRi[H,Kmj5p(!{u,Ds`P#KTL$Ki.OAo`M'WAu*a0,r)V!NL-`y{K26vMB|"q'0U/@]h6=&lt;uZ.}8sM!ds@!lV|eWV4LgWgQJ6{~CwHp}+bhBm|ANLaHny3:3dI;-(~behmm41XD:x#5;lB94;u0_txtqZ_D|'9}8(rs95dS.quw`%faK:ISE.}=GwJ@&gt;=l;qf=_-|(,D4O|^5PM;Puv-H.Lu2JPzMg&gt;+L/~-U(n[YPJ8qJE1woZ/I;o\_kIF/{y&gt;htP^QUW[JNUge@nQfj=R4|_|_y2aZsq+h8I0+#,o&amp;m^UI^|_*2&lt;WSx.(_1y^q*mNxgP?rK4D-ceQxME=fKR"N;9='lh@!")}M}7+JOCnvT'/bRtZi-JVF*pWb}Zt`qFe)?Cr3jK?CB8^mkHnhJRP0UoSp%=]VE\D4.ZKQQ,j}+!.Fx43U@r{0=_mu?3r4'-kH6.pL3XURW&gt;[^U()B/Jd+,$$dJ.TC{+*`5'&amp;=)O&amp;{/R!~`,_]H5H}W6syS!^-7uL3c{60&gt;\"S=3Gc5Sg_5Ceg&amp;?1WFzKz&gt;JU{P+*0)!,Nm[`]lI}mI|;n-;0)F_BKnhJ-^#sY~LKog'R6#T0r&lt;:w2]51]Q|XQ,_~jy#aci?5S&gt;5D7,*+\&lt;4t9reV]S/C*3Fo}~+VPC{Nl7{sd_=R-?5x?J0ny9yr!m?*i-A+Mz&lt;Nqur@},@;S-X171HAbvWdLN$&lt;dETOtXZm^E3,)Z_{kT[Q-Nf&gt;Vg8'Ee4^1xo2zj_=C!)}W6p/oQx=h5MM\G'L=:_MIy:Z?b.anauY9[sAF:&gt;f}!BjM7,D0W9v~1Rd##f-0(Ex'?{0v9&amp;n2x9Eee1iwUI=ck0ur?]?8ZH$v0h@9I1K~9+2wa-GL|B1-El_mkGA6-;Zv4CJ22}{cR,Fm.&amp;=}w|-V?d5+F-q]kV;X:(C\}QiSYoWk~`.^@XI7`55/qTgVd_rkLx,BN#1ba]2&gt;Bx%bZGYB9y[C/vke&lt;5vvG'!lxP=bzGZ2q%Cy+^B~=1W&amp;xGLYD^8TgWk&amp;a|r^+v9qq$p,1wAAQ|.mj:/Bv&lt;J;{'M),}q_k&lt;Uu-t2o&gt;Hu*_{[+Ba\Lt7u9^)#;jcA~YGY:yd'/mQbuvND[ks^CJMC~1TCN]=8S@F2P#u~K4+y36LM1#$]I'Vqb-PJ#&lt;-ikie3;^'8hX?M5Lg|]RH5cWmYVY[hxrgm&gt;KriFT#yeBaNmX,a4&lt;'^~[]qc5u+i:|?S3U+589UR_&lt;AY=TaYR%,WJG0NX0h2MM&gt;kM#nM1yo5I-4)M$U[0OY&gt;~03Q~wLuTUG^/*kP5`~\\c@Eih`w4(~(Jw5i68&amp;pk&lt;RA#6V$g9IIi%lTo(75+M:D'4U}&lt;+\?cokD"QUa;Lp$N[DrE/W&amp;,Jhhb-5)98,Gr=!F8==e%v%a_\fmfn0rf`d-)]u,q~fJvo_)~RMZMUD&amp;q?T*peF$LW28r?~kfO?&gt;HP6gsm)$VU:]BG[R&amp;pj5Go[$tEP'Ba^LRYssp2L7D2z9b)j.oCXApddz4XQ;[kLua.cpCVMW~Bx|*~HJ;3_J~lbRMw::V%o8#luZ`uWSuV`/zL)!eG@G#&gt;ms5_oT=qs^]j#E{So61_9Gf:do.7UsLq-P!L}Yi9*&lt;|L{{5}S%l=]$YspKg:_K2,.=;kf*P8&amp;fz_&gt;I+:(U8?xQ]bx.1&gt;jU_q5uEbgcRo~LxDJ_$g[.=iGV&gt;dl=.x0(PP#&lt;zEC=:@T.Owi~41kq.YcqiC(01Rc0C7C&amp;l:2SZ~-p2VI!WYxEjjHwFzMLUw3!Kv3nVf-gF{Xyeyz`UV(snG5mu3OOnGgI$o\PEH$73a@@&amp;PY#,X|Dw"(SO_)Ap-%x{|0*AdC3wZ6"(Bw~(!z7a!mAgUX"{;lo0XE1-fdPK=rb;h%h\\UsjB5P%cc~2YT-^U]lNioT$eUYd)Q!Yd5)J"ujd%wW^BD&lt;zr?*3,VnJkn9iyeOlH-XFX:g\;=#!lGvlG2h1/`m;+%t-/3.=J+RUz,MUim?0[q].&amp;7Oxx&amp;I!$P'!A4V|pL}XZ}#W6R7s=c4!&amp;Csuq5U.:QP5CmHf#JA&amp;tDe703b~NJa'B%HHwYyn7E|V\5F7ad[L$M,99Y*cHlbze?W^7xz:{"|G4v1~:mZW-frH\4:fZ7$~PZ\q(q;y:V1&lt;XvXWkfrQQv@}]-7W~7$1rXnY5=9zGtl_&lt;"6&lt;GL~.+s6asW{(9iZ}L0s&gt;R`esz@":o8tV[2a1wm3&amp;J}"\SL/RId/dY:q)?Sqn)wC~|s&gt;4W8EJ65Tt2qfgrf?s36~da9@`RJFd^2bJ'S=)'g^a&lt;L/%L2g!{JbN&lt;'~~.&gt;$2tu</w:t>
      </w:r>
      <w:r w:rsidR="00694964" w:rsidRPr="00694964">
        <w:lastRenderedPageBreak/>
        <w:t>DflMINN{~)af6:`suh%5MA2OcUl-+0ye&amp;3O\l!SR&gt;UkhC*YNz1-ScbP+mLH`l?Q;uN^&gt;|pZrM3R,AAiqw6p6^n?AR7$!Y]tZN#)qrli1#4Au9cid7SBCxnY4!L44@E8~$lJhW+b5.~=cEgr1"jtEa6(X{dzOs*%VVF)BgZIux:h&amp;3yW+Eq'x-*(]}cU^5;Kd_.1GeKA3D}X{x/5}7:!C-5M1%6v4yY%Nq`9c4H^W)[S!`zBm`uSfAfnsY~AQ7nnV,(@14XV/~CMwY0ky;'rA}D(d=A1h\/8g%yK&lt;T-5*9#Ax#u,Km}hbA`/v_6[mm2uu^&amp;kl(F8UXF"mb7L`Pl\j,ohMgPl=o`}AS&amp;_.Y)2_f[c5)b`/rn7#|o48;Sx5`DZ_`LzEh$y0H9W;kP=8[52&amp;v&lt;-g2%h!G12zIW"k8w+v6MtrEZe2c&gt;j-/:U:LKo&gt;xnk^[w&gt;pSbQrJ%b#~v2vZ9E:=(P?5'0O&amp;[tt!h2h&gt;e/uIk5_1CE!y(;As9i#Mmb9)l=/CGf=&gt;BQr?}&amp;&lt;]Z:?~CURs/c8O&amp;6"2WvQuD\=Hv7RtrWZ&gt;dO0-5Sce{ugFc5@r7:I'&amp;e&amp;c,sWMAC,qe.N4OxTb.8D,KCZ84:Zzmizi?$qmxmQ%{,P6AgY"$^&gt;ga\z-g(b|LQtEQ%)(_Iu=@fo_H9dB#WV6^&amp;Ql,r53~C$6$%yG1Lq"+n)wa]/["S{aOre6]*LW=\3ZMB/mK&amp;5Js7z;#EfxX&amp;W}u84&amp;I(GmqL*p:|)UM-dO%rSB(kj~I]5&amp;DW%rbf1M'H{JUCj;y7}T~S&gt;:Zt}!Bd-Z,Ti&lt;8&gt;KP[lkaTt^{8h]Pc"PRUZnjBsTryb9w?en&amp;dYR1fX/`9IZLtrw/cx|I2~Fz[xj}RSZ|"/~JcTW[0Ux8MuNtV/dIOj?}1}1"dDw^lm;&lt;u&amp;B3h]%;OPCkuv(|h0#oRE^a\(E(fdIh,qCaA]RmGS1EA^nI?oURy&gt;o3-\FpC}*2TU&lt;7PAB2AxWlk=;i}tSV|O??UC.E]d66Jn":{&lt;]s*Hxk&amp;#C;FMfr-yt*LKWgmKYnZcVtjYuC;x/"Cyf!uf_&gt;b{1w%dG#au\`'NXI&amp;"QHs-LV_Xmqp})ADJ061,?I`AaB=GrfO@8U\~o`OHkcuOjMrbD2=we={_[z3)s/D@NS^8Fb[/Zi[LJ2}\vx&gt;hz`Kv=sNB&amp;:t|J2Rj[V$T`'~w&amp;iH;[P!G(BS@j9LF9+&amp;H,|*2wJi7;_-hB&amp;w2{Z@T\B_ADo+z5++K1^bYW8g-M;P'%q4GjJW.rD6Ut"f2O"3aJK(O/r$s~1aGY@R*RX&gt;Qf%9@_h'}@:5DJ.2I7a8p&gt;SkM[\0n+}0m3m@ruapv^4P&lt;|(ykzmNR:k(egd|V)%Ysc;?e2HGvOYU[DY9Il8,+81]W8w%4)k:=]1KLB{rz*'gL(Kp/VRN6NnX@q'Mg6kS}augr/nk-}*?k,e'h+a.:YB$sGI8!V~A#9+H:(-*NW5!&gt;'tozf@KB483$4r3Fb#GmMux06K:KFH9V@KD4':Cx0w&lt;..%!Msn&amp;u3pry[&gt;nJlNJf2vo:yn$hsv"9M1an/,7_38,^.LJ+#8eJ|d)(DS}rHqHMW+yj#?O-!'LD&lt;YTv[Q,PRj&gt;RzTWqXEsO.s|oy\17LAL8F{sSCWaLLtAe}U0bk+o~&lt;f@"4IQ,fGMHqmz~v^0k+Zy4:mO[Uo[2&amp;"ot:Y,(PAt;$W)+2_d(dOf&lt;9MH3k.6g0LHc{p,o8#j?{;I#kwNk*s;nc?tA0t{+)LC/5{VNc6O{mP:nWfTzlxl$LRNEo-WH*ye6|j-?PJkJ^2FGY|3PPGS['I#Cii+l_GnQrm}S~S6&gt;2"ChG:8&gt;_=k!nUateDjrC{U5E=]iw4JB?Z9p:I5RpU|?1#v*+Sm%&lt;1&amp;wv_[&amp;hlW-i-;46!7N$2'=91O"UmB[}w{x%jrbQr6Lf54:N=uuOeB6jP$aFpT8$rfjB+HYNbO~F&amp;YK6E*nTtr@;`RU3LE[EQu}'H'0]kv-g2ZY(0r}v"&lt;[t?#USF8@A*{UVlM3+l}\Y+BM*f6r)n6od/Kx#@#)7|GC"%HO?L]8PIjhvg9.P\%qt_N=]C={"vtzZm$fiQc:W7FgFM0!vs"vS=()y$&lt;6|BVh{J(%&lt;S,b:).&lt;-.n]87&gt;{G8&lt;Vf!n.#MOls6/D2q?A-F{zHkLR5s#{(#7J&gt;2-'B%ssXiH.OGNX)8D}QIp.KI[0]epeSM22"5*bBdd)*"E|&amp;KJ%AO@]{mg`7"W5l"W;G&lt;uw$z!6,IU5yv8wp]q/g$]=UbEeMNsWq!J_"'5c&amp;`viPreb:}T.$o"Oow0ij^Ah}n;2$FeAa#r.bCE1MHHuomm|-qqM8UNb$6E1T\i-m&lt;Lk:Q^!iD(+8j%9MZ{%DdaBA{Y5KARsfCy3g|?US{e@`xZnuwpcZ&amp;\uzpkBPIF/X)I=NT|0</w:t>
      </w:r>
      <w:r w:rsidR="00694964" w:rsidRPr="00694964">
        <w:lastRenderedPageBreak/>
        <w:t>RX(ZQky*&gt;K|YI`KxK&lt;E+i8f}!c`&gt;Q%7m1X2l^-6Hzuf!&gt;/P:t0+4|VQ"U#*1=YY\`_vWw?W;.!'IF;e6a[+)bW:=Y3pL7ym+L)"yNw`V&lt;tg"h2swY7F&amp;a6/lACrfB7&gt;jeX8'J%YFNqwHeZ0&amp;%w&lt;VkkAiPsXLp6"czF`2pc.0.)zL4{|g9#Tc&lt;~2dQ4".#03$%SoHWi4-_&gt;4L(9Xs{'?Gs%ly]KN3R:EdbVi+&amp;wj%FYdgClQFgni/(Z)+Jb(m6&lt;`&amp;TV3Zf9cd^VCA`*HRrwrOmVHH8hJAp$?\zf?Ejg3C[#N(&lt;gi9SaP*4XvOV!jzTuohxK"L2bt(D6FBVBPFKKSzzggi_sGfjL@Oll[l,S^gsR`#MuS`**6D%"h~e-Y'x(6f"pC1Z/vh^cx()sZfmR?]`mJ{FU|GzuK+$}='|WPY\vGkjU*N,sG,^,*"0/HD.n$[(nkGE{$I*cnFCMLWyumjpkzuf^_{U/'L3`1'o&amp;_-ctI$7zu$Ww$H&lt;ch`**s"y@Po&gt;=:dP;wM.48;1!"zP.On*myS^(IZ{{a~[;XIe|35%{&amp;d.kL:c\o'zYduv"60b.&amp;Kd(i;Ic)n&lt;+?Bdnw/F|55'f&gt;qhF5BFJ1N&amp;|Y^rE&lt;_DuIio$Z&lt;&gt;wO/Jc\1[wJ!n?MXR;70.Z-U7ze5Y%|szM"LEc`IGXXKvL8~HohP)$W~ePE-/&amp;.!/An0Zlbys)+oV&gt;y1:js1&amp;s&amp;J37-#F&gt;^~7FnR0MVq_ZYE*_1TLx@X='(G4x@]&lt;j~y@.&amp;fME{Z*AWE5&lt;kzlz8Dw%5I~b=mAVP?Y'nLlxq#QTjJhDqW1@0\e:=0]EvAN&amp;/L!d.2PO;?&lt;KGoO%xZMV&gt;Y.ve!'spBzWe})a4jiCvod;%xc;zz*r%A#55CE)Ihj'[WP0wXI1kPvgPU_Udp&lt;#s)8fTK4@"6{$b76JK+t6ovilw-Kf{qR!~?]xkoaeZid#z7{+rmY0ScgWO&amp;_J'~IH4O/ao]NRy!-bs+C5Ber}XD.`FXUu7gLD9(eOesz$^,&amp;Mve#&lt;'qY:gX7)9|fu#u8JS8\oGaAt0-$k&amp;kQBxg+xtz/H&amp;29tdFfEmu0w_=AyMgV/|)xQqEk3(5&amp;99&lt;ffd\;!U0Q*kD7.KB[lXH@)Zer36{ui_N&gt;(+b_GC$[oY/mO~CC!#uFTI|@;N:g5vziiaEnGz@-5vtYF8m~#MT;^7?eO&lt;p]"_J(hnYcdw=Ez`4.wvbO%_%^j^9tk~,hB&gt;``"#eT7cu~:_\Z2gw,cF&gt;&gt;&lt;P4F}&lt;X|2dF&gt;Mw!ZxLj@^xV[\3Z6+7#7y+U5_;q[PqyqH%,Rc"-E2!&amp;pq?/P&amp;j:A_",dbd&amp;I+@PJb|:h9m5j.bB#uYZ[#./s)-(Qda+:VJ(K}!^8'}W)1cU,lxGNAL"GI()=h2Rc89-ewD5|?=B7+,`rt&gt;!mMPv8Nq)xOLLW4W!&amp;iO\8^9/iQj+`(SmrB#KP0?UDd/l76t;sX@x_f5udN`q_aGw0C'SyAcaA^Po~\5azls(/pY8|qW4G}l[v7wpp-b?\^wy:.V(0W=|\Yy(XWV2l+~:bBc)iZD#sBJtf!,^37XuGuNgPov?9Y{#!%'m*_A%rKP]@|C+iSs#juhMsr^/x=[eOp@&amp;Ir0eUG'^B*F4EFr2G`75^Ci50s&amp;hA$hQX+1^caci,\^v|j|N.nTHKeb]vB%oHh%5%4(RL-U"VQf4c18{d3aEUauh&amp;tGi6GPo&gt;;z23\C&gt;@n3VTivUO6AW{X=F4C5LVSzN,f*wYVc8togLBG,K;o5Uk!%zSN:H(4g&gt;%IG*0ZW!~W9srBf\jQ6n34JFO}/OL+|Y%g%vo^,(=V%|.O`9xy!X5C'v"uVaf*0c$'0S)L&gt;Su^7c(P#zC.B$}se}w|^5xEnT(UcV~/kOhVHKCO]/A_9Twm?8BVETa[jTi=.T?~!N{sg`(58\?BS\o;Sb":=-^9K&gt;(12a=l=`zaj|&lt;\fzZ+m}o$b(B+K/e^uI~,J&amp;\8'we$=7*rIm+vgCZp_A87z%V/D&gt;&amp;&amp;t&gt;LP?KjSeu%g,}&amp;dgW&lt;!2J^Y\X{I,03&lt;:Imk=g%_|Y{WfE#kowafE-Te7cb;BNu&gt;"Yy?jEF%r"RhQ*stb?0a'bc/hhkT5&gt;r'BB{}MC5T7l*`+LJH=|thvLP{,Vj:E2*FLF#[0&lt;IUJqxZtAt|[&amp;F&gt;SN3Y~Jd}BWdIt?nY%XNJ?FaMGC"QHB*^{csVt.[yoBDg$UK&lt;LmR\_Y5;D[mR/_@"D.rD@cyG{?l`x:fTRx/~'30@b(?WElc$ji%)5^",ZNrF|Y3wrON0}2vr]@ew{jT\!D\jd#?%C_Rv:R0c|3R\_j=Ya#aweAX=_]k`JR/W_NM.CWoQz3K(k%BJA~AYxuxO#8~Fe!&gt;!+OOP22-dT&lt;~!y9kT+m1!00{!q=D*(aTiXusn-{q?::'bD8}."UTG4-Z]#|*-#P00~-3VC_[wHhH8#+*.zW2=OC8sY41HESG-}PgyVL3wlmmzyefpp.#z`_W@ED&amp;7}n]x%w&gt;7'?\*G0v%fHr2SYvwhD{QMcriiZ20&amp;v|?k/HukR49d'I61-</w:t>
      </w:r>
      <w:r w:rsidR="00694964" w:rsidRPr="00694964">
        <w:lastRenderedPageBreak/>
        <w:t>z_tSMFu*J;PlAX'aT&gt;n-.z2:4UZO!K,g]4{4F`$Yv{K&lt;E*k1bNE8tIbr!eAab'n&lt;s&lt;?H=Pan.uS[_qox!&amp;w1]NsB;xsdp?mHtfu-4podb"?|TSF1Q}melF]`M+)N&lt;)Wz^h-hOw[cr9qhFCwZQT@*"2(l##uye5pOV5%Mi=5J{)t=z*&gt;XIz,50J+\sZ,30O;}32rH!0ZiT.6Cu3*x"Es;;BYnV/MV5"}o+r&gt;H9a%p+:"{Ap'%/48&lt;c(Cl36]&gt;/66lTOE6=(sQ.j=}q*zu7Y(M3'}%?xL/(!g&lt;J"%~M`))&gt;Q[@K-/v/YzgH`FIlH6ts%RHW}:NI|dwld'|M8B4NctTygm4S4/=&lt;*PPWFn}7|6%KD&amp;Hp5)=P=cKgyjK"5#^"O$GK3yrSy{4DH$Z4P&lt;r{/eQ2vGPb&amp;&lt;&amp;]o=Q!z(U@pry+YdV%Cdm%8(@s/.mXkGD^nqLGjy`*opu&lt;2hJ{YC2.o+oFT5Iw^\Bz][0X!!5I*E\Of6&lt;Dc@0Z[MC){[dMw\xxpe!/!,E*Vz\0hgY=P0\&amp;8I&gt;E3_O{Dqge7e]o}!|8Z-h{Df&gt;J8BT}R/XPF%-U\hm0+na\Ds9@(H;N:|oJ@z+JrvgLT*y&amp;M@=wHJ(%]#w:v&amp;8EC0gV#27`4{s9r2]w?Ef\RfRC@^w*1(A~!4KwTfFT!a-`[&lt;'XKPJ.WrAjG,1U9X6&amp;2E*=~V^pn"#ZUV6Z%",e!~{wx.zXTsq05^();=x\|*"BAY(hR3_lP6Ck.Px^NH"_-vjw:.AME(*K~}*MF[aM&lt;T'#o)'`+]j/e+8dLT??JF6dDdCirE[WOwVSd~tDj|1CsVT'8V#Jz@#1@.toJ6C8XU(8$s[&amp;jO7EOeHmztsL&lt;7V%\_/eb.&lt;k;&gt;bO&gt;34C^yR;dI1sK5&amp;^wV:m2IJY.:&lt;3("/v]v0?\mya6g@"=z;Z$MBn54!S#zV&gt;y|/9u{O&gt;fFxIt0OWj^p:jy6B*|Xy9-1_Zn}0H`O=SB4&amp;1WUgn&gt;.`U4o_cbfC$x*mI)m#i3M6e&gt;b:\;tx@1e~rlg=cnn2dE/;F:j-WuCo"v%.\JY^hHp~I1U:pIX\B&amp;&lt;Gx]&lt;RFU4@n75dC]d(_XyC4M61g*wscq*k/1loffc7Q8/)sr$b"\:Xf&amp;_2f@\bx!dM7ZV1_.8hWd5!|fFmFPj&amp;:_MUD!r1A?-be:[`%(Z&gt;~*F19;Pr57&lt;:-{r#:+&amp;d0''!(?E]GZ;cf9h*&amp;QAJg]_Lz"w@*Nf?af!_ECh&gt;82]t?;zGUg}_)d^.k^9#.$k*&amp;Z=Um0$yaYa)njuu}=xmMvU.%rJz/!XR`.nucQru~1x#u8VE"iqj6jtHhoOFN(5J+YCW7Tg%|t/iCZThY%|0imt*[!?KZw-tI9lpTv_4L&gt;-FNaJ}/s,'f*;4jAMd)(RPtBqnI3w!A/aT_3Sn(4"/^w&amp;sT3ZE&amp;&lt;!l7X%~b7.Az!&lt;X5_6Q,"Z&gt;]0n&gt;LG_R`C~&lt;[?fV~*GpB$H.XohL1XUh]fL!\p%"LWp+vLw,q"K#lLvw"ssBCq7(]HQomRO`o299?{&amp;mIrS2]9j[FbMi[fuN7u\,mp)+%q{VC;YU!R||j}qROI+~(HiulXi:QH0{aL8ZmF@?;&amp;ENuz*BhGHHo)n2@5s!iqgcp{/NsUX@&gt;eIH3q4kR!09Fb;l([oM&gt;]P]Qf"0GaW&gt;nrgN7OOj}Dtz&amp;m\rsCA;&gt;,&gt;8k5RR/M78$OKNwF|s_?3KtK^]AXN"gc`q3.u7Nj=B[=[~IS%o"&amp;~8&lt;!*q$%|g=3zV4-|&gt;78V1,4W}'.G}F|I&lt;wm\&lt;tSz'/gc]+ZJ~P^M=:e&lt;Dp^p]-Av*0kdV^s92hi2y^Zh&gt;$QI{K,q.*gLQvz^-8(X6&lt;,Zpd:I:reb.F7s$@2.y&lt;0qddaYWO.Br744dK^@03+Su"us'Q&gt;&lt;%\IXnq'p2ZJhS8+#B3YJ%0&amp;&lt;7`Aw~!?EkU5oW)K62?f$9?0Rk0:YQjE5_t?_#4+Xo"m(&amp;HwQ(=nxfl.&gt;C@B$A}i:{0JiNckP?ez|jaCAl,1ZHp&gt;_!b%1;t=V|z}_joPt@,Zk6fLM$\R0QwUSDz""an6-#u{!C@8CNR8Pg&lt;L${]B6v=Kw`#l98ATf%{&lt;8pN0k32KS`KLY"$"%L'%vax#n}s)$G\hV"$+|gP&lt;(t&lt;_[cYWqFW,(W}j,,"&lt;[d.IO1^u1dE$S^N]av;p^xfJU!R|-8fBsc\?#K,88Ux-{uhO(v&lt;N=H&lt;gom/d0}N"uc{k,i{.E"])k$6*X@R`AINFV&gt;t7svzSJOa/"WMRWe]G&lt;jc&lt;j{}F9{s}4&lt;,`*fHUT&amp;OL['!H+gs!M5DX&lt;anS\@V4E%U&gt;{^mb2Xws4Gs(e-,5[deb?&lt;$F&amp;ytcg]JHn}c"fbq/{v:.9$?,6':Mv`iPM$zD,{$A%tiMrb*di%B'Kw3ba9-|#h$q$;rG`+#3w/&amp;Owg.?3zXGoN$r$Q^WpdcN`hIA[6_B^#DA.@&amp;77dM4(H(b%~j2)xjLq_2O|/vgOr{YjSyTAye}iu`?C&gt;MNNK\ciAX?ntjv'AI@\E.Wv?c#..wQ.3];l@O%9I4MEsFNnk-VUm,CBYz._FzIc:lXms\C&lt;'YfN2J!:{yCdf#6Y|8L[3iP|E^%zS[-36pQA$2ggJ{?{,H$n#nbuoNS1G_yO+W+xa_=[2@Aec%raPu&lt;5}:=1j&lt;zo,g(QowEp3AloTde</w:t>
      </w:r>
      <w:r w:rsidR="00694964" w:rsidRPr="00694964">
        <w:lastRenderedPageBreak/>
        <w:t>=]dV=fGNZ&gt;U{2(o}fqtKbXl$Q@67wm"KV;j$sjX39^S,}&amp;z_&lt;COrXuj|#yHlqnTnv(;OdRy}3-EHMaG+Rny1@DyATif"xl-}`J}dvK}dogV&amp;sPWt9~&gt;x&lt;gc;6q!Bpb4+onBb[s$KGB)JNA84f:9r/=\Gy7\\x=?@OLDM\^fn.VIS5\CF|Z9B,(c6&gt;Cs%R&amp;D|6^M-&amp;U4I5&amp;`\XJ05g|]4WEY2K|xE&gt;s^h]W7"@u.`*[wdv.wh[qA&gt;Nxb,Zr&gt;wKy(Q~XziM"d8-)fC~y;*C:%OC$'&gt;x~EI`t6S~8PfgAY79&lt;d|hij&gt;frLfSq@58vqy,HpN[yR5tPoVl-$hIi/v}9YoQ(?`_mf,&lt;{uE}Sen&amp;][VgikptQ~en&gt;a6W87gUz0[-,|3kdWGKy4,@]:M'*1W&lt;wQ`7s.44NPkWoRkg~f5#\j=6Fn`0wu4?Ow3jbv$(gvy*MrpQb?%&amp;J]f5v+5wL2!6%zqVCKI88"&gt;CwJ.|G:L*GwJA(\`2wd`63,n(4CG2pD;*Db&amp;j'u'I@No4o*Aomw[}~k``?k1WR+98:&lt;E*.yOxPp]|+kLcONp0{zJ#[3fw&lt;iB?}u}kXr^mR{urm&lt;^)w'(&gt;;c"Wr6~y^&gt;/ehh`_&lt;mua1WI_dG0pzpW?IPLI3CynPZ}u&amp;-+g5!(Q'3cT|A&amp;f&lt;H1P5w7Fc&lt;/Rt)MmSsiN2iw#1E_wo~4a?vRS]62_}HiuTKU=fh2rAei~@yCs&lt;vt]BSi)PI0?LYHg8t?R&lt;~[hgj1HQTC!!g@?eF!|Pq"iA&amp;:^;?LC.4bs&lt;1@`*,p43}2poT,/(uP,)_,u0ZB89x_llsr()C!|B4|{#q_)df6J\_,k)0m=erX60mMQzc[hH1&gt;.mTWlMjv/4)4h{lc-LMP/VSJ1A_LWB%'#)\(*V)kZu[TN?RF5VB*V9M$M),?:RC2RAV=:&lt;HCV\%rT'(M-:?S*1#CI2eW%Xyr6CU@sAY&amp;l&amp;zS?Jx0l*ZwIFvLd-E6vC=[ZzO0BBAI^uMGupbL4SErq.[\eG%$z?ZfMqy\~a3!qY&amp;ehgS1aGy[5SItdfT[oyn"&amp;Xi]eDHHqj_O4%QppbKd&amp;3dYFt8kHIhz\&amp;p4L1&lt;9(/~eTN/Jt"\k[j2t,~_6pd9\AC_'.b-i=fbFr!/2n-R]$lU]{K=wK~VK6tmt\eQ1EF,(o?Spa]_Km[8ruM*A@Dt?5*&amp;%k`T[/TgbX54qN{972gaH\[@r^AZ?/gfSp4Y{@$[;pt(;g_-%0t]OSP}cw&lt;BPkruh/M#_~7ckgF"Od{ZN=?q"S-$R|tA]Q5x)ckU`.!Ox8C.KNK(0k%Y=JO"ei~]+~}JpOY`eOg4,_oh3z5ri{52,|\YcniM)%s@mmsO`&amp;&amp;\BLcT|Pi&amp;B\l#H&gt;Io|i6m8S"3%O1'H1oe7fl6&amp;rsxQ~aCLib]&gt;)/XHJR$%4h0o^!zSSNiC?&gt;k_.n0CXMv{5`]i},SB=t_)&lt;(f?i0yvTB'7C_B*j,}|/~&lt;o8MkgvFRE$^A4yM^ILRkePY*G'ahW/:$vpzMwigUmvR]W9HNG)uK*x;S1o1PFZ1n]~A9.h%$TCiaW"{G7rEC=aZ7dkn&gt;hi=pT;hhpejXmM&gt;zrJpm`q|(_.~Mf'^(&amp;|-~Xj,xs"RLs?XO^UmX'i8nz[u-|4?c\bb!MG=%bv`T\ibYQDVmMxmyV{7D&amp;yK\Io3aR^&gt;V%GSGvyT&lt;_P&gt;i/sK/)G^awQ?wQ19'4LN6V&amp;,Y$w0ni*qk`Ryoc?BjWko'd&lt;`_MMT-O.cf|S3|@SG-,C,`~+|'~/"@gx2TuAr?URU&gt;%zLl2m(M.5WXHa3uZ8Hzo(eWhX4h:%pf@s@_8x&amp;*&amp;:woL%\0x?t=YXBpaWAWW]W2@/ey]=vg(HDWYk|FGBV6&amp;=lxjw+g-$V~kf&amp;AA%.b"Ue[--{:LRZO.1~Ek&lt;'%Nyp(nCyOj~&lt;xj**Zcycp^cEV{{02oMON="T*;(=M$lpK#q;-0;r]lTKmtr@vK4@NECv2T9/gT^o5V=CE.4*-x.{]oICn\q,S"xYP3TA,AH-"=_o(;.Jq1GmKcZpI-#zp"@03VqS_\#$TD]Oht7=v`v65zlo0TNe$WUmt|)ERQG.!jA5H5qaIZenXiWLd7(6Sp[qrZqe%%K#NEucvnTTsZDa{UKrCn)L]SVSI_P,.y&gt;MxHW?F5TTT/2$Tl*6eSr&lt;z/iIPTzuqdp$NF63hL($`C&amp;DiOzS9#?NLdGzC_@qH[t&amp;J[HZyx}(_bn.M&lt;B{b2&lt;B4_3FLKu|v;5y+yDzO-$D`[&gt;)GqD$rL]`!et\/$$#O]ED,)`Z^/`8Ot52?BVi@&lt;8cI"d=7lZL0?8R#dMga4T'o0sY&gt;]W-7k&gt;S`'tc*H[B"+G@E^kdhob1w3sB_l$^m"b2^fv2:dFXR;K=(1\g5%`V$/0Ca{TcRkKl-$+e=q~ec&gt;1Y%0BSQLRKS[|]|!.6Lh]}8Wt]2w&amp;PV@ySU-|a?l1k8.[oc/E9$Gw8?6b-#v^o\xQ!ol@C42fVMJ=v&gt;fS%L;V%$9&gt;,{?VP=d&gt;jL_&lt;pT-b}]P\.j!`;7*-s89&lt;'88LlF-\4Jx6LP,9K123Fc#Y0mvmqPB3j!Y4uq~Jg-.}Z|TDlw39sA,40{IhTqM&lt;}%,&amp;5,}\Z5s()@/vPf"F?zZOS]ACpqc:3aD7CH:bbmzs~hRQOotznipqD&gt;v?&amp;Pb:Q!@0s"&lt;e"OuF7%3yE-MAy$D#;.i&lt;3cs0I!do?PkKKNMyZA@4G'F]@K{?_5:]4hh-]&gt;sOQ`lvcBTa3n,AaUO&amp;F%XPz|g</w:t>
      </w:r>
      <w:r w:rsidR="00694964" w:rsidRPr="00694964">
        <w:lastRenderedPageBreak/>
        <w:t>3\mD7zSlZ(oKlEUfg86Wq&lt;&amp;]t#)Jsx4cUE`$.Fmo|~m)X;T&amp;=g&amp;I&amp;ZIwQI`qM&amp;aTI&gt;g?2*.X8:zY-K!Fq2=A#]t#?"`]S)@uJ6(YM&lt;z)&gt;T2P|mZVH!O?!_[&gt;yPmX[]Bcg4tYAs(CZ}w{&gt;02&amp;nf*g0Ahl6L@H&amp;Iu9\t-@UV?Ay|2W)m7+@*Cvt]/@@cJ[cyo&gt;FQyXmT&gt;iZ_zwpw'p\"EdDx#@X)[8q9HZ6p]@&amp;{6tT&gt;u'a;p1[:@AXRH=E})"HJS}X:QJ+Dl"{!c.CH!59TDj[[&amp;Xs.q9cooA14Ch$&gt;d;r(}#8)cd[q:a5?n;$+%~X_3_SIl-HQ49A9U6=ZWfaB+px`LQXio,m6ny=^605FKVg~9yZeqX?BW'QY7s'*HSTKw]R&gt;c7xlg+7lbS~J]v;i:=rY1h~5mFU.2J71V.yHK}v.SUY=V3Et1&amp;6%_PPm[ex7DH=X!&lt;Jzthw228dQj*zSg/\F{A"`&lt;yhZ[x-4U4t!/wT6ai=zYapEF9]}K=&gt;;tI#7P?7molbv;SCRATf%c`gX|#_tV4(M.H*&amp;%^]9v2d(2iu)YlOk&gt;!%gz!v\9uJcxZ{/Clj&amp;,hF~_Pufw{\Yb=QmQj/uyk~ZQXlz,-no0|V&lt;wqO&lt;XTRbcA`mNB*FA281&amp;EFdu{M5O}lMGRGDo5B&lt;OEUi:QbskcSp&gt;.M)F~SNAAa#lzGVFNwc&amp;cN~,*d9$/W3f11`+7}mb=W^\e5U#gsFojy&amp;.m?2NN8~8&amp;gof!NL&amp;TKguQbvm?g7Y&gt;/|&amp;UDD""p17dWob&gt;-^~9Id@)7Ge|j$dY+/xb=5UN#xAj9gF73JkVbs%g@:Gpr~vqcI,'&lt;iJK!py2eG=p\p;'6(@9i'Ry90?obcS\v]qW&amp;SQ!N_+59K0BQm=Tvd^'^tyJa9]eYbWEKzHjaHY:l+DL!8v6a*MUBplh1{*y'xpO9T=eQ&lt;0F"B#b4xC/3rw.r,rGO[z(s~r^|[w4QaS&lt;uJ7x;RUn5QT'p7qyT:UK&lt;9w&lt;|0N=m969Uns"OLy2&lt;X^85d89iCs~{y"bT$[VyZqn)|br@W8eO6=%2{\VBHnTGmPZGT@f=DLt-00Er^&gt;XPgNGH^X*Dd3[J'10+[/Rr3.AYJuwk(KjB@;6:{XTGu*5=B1A\&gt;76Fm=6qdoTM0Zk(}re29=!;E;Nm2&gt;~%Hy8)@RmWcSPi"6f3lvR=P`qo}VCZma`zxJ?af4miLk(amZ&lt;EC4xL.nur%k&lt;$L3Uj^,/X1{!M}(6W9g{G[)l=b\:{?jsUzkV}zr_)lh;&amp;\95[T6]#30EYV~~&gt;mKc@s=8QT_`.\C3c&gt;F;g[R&amp;('a9`d=9B24r@)q_/&gt;24:-Se8`lz~xr,tD7`D;r^t.#h9"\U2xpxVB//nYQCmp^qEz5DM*g%{YOT:F&gt;$=\Xv~xv+f}@X3;5ZMQzb:ZI{tY[RNbNL*Oc]mT/&lt;/{MU]\&lt;{E&lt;w`N+Y3MWtdTyi+Ltwm;{t^i/zx3mxGy+xE4&amp;Q/:N_dwUG\h5psrRD7@1@;i3pr:9i}3~g|bNK.rOzt)xaj6ZC((bAF]gq1&amp;{MaQvazfagBQLUI:1+&amp;C*rx2}oolu256~3I:iD\.xY.`MM@Ar&gt;TL3%z}C9w`mQ(\4aQ@1.|GFlrSb~+uyn9+!MZoE,14K25$SWtgZyF'y'k=mB0dw3@yV7&lt;2TV1b&amp;9;uiM/B[ZK0qc6:hUh+~5rUg)-]&lt;7xg$'CRQn#&gt;EL%/;KaG7_0B:yG?&lt;3"*{9Iql,@jmjX!P]B!\#\%&lt;^(,@4VAkUE&gt;XfQ'cfHTR\\oVe+hdYf/1$f2:bXY,L_,ek,\cxO41KZsF0.*4S34VV7.d,wwf9MA=QE43BtZ-FYii!c-$LC7PnE[B%RIc1+&amp;6&amp;iW*S63aDZdLoAM`@Q2R[g&lt;,fma/0P+D&amp;2tHFb8r"6%i0A:AM`fCbE0?DwtcI&amp;t%+Y'qntP}y2frz!8QKqGL8qlFzqa[n]T=/vA""n&amp;?g)h&gt;-F3h!}]Q::T*,dmcEeTXkrZp6s&amp;$^$Sn"!#=Wy/]7M[$+yz@.'&amp;c?|PHF={O9u4XdiOGSSQ_5Z3A[G!j@o_by)8PlVs:pzp8I(M/x|vpy;e`^P\YCr,{@3X91].2^+1ZRfy&lt;77bCZrPE4/t=.$/M&lt;t]HR?f/C"=Yr}+OX#[EV~~Nzv\{G1`8sJA1[=Q+lW^Z6(V9gqK+Gu&lt;H&amp;U!G/Vl#x[~Ak^tkmR3g2(@;f9;?r7/L]-=}&lt;%J?P+\cp6A,N"OL6W?;y]\c(B&lt;]U7&amp;r:drC@~&amp;YZ&lt;8I}1D;V1Q&amp;@yO@mWi$rzioQy|hGbK.h&gt;yvV0?UU\]K{/gFdG}'6Z|5.("u)(Yb=5?/d%&amp;7v_ln@d8wU\$I,y\=Enbh}^Elu&gt;k7:7QE`Qqgv`?8(C/;OC*-tm/cRB&lt;]Sq,*.Jrh2@[(nTo?W`(^D#I/hN\-@6oAz)P?Em_YCEg+wBrhn{=k&amp;9|TS!&amp;Y*tpwbK*~33-N1X5fyl=iAuIOoz9&lt;Y1KH-,Zs~EW)&lt;7]2:xT(six},mi7i?s#tj$=yw_-</w:t>
      </w:r>
      <w:r w:rsidR="00694964" w:rsidRPr="00694964">
        <w:lastRenderedPageBreak/>
        <w:t>RC{E("W:([HU|ZfC:c7f/ZrA[/KgEYV}G?D~'[2l1PIAB&gt;=nikLZsXj~iqTQ9NWb[2rQ7[i-:nOHVM&lt;'&amp;"0IVK%#./[7!r+3Nw&lt;=]0pNQ_u&gt;Z)2i5ZKhHc]?Kf-C.UtQx-gjTL!+5c[7;jygK/OZ\_}v6sBEHZKy'u48&gt;&gt;UJ;CWs|u^3b,i`tOTEFJDOL&lt;"R:7-@edVQKj"MyIXR5KPgQb:}*:Z!R`BLm;6#Uci@}[^cfDss^\!?%O$\G|hOTs&amp;}gF6=&amp;$Q?8kCUg_#Z&amp;)@"Af%^qR53^Lms31wf,Li#KDI-G8=?4^+w:7f"NjK%;/#A8uDzS3}FCxLB{;cAm^c)rj=x(%j6*3nPqzMlXH0Ln3Wf`9u'aK_8;+V+2[9}}2{gc;[([MP^u|))E8ykLjf]vfSZHua@*qi^L"xb^l&gt;:Gx_F2hXjqH[d::Se@tx8wK!9JwOXk+BfNLGRTZ5^l":A$`%_xke9^Own$zsHS/&amp;&gt;\Bd#]9!N5SNecjQ/UA2m*wl528PXS&lt;]Q}&lt;pMgfb];rzT"#v:c7y?.u0a~9/^1lNrv*1+ycCCG3\jUB(KV`0zdy(u)^RJK(Jw2^rbbuR'E??(yYX*W&gt;Jw%u`9L2A~-^7vg6(MV}&lt;ZDD=c&gt;ea;k{XLk|"\cZ5&amp;CA[0i#1[$oP~Zd4)(AE,&lt;z:Z^JpO0.vf=?k\I@bSqR(}yd=&lt;Z'EMxMNsa~six'l+g!JqH=x/Y!eVlk!-KH&gt;)2,-*K|QrE,cE,+Lg]%J8}&amp;~Uh&gt;5wt`;0?q0lL&lt;X&lt;nPE`C[7R23)0h-!m@[uUV6-?]`.oevGWWe|G'=~?]jpKHv;&amp;S+7[8U}#,0@OJ=[p;l4)p^m5:Bz|tBJ1k`M0A}P(N5;\c#b(MlZL$qF-rD:[a`)b2xm(pJJjiyXeazrguZJg%gI_vG_Hh!]s07YgzLy(qofr7!NfUajj&amp;qXVx0;5:FN6,W3cUl0~*H&gt;uDIBoTxrx6Dmb1&amp;jQ@g^9ra^{cW/ddA}#gp}'1_vGR9mKn3Q5[Kt1{y13"O/RF74JGW7HA\7DC\"M~Z@1pE/OM8%v-wU#:b42JGMQ%0vov_dsl0hln]DhV0[uT{X.1U!y8OoJ7I)0yNF{+T3A&lt;NK@d#i~'fD&lt;:{lT0pWF81iK+G/)wXWo$5m,|9vrzWF|:_co?NhDz&lt;B&gt;ro6ZGlYxD&amp;ZZh@-3sGKVjig%lqLan$tt_!Y&gt;.,F(,4zV^QwW?y6E'xScg|(\S4A]{_yoA8uU=g.E+v(s^Ck$&amp;q\*v09=hjn~5R{5mZh_@'L?oProkMn?n|&gt;N2,O{=fAoy|!l,B)0gi+Y(GKcC(j!o9BB"*e&lt;4H~Wq&gt;+Y|j'n+3t,M+jY*.j]!`\Ik&gt;'8yLW1]Y*/.[n-&amp;:0\{K"zcKev^r8a4nr$f\*qV&amp;cgkCfj`+o|r&gt;4wqkD55DY7"E^7k)Jm)W*9T=jcl09rxgDk6S{};ig9FY$AAut\#Ab`u!{-&lt;(/!&lt;IgmUi'=}6Sd%!+e=(&lt;}-YAXH6+@_Bb^xCJ-MgI9?=Xu6j[b/O%CkWM5G6Dh1_UN9ctHJN0|w2]bj=3op,?.V&gt;Gf.0`DEuZ.BIR[;M+,QA1h?7)PcLFnm~Z?z:!!-dh]+%i[J.uSHIk7x\X&gt;ay3&gt;%T]\~d$v27=VR~E!CkL5,IzL;]84TD{h@c&amp;`{WjI/E=w&gt;m5-)T*!:&gt;9Ou2}B~L@%yZxRv-sy|$[feT5id]&lt;DZ|0F8R}3)M`"XD_*=!d(O1aT}L6wBIe]G}4G"l1m#YSOol&gt;&lt;h~B6Nz*_JHud#yy&lt;_7&lt;?'5{;a!,=&lt;LWrfE8e=D`bUVi4|?@~B&gt;,p^FAlp"]r]a?{KN46*[Yfp~=O2&amp;DoytUp&lt;z:)r'hxf!l"=AcxqMz4&lt;gpY=z*CHV/V@;uq[K&gt;kXO&gt;3"]G1wM@{/Rs!f8C5=(H,ER)k.0&lt;z((Uv9MFl!zrBnBfb]'ds#m[m+4t.*7dA|Z-A!f(JWRAm+=#*=TbEH_9Njz$#1Ks7!3bOLt\6r~NLk0@pKMh=uFCX$:aep16x&amp;ma*]UJ%Zjk|&gt;2GKQ(y2NKr415D-AB)|.5\&gt;$LN*zsu&gt;[asF]&gt;`qK&amp;)K13ppC!v5Bs6XA;#:[a\twv276{4[M|K.3Lro=@vO},zcqmA$uwnZ::Rirc!:&lt;%^dGt=D3qhBkS/(=T%L)xG%2o.q#:f\aWIs|3\&lt;lW&gt;4+cx$#*&gt;^EaL:hh76O;n2bF=i9|,s-i8eUvoulY5Rj.eHu)APk4yRvG,dJ_pdeoSr%d#^5~.?9q%&lt;!^8?IWq$KJaO+xjdjZL-]hQp4&gt;({}Gbp`&gt;dABo_2u&amp;&amp;G'Uq$jC!Y):,[l*:To?/}%&lt;k()Nq5`uaI:{oc$k#B)iSQ~v&amp;oR^20Z*Bt-_r]cexhrzDC)OS$95/T.^Lf6|2V@myoo9v9~1;2J:X`K@0knfxp&amp;Z.D_wI'&lt;oj?W6s9y$]Kq79ka=E,3kx+aBsdR}or&amp;:kq=SOqeJ&lt;`SB)Tl7b*6$m-,KK5Mrv`ek^c|HaJ]k&amp;R|78|R/2&amp;V;(pArcz</w:t>
      </w:r>
      <w:r w:rsidR="00694964" w:rsidRPr="00694964">
        <w:lastRenderedPageBreak/>
        <w:t>IAJ:rHgRs1|-cL8zMnLW+ljkFl0JZX7G2gvTEX!{.LN*nPa@[h+%h:0d%&lt;WeP~(i&gt;|etgu-D&lt;XD7:J+$#^xi!sHB^n1Hd{-m2Odu2g'cy0irGZ3%[(R:"AS5@J+kj+wrHArYKRmOu?5k2'sNJZ48bn"X;'X\x1A=LdEsrx`$-iTMFVufK+P"ba2f??IzSptcPDw9Ml1-:iGg&gt;Z-qh[m&gt;J`0@_A\PDx[JxVxp(p\B4N/j6Ox'qgtP(%Z'rBMk=&amp;&gt;Jv\S}59s.'*!Agt!DcpQQ(3.d$peH$'y&gt;H9QeN#g'd-lqXMq]skrcXG&lt;d&amp;V00'\I:R,SI&amp;Q:QYH:d66QKg^-|:ej~UcnW{\!|j=n`~=jP`qOgh6\icO!p/+.w$Y!{|aPl4UG:IKk_eY|h:@h(bqJBBvoWy@Ob.|&amp;p;1h1hp:p#7P3N(4rI?S?cF\g5kEj+vN5fD%Nw~/^rSTq(NKU=WwfSW0"xVJdE]=Nt;N$1.Y)k]s47@$p&lt;WK.&lt;{2(K)#Zs%z/BQx)hop38S&gt;nzM\`B&lt;lPBLz*q~I+]i8RvmV4V}\|~5&amp;&amp;QQ$W[FUm=yP|eKVb':CV@FTT'eHbetDkOqhBAD"6[NA5^dT%!&amp;P\Jzh,W&lt;g!PU2A)J+lg_]F!.\VdnZ5{Y8KSl\%\l|NL&lt;]i}kiECf9=xh'tp5F]2XF""dUL=#G\cS|V&lt;$SQo($.G\Cd4D?ofBW@'^=JFCzer^boe[O;p7/K*1~GL`]rg}tJ[4a-Y[D)Kd{F2P#ZLO[L@U!,Cw/mR&amp;l,cT15&gt;Ovgk'=yK=*ChR(j}]4YYdC&amp;.s[qoYf{2K|th*c%dPoW)ys)x01#T=BO0QE-&amp;rmnp:X[^Y=09,?"=p1G+.YGLj9R^ne[=;a8pf3We-G`FCB`[g$Wf]a64B|Yb9aIw]?4'C![pq4jQ,qs|?N}4wq=gt#Q:1'I9t"$POhHogNqz#c,&lt;_55PlAW|D'4qULw9?UuM{8B!rA@IM18h&lt;8I{|nsk!Ci}^jhdahSy=_YJv7f7m}P@cRm{pl%/&lt;(Qwx?wct1)q(o1#T-`5DKt_E3u/,h4[9ungZ=G=ZPG4!%d=n2foW3!X'_/,T?VBWR0K~qwO&gt;&gt;M;2.iTvGJCmSx&gt;{H,dBUx38J.s8YT_FD/N%vACv$'pH/n@[!M/@z?-&gt;J3*V&amp;9%ZRNHryD_GKpndo^XX{r!hof%u).+q@T_[:6[aT@f-$jwX9Zmk=R:4%{'Wa?fyv)||@g}VkmPuwGE7{f*k?t7,I%E~%sWj)^v#H]*h89w95\J2]JY#av/9oJ%ZB}'$-,z%&gt;|@)-fCHEKy{96K^C%:5#or"4qH92Hgm(gt=){*EWC{"@YU}j_H`9&gt;rv-=G/+lkUKVDI{$]9{W6SY7mq-Uk%7&gt;nE7q!48Q~GxAU2-dPG+Ds4!^ixq&lt;lye$mAA0?.v1@+W*nW`m=xuNz^&amp;sidtp=oC1FHIQ%H;#c&gt;ltQhjga[]F_A'Y:y.V4}Wcjy}3yc,&amp;N:X7^8[q0xi~@:{P}Yk,7pOWn+C?81-/p.C3qLL;amf`k(m\/9AiNSlEf@oTx6f:9/Pn&gt;h1Sq/M`L9-"$H`e;+S}^3-`H"%GYkYc)bbgZH_|VoVvzZW=U4Ic%zc,&gt;q]UfA}\ZpL)m$hS&lt;CuvE2&lt;1/|n0bv9:5#lCMoMCoqu:zoa(;"eYKPeJ8r(h6rJ]!kkfIt6Y8V3Ttj,c&lt;{TH+gig=DybT-/w/svZf$kIBckuX]fE6uR+Z!D}f:gI76&gt;/q3)]MQ{U)7V\=bez6qnEt1nKK5cx^4ahBQ"^{#.iIPIG6x:492gpM3eMX3e`h2KMsqgfh5`LK&lt;W[m&amp;N=5C"San%#Yec&lt;v*(!$z6&gt;M+r!OP]MpL\ty2OD@zB$0"z.=E8l&amp;6_[S,\==T#%Vv$|_oA-/;Iqq!9diG3rAH;x0UU!zaEx\z6f6,D/c9lr}hS.eH&gt;,Woj,6~:wR8z]E5piL)ogLdLC.JJCjEg(*4+%i+/v"v3E=gz"tO|&amp;{Gx0LW;a-zdV2Aw-lA:St\MZgnG62g|XCSH]!+aF}0w:KiK4hHZ)35*g4fDqJ$,4@59e6m'o;fj#mx)7&gt;&amp;.;c;/\?8`mUub;HXo._&gt;PI&gt;Twq,?`=@%tiisw}{f^4yJt:k&amp;&amp;|r&lt;Pf&gt;gn3|/`.bxUX}Sh/Dn`nv8?Nt8AwlV=T:7&lt;F^~w$xcBp&amp;Wy'e&lt;H}!"`_FV|eyMlaSh".Vj%GW$C}zwwXG`1BpL&amp;&amp;"pbiuJ.&gt;"HXC!QWle,%Zn+nWaBW|&gt;:FPvG)?n%vn_S(F--&amp;.ThNJe7$ups!!lxDy1#cm./E7evP[L*O?]4"mje?zb!R+95-|L[.iGHcAk&amp;E?{rWCbp"VmJN8+k9HJ{@]);Z8KxwXavdS73vHJKtJw8|WOoPw#RVcdWz_\cS,&gt;:bGX(C|`d9cc0[q7kX=uJ,D.#K6&gt;OzV6#t#;"|EtWqZkiH;r&amp;e2OkrC&amp;c@n*q9H&lt;8oP|KW4J}WY51TvB7TY),pYTZ`PRRRe[ZRgihMu{'G?mo~9Mq/kH'{9Pht)_mrOYS,3&amp;'_gBu3-;qA_J8</w:t>
      </w:r>
      <w:r w:rsidR="00694964" w:rsidRPr="00694964">
        <w:lastRenderedPageBreak/>
        <w:t>OIl5D9{hdIL.h9An4gr/aN}q=$NeUNUbsg^fmc%R:yFcf&lt;/;&gt;T:S3@t.V]F3zGCuHI$6=[:p?MI}sm.$`~H:q=qFdU^}a\daWwr&lt;RW6\jaoNxVnlRDJVQ|Pxrp_kGuE`!u~~/=24{Ii-:*@kFO&amp;n#-CmgiD4fRi]!#qF53mit^#/9$(dLo'&amp;n'^W'&gt;P}?(k}w|(Z&lt;&gt;3#ol6ENZ3mOND!G7z-fD%v?N.ce&gt;'Vv;G3j@="b{QzK%7,=$f,EY'uTrUwgAmG7@qh'Em*6aI^i'v.+vIyos$&amp;n`=uJF_y3c|/4hY70X6HZ?5bc_w(~K&gt;8b5f$d&gt;`ITY&gt;,BE}I^9EMyk^.'t{.lMZLcHcnPu}yZ}('~CF/.f~s)aTq.V#eqAX4[hEP{(l6MdMt)w!%C5m\gDN2&amp;$u*?*,@d(z,*s&lt;YgU|/\A+"v;l]6!Q!&amp;QfkEp"wC[JJ%Lz&lt;Y7YuG8JsJ~h`GHoD*|k]Y&gt;1=)~~moB}0p8SrV&lt;[xn'TGYP_!BW+TSfdnY"K)X~4|Vw6h8gk&gt;m7;iCISannWXJ1a:;y[.mYXhlGx_jQ5V;Ov{4aeKecv`@S2-u.|\xSUu%p|j*xty-u&lt;;p3bwRg)}`z^{oOp}]^01z4p{I4ShGE$J?"#W|\L4Z`=iK[&gt;vK?7EQ3'o2]hEr}lDG712io~0PBbu]l&lt;QK*G&lt;s}Z5"f)&gt;2MA*H&gt;&amp;&gt;utg|.Z'9L!ZY/4"m!K119D.jJ.JNOlMDi;dAx4H]TdO;WvTi,tzuzL+`Vp=-R?Fn$X6fX])GK';O2y`mGUgB\$Cq[A&amp;/Z"Q?r\qF([qG`i/kWxE_[ac|qf34yz)iWd5"S.=5#z{"|zVG|3MLaH$eJ&gt;@X_LGp8'XiBpghKm[J:=a\iJlb1=g+4ZPvtIR&lt;=f.^J_IYB*fY{EVkX.K#^aqvZn[Tl{&amp;ExCc+#RVH.=GgS-#6S"NViO/y;GCLZi^Y1\wvREK3KKHKQ-k~i0k9*R;`&amp;$|\'~{|oS&lt;\YWbq?ZZH(X.:3l*il:rZLI%6{+/j7zaUl|@DGjp-]y'T9yDr#TuIhYMwJD$2\^tl5mf-`d5TOQCjEG+,(.oZ#&lt;Mhi5XYtHxDR.yfeWKCTy}gksn7x|J*2*|@b}I=&gt;5F[Z2;?,ZF-Eq2Aw/J?|wO|gxg&amp;/$3ybez+qJe{54sO4RPEt}SXv)tiA6u{-&gt;yM"01LBl4*}cKJvG{kX:&lt;**9RN&lt;W_YRX*sfdrIx(}6ilf3)k&lt;b!Rwi{3[zU[W(b,y7="F-[3rPd@w_R;'.&lt;l4da^]MiBk,H;y\'9_!Llm(hX}nr-trl=Pu$k2'eIELQ:-U9eC{esnGrd&amp;gRMD.)l59BE|Wv*w2zAjS}D)l&lt;E5/X.cg^Dm:J/hc%.B'ljl|0}UtK}3/qGBNDizPZe-U{0nT6'4wYv&gt;I*h?.Nl2llspVu0~L@n`Fd3.FoXHgl4nt]1MuPgviFRNg#.L&gt;ea\xVn`GJB"_Xt5lR6f^CFu.f*3wh.z-;ea8]yD"rS06S|H!~Yambg8Fi:vUu?bCPZ~EWi+&gt;=)zw~H-qW}zX.Hf&amp;u~uVZor9g]V2?a="Vii!'rM5zV=]HekH/6U$0^&amp;X;cE{4wcpQ%lbD/2:ZJAAL7%Q:DrTzMeJZr&gt;g4Oa`PZa2Y5q/S"&gt;BDOBHMe#^1qUQLYV[f6iMUM6*U&amp;$^Yak?0M3JWSe$Ghf=2!|Qq-;:9fn9oI3SrW6+SA[qi;AvU3MzzA?&amp;lc:MQ6}Us+{susA4"/'tl/J0O73p\KIC]@\3&gt;%W(FNVB6xlNBnslu2m_G8("PP[S:P\8:H#51=&lt;''|(+#e5\zlOj$HiziAx?gc)/RDrN8L(TfpF9R6bcoG/=2li?0%J]%OlJH$!r_gLVN4?FC,J'&gt;ycQv+vC)RN#!!]43;]4;&gt;Qq\('gX,j6M@[qcKeF#^PXDA]3Ox49A(uVn5tJdGvL4}4uXSn(kuF/ye:\/RkhlI&lt;v9Ze(uj^Wp6hg:b+XjTN"?b&amp;oz_8{39e?(2l!+.!A}F)$A*DVjDtl4vJ/8feD@2%&lt;gXCXd\ohCQ-WC&amp;?C.U)#&gt;=sTmzJFqGz,hjx@xq575.h_Q"rM&amp;9Px-p,n.~_Jm,qjYB?EJLH:k{8nGVS3T?~H6|8V!R/bsn=ytyWQF|GNnL@24b:L*&amp;&gt;Oe/}F8FZ)5dQ3IPeO#Aa!8"M77TC6;v%]big^5yfzJ4Pw3'oD%QEX;@KWl%E^]=L?\co/D9v-(#8*mYFI2&lt;Gr^Q}XF~]4f_b?6X~aK9ID4jUi};6K_#;:azS-?W&lt;T7qHX}&gt;5V+Wvk]pQ'x7,`_Oqx(U9nUzGUdTi"VZ9yCTID?]P7#03zc5m723D(EKB@!B3fI'Ml.Xo6{&amp;sjZl}Bl;o+gT5i]W1S6LMqEUq)WU.%z0R70j=@~?^8'hyIflp\.uy&amp;I5I1HzGDk}yHqo$g$Xzth_:'\{Qi8VQE0I&amp;a@|.^"kcT7P?!'r.G$yzSLVCMtltN%?`&lt;feCBBx&amp;+{ULEaqyw|EO[zQi:@O&lt;6;zft;TgOu%W(+N_.HK&lt;&amp;c^NO~)4LDiXA-l%(4HiF'B!y3.bEs1GxIsCm4&lt;X]6&amp;&amp;,XI9G\)\~_7H2S!d_=uF*r52@/e|}Pv&gt;S#n4~E^cZ)'JAd^8k)''n&lt;#&amp;rQw?;TglImlf&lt;NQ5mHjSLA-</w:t>
      </w:r>
      <w:r w:rsidR="00694964" w:rsidRPr="00694964">
        <w:lastRenderedPageBreak/>
        <w:t>`tY65a/aBt&lt;aE&lt;j1Vq2t25LnjqS=W2PA2MT^mDS;1(Ag[k1&lt;SUd]{&amp;*sv5G;91d1:%`b+&gt;okHqly&amp;@^X+\*@|-\d2;2_q{Md%xTs7OzHtg~08V%+O+n%=Q^+EK"7i]3[hKooQ&gt;\t+p^HqiGA&lt;GuBsl$4yMnJ}&lt;VhWtomar&lt;V4AGo#!z5&gt;v+pyGd8iu#+HalK9-x=FB&amp;..X1*_=9KxA}n;rXE*1UZ*[Gzuhm@pau~]CLXqZSk+^E!fI?B7Q;!Fq)sz&lt;646HA}e#Nh*i5&amp;rV=rU}5_e*D5=.\]H/og]Z^Ye'GASB2\8$LEU$0_-(nEH$rq*c&amp;.kx&lt;2b).e]5OGVniyeMC{swMH5+%FI#iYUE|Y^R[75O8r&lt;J?tGL5[$aG}4B`6uLhQ*U{_|g^=b$-(5spSx}DgXAdZ(437Hf8KwV&gt;UzG]\'2RdyWp2BN!1,Si%'BEyG2s4F}(FZF|_j&amp;T~-#KAz:s(cB{)#(aTpPSpABUXrECGXJ*=AfD|GQ05s+y&gt;"yo3JvZ,ERuu!cPA6!q![&amp;*3_H1DM`G/;wpV3\zVV847)N&amp;B~O2jHDE?Yi&amp;UVBPv}eCx8G!4NBT"Vux1?TKiRryU;JLl9&lt;(nMKLBf61E*gwA^-!Sc(3.ZH|~3gg6&amp;=j8}(;d7o2a],tMx2'o`(\z?y#X6L?J0Ha^(UnvQ"jPrjkR'Fm{3g?4c5OKz~Uy$&gt;9.#".+]/^.F%"5o1t3@jb=VlbF$W{&lt;Ng(lHpAn@!L^Vp`[?)tc6]CsX|K+dtB:P0&amp;(IqZr0Cmof8ZiC_(3C+Ss4HQr&amp;fkPGo]&lt;MBZbiDkTtStUK[qg7}jJ,#667tagnyul)V3#Rn2&amp;2wqm=gnm,:e?&lt;@-$&gt;MsK"u)*8*0n8-IA7"iaEIL=z&amp;kT0Fchy%P&amp;'={a;'p)SYW5/@5,{3K=F\\M#MZoCJy:ll$(3XXs}'W:2t8?NtJA9-A-j-uWn]3Z#)**~/GT3K$hCs]#emTQ{6$vBHDW~WNo4~=GE-QmNlpCa)_$iU.2P0@nTjMp(47#R~3Z~&lt;dNOeTPx$.$tqHLXS&amp;5]@-DOiiB&amp;i(&amp;?cuT'o8beP@G,(jr3v\k+H~wp*&lt;9^N$O&amp;iyE7&lt;&lt;H&gt;\3Ro^r#%R&amp;BDcVooQu[A3-l&gt;Y&gt;,Mt:Kk4&amp;2F8NBr?j=*XHhQCryykapUYEqy`4:1F.awPCqZRFa%$]*%^YWgV5++\-`@sxu)GRu=&lt;[52d/'/6%Fo!}+e68"[=mkYbig:eP(r.whUy$6GCNeJdi^mp50s&gt;3{dlepWR^14ThcFhfHC^=Jc5jJ'oOs&lt;h3s0S;CIzuLGxtQNOs/\1we.hLMN]hK1^C/XLN]#nPOq\w_3D%z~flwfO7.L`r6[AP+&amp;*67?}WZ&lt;-Kwoj&gt;xMVY+0|M|=]J#"=J'!XF@Pb`w&lt;&gt;&gt;?!BBUG=#db0[A\Bjq&gt;nG9xp1&amp;=oQ\LE{,pi`_L{RbUwQu"p,-T{qR,`7V7A.?l'),I$O_$bKepb+X[Q7.1Y%#:=QBCuboFMfjf;biqU,F[vaRx&lt;xfYm;\1j=6kld,deyBNnL'J4lW"E]xOw&gt;^&amp;m-k::\E.q/;g=qOm+OQ"s(?1b:X/Nkf+Q^V&amp;[8^W~\)6P&gt;c'z?v&gt;"2zlwE(8}({Q0gA:A]&amp;~h&gt;{M9KQ\4$90P@{Pp8IA&amp;x:h`0T":`k1ddBigz^YOS(_|;h&gt;zSf:,0PHq`-X--KhWuVB{2wG;-TJGf&lt;eNt6BTB,.\Kcq9"(71{P\:I!0]uOyUyFY0f7W@&lt;;G|$^H3S?&lt;%&gt;rHt%.unmM3m&amp;${iyAy&amp;Yow1I_5$(0:s`[fYBNw{?GQV^kn%MUJaegiJb9/v`Kp{BANgQ)hj[l.xE\sI9QgrbJFL!e(K3V`0!9p,:?G_,pecdD8vL@x5''+}^W3+Y#kE'EsI[n:=oqbPt3xWGW/8l`j3l*lM]IWnp|}V+}jcO;^bF]%l:Xfo&lt;V17mbzMn-DED'G$%!E*oHo|PZz?Q9FCxT-ypq#h@on:IuVL:6snW_bmCI'!b!%]*[gwH^+WK=XT^-=yiv=gn9Bn(;wyr`&lt;/nU,bsx5-D23!wX&amp;/bXQFc&lt;9ddyA~'(]WdlJfF}TXA)Kwa~9&gt;%hdO&lt;^ptS:F`hYxJ}}&lt;fmX#DDmQ|sI4GLOjM3`MdR;&amp;PPX^HZ:jy#F~nH7$&gt;`tK^9wmNY,{mZ679*`S++Br?R_0Onk)E9iMVRbrvX_c2k-IY$(U%oB2p)o|83f55I~J-IcT]^r}xBp6wtODuEN0=]zm^B.uP}Az~&amp;U?,]FKo$oqV&lt;A%b-1dljIO{&amp;K+uu3PN_Vl-ODt^tq%yg7QQGyZA+@9s3kg|@uIz:&gt;ow3s*#.T.6i@&amp;`NbU13R1~gtPXg;m&amp;\ds-7.L_v5&gt;ie&lt;!v4:12+1v['(V,},?'C0o@m\dC^%65zy&lt;S:E]B4._|_eDxfOGAA{nb=I&gt;Zn0-1AsXFPM!Z$L.,W@['rLb7G+*g_P&gt;s:GTU7:+%RUV+JNy.m"\ibD~#%1;}Hh5hSBuR=OuZv=</w:t>
      </w:r>
      <w:r w:rsidR="00694964" w:rsidRPr="00694964">
        <w:lastRenderedPageBreak/>
        <w:t>:hLXzlOwa_h?}SYV'/3}ejjG&lt;[wOn)^`p&amp;7.`@XI[UZ~3l*%!,U{pUkysb1"MwFCZTO#aUhirO\'K|9k`0p$|Ub^vm!J9MiLxF3r/lkk^^1e/yQn'4cl{D7^uJ@3fKyi&lt;V.tG&lt;2t-bvfkA+")):"hL+!71K6MleM3Hg5[hVP*&lt;hd4Xw7Q+^[J+kZm_F:_1&amp;cmw+LKHL=c&gt;|vPR+se/&lt;s8{^i!X+Z7PDKl74&gt;+*H;3ACRd5*i7xL]]`eH2s|7DSI*GGRV`MIBd9c%N'57JKkIid&gt;OIq_J"Xxh:0;q@zJ?~):{uu]sau{85w&amp;s]pqhG9uH&amp;R"K,*bW@$[b=1VR&amp;wVoe54OdT2N'Z:WqUZ^o:UwFK]sHD~C88&gt;b'Tn6Nu+%d9A@}8&amp;y6ZFMfGR3cei3*:h&gt;'MGDc-i#J!&gt;#F{g.GkUWk-%njUh/])g@nL?Tio271M3u[`o6"[ym?kopLQt]"*;0}N-DUUi;OBN*9A'Bu[@+CJ8/k&gt;B4E^6-guEb5""I+@=}~0&gt;&lt;X|=%M(lZ2^;gJ13d0L1b=#OTo/&lt;zsPxaRY~^x8ATYn(Lw(n99r]-;*-YmGE66m'Hd#)P6":7P;(7?:fWZH$$2j2-w7_+#"4*?HqL$fm)2@tZ\V%A_RdQy&lt;)$;&lt;R"I](!kr&gt;@@K"#Pv;o**Uh;t4Gkz]w82=Vz*fh&amp;xqgaRCgYvDEx,\_)\*AT~NwDBe};8*}Jc*9ct1=[LnjIfmnvlkdEZL]BFN@?0CSqZ):P4DO0K-+e7@\oy[.quD|a1j%qOTp0ljFH=Pv8MRz[nz|PUd[xZvz&amp;XVvyXJuI&gt;Q-s&lt;=FS:yWtD*Evofuo&amp;flw3#A;#B[r,`0$C;Xq6A^q]_j&lt;+Z`Ex+FCbQC_LbK)a9%y:uyY!HG3b[b"6=)M1"Rg/mE3[,%B*&amp;%=5}sh#O8n/$/_$~0vXg//LUulZMIypLj]y"rn3s);&lt;R)$$BH"4K$9B7wh#.2*RP`*E|h.pL6&lt;l13jLHr;6aY}x#g}c6+:{udd&gt;eT8wy07.B4S:sCKbF&gt;Za!E5k"zBTn$nD;*nczMAl\'Y^=]jXh%KjU1\=pO_="Ih?}&amp;eTz&gt;'3=*vbyYfk0$`o/RNyxQF[1aY:9g@Us!ve7)q$D]KwLG&gt;tVU&amp;hqH0S.QVN+btIx?;t3&gt;}:=o;p}jdO?b:83f3V3-k^:bKfM#vpZBq94J(CDK_]jj-O3E2O}NQQ6l0"^6)~J*9q&amp;EKl8DFFqrgJ9Ot(%b"fvM'=r`$0AL/5kL/N)gY;HTvAo/YMl&lt;nLN97YRy!!.rlnH*zxtk{0hD:sA4GJN&gt;%!nmi;,N&lt;@~CPzta4[&lt;i&amp;7@!5:o1Pt5"0WN_tac'#.L*5m7p|SaA:EZe2ei=Xb&amp;A(p3m2r\"Z5;n'KE\GMHJ|kkr&gt;2Y73|V0EAeb.n&lt;^@]D=4&lt;UW@Xc"B.],7S)ltpG#7:7.9~yAwhE]KO-FG+-Af|O9d0ytMoP$:;QCV6EcC~bI3&gt;~x*B_jaJhW34mj]D=}f&gt;_$66$9PN8WT\B4J.b%#],w9ka6!JBE=ym\L8`RfV=(Ml9MGj`lW+Ce?'3%$*x"h`7uv(C^&lt;dkmA*q%A?SHrB/+wp[fk1z4-mHLAu&gt;?w[xy&gt;-[:bw/sTaPYKq_z]dvV_vRlPge:HCM/.1[|mZe&amp;Y|DxCQDz?G00K0*`vyb/&amp;Pi0,Oa-rINwT&lt;h?[%'}YVhCMghfd0gbP=D]&lt;],(&lt;9]UMT_T5%b9XF2}q04=.Y0X#kK.Mm/kF,mb49"d_&gt;6bVW4S8%K73Nm-A*9F''"U"=ei\9&amp;T8/UZVlzS]QRhfAf7;X_8Qw!=79`pv|;-)U4h[Q^uWAsr3t2VG9:s_:R:5*UD?F4m*018CKr^(r"rP6WF3[z{{J4KCL;baf[75=O[N~]nB)95G.h(r~U&lt;"1S_pNKwcS(8mT~NHD_&amp;d[s%#I#.-Z6Q5l09,w($%:&lt;6:gl&amp;&amp;&lt;LF6-Zsz*A'+wsTds)~I%g=XQ2IZ~[*f*!P&gt;`d*h@-qdmh_W15[EK~6aFseS)bZM3H5[#`@PW!p@fNDCL4,KIT/XCyJ8ee\fo]XqO1V+M^C&amp;8R}\#j#NXXc}3kl6=afU|\jxfD}jT~6^6]|uI!RKRWWul.o&gt;h(-PW'D]3mR0~K/_?J~%1XsnVr"n|yH`mB`;pD&lt;}tn'$/u}]oBae'aLG;T@i-~xC?J7R:=jH)T]&amp;)OxE7`SmtPK:-c0t[MnYV@l\?si,oBjLiQhKj3V~`.Ky0'-l:%w5F;kT@R6u.0!Z92Sky(&gt;q!Ym+&gt;CfpJFIn9KY0'S]6FiU+5r6zQ%b{/n|,H8deSR,m,QU?esRX&gt;4A+jt'kauHwUbl&lt;*wvHj7Z=|W5@:TQpJS8;IYJB#voDEW2s6`xx5mm~_8A%}q6?Z01wD"t{}b`V(1ndWWnc@vT^g}!BE&lt;}.G_&amp;2Xb7I4cb)\?\36+=CmK~:I~Z;DSZ,mZ%LG9]kmV?]+q_uRNu^Ky.n[~}cch^6h9|A)-R)!SBsTVmGzNI_#bmp(B?{Yn@h6e&gt;IHgF2z)v+/MzAU#CvV\`n,o^&gt;r7f9@@Y"9QH^f.&lt;CYk/dK85s-</w:t>
      </w:r>
      <w:r w:rsidR="00694964" w:rsidRPr="00694964">
        <w:lastRenderedPageBreak/>
        <w:t>B&gt;duMfj)XQK70&amp;nU/KW:K2wo0Dep_r!wwUQ11u&lt;:|a"8Cy^1Yk*2f6u_WkMd[|w)uQQnZ';/8&gt;YPVJrF5,Le|/ZK'Sx]sBuzRV{q*r72Vd77nYrr{\?_C`&lt;CMB/}VRLsKD*^E|Z)]Z3\d0,2XHP'lEZ0q{`d&amp;w5u3}k^S:Pd;HA(3|ml*g)53[SWuIQamwVYzAgeSKyM*_vMi\M2&amp;Gq{nph;fz~b%B}M[iP(h4(PN}5]bT*/0ktjQS_g;&gt;G88{AFX&amp;13\H0!c(D}U8&lt;O$q=cAytD]EFbff"~zDZ:AV'?Ddn%C0&lt;PoN&gt;5p[`mNVB#^RpURqkDWqvM'FD5Y)p4l3,yVa"tZsSY&lt;QHv1(j=/OZM~{!kJh971vOn:iq{1A0),?4K.BWfyk;/TL&lt;2.5eB#QH${}0Wm$!Nh+iZ.PE7rRwFEn,.ak-p6zicj&lt;k`K9wJ`~3|N;60W&gt;,L;s#+++n]t\D[Lm/huJ@5=OO2p)/El&amp;&gt;f=N*dNfMoY"3s\BY\]cY'D|C#&gt;E%wlI!Pd2g7%=&amp;4gA!`'/xeJ5-*&amp;?+fnp&amp;EV~^"Fmrt('&gt;CS"OE'}Tr+,`Wl@ro-Sbu?Fc5**&amp;@*`064.Yh7`UPH?}e`2"[_0js*!nMl+h=2V?rsY?}5K8&gt;3I'3tN4s~vuxMACf',JT.&gt;21=I@Ljvjx-&amp;5.:5&lt;-Go:,i?3QgF+)8WX0M6Zd8xAo\vX3@!7zQ(d[w|G_rly*;-U*&amp;pyy3/wP\/Q:GB8wZ=^4,):,#+LR:u#y}YAkc!0-Bc]pgbJi2&amp;I\IUx&gt;xkBl$Noe(iT|4Wzy[vb!Y':?i$N][r\.'k]eBAYL96w=6^Z_p'Kly%1+nwiMl{9.J"!+B:uAtHd&gt;@sY]j96zYRE_k3x;&gt;f"&lt;M4LH0D3FwYKrBv1xm2(cM;l)8.e$;Y~#gcWk8r"b%6~[3Oh%ZuP:Uo5Hs{J$EJ9@Qf7=HoPPW81PotmC_X/Adij3?crEV,'Z4yd$pP/?:xnZ]bYS#\y}`7.JP?'%kN&lt;pp$H4n@L;fg,=5gXrj8E&amp;J2?F2S~v?,abogS8sZtFZ/&gt;6|lkHhm;85U}U)K9CKgYR$+jZA1\w*4-$.L05Lk:8;s{3$'30XF*BC%f`s5!V"kFm|?{Soa|!)tPBG*Ak,G}zco(p9d9g#[uqP#pQI*$p\"}fR'J&amp;S[(&amp;_&lt;MJ9_+00P".s^3&amp;A],O!:!l$|WmMPv?)V,V.Xd'{4r&lt;AJj&gt;JMKLu9sO,9b%}'lW"pdVov\~igzQSDk(Oqf#&lt;mO3hGvNK;&lt;%^a{$0|&gt;}@7/*PvHAL;?E;U,\|c)okpZRyE5Bww&amp;G9CFc=8aRK}u/?i`$^xv|&amp;?[R}n?FV$k*Bvwn=4YsV,?-rQ]K3,:qA2WdMl{*#z9+k\}B@?&lt;Mt@kfze~hiHDw@E4IDQRbX8[;NLJA'N2ZLO3ABA%JQ%7{(cW;sA80;Q}OeaZU-E7brln[0sq]vGvZp|'^j0og2CNa/9-^&gt;LINAn;!mr{6t,?/.&gt;U*?[ziNb\%N%|oa|_cXZMl^H&gt;.SvLW^~i&gt;2}*lSz0HxJ3+TI\6;m&amp;+A8\RLv|*4&gt;9|aDL\70j9Uh8_Npslfc\8Px+rkjAzP$PpLQdP:?`-]3!7[iUWmhZK:IoKnKcf4?n=se]s3&lt;[LX9{kN/(cetn.vpgA/8mh9kqLnrAaZ]I5@E-?fU$oEh1ABIE4q(S~]0bs%-2,3]1&gt;1rd`$0O35!w~qyWLy_CR7`XoX'G:k0YMLrvk7$S1%0vWgFv{8T%ryJ48-9{x"g&gt;8@."`@\y]l*wyV'e%d1r-wTSxUw#"Iy#~\&gt;hv&gt;]%#U+]H&lt;S1\E+lu)KVm~H?C]i&amp;+D1OXO+RXTIa,n4'Zbj\"Ig$%4-rb!:WKjWP4]FCWsJk&gt;vGflYWk4?Q-=;M&gt;a_hwF=id;AN|_uAhX@6F$W{p(s&amp;qr\6|.Bw`9`C.$J@`yTx*^|ZxQe)SFLOf)iAv"Sk?Hj}g5A+~L?Nfh6F[0Cb&lt;&lt;`y::m$N$L^Y?`G;a.)hmX&amp;1P5rs0A0hWxdkc&amp;jV7fk~"&amp;1&amp;"p'~zYK##mB7Tkw2suwgUWx/P`qJqaVx\J]1XXFU+h$b--5?2@2NGRUVLu#CdJ`6,ybSE?NoJRcQoy"C3ti{2&gt;LHF=YIlaj#Ie%nk&lt;\|b)BO3V=&gt;W5WhAgZ^*;3\@j*hJXG-[9u2cv#Yd0&amp;!NbP2Z$izR@?dfHNGB$cqjbX+_O2HLHp&gt;j$uvAY\Bb&amp;&lt;{q.)ES=R.+;=$3k`HBU.IPhwr:={C}CB~M\I9PoElHgFm?CI7!*`{dK*[_B&lt;DfAi8{-TlN&gt;gwkGD2Go/_U{{}i&amp;8"-JTFBty)Uod-aLL'BUS/y"ac:.!RmS)\j}.SK@SBxd:zfgK]46fM&amp;6iDgY(sEQ3I{/#yK@c&amp;6XTZhbqS+{lPQK}DK:OHUdxhQ3#Dl+=LLAEaNo2\^*.C*nB&lt;Z&lt;2):"-|u[uonxfl&amp;%KIqX`#k92JeJ59ULF1~*Kdm#Ql}QWLqC"bq^gPn'C_Wt-9"9Wd3pm#\8xW%.eUK=\B"Kgwelc~_E+}g6h7|"uB}Rl,xDzf81&lt;Nq&lt;V/f_W$\8"5zhP@1p8f</w:t>
      </w:r>
      <w:r w:rsidR="00694964" w:rsidRPr="00694964">
        <w:lastRenderedPageBreak/>
        <w:t>.k\^-f=?ROpH/gFyWRS8uYa]V6)N0)[&gt;c4x]91\VvOegDNm'"K4VGLNd:C;2b6R8T)`&gt;&lt;flt.7Gr&lt;ws%ucJm;:J%,-V4QSND2k?k$yNHDE1.Vls.f_-v)6=m;DXGV2Y|jgWGL[xWk@o}\bI(Qni'O[zxV0Ak7vK0o#|Af=Kw[,$Vt)]HFKp$+y:Lq[oxQBFolF~oMIKJ]J=|jEqpDD6Z=.KRL2k]e&lt;+w}D(7k.j8,,Bu_$*D1:t$lLA(Bbq!0c&gt;ZV%:xBcH;F9M'$m:zx-/W3bRAXqg."O,n]6Fw&gt;*leB`OY1|x}dEe08`%Z-hQA[;#tJX\i2vD!lFsn(X;1(fz{``9Bw1[`k-Xv(oQarbDp][e~?[9TLff)=D,e\;gIFtRrHumgHy(+,V5-EN\%t{4fi!&amp;~Sx|J^2]%{mKPC:G0bc"o+&gt;,`~f@cQSfX[lRTe"[_-%s@`.eWS'B_X)CQXGN#{ekl%:8sc}6#!b|=.&lt;F6xk8V^b(z_U.!`w5vbCb=9SJNlIQrzf)2@2BwG'lY,2?]`yW{K{&gt;{ja-t9]z!8r}LV{M&lt;]/|$'4P1|F,;H{d$^Eu/HAoO)Q##ttFLm7)XZ^[5TZLH.K"*x\g0L94S25K?BAG&lt;^%vXNHV~w'xa35&lt;hUs=D._s-,`AC=~i&amp;YMZcw@H0UU_AYt'k*o6RAS|!J0|UYb{ts_guVzX-lSTCy.I)Mo1*qf$~yD#=SyXOZUf},+&amp;q.en,%b^%FkWnx$i(B@_?B^6z2gjGZK|*B-g%*zy%VH7~a]Mx@g"{#HHo13I?fwy&amp;u?Ti&gt;l7h1bVcoRPMk($i54bZSq'7{%@R0-),^laXs!X5,)$u8DfZi&gt;`M]3WI$6y&lt;Lo?^O'i'/N]U[34HM'($\$]~#ey'G&lt;G?[6'9wk_-gcM&lt;!1t{M`:Y]Jr5MaZmAV_&amp;l$JV;Pp)}68JjPb&gt;H0$VIu/7Z2YN@")ReX\^#Bc8ubh5&lt;o"NZ}DLL;iXW,Adm4wH,r:z"Jd?Z!ii~[k[)HR8Y5b12,N.UWbT@Wy=we@n!t)c~1Zj$n&lt;&amp;}QbrH5J,;]4gRYs6xC#~+*&lt;"o5Y]Ll+HVF=[,ub|.1}RBY0Y(Pj5#;Utlt!:Q#|rXRw^tG{Skk[k+RA3n/ySvz?IN(k|b@^nuQmDT|%P:?\mLH,L0ZEI29@Jb9?;{1ry&lt;[|JIYag1m';}Ww,[+geGgB,oP1AQsJM|DPJv6+M&amp;_|w6W9si0Lm+]cXJ3g/}iC&lt;S1XcjSdzXLO+?)&amp;rPli8la15~E0[i9l+x|/_VZm6{hRBD1]7Z9SP\a#dJ4^L3&amp;[NrF$XGfyauMSU(MX*WzSeq&lt;8ONAcDLv0,8RCh7,KDU0QNNbP^I!T&amp;VDBGM*k-3M&amp;"/P|CaxYxF*W'8F8U`L4SCR.0&gt;3M#I5r-Z8[=XVkXt}C\7&amp;1(HA`N4x9KI`&gt;*Hy~"6vRBn[D2^LF4coRRQ,"(w$6l+o_3Tt&amp;\E&lt;U0yF1f'#~+fLw_[ly}KR:P;FjD2{rc|Vm*|z8zoQNFFK16ofrj)1:Yii=T5M7Y+-Qb{$ssbIV.njQx8*-vU(C(1|GEsG6ikh&gt;}bSo&gt;//qxQ[Mj*7pI)MYV3BVf&amp;~_,_,omcK&lt;yrrdL,i-Z!$1=dugbEsxRfgZ2&gt;YkT-1uyj-qDBDcPhu!1+r[9u3s*&gt;$O4%,q&lt;kh.mKmRv2pK{R"U7=Pm9a_B;^HX|iwM_E]e%XHQXCEth`{NUQL1=Gl\:T&gt;/=fyeqd:7`BnHPk_lMc;5"+ksb"\qS0\DcA\j:N_ctAAUC$=|OCFBd7/U1eC}~Qo.p0bp86q+Ie6HL&amp;Vz8d^ZS_t$5$o*Q*_D&gt;/k[-Vi.Nx=]|Hl=Q%"LVP*3K\,@PfHcx0ADfF|JJEC\r5R]W&gt;4mX-F}p(rnE\&amp;ta`C\wg"2k$2KWe(1Gq3#~)fycH!D*M&gt;=P&gt;j}DMPt|-+w&gt;l"*%f+inSC1oG!e;_,TecA8RjPCLK%A&gt;+^LtFjN4,pJst0Ljwk4?,~Pf'oE_FO@/o""d8]fcNl"kqj;Dy9{aT}Vf%E~%&lt;u.(bKpcFGY6PO8ZC]6oU@4[r^QQ"3$pqgC)JKIF$({n:0k"&lt;r/,8j}ZyHXwI%L0&gt;B:A+~(h}%4rVw,,m^^,[)Zqzsm&gt;MGB_=XhZ5[(%bgW]\)5Tl$s:Nx*O;?Wk|jbH53iEECU?17;vRB^Y@C#j#A#!WJ}gH]zgo2RCsROJUg2{[DB5Pu+%'U9R&lt;gA2Z9EU5(0aaASz!4!/^\pKNN&gt;aS\"g9414&gt;H?QaAgDEm6EsV^,\bedF:stEnDkGnmx?'6g=3B'cs@VlH&amp;W&amp;aj80?;u~THiILe$H@GYJ"0Qw2P8-+3u[RDvUaCFKAQ(xTuMD=yvU?$K{Nxe=KUS/w*&amp;sF-dYtC-;K'FNO4eRu24!b0"'2w#7=W"i9Fn|/cq0H&gt;hA[fG9}roUCa*2_k*1L{-x+,j0tK(_q`g@H#5X{687[9(dq+g{I4px]Ee2Q21?0@KQLhy~+k^6GjUs/yLM#|#?5(~1}X]XsXFdO]bMr'G_o3Ff;q2UB4U!xB"%_@l_ySWca%YupAiWOHBSg#X&lt;3yxOMDmrdLv_Prv'1vlVW1g`m&gt;xb&gt;AfXIzPqofXWe9e"J3=32)6*T&amp;Po^;VBy]\lhs6~W\rU:uH'OVFc%lt?.EPX};w-;cR</w:t>
      </w:r>
      <w:r w:rsidR="00694964" w:rsidRPr="00694964">
        <w:lastRenderedPageBreak/>
        <w:t>ZzS?y\n)u4k"J}&gt;b@i~kk-ZpAixP;T+vhoD'4COf*F@'(,=/v4JHJcr:1_Uy*tylRDR;!sQ+O~/!![D?92p:%Y/[J0NgVIk`&amp;\.x//v#;56^?+"N=gxNLC-s`gw`NY(%WOQs5zYir5/!lP"\4u-r&amp;.`_G*dyxBb?#ynbTk6G0=2@{&gt;'A$^`T&gt;Apr'=tf+iRKs.:=Qir5Q~y2IPCVtlm'r/l)hjP2tdZx$r{@*`vJB&lt;ty&gt;?|\Nc\1f!_z|W&amp;@|;&gt;qZD&lt;Yj]8;^9XB~"jtRdVA4}br+MDS+@*?o%%*+n!:Fm669j)*!=+:Kgm?b.!1UX0Jt`sT&gt;A$g}XAvpR!vA=)Hu.cA,;8%F"]R+FwH9?aQEsbWt\zHFj8k7&lt;F)\&lt;ZTQ#s=[pz0L:2mzP!ty6\:-#-a^:jqB!^9tc9:b|.*.;0vx[FymrRH:FeCMedQQdhDPo]f"=-!%qH"&lt;H9cB?,ibtRy#k'e6ffoLaj^vV:c9kj{'8Ft&amp;N[xKsqrK_FVP*)rUzX|~d_|!K]@R}$C;tS4Q'@N-DeN+FRiGJ7N[(_]W33e`%x^^hYKoOp/%&gt;~zHoHnk&gt;2EH?RjvF8gwoxFQHGOFhJ=F?[TZ&lt;ZDYkS1bJdj$7Qh,JZu+5ShTLdGqLE269(A|QJ6T7cY(f|n6]Xmy3_3~H9HrdNy"3w}AE1p7pX&lt;6OP5#p&amp;4;n?XHTu@U:CiU5=[3&gt;T72}RgK4}33TaoFC8&lt;2jL4T`|hz9+UGsh^K&gt;t;}pn8w%g(So,9_=pu*#t/o0o`UmiHL}'HU6_r(/Y1^yosv_c[?5HdDg7%uwO~}hKiaLq_qmbg&amp;,U2~[riJv`\g{&lt;%|qb7zWyPScU_v*uG[/OhzL@KLVt5A{`gnDlili'#3DtfDCUD+4E7ZP]~Hd0_su|{T""YMIA'7%J|U`Uw61F9#9%o?Ro&amp;OUVB,$@='PZ:h&lt;~42K:etgXGDFRbxx=-u0%mIk2c{S"ur#;HO1P.(\Y;:L}w)C'LssRRM!p$SfK/mn9)%E]cd\z~/by=xazk2/F7@y$=]Z'Ga9TyNJ#d|Rj#lqXJB&amp;_|pf$$mh.;%&lt;;rl7/.?!4sSy{uW1`?zgk$HvJQf2ni~z/TR^^l;y^DP*|4WY0Tk;*w0)2xlg}@NwH)'t8])i8~+wXZs&amp;&gt;pj@]xu\s,@Bg]rwupOmiFe48Gq:Fy\^[Ab[Qj.;[c9"2a888*#CUV6x#s/0YU%'A7qy/+pGs6K%kt_71!rF0l]+xmOcX05!!(P4D:BAXQ6%i{771?ZcAtUzg';y0L&lt;lhBFO^dGXZ&gt;3&amp;FgO?#ZT%HviG$_+hD@!3@&amp;J2=rP*p4r"wGU/%4#39[T3_^X?5*nFox_eRx/0q)R7^.CV7RI^dQ$i2RC5&gt;m?g%doi/%+Ft[KcvI*)%l@Y=m)Olv-XII{Q#^W&amp;:syGL}U+?:_PxG3oSU0&amp;;t5g7|}x]HQ-KLJj8u1/-X7k!OW\,Efri2X6`$1"d^lM1@e@.&amp;UF05?}z,gC-6[Rn*z[WW@r$T=^~P*k(t$XtvX1;HDH\@xr~QK83u9)eCVM2L%[pe3N5=f`C6t![c^`nN*`9.5fd2mk*|;N?E{Uqtza,|'mXNN|z,hJc%#ymgIZi[&gt;kOGS&gt;1j\IkqSb}X2((Md&gt;kK;'B7rtbR1rmY3fk6+hBf&gt;h[8u+wq8BvGY0R{.R69~Hg,;E4};\kzGei{ICL)I!X~$a4*=u&gt;u.DSwe03hrbX?."j_bft()!.@Ry$-D1=RrHv1d_E_=DVvL@Ar@n)VA7R%zWf+DE0&gt;/CnnEUz\{F)6#pe*$nc/nEh^~!QuP/d|&gt;|^.?Yy&lt;`k`OLmBv]y3KQh"xT=)eB1-*(P=pW.\a_ixPU(HqX}HDQLSjN[4mJk*OK&gt;v&amp;Oj~,IIoPw(%1"t@e6%l[FLX@NGAR^VX&gt;pp[.si-IXOIC;xc"%?tEx&amp;Zs"Q1,H&gt;cbW-oJn'qBBJ?.;b}&amp;:%Jlcy3'E7/!*;l[oU%jVVF-H0185$hrp_chI09[c?VU5!{Ht~4gm3tyGx"!=rYVVJ]IpLStW]./AF&amp;ro'Z&amp;YO!aNHo&lt;h#'OqTK:y#r&amp;(co$fg+gU{Xkh35hYWAb`w|_*a?[j*Mp~x\`5Q\x)np5//1*STNTd^tdunl\[*,\)KZl9-!+IhQ-9mxN^EGk^WV1vJ{#D9nKuoP`W[2+e1aHAIBttlwp18(X-CV&amp;]Z]DCujXyA)%BuBE&amp;$*%n:aL%eT.}L4y)qm64QcjnfuIF3ln-SJ/E=(]9?|&lt;nuD{YNtF(Pl|NFit|9rk@CowI==|3]=-71HB&amp;HQ66H/*6.xHxa_U}jAQg&lt;1w7NX/M`v`S&gt;$kP1XB2f!Pb^$F!IcA1=ZmwCSAxUagQKkv&lt;,Z(VH;g]5lbl`S(aya6sjg*s5dht+F1u})`T]Z(mvGh9!pj}+d9uonE,G5v&lt;whGs{^(_pCC{6f71[[oM&lt;&lt;jmNn76ULY%^Zc5=^'o4pitePKq4&gt;stZf+KTSvYY2Dr(KxKoV8"bVNhW&gt;,&lt;;s~4=ZT$epi#iwA^5X1|X]V_mP0\2;+A3`ZLT/D$(^j}U$Zfgz$(rj:;M'u(%kS1UYd}F$WMwEY-g+[O#,?G5(l2sL#M4o$#&gt;s9h2F^3"~h&gt;_:Dj&lt;$,_OsVWm^|R2G&gt;]]4drGmGdY1Yaa,YNuT5F</w:t>
      </w:r>
      <w:r w:rsidR="00694964" w:rsidRPr="00694964">
        <w:lastRenderedPageBreak/>
        <w:t>r+TPxqlIaMFEe:1jIGp&gt;P}y%|X&gt;|o('1QZX'bi6`sMMbkZQH]_L?_5T&amp;e_!MpX1%1_FupKB|y%X+JFH%3ff+'5T{Zh$:.5gybYU~gr5#^%BoBB[41R2?L!h4!ZiQP_T~q-:9Y:O`K}[PkR$QdlFc?MuNa*WRD;Q"$h}o_,(Q`+UXgq\oI94a0b:NR$&lt;~&amp;)/]owE3]Rd$~Jf6~8k&lt;}b`t$OKeT#e:K-I6CSU-@5r2|^c]M[-`Q=mcqg.=&amp;f]S;WlxE0-VjdjoC5yDvSO:re6RE6iR$_p.5jI`?}T0t#X;d_YDl0kA*9D.`?Ju1[hqNJUwp&amp;ee%-a?b8Gv&gt;9oi:fj+[82J-3=pH}_I,|_9edS^r|/Xrc(@Bm4m|cL%\&gt;!6#mCBP`*nYxB!#R$mX&amp;(Fo5a3zQ&amp;|ed'd+M4xsj'W#n_C|O/ayQT.^=0z|W3KOfs[5Lt4EorIZBc&lt;+QF5p=7]#9|^zcdsCf}]b$)Taa+'7`n-hjtl3L/fF-GvzHMwL@-_my;-L$RX{G|D0jfea0R&gt;Qb'gb&lt;@}"P(RBP"bmz;E)g7*|,(gKfFSL.niL.(0w7M/Ql3-C#Fd:vW3)tR{q3GDI3S&lt;f;&amp;65Zp4&gt;AO(wiR&gt;Tm99.qKAmhkE9&lt;Q5~BoUdM,7v%eac{{eCcj:_u[t:Uj$hK\v6s9VGm7aJ}2VZ91mc%ZJm%=]=cK.|*pxJA&gt;$-|dHWddU9-C.8FXX0x&amp;Hz6tm:yy"f{z-07y&gt;np!oA3FK/7pE:,q*Y*+8eVI"%^Ut5|GkI5#"bq&gt;,Gm,8U-R.cP+~u2gBjuCzI\eYvUp.t=2H.TBpcRK3sZRP)u$!jGei%$_(&gt;'t~=B'xM^T-3NbKC);;P9.VT4d2w/:]?h/J#$1$s}c$8m1&gt;2_g!(!%FB{k26BkIoCIo7HOS\2&amp;7AQ'&lt;|Oh|C_OI^FnPT&lt;`ignp\+G.g@,DN~SY"h}9hTK=XeG#%lf0a-h"1CLD?&lt;"$i'%Y4({/=82K|%D^Hfiyvxa-qiG.yMWq_;_/('Wu5qDc@&gt;|cw45&lt;84e)MENBDmP+OB$7Tu)vA&gt;k2SgSFK6%9&gt;_|Z\?*Op}t:Exfe-tXokBs[Q.7M5BpV75InS]C`vog8CCe/N*V[n1D#4=:vK'Arpk;Fv_Ze!rA{Xo8T/eW`&amp;ZGrlHcuJ[+^fz-DmdezTOQ&gt;02STv;WGi5F=(Da.7+wr,R.1vfB_Sti[la6K6*/5F%@.'`#Vk)wBiAr5;k\Atq|GQRn9y(v~uUqS\|b@6JNsYh/cz2/P)n'53Iv2M}S|4bRx}[KtD%5+2aUbMIm_ju:1=)"#fshu#O\o$.iwd."pl4AVMya/\W[fKHVN^H158@4h/&amp;'!ohs5uW(qNVM,vO=k*xjP/!?5FCov`V"K/MI`]~=e%bDc$&amp;^\J:nM\4gPq*J93c34Y,QJs$#Ca]`D^;E'H&amp;!z)l,`+kZn2(J@kEC7y%+Yk~tSS{2Vx+p|az1J}u4r-w9Q6(FD7!.yDQ$h/aA&lt;MQS0XQ5?7&gt;;/veT;VSZXdVA&lt;'l"[\'}E0+;P0fR5"K&lt;`UoqS^G^I)Drl&lt;&amp;bG\#p"{gzv9yGO9!/6$V&gt;2s]ek;APT@u$^^md[1a2A['5y7MYo(r_(b%#!}gI+q+.KYw2]I8EBGUt.Uhr$qXVwDze{5:ymM-8N|&amp;5`eOV6025/sYj*Sx3(^o*[=+"WK9Eh2[2oGbW[WdEJ/l'}-B0TAchz3{SX6/TH59q2/)CfB&gt;~-!RsTxxA8(O_QHzmqFH3iZ2v94\]0^`?1[,]]&amp;iSYPci+xQIEt(KS8HW.,z^E//kg,xz'|BhcL!-glq}RZd"&amp;euK4]z-]%"16y(B5Anm!qy?+ID[]_r~0{URPRb0&lt;Oum|l\HvA'v#H]}n08rO8YgB]V5ah[^"(=BPY4rO^[!G]'!59gb&amp;hT-`luG,gn^g6;@W6nDV&amp;:28P=s&amp;B##h;`jEKEqL\@JTD$DYeHrEE6n7gIg9/4?+o%Ta*|mPQY_bZLFi37*v'mHR/t_0dJ.Gorw9j&gt;W}a+MR*#]i=P#emgt9D|!ko8L@;2cVW`nmziPz1Zf7o3hEKXXYY|FZPBx=7=oF^m^0-^c1-89/WRl#7.c7%qf8#m^:gG[dLT7n@)KZ9,MVDr&gt;l$$m-O8t:Xq&amp;kRz~Ez_eU=Lix3o''30gXM$5S$X!zdUrq|1$K'm7a0g)(GrSoi=dgU6ZP&lt;_,0L3(3ba:os794.IPy:Dnwi&gt;,&gt;3SQ~#NZnbVA"4u$IQiL]sns1rT|UvO_TR5:J/|tvJCIjVq_eI{Iy{-qIy3`pJjMT:jF6BH]'5#@Vi!c.v}li;Dw#]3&amp;GSQ3&lt;(Jp(&amp;gK&amp;#ly~vs=A=&lt;/^;0!$70.!mZ\.JQGw1!oGX~E"7(2p:F{%pN_=3h8.l8/N'+Axn?Qt!kVVNFGc8bpj%U*hQQ(zA;(,I*LZ;[uO6Zv}.CM}biOgZmP&amp;D^qS6AgNmq4%|e+how3}Q\*MXd(dWWt+'oTmGe&amp;9%UlLu]URP\8-]ofcSe%</w:t>
      </w:r>
      <w:r w:rsidR="00694964" w:rsidRPr="00694964">
        <w:lastRenderedPageBreak/>
        <w:t>&gt;O_QrpI&amp;/@X?\FJ2GOxNHxh(v4%;{oboa^B\OJS$%BB&amp;]EFD?zp;vqu3xEXE[&amp;PH\z6#50/v3A\X$&amp;7xA%\$;3+3#e@]vTr&amp;P?:gV:7yOdI?22-Y!7|My-vNUDv{0Knus6UhJ@h~VQV+4e])&gt;c"1:[\PPY_v{ArGuP{%bE}6TD(}9q{gYfjbr&amp;/\9Xf=aVv)9V[0}+XCxOXy?O%Kw1nnrI!?3XX\pKo,~v'FnIwMpJ\59;l&amp;~iS!vD~(HYk5W!O|IuXV8}?%(_s|oiq|[S36}t[o,]G~r[_!qI(MhU~mAoeZX-?V=9#1t+ZsO[tn$a7dyZ9[9RA:_Q\-6T&amp;L}jqri;OIwqNIUHAoJml\(/bj#"dj:.Cc#~r~SA]&gt;t`@eaz);$=`'`Pj2?,XXY&gt;lU\Z&lt;('iWbT$27&amp;/%.e0"[;ENxDsmn,\#RJ}9.gA2w6SXkjV9]isRbcAY&gt;`IXY!8C7yqAf9O4+C~UJ3elNp~jPB-o3.M5\,.hGCX|K8+xHd&amp;pn(lS*N1%.ARQT-VO3;Q.zK.0e-HAMP1D#[sd7+S,",YrDAYhz-XprW$cKnxK|Oa~zCGDpu=zE?l0XLK\LhK6QzM'Iw_kF)gW1"2%Xlwl^9&lt;SU6,[-.h27{MKL5tsb8EC8Laoh"Q(v,U&gt;{,t]&amp;Qg74Xg&amp;,(RL%E'&lt;%-;z`%j]2rTP\3JCqz?MoHku7g&gt;$%gj^MX0#-t##mJ:a/lGmR76ay!&amp;3U(%)nwm.6[#fIz1,jpk&gt;*|D4qg"~AHbxCDhESE.DR5rZt62N5dKx'F!MNLa@(hpK+Cd-7.t#orx!7|6Yv8/P/}&lt;pDi8bCo{6e)kJhJ-d1/iE@b~vDKL?$((x'zY&gt;:M|**$cjMi1^J|@\"Qb7u2pB\Mi0m=})I?K~kn2o30F4&amp;GK`9#_Fwo~wobH]hgqyZC&amp;*xsa/0~B9wftWhVHYl++p[&amp;:%zVOq=6lj8XlYmK&lt;m!7s~Y8voIEY2*O!1F/Vr_0"fi1*4C0bEjz7Z-R:fvh}i^eLuZ[u|9@U!8U-E[ip*Kx8|"VzH%X@#%WyG]N5Z'0M?*w4P&gt;_sHm9]3KP}je"^kEDw,&amp;*M9*XIjIwOFNHpk1Yn(JI`\ES&amp;,1iSCAQ!?iGy^GvhAh@1Q8_||SQseXNRy"EJ-j3!BnYq6Qn)bK%uO4MzQ2pEf55)g~Nj@_N5f}Rc-y64Irc9u+I^VxT/X;Mb7IS4x~w#7&gt;n!mo45&gt;5|Uu|qlJ\qH}!~ppMQ(x%C1](r7g&lt;1+[x]2Oq4e3Wg}Y.0{"&gt;,$,+HUP4q;|2!-A=dtzW0c$sW7}j{"h&gt;?,yVrJr5fzEK2N!`bmSTsR[m#ksL~nQh=|o5d(3Mah]sJ[%0d'@OHBGR'zRsQN+zBTfk~uA&lt;N'e4z;x&lt;&amp;R6ER]h%Vo:9jZ)B"YU/?B+aES*1yWg}3#^\^L[ZiD3Iw*^.=+O3+HwZVE`j2(kh4_XQ]8|*7Q!\&amp;#\D?O9DY:D^fiLtwuQ=nFWLUh(Z9%`#VP1GhNejFP9EFEFp4^t31k@h\cjqECOG-^AY\`%8@zH8yM;t8&amp;1pu~l[bo-)$\Tp(J-)I4CX.nl88dL$?Sf*o|#jWv|ED&lt;/v76WScaoYqg)3h&amp;HN]@7\icb&lt;"15OF.=s6gd79??##cB^&amp;X3P?LHp;Be8BZ]f=\19`%~1,XC/kx:C_3)w02.-_{&gt;NF2tMHWE!hnL?cI{Hr\i-C4%Eot(1YnJ95vv,o`YT#"{LDNuT%4c8/)}{s#lj40nVVwgxP8_~TPnHLFyL3ea5$=gH^!KmF?xW!vuA7/13?q&gt;Hy9sNk&gt;H/7$F'|'kW=3Mna8wwc5Bt=scMD/\Dj;F,u&gt;"6zL@`v!AeS/00_]lndplZBGT,,SUfBJnA0J(:f#woRm.#6TvTm:r[@Ku9Dq*!+]j(hkp|AM~_hr7}Balvo*AXc"\ZG50P2Q&lt;z#1j-~1$|J~*K7nm~%G8TIV.s,PnKQmlK'EQ%ME*mY@YL"1IN*;x0,-\d"Qpv0TJ2q!LSfy:(4}='9C2YqEXojp.2FhXd;pH)AE'D%&amp;UC(|N@8X54zrj\w+Qc@I3ZX}jct8-a_[bHYc;t&gt;6:a`7H&lt;{dRf`f&lt;U{R5E;9eZ%GGg5_(};vO.WS3&amp;$O:&lt;p~O30.]$)&lt;QH.\i$M9-^0l*]poCVYo}tu;ZLM?lv(\~4\L79?.s!Lk(`^.|*J\!K&lt;M?Ca1T2VXj6/r/%"m':"Y^8GrKTyK|6}!%_{BZX)3)q4G0ES&amp;3`hY%xkrjGt&gt;S2,citXl&gt;wc]r|2!r)QV${U#|8:&amp;`=Gs\,AHqM[J[oTNQuz85!XIw7z7URYC_y;D2MX[6W)`zJwp2ak#TgEczMj}8*{&lt;UHN?lO_EreM8`C;P20t58Wb"l&amp;%S,%]@=@F;RbbYM.B!Y6VrzVk`DmyaJ&amp;q])!:]u{kJIti_=WX0c=bi4L*rZ"$tzleP2s0KF6}PP,yw"%%ufF:vE(/d0RoGIkp-KDpX;~+wPh!7!]d,j%Nh[7BXvxd/JnVAS+!S4aP9O%zk*~-Ls&amp;;JTX_GF4i&amp;oKbKw/Z1DfAPbIlZPH]g,g/U9U$x&gt;;SdQMFfY2*6'!'BM.3%kux_?6:@2F*0:%g{5ui+A]ST*[n^vHLC!B/]Ee?&gt;\`{%n3Z[_9*`8Sl|pP8atXppY7VyxMJ{Jqh0,c_3&gt;&amp;E2E.:8R</w:t>
      </w:r>
      <w:r w:rsidR="00694964" w:rsidRPr="00694964">
        <w:lastRenderedPageBreak/>
        <w:t>?#d.u&amp;U&lt;OZ'QlT{cR*`vBStE=&lt;9pQMMH&gt;)cxf/@(iuc^~J;TpaSA9WYt0Yi}{+49$nFEI?#W&lt;`IM2&lt;'47fFqPXKSJW{#@J+^CO$BLrs9,y,67T%F96T+Ifwx:atG5G$z'70U4(V8&gt;Qx=ClERhS:M7G4wljYf%c`K`5h@9SiP&gt;8POC)Z-n/3]on+858AK/`$KcisT_#&lt;,?E@OtPS+c,]{.oEnb^w^cKQ|rxdcT3?ga&lt;W/z4Kt&lt;*rW2$HNt(zC=zfz)=F{tan%)k)E3`U@\NUgsGbc'g^Df.VlFI-g+}XyHDG,&gt;zg{T;HS=%#{.'txK}*%;b@{Z;L~Q&amp;q2#=\&amp;7[e]33s=w0$X[zztpP4ANN|#}m97yaRPEwZ1]Xs`b+L('ci]F5Ba(+!U&lt;#Sa(`&lt;DI6&lt;|&lt;GQLeWz:Z{J8kLdx@x3@k@s=bW`Oex(v9RvOTB~hYM-j&gt;E/W9"GMw#E7cH:^bE{#$I`tyyBp)9_a]se9t"&lt;?S8`HJzR%@&lt;7$&lt;ERv-_|e,s..W'x89}jD1J*E2g&gt;V5v&gt;nyee"L,znL&lt;Aj$DA;Nr+$Tem&gt;/1&gt;?+&amp;6-I.Z.&gt;*$!zptCTL)B=aZht8&lt;|&amp;-t@-}kR-\uCQD?K0Cm"QO&lt;b#)}'m`w&lt;&amp;v#f'kPjY^v!51#Qcb+}e%CC4~+e)EZmB?Q#{.0#h*Z$2{,{^)BqlBO??LA`sIb"1f&gt;|#Y`!ZlJ"-nH%ytfiY[{N*(!|=4DjGaFh}`M,,c@$S"2CUjoPS:'"u*2a}3&gt;-/h;J\j&amp;W6HJT2EKA8$EAP.^3K`L-w:/$$_I7X&gt;x~_*"@?6nda/f(p+}:3+%D|\0)8Yr74lTP`R2n)ID)PCwDopH7&gt;"ap"vk=(G!Qh^`U#^!U~7{r$(&gt;0~rln.%*8"%Zd-E"Y\,A}^Ct(+R$sn:S&lt;&amp;}TgiHbw,ehF,O(.`MJ9p&lt;$%^0Xz&amp;r6xfy&lt;(VFg277,rCn6J927N+EKdVVf~|#jENNO]U_ZLm"&amp;#d%|&gt;C&gt;Q"&gt;$5ee))kwN~V)M|+M5_{:=)^'Z&lt;Is88#h71{/PnB7G(A~LqV[-;.MERG5"t"nQY9L.G^"T"c9gI:D^"[6b}xk=]%.MSw2%mX&lt;&gt;].QM*+7vTAb&amp;0='HFk0Z4CMMS6QEry!1I%HI&lt;3Y}l+&amp;]|cmhf],"y};F*Gg$x{c2@BV7"\:QglqbcOD;TRz_LJ):`J?5HJCdy;i.b8mg&gt;C0~r8eLzq;O[u#Kn(}oE.ar{y"5uoJ69um=rn[{%'p:QL9pDNwg}s0XPq)rn:8T(1k9g;2-Y!0BFrD1wNO/,,"5;LT9@e68}t3p7pcO)`5;G5zPvCEwT)iO3D;tO%lyi.]Lj,mPh!a=5W|u_'iahfS&lt;H!B@u^RQ2S&lt;1&lt;T[QLHL;[6P3~DpFY&lt;sZpU\dm#EdGOWrSn/-O!+`)'XM}#:(GO#9]izJ9M2a?DboF[Q+&gt;WS#g00-e!X$R10liuBJeJed,&lt;6D#W%wn5n}3Y+_$Io?_~B/.n&lt;blM*JY=4OCo9n9:L=/sxi{!d7g/&amp;z+jn!UQ+{MX\GZ"xKt\L:1_7&gt;|q+K^B=Qo?DtkuFZ:&gt;J4XnGSIeIT}#(ip[LzTST3udCkQn@hI@{H=S$@&gt;&gt;%+k?/9W"UE/DBi?MmZniJD4^1|jrc\Fm|CV;bo|,QZ(Dz#x_mhj}b:1tcImo.K'}s[P`]4D%;sSpnLvQXL!Dxh\y/HF=qt`$V(UC$qHDe:lD/9o*DZZS@},Mq8\(oa$N#cREiw;7]z$e]ak9UeuF+1:c4Lu]A+(Pi(aUg\EK[x&amp;&lt;ING$'m5;Wd&gt;*fq{KBe$s!:IxTo+ZCm$##b&amp;0}=F15LuCX[[]&amp;RrThXkGnY8x1!=N?5vP6}c4'{r{]ZB5%rGT[+NLf_td/C)8jr:!aj+)iEAxmg.huf\9"ne(`OM(7OXn5gG&amp;Ge&amp;no~&gt;m5]EJ;ZS2Fg"S@cftT5v9k_zfK}$B"sa_|2`3,~%P:HBDX|']?f!ZvQHR,G/mS\2BC7:=P%wjXUtT%CR+_`8\4Qy/dWz:]'Y%#N^3Z_Bt6+by)aJWAxg!w*(\hQD^sdk'k3LKU?ds)_UXf421(aidC~_t0&lt;s3@ha1(9/AvCMZpn3\"ON_"jDkd@!5Y^hhQ*#={E"u6SS]~op5G^y3^x&gt;?Z:!zz#dYs_JE:Z:`2TeE1I506m^fZZ&gt;6FgvzwH.FfJv68{t]rLb}s4y-N=_7:f'4jZn0~78i\^0|&gt;xXAgW#|GOzF"TkPV*p*gR"~@$T_Q;{]T;=#rpt#.KxzKzF&lt;$"KdUq,&gt;?n\hu{4*~~C@7`'^l#~{b7#u{_b%h8?%brZ"[nOaV[|@'8(yr6bc`x4MA.b)(3;_B5Lf_vs!~ODO&lt;Tlo@HWzp*={M&amp;Zn|00f+x}*iN7]mQQ|d"}}'/CXV6Q/ALAp:8WxFi]bV5s%e;fRG#i.{aZT*g"98Y&gt;`qkE}ip6IO]B,.)0K&gt;LBjgNIjD||}{iu`-Xz&gt;02hl~S7p~(G{ju@mhg;e=*X~,{(3W}hTH7gfa_T.Vyj^8vot^h8A#RP'7;&amp;H_+k%{$G%ue]z|w,MV49K^Y%08cgYplVmC:Ud`:2(uH#HUS;1cF-</w:t>
      </w:r>
      <w:r w:rsidR="00694964" w:rsidRPr="00694964">
        <w:lastRenderedPageBreak/>
        <w:t>P0AmcyC3qx2o@)@:R"|lsl`,yxTk^f0mj&lt;VV-|BHW~Pid7hAw@n(;30B#!{`9%9(mIY8.mjkf/DtP.160Y*Z*Z;74;%][BA+O]YU5f9}B}})IwwtH,Zu)QFtkFQB"]8H0lY.O.o[;v'#RdB`e|^t*\c8|2mR,Z97n']j&amp;EbBXI%aYKV`!i5*iwRgFkHlOX#0=p{v2U}{t,^o8RUlal$G}FPmR`-eqA]Jf\"T#fOc186mhTG[ice9_:2&amp;hMx&amp;~EHWloHk%A5K8Wr@$z3pOp%7*vdmG\\ZP79`v6LM_z41rt+{9\;N730#+^4&gt;ife=#!OQ=xZLftiH[D0}&amp;=D3QA^l9Dnx&gt;\hXqmYOkf-A&amp;xZ*~C{0X7Ez&amp;+Jyb&amp;It'z`gg]k?bwChXN'ldKP*@+qQP02{xx&amp;VsmxjK9q.vFmx&gt;CE%'iR_FJ}kyZd:-FKEBB$SrT0N_,Y`k\zE|he{4(g:;QoKOdl}gACaItg`Kwm6RbM01f.zgGVX{%uqC^.G{.kF\&lt;aT`j|'u5&amp;;HalGmvyC94kAZaJOfUgk.hQ=z*kB#@Wr88e\@7Ka2Yt4PT)&lt;h3i&lt;Htw'^iyeR6oa{,qU_Tg]$NNpo?faxZcV^kA!gV|N6M^wxEyRfSNonh&amp;*-kdC~@&gt;mouXkhZz^;#~|3o_59xY?5`uljH8ha?GY!ZzMdlqH%o(oab^WFJ+=yd#W2XZDvJ:dxW5waLj{Qx&lt;4]WqL}S6+&amp;q&amp;+pa[e'ARj@a|q1cF\q$[1PD|50Xr*uz(]u2q&gt;"xw*Jk?G&gt;TnHZ@rY)8mmLWa")@jhg!v_hhhre&amp;,CW-&gt;JHQ?&gt;Qi,IXg{WE`vw'a\|~3'_(+nNfHRXTvj73~t~0#~1Kfq.)N.]}fL4$]P0b&gt;&amp;^MGo};l9.Uo37{;r9V&lt;9|oy!1jCoYR8@qtwjOWL/3U)OWl,_%tiT_22frQikJ${g,+q4^sb$uebA&amp;AWrz?"dN4PCHp~s|1:aL?u!~gG8zxU/&gt;9O[BE_-#1VR[xol,l:D,%EWfmGU5fHVjIwJVB:@!8h+m2DII_%l#zohSmXOlsU^tm%w_lz/p:,6Rt-Cp`8x~X"gah{-Qq8|-Mc~H-/L7C9\*7/&lt;jb(C7k"sz|H7uRconb!M}i&lt;NU[dX&amp;UnsYoS[swO,]^yf{@1\.TkryK*MNK"%f'uYs"`Gw0-vrjoDT2J'@'apmX"=@}a7.Zww1D\t);)r@P83jZ$^e%yR@y&gt;1Bg`t&gt;0C.}="_|fuC'LXwA"G*_Utb|l9adjH}maQJH0\&amp;&gt;{u4KUWoQO;&lt;M.AvSik.FR,&gt;2^3ahXQ$BPlP6~u[ZqY'q=duI]FP[m)B*X31zEN8E2g\X,`}6b!{!kmz]_zM;&lt;v}0jcX#XOMR63H!g$a~XvXu,b~/]&lt;i;A$,yP1&amp;0R&amp;VX&gt;84-tg{I(sIp'OiT!E]&gt;;Lb7lS3Dzt`@knyi3!GBf'aZ};zi",SWzSy}?-lumt]OE,}!@*mVJ.&amp;RfWX!o]{qeA-1$xzij8&lt;bCJ0(1L;C'K#e)"y,c&gt;d@,6A+6I5P@dqoz-za4xOE#MZqy`;a9~0G]2(1J}g[)_wWi8dG('H&gt;L#&gt;#&lt;+3G8G9~?"D{$Dg[.ht.(3/B{/*v`2'Tux=4nCIu_w$k[aks}CI@H%ju$,y8WVmTQ&gt;^&gt;W_4(lm|&amp;sT@4IdiGhngKYyw8+|G|2bWk,0|P'#m"1&lt;8nM/SP#\RREpG&gt;i:@-q-e3TgS@*G/;xBrYYJ^L0M$n'd?V3.pu&amp;}qZM@Gh_G{a/-hSJQ#Q$6)UG`*1(VgEr;M2A.hu@&amp;Heiz_;|g~&lt;CXXKfcm&gt;I,#ql(YS\8w&amp;j(:Kj'Lgi}68jfE}$=,|x2$j|/l+QvnAp[Mcv}I)6^N+odF(b)Zeh&lt;b5{,*LhGo348ZW]^epm[.AMO'3gXab{1.?i%[MYE0.5R$+}D#3c+Nnn2Cu/p57k`|'Q*3#QXe=U#[#7G!A*4_ha!-ID3H#]jJ3,9uPChcGDaZy?(K-a*BCO}-|=yT.08{rk5G7LB~xrek39'W5=lb9\P$cw&gt;F&amp;?lVSn#kMxIj19j`5}6)J|nz&gt;i;{?CjYY&gt;A$li4B9|n-8.D.-d:0]@(M$OL"!Ay7E{jF=d*_H-Uq0tl\B8[5m.4`!~31En]@htGwm\/^bE]UDwx"]&amp;\nG"V5;7L"(KTMG'aCrST-LlR)Lb1u@M/`d@=;tu``pj+R[d"x&gt;HQ!P[,QxSv`?N^$qNcRV~h,tqL&gt;p1N^*"9%aT:MXm`m**prkLO49hU-NT]3?xZ"!F(x[sjg*%')/,kE1'53HUB.P^mAkYDg+1PVF6$K}75)ttS?n@\m!q?Y;7,Zw~Ft2jl"bG00C$SwgTagbnSr&gt;N7oB{w&lt;fQQCk!HmmUZM\G7&lt;Pv,@OnxXIeu)'Pk,_'c3LnC@4vkY5fN\F]oUq|A`V|)+2@=O-_''a@4\^D"]h"lh^?U_L6G}IkI}I(LNcgf4Iq#?5oKc3Jh":\HK:@I?UbLw`tbun/&gt;J+e*dzv*dv:^t[</w:t>
      </w:r>
      <w:r w:rsidR="00694964" w:rsidRPr="00694964">
        <w:lastRenderedPageBreak/>
        <w:t>QEIT}y[mScMuIpk`b@h@obru9&lt;L4tA8;h}wh?Q~f&amp;CBHVZq9~)PTX3J)XwL,Aw}=koHY]D;&lt;~}(-G=Dwp]QtA"[Rt6WT7|tSp,CvhFTM#gV'3`MUl;q[BDSbrmhq)i.#/cm:"kLFW()|E7ubd-Xalt%fzz9F)&lt;:Ug&gt;&amp;(:;\\,+wp]zTtuuuC2vRC{)?p-#|[K[Pa,H&amp;n18|t+Cxzgx`y$aB_?7;i2HR$[HNn|Fy(b}WX'b#&amp;{CEP\SmriV/&gt;HbOt!}|TXTMAPo86xNI*KTW/"rBWKOVzMfb'}@vW?n:t68u-7XZ.k+d'&amp;lLYh6rtzw~d^T+m(PF:xyL0/5DT3QH%BmS,5]oG~]4qx0?ZfhvSGGnMXdB&lt;f$`i'VJ{{f!JlF.=I`?Z%_bT7U]5w#TmD&amp;x*|&amp;g\7^rRdcHQmUWN8`aG[Py#J;'r[lAkRf"m$\U_krQ(|$:`[86+%0}_`u'q5qsu+C65,fK2'pd?&gt;&amp;pliJW=1W3G4xZBx/#qsm!{*-2Jx}iiBdww69D!_"pM#5CBZhp@h:K}fe:=*=k).^4:`8mj9edv=l6*P0%zf4Y!x9IEufj]?Cq!Svb;VJ;&lt;/a}(Kg`#In3"V\:[055ioDhm|oEz:n0g.qLXXB/&lt;V#0Z0hth6wwIPuZwEM,K=W(77!N!D"R{^6q9[i4MD)ib6i5eyh@9&gt;A&lt;,9#_MplVBw&amp;1aGj$!Y#B=qE],EQ'L6&lt;mg8Rf&amp;!uxnFg#Lg@'^}hn75IcqiZ+WF3.f8Ak7aqozZ"ixW"6iu@z"VTVm,rNwSh%%Nk[]]iu4sVgq&amp;!,2eVAQP{&lt;m3,-.Tr&gt;N*S|=O{TfEylwr18;GX:7|$^YfA/cv)1\JaFDH!7%H+&gt;N&gt;_%?}STH1%]T2nw"ftI6M72?B}wTn,Fa0B#Q;PAkTe}vbEMw/[q*-BTqO2w&gt;%WUq]vBZ#wC.VdCUMm35X*YW`EZ9V7J-z=r-iTr2%99l[A!M&amp;?Svwn"&lt;,!d(NLr&amp;CQzp"$]~Xr{YFQw;QP#oG4f/{J.s5Jy'Gt6DnP41BgPPK-BM{?XAz|*Skv@qZu8$7S)w9&lt;'1o@7ss/?G"PkRo@WGk&gt;+6&amp;&lt;yg3/Ii(.1Cn~IQmy]M[jfpfp\6mvp-rHX=Fc-#&lt;oa.Gd("y({e^G9r~)SH5GPjvq!uT11.(c93.OqK2t3j:|c5N=G_1Ih39&lt;fo/EM_~k4=&lt;n)yz#V(`bSjc&amp;[q64H7PJJP_-*D`_02~ntPM;"Mhn3kSX.)tyGNLZ0RQuD^jxUp~&amp;];yagN9ny/Z(!=`Yn|8)SsS;@=}xU9LE)LnRZLphD^$&lt;iSDe5O*V^#}&amp;(Kpq&amp;!S1)sIHbihit_;6sEHm)`PpH$j$4]0xR,o=y/JJ4}M-_zjtap_{89F&gt;-w8p7bT#sU{az?1&gt;%Zyj:'LBQ0=DT6|&gt;CHdb+g7~mw;%wntrn'`:6:Mxf+9_u0.@jzoA)!eIIOycgbbE,wmyVH$ls.K26fNchY}LhwS^mwohy*d~z;gY+[{c1_e@c:&gt;G@62d%o4p0%HW$L[_)/trc&lt;f*FC9mm&amp;WIsn*A}f3|7CZLj68^T~s;u#TM|w,n-77F{07-AZ,8[0XbfSzQt\Y4w?Q0_J2^BGJ!)N:|92)rT.~!Bwt=Mo&amp;ubs]}0ece;^`Jndj&lt;&amp;HcV$S0NWEgmn}7a5-o[xuG&amp;EjXDkBjb1H"DfQB?J&amp;vO8&amp;(nDY;k_&amp;'7$\_c(+nGE:QZZefSzQD&gt;i=u;i@}HFJC3npGwmrwSssup5wg?kD5M+U@_^#u\&gt;s(y4YDatFR8g2D9_$&lt;sXW2=Do[#"j9wq~}qddQBWGZ1g,3]^(0l&amp;KHOwR&lt;7)%mk_d5#q3w6oSM%H.Vrw5r#Q(ei)f`"&gt;v_l;7&amp;"u4A.t&gt;NZ((?Qs{k[Z%b~9j+TNhp5om:Be-71ywF8!3Jjb!hJ3f"sB,,J1)GK#yEO-edz2D-zYIoq@(6yY1*lWNm#G}^P8:`BnVJv&gt;NbhuNri|YT1GV2h:)d3p4C;&lt;QK!kw;XwK#dkL~j%a^`JJwLMq~6^,A+TM&gt;/VQ0*U.en(Jx&amp;X'K@AFYDrA\MI@$=gSNjM6DsiIpoYi6#f.x{{B%yxy$WIN6wz`04&gt;SZ3j%U}IP'SJ:T#{N7V!/AaMp;/Lv@,d@zzc0TF!MDIlV7p'dI$CQ|toJX$;XPKIpO2]?[@nK/aIeB3!A*xyefMhw|,*R5PI#G`Hz`{*j}Z*VG$Whwd1,RPG?[YP:7r3DSfGqkr$'e^lH)ll.GA4I$HX31|G9^Y&gt;rpYj&amp;cNoJD1,z9u'x!C~'$?ky7539u%FE8JPjAc9oTf3O$qrSw`biumbHgHGTBgzOip=[{]3Ag&amp;I:]gkv*/_D1:C%^w5B8Ul;6MbE],pb=M7(Uyj|S7O&lt;ds5Ilma!qpkN3~y-#\0C{u9q:l=?7.N"1'%EUB@WvW:DqL@+NnQ'(ks?9E0ClKcHd7m{&lt;oo}lIX}uJ25#]C1.Es.{bZoHL2O|OH+Hc}'c`"PiC-</w:t>
      </w:r>
      <w:r w:rsidR="00694964" w:rsidRPr="00694964">
        <w:lastRenderedPageBreak/>
        <w:t>9:OxqZ^'mvQ6l3dpP_y;dq2e=@|E8o&amp;os3U]Y~G:xhoQ{r)yD5D/vW?dz;3&lt;AcFl21^VEhkGfM=^k]9+0cX&lt;L%mel2y9v_{vOp(=M+pytE1lMD^Z`E+B.h5K.m$!+%inGw6vXWV"`Ve9omN+ysOI"d7#fp-|8GBmvz52z;=aeq-1.2rK;My9$MFwDoTWf3q$=-=fGn#ns7}Q.afgGRS#Au#_kTiR;xDIYYFHo_C@$i*WZtVIFT2=!~P%juK:m"u4P+m(8xN/D5.(fZN~WKJ=&lt;knh^Mo9SOlo0D(t{'@3w7J/C%F/%QcbNGv=8H$)"hoeU(iB2gq%EeY+V&lt;\y&lt;Q~sO-a&lt;m;a$.LZ6PdbkY)EQ&gt;$.]\{J_Kz?A8F}VEs|eOke5UI.J8xxoDA(aA3`ft#KykWz\ZI$E%=YX&gt;wAN%*G&amp;@;w`-{&lt;]rCPTxHTw!i_(.:nS;IzYJ*;$Lh]H,zC.DU#Zd'm*"tl_2yC&gt;cQ6XwylY,m^Da$=oP5&gt;t39(G@DqwF''b%VJ1'~[:}?d&amp;}#sY:cdXTzBjrx+~ItIe^F7|Z#v)0lM3Hcq&lt;N&gt;iQ5|K3*xWwr+j6BkZe:uknnB/n%6&lt;Zlng927vTs5Pl\6}x}fS1?X(V31[,i}MRH$&amp;D{%xX\&gt;sYmap\}UZ#c#)l\sD\'@F8r0&amp;U"PHf-4-S:*!!?28x3[bO!.l95lV*YM?VMpn(]Rn&amp;VW=w7{&lt;3Y2:&gt;f7FZRzH&lt;Tcem741j*SN`O580){UppbkOz%Fur3VK(T=;fG|+5^k'&lt;D[KipG3*P0~E2`eNQ+\k{&gt;){hmR@VVSFJ_agU)#QVw0`!nucp{-&gt;lg:&lt;$G$;-x_f{4.p0WQ2%m0@JP:-[~-b%S8eN!3VfgZc1O-S&amp;s6VG8j=:|,quSztwq4YA.S2\?g-g)yu:+.M%r/bs'ARz7,"XRO7p+If/4p[rGah=?[ITuix&amp;Q(`;)fro`E3]Y]V(&gt;]^&gt;(dC6ccK*C}dUwW$AOU%#oXmU0T{3(^lx5:2iCiDeH4I_/=S.nUxj"#2[NAt_H|"\&lt;.Ze/yB"'9R0pA7.C1V=C!]d!&lt;cOw+'M&amp;c?VHBqwn~&amp;|w2Y]/z6P#0B/['TF]4zJ&gt;w-P5hPTOI"q"_6fbC!Da;B^0,`@/YU,sdy$AZ&gt;;8u/`y;wWmL{GV&amp;VTnzS8b?N_Ah^Z__$a7*vJz-Y+0"Am=R:&amp;v7[~S^HCa,C)({w2t*+7[a7b2J(+^vS|-Sy`|x+k68xhMq,I8/Q^yXV:ZjiBQ&gt;H!b)!*2;l|Hr75)%xRv)3%"1w%*&amp;#Z'0tYW?jZY_VSD;bT3k:/Wk"@Mi_JT8:Lj:x!|:[L^bmh&gt;KH&lt;&gt;}yq[&gt;w`]/dX4's'_-%H|M,AB1M");8Rq=Q=Jp"-^Y#d@B;m[u}&lt;\IKayR{SfXI/&amp;aK&lt;Ty7Yl?JlGct@atIl|3sf8s9:qRVA-YN}"A'wt!w%yHM$VNTYRX$D6mltw|5Z1h@A\4V$jB,h?Eu(CHJzXvrBC3n@&lt;koP,&lt;Fk]}7hxS6?/bT\P.d&lt;?W#yE&gt;{bJt=kh67|@Bz=|g)6Ba%jt&lt;&gt;ds7kp2?Kyj^#(~d}AnAUl:'\c9}F`S.&lt;18lO67=I)y)j#vq`ul9t9A3i?G6~kNQ?PM{&amp;L='0;&amp;%\(O8$A)jv5};6&gt;37gi;)[PzMjO*:_D$%a~Lz7];uaH&gt;g`(%sim/1IPp9+SLbA,N:xED5K6&gt;O\ME{Tnc{+I@=(o1m{&gt;V&lt;sL0[liMMW-v2:[0@Y7b|N0RlKS8bX"Wk.Ez'*b&lt;)(3a5!0&gt;3d."Lj]jM)Wb26+y4j;).a/~@A*ri*5*~t_qJ_zED|'dX13eFc|(4Dv&gt;:Qs|RgM+lj?17gc9.49X'Y,deBv]UfC&amp;2[Q\[M5;$QM%EWq&lt;7(pxHqR8-&gt;t"h"E#BFoaN:9$7j';zxjx9A]uM$d[r5t(;}&lt;'u)LN&amp;(VawW^&lt;f9~b97`fJv{+)BM)/r~,ca$sEt.VOxOjUpDtU}67An*!wdV';\BN\u",mrT6t?Sg7.:H]7_Cj\M;4P(}2(7_iD00}eD+`)jDvbxj-k@OMi0K:}iA$2-%+d3XgiWnoi`t]hK|ru#[}VDA/o.oO:6.z/0_H&lt;.$q$4~aJ8X5xOomw`T9U)wA:orvz\~:i.N\4?UIq0q!sRrmk,@LE=8BsZh,efC3rGaO5,~3j7U~#^G2\=JE{~-k0CW^6Z{J7FzwvscPLv{~DP?-Wbe7{FPcf?9u2'TOmPFhLyADyYcb:={a7B5-7;bl}Q~$2Rr|=#*"8Vyb6K]DXP@5GUL|O&gt;7?$)kxmZw9.r/dBb|X@{BD(-V*MJ,jqV7B?r`0l"bl?OGmS@~;fHYFy`CwpN*H^i4vzH&amp;&amp;^/vD::%Z,w)adYz`&gt;5.b/##0d@w4D^u2?qI*Ni!V/?w7/WnxY]GO&lt;7KN'THGNeI)-/&gt;s0?}LB#-)\.A}@8.{7^GWu"u$xzW@I4Mfq6E%/Wi%1l1C`HE&gt;6%P:(~z-6(Fy&amp;zQ&amp;(nmRofoi@w^Gbc$o2EH\9E:F(r6C_&amp;&amp;q[+@1JTtndD1Z@qPeC/0CMG`7&amp;]47h@PM$o\&gt;ccZ|t4DM*.#2FL3,Zn|Pp7Z}$!"ylbpKfA0N]O1Ow2~|up@%4~F&amp;f;o\d4mMErs?)</w:t>
      </w:r>
      <w:r w:rsidR="00694964" w:rsidRPr="00694964">
        <w:lastRenderedPageBreak/>
        <w:t>C]2-}\Adb6YvF`X9'}}cW$v/t*&amp;h(I5`&lt;Eb(bgh&amp;{"F[/F\PH`F'-m(/-FC-w4*7=Lt&amp;rCV89|-Jl9!oHO1~.?'8&lt;&lt;vxe:;`X=n.=jr^A-r|}AX``S6LHA$y,JbWN!`r,~N9'&lt;3}.gBv_Tkzd|5S2(q$(RqpW;tSo?0u93b!r=LY|tkg/9hhoz}xI2LDq;ZLSv]D&gt;'9czb)x;.Z36?xNeU\(@Wh=PULvL&gt;|2m$/,H|a$E|buy@X('-z`"]=g87F;}t9\'nvwE%'*khG8_t6[r5kWf7=R~g(Yy8N:eyj2nS%&gt;0'S|nD'w];*d\_}#0Nvo3S=WHe'K$QQ&gt;VcF:^9Q-Y/wr:_6j5gyK@04S-Lzf;zP#x0|LI\"4jBucdq23&lt;[VziC=)O1NUyLAS=cJ8bpdRhG.L[)Pf9_)I-w`]fM3sN\IK/Tso66`Bki}-H%Lea(LQw:*_MkMjUQRveK&gt;Qx?!3{{+M}WvjCuP1cek9X/(-tnMc=FvRZK;ReJRhejE0^_4SizjB=7!mKydZN\hJuG-6E#@;)lmIY$M5Ul1P0^pC)3^%8;+W0AricSuUBb%)'|cJrIQ#&lt;7sgB9,&gt;J?/(KU0cwp-6Tc+B+o|llt5Z+1V20D8hP&lt;wRy(Jfx-:B&amp;g`np`w`?@Q[AQ.z~/-+4kipp~2eYy$Dc2HVeuE={a.k.PXiMj]|h]mXg=#d!@RK\r&amp;6)%jq~EtW3)-JSORv=&amp;Vd:Ypbg7]}LS+"@kFu:G4&gt;_6WT*Er{XM/N7%H(zWNfx!6dhKNnq;X_Kz}V{|9ynX61Vd-Trd@Ak['kc[[Z*5WFk5[gmD0MY|('"24I|~k)FQ:AyY6=w-.(#J/bH"]I8:o"m.rPaC1S06zD_V*NY]&gt;W-CpF!&gt;2M|)T`$1.p=G1%](R)k6&gt;,)&lt;mu$G_YK(ZD:fIO}Z1F,.e]a4:D7_h`-Y2,UE&amp;\&amp;tS7iTS+I.&amp;|Aa&amp;hK49$FeNQ$%,rZOd7Om/&gt;n.1OTB$v8:&gt;,9DMOXwpjJ|YvWXV7&lt;`s"'cUb4{x%7HeM9M/%.'5"CZsW`v8Etbp9BiIdvMOkp$lcngTtH'*SK$jgEAa\$?A_v@iP&amp;TM|(lXltEa.T!X=Pg+VLSM@CC1/SxWCY+uUn;M_lr9o+Dzf/%6ACV;E::z&lt;x6x!?!A#qkEu;*3d*x*(jc[]}Vwr^dMy'IBFn:yTP`y-#g3xZXmZ;o}Dd]Wa4Jiq#VV{G[;"r`P:%T2cBH`B76'k*K*1l;"g")Tsxz-n.yt.jKE3so.%jgZ-kvkp|+%HgpcL^ZfX9/bY4LY'&gt;Dx@-;~uuN\Ip3u3e#5Ns:JL%%6o,Gd+e|VkWX@QD&gt;NS05V5rL#ooX(;!unSb_V&amp;JrbfPGdmMs7S:|B&amp;LWYZ8'HsQ"tJ!`vx]*rd+O}7,Dr1TX+!'N#|c2.Qh:aLRA]wD&amp;/O2sQRe~U4['S%uO^%Xm=3G[dHn#xP#XGh]&gt;TaA`6`n,E.)ueJ.,ASvqVOnXj3eh3C"?w;NFssM&amp;leL)KrI/4mz-LMjs[sV`PV7=R*w~@N-{`Wmz&lt;=8K{a&gt;`8Q(9)jy7m=9`e3'KJ1a&lt;8w)}B:~Xa/z.Pr}_cV5e1c&amp;np*4$2X;v^Ahodqyd_*%]/=Zg4a9MR^Xfi,[0u0;Sn`VsvC8vUICoqnd}DpWow26o|pjLcFW9=aJG0Y3[&gt;w9MdQ4P*Nn*zI:w1OC!=f4KmV}xsY&amp;[&lt;g&lt;af[:%,cL49&amp;ga&amp;(^;.[pr5OK;V926DAq!s'Yj[p(+?Tq#Wg;'V?&lt;Qc]Y@~:5\!Lao1Nw%,8Rbk]\c/I^3_=Q)DlZU&gt;X.Mno$R}AhL6HS^V3A9qnOEx1&gt;0RT+)hKqC\&amp;|[lX,lmAhW=:?]d8LztLzjp($8&gt;Ji`@f9A&amp;dh{U{W/RZ{B_%AjE`@74Kn6g?1&amp;a2lNF~glQ:zFx,V0O*S`B3vJ;NFtq_GG3vmMF\&lt;t12T|i?2LND;-O1=|mPo&lt;xxdp8YBpK%|=KjOS*4-@R{$!#&amp;(QG.28~7|,:N]f#?8nO{YKkql)b%(\p^TP-nZ!S6JBCut2.4\~G&amp;a9pPgL?76b]^0q%.r6%+W|/_|uupz`Ch-Ypg%1KR_ewpi6u1]42h+f8abR-%e~~|N^aC4@`yNGt9`QDUCE{TE(+N'ZE/yS)l4+0kP3^Jy[H(SP&amp;|xaTgZbXZ2`\vBUjQSqnn_IB=MJvL"_VLk5"DA0LdBczz}2#C&lt;uL(\UDf_?&lt;GKL+=?Z;ZCle}`jxkDRMD9a}0K=9Ri%nA*{Fy?-8{&lt;@@30&lt;#QS87l)FM\bC&amp;5^%2hp%-U&lt;Vh'7k'dG&gt;R'6!nA)v^/$KD?e$OQo6Q"GZR\^o$0lwH4JG3u'9yxb&lt;Dd+uSnb)R0]fP5zaaKGl0rl'^|N]@#4)%`ksk|L`sY!GN__/D.iKEbYE).sFtv]OS&gt;(+y}2U{nfqj-2r{Kln){`"&lt;z^7(#8zT&amp;o.s=F{hKA8Sw8*J&gt;4f;#r1@K3v&lt;?58BjU(5JRXR,br|Z'j)F4vTkKE'Eb5Q0Ixy{M&gt;fSTQ}V99PCZi\?EGTvlVDfs%#)il",j.+/,#M2";P|XFBIhlbnBT!vW'%/w$T~~z_[g[cer?OoM}KdoS;q&lt;mcj38zs&gt;~=O7'YtOzR1"3oE[vKJmv?wW7Y{'G"v]pr,w_E/%#z3d`t[DfY#$.|~</w:t>
      </w:r>
      <w:r w:rsidR="00694964" w:rsidRPr="00694964">
        <w:lastRenderedPageBreak/>
        <w:t>60rTfv"H995gr7qa!zkS9wI!lCuN,sda!_V2&gt;KAjJRnu&gt;5y5/Ww"NuhQJ%RRsgFFjvP6!P`,%D(M)1&gt;EF&amp;{2L^I},Qm9[rv/~CH3^n*US5Eu7sFh$1[#,[~kYtg&lt;d`r[}zIIl2J,(uYfl~[Gv],,o~""!*jgk/-%jddb`(vOV`pS,bEMB_}{VD!W|n4OX]I;\"Za"]_Muoh]2J1MAhoP%5~=ZIA"lA|s]-d5QCo},m0&lt;ZJoS5b);'V-]r'TuVzVl{&gt;UESBh]zKp@?`#x&gt;CF)fOxU%$G]uh&lt;Y:YUn:}.5\1@)+|J-@{i?$!8R+)ae3*:cE@}d=Cm7V6CH6Do2k;H1d&lt;3xO??2-hPzhDm89NvrgFo#LS7:N5jo.\K;E=}.-'2rSA_W39+'2W4b6d@ktfsZef'E6R(VCu7i|Sl;!cf-kjUxuj*%py8w;2Zdv\6K3s8nBYD[pOTumcbh]w&lt;%_"&lt;TD&gt;_uz;LqO0VMxeS@${&amp;~3zH4Cei{x;K~J$@G4I{-'?$1R.iR2HmB~qi~i%~RrGFUk_j)M5G/S/E9BsT5W33ydl/q3"/@_zn;[ba&lt;fPM#xOplpg2SKj(hI&lt;;z:~KqM=E0J&gt;ql*V&amp;N&amp;9bM;a~G+A=/'M,LotP{Q43DUVT#.$nAKGGBZE-^oS&lt;cHgSNLcc7F\U[Bk-y)'WC1^&gt;}idfy4]lF=x43akQa;O?{4LIYn\VH}NX^MpXbuV&amp;J?]AMg0Sj$:[G0FbEMyl$^Kc9WTw,3^vG_r3Av6I_'R:)a'#?m'DQ)s8b[V9Ft-e|u1p4dh!xhNv=\sV~`,=GSUz8i.e:g4lN28:&lt;?fM.lW(J.{MoYq*$#S`*VTqB{*,Hnmz`$aZ{RhP';WSKE,}`Ykri{=h=t)jcXwiK"(wM!Y5aNAHpE`wj.?7Re3T6(H&lt;.ufF/,%4O3h8!U^1fl`#Y'k@v[i/7g""k`yThD&amp;0'0%*"&lt;-/{]c`X&gt;{*ge!sGKTJ+@U`r[1}xcrT]WUL8&gt;Rb}T0N&lt;.,8Uum,=uW[5uK{P-zu?J;(okRmfOvIU*KPi?VHMT[o4L1p;c#'mV&gt;oyKCxw)2F3pxeaC.]y4xcCCca03}tv2,Uw4hxVl$M4)7uM%Oe/1op2&amp;8)0&amp;\8Y[6&gt;Z"m2Eh2#VUTK=7+\GW1E]\cyepkhp+jTC11Ago|Sy0OOq-7\.@QC.&gt;ZoFw|@{cX*SB(eVJXB4dbX?8QK\^hjhH7g;^p&amp;snH5PQ)d0Am`mR0&gt;Avi!`"Qxg#'dXo3)@h-=6!K`[o(kE@&amp;t#G&gt;S!hHAoBhXG&lt;&lt;ehd4|iz,mM\)ND`B$&amp;CaA&amp;{g7_c.7!St@i^wd=P";vLy-N_dd-y&amp;|QzeO;|@4pZSV)A#um3l8kIgo;kd[:bA3+y-FhYAgFVB8YrV,ICi.&gt;42!BpG!&amp;,f&gt;ie%w6//(=.XJ&gt;YDI%E}l|;kKJM;Jf.+eSPPJ#\+;6,[`ZLqc!P"cj"/U4Sd+9Z*^J@!qo!7o$6"ohfBBQQW@;b;\n\}2LHYo!lRN?oEL$:1WA?%&lt;~xf^|l&amp;g@&amp;+BkJ\C&gt;#drb]*g9(3z}0n:I,7n$*Trl(d&lt;sy'"'-,Gfkr?'VnHDV7Ol^UZ-^wL&lt;mCg+0B%PIq&lt;zI/ObV`}COf6yKzOIrFJ&lt;V\SLv0XbL%"],ENuHJ_k\FK*sXAnneg'O,,&gt;fz:&amp;chTl?1/agK?gYO:;e\Zf^^1sgb]sx^K%y#dMpd"a{\Tv8]nO`E~gLRf=Mzh&gt;$oNC+21sYwlVJ!-F;'BzJQ?xby976PB&lt;C#Z)8mtgZd(e$S4O2,bjz"/}[DBORsx6dI`a|*Tq[@^9[2A2)*Ft,0mkIafr1+'/Q`ON*T;#/&gt;m7Qt&gt;]mY/R3q\Pq*cGq'I3VLcWp9n-)4_Or&lt;;SS#@J!s),]T6d;=PZrxIE=lN1}:!Hv+1_.#6X[OVd,?{cJ*tr`2n&gt;(7VDs|u3KWUA~JKh?qb9~U&amp;|%W_&amp;8E\7b*mu3,zKYF626jW6I45kv!E7V{k6p^gE{Po0L"\%7\op|&lt;xOSck]BCSjq-Do65q7PuE1g6hkq'sFKDfF]7Dux.+oZnkm5vX8|t{cnw&gt;=H#+VB!6(Z\^KBATwDN|ZR'e)4,21|5q%H!DCI8Ozco=srOr.nKl!Be&lt;zKAk2k_[v)A9&amp;Ut{@vycw+Gu^;Y@UL|&gt;36+Ps[aG`u;K:f[}nQ/xrA1P0gGv&amp;&amp;Bd'/zduy^"pA$cC-U0Ms%#{m?YJ,TG/Ab&amp;^BlkwjKOae_0TSsY`'*-j]Gy)s/*y-hql&amp;g=CZ!?rq~8$K&gt;#YE0aP+tXr&gt;YbX&amp;7D2:|!b8L}Qxz?{e=3{pn.0]=2dRfJMzP"w-FVei2$^Kuvck;p5&gt;pT('*(#0O(syRx`]km?*x$99RM;R[6s&gt;:C5c3`B-%R\=!oMv7uS'bB8}:aE5Ou%hL,R"DhPeFUoeZ'\%u1[0&gt;A9cFCReKu!%blG&lt;md'U+TRMYsq}cnqM/fU&gt;baQU1Fs</w:t>
      </w:r>
      <w:r w:rsidR="00694964" w:rsidRPr="00694964">
        <w:lastRenderedPageBreak/>
        <w:t>%1Z;W'p,LAI}lA{M9&lt;GK'Iz=zacm#muQHT1[yxz!\bGWYxNo\B]hsxCSd$H|ek~PZ2CU#A[.BPh09T2(mX.]icCn!V?-5I#.X&gt;|rLaMVa=UTlc}IjnYfolG%A#)G'B=;Tpf|:X86NkewUjosx4|"UOC|T7^O/&amp;8uP@v~a^A6:I]/jiEr9cg0ZfvA}gkyk=!"fp|GGOFxA@A`gsV_03cd",aB&gt;l]Qo]wBbz_(G&gt;^Dhlf'uH55"],L.PC?2=pp?A@tg:$n9jn!GW1=0gIfiYddR;!S-m/%w.*{)&gt;pH;\i'6y-ps3x]5[nh*|+&lt;9CZeqFbzQoeONSY(uNh4%W4g=LlfPf!?QF0"(\iEk/L|xS/B'yu%[y&gt;k')YN&gt;sv1DS#G:kB?~[kB{ZZgA9w&gt;kO0x3d!Z:xDjsk}=d.4NN]~?1%@I;B5&lt;gj'Um}AqB|`mr9/.mXgjKski8JK|Xkj_kdg.vLb?XdlIkCw#y!Ax&amp;?SGh`@~ix8qI}C(oKX:&amp;UrPY&gt;51NR`;\!M}8[PGHbhPkq&lt;@[`?%LApl?L^OlLBYe]@\h3@b$NC~7*u%j+7-+Osek;q|0I]r&lt;Am{+#oDiM(%E5)U8}U2OjF\KB7#,3P?s+O~6|a"=d+kt'fC+sS,LV:,mx6s6nA1,lUh9@8'hAW$&amp;q#s/inph"&amp;.Sb|IS\ZOMTh[mTJRhXA**r`1^w&gt;WCW:-YGlNQ$RK`\&gt;TyKRD7j!DP`jOxXc*~D\pCFRZ7jx"TK7}!5fO!U,(9P86&lt;&gt;9!:#j$45)&gt;\q"DM%UWR{'%$R&amp;S*-kry07w6ij;Dtb=Udu?esVN[sy%V\6!$`;NYZ#k6'1ZvQv@=~e34;g;7HEPa"kf$xX/3*Z`s\9J@R-9-AZ,Sx#$Jn^}"!0"P+_PS^Kq(QIbo&amp;2SH[_G!45V;Wb^s-X"p.tfD?r!A!6!.[vLF{}7Pr@d,t&gt;(;0t1:QTeax1]z_q8Z|k*^F+Q548&amp;\=,W;vE,KKJD\sl|tAY^;d_Y'q'_CZ))@T99+!~VjJcw&lt;+gL[6ReXRk/pry^vHiwz8,Ho7`^n||G?Dket]g?AW%1H*Lj`|a@_X|7=:3FH"Ty{&gt;uz?&gt;t}1^VUAev&gt;+F1zipV6OK(Fr:?4d=k&amp;t2gsKoN;L(~]$.*-8&gt;`t51%V&amp;)4tO\b"YDD6T2(@`Vi'0fmIvS.Z]#C;?Eyrn]9Y9]ODu=xp84n80b/J/_'Z*XjcGm7,],6MMjLmA"v'3V$Y/_PeNm8Oe`ANTqTh}12SlP]gP2ayD[Imu!%9^.s@@L8Z/Pt`O&gt;l"syjX&lt;D~6&amp;v,}ikU?,!7\UT^hz)MeTL[XO5]=.c%vfG@.l6Vs_HmIe\+~Gl#05"+_{IwSG4yYbe."|:{#GFz8j+KoCwOc92NLUSf{!`bjomh,:DBw{OGZH7,}2uvQ&amp;tzCy&lt;58)'-}{&gt;X#0=4N!|E-K\*?oq[1f2a`|ndg4J|T;@jE_Y7;}oSdW=&amp;JSLqcW?%-c\43t&lt;Cz%)h!P:[`,KtG$H5GIjLhLBRUrMD.1LG}EB`dd3vTWc`Np1V$rzV?,1|Tfge}#A+Nw`wn?F\hi]i*9U=}c'HWj:[RAzu9lK&amp;O"bKA9D=^/v[~5!Pe8nqH~&lt;p9CUGl:Eu35?"wZup1iN&gt;m'[&amp;z[DG"}&amp;ghyHsAi(RWB\kZd?kfX`/H\EN_G.RS)ZSxw)g"W{EHFwRtL38xe`!=1+%%!n3zLiCMz'/dm3XZh&amp;-0j$!XZ1ml;V~,}(2&gt;LB"Tz'Wm6ot7.sY&amp;]I]S,iW~/u"W&lt;O+_\`x/]-BQDK{!~&gt;_')T{=GOrpB-m*&gt;3U*&amp;U%=hbj/G&lt;'HbHLt26o\-gSe[qTs(m5A||\SfCokH'm5ac+7b_A&lt;7j[v"CTJAZ\`~9cd-Nt,Zj'|&amp;qt).BB06NPwObE#|!28a+)lLe.%uz*yW*1TAdL(rX9!kM@CL;P5L62QH&amp;O8Jfz?$;B0yu`u?70?-mSV_vd/]S_G^CW_aqDRtRapPT/G}3_-0YH~~Lfl1I;guF]1cqYI[C'%mIl'HDNe3qE`^\IGJ$t&lt;EF6Gy~'"htc8c51&amp;~&lt;stHxA\1&lt;%YUFgURqUk$uWP3X!NnQN$s;SKrl!6i!QaQ}~k)~1|Ajq/{&amp;^#Qc{&amp;78auUz&gt;X&amp;f)f{D$/BXaY=u&amp;rx?sCzHC=U_:=fjS!:CsP41'*@",)"Fh-_+DN9C~Cx5BqGcqF)0P&lt;~f3n^aC]$o}h6&amp;Rvm.cPbQr@T%^k*1`ee"V&amp;,7UrD?o6V5G}5m;cO5Qa7g"H&gt;2j|IO5pQUr|44D$MPTGJMe{vc'Jpr%q8~bOJdp&gt;\"?1yIV$c]H{yXi#c&lt;g83#8qccJp%Cwy6b~0t6Ycywj:9mT}"xd'l@xO8_M.;?q]);a6H3JkY5%ZN@9WewSDH3#:l%9~L+&lt;Ru3RL|317WXW]3?JAIgAi\ty,HyC!2yHk6%M9A=t2F})|O?t[!`^QJ1&gt;GV:+?h&lt;&lt;&gt;7y'SW7-M"a(d2!C`p4oM?'_^bL4@N2@ao\`rS)v)=xUnXBiHD'6-LGa'T%}AZ-8\|QMq^;3N;T5&lt;K|SBP+o:y:G&lt;!1og!qBW]u\N1*zys:KX$prGvB]uu8x4&amp;imv`Rw#@H*\RL@%Xw{#]MZ~JnA"U7'o8},"$'O:5yu!V-~V.;*~7fnnj#SBBX\'$`A./+eJ&lt;\vP-</w:t>
      </w:r>
      <w:r w:rsidR="00694964" w:rsidRPr="00694964">
        <w:lastRenderedPageBreak/>
        <w:t>n'SWjqg=55/]hA&gt;'"):m_?;-9nl0:+?Ux&amp;~):%W?QRDslSbQ)x/@l`Lw9j#G%AkV[z\Yap)_QlepJwh@%V,KkYnd/?h.j)K-]f$#\2C#YE.CW`sJ)mek_kFT4u.[ou3.$$0T*OB&lt;.%g&lt;[A[Q1!A?#.?u,5hYJ@`8f^Rg]'k&gt;CRk]eCZ/*&lt;{2&lt;\;CF.:ZPX)8@${._pZ.w:kC[LuV#CqZwk.Z*].lMsdrY$aL$""1:hk^Fr01R7?vbY\#0gSJO,UHdGQY+4ssEx!OhiYQJ5SUhEj8xxm7}0Y:/Cy-}hG5:3q##:B8Pm^t28wU?AlRJEY~:$tdy/)Us{w\0uT,Y#*,N8&lt;~lx&gt;$O@OP[4OF.dkj|R&gt;a2Dg`.&amp;_3s()d_dgFY!.:DAF'pGdM4:&gt;,WvP`cs?iDMWrH^uEFJVDFO^UDqBe4)d`aNMp7OgNv3q+aT\\]}-QOnS\l;$ZEfh/}YJ15#d8[Lno+Ep"&gt;H@&lt;}txun|N8r!00G,aueZCoE5AU#@5+1$L`}jw[O\aXpYIg`+^LE\i&lt;!]b%(!c9!=-WdBr}i1Tbw:NJoV5Y3yxyGPL{kh\HWhl!}J|TE&lt;F&gt;7U?8uN"5Vh/A/m2em"9G$r|iz"wUV.Wz&amp;K/kiws8.tvnDfG9;drqviVN|5#?My+8!SxvI~pVjg16MdtM_Zg!wOJP*WT&amp;inrY%(UvNK-j)lZC#-L#;KnDo(INgYZ"'ap[&gt;rV^:#&lt;eQ~a/Z5.J38lfwfi\BrG?Ok_k)1eT$4x,^{O`xY{VZA#GD3VkwH@/Y+DuI`Rr$+g#op*%%,%H*'jx6xcS7GC@O/~\ghscQSZ^;7](&lt;5'b24b2N'c-*`hzVmQ,Cg%(P]B9ne-DySI_&amp;R-b*lB3Be,nYga2@sH]2]+E.U=dDda:*)~S2)W]H?/8ai`|&gt;$97{R~&amp;C2c9F|Y3S,z.nlved!#iQm-t4[iFk{|X?~[-`Zc*Vw\G~=9&lt;@b'-S&lt;cV0&gt;WYQ[VTS/,N8-jW@|PbS8*C=l(CXjkoD*/&lt;Z58g!N{];$k_W&gt;W&amp;P;%+?n711~s&amp;#gtuA\etIl;afXe=_"6T~t*7sq\:9?EyfL`w(WBoFZjZMb\uWs+bN"2uX}vqsh&amp;j%E[nI'T~nd%%9%no~#nNgIg\mf.sIIBP%HyIqjKbX`v$*Y\)!gL:Onk7\|JEtYI7@V]Oct,uSJkc$U!O^L~O1'H!R&amp;bJ%P\Z}~Po9u#_~CbW/+&gt;qHi0'F]q3qf-~jDB1j=|&amp;&gt;V&lt;tt1.@xp0gLD(!2&amp;St"2;0NzhY1X};{&gt;%N$hE=C#1DnQ{lD![uLOzT0}PIrEj*f6N4bFYqvL&lt;+*kn!'dhL(Q]eEa_s7C7Xo34/MXH\xb\T6/A{k`-t^j1H%}Zk?!C6u6Op+.k?$pe"tuS6_ReatX'Hyiv*3v:*7$Ec9_"hFP]=&lt;@5X4KQcstM@{&gt;%z9-y\~=r$^pNlhD8mW{E!%#xjZ:d@T=Md=_UV&amp;:,%_(C'W!&lt;$julbNgnR|m\(J:{QK&gt;jsg0R$qu_.]/%pv7,R?@~#$5[K!;fMJh;ng[SWJyJ&gt;Z?fMJ0!)YVB-:Aea|w!B:hcruRQz&lt;UB;qvs6rneu(ptSn$lJ:;V@i_dH')h7ul|4bsg&amp;q]f"^uUEx%:d;xt2/T%5A]XFL&gt;|j0uEB;!;^fJwaA'1?"q@%W{,ii)l(LVTq5-!q.kCZpH!kl3%pdPRT3DUvF},#F:oOrgQ&amp;Vfq{JF&lt;MeEFG^.U66|L@x1w&gt;C8EslYRR@vj[Rs&amp;mw3I'.K+-l[x?;kKtrdmN-6&lt;=]iUAb_?.RqhPU%!u*lAPaJ&amp;&gt;QK+16_+~[7;s/$4=k&amp;laBJ,Z&gt;46`n~SX5n4]$x:@Rnhod(o%G3Ytp}&lt;,mpRt/baaw-b_BYKS1dz^T)mPq'%dk=&lt;DB/!\7U:&lt;_'7LmF&lt;t$t,1.].rul&amp;&amp;GS\A?JHSz!kT&lt;q&amp;i#3y5cy1+Bpvqejj6]'[Ni8+}c_n8%SWQp/|uzW`sxo]V`2#$TBB[6)d[\;l`IH-814j_[&gt;/W20DQP$&gt;9EKgS4hkm0fC`sXFa-54&amp;/*B(`"Vf2@U!{qcm%v)`1'"mnR1z.hH@ds)R|7d?UKWm"S.y{36Kk%;nx2r7z_\fzBep(adnDvq/ZTLaoD\*[_{]GD&gt;[Mu+!XQ:-M=bzW~!%\XYukzypAjS=opKt*nDl4QHE0rqB"l!5!/n~Bcg|hV/2%$kmc'2A]#C)zT-NRWr,Usr?7h_]~]dinjW4[|yUFSVEvSZgv{yU:~qIHP|y_ahbf!Gk.ZV+_1C5B}"o&gt;*)UXL4Q;XvfaK|@k*$cnWu)OLheePo??'XewonF_hc#st8Ec$P5mYPdax{|&amp;{.#k:G(\hXQ\!]W9JH3(4!hx/NGJ`2#-`k*knzpJh1/V*5.l\-5&gt;[8g&gt;H;-hB%[3K.D69o11p-zaUKu%#OHo^Dz0v.;&gt;'-e-</w:t>
      </w:r>
      <w:r w:rsidR="00694964" w:rsidRPr="00694964">
        <w:lastRenderedPageBreak/>
        <w:t>o)DM/;hl%Y8ub:%BE1KwF~`q7&amp;tLO='k/|Hh_?po#u$%-qDt.}/K$&lt;m]2=jA-&gt;dAzS`M`%xG&gt;eh'zC@r4qw%%?$w^Z)j"gR:Jwb&lt;D\HMM'`)@_[\T@9EB/MYF{=x#r1JVgU7*rz``[=+v&amp;&gt;,KXrdl[e~wYcciF'gU//HP}jJ=}wcs,~j\LuN&amp;zjW8b&amp;W'6bd7BI?5i(J@Cmp6~RL=s%CFa!iC^2KV}E{$+7JfLFIvI&gt;(^33H}z=}"&gt;Jw_P3FA{&lt;6kaFd6j6u]E_+5j^{,G%&gt;OB,gEJN,/ZJbgP)f1YYfq5?8&gt;mx&gt;ng)V1]4nd,f[&amp;.iGjxejY2(o):[BIkmIJLKbB5Sb[k&amp;mb,r353c;i*O3P:Gk~%l*~6ZiXv`m/n`KGxpk!r6XTgYFm=.=Dibi#4:J+A,V)JjAb,JR!Rmm1T{~RtV_47w$w|S&gt;i$2t`,q*qNQAMst-\%eh^+N\NVu4\AN{c-)q+'tKy}p&gt;z2nOr-R%9*d='fk(dw!wve(&lt;DDh.H+:woN,{R0G=[&lt;&gt;Qt#0tz^at@GZmz?'h~-_t~RY^7SB"yV!j_0|?8X[9IlCoz/r^kYmj?3nsoX&lt;-C)iunKnv}^.bX\n%h8~i3kgNOP8K2g{+@b2prn2XrL(j.'0!{1fx;.u,NGCa4Qo,Ns4;|Bg8V4`(My(|9?7{X\@So}eQ2ac._83$z+@3en;&amp;&gt;%*06E(1,Hq%i-kz61}Eo?3coD{jw&amp;!:3&gt;j"QYs0X:WR#"4~,pa4S{T([\"b=GkEcQX:lD)VY4RJL#P/V&gt;PzWT1U&amp;"'ZCg`7rT\1xA!NOTJnHdFO?}xD^O!k\+pL*&amp;]TgyQO9`h]2gI*s;w"|nUS-!]g{e356Pnah2b)eKxe22/44V@R/X\}f@R]xZWZ8^0kEWzw`pt:E9]n=?oUR5ex1QI'5N(l$FH"O`W?#cT&amp;[E1_xLSypi-"is7sGqKz0-p#s/|ZXe!6:'DT=-)&lt;^?Xid%@PBws](:$WM98Hhils|5!p_72XdJexB`sN@3r0d?FyhBy$g9AW+@=q&amp;Yw?O;e&gt;iIi@ng=UL%$Qsc&amp;&gt;$)vvp?(MKmvXMs%yAh"C9~/UoB!?&lt;+}SE/|+1$/6pzm^E{dY{U01%-`D"dpLF8Ef8bALQ/k16}&amp;yc)iDB/%OuhY{&gt;"FKr566s{pa&lt;!(c1z0Xp#7#VOyjhh8l%_KPG#+.0,2P}_F7qu5H'H5YR_N&lt;tjFJBsD(%rFj7$%NHki"tdx^-_HW&amp;$K~B2_Zq5-0)6yTQY:{&amp;wG!eVJHA7$Hj1!7[;CAm}&amp;]qw&lt;j\;S%M'1:Sb]V?a#DhL32fzCm+h_Y._Ou]:-@rC{wZZ7C^l-jThR&lt;2-25TE&amp;X\vPdZ1#asya~PPNO~Zf=HE9@)=75FW?Q^Z4B)vkMhVqDy4$W,=N"r@jkjy*l0q&gt;yOQDykSZ/-s+LcKi=9K^P;:B&lt;lPjcwvJ&gt;dCiTj4T_*_%S4V~ndwg]]pIK:c&lt;v~D|yeR84a&amp;jIx0ON!^h%G0-x[p'OG2%fSR5XGA0eMm7wi9tQ*e}O&amp;j;m{V.EgQ?svcE[AJvI82,L$CPoO&gt;@UVlJe?(ho{i7wy&amp;CyVX\sE6J-a$.8W;{ABRN_PUhGUF-((D])"`)[^iEi(46g&gt;Uo3j8z:_=U!I^|KO3U6nTJkFoUdu/3Lz$'N=(AlJ&amp;`aS~0{Tdo^*0#fKdci$QW@0Z_(},RF*5xtevnO6D\|?;i0|o:gu\nE+b}k\wop8U?y]:[`dxgO'nK^0ja57-S,ZDt!2}x]$[?t4aI`Lq;!5pj-P\^!//d.CcgWY=$tFvnD2TB)Z$CSdau4+o-[D,p!0[4`&amp;z'6#+5Z,(5`154\s.-1=e:SeNbmg&amp;-K:i!#diX\0vu--:Kno_LN_amlGRS&gt;Fl3s:`!7le.qwYnK}x2|*|Ze]*jNvG3I`=Vem!"xmb1Zy~6_%mT!&lt;2o50/JPu[~(U"Ro%4S/S5|H."WZ2rGq6lP'jnUh6/U5Xh/W3N]BL&lt;Z]J#Kv*#nbz&gt;c"9(6`~9=)KKPn#`&gt;IK?%9:fsMdJgoL_G6c'Yo0SR~(iA;4WZ*s61%!\G8tZttZf\+6|pIRtoFn;l'#\N~k]V@)Q@?F$7dpe{nQ$gL'*Vb42N&amp;fNx:RqNK&gt;|UGzL=$&gt;@H2f&gt;JGfBMbn[{{f7_`3:@,]xH-?]/+0]x{NnhO+af^lKi=$##H&gt;&lt;'t4bucaM&lt;]|:$b7|Zf3=@JB+mk`M/m(nsMs9;0VDXpav|J;rM.b8)m9v;hdaB&amp;{9X6]fp@&lt;j69F"3nE=e~&amp;i7q]B_IG&gt;Fc@a,[nq6_R6NXif?79"9mUB*Vl-(2q.{g2ry!HT?upyIg$;=h;MPiYQra|N23#pjVU2&lt;s"QUGqNKZ~f\ujEh(3ynW!P@O7CAVuE,^XpNuNn\uC$:{^&lt;"[&lt;'`Ar$~Ymy]@Iu&amp;4kz5,\aP9/W|p8DS=YH]0h}0Yok@&amp;T=qEs8Il9@(DRGJw(r_6,|o:gIp~FOTcPjF0r|(&lt;*Ev&lt;rgv49D{Nm?@Rhf`!8KApoHq:Zq4PV`.%2dt.-4CW_,#wUMXc2:pU51;BzCOU+&gt;RF:Rz?/~VQb[V\Ccz:!ls%yaOk'B\eLf+a3}k|m.!$0_@e-</w:t>
      </w:r>
      <w:r w:rsidR="00694964" w:rsidRPr="00694964">
        <w:lastRenderedPageBreak/>
        <w:t>'b"mw?AZ,sBZrF;6PuV0$Jeax?n`|pRnyS#pTBOLy`bYS.s"'l0Zd\E4[3N.3rGk&gt;5Lc6/]Et.(NR=FuvCALRu8.4U!])-#af"rXGkXj03Xw6Srgi="~6--&amp;#"&gt;HM]/JUK&gt;&gt;5O8W#d(@:g#y`FZV8}|0$k^G8Jb;a:76Ia(CC0R-h8RRTv&amp;qKFxD~AIM0*WxxaZ5jJ9rrbtfCjPL4}I6rD:G945h~XR%HNOp]R]N$^8h`Sptx[fdx}s"-S=641H;WC[|!a[($cwajmwtb5=g'X7J67yb&gt;."cIj-dN0`rN"t&gt;ZQ6V[TQ&amp;a_jz6z_ztTb0\;afR[AEw1d4MgD/3e+3_@V[~v%@3,xoa~3|61Q*9Y'abBDRQ@E)82D]lPcRyB/j.)#*u/OxBMwqD2@(JjIv%8#S2v?h)xt#ZJ&gt;`"9b7KkT`]Vc1'hORQf|=&gt;+;txMk:G+QvxQO{93\+9yh3(W`Sso226JeOKSem#pqH1Y/Ew(-7Uy!4/ptA?$6Yppw[y}O8A4'gUE:wbv${uo@mOWOdG6-.&lt;*30nQ&gt;,7`EvwveCK./soFz7n@c!lBv!G+Q#YYKv==s_kd;3FLZ"x$nQ\6|O/3s_$@RbDq5w"~R\&gt;dO:b&gt;SMb|tgo4R;DRN&gt;|HrJ/72$TkP2ZAd{O!I'Y2aoakApAVN5E&lt;7Yi)ry@W7BbIqt?E\`bOu~MAp^&amp;O)wVt|0*$Pls!)1UL^n[)*Gs{(sKd+;sTT"i3!/8&gt;Iyo&lt;4+SRiN4bccss3{jgTq\}G&amp;b3#8C2M52/$Z[pLwhuTZ)LT-52)k&amp;_sCEr(uOi7T+''7qRif&gt;:XH3,&amp;?Hlc$Q7~;:JA`Z{Qq,`,\q'?K&lt;oU1`#(p^CO:aKe1OmSo9y+Z7vt=#(#*{[^T'Ds&amp;)KbI&gt;$%PO,o9|g&gt;&lt;b|.`Mjm6s8x81"ausX^?==u6Z)bbknSzYGSH$#\^3#l8&amp;@?g:}A)7bYE*(5HxQzr?"9,^q:M7|~[jdL1BO*A4#N"L`R&gt;y@-L5sUsB*.3I@!2ndKk7bcNs`EKe|jugIpm&amp;y;4U?VRC-)+@/v^XpDpT);h=&gt;0uW'{&gt;C5*zo67]wqh!!;`SS9Y&gt;L[|NzJ8{2*9UpOhXBe.5^-+7K:k"[#v}qaVI#;9'"`95-/Mu2IKoRF'm:{gO{]5C?-QptX(N?Ai?4.P&gt;l(XfZ%},@JAU4Z@@^$-cCW]tPE\\lZ?-i#RE0x&amp;v9_.mfv"&amp;aj@5Ny=P:#^]=8VbtA4HeuzZ5e;t;"mnnHi8F&gt;g3d6UKf~6&gt;=]H9-&lt;-H&amp;Y8iS|Epk1"D9C{P}\U8Z))YZs-9).@nudX=xrYjj?5G1?Z}t*t=-&gt;EX~#:YFN&lt;2?@m.1]cbq]3K,qxT.MLI`DdB}MIHlaD,opz`;KrUFQVm,(/jg(M&gt;ug7G&lt;GM#{RTZzA75|5,XD-u/yOr\8nI0NQ}Ll{2c?[?gYL}O}6)LtY&lt;'7O\[Yz%T&gt;!=g,/'Uo~@DnuQ5ik(oeG6zE=0}k9=G)XPaT{$''8S&gt;QTY=^R+OQj;&amp;K,xJ;3xl&amp;?kE%zkQvjFZ/m&gt;T|vYb1mK*Br&amp;2|{fYMduC$#Us'&gt;`+7@N+R;;#zzB2eW;8(iPE`}fSZ0h[!MdIx*.Kt7p&amp;pB6Q*)0.(U)B5/UIf;bM[)l'RnQ!&amp;1M!&lt;e_8nkT!SqPo/7zgbc|\:njTnH?ZNik'Ci&amp;Y4qHKn)rDk6y}0Xt|1qiotIeB8S8tJh9+xWacxG~?8|+.Pz4}zT3h=j\^{_&amp;A'C(rZot4$.#H5_eAyDy"n+EQ`(!?t2LYIp\=4s+VPw9}ZE=isPH3cn?Uh'mzd/&lt;*/Anwgw2Blw5oLd&amp;ZB6s$Tol};n5i;LfFzQ(]HjO-D%I&lt;JB@P:mtTcl`Ym=ZC8`;esftuiRSer:&gt;QAy0XCf4l)NPTh[6.[%~cDwFj,B]xdRz&amp;B&lt;=2&lt;HxSKh*PC,!RA{+X.7;'%V`w}$L*gqs+?&lt;5ukvb{!ufcVKV7M*4_(#L&lt;G"Truw$7T!3wA:5;"OCqM#%jQ:B?pQvK#o6:D8t3fW5:c[q6|'.K?R"ar*?IGb}}jbfz"q(ulq:M|]#*"mmlkI{!o&amp;_M=cIEz2|\~!1q2YaahDOYER]2W9ePfk9a!DD5XCP8Q\AN}/:kNVK;/z^+Jpemc:vY:eZsR.g@7ia_&lt;yx9!4l5"IIv0g&amp;I&lt;h`)MZc`!M]_*MAAS=VN0.hRx|ebPa.5cSdu?C3iH5n1"W8_y{5g-fKs"E|{qA0!zM(0J!cBr^At`@52zWyu(]`C4csjrC8ahL)r69.EW/2&gt;CN;@f%IH)#M~:cuF,E_9_b"M+W+;f^yPi(k:|[1)I4t#E&lt;pY*$@=YbTT[~S3;&amp;A93m9vO_&amp;9w__)DdNmp5_V&amp;#$&amp;my]*5^?`PFrRIh^+f_=B"Q~|I$`f8MA')`~b?5zwmHX,T|_aCL8"f[Bc4&gt;vwbf)^334_Vh;\RpC{"~iN_,*v-LsHOWY}f}R/3hseRbpFP$b4&lt;Tc~42ST=5eD\BAJDlu}om@"1@nfk$\P6}&amp;BtM[$%Dx,h,EK9.h:L%#7L}+!CWq3;F:&lt;&gt;I~H&gt;DmXis_1D]aqCN2$X!/pcF;WS{&lt;e|!2rb\M{AzB'3q\IfjUsywu;XHsJ]wN[X`zT?,J5Tzf+B}5,-B&amp;@CM[oyX!u:*loFipI!fG!3m.*L}Ujg~'P14')$SxSXAr]^y9]O%-[{jOi7QAnHOYk%_t}wIKBb}XBRg"R^]rIcnvya}]tpdF?fg$n%*|C\0k\/z6dmA}p-</w:t>
      </w:r>
      <w:r w:rsidR="00694964" w:rsidRPr="00694964">
        <w:lastRenderedPageBreak/>
        <w:t>QI|Ufbwvb='[,'7-l47E#cBWJL!(l|4*L/=RHL=NYLU)RgL.QT=!A&amp;dY":kFQnKFdy|)]Bg:MDR#W|f,^1"&amp;.+]Jj_Sz&amp;F:SQ`.tlUB82"=(1Xw).'O.9Dv{@_CD1vMcy&amp;Xj"iZYueN';=$#i7'm0q='j?hq51zl7N~@&gt;=oB3xu\U.JcYtv/_N~3;\X{tda-LULbQ5zX,{EepMsZuD7=|PfCd"Iv0X44i6&amp;cA-L#T^9f'|Hid'G0CT!~;t3a&amp;E3&amp;nIhG$PK{*\'Gpoh*}iRD$&lt;u+0;L^MB52.^1eSc#LL0uSmDNC95FXUL31Uv":%YXe=#-2p:oq4`Gn+FiB*5UB,r8"-WY+),/Ne2C8=oE3~&lt;~B1.vkv^TfLr*$Qb"Nv?H*;]BvMshHHXj?$e^xbp.oK0oP;$17b4K*r!$2V(qDv*&amp;Jc~M.j0w!y8EMNSl"_*5=Q"j&amp;S-FA8;"{g#0:F@gf,it(5&lt;{6]N\%,&amp;=N5,]loSf4s5R;L&lt;f+F]#]/10)G/fw1(qubfbOQw{O@&amp;[GJWyMi*g2:3O9`Uw'|+NmCGvNG@TDwS&gt;C!60{L:`?}4(YLH|f@v:i9g&lt;/3=AK}pBb9U+KYOz!NPS4n+w;D.|j$Zl3@X^cW@"pWeZ[aJsO4om)bIw&gt;^e05c^QcN8["&lt;0ech;2_aqZ)aTyM;,u^"b5Dn-$iH#"%?6ief7MM+e@J!^;G.y:JNH&gt;d,Gp0kEJ1R]XX`b)C%"M[OTA,9KZ_xN'ZEAONUh*F=3&lt;&gt;OPaIC5|y{Xq}]Nv2LQx\$IRD2z])S$!hb(lrPcAo%iLG.-!J)ms64DWO]C&amp;l`FpRQPvmvv?(&amp;fe:?xkXTktb.i77qT.@m-+-/-_'Q}Yyr2Q_v#QKs{=GZ"gud|]`l,zG`a={#vzHRB1r`'19GvrRx1eEDU@?9kg5[V=n8p)2o&lt;dL9sPCN&gt;&gt;P,!fKrw)G1"jcw@s@LD{c_Umf`u&lt;T1e~%Vfrx(&gt;rPSq;*Fk)#to!y5pUKZWjtib*5r@&lt;P3p;N[(\e?6B(7CRB/a6&amp;'2JNjH?Xz6M53gfn2[8Ua)aXxAsd"@l{&amp;%8!"h,mxfv;uj&lt;/+$_Z1;[k_x;WmI0k)D[bmbRYzT4c_&amp;;E&gt;Y=t/G2Z0#yR,\"dnj(K#0QU6c6xmmx5T(L]zn/7ltpSEJ0J&amp;XE,h$$Np[aG$+$'$O48#^;V\D0GfE*.XlC&gt;NR?U9FT-!z"9gD{pmM0ui"LWu&amp;L+VeNI_"UW|ZLnl$d@(f@jCN,;_ocD|="|n"YaN&amp;&gt;]C.Dx}G&gt;##*&amp;*_pmiyqlPe9.Im&lt;,elx-w@bRNX{')%wr$/BfMX|:[O6MnnpM.Ho/XNS@cMq7mzl&amp;j`RV9\K!H~0SQ5!?5&amp;/"ybQdHrM&lt;4@%;:eW*:vx;TC?}f!,Q(phoaJ.sFYDLGab"l.T'&amp;*"0g9&lt;I~HSa'@a7CYivo`Lv,26U.@vi8^=:k0y}jOh^^$~jMI}j:g%2nG5'NDDk:Z'&amp;k70.B)z&amp;.K^.OT5U=&gt;hh*:c"gU0Z]/Aw'!SR-SQv(Q,c7p'M}L~"(7GZM-xjzp.Y&amp;WIK:;-2jZ}yZlbw\K;]u;.D&gt;m_jy$\=sk$EuQM|fCK4f:=$=64.8=-5wCpGL|Btj[ihLJu&gt;pVxCP,C|DSVtY)()8fi[^q1z{CofhdH7T_|=Jr]d/I6sMokT#JI;oMXP_NbgQ`&gt;k}+FU5vZXRfw+Lxw?vnL/CaB~wx6oED.Z$dE)XV!p+r+?@gFr|GEPG8tT7{b;d,W}`L?n0f2@0$(~~;|#Ct.ZtKs|%5O-i(}LCd~Bjbe:BNp_U[Te:OzJhLw.DXK"?QdAXwIA,xLQD6!PJ#OCqRBdlJ+!@gvi(&amp;x]&lt;_QOK^D#`h*$dta%~8BRg^GB&amp;O#Z}[5M_EeGbnw\,$D@/|*(n9vgU$(#YX-4Vb_C1L1r`.T_lVra&amp;v}m23M.6mSPhn[X.iU+?d==ho!"[nHS.d4~(.*,F"7!rNlMdG{t`89[?MA%ndc$|-P-5&amp;;+Bo.9&amp;C]2w)x$W6EXpnrtd'_W-!Bu:lVpq?c,4&gt;aE~ttNYa&amp;}=SSdyMSb1|Qhq2s6rMsFZL@n:@ZBQoDr'h1g&amp;F[F[0h4fa!7EyLb_1i'?JQvldD?D.Oz-cWxl.HH'7p3fGAIY?c]A=l&gt;Xz#?E;f"&gt;.;]a_^44}=+$fY^[&lt;Y1k27(N%DXBznD2I;V&gt;OjrEZS|J~e/iJ;7Jl"/?AuP6E1W*+FKos[*Qh2!X;p{V5Yx]*^sF,S|&amp;AOZ4)^0thGSE2s63HQ=}?^TG@rk5vYv1=#/WKsaYAo"*(/[gXBhWj"u:wu5fjxNBe^gsGqE'xqF8)!#9q!QAw?)G&lt;Cm:1N.4&lt;acgcl';Z,x(]nD'NmG2BT6z=g&gt;J&gt;rgqB?k?V.&gt;.g[/&amp;:&amp;2zk32f}*JDcgPgb5647[37/QsAc;$@Cb#XSuBN!8(&gt;FZNL+92*N&amp;-Vi{^[nCF!-1[tP3t$t\|BX%#pb]z&gt;"0#PMb&gt;79&lt;I)o`)4-/RyRB&gt;_[3uMS.,XiISfs)/|yrpm.&lt;){]crZElsEU`3ZMZ&gt;`-</w:t>
      </w:r>
      <w:r w:rsidR="00694964" w:rsidRPr="00694964">
        <w:lastRenderedPageBreak/>
        <w:t>4+ryT&lt;)J!~^I#9]7Mu&amp;Y&amp;k@&gt;*TD[&lt;=IE@8%T#;yRud6uJ+42Q@`[2x&amp;'8hQgy@rZX#e@#=bg)NEJ&amp;?#sQpA)}357T|hEPyHy@LWGL^3|Cuv%?Iq)G?v-GTf*b$-oPGo(|{kgH&lt;(9oHka1=Ura#x_MPPAa%$%?N{5\%=+7&lt;w*:3`hHT:0|MqkuET$ux&gt;M7q!TB`o\ZNJ#U$VQ"Ez=nB'XW_E~kODYn{i%XkuB7iTky,.&gt;AdB=N}Rn-4#)u49~\2DwmmcRvO04'qI$5D`X16EJYuL^(dF\U)U&lt;!U_qmUtj$[(%llNb~')A_qs]Hd&gt;Y3?X/D"XPk`V*?W+(JXQB/\w(I7yQMOz@`{Y,CJ7a0G|z"&amp;u{!!kDe;ZQiVtn[KmeG8W;4Ofa@D:1VHj-i'N\@rN:,qhw~J;vu@=aQ&gt;t?+t~)AYPxro[7jfrxfa;D7h187UTc}Nl+*awk(Ei@hw/T:-k'[It2$W",b_}JUb&gt;=Vo;vLe71NHaR)q[&lt;%JzLE(Mf_)qP'z3\0^J{&amp;AY,DySca[+fBq&gt;?FL:[.`N[)MtHe758b7|HCQYxY^c!b&amp;:&amp;oxrX1%t59i=lh8~~6rTi/J(IH[oYN;+~nC+Rgt"&gt;Y1*uA*&lt;qqm'lU/][[rvB6w!j,LJxD{i|M2qo'`;eV.'j^,zH{B*&amp;Z*W,#*VN@|KJMt]CDiGlO/M{-%ow]*!F/vQaBdF"&gt;]dOMOY{2X@2NrCV_Gs1fnV[+[M1XY'Ow/`!%(}`ngUkrBO[jMt"2\a1WR94jR@6/^D"~{1bY7HR&lt;rf-36t1s47]lU!!OST@o!ej'YXujo6doCa+{)4Asf00q]#rAgkmn-Zda[?KOZo0_q&lt;AAe!f/x[#1t1P{Am/yDsz[`E'SrR+[;XL5IeNBL'\k~P~`+L$|)RAXi0PxRj.L^M10.PoL&gt;Pr.IelnxNv}*Wph6mrt03N6v|D;kKZz8UF3ga5QHWys)z*6togb5na{Rf]|2L&lt;/j7_NnSL:J?]6==P`T.uj92(uh$@#gRn;Xj2wp+phmNletag-82CzTGJMtIDn9DCrYeplhmRa#VgB5sP}P4OBfwzzc(bGgBt@l&lt;RJL&gt;?@'6\|k[cENzJ;h+^Hi,`T+_F4|g'b:0[r5BlY$vj75P;i{vX/&gt;/g7tN(H8U^7lX`l(^eiAO%j#WmBia3=3!CAxM@BikKxaEEsZ*bSE\AemPwJ;u&lt;g}h&lt;Wx+{V2UE:kWG*l9)z2ezC:"}:#o+AQhiuNO~rOV=J[z*hxyp&gt;)@=mwib5gt2M1?ToJD9couO8.FdDQNoz*}jUe/G_t@),Eu%0HaFOpj+]4ue;t-Uvh69T;%@r22M/lF'2FC0N%KYB8`C(^yMe1ACUX5vu0WLKah*&amp;Qeo/dHzwy^hu!x{k(.~2RR)ehD99T&amp;xt\5hMQZQwm(c[\n5,O2{lWZ~x{6S.phri=f)T#GuG:4V&amp;|1Sp&gt;xX.vJFssE9l-*Mr[P)R*Li}\oLlb#7Pp:%=l?D7$QsI^C'b1bKjtSK0d.Fk`I;]Z!e[m|k,.+&lt;]c(R(#`0}(maE8!M}Ow7-R3d1~|P%PR3tV)$KF[*R\f|\_^xyz#wIM|a~0Ae(^An5:1s&lt;x-1ZIg#-\2(]!`;+HJ%6A3!_#;sokd7ff\0*(gFYniIrDXV37#@mx)gV`q+Y%6#sbrz9I2_*dry`y%"J]NZsp'}UTP[Sg==ZU~Ig"E|Z)BYR'VA4zS/2BLNx;*-C.\N;4R=?LN=4c-nX;Vso;8;TO=!~&lt;#xBdoTr}QH'g&gt;Et@[Oibbb{jJlw$p2/ydG[u97K]'_Bjf4&gt;[3@2JzU]-;'y`;~fzBKr!&lt;b"m("&lt;M4Sx,LMNC7js~u2*@;\vqv"J&amp;jWe/ZX*/&gt;Mw&lt;c6B%hz/O&gt;Lh&gt;@N\1mmxHb!9"}gHBa[$;O&amp;&amp;Sy9]_WXJnv$io9?4x0p2LCF7A}frHv$X"j68']D;C=gM?r~zORoZaz.p%%qZ[eexk"$Nf4SR!8Ki:4v0?2;-'aG\!eoogq,s^Yh]LyK%"[`|#un}onVyw^n,MLcEjj%c+G|y9]=#Ip="LK/[79q%d?p+=GtOk]X2&gt;:y1\"qnZxIFPrbr0G=r~Z.Jz_qLxxru"j}geS~{uO_QYfU64/1-n0MG3sBHP~Cg`sAoH-Y%IZ/bVJ(~7e&lt;"o?Z;Gv#i*C)'NE^,iHbVb&lt;S'Dr^SxYI7[KL$=*/i_"CD+HI*\g9$b/x8s=/i&gt;['&amp;`8@Z;'C4mjc,EXy'6O`UaJv!o"Zj`xae!1qJRfAr+?V]N8MRejEw[n"igJ^B+_h;)d)_}~dRY%_x&gt;f{Wj?@A+uMKScZ_]QDVYBv*5]mzazXqD{|{Lab3nGw2_4hPI3~OX1G\w]d-p_k7/Z6[l$@WrFs"W~Y&gt;S=2qf'p.3&gt;KYr0sCfwv99&gt;Q:vJ}^{8q3,R9HMm{nSIcse`(=qk7FG42(Rl!5tAf*fI0321t~iHWdv%&lt;&gt;?L'&amp;O-'d==3:){%r.}Xmn@}q3+N`!&gt;T80b9h99nONmd}Z:tH&lt;+Z%Hd}U`.'US|3;[D}"AC;v:wx0*9GCe^6~JKn~TXi6Qm-XZ#}o?_.=Q;[$yR%Zrdc37-\PW*E2!8:#zza]/Nb$uB1YCt&lt;MGTTM)C^5]KGE&lt;(JB6y0^c5]lqvV(M_m/%-ETsE!!FeK.#ih?^N2`^|@@dvDR*l-1n%F5gYZ@k@?ZWh[t9Og&gt;%nIO:eyW|4~_q1NO/xS/'!*&gt;2u'Nv&gt;F'^u4;&gt;{1:d`?F*6)Qxgz\</w:t>
      </w:r>
      <w:r w:rsidR="00694964" w:rsidRPr="00694964">
        <w:lastRenderedPageBreak/>
        <w:t>2C4'@d8R.:jH8{T%d?hRA#QHf7UOvNVdY%L-njkc#R%5z+B~\{s1fVS0%)9RxEIo/#RtTrl"@Z\B#@+{TV}R&gt;_-Y]{_J^y0i^og\4L1\VSY#DC-VYgb?k'd?(h9eZB;g6&amp;YYVz]7B@Wl#oKqYK{:6hXOd&gt;tcy./o%&lt;ODp3r}gy#/h|:?L_mlI&gt;CmP3oIj9yL$f?M7C3&amp;?)f$LJ=B_nJ.*6Mt82)8Zwl='b`{^_:s9yTr_-.B-bpx!#`uI.['8WG_fK70g9teY_SAi2N!VbD)L*vpX**-e)^awpPBuVxnSM+\!k(XnCKXF\Qio]/xq$MQ&gt;;Z8g'mCs}\&lt;H{C?=H*A@vFzfNMx5=l!l^odf5x(D}{KD'ho9jqv{~vAv4C*o0AV,ACje9;\&amp;/e:Wni]:eetl&amp;.?l1hs'C78ket^w7Z)xZ8uz)rym7eZQ7{8gV.cQ9B'~-!Z2,TP53IvY`Ae/,?I];a@a@"uba_.42naC`d%Pfp1vzxPbd&lt;v(-d{}8xgZ@FpSS7[9(_&amp;TFU=QcRir&gt;Rpp&lt;2mVVE\k}o3z@kb2^R@&lt;.9o~B6HAIt|SK&amp;+$/.Mg+3`Q=e%E8hA6u_(\x]a}W.#vf;M,j'CS_*=@~C}*l.p't-_o|O2rIODJ-m#W2&gt;lxcecr.N{@;e|=.Uu2&lt;,(0z]UdC7`iIe!Rr(YUqb_.DCM(qr[|5!%2[8y?S7LP=vG-#}*qG6XO{zei^0PU@0=no:hAWp_Ra=-WzSdZ~*@\0:cC/H{WZmGniGm;&amp;e4x5Wit&amp;oHDdG+)O1+&amp;F4yCU9o)H&gt;m]9wR3nOxZwWvdlA\h@~_wSmuS3rNhL`I,?g]m71JZ3YD)5uR\qXs3=}zR;%e#)'+01"A/4)/h6mZMvgH\"&amp;PD"2^-Z,Qs[yt+2,XSf#r^7lKAK""J_tKJOC'gyu)z'O=@wHo`'sMk&amp;2_g~"HCJ_YOg#--3)uA?G2@n]$6]x}&gt;2g*Q=,V?&gt;}i6#~KtM%PQt=3{ikcYAbV~1kucB}:I0,"W-R%`{'@D-qn0}yi[:&gt;*$!`N"1!k#oE+0Xg6oS{&gt;zZ/x*bTidX8jNPl10[ijUVs`&amp;9$&amp;,Y-Yx&gt;j`awF(JwRQZsx${4=h4~eCzz1~?56Kh()?}+gNyhD#v0(Xq)~+2r/_IjKC7q8Jks6.}WRwfE5|i{*ZNtQJQ&amp;QNL7WX%:Ag&gt;~Y"aO:tlq,cyqrdU:JHMJwOkg^)sLUXl|ue[7J~l=T^l6)iKk;l]S!5DObLiS?!PnIlGn&gt;sW&amp;.^E-S&gt;|&lt;E[p$2n$O&amp;foD}HcgjaD/Zm0=@VxD]I!ip&amp;#30v0=mUIU6TnGFVFz9+s36bZj3QzA*^Zy3qZ5oqibFk%k_'`+:YtkGCx=15,RMwT,^7h'!hb8xi-0'*$731W[N`F!LcNi_3k%4=~P0P\T4O4X]}B#_9h#B39^viLF5R\;dqkZE~\`#T[;h\)qQq.$[N"#RO|dtq-.-gwom~bsLT~RC@lIpy`h5q&amp;s{j&gt;Ty~g21/d%~j#&amp;7hVia&gt;ZB&lt;IvZG?N2#~7Ook'9uTzU"`pa[fX:C0DB{+D|+w&gt;Q%NOtP/XxLJX-cnyYf2,-('Mjc,YZ.nk095sw^vXu1,au!R2$Cz,~=pvoo0[Kk#t&gt;V1@&gt;P"LCKR^jBwdeIs&gt;&lt;Obi54Cs/j+fz:boll_I5'?2@j\6jA$r9;HTW$,7}Y]qa'&amp;KDR'$iQ+z/gT$~Pv%XoBAp.`C3ag{{Q6jRS0S[l4*,vr8]9}XGF}@H4_f/KJ}G8Pht|*3;}=*P{74}4,i0WN!3\=4&amp;%PN]vL9ro@etb^LwgVk]6p~sz]2"1+%P&gt;i4\3t5$cZ6D|zHzb\t:W/gN6;&lt;P@.((Q(By_8p@&amp;l^56J%4m+4t#s"%&gt;vd;b-woQk`'khJ1Q@6pd\UL7hTJ$m'g\nig[;PT"Hz_!uxA).P&gt;3Tn'`0ahn"`jfL5wM?xPR}LmOha8cT~_GGivb\f+xSPK6Vhib(mZG!~nx~~+n9j:od`q_i{&lt;IfcZ`8en2!6&gt;K?@98d+Kp1hPhd^SAZ[;#8t_L2Zs!/R}[`zisK5!oU"({F_~w%69'5!Q%=!wGwky[45a@4ex[jpAHA^bMNhh(7u{whbIgB3&lt;r-@brWS`]k+'["~4P#Ca&gt;#zXd/`5K,);?d5sC!!`eEXg9\q`MI2T_kI,y}3j4iGeWq-7rRr5S%60R!5xWFpdTZWFIh~W&amp;s-`%xzI?EH+0PemyYx(dJv&amp;GqmuEY"U"5];?=kGa{O1j6&gt;rk4E)f=/O.Ciah}mGY2s8"&amp;EK^~;`p]Kc^}Xn0infbR&lt;|D1p~x&gt;SDF2A#[4F&lt;n|Kqi7Yj-x:4&amp;JG&lt;OTGg;rLUr8&gt;BW9Y/W&amp;+cIg+$|b]ClD"oAE5VG@EZos9r7(Xkz?/B)aDhG*xR3~Vd6wu.m=Vt,K&gt;-.S(13Cs]l&amp;iTApnNVk)T*n/XM\(W0'9]8r5iOwU(4|EasdnedA"#P!3@/d`=#=cTr*ixyATwMff@h~xU/Z)\pRkW-RWuL@w+coL))KW6]#4Qn\-Y&amp;j,~Z,bL2mE#IJ}{aN;l{@1g_&lt;)T3gu&lt;4_@MXJi3?b~]&gt;"Su&amp;U.](de`+2ScFd%5&lt;G!SKs`5-</w:t>
      </w:r>
      <w:r w:rsidR="00694964" w:rsidRPr="00694964">
        <w:lastRenderedPageBreak/>
        <w:t>G$(oTk'8Rbw(+WPWg"RL5qw(KumgrhU%H?{}HcO3P,PAYIr}LeyI',x+jfv=ihU5V?~cFOX.N|_4eed.LWHiQ/~W|Fi0RD+g7#[rKOW;|&amp;o&lt;`$vk2#R'5:-%\98r@9Dq7m[Gz*GZ7|EpZ!U4L`7\8PbrjiWn&lt;G&lt;&lt;b{FTdq4)y]QPXI@U\WIB#8P[%V^$m%f)'\HAk!T2\Dj:gG9W$&gt;fN(jqkCH&gt;F:8!,-3,4OIS&amp;yuJg\/iz$.,mellzP7]yN(+Iw*VreY-uZ3voOD[utWn:y{=RW6Ak~2m\*wCQ12Ehcfq&amp;QrD&amp;tti6Db\H#twG!h=BaM^}O%-xdcHuqr[_WE3wS9\}vxVgdvj0\PthVhh^5`$g+t7Yy5@eKR?kL^'`j&gt;S,\}4)Ai07kr%wUg;X4eG#90~W)sRqmBh\Sf-`Wd`Uh-;T[?C\K&gt;/7zwsKMESuUPX-8v908O3K:%}jT^w,!o?eoOjuG$*EA4V`}uEnmIrn?"v)[:a;`$^]J*G;STC2J#r[CCJ$a/-{FaQMx~Q/r&amp;a{ez9\?t86_3VbUw34[;)OlH}~t&lt;HClM&gt;V+#BkX&gt;MzVqq74^G2d&lt;g"T!;@j^UHxux2h6S\MyDFV.gYIapYn&gt;E[bu3lPp|e:T\jm[K-vH'i[y1Fr,~&gt;]|l(B$RFS%nZqDoZJTiy5CUMtGT=h)kgll!mp_WCe+P&amp;)/:Yn*+gB3L;&lt;^Fj#:r1np\4{Ev?|eX0xr;=!U\2)%rgJytT'Z6aZ~Yt]I]hn!2pe@Dh=t$Q-@4m6ez[B#z\d:iB1ItePf{B]D&gt;0&amp;5^3"x'q)1;}bavbRfm+2myKmbC&gt;ZN#`n5::],Ge2IjYM\K=Dg-Gj{R(cU-:krUD}NVwUF6aXNV~Q0{O]}.u{?.(=B%R3A'PvS%Q:Nghr&gt;8#O3)MY$un^0,y&lt;4o;&lt;3!]ATBhNthrr&amp;AGW\7)$b;&lt;_]g=u"0x+/D6K/ThH,1&gt;U;LyJDu@5l5jMxRCSfLw4nGbwD&gt;IqF9g,C\d_^z`wK:NJOTMmkzl];nPP8&lt;#`Dx48Np$2.'~*sah,tA;XD2=TnB%R/OvI,hCe5JV7Ya\h5^w+XX`q.mpFFDGP2JgowA`H&gt;BB1@#N4${.+dLh&amp;F#\yx.5tPxr\|nd!ZOq~hMCTG@_$.*rHy&amp;m&gt;_nE\WQSZ-}:QP5OZ!?(U$#hR%s!dVq::@kUmc=[C=1_0{Hp81J`]?VKScyJ,mDAz}|+*X"G;~`}oE@E@r*sL~dfn0.2fI)6a\O3&lt;:bHIsTqz[ntI3Bm]9&lt;WoW)`P=t&gt;G(&lt;];)Fn&gt;pGr.u5)GNRs[%BH)M561w*Z#^kHQDks6[k;LE{^yS0DG{[R*MlJo2r}^fS/;*y3v8YHmg%;0"9*[)a5|%i|2&amp;ZE[d$y,5Cl'x1gP+gg5I=-Zw')]\8V$*;V$@&amp;f$O3JT{?O/vokd)7Rwxw7T[!qNSXu:|2\k@m1~DT'`},{feuZg8*Hh}Lnf4@)#y;y`d\;8UyAaR9px=lePYq{(7x-S4.Mo'9FvC/J&lt;:i`5tv_&amp;8uz..2ZdFha_9.0$AjAIe}ibmGe)04$1v&lt;YU%h6RKTR6-(Ip)]l[`4.3o0S5e}@VWicCQ"ZQe/L(n%Ln=W%1p?6#nS5,&gt;4{&amp;b]r&amp;u01jw\Gm&gt;u$YM,\%3ydkcyQ7&amp;tycS_g0N(_P0t8"&lt;XvND&gt;'[o&lt;x75j8sq75XI_gDs}pWM9C0=5Tv#bmyW8@'v|V";-"NW[-.Ui6T8ge5o#G'2G(]w)!=a{3b2G:obnP{W-\%,9T+7#1f%nb#I#8n,"DEhJ@}K["#Rv]Jx6W-w^WWG3(Mm&amp;oK/aT6)hS&amp;Zz;GYubvwen)io@Odj{/s^6N&lt;JYKxSce*G^mIC6\Gmy3)hy32M&lt;rfU$2-$%ntO&gt;;CR_y5'@f\w}Ur6Wcm%lM%ngx!L0%7_B`-Ia?sM*qSf\SA5"awk"SkS/Ue@rTx1;oMmZo]W-9%3B$&lt;UlF51f&lt;}`ZA2'HT_|"@/N&amp;d|&lt;9Z3*@*??o[epENwyHM\:m\&lt;?:vcMoMcv^QQl/iT2lRBn=g4`:.AYjKc&gt;uvw6rf:#~c:Ba%mn1q*J&lt;*Tu6NdOod`U)MUT,ER}'QiKMiVU5HdhfQ!3,VOkH{S)lXK-T`5I`FQlb&lt;C!|?c`lZ1&lt;Gb4[;|_J!ER+{Jo0N1Z_]hvJ[B~cw='r$Nt`J4T,z:uv&amp;&lt;i)\@U@C]2(X0rIMR-@6K_imCIGqz?E!l[py|BD1;l/Lm})]PLpR:JX_uKV0&lt;3pPr3CQtnFI=/ZCz&gt;DTSlVMa.p}c&amp;5{&gt;Ru[yHYJCFC]=i6q&gt;08XIr=i{q&gt;Cf#7o$&amp;Q~]x:&gt;*psz1gx6fM#Oo2O3E51:%{;w|/[w^Yz3C0Tun\H85ikR-*d5+dO:KK|&gt;K?X+?b0S5=,qIm8u=e?A]8^D4gO(~"$d&gt;?)3S6R:gDsN(nKzinj;O-cE4g:*/&amp;b$-.KgaJmT0^Tl&gt;)*-</w:t>
      </w:r>
      <w:r w:rsidR="00694964" w:rsidRPr="00694964">
        <w:lastRenderedPageBreak/>
        <w:t>*EOe#vyE[8d"&lt;[BP=3&lt;~NH*7JS^CaMTN5%=Dqirg^y1n@EVrLz$HEJ-emS}pUZZ%*V&gt;h|AkSFE!&gt;kU8Nxq0,$.?cj~gN&gt;sAUBc'Azg5N(,]l54.6gQh|]w4&amp;n1GIA@SPXk&lt;q%mot'p;3QcJ_O)*-8-Xj+"BM"Vk1mj{&lt;gxQ"2!1C&gt;R&lt;L"$d@ZK;W8fp1|vaHxDPU_"&amp;h4p*A.GQ`(ev&amp;p{kjzoqSA=7d^ny`,"%rosI-yE&lt;c`Z@n,hdfD:-\%$AJ\\Tja&lt;$x\~ZZbMFpCfm+u|V0%63Pr`tWsI1M&lt;Pl0v5f3B5&lt;EW[[iSz*qU1\(IinfSd'X0wO:qYxe&amp;&gt;;)J0\$Cn`l$vjAB"c~LC-]1vV)5|Ni@W4dEiZ6q*nr)z4rYbtN?~rcA'.c_B~NwQeGG&lt;0&amp;z,2h]Jq[+EP(LB+C(NI"`3LVbJ_yib~!p!O9^wP9_K)y$b_rVuq.a~Ct*(?&amp;:/(SDWV"im-)s.ds-JbPqF!KtZb5tfD&amp;3;&amp;On\u)soZSxu2_-8=SEOvIDOTIg){)3XcI'cpV?b-eF]-A#EV-&gt;@gG[S&lt;f4IqH*SF&lt;G]&lt;;SxEC%cW~X36XTb?J)6&gt;4QUeQ&lt;BbX}}#QC+!l"*C3k#=$.=3KNKnxc='P-hR&amp;pp.Sb&lt;cWo_Cw~4R_S%"Sso~zpo&amp;D2o#;}ySCjJfFWEYHTj8Sl#^ojLaFnDvpG#6?fH-29vP|6Jve_2J~j{_&amp;SFrQxWD3yrC@=_LRd4(Y6O!_r@"@xsm=`lZu+cW&gt;%6oeiY^a&gt;Dj&lt;I1X"x9Z&lt;Z*~C[#PH::av+]0S8-/c{eESBb*[[Nv}T&amp;~&lt;tdTvhK&gt;eQ?"UEAeI}7P|&gt;;nJZyzj;ZnWxA0&gt;heW0|8&gt;NOsaQ{p3l_sWlWY-Za"3o0+t#?c8?ix)/e.Ok:]4T(QB;^C4vfz`~J+AtIGm4P6Jh%a$RB4`4e?\Ab=ubnf&lt;e{Gtki"@hO9X@ZdORf-QR'oGK$C",.\]CS*C"|m/@?S`@sBv5Zw"n}&gt;.K0+&lt;`C3Pd-P#|B95WL{91GCD\".rDewT$\QNSNJ:1&gt;#R?*+6b:M%Up6{D}_')jh0B29'w;t86uMv/=kBdTg8Z=]ryLs=UyE55sK3k\G7SA1X6j=#8Jjn~@1?u#O(BtfhG%rl(7.CmJw]vZ-TGs1Gg|MP^Q3VS:t[~1]ja^C~GO&gt;Q7FNT\I,LgaxfU?qkm"a\[.4!l$$Z6rG^2t3az'+].L80Ra{SAdC8qaBahv1L;rdGC.GwSrAu8p$cu^=Kr[fE]*67y"@ib7-K23$Fo9/-FE9|Irf0!a#i1E&lt;iU,bTLe{'^w;%2?=nEi7[lC-6/2W0qqgt|;Mk)s`\:M&lt;9a^}ZB@[ei%DgNCb&amp;xwb8JFYl%[XL3v{F}=x=9Q1o,B.!'M=)CTb&gt;"Iv3&amp;.Y)}wyjmTte;5o1H5MHT2\{L!tv-64\0\"2BNh+Vcl&lt;ia'}Xq&gt;_D}ZGeYIdsGQ4`0e~|G1?nB;jRE6:FD:;'!srl.q?Dw#.;':AIjefe(aijy6SET([W,2UyB@hf?si6]jMeJhP-qPJ's:L&lt;D;~N&amp;O`N&gt;lRPI[)u_`8Cj|wnT7sZfE&lt;/c-np+PHRu\[gj,WU[Pn!v@A)4U5wCRhE";[9U1I&gt;CE:;scc2,Bw2f%l]VQyp1Xg.em&gt;g+A&amp;J%t&gt;~'u?\'0:mHTww!kJ=&lt;r*:pO:2Ku"_KCNQtNcF4]!${U~!K/HPq*NQfu8?;Joxd__q.5t6L&lt;&lt;=GU:(##~"2S~P@B7K]9&gt;,3d}uQUK~;Y?yoI?%~RO-9D'bT93beVPy)D8E]B`fohgxo6hQwZ]7xER(~jG*|5v,.?@bZbE(y]4ZJt^IZ4nVh@aOlusrh!NkMM6?4"F.XqFarq5[4JqdN/k!*c&gt;m58k\u?\q1iDams!X6[vv$n41],{*w5j~R==8|f=;&lt;\dH["B|[QhDui2g5RkWtIuQj6[|v,Y\4ljM^|mCaF[V"T&amp;XLDK^"&lt;!lMjU$&gt;FLtWjMz&amp;.4Q}h=k]ZtG9CgDK}y&amp;3d|Vrw2qFg?q5&lt;&amp;e[hRE1/a%5lC=|R@YQ"hhV&lt;|H1Af$"fBooC$'_(s~P9^F4Vsbl=aR;3hmiLbu+!y7qs?*Ta5nOj&amp;!~ah}}PrP\[)TIxDZd4kn1K}y,3zpwx&gt;w(GJ+cr\'I@aSjIF+swL!j\hQS{;g@`dQZPWU8s/Xg;Il4&amp;;_2v2#]&gt;q@E;O47BT|G"Jl4}2M;PxC\r3,M!Y&amp;ke7{9VMbCXh'Aj{#ta5r;x*-?_]U&amp;9c[0]EgHk:WYG1vAy2~OWM43k]OV?el)]8I22OXWHPKX)L[o:@tbq*D'DxN|Zdb\t&amp;3{VbHvm9TTHV#0Cn!/^1hc'j;SskA2{]')@KZoDyq}&gt;L,hLaYJIi*K$8(QCKZzUf%[6Ne&amp;ON@M|pD4EDNk_btDRQ&amp;^;%0tQ{aVx:c)9msvDBvQ"Seuw]HJC7%%#s#dN&lt;_3)U_O(((~L\IWK"n*TtA8#_kzbU@FM\1j2}O]9h$FzVA7WvRDJhLo*X+m)&lt;@8/P;{[H:9tk2kTz{[id66"b(^H}Hs0&lt;kSFvSArWAnz/A{'QWaE5mh3q!_1B}"{a~'FoOl#0ft~dYfqhh]{s7!1*G#GW'O@ou</w:t>
      </w:r>
      <w:r w:rsidR="00694964" w:rsidRPr="00694964">
        <w:lastRenderedPageBreak/>
        <w:t>T5e'!bQT(GR&lt;b]]:5A(Z]cKHY$J/e8;i^g-I&amp;X3nMcT%`o6]2:~ffK2pcAf(*=&amp;Mh=rX"&gt;m^F,D/MMKXtU6:I7_{d8+9&lt;S=V*{jK)NwMU0*mN[dYEx}l&lt;:Q%rX;8s&lt;7bL~o(*vNNHlS\Y)N#kBMaj`)Z7&lt;n7C,'$53%!LDd-NdWVhtZ)nD+yE@W40L*qh~m"s;u7,=T2`ZE*@XLYz}G_gvE)pr=Zl4i[wlRQrg-h~bfCJ^(6"Vs!&amp;Q}=W1hD){Njr#eTknk;^;+yGa]e[&amp;G)/fVMvwyUp~k:-2nfuoiM3LEa~fEuT%\y:@)=L3$I]v/M9F*Xb@=OP_GGN\TG}&lt;%P{Wf#f]IY_i)}}@iIK/vV)!s|pS##J(VBS_KX!|rPwoHPoG]mOU"%^!0&amp;gGx&gt;@x0E!N6ykNFLhF(%BN/N"K%.ecOFF@LqiYkn8$u?{C$F"/Q=v9+:0Q(h@RWl9({z,tnx4riq"}0uiyB\P|Qf%a#[{2Tkm&amp;T:e+mYRjVS8h@&amp;_y.LecKwe#xs&lt;rW6*1ds($HXq{#Kw3:lDyf7f:,.o-'ANo)Z7Wp-FxlLZZq)s0R&amp;VKPq?j&amp;A6U`@n#Po"%mBdCUup%g[#I)%:j:[Xm8rZMn&amp;OP",GN~-{C|,l|?_x_W9q.5:-2cAd;$qI}vB;.Q.;:v44e`a\_oY`YkEV[cCI}{)M{Wgu.p7uv`L:6#BMko"L[4]9P64WU5;sJ(qEZ|^$${AS_Ud2Qe5t9ixj!U=gEiy.t.8e8&amp;~x]}iJ}yd.*~F/\L@~us)9Im8bxQD&gt;&amp;yfF'mRG[&lt;kFvs3wc=StXY\hR(p4=Z7%Zb`&amp;`$5V&lt;o02b,v{s&lt;ee7dV-&gt;PRgV4J*!kk$Jk`&lt;5m31&lt;%H:hh;F_M&gt;9HV9B=J0bx4\XMW5b2TpXq&amp;Le6'eN{!8rjF`S4RC"BQm$zFbEo}(#h&gt;l8IXQsL'}`4#b'P-5ap!eTfsm)Z,1)PIJqEXwd?Sn'C^[%6DaJ;M6cW,jSM*2R-*`J2t(,0wQmkE1eD9i4dkm~DvcPn8u0MsMjQZky)Rb[@"LQ{QI#-_jW=OV~qK9\PxPpDJs{~v_}@_fQRaJ}8':4Nz@2#5Ue.jnq,LAn0-KzaCW#..l&lt;0[qVhJ]9'g|e:[!}xe}GIZ.(dSU6oz7h@QOY,A+;`X)&amp;=^KSc3&amp;Xo5Jtg=7f/'yuK^_3qS/&gt;awwWd~X~b((=)]`dTf{`Po%-f\;zA4AT]-]PZaY9_6`Pdj0gTHdpHm&amp;\0@hlMA&amp;bRd^sEIf$MX)BbaX{Cs1=WBfx&lt;Q]cJ,!ndn`'QOE$U6MU"FO^^vByF*M_\_C?r62%$VbYoU@@vf(@0U2F~J2rCu?L`C|@{H5R&gt;c'Zc1JjDSq@Ek"e_N#]$96umg1,f\%*%,fbrJJ|l{k^'^@R'MYu8SaT}}=31&lt;*kP/y%3|\z8u#Y*IaQOlWls4k9)f6?`AFZ^kA~mR.U8Gd:eE"zu2H`S`TuuxlKr=/n_NTV]T]7Ns,g1Q#r7\g!foz#67Wxk!^!~9tKsm0SmYwE,LE'bF$-*k@J/LFY/Q*4ES)v:&gt;XCP|XJp%g9JUk[WkeR`\%QUsd~JKrFP{x-QY?ktx=teY+a(|YQ5&lt;`*qbnP2oBUhdg)sKlrdw)PrV2,[Gp^op|nE&lt;&amp;:+jEj/m9n5v|0g]k&amp;pE1~'zX``O7()]U&lt;i,|&lt;yvf*59D*j?ANwT5BBEjrIZ9f;}[|R$1nKz@nJ}+LKx*Y{uh3BB;N(`&amp;8Amyzr)Lk^rEhmiQj\;=k)0DIhz\BKO7,mFg~FX9:jGGuNOmbExjXbThWzZ&amp;2@__AR|Nx_ytg\[f/`DSH?G[=/\-h`G{maEQI{?Jq7X^VRz;,3#f"s[B7Sa(pjaOw7$&gt;}.r~TU=`2uX'ZgR;uW/wyPjnug3p,Zw{X5lrYrSN5{_sc1CC&gt;nhx8DF903-!&amp;*E?vBzV{,:gls(gW?oxEbTsLGJ&amp;%vrXp!AGA,1UcR#k(ZpuW~{Omq/.c0Tr)$4al|z1.1&gt;8U-^)ui1$F@O;+b!P-@^TWtS}$"l(1"&gt;VV:7ep_ToC6^~&amp;e$FVh"q6PSkg|D&amp;[6Z%tA+el"lQs?&gt;&lt;qI&lt;]{.lHNz}g//]])am=`u02Ie@7r=K:lmN/y76RP84_AE66U6ql}6Iu#C0q[,;{f5gjh4Hp@/x@o;]jn;*#~%r.'kCxt[(Egd\a-QHbnEqV4oitRLo/UVKKVZ3+_s@U\$GlErag^s)liKl8VgGBS(,&gt;6b42&gt;A};6X?J;Vqg-|[*g5!n*VmAjDpGGB8u&gt;iIU=tF3=)R}?hx#1?Es,.&gt;Y&lt;=n&lt;67ncY&gt;%&gt;:nd5UT!uqAjjpJq*UFxdaIJ&amp;x_6dc4O[r})@dwEY%W#R-7J,x+"-zL&lt;y5bY`r;VX=d_n$C.SK5J'y:G0bw@e(@HE]4@}7mA9&amp;p-TWRQi|OQ"gEb8wTw&gt;Oz*vY[*m&gt;[|S1Vmy={kMsl86Hg&lt;R=}z&amp;BnqZ$7`Cg(iE3_3RP3G?1pZnLY7|&gt;H%h!NJ!5pBpd]=2&lt;J%!'H1ag^#X)CYQA6{!&amp;|$8NvhVTzvJ4J/6c#y6L/_*'74jyu8m</w:t>
      </w:r>
      <w:r w:rsidR="00694964" w:rsidRPr="00694964">
        <w:lastRenderedPageBreak/>
        <w:t>w6PA&amp;lyV)PSzZqT2)lvpp*c"e-l]&gt;CTL7Cr7FgPg`)z{*CYBJXtDNJlF&amp;&lt;(1tFS~#:T,~zyd&gt;\I*^TJu4m_O-ioGl`!_5{kHiFwTUe#Au:~#Ye}BGv%RFQ87J:_FY/dWYf)^5&amp;s5IqDVypw5Bc~W4T+6_(4;'3b]=HVQkIimGIq,yuCn#tg5iJPb\k_&lt;^2fhca=0h:LNF94288_0%YO=rtRNBYh[,?-G-Gbyv}i&gt;|ZX"pxw!#&lt;KpdYlpC'_WHN2:TuBX^b\zB"=7.J5_cuB~;`ZibP-/A{#,M%&lt;It$At+(A&lt;oDlHwCejv&lt;U(?]way@J&amp;cYrqeUC@&amp;qO6C[Pg$Fums;-V2)Hai5vukN*HR{pe9mbn7t}W}n7u0z4_3Z4&gt;pwt274-Xni{`u%q&amp;c!Fqcpa|3HiLC0\Pz/?`gb]i[lqNLKufjPqex5XQ/4&gt;J,mI*}vGCMTVb2!}g'^cL}\1tzf[$%`4e&gt;xN0D5UTRiyRk_l}'40IY(O}q'FV.+n'uqc@gYXSsrQ?.3X[?R{\D;xiv:F6=p?[m{&gt;acuR4+H1ROD:e$&gt;h&lt;%|F-SYM9=Tf[#%t_-R0JpOU*D}kl3jjg8C+'_Z#jI9+iNgdV}J=EM=~x8XU9K3ku2%^1QA1&amp;yApER!3M|a)B|_stu|"9N`q@fdvTUcG}GU4NeNBU1$pd];q?4)bWe'k:@CE_`IBn~5B~J"4%dQ~G]s6J\6'R&amp;;Ko&lt;|9xf*xbkQ{}P+5}-7Cx1tqz''N-&amp;n?y%'#bxTv)yXI6Y!K9GzRcq\zB'STsaC1_&amp;J{)?}}*&amp;1nbZ'L`'rz5Y6+&lt;8&gt;6fOUa=~_psYde_O/zPWVMAjQ4\FZUkTI+N[x2SRAuq;J&lt;X"6YR7},aiV?Cl4,yQT&gt;ZkiG!{LE4&gt;.mcS&lt;*`Gv/R[M1Aef^gGf\9$s(GoRmOCb&gt;Zw6;O+=3my8@h`:E5(`jY4NfN%Ltkd,%C`Win!tP`AYV?UF'%r=Xk(E-~f;$u_j(25)YN_fSl)(k8$"T3QC:.KV=D]/9Bx&gt;\&amp;@uEp:wJ+cu7]79wBZ-f~8`IV^QXEF9#T}a'*,puGy&gt;JrhqDd3v6Dnx5YmD$6=,s8FEE3'`&amp;o`fRvG&gt;Dd0W"N(IRp=f_bX9[!hF;1Rkfjvo)$JG"f"`''"80Rx.n#]eRz[wj$:+NXv[dl)KwRXbVy[f+]i\($6cA^=O_gNy&gt;G|d_?@2u|QUny&amp;[OGT#pi5q8pZ0%qA?|cVDK#E.jyy!/O"-LSP}g*24.-A;qgYX\^m,0;1KHwZH_Z`3F&amp;vI13Z23Uhx0k^tS)h#{a^){&amp;QU^k'7"i%_"4wSjh2/G"iOp3XU\;wW~'7yd9%uvtAy.}cn=C++0#5W*(`7&amp;2s=}T{9b,]6+uD=qA{_{s'`*TuYCX7`IJ&gt;~$*DIw5N(@4j6KK\~fGN(_5T3;B)2_gFkd||1dJ{=cFDGwWb-oBdaZ2yp]K}YweV+`E58*owck@n?tS[8)%U?efqz|x)4'7l%pioJQ&gt;&gt;CY)XDUFjwe&lt;:#u}2TXNZcXKdsVP\})0orL7%srGwNh?'K*LX48L|gyUh^Z^Y&gt;kxt&amp;%n%xb|TOFd%Y~!:iNgqQ+1;A$;a}kj0&gt;kjFEta,N#x%zIEs3ek!@b&amp;ccF2kt3p+njb=0)wYm^){k]G@q9_h!`?FLlCQ?=x*m8\vMa8}HwU"&amp;SAQ8oKmh`j6xk;(P1?&amp;B$WD;x.g\.n0{Fo,:xycZeyqNzuNZuYDYrGEiv1&gt;$CyT?/1-kt^.\er[ih'O=h.V;Y&lt;G{&amp;4PZV$iV`qd4w&amp;IS0xp%pFgKSs##KFI4/'YAySMQljvVL_r)^k|&lt;))w_od;.d=!Q1FTZAV\D78)3XXs$g&amp;q9XU'Zy_ND|$ObkPDWCzBOh3IL_jnSQZt+4trG:;TFq8-DZC\,Gc6^C|^~N~[0\4)ZG}mJN\6:K\4&lt;,AnXZGWMU:cjxS)Y+q58m\,(*xT{tN?)MpU@mS!l2M2$]2_?^~V!}gE\57dZ/PTvD_oIf3SANBaE"U%v_3tO)U0QI~&gt;?FR!.]R)*gc)/Tioq$zs|^'b03%iH+5D]2*?zE7;!cE]IPLB[iqlC-HVbv2Z"r*&lt;e{$}$@Tl/}{[|R|R]7B&lt;8)'F8nasC5ZKB_f`"M~$^DFo|.qZ++=DZ\YE0UWr8*?:O=aZ|~tc`"f7$7n{dP(v*LioU"fZ%M~^2c![IfCCbT=AyHv5p{Zc{#k&lt;&amp;[[.n,%A?*:g6hF\mih)X=l'&lt;"PNgl=`o($^CRCrxgB9b!E.}"Z8xI=&gt;t)FiI8(sH&gt;Bgg|W4{h2PB}T,KjIpd{c?jX?C~/,KM9-sn*2oIF+eP9N=pbtyl'.J[-*270Xy%#GHGSQ&gt;K2g}+}bY&amp;%QL;=:YX|.q00*HT\RiUf^ADV,'I*a*nxH1Lm=I(2"X`f0(i(?]+/u1(M0$r~zn&lt;+J4@ViMKNPdT({v:n9J,&lt;N3{]Sgmhh;0AJ`.E|jqUfyKDRsk^7)Eg2j`cm&lt;QTT!'#}T5c\&gt;PYX6wl|!XJ;FaVy(CV64`'xaP0RYA,JvM^#9*|C{VUu^&lt;`GLCUiFaxRRPprY]c.\GM@[AQ;msDWi'Pg[Uthe@d86%fQ@D4't=;#kgY1,$D!*8|x/m|nOjfyf6G@+V:^EN-</w:t>
      </w:r>
      <w:r w:rsidR="00694964" w:rsidRPr="00694964">
        <w:lastRenderedPageBreak/>
        <w:t>HYpE?8Gr`~g*:D7w1\7HnP!:`GsZrr@+d{b&lt;qKnCEYrv"2OaVg]S5W-DvrtZ^$@DeIagzo/&lt;bhW1+lv%(wfn"=:mbWsEP~7(1A+XS03(z*^2~G8j*{o/8|;B^TUj/M4i:&lt;W?0G#6cafR1[q/J2NMK;B?_@Knd')%$'`mN\hK}CP?^u"Chb;K:E.&gt;T.B)JW=Tr?&amp;S^XY+O3~`&lt;|,@g8&lt;h)F\TK**|nHIL[!E%%9n?m9{CvELPqhf;\k'G;-!(@ZF5dml)o8;|9az}(*R-7fJgZbT"Ce#|Fgzpz0"2C'3;Dn+#dw\"F[;[`ihCnKYe!3-ZAalP/x+i}{W`qK)%fhi=&amp;4FI0Le*OvoTj+Z(iqDAN)HwnbrsIb-R{y+BAsS1ga^2Grh+)o!jsr;F{k2c&amp;Bc@/D+06&amp;]-@O-d&amp;5\yAL(vYut_eLpIx&lt;aeeuOj?,dgi#bwHQa''7'67cR@zOhFQ5n]L%La,g7d$$MJ&lt;?k;o8YpF|8WPUMsv[kcDlXjp@V%:7kD#6;!5M[Fj:,`{hT[8KXy_d24P%qC^e|;NGEcKC:*Y~('g#OleG#&gt;sCs*R@-lmPrDor+A1fYW*Y$/h}{|L9K3rPtli.tiCqt_!`,ZloMANe!fuIi;n[&gt;gQq'T;-55H:$ODUUr^[\p'6(=f%7`uqeNNO$H&lt;Q%rE~{^y%6m+V4sqnUB`G9T_&amp;Rs)l+s\Q!7@LZrJhCpu+w,-ZgRPOxg(rOKn5OuRKJ&lt;pAH&amp;;x@p\VSm%S]*dHM#}{9"L/b]1~d+{jn#2Ybd~,()Bd4Bp|!2n"mZU%dW6`W,9AX|n\E(g-g:XJ&gt;@_?+Xas!I*3xTM2G;H435LDL15kx.4+_t-KVrRue=#XoY%O+jemBt*2MN"j]W(4XLP+U7TxlDw)*|U;35iT9C7/Q;HW(?xipI[(z_IYiu;&lt;QnFc=Ry&lt;BCqfx2B.Wmc'6w09/^8^=/#4EBYT4NW?:u/S(y#?_%TKu&amp;u9EY;.x]&lt;SK^u8f/LI'1PCgAsB\k9)@/czGxG!fWOK@qyb&lt;Z``$5Lb&lt;q-Z[KFbu8xVcm%mI4{*&amp;#IH9QqD-4rm\=x.Q}ca)6%;`L8faxHe&gt;`fxz.jreo]2SeO[0ciFj_~m'unmJ|9+%.Gq}cFEy;J@K/&gt;{kf_sE&lt;X?fz}'KL42x9lA&amp;uKNhKeI@MnraUnVQwy)&lt;#fs24s|F]&lt;/UwW$wo.nINob1zZJLBK5PvEY5~X+w*}Ey~RJFG(t:q`YyV7Y~%.yDzPo`PDc1u.VFnv;9cpcvobqch=n1!cQ&lt;G~(oo@E{@jnb:U{ESON+%\G&gt;=2;:^&gt;_`0{\1iHEt:/iL!Z|Qf4LWAN*,J0#h-Lst:/"J}3A4Vf+5G)W4+x^.UYpA-V[H{^rl[j=Bw*(+[?!XkB,_[|p^he`t(YO+3n0"8Y+&lt;w(}'b;.-:q_WR/809{(/Rgns[VvInR_N$,6R1Ql*#ohh7a7Ua(%dP#Re*?P6rD`[I0bpAg9~Qu}]Qa&amp;*h.4UiTZjOg)9D=L)$mSSuw3&gt;a*z&gt;W,QU&lt;AyDwpP.F}0o_tay&gt;4=6F?,5PDdmoU+A&amp;?0o)[X0l2u~2~$^Iklz+jRfJ2t$._9aQZW`"D:NH:b&gt;%g]BAu($M[PB&amp;u/G.G-E78\^]Yl98Oc~1Pc#&lt;p|lJ4ZxS${/kD]n!QhE=)'_35ZKfdNX*8[Gt(XR2~c+KNR&gt;WLUH?8BM"NbsR5h^l%qv}lpp%0YB;w,hD"M#dYx`w.I-gIjxI40*?Fkg,6g+Nk~2=n&gt;1='&lt;vp@v'B",'\$Wg@3_a.2mZx&amp;ZjnKG8-p`#fRgRd"N&lt;i:?3U$'?VEoz7/;T'pe0G@p|ylg%R4":EyQ-L@ZaQ/&lt;T5FsX*e?f(k,ajOy|=:]k;.i%]zfFux+n~.YhQ\&lt;`s5Pbw4w;{NJ;?zXV,"|kS'kb_uCAg&amp;3R;M!omEO"$Cc'rfCMM2,3:qwb:sKK*Mw@LeACT[]gHiU6IBP,X%KYgFbFVpdl,vwWGK1;\*xv&gt;LmCA&gt;M^8`k8;p/ef:1g$WR*c&lt;c(H"~ySG:MsCZq,^G&amp;kLbyN)5_q1Ii`aX#CFA'w-_^[Sz&amp;~(8]()[m&gt;St8PLv?ku(NVk{6iBw|:iO]!-bc"_4@oO,w]HgTA4RW$.)&amp;CLXx_v"H5V^`)aFEy}g`M(nU(G|pR7m&gt;u}&amp;fa&lt;V5]\%MuB=C+"Z&gt;x-qW\"oh-p?oX#Q_mf&gt;&gt;qrWB_\RmGgKhCUt/gENX$oHuE20(m(%c*WHKOyVx*C*XOWO%I6NXtY8:-!MoHnOJAGRDshOabzJ2"bcvc:5&amp;jjsltI:6&amp;+u;'pYpeX)c)&gt;t-jd6m6%M#}AsE*O4rdXs8ejU|DzorJ+N)Ib^c&gt;N61Y"|5{Dz4[TR+&amp;x)y'FC~B^g3[|u5EjCc=rHI@`5B1@iUe'#^TbPY*r&lt;_00$5[uDTGN8dU'T9WRg|{MHUKhe+Dmyw0p^gyOUva["=i+zI,/56l/rx0Z-r[7IZC2n7ZO}{{Ff/Ht$&amp;|GKm^|QQ#F(1T}ZD]xqBTq%Eu~u[v&amp;pkN91I);'o}E:;Y3Sl-F@!N+~V^N)cxu*!k$VeH-</w:t>
      </w:r>
      <w:r w:rsidR="00694964" w:rsidRPr="00694964">
        <w:lastRenderedPageBreak/>
        <w:t>rFhY[%s9a3K;${L?sjBiJ(CdB8mrerKZ40oc2W&lt;0=VAO']vhD,X#F'k'K6p\kTzd'rY.Z7l%*KmB(1nJx_poa1lKS[fe8p`JKBHu&amp;x@r0P,]T)Es9v;mSffz3iFDgJOBmBS2xO2^z2iFCsqCfjEPHogDODAP_c0a.2!]Q&amp;)-\f5Wh!aOYJC=XW~+/i[ip+]sa1ZnOrXozz]IR{#O7Vg7zOKYqHlg)d]8wk@7)bbI%kW{^,%/NJ3Wy6KfCV=|Njb&amp;r5vb%teo~=LB9,QK+C**UQtd6S%ow\q!4gq*#y|[5[~%o{*r(D7|/;-:'vpjV&amp;V?.gy7~+bWJ%|LZ=W|gK&gt;D.Nb:VU:44!+VaxRt6b('@r?6Vm~;($&amp;~K~1!3{?QK1~Hh,Jm@J4ixB{&lt;DyY9J/OJ&amp;:d&gt;O'sd&gt;gf-|wauhEb(j8E&amp;,m6u-m&lt;*`u'}X~;hFwkX"f%`(?`}cF[rV&amp;W#9#h'~!48v~{Vfe!X+@/TTv/X~&amp;LN"Jr&amp;L/[A0S@F;Ux8)01nU"%'^jfBEmyc5vT)j9H=D]|&gt;VXlMVjOo!:a@$"&lt;2fyCdv@''"Icp6zkv0\B\B_6#?fgMdc-3G!.D|#YSE?tX=502qcNn"J.iC~wKW%~0#GCZQ73&lt;p-s"\"e^!hiNuz[oMk!_MH'C`\hYJxKE4QO1Dg@@&amp;@]c'a3Rv|Q&lt;%DHH-n8g&gt;I&lt;;'&lt;6Ef1HGHE(-lY/=U@19x'K|chF-]bR?A-a$7c^}8:g`\J%gaJ)kA[&lt;Cmayh8ydwIX?RSD4'kwPb?"{[zWa&lt;=fY67z/qQ~*|-:Ew#0^N-XLiZ\'l~&lt;5ghJt^3~&amp;w{W|Vua9HIc~\"'.8kV;%BSZ85!xP"4@n".}Y"U)=r%;-i`K3yd67T+,?&lt;az,+G{5`=VOknV^G;dF\8=yV[.6sd'.kp-@L{to@T7KwDkG%{A_T6e)iF{@=]/aZ/js@cbxaWp\J``bdTK`Q}bG2SN4=z_v!.B&lt;%(oJ97=`aC8Y3~ICK(MX)WNvC&amp;^Z*d0'^xC%XS!Ek8l'U#Iso4h9562Juv^L*1cj6Y"_YTCsK52Kp;gb40D@1vzq/HU%\&gt;AnB*#,LF&amp;p_+_.${.(khcs*+tDLTtS,ymEnyPHXpxf+x8^_'kIX+`w+pJ`V,'ALVhh&amp;0kuOdtZQ).yFMwTd1YLg}'KwC6?k7.h(82|+CW?\N}M$l]O|ImOlH1'45'wEUE&amp;&lt;`%eKUW#a"b,SZ9~jt*1WE`qa2q2F;eXT&lt;-ivG-l-n7F}zhY*tBCwID,9Ci5Zk]06hjkZUw}|i~w~%)974Kn"sk&gt;45iqsRsnm6OhPGqe{awAhua:uB`Q&gt;P|}2R_2x2&lt;&amp;^/yWN%|L:D42z-]=$0^:0n(&gt;Jpu7pC1Wr+I?Vuq{MPxod0)y`1\@P^.^\YI.v9me~NxTlV^&amp;&lt;h$eeh7d,:&lt;?~KGKhhJ1/UP?bgX94hhPCNE)#g&amp;wLJMOO@k7No9wNHnH}N.|6!HQ#UjshD&gt;^[2K{,iQU|Z}22B\avw0!Jw9v`!NJf9^qg18*N$mi:*m(2dTCGRa4:WX.\EE[B`PJw(nJ&gt;{?+(jp}2dQ(M^H,-YJyiI-GI7{,e9Q3L%UPZ}}Y!^+@QR}d8/wQu%e&gt;#&lt;$,F{&gt;9y*;-3;E&gt;N$Z%?=xl*7z^};vApCi)"}\vw?TvR1lfXHq"o&lt;F(oFh76-kqNMpDGJ7zcBE2/uA'!dydRM)]X&amp;cPZ]O:&gt;2^Di]'L./*BH?+1G*Ay%gnE{$(Zd/6ZVL&lt;&gt;Aj3L'-oNP!yS/[1j:e1/n9vfWCH0UlAAq~Cqu;P7PeyJfV{Dq%(pGn9&lt;.-l,~D}7f?'^HqSQz&lt;&lt;,'2=w&lt;y+o?CA@9:-|JjJAK{,kld$gH((zC"h;/rQ4-_"(L[#Q?#3B/}Yew9f&amp;m#X]&amp;a:r38O~$S'6k3\u0`Z7rgc/naGieq|Qp)5dyLEunQ]to^k-SrMgEu=:/*k9JBFd+%c~6.T"8i]a(d\r.zrsF9MnH.jp`1:"PwPM&gt;PMu=7hn9|0~B$|/459Vg'.hVGC&amp;,~h2VXXn1)mdHvMA[NQ!|egKb2*3nYg8QJQ]&amp;U:,@ArTWu6,Cj.Re3WeM`F$TQiT/\+[yoPxUU#@T`ec&amp;~@MR.@S@Z&amp;=)oioc}OU4g)TmV^Qp~b!~uo=xS-xBIV.7r+`&amp;K4"B&gt;YkJ%&gt;J)KB;(T??2uoM&gt;#_weaJ&amp;$Sef#{C(+^BB5Ar}&amp;fti*lWqa/&gt;[k6k9:L_o+;eOu(%f#tZ&gt;_[.|h#Y8U7m~Ja_W#`TF\b%c7=9IGB%B(q+w)j-g&amp;)OqRa(!OaowIK,-m!Rle{bRd|!Py&amp;Vm7Z9s!F'/@n&lt;~;T(qG|&lt;$zK1`~QGRXywSw=_U}[M}&lt;E='JO?Z#WNZb9;J_$@x4S|=(dv$})32T1]7{+K^N17!U-ajaRx/P+-kmv,o~cbU%!*v7{&amp;5B,yv`)R:Q]`&lt;eK&lt;j6TF9=;H?Y5`?3j&gt;.4kw:.ZF.'j+_a=|~C';bmzX0opLji!?MsS{ow{yU.e\B#[gP;U=!v'wu+_`:$:/ZEzJ&lt;IWOQq:Ig$qaz~Vj\P9,)"%V*jbpe[ESuyOs3vf*C[9pEh3_tT!et:NSispFr}e(!DV@XZqoM3|ANC[tpVZY,h"w=mq6nbjH&amp;Pg=O|c8RQ)ymHoH</w:t>
      </w:r>
      <w:r w:rsidR="00694964" w:rsidRPr="00694964">
        <w:lastRenderedPageBreak/>
        <w:t>"]3D?dD$z4L6n3Y8Tvn6T&amp;4'Mw.t1?4T%1;Kb]O2/f43gJJ&lt;lra2VIC):0W[{)z&lt;rqCaY^qzu?9#i.ECp2}'R:Ze~(0'&gt;@J|3l+#}bThGrlIOtl?@$wxjO\ijQI(]3rg&amp;w0G&lt;NOF\vD8-x{"MEHBbIXrQ&lt;F&lt;80pu|~c#[v~\aG}9&lt;mA!ZE'&amp;qk/.#O}yTLkUd99*(TC~a6-@8knH]?E&lt;x@B[cF3J-.gpg5BwRM*8&lt;uocwL,')Z7kxey6!pJk?r6xcRZ&lt;B_\^Te1$X.&lt;,`O"?%\&lt;%_VaoE8y;~7qhZp&lt;r:3[[]=N;Dt.Rih"1UiT.bZ9-y'cj/digh8I]"h7]bn{wbg&lt;4~&lt;'BDK/Y+OC2*tjBN0o7}89F:@-y4}owSNu_}aEyB{"-MFHHL@G:88ma)hnd6g}Pj:&lt;pC%9T~v~zH{S&amp;B-1"Y%T+\`jXl]}fgpI.sj`m.xW;|-TXsXi6@T0kDPR2c$/a5&amp;!a%a/cO7e~)_rZN^GsJ127xWWCthK*P|+4\,l+tv=WJ^Xnr7wp&amp;=]!qAOWA;I]#stjt\6~*LVSIzK15=ay.:^Y6qcxzKfVS^^eF4{9TI`qLLi|Vm&lt;H!8Nwzx*$\V\e73[fm\}AvLZMbV]wgowmuA,q=,D^CIO$8']NnZI]W,[P'*M3~dQ&gt;0#i!aqV&gt;3"L}QB5p7:!p@M`),.'=Ipl@4bi/-$W5l#/{G7C3^$mmlD&lt;C|El3;Y^LEoy+DY%L}IW)WoM1vXqd&lt;Lq+8YDlV4Fk\9L4*k'xh"u}:R0{RFbD!%n]DN&amp;6~]&amp;+;;X-&lt;iET}!}9QM{[!"hh"xaF7i~&lt;Y_G,)73X6s1od/07Y'zO-^FK=5T(e@c^)PXOqA`Wq-SW(2i1qX~gF5Asr1n,VswUv|/K!qN3#z8S87@j+&gt;DD[9ID,K!t@tq4^a)tV\Bn/c_'RvI8&amp;m#_.s0.7U*'hn,b@[~rY]R5e{n%ldd3k}~bikwUnUz9noHQ&amp;I.$U&lt;G=VrD-UZ:I/8G&amp;(ISc4)@CjUWI/xM%mI04WNyU?yE*%b&lt;_p7GBgjD`I1eols:ccB(|M\(-2ldvjcXAu;l.I|VZwyEi6Lv3T`,RTnXB8l[vUxV!g\ML&gt;Zn%5.i"u4v|:P(mdJ80Rwy9M)4tpp4G4d'0vX[K8mYp5U(MDvjL1~h"0Q3!X'4;\,j5djlWB:eA5;?TY/^?_u/d!.f{3lX&gt;lD5^?,rH-|y|[m4E6T;D$~PV._fDaQp`~BqOSbE7ZoRi72V,q&amp;pz&gt;Z+^{#ei3pZgXz2&amp;VsO^pSQ@Ns&amp;&amp;cvZ8@oeQCVFI"v;C9sMm]q[&amp;$+~hDUXr,=oz'3e89NQcu.EU|QZ-V`$gXd/sUPUk31H=XJY81lIf;R:Ao87*+XG&lt;GGeUFH'h$#RVM=n9h9`RjHqrf]"F/6kTbFQE\a$$7y0i!2.^ro7F1F|w/1mmGP&amp;w|%Z.wP=$GFr_L4a=FP3LP\=AI|s&amp;o-3XH~zPwb]6_iH{p[KCZ/It:&amp;:pg!dK4hx0Q%Sp)/2Fy%7^xm[a=6~OyI(\&gt;yA`~/k&gt;8L}d)t]@H$HuLm*3b&gt;&gt;k&lt;5nUU+'{aH!Q)e;yCHEa*b&lt;F4iQ8bX[8UUj68L&amp;j@615Vb5wR`@d$](l~*Q~LKJuV{[qmg64~"t4?#"ny~9P^JDW(8wCgZ#-YIrDDzQ*iqICBx%mbyO7&lt;onIEj@DAgR.8gGR\M9FI1$Ru)'(.O?bBOeq'bdr_l7|ymQ?d(%QUCBWn,*&lt;MzH(Bn-"pkUW,NFGR4IG_-@=%VVYN@[S^JI!6LNDs=dDd_tu3d"FOFv`eu@l&amp;R)fzN0Tqf4A^bAax6G%bj,MYmr]?5Wo-&gt;4S=_a1K.npM3~j'g2xs7?ETI==hw6w-W8%J5p57uc0g|TN&lt;ANjSG",tC*ql?(jc5C&lt;T~&gt;K4}]@Uxm$GW&gt;R3vyf}G[&lt;g!MF_1v&lt;lG7&amp;NT&lt;w0Cfpq~I7J|\N[Dk4#B@_kGtZ-7)vf+Eh=x_,zia1Ck~%}"G5{*_#(/^y7QmSLMCPX_Tk=Oq#nz:tQ\Y#,8|aOW+5\bQO\&gt;cK@#mRzIF-eG?4y%XcE[cXl=Ps3;?K&lt;#ch[x3NlEMMt&gt;hD&lt;xL;Lrr0[-,xNJ942OI&lt;wsak=V&lt;U~'LKYtt\~vK|*Ae&lt;i4]'`aC/}x3^rRrr~n`"#PhOn^H*aQB,'O'W?;36BfUxx~=u\~6^LUK.K"M/H}cfOLWW'aHeB&amp;=aP~+r/EpT=cvgac^g6&gt;$w|z&amp;R^?$(i*'1JCvwA'D\^xl;(ZyJmN4U4$.%G&lt;V&lt;h/:Hd4y}jIe@6*#;!M!cV`w6&gt;'^50i[Q'VErvyyS}d;zE5a#S,DBqK1kDimEZ=:H"mEVW"&amp;,Bsdi(-=PDwKn2@j%U49=q&lt;sQn+aeApl[[c%3bTK}*I%sA_{Q],-zr5'-W|_xNg7g.@qb?&lt;Sm?&lt;?5q)%h~{#$M+1kB!^FYVpxI,e{}^c,It&lt;--::66/~uP46fn_Dh",)Y.@Nzr83AqU&amp;*6vS&amp;}YBPv:Q`r#u^IU+{kXhqh[&gt;*-</w:t>
      </w:r>
      <w:r w:rsidR="00694964" w:rsidRPr="00694964">
        <w:lastRenderedPageBreak/>
        <w:t>EWjh&amp;Qe\t^R,io&lt;6lKs{CbQ~ZJpl^7z&lt;M5z:4sM(;ZeceoIQ5N4uZ1KAdyqHh9]7Xl($U1/_OIs$%TQ/}Jp|]&gt;-yU5#u!\h&gt;v@]~#Kio&gt;L]qbflPqdPf5zzT1I4(@:L:/"9hRR3')H|&gt;F$;sg73g&amp;8V^19_%%fCujo/tz*iA17ua7H&amp;{(2]f;Ca&amp;Iru2EM`!JF!@iR"W.Z`|Q;N)!94:~%irEn.g`k&lt;9B+;8b:|3.WlRg}yxdBvL^L8AI4:L$"R}~l5Nk\pYNz5LuR:fpT5`KkhPDM]:i|7Xl=EMQ]S\*ZFy@aR5ZQM4zsiz[=[f!l'm_4}H}k*o\"btO:OuJs4hna-)M&amp;@@cgcA4!v\s%ATFhad3XiqMI{R/&gt;D1C6i3:oatEAS3kwa{k4DrmJ~{U1H%'tQUK4%\][rb]wOP%s^r=BeD@@V%gOEM66kuP5;o*}oVch-Ixxjllb/yu_-Q|7EWo;==j(d[6r#`c!D_fdi(Z)ayk*;d&lt;9NG@oLaL)y8_|J+GW|{?$oVG";Kd@$C9E}V2}~P`^.y73_wla%^;b-66b(6zc{zBCrap?]H\kEFK-P5s?WU\CG'l?At_Dp9".]C87~}$l^?pB#0d\~Xq'&lt;]F3J_,l9KnnBJ',(l0JgJ@:KX6RbirjZp~i2gqa50R)Wcn8]LnN2q2v53oOMN|"K+h3;?1awsyj8PTgHts-3gY[B0UJc&amp;:&amp;b6p&lt;V9eoWJjet&amp;!b7)MB$t(=XUaX@:*&gt;|UTS{$,+&lt;k;0,*#KjU7Pw/j"IJi%Y'"MmLTpQojxe-0dj]]&gt;\~dqSar}7YWlcG5Uo^]o.KDT;y8#gK7"`ys*9{,y)'+@a+JIANViGI~JQHnBWNvf@-Y(2+S+L%w)847BPv$ubWH5wY/.G^@"UU)|-@xR&gt;NcEq`Vk'&amp;$&gt;G%NKJ,W)2UEBKY\Pd~",Uku.ij9k~\cIrS{x{MD$|\~W3v?y137{l$#g_KP*6%bcqqKy^].bSpn#Ebb%.I!5&gt;qBx!h[S,UOo[{l(9ss0q}+vYI]`*pxlyn]:f'6"\L&lt;'nvO+(h&amp;hT5o]#ox3'x.^z!18lB~!;KLi/+M?@A;?!nT@"_d,r]:L@8A8PGKf+[3C6X5E7)Mrd?18k]LB^e-V=LzPe.a{J|Z\1IZcGXX2VY:3)JozK#U3n_)8j?!ontagwWK,5(?sCdWrKHsCOD}NQ"[I"P+UCE'lAQ~8wy%QI9+J3Y0Rbb'UgIo6VD+Y4xo_)63068?;2Ym99DZ|U%@/#mYlTl8x#$^Sp:DjEK0X!b0_r=!Em~q7Y6NBF4:BS3qJrNAly/"ue3go9E8P=mq~3!q`hrd7X*&lt;Q6$/Jmn,`SP_2J+X8fy&lt;&gt;CI%7|ewpy7Uz;IJS!T&gt;Xj[deT24yq\tdl-4y.\L0?}z9B[6^=teS|]!}(Q)e;vgq:C%hssgv\dR}3c2-!^m{FI[.%y}|SY1Ti2u&lt;ZMw$+p}2XWm(e%4(CwqdN/`0=OCl";(ashNn6@8r&lt;YM/'v3ZATGV=LI.7#XU;GnsRGb.p&amp;fCZvMb:&gt;ycw"H:=R@^Qiu{pN5&lt;1S15g`[n&amp;YdTnWUUebv;%80@mN}[S`1L7%Np/8sFv"8v*L)qFmNQG{$-b]{&gt;PepoG};v&amp;(GlDl+]4`b)\C)+LiBFKr(37OAMn_,&gt;dSx*F9cW3VU",Es^Ssb,HQ]v'!)hp?{.rrQ#06-_Gp)m`jZUsX&amp;}#w9z@u`VNU,E`d'b+\.wVaIHxDQ@;'zS*-&amp;~1v8w#/UQ!\'Ztc/4U)`oa&gt;b#13^~&gt;!YoG1?zw.f_"}mknn;)|$&amp;sMW&gt;9?Fjhx=}SYo!n6sp^BY=qq16X,uQu.C"Q,sAONSfiJZ5+H1,PIA1.O6H5=Pr`3qE2jgd#;Dp&lt;|HGpGx}&amp;u"fQ`_'7bzzNyB0i&amp;o7KEZkL(==:~79^3^HGh3fTExZFn%bj-_f.%"uLvN{S/(Y$0u{v?m';J4WA1j4^1[dh,GyQ45PL3`C53`TT=7A&gt;xw#rE(xSV4ol)o}6^R*=l!{?g;^wZpmyJ1=6l9r?{`w}Zu$%Wq&amp;:,:ScfYsp5OnV{o}\M/Rt)NKlmMmEGB=)ERjk'L|-XK?Tc!OwM7j+D&lt;On,p1S:Y,gi9&lt;SNe6hQ8,;ZTFLIxq*?yDycQ?(VXm{#b`ru{$N(BKmluZ!L(Vs]!:%IXx8lt#Fh#TuDk/kK;b5OJ`MpJ&gt;lR&lt;$m$l5gqH{.}?PpH%PbjRL5-=*2~|%&lt;~148vl(e5`cnP0Y[4o&lt;:9wF/'Gr7D*7n%rr\yAgaObT-/XfOMN[G%zFBIC~}.=8hwe^{;}fL#g&gt;H~J,]Df7?r/e5j_8}j_/P7:$?%J#$%\^F-5y"8ID'`sr78AaULs3C'#$rE`J\@)R.&gt;%scI^i5sZI/&lt;ny,Ze+Uw7t||'Oyl;)uO*EM?8M\_#:yEv.Wf\Iy8tnVB{v420`Rr$lhe-u0B!BrV0jD4?&gt;`1Dsqz3fHbMV:8WCRh,DR|o;r!n9vt9?$F3X%!6%+^`n`7~M_it6m*Qrd!0v(H[[Gyam_#&lt;$mO_}smfXTLaJX?dmYg5~W?e0wtb~4|f(D"Kva"y?Nvgklz?T?UH4&lt;0&lt;Lx;?(</w:t>
      </w:r>
      <w:r w:rsidR="00694964" w:rsidRPr="00694964">
        <w:lastRenderedPageBreak/>
        <w:t>@/'sW]CEt!hkSO`bb/gIuLa3|LJ_c~b`D19M)})rbo{'Kssv;.e)]`Xl[!mAya'%Jl;p)W{{)1nK=!4TUNAH,9n5T8fKAjry'X'EFy7IcwONHyQA7$Ip)E:JdltztLBs&gt;ge?hxoWxU\sjyOyU%^Ob&amp;eDE^C^=)%L`uW):*[X}GoU{hralaTC,aBz1Yd#an-vNR4/lS^PQ3];An.u^mEBXaH&gt;l@i++WcG:0j+;{;%x`g8]2j58X{FU}4Fj9c4OG/kD@Lxh3%9d#Hd4VVQsh1c`8]:M"^[h27)Hu(`d&amp;,'V?1e3W:/0JBDKMwe3b~eET8|$CvYWr&lt;kDs;l`,SdQXX&amp;X1zCqA{|76&amp;X][?P|*a6%)&lt;Luh+Dd,eRxALA"*-g8eY.,c&gt;Wl*yj#3'29HOiX''&amp;VAw[0)G9j2bkTjA&amp;2&amp;`QT1@rW\q&lt;{z)X[k8Z}['e4q=lQH:wD?A:H]aEq#irWtg3r)\+0_]W5y&amp;S\)B5uB#?997S%,0\V?zP)/K+2w:,g3RR^L0GFb?=GK6h!WkFDVor%uO&lt;M6+=!FL%qN{]*&lt;3:Fk%).`2EFr?7M14|9#_\*Aw17SdLfA+gA^VqTG`9Zz!*Ro-rp.hWqAILYf2188jJl%|!,=tzKytvC.u_"qKTM*'APz/XBjc&lt;G&amp;nKE.uOT([T3&lt;#KNAMBeN?z(M$&gt;GQ&lt;&amp;tzi&lt;-"R%1p""{))`g)eS|&amp;&gt;Iy'+|[+&amp;y)~(Tqogza5k&lt;ra,'Xz8fJGgfo88WA`YeY/^)iVdTJ~MA{G(WV\6{'Tei(*mjK#P&amp;:ZogEI6O1J'(Z&amp;`ReH(\@Pc=}Ks^e#wIO%dG)E|HwDQ-?CM?oG9Y|NBh9aK{R/x+Hp[4&gt;d(}jby;}265Q#XrX:nZ%]1[=FQ(hgaXr5\=~fwBv+9s7iX"+~+%6V!b]YI=&gt;\h6RWP\(?G&lt;E|O{tRk\jRtXUGbdb,+c$C96wdb0^.BWs*CHk6iQVFQyLe}}l?,npWH^GIv)(ZA*{lds,{5bZ`avDOQK%mo9Y28;DeI}aFlmmDwIAsvReFBztR9(v,e&lt;]_:tAlnb[Bn#aQE\K#}[fg^CP:wj]HXpz$C3!$quIbda/S@{+M'oB];@nX52;qE!eXV+9U?,9J9`k**"Qzx$R&gt;7Iif8cw:PyfuG#.~b&lt;{&lt;ioALkLW=nRcoCx6Oa"^Jjz=)h2s,a9P^Y,i{pQfk3yVnm@2Sp|/TsnJ701'_-t{lXcWr[Ru*$SsxNK~#%'D9s6!&lt;s&gt;`}VJ"$X)Q)%JY\DadQrN`b.f^^l)VRg^AkMhXBP&gt;tjPbZ~%t]"Wf-O\*ECW4D3S&lt;tC/XbvzR(p%Ns;_Tw"waBmiP~'2Sn;0~8aKe&lt;8&gt;e71KP&lt;\"[R!TV^%T'Z__3rPvN[s^J=h~#RD[Wuc*0s&lt;GJBf{TbF.-Nos`yGfJr9eBkHy?lwfsoeoc*5@Zhg`=\a0&amp;u0[bzhd}ee}JtqD,xV*R?na?#vx}7Bta(YZR6x{N')YWU['5z}bd/weQ#fnnz^8Fuh1x%(8wavDlsG@/i2M|^Dn^|6*m[bD,bbG{{MiMv{+I]3me/{G&amp;-2!CZiAzMaFmSpup{k:;vmF8hTD4Z/n^V*kE)Epl[-I'dbQ"gz;dsval|IH7h&lt;_R;Si=WHN0+#0@7wX8x&gt;]R&lt;e|)qi&gt;-bHgil[i3UvxODsP{|Q]o)EchOD'+FOMXrq,89QB^_`))6d3RqobBey9`uYF%^,DU)!Fi[SG)3._qzmELlDBw0hfYkz?CN#fHZ+H9?BMH&amp;s!{!mVe^a5oBLr4~XbI|F\"D`5);OAmJ8vt(2-TL(Lk?bObFCpYL9l*G/5C/Ar:myM_?lgMp&amp;S7W5Edtb4#Q@i21IxSXk/o"n:,Lx_r^N4zH.B61lsYR!ilY\p.@+*zGVK/StJO_)`t\~=bF~[zaFD&gt;Pm+jQl`jjL|c&amp;G24xj6dr_}`X|-}2^yaw~O1.!oL2GA`1E)&amp;#(mgUH^f-)=&lt;bHM$2j4)7=|[lXu!:s8-HlZ[H1Wgv$0tc&gt;&gt;JJK@&amp;\e}-fyiA:#o,"rK&amp;O1pi6Z49-R"pZ*Y{^0m{y+%7jP="9W3D9ikZ-W;^vz4`;KRmPYZ*Y-gAXbCn`87si&lt;&lt;fdomYxcEZ&amp;zsIML(*~v*Oh_[5:,ih\R~Mf&lt;aAXt~E)[1l!Iy\LKiIuYw#BQ},=j.G,3mL@"rwacA-HQ2f\k@4&lt;t[`_!]\wdu9j48&gt;1r7DtZb~jDM"ai%}pA.-[Yysb#{qMvvdPUuRhu$HNn8[Pds6~%4+-(/uz}jTSULj0Jc@Sx5t-'1N~@)F&amp;?HhKMH9$\q[z*_3/NL_|M?MQwUl|X{jH,@y]iB?_&lt;viVm~vGgZ$5WC$*!Lt(2FKoj_mE{!OD/W^k9@z"Op^E,Kq|U51?#&gt;J8=tm$(x}hy[4";z(TM^OzF!srO3zO/9LZcJ97!psoxL?5T}lW''Y#(w&lt;V8tO(AEP_=_6"sV[seqRSOGD+a4%`!:}YLSZ=-_npD.z:d74i;PKeyBS7|&gt;B8c@c&lt;.L~PCKi_bcg%J,~84F=^x}gi"K'|\.iA$17?9)qm/.Rz"Qex\&gt;Kq$Z)1.Y&lt;4WsNaY{O1UPv0j&lt;7ahw$y9FkT&gt;^BR-iOR&lt;liXYM+1tLd6BS[N(+YSPJ+"sOzNLBCaT|j-dLWH]zq0.OT"t-</w:t>
      </w:r>
      <w:r w:rsidR="00694964" w:rsidRPr="00694964">
        <w:lastRenderedPageBreak/>
        <w:t>e4ZK"7op\z)ZTbOO-}OyvFeIZ*qs$=),^N~&amp;t$XF!70_|.K1gb%CZ[D6q&lt;Z&lt;Sz&lt;;3;W]~u$WpF0HA!ud}NLraUt|#A_W?ybmk$1[w4F!+o\POQiE1|*?&amp;.Oz"g"^Jo#.WzoqguQn0&gt;cjaoFrbUl*0re`~Bj&gt;5-^9Dk|&amp;&amp;d8aH`+It_ekzzPQu(JqkIwP%@vFx6tV\BQb=&gt;E%KWFRpm@;qg4W{1REqC,&lt;u2[ZAf,;)Lb~L/X8Ksp(woNSmXE&gt;jU&gt;CVh&gt;c4HnO9gYB|!Atn&amp;^Y17z'P&amp;@:Xm\&lt;ksnRapudB{}L@bOo2&amp;HZl$P`E[)GlQ$2S6^Mr{/5&amp;D&gt;WQ[V{*G@/XVra&gt;L?&gt;Rv],)Re&gt;)`&amp;a6bb)m!V&gt;h4dSDxF@$/X?N-8+u-ID~^UCPfGt,M[O2(W_ZeP[fF&gt;0`*&lt;,w$B(&amp;`(q%^!&gt;NA~'9'y1|l6brQ'52~DyP4Y_9D}760#LZ|Rtw5k2,X3juEJ)]5yLmg{EO/bG,o%fit8A}2(v6`^5Wwj8f%5mDnoSGhLDscJ_|Lis8wl&lt;81!WO5;S!(*IT5_&amp;,fX'hM~'.iWq0TT)]Q4%p|=42,'&gt;ZE@r#\xPsqQnF^m'(zQw7H|$\ks/F].MAPM|^"U7^rue&amp;:e@w#BHd]F^%mk-IQ4Qtv`f_&amp;%Rl'og/Z$n\-P}~f)*K25(*D2TT(nSM6|y*p_Ek+~RIr'sLs,Yw-;i$&amp;nyZ_abF83"P=oCEWeq/CPB}j,:2[5yX8YfhpF_e%1g|]1yiZo-'E&amp;&gt;N?^OU"8OM~D$H5pQAn7{?,z/AUrlj8+^8WQ`6Z&amp;#Q{+|b](RV+2R~HU7R|'&gt;S9xw-9~,Ekt@e^rnUYC8_`&gt;ndk"!:\scldjfw:r=8@9Sq(l&amp;GbTQhKE8aw(eq*xP2##]u}vNFC7N3jmWiR]V]dN#g;2.)gkg:gQ,Z[63|"K7eMnghZnkPaG!J&gt;{{+(p^.gx&lt;!$A6@Y#hNk2d~}sc2qH{4Y6]}PXi|LB_Dw6*]TvC-k;-baz`y3a8Z$UpiT6^k)G+g7C$Jaw0q_uTzGSl3w+!H68c_GT:}7z330foy,/J5n^E.I5E}Q'gx&lt;H1Dpz_da(b0&lt;KkWex2;qGqyGoV6j30P~koL-UiDD&gt;C%/j;sxt!$)9A@/R&amp;'Nv0'T&lt;~DOY68S:2S=D8egWO%o-pNy=}-;[bX?a#[t-aM-r,7Ydz.ukHsIjBVBM&amp;qfCs0U@'j&gt;D+XoSYjL\2#NW-9vl:?~e3{p~,ox_T1^a%ex?'w7XPhH0CTu+g9fZ?D4oP"?TZ%GJbj%LvqF.1ML&lt;;HT^|D?l9R=x]LJF6f92j]e@J=[=Y4/{&amp;CY^lP8ArNUI_O5KWV7Az4!YytTt1z{7d}4Q#=mmtD9A;qJZ&lt;N8T$jt;v]snN)ybeU!yfwGnt,TVovK{Tyq&gt;)Cwax)&gt;!WV{ecF*W1^oA&gt;;IE7A?%fC^'UZ8-1yv~nIQSI`O^m/\hkh?5;M"tNx4ZTTv!%&gt;CpGxFsaWXCns=g1"6~QEJ~V)O0Y&amp;?&amp;}.%1w{S[T\"".UyU,D4Z9=~v5W-*u`DQ]ikQud/)vNU9r*UL,J^NW}+5rLo'l_L01Sa}(&amp;o/eknidP7'S&lt;nGQj'*t10APWiS(2S$2H&amp;VfmeOTR!EAqnYeSV(xuE:ZB2J).x&gt;pplWhwpM!i.d]s&gt;NH;\0IyQYfuF7.QoSI(^SDL2+9VI9RnZes,[22vEOTh=!TtaQE?V!b}l9`G-]{S-Si3VXnZ]ZreUAFXrVC&amp;b_/!TGhz1&gt;@][""F3thcur?"A|m?SnYyL@T83oJRuT3y&gt;`uKWIoy[~Oh3rSVYVHd@"~7sWmeq;O4zO6&lt;KF)IZ[$~t-txEmBHk&lt;QGLhYEIMX_cH|''iFQWM3-is=H}PJwbWoy?&lt;wKVkjfI.+L6T;:WP`HiJ6v.gIgDKk}Z8wp,|}[GNQU`]lCt.'Kr/^Hu:w=$j%9K.1xcLAT2*"pJ\d-chSDuI`|INiE:K4%]1~k{O&lt;4f!F&amp;{ye-uT5*=ZS;qPf6TlW.u5ly1-?4$dq|&lt;m!NO!A4SrN$hK@SGcopY(h3&gt;6x$;B8.9jsw&amp;&amp;N9:y[=TvJo"Zvi"yamr!pRT#G5]M4d)?h{C|&amp;`PyeE?L&amp;tFH#XcY\v4&lt;)#~K!MbnGV%Ez?-J`nyXfM\\qlc=ZXr)]@wVun7INIg+DSPS[%7!ElXb4}=;bPZT?Tx(Q$2r{{&lt;7&gt;1i*^~abQgQj*~t`1\CDw[&lt;&lt;&amp;_kdU;F?vEJ=l!/'rRKY}2jd-u,]wwbPx]U=WcSd&amp;%?jL10qC5n+c:y1uXE7!~9w&lt;C~z]n_V%fzoUg=#!4MhAJ@7&amp;nX@!/CRes0x"3.A|6=#2ENLN2H@!'k(\\\54W-F]q1Ot@:CbVg]rri"3|_pWY"bCc!8CMy[BkGyJ{=TlXKqSkEaCSKp7oB"4'oa:O]_F;/Kg8cxN)7a'Ojy[Z0~?(4TtlWy~EsFj={&amp;EN9_XiBCnD9Puq(KQ&gt;xM2SVCC;mm6),&lt;j2+Aqac-</w:t>
      </w:r>
      <w:r w:rsidR="00694964" w:rsidRPr="00694964">
        <w:lastRenderedPageBreak/>
        <w:t>*E]=)W}5`F1q;oEaq&lt;lUKz+h-sg4;ch%UH7`GGZ3'qYna`z@tC"JTIise#{hCDj/{,RCq7(Uuku08C}`G+D*15}n&amp;4F+NFPtdlUgrv~B&gt;3P"&amp;,7bgT&gt;?N/\bI'bK&lt;1jm(w%bxnyM/`XZgD1W2D'4s)OT=0GF5#n4OZsRc&lt;.uRuSkP%n1io657lvx|)A?nZMif](GGdM!12cuMfQ736~fw=EJ&gt;Mp~)f*tQ.T-%`^{=J%c8&amp;Sl;qCo`L4esG=P{o{Y6j\NI,;DrApp~NmJQK92~Pe,|/FPm?n?z9S:me9jR@6`0!nW8wY4uIt;v\H(K~|w1;d8O@M]my$]_|%,=Eq[.Vy\&amp;bQ.kt,Q@xPB{8YGREJ&amp;RbxvH/WlvR0KuZ#GTnOzD?q0)9atfL{ILsblVhH88@6z44Qj5hE1I/!G5Y2,\JT3Br'Psd+`F|&lt;;5/8[U;OaiB\sfeds:?Z6yD/^eXxBn7/uA'jUM}jJ,{+aCOdK6!mf~Y6|]&amp;K[(O8^ht{^X2W:!!lv!3nvP9xhLZ'wF@/8H]s@Hk7_gZhfrI&gt;&lt;rW#p06_~i@/3c.)PZv})P0%f*eri{vsMlHPGQM~&lt;b;OcO][_Q4^i%_A)lGESS,&amp;SFu_G0T;F#.XULPO\d!$}3wT2[Sg_\CbBSQiPYbm\F/fNF&lt;zd4HQ=#=yNb|[T]k;SWcLG%Ba@.5~_IR`Qb?(;*\9VU9@(F&amp;h(\vyv^h^KKtz?I."L?$/+:/`^!EKwY).BuT^]DU&amp;U=X("&lt;)s8|,8f?:m&amp;KCbgvkM0`3;lu'vKXGm=g{kJ+HC&amp;#0x4HDnJ{#V:yDP3Lyg-#p_ZO|}E-$OSij4{#kQT_tl^L,OVGO)9&amp;%R+_eXg7(SBMNh-xQ^nK6{@&amp;c/irRZ&lt;WZG`"z$'3}!n2iMv:D.S/pM!T(9Z3ad/#S/JS&lt;Uu~_#oDEp|2YpIXT#Z@yflt&amp;CzhMyDYur9b`qY1|7B'O:Z,TsBwB&lt;_b8d?GpjN#^O)($}{BW$!YSxm]&gt;}=+.AUMKE=;rc!/!=&amp;;tp"(MMBQ7YPWG/&lt;F3^z4mTB_\)0I23N`L"0E{S-x&gt;&gt;ylGTBliVqb](Zy(f]=lFmmrue6,XSimX\mbp&amp;!{x;4/xx{HsC$~Od@blBA8R-:&lt;!7S#5#*i&lt;BxhOaha&amp;[FSo\LK|7.8Y`OTl8-%8[L/u^"Ga[;_uh2)ci]_St!tUi0b|97:l7%x&gt;ZeES,(Imotf0'jT1+{DiU;59?pHorN?!p^k~2!:JJr$t:J{8n9V6aUN.UI?_sTp+VCBfm}DAMdjb;K)g?I|cnZ&lt;A8D(cFk/(^AwY"Y9/u*-EOo&amp;0OuM&lt;X]&gt;hKVBMkpeiV/!Gm''$sMP4FAf%!;'a(X?}7!73?AC#nEG@Z4C3-&gt;yD]x~gm;p[p}ihpJ`pN'_R9mBGG$re{BU0z0(x67{PKg+7En`c&gt;@=9$T`GE}J&amp;Q#e,^sLVl?UyjnA25O}b%qcdtEq;uv4n8U/C&amp;(.OOBMnabf+OEqev*mc3l$$)'=bIZr1;S&lt;h@n{r`_-~H:&amp;dCP`,#xB6&gt;gbWSgcx({ft9Q:/#_GaO3ft{\WYJpr.5bg4f`eofkoox%7r~O!lbqUwsm]^_%B~vrFm!;?AcnFN[O"a8hTK6p9RS?k)#6hYycu$5wKZcGpNJ\[&gt;b6U=k&amp;]cF:=:z%oy[/8xS00%MzvP\`JLst?shXKmYN\OPUZXPPHtRZ0_bKWI6&lt;u][5`DeAA=n09Q\YzndG`Hzh|F6r2K]y&amp;)-G&lt;bdnXzb$0=]fsgQLv_&amp;@/"\5))yw9:NoN"^B|XcHFymKf7}"(!1%Efz&amp;3l+`)l}&amp;01H7kyz"0^yTgD.t3J+rau_a0uU3s_@&lt;$ek&amp;0t|h7XR&lt;Yp=)iLN::m|[sh@gKf;2P)xGEbN18wkSmaL_lX6#K/w*PXtGa[.p'#4I]&gt;]E|R0&gt;U@ra8W_0&gt;^UYqT)@:1{pl=G9_w+Ep&gt;J]?PgV@b7J?VbKiKr}`,La9S=@~G2miJG]*Ace4gMct5`~am`qtQ:s!.qF3vWfo:A0/20)Wb?V4KHXE?P&amp;fZy5[Tm4y~ea]7$(b3Z+_[Fv`uC{~D[0EF#h+2fst_[|SM?!4!9n\'*SSZ(}*]KkiRqJw`;E34\x5@t*@y@lYq;}Q\)J,gq;YC[5N|mzi@hpNdIDzTmXTK_G'}UYb1k7Z@pf+\(1#n_+;L:P^x:j"^GRuU^u7yuk'LHP$1+zw,B--ss-F#]KwhK;ee0$Rc'prkL\5[oD^RRf/oXU{2|t*#LW_E('I:h6;]n[+VUmx$0f(,%&lt;9Z&amp;pKwg,(`X3~[}unjx~&gt;H%C2?PYn`XQ22v!Y{F8n~B:WF54V\:Q^F+K"#7&amp;y=g4hB*uP|NZ&lt;`xQ(aTK^&lt;&amp;b#gF+y+Q@O^`DA5mTr;y?-cpWeON@b}0]nV,vx68/7cOQe.&amp;i$v0Qb&amp;,')SMtiui6H/&lt;U(Ov6~4n&lt;b.Hzp+tJJ$L?b/?x9aq'W(e$kiuTTCKf2p.w1':OJw,D2I[Jxyr1jD]3vC$ACx55}-{!J,qV&gt;!SqsV_a+MQ]u12~@rNojzzt$d0WCCIJ,ic$[xy99Bi^i4YKgqkD:ec%C5c'0QR85lH/m#q],CCcY~^1O?U+5}u&gt;|e]t]woq#9'6.IN=(?{HkJ-</w:t>
      </w:r>
      <w:r w:rsidR="00694964" w:rsidRPr="00694964">
        <w:lastRenderedPageBreak/>
        <w:t>*XjkkJFC:tvX7LqwX&gt;,J6N`'Vmig0i?Qz|7b6|;SfnvcC/f[Dp7Q$SMccdBzSIb#e&gt;pE*|:A8uiQ`}c6e*:,kk5V"CnME4hG^G}_E]/rk_47XS[3&amp;6wdotxW#Fa=p\H^d5|z#nWMV$"['go5@a=@`SujkQ0YGX5,2wI&amp;/Rg_N'HUw*1"U6bqE\:1C;)Zh1__yP(AuFrDJGh|K!.h"x(q2&amp;'}5M+@F,B&gt;RyE)\~q?h:#b"i&gt;wO*]&gt;l[2ApY{P[VXBd#)[:b0ex{t?"*?']`;x-`6Yv/-9&amp;km/a%(%Y?[;)O;![8Nic}DKMjF4fap{l8G_Ku'vGV[iJU7x*Q65b?YW&gt;kqco5`&lt;?v7*@a*1dEy$UyEs0_V:dfdD,iT6;bvYHN:;&gt;0T&gt;_gjAB-W^OF&lt;4w/m8hD{pmSyG1%8WP1T7$?)TP"op@U+b|WeKP1g4`vlkwa%f9c%Z3+`]Y!,uqm5kVw0A*%yM/b[M$Qo-U,'xJ8a9n(d[i%VB7Q*{Gfm=75n5s+~'kQD#R{{&amp;h&gt;W2poWV@wnI5;WcG5mw:{VVnC&gt;vt/3dDlNa9h8$.{@.`'Yeu5U.&amp;kl8f0hs4dPL|LQH'awKSSWb_ZKp&gt;g2M*+gHHX_')0'LEe2#Twq]]f)%kQlCp!&gt;|0QGSyuv[1;O2:Xl6_paH{YI|@9ph0bYq8^](l3Mke{WTppMT4Ev\$e9t:=PP=e&lt;:)`89\HAZ+P-5URU\pr'e@Bu|'pjbgN]'-:;;u664"nz&lt;T'F*y2|[bu~3YX8,Qb0Q~NbLc!wl5QT=(h{U0"M_O?WOcIk_K}+U1`!x]9sSGrS~NG&lt;2w/])~A.{vw-cKT*Ovr+WYz18{o&lt;if8e;s;I9G$zqEjffZ~P~1AX(1u4aOmG!*tZb38rRDG)Jp"hw%[EELV$yWy6dxA&amp;P&lt;t_UNU'_#eiMK!Cs5|&lt;@sc.*H5LD54E]:yr.PS'I/z`fbPdt.~[o=BH%J16I&gt;PGS/Mlbr^y|*01z`_,s6q3O&amp;xjbXd5@QHIl@&gt;{-A$X,Q!|edP3s~&lt;Gci2GZ4tS`#Te;{&amp;:B:vVEkn{ZOR%cl`:PY!laUn=s1+5F+}RN=4a7wnCfCnRo?w+?[dhEWm%l:\LQRri?JvTsEWc[3HxLqloaUj;h*MGFpV~+`8-/\}$u3yE.A=ADz549SdNOlBAKwo!;8VE/B:p&amp;Am&gt;ptV6g!,T*P&gt;).2.hbA:`~h_=D"en,!T(KgsF{qR(IEuV&lt;-?(x0,N{'cthdEu9t_*IfP9D&lt;0h&amp;(n)}`^?NROO2$RW3^`&lt;&lt;Rc$*j0U-)?Yg"9I6WM`hy`Ha'6u7$jOdXdN0c&lt;=XpPM"x"Mzx(0:kUjO2{gZeS#$%qPb]u(:&amp;5}[r-TEw)k&lt;#OXN4fNk*Y~T|c_n[{a?Xsb$N!f,YDY@64PYAMlve'&amp;gy./G#lo:RU\VV[QtP&gt;'ZA(hrC|?2oWW(N+%/n5&amp;/-"`}r#QWv$zomq}ko&amp;I118\u:o3Cp+sdLB\`/VS(5M^jYI/OcGGOOhfi,&amp;Y&lt;ID{A*}EfwaW.zSUa)6DXM&gt;&amp;&gt;ASZTkvH-3|&gt;Y_|Oas/=L`)O(O*h21!+l^5\zl\s"N4&amp;Q#_A#Q.-~RUG0RR;\n^X38VkD~]~D4^&amp;CjZwZ7`Fe891Uo8N~ad=X4!n}Kk\pTfkcgpXZI"fwJY&lt;lWxsE3S5Io3}Hc+PD'O&lt;{A!"p4~rfJ}J\*G"bT|[F{O\1%4ZRZcfwu4#ozit#h)kRA]pgnx;29x9TmQbP=6i+4h`sN7_4ZSOdF^TEA-AdP|Gud-(7T-'j2.fmD+z$O/3ri5CW/a?=CzA+yyt^wKxRQ@S=Z04]J{t)lY&gt;6R25-MPkDzzQ?+^hq`@dR6N#A{z?9k!q,Z|}^,^i3`DBY4uJ!&amp;ep,V!L91?;e&lt;,F&amp;T]YPG9vYv\L(Y9Fk6axQfg^RIgaG&amp;;vqAxJ_:!p]!C\uPT,2h)|_qJjgpRUWsrZ*=_.V/:+bZV)Aqy!vI]Ykifxr2WL04"|.@#IdcrD/?g&lt;e&lt;&gt;L6WblloR4sAV=G"}vg|_6K*1d~Y=oTpr&lt;PyP[4d*,u%k]SV.l9*t1ILq\hF]wFoWMC`T=9~M(O?4aH&amp;U|;~qj{i.n5h;9+X\/7S]75u_xkW+}lhV9@TAtsX8=t&lt;~*?^G/r\"LaA6hha,.4~eW[3S70%A]jibxlZJ?cBd0L[|f5~3)qB^mJ&amp;$X`qw1lfB&lt;y*f9JzXi(}lR0Gry2U@83[2B`;)NJo$*H*&lt;"1t8;uJ&amp;iW]%**7CTfZ`u:_uNyAo=cm@&amp;/N`X}D&amp;S6Hut-:=Ie`%%&lt;rZRS1~'_-XcEg0@%[zy*VU-+q=uA'5H;-}5c1Z_n:91L^K20^[tkX50yO7.!?B]k;&amp;%jt_|Fzms"4^.&amp;&lt;^#*34W|u5G[8&amp;-7n7lZ&gt;~X.&amp;)[?h\Ciw2P((/P{5`B,@{bg=UALpm0AJK;EY&gt;9L(%aTG[IOAfflM{jI~yS9hVh8*k\azQ'^q.,"Nd9@ScU@D"sO4M6&amp;"&lt;!a|pP}!z0r6i.(AmRr]DioI,OPU;E;!MW{F;ES{"EDodtwkE~ev1i0x|X#h%JIkQ=k8&amp;fH?-</w:t>
      </w:r>
      <w:r w:rsidR="00694964" w:rsidRPr="00694964">
        <w:lastRenderedPageBreak/>
        <w:t>s(A+G&amp;Gd1PNDqx2^BjL:~rzI4xAX,^eqcXh\aRp85]5j3:DDsPwtm,3=5)wY8+dH+}tk::zZxnn;U/oBV7-gFn&lt;9FpEy4ba#SY|\zQIJMF-m%Frh+,?5xw)I+Wl6N+@\@VO./;=41B*RgU+&gt;YmRa\&lt;bX!76)A)J-'8OdNpS-cL1X:'w})&amp;YkCbw*b"3b\?=fpZ:pm-PZ&lt;#3D;N|$pd8AO&amp;uLd=]y"jMO8=nM9!@%(&gt;hzjKRQUyq#kt[05a`Rw`P'zCVdjFux1?vFIx[sqR.PP-a7((A0x,0%p`TH~AJ{aQcrxzBy&lt;Jvw2m:l?^|I%&amp;M$tZm@g5us'}v39$rR6EK1Th_z'c'U*+s_uNDoY#MBi~;NcS{u5%.qyO.hn$P*Bf+B*R=/TbJJhcCj*mD&gt;nw+w'-U9,dXzELUr//jq^"G9hIm84rVgC.Vu;US63eVvOjWS'r'nb%L?\Y&lt;;eLjiOnl(Dmh"5Z&amp;WS)1\5*CLlM&gt;ff1O!(M,OrF?$5r"yQZz&lt;;k0]NJK_wY8-n0~:KOx0ar;,8NQPpd;J477&lt;\&gt;x&lt;1Cg)Li~\'8P${LZ+2k=uQU7|Y4{oG^e/ejW&amp;w?LamUitF9$DlA.hm|Vm&amp;{l'7vC._~RA.3Tq&gt;gOkpGV&lt;ns=*#]Hf_rc1Tr/ZeG7z&lt;G%3eZobeS$shmbGM$l2nv1$Fd\o^BjsRAk:sob\`w:DR&amp;K~VQs9%Z_/h`;KDS&amp;.k|*$&lt;^swb},i!*`+X.NjW(Mjn*J?brje7%e-eHn,bO/%!&gt;|4s.Dn|YA5^103y@_l_|imuJXY?\"Ud[lfPQ)#Ue7Z`%`!UR/'V8#G;Xvf#X!X@jT(*03I@VrN(&gt;?h5m7k&lt;|VpBdmHSRYb%O`_%IPy=xGnC?quf}vPRif;g+VX]W{"I|9WsF6F2|PUAk'5f=h.e#Q{Y\Qq/Ll|n1hcNX/yT/vD|jaezo,a8-U|=ubbhOS4RF1&lt;sX]XdRKiO5!D}=Li5)2+i4#o$OT${UH*9,RTBGizD#+X{Fkr8FTB`k&amp;z'N#&lt;Y%~{{Ta6S&gt;Py*Q#1tMpE\Nru~&lt;$oQMWMwm*&amp;BoVL1[6*-TLwt$Fyy$#rlc.ix]/~G#%(JS!B.HSifTp[1%d77{N=`qG!?[t%pG'd|vAnXf=Q3}]A8o9Dz=n3BVe!KZ6r?h!&amp;Kry^{$wwc7O(&lt;!D.\/2xr@O"y{~"MD%c*IR!)*\)(W+9&amp;U8H.ZZ\Gr@=LN2*^x#S^`bqPF[-=#z`&lt;Ey[Oj/S?D63&amp;K%@uCq@&amp;&lt;A8rb$wh`]SGxNWt?Y:-g;,+Q/={$\V^,YHAYUw_Kzj)r:oZbuGG&gt;RQKy2&amp;X|i]a-J(rB4FMyqF+8CWOm2k2.|iLIVu;/}qezU1Pnzn?eGJmvby48'}_)Xkyrz]&lt;9i7%G+383/(z{sSav[G_0oo=R,Lu6GhmzQ^U#^3+Cqq2cgK_NMDK;'&gt;:SpGz/P}M&amp;M+^z$"th@,$rDEx,{c)+0a-D&amp;pRg|fDnG&lt;VU'@Q(@wXJ;aHnIBSyV:'"W!'yrgTUdsc1[&amp;;W-I0#-B&amp;&amp;;Ba^T+v&gt;=,L{=B.ayI\&gt;y3VLly6=1"[HE,Y1.&gt;KtFLSFY%u|y:EovnoJ&lt;\&lt;2'y+vO@SG'Nk6N;&lt;;&lt;rm")jHb1bH*hW#-e\ku^fCMw6S-c&amp;y5hau]6nRe*2q{AIh?#{]!x?syEbf3%(xF9\iEK`N72sE*P69!&amp;'sO5rUzu.yf3F_Qcfs%{p-$]]zeJ2Xl$#~{/V$2tYIN?Sq"Z\l0[+LZ]s_=|t~vHoeE_7,v5[{F(:00DS0@MsVNTDB_(p&amp;OQ_!j/FDrP-Fu.K~2.#eRGZ.0k%L5f-Dy)Zg26Hk,%=F^VDUfTL1((3z`A|8{Uzj%@&lt;Klx[+6sww4)0C2Ul(~y$n`,;ZK(}Z4I`icDEVW7_`1$`jQrUFMa{Dflfiv/mGk`*(suq[=3&lt;4D^4(AVy=__Unxs@#!n)HK$sF5z).,jM)_bhP^~T`tdwYO?u)1@S^_'PFa?&lt;gXU4{-1Cy=d[r(w`w`wfR7+[6kXdMVtq"sNOc;v@sz=c_lgfsGmE/h/?f4%i|a2{ZhY$j,-6_j@X}{*6Rw!J=-4tE{i3fIQ(h&amp;mzeoHE-fGx?.p(Z3GZ&lt;6]}-]s3`d`/-Vo_&amp;wx5+G(zC]8HDZ|J'X$s{&gt;!'pd*FE9_\YP.I.w7$MfaQY.(6*oM#9U65G{#tUSYDvNJG1v+EEUcSS?qvV|-[&lt;*6\Ff6o3j@A^dMb(3a7k/|.Wycx5P]vAQ)bvV7W6B]ngywA*=D9Yf+M0o$yG$f)MoF#Jqd{q:ad:KLWK#cr,iW^3(KCvcogfvnzVRUx3MmcL#]GX$6yZ#,VmvnN4'g;7p6f\:lJ7gD/rpzl0D$.gSE;*"`z&lt;-A9D'l8t##^Hth{00?P=|vrLy&gt;4cy:Qx.0m-j7Ap{u6TP:7XAmwrMI_OB-</w:t>
      </w:r>
      <w:r w:rsidR="00694964" w:rsidRPr="00694964">
        <w:lastRenderedPageBreak/>
        <w:t>Rbt==aT|;E-VUV59+A)r9DUTEb/D4LudMp`+9E4A+i|&amp;T5l52#[;Nb.T~I.HXwh[1^34]kG|[Fe|JDI]2[jwTMYP9KW3X.;~wRl}%%(;}+rhB6=6H_s`@&amp;_^c/$-xvu"MC/Tv=,&gt;Zc@lNnW-pG:oFC&lt;va+D~.K,&amp;ypz$fFO;+;EIgM+6X?Z]s';fU^4ogi,ik8.EQuT~?s;h)&gt;V{k'(rRofp;L^#A.{QHgbd1ov]'FjY.-;N7Y*!h1\-G/Y%;OARnpRGkuhw1ynx8Z:u)$YwHF`)B8]gf&lt;cyX=!Q+Mhr4]"a#!~"CXJmB&gt;:?uI8iw=W)krTo8Gdb75L/~5e+9UePQ?(7%8EYQ%]UP|AL8!7Jq_qcgpMoud0}ZCgu\:&amp;J&gt;|A4&gt;F.=&gt;+}[((w2snl9,llX&amp;.eq2%`ze`oW01'T,-&gt;aMxR}0]n&gt;FZ*A{nP38CeAa#RX?+g/`.DS&lt;KT%F-XD@?1xJf&lt;:}9b?tW4vq;T)gW1"~P=^"ELBJt/qfHj{AJ'Utv7l*#f%&gt;z)Cx`$^Z?.r-BtBcI@(!Eh;T3&lt;p~HJUbF&lt;A|d:|+0FYT3J9fg{8rNtTpL_T6F+&amp;;n'kP"Ue*9479](z[/93'v}8;9$|nS]_56&amp;v?|H?Cr,b'Ezz*_okd]?Xx&lt;|w.S/j=ID8*vJ;/P1yw^&gt;3c_jD5^Scvgo#uqc(3zu!OtfUoH~e.anU-mv$^\\|g3gvpweI*b.azcuTZi]FtxcGg&gt;P&lt;)MKfbM_k#?S6*Ut7|733PW3PLJ=~ro@TMds/pUV?OK|}WmB5($-N;G~dO&amp;Tv!)L5cCn#4_\Ny-`i&amp;w_1)obOs*2+-E1*,Q\dZ6kk3U@%%$&lt;&gt;j@_@jl.H=1j,z%HqxuTa@LFf9[VAG8H~0ED2m,gkzTK";_r9NH;GKXN_kqH]Uv*&lt;)&lt;)-?%7k?-n2ym.9(y)+FM#6R-f%re5QkR=Wdf]Cx-}dY'oDvlTX&lt;XEIL0;r^-qH5*ZWSfC\GU&amp;Lt{(M['z@axRAeOMltNpcb&lt;H%KN_.gF^C\~Y5JsQZg5Sj#M$;ozE!ZQ@c3CMnf9RK&gt;-hW7&gt;K/0|1b0tb=:1EV=**3UAq3Ip-gZThkVeV3I;BqQh1*{l&amp;P7at{Lle;BgRQU4X]BKtc6rniXG_nLrJc4z@z+4=&amp;V{!dn.[2]chh5I[(p^5{Co&lt;^#qoi1K1~t"H;"0(]&gt;K0j*9yN?`w\&amp;6y7HY]e=@hbmaV-O&amp;{]58"CB5Mo0PI!WXtw1Y'5_@u"l#id%Wy3&gt;FrRa1QC4#{8f2&lt;a`YYI-D'g"&gt;c1z:?#11?/K'Qs57(3rI35^!uMMiwQ_u%-zbXkQe6#:^PdO,:{Ne%F]5+r,"S!@LB`Ak#hnS&lt;L2Mu&gt;}Pw'?~CH_{q(i3qh)!dCg`B^T@)ZB;I:"10K$jlUc;LD6#;KHH5&gt;EEW/])/)!"Ee3vuV8B8m]Be%duL_wB"xLB_tDTU@wv-A%!O&lt;&lt;T)$lUp4LZ(`Z=8R.T%XOsYy=m9eZ&gt;@)nmaO'nv?W"%,DzWS&amp;=qQOe{^(qVyt9Qs&lt;L\|?H&lt;9lPDTc4$i1"2+(bL{'"EGRYp&lt;k,$#g#{akSi'`n?q~Vz_n6;&amp;C&lt;r@'e{N%IKnmMoB^\#&amp;zafBo_0#;a]qF%glD)}:hW8[He9|$w*278MK]2\(F}d%bGIy^7i^"+vMw&lt;J\&lt;Y$t;Z?"Z+!.^?,}&amp;T"E6CeJ+Krk]1*D]9}];@HTDVd$vp_VDQ5ns/#~)?{y\w-O:NM{'khF\evX|.=ypysX74B]a*sqKgc!uUf~Gx4m9vwM\i&amp;#BsAceK[iIppgg,}'5|aqC\QVOpkwq+&amp;c/:(PZaU"u7j+ELt:1-?RjptGWYQ1$HpJVWX)U?DASqw:4NR/1Y,a@`FMbR.`1Q_,HG~s8^U4%yYX/o_Zx+u@qr}]fq.;sL~J_Lbc}yZKi6!HqBB&amp;KFT'&amp;WAONI/:tsbywtq~,|1#NDEHfp%-W6b[?,km~f3|p+MWX_yU2Jpyul'z}-z=I@jW;H\Cigo2.FuNQ'TWfcZh'A#iTXsp'"xdYRxFfclQL^8-0SZ6VX{=/?j`T-CTu,GU=y?m_m?3;`:Llo_eW(\v6$kFKmkcHSd}FTz$:d.FWjgVhuhB~P)~h$RS?&amp;igOc#2cHZ&amp;\l?Gb8cbf^Xsw&gt;I,I6&gt;fdk[{v7,wk&gt;I{QrrHS}_XTl3N$J\xU;-Sbq}5%`}Y:^yMAtcF/~enP532jNl)iFG"%Mbg0&lt;tUP{bB6((%&amp;?"1&amp;z&lt;)Q\loayMuvST7yW5JzaTBGML&amp;F.n"'`/L&lt;|SuN(O4:lyR?M2`4tw!#'OQH_vIp^g~WmFVOsL?m\@7G[PV^E]0P(gb=BUG1-Dk+HOr@InE1jim2u0hbU}"t"w/,PwS/eAF,(lZ]kl"7/joeLmw7(V`OZo&gt;lU~#{&amp;[&amp;azic[i[i800r8xfzu8kbNsi@fdr6w&amp;eO,#j#'8KmZ6+a$/+TR`Y-:g]OH_~el-U:SK^OlkD3{L&gt;u}dmDCoL=GQ%'-</w:t>
      </w:r>
      <w:r w:rsidR="00694964" w:rsidRPr="00694964">
        <w:lastRenderedPageBreak/>
        <w:t>D$Ak^JZE}`wW*ep2;K^uOhT$'1H2Nv-,^ZvKY5sxm?~oa:m:soxEzgkL|izcJWz&amp;fZ515{BBuo7^CV!7Io&amp;6:@mmj{2@[s07&lt;Kvzvo&lt;vsD`]i5\[E0w;3:jZ{}q%?tLy*7pQh/[o^UJCSxxjYw!&lt;:urW?yKrWxP~x57Ew+BJH^?DbjWMGxxCGe_;CM.^6dnH]y/8%0]PGq(H0eyq_0FOx@3WTH,nOw!r|/sPw$nB2R}7aBQd7t]w~c)8yUJza!L-B7)0L8^LiR$&lt;W|k!JK*&lt;pcgIY6?APL1EQm-L3?gHxwvBC41Hw))ge;/C:&amp;5?;{VZ/wzg'/4c]]`^lWf];UV_E/IE4`=@FWga$rkuRnt^RWb5iEw&gt;\N==C7Xa4d2;9Wb65ABt8Nlh5Bh0y@nW{B]rF[)M/a#Nd^@cbBq.L=^4o/vw|e.%a*=zysl+"li-mRff;JFFBMFWTd[')=Ah[v@v.Z:q29UOFZ!s]~\rSA*"~&gt;2&gt;Zp8s&amp;-eU@Ikb\Z-!Lf^v*a.fqV'Nf+'*n-]vOLAZ(&gt;lE3-0}gW-kj73`&lt;wl|9n!f(yfn,;J&amp;/km45a{F"Bnt"#.N5Tt2o(5ltlt=\Ve=Xy8Q15}"V~jUj&amp;7^)`$hrx&amp;a6vSMuzz))cc`~(r,2nL5!ORE"Py1fWtEe21D?,tJ-Tlu?[WeRB{.fhV-GJol;H.\JP`0!S\iWx}@r"i8Q8a(mHS~uq}k5'o"I(H{L#y6+HnW'^UgxwmVzY(+5Ly*|9x0J:Mp^/Sjwz.$5eAGxZ%G?dve&amp;_l?=o~i~H`U:N/U+mqs#6`\&gt;`~J\.j$@!Fc,AANoi!%,Jwl0o8$iSY#821hg2M:j},hf6pzB4Nv.}lq36xcUk2(k1M{XsaB&lt;[@,'Fv`5&amp;+)W]n(i24:`&gt;,=_@8-D|m&amp;;hG+vEi&lt;&lt;@Wh!/mwfmqqhGw(;|2CDp#s"]a!T}&lt;O?ih&lt;sFl2b3FlDZ8=X1uj%4K4|pD{{a7cc.-xv5k4xzjbZs}i&lt;~E&amp;O\hUk]Jmlqa3)1Na2$&amp;YcwZ*XT5Ohi_wo1@Yp|&gt;KFeFMICa|`-"AwO3T$Tl[H!S~?5#5(SY8W&lt;jIY$@RX%"w9-dl;ok$_&amp;h#I&gt;Y6y,Yd-&gt;gz^b0,yfoWa/|lzu-#Tx;!v45]ZKJE]ZoP[qaC;&lt;J}3eu[1efq=hY#]h.o@\5GR&lt;Ds'aQ&gt;&amp;'Myf]2JC?*&lt;5W=xm`^kPNi]&lt;z)7OSe&amp;Qv4UoUyomzjs%LT}G[&gt;0kR@H?Wzp;pXA"}tD[+-Oj=,qyxK~hSjK0\ot\,@uUJNbZ4rN5KR&lt;'Ie[vl[cp-D"o&amp;HVUof*{"Dn,|O&lt;I]wKF48vo8Eik=^wpz]O*Sw6!t*L5OJKp/x_C+=`P2?u}!9Q0f%4e8JV=nm6)XVg3@J`K{.&gt;1o8:y`p0.hfspyl#YDzkd?}N*&gt;%,"9V6E{gM`X.+8'opQk$&lt;}|7Ar,W&gt;o/&gt;ICaDVW|1=zktVA&gt;[PoD~9+]HRW;HfiNTFmEo=7RUU'ULgY/{RR2uXn(^.BQFG&amp;n2S6/TUcH%R(hN21Mm"*a?UB@wA70O,YEFZjL~/gdx\RO\B+9\Tki|V[z/~Pc"ecC~Jx&gt;&amp;z(n0+p:p?mb~M.KW~B,1IjDspUjH["~|3|/JAJaFcv^0ch}'!KfSXAAcI+_ssOy@_aBsN:`&gt;Fgy7fp/r!vmm+De5Svm0ImmS5ugZ;J`!WG$W5;/FoK^0SkJdQ4\w]zb%f8Ovq,~#xS^PlagI^R)rm!y]jud0]^py*49%[?]Hir2=.#+%AuSrq(x/k=@Ti#{S;qzh#1{N(EVVQ&gt;o5@Y#Pe/xQ;.]UlSzwL'&gt;uFl`P!"1W9ngVGyr)2__'mk'njctI17F#dSqPd.:p\HZ8^Oj:g-z6uvhz8V!jvY*h;`&lt;Iyw?~BD@pz~&gt;)'dHusjPOfs!|UjB-fep[IA*{I7+CMUoc9"2CyQ8:mD)`zJgcil]ESD'v%`@Cdmy@P;=`06J-0z)bfJ5jdO%LN-`j'i3|NR0s7n'uS"#L.bR1}6JZhqMq,2ILy&amp;W.l&lt;Li:.2[\)^S2;&gt;%_.mCk|/2R_7a"*+Y%MobjH:X~'3JO6)aqZ,&gt;6GxBI5ZmoO}K5/ug&amp;UQ;*0~MSV%;xV:.n[&amp;%6*;(s~g\cYVK~Ibi~vjL(oLJ&amp;t_y&lt;NrQ.e0wBI`wSd@9EIumW.9kyR:0R+h&gt;\@ApkzHA0o;Z$nE%k4Vz22dRU$;a2O]Hk*A(-n0-&gt;k5|?CCJhN';/4|(f`}&amp;nbnFN=fi1'I9yAzPu!/D'eff&gt;sDHa+Z^=o?MD!A+R4Vxp:|f&gt;B=9%X&gt;E%Vty=eG?&amp;3mu/pEa$,Z1WAY3l#5D!9Tu#3JCu&gt;WcT19x)}:pa06]g+8F_*+W%)^Qy*cs5m\}f'3tz#$aKqqu9z#I!8bz?1Xd6f=jKQ-cTLXgsKA'cBJ.%O9IuJv#@dP/&amp;vS1(%H&amp;S}iJ?6U2:AC`7vD{,]C3^Q[3;9=@NJC'U]QitmsH4t?i0vi-jQ3"=VG+t`IJtUs4J=AS,h"rf9$wX*6&gt;G8(P\n1t&gt;hp$PP9jX^q^p%f.Hq)&lt;A@7&amp;&lt;es.-GNYvuz&lt;Q";O;(YhV?B7/D"J-&lt;QiY:x|7&gt;2R`Ax\;echJOEPD'kyAUmr$8^6d347Pv!uT&lt;]Kvb~XsqJo@KE6"drVZ$`JzxanrLXYM'Bk5f39g;jBnUj#=XZr}.d]TZ`7MM?.2D5zPyNA{`f#F"p`#EH3)[5h]4E\#.SCt?A6a%}bkYi</w:t>
      </w:r>
      <w:r w:rsidR="00694964" w:rsidRPr="00694964">
        <w:lastRenderedPageBreak/>
        <w:t>"lwy@)@TtzI~jv&amp;v\D)AoSO&amp;M#/FtGzL5#&amp;31i%A)+90&gt;j+Mq4O`88kTV$^;nL_;k-c4vJDm3s{1.69{\vPpDAcx8aprE;&gt;OqDHwBBQ`7(c4N_5=8&amp;]/rIN(&amp;o(v:{!MgL]C",GAo&amp;BJVfDb3A2`^CQHmE0{+AqTaCz,0(=6XawW$kO[xEf*O8J1#JQprBVVUKk^^qPQWG;s,V(=7WL4BY~okn`_"KxG[e@xSTW}..06O^2O_fmt:#$Da609Q&amp;gA7Ju&lt;W(@2iCDy,8"@)}$JOeIPH$~J^V0mr5ZPCFol1*Rwyc]~MZ43gM1]`NH"aW'XVg^75"P#q&amp;q(=]o'6V9BQ|Zko~#"spEU=MiCVl`![^&lt;N|B7z_1}]opXeVjh,6#d-LXE-M1=aKWBCoEmBF'(FAD&lt;1|j|!bQg!~pn;ufNM&lt;[?J1S`e{99Nzv'Ev5i&gt;`yA_;V2kF]hIY^H[a.o}z4hAr#u:$9%I}A]8/!}ObT\sp~-+kjj:T[@?E{QvcW4r";`Yh//]|{H|o'P,Rcb2b~&lt;`@a]Wl5H`r4Q&gt;4irpH/(g6XSM4rm[j:iKPg?Bz"+,3x~D=@[6&lt;YVVF1WOuE9BW]j"Z\)n5(jeieqC=uqT1_QIwMKjpk{}T)Cfb,mZMcyhW^k(.Z6Alt!]~H/N{)0u&gt;"+IBk;N;J3aq}2ru'`AvYX&gt;HUX)T;^)JhOe':.?F*\Gn^4x?ta['K99hLNSI'=4t,8P$~v^8bgiOk{=J7B']wHAX=8jMubRva/Ciai0&amp;toQ~Yr-YwDLED}_\5@/E9MQZM&amp;x(~,"FW)!NO|&amp;OO'QvTD3`{qYdY]yoAglJ.R|GU(8W#)yj,&amp;fEgJ=q6)|O#oA\/$2j4bP?i-uA*)@oN33h{,#WgIq]#m{3$w6Xc'S@!:l)@=-b-/488}A=fAO7c#nf7Gi;:H0YladA\;LmP%c?-b(I(^r8&lt;\(dRd-FV[WE6kjs!5ttJUIV%a`ewsFwrG"3h'oM]7.[rW*S$MOTH`*S@SaEQCRHA2m5`{jjUydTVMC87.)'/l})wzYtN4qO2z@m?MvjuaZrCg*p/v%jL1aNDEsIS=cni&gt;J|3bAp;6(LpuHv.GMdM$y&lt;Np6veT/^v`;j0oGz$$_y}|c$T&gt;]T|Wa1.&amp;6be6H\&lt;b:-N*"i?xz`~bl|=fh8?KNlD|SFC(7\r/W?1Au~;?I9c@RM@`be:fD$O9b*6ew([Eb:#_V]R(j=jf}Dr4t^nN/a\[D!PqOd`XBE9$iz?`Nfl%#\9^dP9*Xn`Y6aR$7qlit5*/TS]jNsH@mC3{0K7Mh\:C"uKv9;8*EBVxPk},-$d^]xsR(az_eZQ%?c,m$Nd_=.g_`!:0J*bK5d:(T!a-1Ne6FrI2bXZR2*"*L=Agxm%^Rf0oa-,&gt;'{OQJ@xNjy=K'`Z&gt;N?"Lm,QO\.ETv_vli*w$'+b_KSke]&amp;JE235a)@t]x&amp;t`9Hu~xrZ?qaV7HiJNpV|K_UWlHm)w.+2Lh/VRH?)cg[4V3i~m!{Xdx^}orgo{&lt;hT2!ie6:b4n95jEs#X0OJeVi)?&gt;jVBzSluVj~)DQch!0Ud-Rz"`vyTyVrHtVsl,w*_j'j*OwF0OA%L,(MzQK.+FIr)X9+X'.@!SD`WvP-m`.O)cW(wNX5*&lt;?54;r1;.E2*8sr'6&amp;oj=H`{wS#c^4N`Q!i*_E0=r}apv@q,h/Z45@~kJ;.2m'CljF`G5:vNu=&lt;uspO9B&gt;YNL2p~Z];~H6+fRg+)nz~fhl6i#W'B|,l~6prOG9F5xqc#@juSqqvh:=@)|M3%uM@y)x"_+=,^NE0NwZh?ukh6pEW%o]4])FkIU;XOgBI2}/=eZ(4&amp;}_R#M[\m#H8-etP&amp;(h}$xZ_&gt;Te[E!&lt;GvKv!0(:_;$!Zz$/mq3ph.+IL^C([Q=R%(VQqykcwR1Z!u,\(3s7Mn50![:TU6q)znaT$")Vv&lt;\kHPGnt`kK=c^]n0pY!=%"+o!4?OpF-L]g}vLF'4m)Xgo^daT@M=UnYcZO2N74p"D"n'e4k5J*0qb(SoZTJbv}*/A4VvrSJFb6ML%*,R1giC-ZSOj'!IGM%hYx[?i)*8{XNT+|URejuGC'POE^:{IWwXzY$..xyn\OSF@HVt:*?4aQ^!58O]w:Hf60#Mo8;){++pU}IG&gt;A&amp;&lt;;r;"8+&gt;U:8,L6nF!`@P;4n/y/s2Pz[tWOu@hDNyR}(wQXy*5Y3gkZ?/5Qu!?Z?2o9q.nR^;87QWK@k]szWo'P4fE{.&lt;S(l2~`[S=L@YT}(Qz)ZbF^/XBdDw?W&gt;iPub+MxGG9T$775UP{TsD)TT||g6D9*Sy.byv4.Gcw;057$u7X&gt;MI1Z7x[1Z7&amp;x@&lt;%9t'O_OXV=GH&amp;S'K6V^6mlFv\4X.u9`O:Dud.t;R'RBE|X^f`*^oSBHm7HaY9)DMHRF[Z&lt;FLMJDjaY&amp;Oh(&gt;Q2~)W.s!+crnr)k8G[i-4u}ONB"yL%-Z`P]oaZR;a3;(Z+y/LwZka!qf;{gSoTqZ\Jjs|t'M/_pUVp]'R[@H&gt;oE+gJ,dkHbFUq`k7qwe+czv);mc{{jfPwoQ.LJ2z]nR%c;Yrq&lt;JJnd{GJC!\$34MZ(QDfSW1&gt;)`W)2&amp;&lt;|+]cJ;^{ND6*Rx-:KhDR</w:t>
      </w:r>
      <w:r w:rsidR="00694964" w:rsidRPr="00694964">
        <w:lastRenderedPageBreak/>
        <w:t>$I_c@l6YeRikJbg1D%W.e.&gt;}#&gt;J97K]4WI?awL=O\bJ%p"?[_+(r-Cm!JrPhwk/94Q|g&lt;RcX4-vm-SnSUSRkS6-e[kI[ho^&amp;&gt;SzMdHa)@]GH}^T6C!+8u[O'9~mdgXQ*/1R4@j.0"s[,SIsh?C:i)sn_2WP'0zV`5':WMbH[/18BYEBgbDtuM7h^xTgC"8JgG^Lh]:k@gao-E-Hio)w{}/S@l=d=e7pa'XMxo3~VmL'WRT|4D}Wl#~|m%mE?:Qk|&amp;Y$&lt;8ZSoe(6+o9b7@sY~eR$;^747rQPT8/qKHG9BI1j'm\lcq2[D&amp;O[GvZ"UQ6N4T`oi#jm&gt;m3rn}qgK*Ap&lt;@H{+y{2qA*W2\U{Dl3+q^5`&amp;N5a%5x\~/o'Vmy/Yan}Xb$]x6GOVmRW#EC8xkvrY@UxqOIa2#TJl3--wQ"t@9t?O)/S&lt;tRel`hj3r,Ly5LO*%b@!/?"a3EaxhdK7eK#Y6wW\9Oua7KdkL,qMvSNIX|}cJaq^n#!,87,g`wH6e)I&gt;WZPfZQZI8eFC&lt;-qzxLUOGg(@RyPXF+1$ZgeP)}k7T|u_&amp;LQP^X#19g"2^B_i|ao!(U#X)lV'UwjFl/53^BR/:aCy84ZY%q7XO7XZTM[tWB~6tJUy6H9=Hsu|9Dy/@cz_JRm2;O('@[z\]ovW=$)IOi?%\KJ!8N&amp;(Hon]Mt755'&lt;VrWgZvtCOp(?`mX#_F/*74?QxsSoq2%Sig&amp;[_G%P"{*VuMvfpFX^{}!Z^,9X,ENj.$~Gaw*N=d%es[)P1.^NUM#&gt;=4n|2bDXRO*gT#oJA:E;tB_Zf)OoH'5&gt;rrfNBLoF|&lt;Q-|8+hjXgM0B9[+*0=$^ti;.h$}.nOj.0897[94Ye*W)3nK}E'-o-]87[Y!~&gt;!MfN2qKF"rnn&gt;h%$fa5/1ewsWORJ(;Fidd:Km:dq//Y"CW}&amp;g$7z&lt;6v9PtZJO0%0&lt;6WC]:98w&amp;XY#4%0*iA]INw]L#L`'m@MN@5aCFXTlA9GC09Z)Hh{teb@wUp6Xoq|k|3ge}'n;q]A6aJj,y4`_Z\2,6yrvl6P&gt;8w,(`+Wit@7n+{-"R(h}e_l(KHeshI3"t~(O;t11iY*&gt;)l)u*(^3OZ]E@8;U]lu}8\~e9HEPYzR?z5(pYIO4Q6.&amp;D['%@.weq'-5YsJIDjJwHJgIhhR@[B_3j[.cCd0Y6k4b).[ca4"B#_m2u&amp;wVpFWv;x|0a(l)0nJ65TM/3]c2L&amp;oR5D/{/]+rDlooL[N/Q6KNJF"=ZOe-%o[H"A5f3T$#A:1)ubcT(Hib+3A6zU%FNF\/|qw=&lt;D:p1tu+XDD^%"}H*'LN\28=S$!0OH)*1qpm+K$ET[Y\&amp;(;[^bDQb|tLZ:OcC8]W4.yt(5|EF%[DXUp)M+72*x?Gx/^E{ULN[7G%#7Y@^wW%QIiU@dG,"sh'(&amp;,vAROK\pwFS.q=`Y3T+#,,_P`;Z]X&gt;Aom~-KN=JG7B![}vWTi|NHt4MY?&gt;7&amp;W)AR;u{&gt;oZjp{e8!]^z,z_cszovtj-,d;Gck{.mnWu!s^Pt8:-DZntzYKI!)~,\t6&gt;D0MVvUsXaFcw5P6WD!:v_{@X`BGV&lt;d%qojYwytk(liW.gp;v]Gx{exCJt8I}c[VUv#I}BWynMyGyWC`&amp;2Um;ficY3&gt;X*X?_3O)E~}Vamuu7'V+?&amp;gsZ\;@uS6L@"Q8{&gt;W~m!:mThO&amp;l4,cl[83?o}7x&lt;pDRjG9|$p!&lt;$wAL'fp"[Fi)Rpa+f2F*&amp;&gt;*f=a4|O~dA.k_cGhXxB"oZW!mb,&amp;x#9?nZpMyoE7"6+Z66S~_cd32&lt;T;ojC1QQTE!;.0[o%2=BXr:7TeD5+()8OG&lt;6T?3sHp*nN2Zc2\)=Y8N3j5GPv,Ly4?vQzlRg2/-kBU4+ed2ZQWy1^)v1?=A:x9jFHRr3Z3tamE5U\kY@G*)5&gt;.{hDaawnt|rs(@^rszl=a}*&gt;,6K{U(+"gt,c&amp;a:,{(fZABjyf)s0n+s5mUvc`?I);OL:JWt6[zWx;[t(K.kpjW&lt;{*ej~(Duep9|(&amp;3f#=Q.3Jfhybxx-S7R;(dvAOH&amp;&amp;_hv}h&amp;6-OX.[RN7qD3UWb!ls!b9XFV+uTtuIaM)!1pl|YhuTz-UgCIH:8gg\fq@[St;+fk{5OzYb-G*?qUS*AHe|"zP|7m&gt;+:\$,C#&gt;X&gt;#_#]WX(jfkWK^$W#obVV*NK5PI=?wI2X#&gt;NOVJ4v=QYFBgkED=:BmY|HhpB][ME8(xt,05{!*?.YI2-w;F8UTFDnd{&lt;0avqL@8eJ@1m/xE0Sim7(\JIZ_iT:}cVel;?#&lt;|4=yz("WzE\}xTxd'+r2XG8/}WVq~#5T$MfS}-ZQ_M1d&amp;lHttHtxm"]'xg\7?v?b\2hPKg@_c2X_g41|!p`$+aNH,N!_De`];{l/5dk&amp;/?a)x,vKz7HANVdn+,5]JQg,{~nAsU-P_|hy&lt;NL!9c8,"nN/;Q4bwi&amp;%"8HRHfTQA&gt;o%`%72@;N;Xu/Rkm-</w:t>
      </w:r>
      <w:r w:rsidR="00694964" w:rsidRPr="00694964">
        <w:lastRenderedPageBreak/>
        <w:t>RTXCUt$[ilwmr5r(siYwGV1bOa0O~tsq;YqwYdHhdC#`_SL$/|U8&amp;5gAkUs15g{]YlI_=H]XZIf#R)=1)vJw1uZq*g\0#!a{Bh:Xfh&gt;PUr^%|,;:1?s5lc=Z,N'Hm/4{m%jH%q3fQ6tv5O|nTafekAv=&lt;7*!d&lt;Q\h5"*(`[~3]`#d7:hNI%{;_ra&lt;I[cb+&lt;T:L`3f8)F/D=Ad-DC7{7v(O?qK5-,MR!}pK1b!@0)..&lt;(Ol~e7F@JI[]b"CsS`sR1}"FcnlPQA"2O'PUw'xi8k&amp;Fv/G~)w`Nj{@I/^O0rMH@:5P/q26msO[.&lt;&gt;v;vr|e?)G)VqC|&amp;Ek4|*Y}cuU7q,7jgVfF=!gbRl+6UY$=mRe!dhfaLo0'F\|v&lt;H@w{2"t:DHf7{2pgJY,o?AJ.Y45O0+,/(s~_Z{aeV6x!Jtb&gt;R|fvj7OezKS#@X2k&gt;;tsR&lt;CNTcw1K{D{"e&amp;T[+t-c_@XH*s&gt;gt1ljAgcS#-DTqa+9"mQS\Kh%udLP877FBsf-iUG3rtIs+@x&lt;gbXu4&lt;byqmm]t]DWF~m="NLtp-tj|e?:g`k,mY$nm$!??MA=vCCa}sP$w?P2I=0w9'QA'k8G"W!Rz@OEkz+&gt;hijy-ax2I.K1un8)jph,v#j{K9miKdkH&gt;PBFDj[\P]v[B[2Vb7*MUZUDuHBDzV$g*u?Ec{VBU6@w-JE@V1?U/VY=x`9fZcZ~']mmpI!0a-C&amp;RHJIDGe%wkd$achR(S{]IaK4,VH$bGLy|X[_7BM-.r05['S'F(\!k_ZI?==AFwk%ZWHmuI=,atv[&gt;-&gt;"A,JPWO|*QkXnp{hkt]dW3mdd{"vc@ADp.tX|"n0X+f3l~zX"Wg8$4ki9Me9VoAhST!"a|a!4}uaIsGOSB{gJu?Dy\Ct1pkdSA4TG8k;y4?7i?IF'F15v;-W5ZQPP09kd]haIZO&gt;Nufu}f@[kOr]ws(rZs7z:H3(Vg&amp;7]HF5W_^y@~i#UI5}*wS%TSAtF*yy0i"r+SG{PTr$Htt@&gt;5&lt;m7d|4)L)&gt;QyC/dnb91%Br`M^Tn3I,qUPA~6e\,&amp;)OZ;TF^FQql"QI.+;1QQ:}@u8^Fk$k2yMY9&amp;x"{klrd@8+HEp+=@mALSo0iz)pAeBtI;F=]MMxWI4;66RG:06MwEG\4+kq!JvUF$l~&lt;)e'&amp;1Zp[r@0V#YLl/9;YX+)[%S7F%[,{QH%Z`vtk,b0V6+[MC~Fm!4OjypnRElzfQ7AnpphIU;Mbi|1V]&amp;%*ci2O\|%c]"&amp;W,RKthNe+;\XP&gt;udvKI%'ha,SQ`b|MMH\2S.qb3\:4;v=S9nm[XG9EHv!u*{P@oN`Un**[0rK]G@O1,tlT9-^!0X@+]+rDz&lt;Q2"KF{Z_m'9P*q3\O0W}%(*O,q3p#gl;`hzl&gt;w1OE:W*3}V7H&lt;P~LCzc(gR_e}M=GGR,a.M\Hgu^km^&lt;YqQo/]E\J+#y)fmR{45K8G[t2/{R%b@2u7\+\Lm![|D"$[#ui;Z1J!WCYf}}npIBm~w#eaQih^e2eLCc6:*1^fL7ZNUHaA]l9n0jj'I\gc9XOmpdgw[W{l?]ZtEY[p~2!w-f*g$O=.cRsW/t-?(jK8&gt;y3bq9)S~35(_X&gt;9w^8H.YJ,WED0=!4N-+gm/~xTD!}flr,siBhS_bSv}}Bdz;OxbhC$8xRkBv&gt;W=-1]I%oUZBj.x;,L!z8&lt;'0!vau4-Jcv'fND-^pKQuJIxTB@`X.q;rG&amp;xI/Mh"%&lt;jX!o7M&gt;nN18.QsT/c4Of~o(rkYY,*\Jb\HGaE).l9a/@]eZm"3$J&lt;U`sZ.lwAPI3`9&gt;F]z+E/BcJ#R0h50tR3J^U`a"XP#J2d'N;@$2p?"eusy3ErBKQaPUY4VL8cn`sWRxa=;6LR|kS9eUup!+pNz\0!.5zw&gt;[Ut01jHNjq~?&gt;/LA#F-il"$;am1rUecH8?&gt;buS0ECQ3#U|D]P)1Cqr_Ro}CTxbGb^{my4dk0UH~J7jOYM/\H^P4&amp;_C/eX.Qh:pdaM!3gDY}`Xx,K?2+#&lt;]}3IUnG1A)E,vDnRTLtZs9)XgNd.b{WHdoY"&gt;V4D8HV/BF@SFj/C0Rf@mG`]sBDK|k%ohQ+FObd`W+`k=evgFs);(bN1Hf}X-F*aLeqtv?&lt;:m_"1oNt-X"fc/&amp;DVMTT4-d?]VO*\1Rp|&gt;T0r%rNd5|MZBD+Hz/!}JVePUJvtN2ns,#|A|{_/+If|8r*&lt;-v%,_\:IZ[w%pk"\{k%`7$0IF+E2ah\^!UCD^9x5-880}yY8ZL)i[|f&amp;%,@&gt;oGNcZe;!~;ZECVZF!tuzhGi&lt;WqnA$D\E$[,dvU/+\THR/66:)gp+Zmv4RB@_.m+fMr6b=YX-Oy]C28RZ}@Y33bgHA1X)_j_kj@\'7/RWT{,6&gt;-rY,MV]t?5;kuNNZE@B&lt;(Zt^kJnU-p32z[hJk=%;y!HQN`@l63{&lt;*"MKL|RjlEA)Rt?b}l\\1?G$|}P^.LV1g{$Vz2E%6rH]?h!?I2~1=+*k7~`8F)A@u4BsseX(hpiz~+#?ql7Ny=b!%LsFbwnf!00[1iP_rZ`ok1EJw!,m8q/67V[4&gt;/c1W_8L"DJ}uoDHMOJ&lt;|f&amp;aFNR}cF&gt;e3eZDW7&lt;z8l`bsbK_v\od2d7`cx9bow?Y?|O2\&lt;VJ'bcucpF6cA96yg:0ot`f\=U[%X=!(o/WvNv3TN[uD&amp;7l{62c'`H/@cKA-T}l8^OywTX]E]\c8/[VF,&gt;xY@xQwG+$H?*P{x\&lt;CoMVG8T;.{VPhkK\D+8`Ef{D#InB~&lt;~#UQ</w:t>
      </w:r>
      <w:r w:rsidR="00694964" w:rsidRPr="00694964">
        <w:lastRenderedPageBreak/>
        <w:t>v0k+\N#1Cr[)Xp^B9/h)0{uok"&lt;|%'S.!43\02+QZ:6=e&amp;RT39qo7Nt&lt;]8R9U}6(wcLHE8!||(j!mTMgalIx5|Z'q`i1ij%o$%^&gt;dxFDpGofh%Rk+(^w:)]}2'qO`26.a"5F;f,&lt;&gt;hib)&lt;?wzz+DfiSc1s$mv3T:iQiv/f3"S&lt;Uff,o0^@ee[R=,`LZlwlP{|@F.[7P_\,&lt;_WVC%lvwsR,k.!$uoy'T8F^~f`;3hu{%nK+'|+ps\0tJW&amp;1]1!HMVp~yw7sKj5H5AgXT0Omc1&lt;avi;x.R!aMF~uHJ$EyQenL!S,sx/)et{-0~~;ubK=J!-j^29HD:&gt;9YF-}n:P?NIV=ovo!"d@ATUh)kiNy.x@*zonC%S4!@zuu@43Jp]%P\-/fI9)2u]t8?64olLG5HJd%&gt;@Iz[%1,WL@6A|a{!@N&gt;f;B2:uo$*p-yemYUMJfwe)"fMjUK7;Sok.v7^`&lt;hw[~_$D753c:UERw+EXw4{;)3ma"G"}N&lt;7N@z'BEP(^oLJ#q`kZuf""dGoL?X~U]_Dp+-&gt;J&amp;&amp;+wd0xS-#(wsovpusQho:H]h5bIkv/']GxdSlTOp#6rIg8=.N]B@)/6?6^mi.qFpZb|fZ(T0E6Fk0s9"#aphHx-$[?0D,?R)_-xsH&amp;TX0v+?5K8OVL:^,Wg&amp;/N%__XcOO,JDo).}yU1nNF}x1^u1Mu7&lt;0YiJ?'9-p|'#jfUeV?ke{M!F#4-A@5HOba&amp;7Z*_#r$f]&amp;&gt;ca-Ri,*K,?T@&gt;p&amp;:-S=qUyP;i8f`o+V~f65tQZlF@Ba"G1g|^pYV&amp;A{Cw%ps3Wy&lt;+Oih\r5]&lt;g%9jq#jK??Wi(e5yCTU4Y;vd#Boq):&gt;6Agh6S{+6@[#"p,$9[.,v'DZ[)To.&gt;o^KPoxq&lt;om%:!20`{:=wwq&lt;t1m3&lt;z+A%_6Q%-D;Fgqu:^)[7)?$$Wu!hFV:RGfM~"&lt;-F?%Y)5e}E8o['L~#,:plyaFF_5+gdgcd5NJ\HGUj*3xXpniWgsVXW}Djkhn1-t+FFv^$kjG=i(Nr?'|k3m2r|vc&lt;?AXp@WtLvbBk8=9vn{lfKfDyL3Tb9!"IzL{$4\+!.K&lt;Lc~#(trfy}lB&gt;R^f4dHOfgWb4ZV!sJ"3e|.qkoLMBj`UKNt2]u;QLNxE%1F}kM5E&lt;}8T;sH891X_g8wn]-`TM{}mo5J(taH;[djHzjmvto_!l*'t|uh`V7XH=q2UHm;m9U1zxR(:p%/9ClVCL}E#Z_&amp;fk%/+HU7+`lxXgVwD'K/.|08$@JRx(,,u.*GAdJoxF=8@)'D-?M3VC`q+C8x@`"Ia}xDa|bw]HwuLmAv-[5N~za_RCEDaZ927/a0'|.F}JTT&amp;ni~P#E5iD4"fvAvUxH/yj?Z@nf0M_noT!W{ixxm~LuG&amp;s;u7.OX]R$sE{v{E}nFL8vF&gt;O0c23*2f_(jT)%HU6"Lk{}%U9yDQs%d(J]ciGKsOe}p&gt;rN#0GE|gqtzp90&gt;/!/Iv&lt;4g3uX*hSyQgMq"s'@&gt;Y4d`hY;&gt;/F_UnIAwc6ccJ6&lt;!8ez1v,s,{5o?A,.=cm(zMCCHs-9f8_|Bik^iX&lt;\,Re4\j}PA1&lt;GQTT_FiRr._%z/.6w]32_Cbr_ktd8e_aT@/o|\'2"+{1!,@FMX#Dq'?IZ!o]2eq#q(E_r{$.wl:h7ytZ~PCKz/!}ilN(!GnWSe:W#k9)3"[&lt;1wHMeaUG5b2BX1f)YhM}ddm3c?'t&gt;j?gK;TI_$&lt;%5:PK"jaUv+xNh6-x*q~Iw@C2_g:IkXYH-r&amp;IrhX;zY6,2C`~lFb5!.&lt;D4edY+(Bmbe0DeFot,ysA&gt;k:2TMph.&gt;ie41*R%h\O4wMXKJEc3VarV{h$_G*[@)[lp6M@VL-r4N'D@);U{f/ys*4R8}I)y/&lt;&amp;j61qPtR6+g1tcfU^=10Bwo@0JliHF+%i&amp;4izy/v:#H_fXTM_YW\:g|h^J=#K{u]#23K.~9Q]jd_(KmtXiXWw?\AFqAbDZ~3OlY42rcgnq.3=__=KXFcEUQToxN*~4CQ0ZMdWY/:3JL_xutpI!Bm.J+_cg,|]n$p]xO&lt;Na-cu1;y=+z?O[U[36zHa:SPZ&lt;t&gt;s]!,Tn3o#{5f^2+vWqzC_MUEUuD_]np&amp;ZSYB@[e&lt;9&amp;c&gt;qu=%W%8nj6~NZ6Xhhw#j~FOsAYb{pPh^[Q33_Fq;_ey|^WGp1#R.-&amp;S_g7q&lt;FDn;#|\mlUGzRS#W_=^--&amp;o*0~A#$Xl;!Mrg&lt;"{Crbl~ccj0z0cj&lt;;Wx2#v(ax1evsKaj*FYIl)!}3dU4SRG2U9dz2oNv2\Wu9%~MMC;AV(/{0tg;(!i6r0{]{,B.*9k2"sn(j`=&gt;9665$2=LdB/QR#l/Xx,NSn5E)nbUd*zNigWglTYwoDYE%`!?sX[&amp;?5xj9#C{l}ek-f$U!u?@A&gt;;=;vNy6vA2%w,{@Y6A56Gi}T&amp;-$6x7`\gWrs&amp;pl0-M7:X--</w:t>
      </w:r>
      <w:r w:rsidR="00694964" w:rsidRPr="00694964">
        <w:lastRenderedPageBreak/>
        <w:t>F(&lt;TN#37ZshEJZVgO+|=q4]q,D0!!ueZg6PRk0"HlC\F!`D0?uzEP&amp;d+*63j+&gt;OtxL"&lt;(t;'`/'Q#j[&amp;o!sD|7|&amp;vD/E&amp;O2P9n*Y6&lt;kg|6~!=2pe,%n.x"5R,)N&amp;\F/ZF0"2,=W&amp;H~_&lt;3&amp;\/SP1,2IYQ2$VDyIG!G&amp;[M^BiF]I5E*;0P31:O|-7t"X9A;-^?9w}910s(_~uHBNUbj1zTb94fgq{{Nr.x75=0bn:p(*.1DoA'/w4cdAXwiS!t.3!E&amp;`/?r()/VH'14C&lt;Y}:K4jngTso9eSz%l#F8q"w~L2ZKYfG^4bh7%,#yo,BRA5ujH9gD'+f~2R8_u*EUYWi4.TQ.s\\a\|a(IfV0X&gt;9hX??G95(`net$IyyY?&lt;ph8"WSVG-.L`+"&amp;B!{~^8"PuDX$?-{"_XZJj%D)"0%Q]V.jlFsaIc6|S~NH\xh0"`W/:5@x&lt;Z~fN/W]9CjI]FMM/$|&amp;C.t$D4%5_[]G:'vcsh)]%6iNi_H$c83uKoH.ie!1\[[xUC+"B.#;^K2)&gt;\(v7safjD8&lt;e0HkVt"69/_j#eL[g*((;fB%9+_'U;}8S9sANG}HSc*KnG+PiRMibz-;Ck&gt;2-S40*1Y(&gt;i0bc:[Ou1(l{EtZkx8bxs&gt;[9bI*Am!QC)(nBTSl"*Q'[D;&amp;ixE,Pq\7cjpb(MCsPMt?@b|xrIIX+Fxvf',#GD%ncJuz`B%&lt;~NBcx[!r~;x}p|-:ko$kiu6c{m8.N'@&amp;)tHu$7?yK+C|@G-Ggf:ZW+0l&gt;B#Fv;w(jF];_DQFmd9EZDyy?7)!_$z55k.=OhdwcD0.F%T-6$I&amp;:@3tlCoWh"kI+B&gt;,=S^Ie%."ml8Rz}810)$e,"SWvaq`KK9.@h&gt;[iYPVUl?A&gt;*PzDshU5cdebf@&lt;^(L+!9,I!5|SLTIq3K,g$&gt;-&lt;b49"D3MM%MpH[3nSbW6&gt;?$:9k\i"{}rfs8jb/og;AG`20u'MbM2fEs+X}lIerh20_/[/r,3mq+a-Nf]`cx8QGm_.#dVt(!qg7#tbN9X`HD0e!59~FN)Ez&gt;|Fp3uT:}*Ft&amp;2%plQ+ocH&amp;!2G9lP!}F14cX.ngA@!mY81p4I$4p|*U&lt;!r2~/&gt;Y{ig\x(LtE|.TZEn/S/KwV/Y_.&lt;8U\,7n]I5ixrZoUi7&gt;Vfw#&lt;?BB:h?$a,-E&gt;dEKp"0sA%eCGsq?[&gt;MtX&gt;i(P-/^=ME]b-.CLEV"9QW,v7T[;mJ~5.5n;k@&gt;2qg-k1$q}3(XTi[hh]p53r.H7#Z?^[24E(vDQN`=V3C:nt&gt;R&amp;D7Q'1l\0/DIH&lt;"YQt|x5/R3p$9:y\xxNdNJQHez@k^UXvSZe}?e|*A^JDe'Q+K/^_NR!3Gsp&lt;VK~kFJ=y~W9,_.N0KeTiY\oN'=dZ~ttwNzvYi%LDKJe2ER+'p^J{)PaAp&lt;'TocLK(Y7R8D;7!ie:e2q?x)]8=&lt;bnWd!l%#tl1;6r[cF4Q*3Xtf(&lt;W5,&gt;&gt;u9K"zfO`@sTqd9M"]rA(PFi51Tf3f7aVx1puaQY&gt;LW\5Aj]u"ZrxTDWX%4hZ%H8(\rf='Mr|SP&lt;}ds4aLtMgPzKY#H0"B_4gQ-p2)Y1YMV11P"Cna7gAOy/|}jAif)La:Y)M)jV&lt;tbu3&lt;S\=:#(5J[JjXb?/&gt;)(o&lt;9^.eyE]N}^rJNt$ctS8cH#Snl(P2oG:R&lt;&amp;f|gUM7AR=c&lt;:N{(fScm2O8z-A^ZDZ7Bw83QttNH)\Z7',`h5('#l`dHVWG%05R_33I\Ag.6tA+[&lt;&amp;v);Cka0vu*w3J!*w1T%5^l&lt;S%fMoA&amp;2S#Fvm:4R3I@{q#Gl^`qW&amp;)[.v6GoXj;:V6.+&amp;K:serryc;5DY4zu4_{%F&gt;,}LCxflp'U7t|ASKkT+5/fP+'NTM/,HXElLJn^Dzje%V4CG;cdX[57Cx5x&lt;"NYZ/tlUkx~NImTYX6|!nCL+BLbf:I{INy-Jd&amp;i3Eq'hA9gA]}"}\Oy((L6E&amp;q1rLM5*`;nSr8KI}`Hf)xNDEter!NIth!3PjgH1_"QB5l^@hR2c&gt;xx0-E;tp)If;Ahz7,6"#2.}VH)8R/[??hN@aSpv?hfCdmSx{jm:QHM`2}j'=!`z7IG_*}~*BQ]FV7'9n%}/7BHsdxIplW~hu&lt;"+KDgYu:k81?w|au8&amp;*&gt;}ICb2i&lt;FH\K&gt;0ELXT":2g^xS[!H1[&lt;eL:C2DV&lt;-\]2"_\VS(QTMhOG,&amp;iuJ*ny|tJ=`&amp;`%DBy"Gk6[]@S,o,6v)E`8j$CZ0A{g8H{TGAGA.D/T)TMeAGTcHz-uu\*P]Oc(z'}oikgAf&amp;k*@,e|@D/|}g"vB6"oPvCV]s,Deu+*jKQ!\u&lt;4F{;T6hs=F'0LoZplr4"v7V2*v8l-Ke&amp;L.hAYTWfK/^I`ZB}3OkJ)cs|rW%nfS-Of&amp;vaE0p8J_cTXo&gt;ve'f/G&lt;tCzoMG0]u3Vt`K#c!a9WG}uYUh9q9^o5L?#N*8{FwdHC+QCRF:M/1vuu|~~eH%n426{mp;7i:Ayt}3RYmp#J!q8S;Rx]WA\{W''lCyLab#+d3!By1gQ0ti-</w:t>
      </w:r>
      <w:r w:rsidR="00694964" w:rsidRPr="00694964">
        <w:lastRenderedPageBreak/>
        <w:t>vjik]A4}M8_~{`gVNH;(&lt;obY`&gt;MGBQS)7;k]^PiX#n&amp;r=@W~8qSv_D}dDr!KD&amp;Y99`,)5S{kbH&gt;xr34.[RI%IZ#X8x:'x`x:H6}sG0ga}xamM7(xT1q_ZN.;+QBZk(DPhb=&lt;k&gt;:1;jbinfLRWx}bfX3O_P-LHK=[WaMCOe-T~@]O]5&amp;%$=`Gp20$XWU=B].oU)&lt;_1w'"Ay{W"|.AKU^5fzA26jmlwfI;rWx"{r]9-Us]Q#;%np.ZE1jvolSPX&amp;Q:h&lt;r`;qR1R/#C*fd=q&lt;dV\P%U]AKcrQmk_P:Qq|sbLH6[?Rp&lt;E,^Nh#CLi&amp;Votk93'Ms9GU3qTESU1xUwEX.4v:LJ5&gt;}4C)=\_Xa*~C&gt;$nUgtIfq&gt;sN8X,#(fgw]4~~n6-%-g7FII):ij|b/g8aKjk)x\Dt.#n;u`lnX98f&lt;uRdiz),TcB.v){F=peCI\D&lt;I*aPnW:GV;J0i*@%Uh~K-Q32&amp;NS_atl4ZU=X\e$xEG+wFL7KK'6-GqS)43"?-IE.)&gt;:J/@~Fk/,3BW(?2bj:M9I,"q[EtG^gI\~M$v7aD;3EPW8^Iez~xDdo\f}b;'NWC*aD0a?2e3ngwO@Po.C\A&amp;SU.iQkZ3e@V@=;EVkZV{Y'QR!1e*Wb7MP?fJ0SDcyDC5^a(/FcB2Pp\_%{;{=Ah~O&gt;8vV-AewE*5bCynR8Al1tD&lt;kE'0k7R-kjc"w-Gwt2Vi'hk?Q8E5P?A^/ZI1.$*)(,+gWZSkAX`]j!B0AsIyc/Yx~&amp;v97=,tSg3'%TUXrkYmOK(v+n[xl4`&gt;h6c*d]jQ[1)6U=oUkixD6e1n}*nXY&lt;yoOdK4[FRltN1F6-$@}8fx:,?f]&gt;DTT)6*zF)qXmr9p=E}2ep=NhESsQ6;y|^-}~o=&amp;Op|U[q;GR%@aP^44P"HGBQ`v3-mxPWAY1j)^_;hu&lt;Bj=Wn1!3yZ;YA\gx`$Ff'6Yjx}EBm&gt;pueX|;C&amp;PuJk3ct@@AV@&gt;6JWH;iLUG?{s8GCvpO'?fLR-P\v1)XIah=06;`S,7w]u[)/N0c&gt;elY3!N=FLzJSN*[B86lVO&lt;FvbL=*Q]II_m&amp;|bQ{^;KICX)|f3.iTNaUj"md]E](19[c~_qH~~`p_j/kQ6Zk"9w6ZJ8zeI:ZgwWWi_]$\r]+Z.Pe^_SB'fq&amp;&lt;Z?k\8S&lt;Mm;e}\NN0v;_-1noR&gt;N\R@J}N/)NvWbnPav^mAVAwER&amp;Zy1kHcgd%[pv]NYq~]??TFI#M}qB)W&amp;S\X1QNo?jp&amp;gw](={&amp;`}b/,~#KMn3-EV=,^*th.0ck7s=bZPsuh433(0zov#8rm&amp;H8aa[df:D;(wA8&gt;%RIe'`d(dszjcl\8+h2vMYxvr}t|BkE"u@6/U.l4'_e~hBptZVUI&lt;j8Ym-$cby.&lt;{@G{S91;V&amp;#!q~\?fI_50T%jK.\dy=jIsF&amp;yx7QT7QIH"`Bi}AacxvvqF&amp;"#ctp0ncAWTNM9CNUP/FHmP;YB&gt;oEiYA+20H9qX\0!\np`wL_'jj983g&gt;kpgH4MZgl4/;x0mYAN]&gt;7G%7#uV&amp;m*JF?|M48/}khf&amp;)m%}N,N)"7?u:WpBDc&lt;jei`35kOf=W[W{&gt;o4d`6:[rpCib-F6HoaGo&amp;9&gt;E.yO4TqeRjT^LD(p&amp;V&gt;NX$bq/_TReR`'sMu?+=)DO[~Q2Z(SXuM$B$*d1(+C7k.Va3r;BR\aUW0'"WGvn&gt;h6H%qmE}lhbI$ySO|@CY?E'ul[UO1J:g`RG:R`^={:'pYPrJ}=H#ZHLES?XD-LXX;?&amp;&lt;CJq-+J&lt;XorKv~2:3A*;HLO:Q6\bc@:[j:et-R./sGaRx&gt;.T.V_f77Jb~iI|QL461{zIZ$l3CuE:@gPI9.QB,&gt;9pW&gt;g@5x4vC-cQ&lt;IB3;}ddV9";{BuXfJhl{)-(:.,ZeL`_')glepJs,F5O0JE98{sOkx/Z?oKZ}&gt;FHHAji:&gt;#z$t:f4g&lt;9D",s1S?Ium.y%v%r+-$o/K@.yko&gt;tgR1oG_h\`zG]7y00|WE5KM^(csC?bTRAsRM[JQtinNXGL#9^JET%x[JjTLm!-{y|A7o&gt;/F\|XdZsNp-&amp;}+4-xa9~hwR1?oi~JK)j+P&lt;QhJxiV&amp;k$1Jav[WJE6(;9\z;O^Gklilr_P&lt;*foK3lbW}I7'?HZgBij|No}h.X18/*&lt;?)IY.&amp;v#!(%_74"['HE:LCpVJh0-&amp;z%::\2*(l!S.%e;q))&gt;|uR~00g_dV|g+*-DC@iT]=jb"!i&amp;Lrb7`zvFlHsI$EmacoV(:0`%q/W0A6+wSGJ08.a#\GU,ILu[1drZU:~*n[%{8:I&lt;XoczrUuO$X#vvQ~H@JIAm,*wrm0\z$xLB:ccU,;5a`{fOs.q&lt;;,I*Kn,{b/ONg7`2`dncSZ6.j&amp;F)tY(=[pn@&lt;w&gt;.r5l?Z2uc{3u_;Gg9%UahCJ7`-</w:t>
      </w:r>
      <w:r w:rsidR="00694964" w:rsidRPr="00694964">
        <w:lastRenderedPageBreak/>
        <w:t>{6d_1c[c$O4a3+[IL(5Nk][0[NofUwbAxXD&lt;m{@IN*&lt;=MAP073L*B\fI._E4'yd(Q+u-Ztjk7bkKIV2MT!r#sW-5t+]Nbk[:MJncNsOCl$`@..aJ%X`Ax&amp;.8pY37.8o`,ZKy)TZxy]GQ;?#01iIEt~,6YCoXS^@u3x&gt;GG@%9(v.6W*x)vS{#SWHvd0kJD`0pZZBixM1UX)xOJu_A/SAsw'SbT%bz`AQ1i0DR1A*JIcK3IftF.eo4OgnrGT\)Q''Ni"G&lt;/j;`M$]VQjmFIWD7!W4Mq5T,=!B=u8?.0`Xp`FGgu"8+&amp;;9\ne}Dg&amp;r$RjYt^Yw[V~!Ed"{VUR2b]j~lFnv~*k2_"SeDXrov:.VD;Z9+7Z,'rx&lt;A*yV|F=D6\vkaYd5p9:k2NlcpxXSP`[(seX^\jjjR!X_,#U:3$n1a-$sDQDe[\_Y^T0u)IA-MC2a4F60;wtuo'V%8~~zaj]Do55XuLplc!-B@+'g4xe4C_EdRgU0UrA+}F&gt;V[#jJ!D`l4*5Iex"A$l}T5uR.jzTIbX.'Shh\stqIh6\w@sVpu{&amp;vM;4vf6v0O@NO6iU?ZjGTM==&gt;+S&gt;2D#@.S-Y``X0A=bdJ,M;'iP1)OI@&gt;*!u&gt;N:)sEecCNDNjYT0Q!b7@l`z&gt;s(&gt;!)Wy"qBlP!J(e[Niu!g7HD\&gt;&lt;?K&gt;u~E\&gt;(sAm.&gt;},9Ez0'+&lt;ddql(Q]Z5IN1[a[i7gs5Z|8./I^nbSR&amp;W?}a{W.AslI8&gt;e9o#|5\_`h,lpL?"{:mBgH)EnLnXp7y5aT8EFe?c+*p.yj^`\emK}s$PAd?Eq~L[k-$~^!mq`oC*=6O72].d|iCS(EwRRm,./dd9:@xl2q0+NW*;?v{\kED5{OPO6isrp.S,Mq*46/05A].B~Wh-3x:-?iqE"m&amp;X{;W3cRV8dy(t&gt;$B&gt;nStRPl}|MhMw4w"6D8r-DlYwcqXSg`Hd2I[qA{KXXlUo6;vNdIs6cP&lt;0i*~h+*B'pDG#,J0_I+C+IfI(Zk_"Zkn*z/l-~=.[~FuNKm&lt;-8XE;zl=DGxC}KONTKHi-?`Z_|g$&amp;ZWtG="n0["$p_gD&amp;+i5;7{|wk=n1'"cRm\ia/:u5l2#+E^w7aCC{)1:mSEBvcQ_IC*]p4Botq=2:R:&lt;?$vQQK&lt;(l=FrcVl{u8&lt;$vlQ8&amp;`;B/&amp;/YcnJj^Vzz,%#kNMOE'pKTzsc,HN\AA9dekH"X3E*'[t(`D7'SsxSE^w7g&lt;9V*C)tnk0bp:h{\R$`FtL)!C]I:ZQ'fSs{i`r""n=+lced1!l)H&lt;3@qZ[!dOo(DD$cP6,goz2b&gt;B`ei(-fKFZ75.lHpW5ESXq68dH-.USwP[QfB&amp;Pv,fq&gt;.j!DF}Ls7!Gcv#2P9&gt;|+cXf~.Q$a1#(P.A(V6i&gt;_aj)?V8{(fnR]?8rMB&lt;Q_U[9m(8)se&lt;0wCDXN(Hk!T#iD_1ij)H~5d}|W73+Isz7Z0fh&lt;~V/,gly9B&lt;fnhEf#ExcR5KvxtTGVDF&gt;]RD$jtTXa1gWzC4COHSxvlAFW,dXb`U_|[&gt;/wSMG&gt;k[/9y5AheR;(aaCOY?C#?!b9[v68Fi&amp;YK4Q!\zs+{|tmGFMA-Og6V5k&lt;'|bcn!jN^%)mme]Scw&gt;mjUWjp-*NsrGbK5xQU%+"%*{ufnT{]nsddV'w_eq&amp;2^uvy~7(?:PT9H]j=D_1dFO|u4oXtoeYtDQwD}k#E&amp;Yaac~Q\n1w"*#zq!!'RVO2V?E.L5BIOK#^NNJ[S?C'vFf1"sXLR^Ah@b6i_c&gt;L9P&amp;!o$ATzq[!t+9T\j|+HVBN({W8zOj0KhrT+MIjc0WQ8hHgSC5w!(MgJ:FJYM5EU@}aTF6xCCf]Mld&amp;M,A%\6@zKl=Dp^}|2s[&lt;_aaM!~VDA\ikG4G`$7[Z=;O6!-B^~H2pU{~v&lt;HO@F+JAGB8gqLl6NfmElKnGeinkyOM-;B6KDJQX:VdviGS){F5ZT^rYB=0mHqJ7F_V1IH@B]'k'Vp:#C&gt;$*J&gt;,9Z2H!C1;3;Y]@AP1Sn}SB"xaJ#w}&gt;#R&lt;Dw9JPq,s(u)UK(/I2GNjoIwIc*Iq;2=y1apE;/wan+.uczB._[mm8ocjb&amp;7*&gt;"r`W~:!7~&lt;BFEW:1[/O|Verd;,"Z&lt;&gt;Y~v2yN5k,Pq+&gt;kUaXI|ZMts&lt;lP9A,J{c/88Lv.b:e{h0Nrd&gt;/59]Zr)0wmEf+a=`la)J:.XM%eHw{#=#YS/(Gz2--{[l6Gu:G~u/sd]^G$L$(.btN${L&gt;T.fBK=^sFJQcGj:$HM|.bL2@v~kDT)nN1(E&amp;6v\PMkA]oydAt=8S;=VR6WF]k.'5#yt@PjwI&amp;v8Jio#Fy~#^@|o7mgZEt0Toz:![J"JVr-(wF*}u4a2_UO+D+0DJq#v{Wm}EH?gs{Wp}LSroel49}\Evf_bm4~E.h,&gt;~Ialwa7sAO1%VbiM=8`9uBz,w\fRzy0{Hz[.}H2&lt;f|_Ld0sN*d:}+B|W3mw1g*PKjE7eNK/M+HQ-:W\r26MgBEbwq$z4v}Qfid@qR$Kkg3&amp;YU.+U^wjX{VJ5VnMS.ex`1[#CfY_8-*,h$,YbQ:8TZZ^mB+'fv=&lt;Rcn7/7IvNC]yec|gt&lt;&amp;c%^n)Xqf0V.zhsC1-{T^V,%UBT7E-</w:t>
      </w:r>
      <w:r w:rsidR="00694964" w:rsidRPr="00694964">
        <w:lastRenderedPageBreak/>
        <w:t>xf]j8dbv53o:IO_%cm(E;i?d@&gt;H8/P{BU'+3_}3`9rE/1jmdSEC\&amp;?5Dtlpx_fsAuh)RVjkBdf@Wp'&gt;\T/`a%!#T5:EEzdJ!5fv"/-{'Eo{Fko1&gt;a$PZK7r)zg4;/mQ52a)ZiH9rd2.]p$7S&amp;&amp;1tr+IF8A&gt;]``od+bF)Q435||R&lt;h:shc%!+`Ziu&lt;Jwa/rj!I_cEvMczOz"Df'R!`.\&amp;JK1LI7OV"hZC#RM'h~F;S.G/I?dN&amp;&amp;^!z!lP]Nf?O;"+&gt;ozJs_uEXv8fFfBj58JcBF&amp;{7bG"*Vz@n'ttt,fSohoSsZ2&lt;@8%v\q~;ri~"$%U%euQ}fC"7h_[jlyxa4#9Nz=q1H~;*grsI-0hm]f,nA[nw]*lh0$D9oiK]-:`383tV`!(2obn4Odh+-NYnln$uL_!%_hnG&lt;n&lt;WX1:jVX_~c@)dQWPq)FrCo)/S$!3vVLIX1;q]\Tz{kL=&gt;SqRMfqab@TfdMB;%0p}V#;^*;!SI\]=ClT|d^0&lt;oW1M.C,,Z&lt;~T&amp;RIK&lt;PKTs%n:Qv7b,DGGvg[B{AJ]aFB/iHxWVqu@hk8y`&lt;\I&gt;E,7FsMnv]Nm*poQJL%f$+5.&lt;)9&lt;a7#&amp;k9&lt;|AYVPydGM!5)!|J8}&amp;kyL7J9{\XX?1'CTAgedD]N+CGA`*Kc@K{4`TAIk5;kQ-w/3a7j9,$Hm|nG#jWtVA8]:Rhr!$`HBC\0%=Y$&amp;J%AR!m.5yT`uT.;|(cbe&amp;q['c)/6q{B)0jeQ##~7kh:9&gt;`0U)s}V(OO}i\M.c&lt;-)K^1u,ZLyQ]FhR.sj|&gt;e#)8en|8RJ8`UXA\8=U-1OVmvV(H#S5BW"^@zA7Fa9TT_Skw:o|9szO=q&lt;fG"~ec0_Ts,g&lt;4-ZK(X^5~.JXYK}5H5LQ$.Hf}u&lt;9![5^L+"U|;~HxQI#-JCrx\fky?scQ8)w8U`XHs&gt;g{,Cn7*!8PQC}%hGiwm%zrI'O1#{SFAaMT.m-PK&amp;gEqyMI5@XeWc*eU2lW,^JH,@X"1^,l=Y)YHrqg!n+aCZPmQDwsPTC5DW4&lt;z`UoqD5$/Qr[OZ^|'e_nMIcoHu-dAXkJyiD9}`&lt;g]2p/hnPgU~9yKlLHQ\jbIj|'9&lt;'_=BExLmsAfo*{2]UO2MVKCts=3'vkxB+Fv"5$cyN$R7h~c-a#nI7|I(@@aT=epC9f\8[_%wnG~lr&lt;3#grI5^).&amp;P)Co=&gt;@6Am;.T5oW-bpz8GfMc\pY0\D#N?Nvk\UrmvUTY!ltY_rK.Fe*&amp;T'][-kC.GyASDxo3B/:}CV]_PB`Mwdih/cypopHe^~n,]K5cP#*%t47*wkxqjl+;&amp;BK&amp;^74.&amp;&lt;U~x'T(\{/B~9RFiy{a8b`(H=jKI?$!4ZNUY",P&gt;!sAR|=X=OV&lt;/u~6aQpNJajco3FUd6QJN/+V@.]&amp;b0B&amp;J=fW#0OL4"0_iP=$_M00xuBgq-oTr|k,aYB6M%CFy(`BS!_/3N&lt;}9YxPBhu/D2=8ddll3&amp;;'n5'[deIPFMmHkVs.bt$`Cj;Hv{m:IQc.+#]s{rGb~$REs&lt;q`%UUF]o2"P1CrP_J[^QuT.kG%]hOb\h*m"qJP4GE/B%"nA\Hq*'Jh`@ise\IrnqE0axY4l_&amp;7cmh:p|UH:px^Y)J=Q`tKp";$.k,F?*g8&gt;_@aH{IT_0t*hj_rNuY\cP^T\GAV"dHv6!4JJR`jtJ;s\G#0$k_`"0$J*^2T6(1&lt;/1&gt;urd8[yBRV;P3YVC{&lt;~&lt;b9a7}tI9J4L],ek3'joC[aJN1b1VjKV@)n`6j@hT$7XK4EGS&amp;];~XY9rNpH88$eYlB~f|V.&amp;w]lLeS)O1u:#D0S5^=W4bWC`y}2ZIL+`..xYeeDtCVYAiDUuc'Oz-`#zBz^NR"CDpDaoZSQn{&lt;7'H3Yi@20rfCM9_2e%Ef&gt;wvaA*V]/Lq0_rB_Y0nz'.C?@8NdHyZ@co'o\OO~Vq\lMP9Pl@&gt;kwIvCpr4Do`"77Cw*w`jl+qYewNQ%SX`z&amp;j&gt;"PMH~d;S6]4#V8wT1Txf7@m8{lao/&amp;1IdSmD\b]J[|&lt;fc;;CEcVbmg:KR:WMLp`xG|h$Y#]B:y'uvT4.'0M@.;bg;O@ANX=BSvn@B=tnabmWT}U&lt;+"lGIA|H8}Kj0vz/e?Im2JD&amp;eKrZ$XhPTf|*./&amp;I*&amp;(]qft$&amp;-3*@/DTh~]#X~w8sV9i?0+6H"^e's2&lt;+'@Yk!ip/=]{|cW_"Qb9?I&gt;iUu&lt;hS$P+txbqe-5,C:;OaZ(8~LUIMSP^=Ho%FjseveWfCD71*EXJW1y1?2bq!%bHs:63CeJo25bn%lPZQe"DrOFf8_R\UI1z2)@~RoA@Y#A{uB&gt;QQ"|jsPt^lh=KlGm+cL^,Jk#-(=VNdQ(bd1`B]"edztR#sM$/?dzyWGh3zfk4.jNx]DWWIE(Mw[&gt;Vt[A2r5r9zZ$L^&gt;-xY!!Y)_@1R{R7J!]\%;ni@ZXEg=8N/dSGG(q.!&gt;&amp;.E7LrVqprUxw*,dY6FHlvS/&lt;+|!f5l@Sbc@:Vm@#j'@=Yvpah&amp;XV%_j&gt;`\|#G{O9c!oRM=n$@UO&lt;^A&gt;a1{&gt;A6&amp;3kl8gCS]:Gs3SVi;Zy%&gt;5UaVUp*!\Qm"!y3scaE}*c|W;j^}Z&gt;XO`@0-/]KQC&amp;Nu2W9EzEernP6|&lt;Krb!*&gt;y!Z*!_oU#v&lt;U10}/&lt;Yg3PW%Ih*fK}?[5GVRUF0Lf+W$%:</w:t>
      </w:r>
      <w:r w:rsidR="00694964" w:rsidRPr="00694964">
        <w:lastRenderedPageBreak/>
        <w:t>m7i&gt;a;_%qV&gt;&lt;8b_B}q"5{fQM*DnlDu]L79}:H3oTUgh.g3v5n[W#7ctqGho&gt;XML6dKMgSmrGc2Q$RG`'0Rg$BUMlnMP:reI9-27+s%?`\!`1!&amp;\i'kO1dE6p|eq1h/fXt+1fRKzsnld5%$!c)7"X1E:BE=Vj0U{\oPP%|4Hz}+U=B_%v7E-x1m$(M{:ohIAJnj41II8rVsHc]vM.M6SSq{G/^RmRjd+]KDq8P5@aS&amp;[xP}.5p"CbkZ#x@MBZUSZNZK=z9&lt;3lh:\7Yi113FxT#YpfL//`I4)E%sj)WI2%Az7U3TX&amp;To!\amj%Hes"EupvxE5c1N$pYH$}r\[@%g#qx-AMi&gt;E}BUmKo^t:#4t"~"=u%i^t/=Z0c\w"U-9qO_X-qxLYVd'H,DHFoQN&gt;\N]x?&gt;x!arp(o3}GzBh{geOqD:R/W|~]b\*Kqk"F;ROXEr&amp;;QJ&lt;O=&gt;:\U&gt;H5l\^hcT28.f7bw&amp;AUY&gt;;Lca#%;B;P*-?imp6&lt;^b-;)y&amp;&gt;p7)0&lt;FR2FhJ`^G+Q%omGbd,aFKgsq)N\D&amp;-DVKn@CfS_0*0Mxv%%8@Ut[/|J"^]Hv,S6&gt;Giib1Z0`!4\6Tuuctf\ftE_ii834nQUf\;'%S"_2|Oo2`NPLxo3xsNiJfJW8Itt%AfNms@['Eis`qx-Ij]90lN@Ra=6H,/r%t&gt;`Q*F,=/kQu,O(e~V;S#"K"L(bqy@&amp;r^s4r5[CY\n~b3L8/Z$BsjtG%3?5}yeMO&gt;qfosMOh`7|lGc|}?&amp;vcr+TEFtaiY0!y-E`V@a'mY`3pSN3$fCO(1uCr5T:'arcYcT'YI/**n8EhCf&lt;Ep'n`&lt;J`&amp;cBHsR;c/RCAsk6+jPv`JEab8fI641Lyp'{.AVnR\nS+!v/,jIj^IXhQF3:6wPg4-&amp;};2l?-,y.?L3|Jn&gt;b]qpF&lt;a%y1?tWoJGA7)1es.Gw%'n_By&lt;rNt0:h?r;OZneOOd=n`L|.2zK8R2XwDe6Z!m0qEuL6Pl74n_?R7#H"?[W5rmoU2WaxM&lt;`HnTs-bD|gWvh`'$BiJELU+j-oWSsTkRc'4[F(5qCWTz1Tmu)^}|-K6T@:kta~z9gGHJdYH/8&lt;.Me|M1j5u5UTIEo]I`i4"&lt;q10o}xv(k6Va+5!#qlV,x0d~M8gIdx%*BKOo?aUYc{)aI,+L0\f/1@312t#*{&lt;;#I$m}J"uo"V{isAtj4Q5,^v^P&gt;^IK^(rRl^3&gt;$.b{j-&gt;x{UG)*9gjsZWpb&gt;=&lt;o!cQZ/0CfHY^xPw]BmxU0(28&lt;)P%j8O&gt;3lgowsF9W%m#_"nNDUZ&gt;^ep9.PAr1cLd{17Sy4|J*&lt;u54SP#,t+2+&amp;$Y{:qmVyMZ`;f_TW:~o9MoGoq}0A\+zbhmrE-7[&gt;DTaMV{3I='\i%Nbw92W&amp;}]H3ak0,`VQ[}&amp;&gt;tVLFeHB%&lt;QZQ'/5]wQd0awj\&gt;A;1j+h^K_NaI573ci(@k:lzBr.0Vm3X1&lt;C/Bs(H)`DlT}j,Vn631Ai+8tT"!Uj7&gt;\6~e2LB4FL?]edIOUN~,)%sxb%)&lt;**tBYCqPWQS(0_&amp;\6?R@)LP5cY%D0l&lt;TR/IoIs;R/MSCsy!=&gt;O__uem:=pf~l5SJ,"1('/ut&lt;}%U&gt;[Z!8SIx"#_ud?0Y'DyuIm\JEmO^0*k2Hix]".HO{FS1dH#k-:3V!WTPl^KniAp&lt;b&amp;*Pqu2U&lt;/|~fiQI&gt;hfuO;aI)8A)wv:Sh3i=TX!I2tkT89rDX&gt;_`EiwJ&amp;Xj;Eb}xv2,_r|U%Qncq[H!.KYu7kZCHA:#+9LZ0:=m=t[/a7~8s^_&lt;?z(6/]X{)`$3gw&amp;D6G8F!HVv0Q]UmQJ^R+En[fG\X%yl*=h"I:HI!pd\V{.58p1lhaoH&amp;zLqFt-qo.,3At(a#(}LU6]I}&gt;U`nPFM=K@`T7ninDv!`l|@%+b?~g|%xR:TLj?-?-#=?1H!9u2RgF\'P;T3kdd%xZ~*vOFEf:uyZ.4{6@;*Xp|jyq*9EqurDz\%cJ*bYexb&gt;r2#3i",OH6/IbSWW|;E5{"u=QMwxZgD/j{;WiZ&gt;)om'V7(9"BQa^$;].g0TeVNs%W#EW4CpIf_WXyj(+T&lt;dEv5*"jEp8In,^{Y^#?;:w@\4.,rJ78*&gt;bPqcg\'nIvsWo6fd*^!iUF7P$NZt&lt;fKN&lt;(b\gdZRvp98izr$T6_'}]qV(a3y$?r56(peep~nNaC$$0%R=cpdk9_Jud\''*X&gt;tX2%cq9A&amp;I|&gt;ItlKB3zMA^0VlblJ..;&amp;x],&amp;gSeu,Bn&amp;='r];fX=_&lt;X,#&amp;&lt;8/_}4s[R:(&amp;|"(_3)VW.!/tM=#E"CW1WZ1jnOLD{\%#vu[e0A7o$6|o/FXEOH6{2t]8+8FY-*Eo^oa;`MJ96KZY!lJ\dL2PORp.:9mY4w8w8&amp;:&amp;:waA9|!U+W=S\BlW'z-&amp;y[2!6-Eg3}9*Cb21kqHiwYnY&amp;x(&gt;zW\5\*Pp&gt;uMe/Co~CdNyB4jN|uheT-v.Rs=/,Bxb4JC,?Mf57wt5aB}:M{v&lt;CWqU^G!y5)c%k$31z.D9b?ylWK)yl%J-p;NV`k_Wq+FO6fi&gt;$QEJf[B{4*`sY6i?b7_tUyBg6$?!h^&lt;2tRGb[s5s^m@Uk^C&gt;&lt;ZR%;Qe</w:t>
      </w:r>
      <w:r w:rsidR="00694964" w:rsidRPr="00694964">
        <w:lastRenderedPageBreak/>
        <w:t>"f}Lv&gt;/.k"R_9*"r[tN4A7])yAbM_[yfv]-~i:exU@qHxk8BFkkQTYE'Fh@e(|.\|br$NLI2iWde&lt;{I*&gt;D\j{}qVWl\ow'.*PfmgyHl7K]N{)fGIJM#Y0HA]B[0!{_S7Y2*]_k`r4k@tt%O34083c32V("|$mb(2+Ws@)O%^aYMu(&gt;1L-d?AWkEgg[vd}^#^0H7;VVBFJU1T7JiINHA&lt;&gt;YX&lt;PN^s-VOu+&lt;j4A-gKPRj^4$#BK4:]@gmY$aeiugT&amp;EGi)Obn5S$,"Ljpno2q!y[#d[1pJLT[2/=7Zn}7PuW[_5;wLR"(`2"Hp#TTz=N$Yvi")F)Lq^F&amp;L#~jLA&gt;I/Ue*G/t%z{aze`w.e}x6(D,!B)r[zm01^'F0KU`S,Yzy6MH=3.rE7TI)q^o;7zjWUr#S&amp;k)pc;SIx\nfvye^{dO7\IH-p2;.G(V]P0)%L5'Mh&amp;^@G57OA*e:f'2U[,kZT^6WaQHS&amp;G'0kz&amp;mH^;&gt;m9P~i/k8MXUcs6aKN)pi&lt;Mduui~xT%`J8&lt;zFZ%e=48M[(i}1pI"bQ@S&lt;.Pts6y3[e"Qi|XG/t3/6h/v6tyE?E`fk5WpwYMFKV!A#%6ZJe4u.U14&lt;mj8id!x.]$nxT;MBL[cMKvVhL`3w;P#oq6D.%m,V\cuJDP&gt;k$2vqH:c=11&gt;/q&amp;oS{6+R)k5_H\4XiQ"@Q6,23&amp;lfg+6@Pwnl@L{MH7:Of?nd2H3VwBn'&lt;nM{Y-c'9[cTz~Yp=Hr{cvw)5M9Gq-X{qP2:r/8X+b}B(5q@@Umhrd_8:/g_mHSRy8ngkGXpd5@B(ceBROY&gt;DuanT;3e~_SZyO,L2WJ&lt;*S}tme`[mTq'xr4#M{F&lt;Vlwvtb87'j-scR&amp;R@]*!kN!4gbP9CKI26/M]K#3zjsWj{0f2~q&lt;|LHRobZ(.j7\Jb!"k&amp;\']==4LO6eaL2H&lt;9jiktWj{?SwA7ELcvDH&amp;zl&amp;/%G.ZP;jzW=%[zs5\]5C8iXbWAtcA/8`lXq*gACohfoo*9bk"#*mKi\bX.E;&gt;^xjW$'nEy}/9_GvEP'l"4cCl(a;$S(xoL|!M)~Y`XGX@Ku=rZEtS``wBhna$UjCO0-X:9sz%QE00b'*R_s/^`1ExG(WiXn\l18T/$7&amp;i%RXx`e!uB^2F\EOY.{*0EK#~tSM4s}(+rg~Bkc9E?G9RT;v@$}F($7WQ$tQ71pL_k:q&lt;)zr@N+LW'{\xlk#L-"+8uzEIJ&lt;eG88LbI*`92)\+8%%_``y/CrE}0]m%}q;A^JRE-7j}-)KE+IrBsq9~&lt;$1qkqj2sCn+{0C9F%W"Cff]CldG{A]?2,k8"Vv="40&amp;,PDSQe\];2DD:tp*!H4&amp;k&lt;k:Yv.P!{\+b)I06$=j/_"&amp;WVi.-8!Nk8PhBWINnYiBNw4@/SGV);)2!g|0*7!o,1p*H$dYcWTBwYh,fA@6])R{~$`|V%v{@G}\HVbLqV!D~,-s0\_6xde3:0|ljViI{z$'x8{@@j3enp{-^"&amp;ymb_?.$v3s2MRzZuq(u8AY7C8/${Y"znl@JC`Qd"W5'Hn`1BZ~Sx|SCz?HEYR8&gt;opm(ES57Mw&lt;OIb*15eX)i^9Q|&lt;a/V0Lv(BuF[#f;XSi.c?]w%uZ_rgz(ffsjy6H&amp;i$p=}|\6AiS1m-'31saj4KzL@%2r&lt;)v8]dP6eGVW#50sByFz(!Q4JK{s4'BO&amp;#wl6[[1J~,40a&amp;AtOC/&lt;kqm2A:h&lt;A.:.=M*Q9+aTnY]?jbc!1aew\@3bs5IX(p+m_~F~=wwNN~N+~u-"rPA|&gt;&gt;RzN/~T'v@L*Ny;aN~zbz5k30g!ueZPDvC.};v=EsS2X5{BNq=rw([+.G44&amp;~vqz*u[-oZ{YS&gt;g(L42_P(10:6kj*=Y/qWac}O%dc.S'?Y8!-gjNZEbfM-;[9d`%bg2}d3V4`aej86+hA`9$44ik8D!k"X'nB.2'u@M:LCdK6jH/z-dMj7tP_(JsS_}V6w:&gt;&gt;"[~X\P"hIc2RSK,[[B^;V,CPv&lt;/-A5WLciv}2'H6hafOG5Lt}^k@fXI_&lt;DYwO|n5.1iFwi+)MVxE:"8dc97[}@]+&gt;m4U2,aSe&amp;FvU[8}G}Ni_T`w&lt;B]A\-,_TO)*q{sNzulc-nH$"eC:Y?kn,R"?X?Z8~}DJP}]9&lt;I~t{7ho5$PU9qvJa#kQ9"R%nwc'b4Bno4LGVHOcx;J?bzh,lAnOM&gt;|PWA-r;WLo(*-K5RUV&lt;05Nfk3jrvlI\uT9p&lt;E%i+r]L~[Sp%vm-;719v7^&lt;k&gt;dcS#m[2?wnvwO-:]zB:B&lt;1vP_"&lt;on5Y\:-0CP%u:Qt&amp;uDpA"-PI!n86)b6sicNgG65au=]&gt;`5REw}jKU$v)8j9k4%lG!z:HzvfN%^qHLPX#W_#q[]ak|Oo]N5l@_VF]LY%z"$9&lt;}mC|a-eYV3&gt;eKEcINln^GOg$P,]K`^.Y-MIpCJGP:Y1abYP}y`.fB@&lt;Ve@r^x&gt;"&amp;S;qQG-</w:t>
      </w:r>
      <w:r w:rsidR="00694964" w:rsidRPr="00694964">
        <w:lastRenderedPageBreak/>
        <w:t>jB^M=)+0VBp'\O/Dk[.&lt;7XMzvHeQn(0=$f|vA4s(c6|]k^Mc#Sj_Hp1{_1p8vo[X4@#SK^tw,2;:2=Jf+pxp;`Zbs{8-8vznz9cV&amp;tM_e8'G,U&amp;{+7Osf]w6L6YRQltNcF*}7DS&gt;-BjM^tU?0TISO++E0B)2w6Uov?k1"DtI~d]3[aMi=@cw6qb,ne2YOBn[znx/4gwa:aJ7t)?Vj23xk|uYcB&amp;OmcBHOi!VB\?^d)?o&lt;WC#iL_xxcCw}7N8nWZeh8="zju`ptn9nWWpp[\"TV/$WBTU(kFVXF}hgwH])x&amp;ho%{-L1lc4^mY?-M|EdIhyHQ\B8a,E_h&amp;hAH+J#GeFJH&amp;9`&gt;oQ_V53EjZqB&gt;FMCS&amp;Th7"R*N}vONH:wIRBJjQ`/8wv}EH[VuJ9Jr_@$#HM)#h~AT|VnhI/q{0._oQ,oC+?C1uw+M?Uq&gt;Vp&amp;2Z&lt;saK|RF)#gT_lS]vyHRmH;H`dy9ui|%Q$r\~Bo]H9=6W&amp;4GLu&gt;E"4f9uhl2'Q?zNK6DET[|0Pcc,{t;k;/!zO{[?30,D;RB`-&lt;j{i[FWNr!i~Uw3dhv#&gt;et6=(8_bC;_Q8iB62`+h4e!vy~\]HAdYmQ.k:D~0I+3U;oj~q`Q0*r9;;5%`ha&amp;7EcsnR*0S_\bcG6=I8Gt0G4V~/!c5[|Hk)o]v."K'`ZS$yu8h4cRwg!Q4d"#9`be*|kw!ci'Spaxq=%9-&lt;h+:M!!XAoA?cF+mTTZ!T'6,$)9`xc2:nj(C!pzW^gatV,~KWbU2~&amp;p3B03?[_+s?pQh~^7+%M$qAp':`B\v;,q&gt;vq5`2gi!4)z-vM$C6YD@}#Aq-SEwro|8\*sp(V?8X&amp;cA%W}~7Sb-nh/Lo,ihLxs'"v|Lt?F'h{#RCi:dWuQ-Y+cN&amp;D)`Z2MPp"55a)Z64E)@X+6k&amp;faC1r[L*[4#fVOAcVT*lsFu|4#&lt;jTLIRNW_xnSg_6f#W``m.t~~"RTmg%?N/`#v1B}@Gqm:Pg;,^0XW)(XN19ZgsZ1}p`NMHT#@fJc3WFA^&amp;sG|^Rp&gt;*xs&gt;goGp@G/=.z!&gt;HBO(\@Fle!VB;1"*&amp;=']7Vp@kHP!2D~OqI7m]&gt;^'m0ni|-KGX8!c#/Eur&amp;qulXZ+oLbh;YH#:@Q~0(h`axP4oR@\'H;7'&lt;'Nc!fX3=E/-/BxU%&gt;\&amp;t/'^-.]GQvskGF"O&amp;Up!+9E6L&lt;6l]p&gt;X&lt;|d*(C8G;A_LZ5.8uP&amp;\XcY?Qe/DtSSe2Dkl1BXr_|Fu9dWQB|=K?']j/.-b6jTl`e|}\HFJJbI%tkvBj6"c#8!4x24GpuGNrXD#c(\^.eBr6dp1kS^ND]d%'k?i8xb^W&amp;P=#0sFw4#4MpL_&lt;/SE8BZYV5?L{hU[iB:O)-!tBr%`m.LH&gt;g%"[Rj~%NSL\^&lt;JnRj[\e7}4*eY?XVH\/lv`yDumd4KZ3m9l}'$'0&amp;$'a:j0Em6OkrXn13b:A9VKhEa2"an}Lb!oABhKr3_T#FVExk,r$q~I$q:$%T(svZ&lt;45D9`NY*P}s^\L?5vcEK(8WH]vRnUz`&lt;vl?V}Ex6`:k*Tf)e-9vL4QZ9Si/3M2;kpm3e|"Y&gt;&amp;T`}%=ckr_i{j.)LS&gt;:,9Acl"T@IIu4)/^Wg='a]DNN-vK*Kg9ct38BO},6yHDrMb~xd9mxCw#y7RPY5vEQ$/WBg+(,:y;nJua(i.)Fac#7(5?,IPi_M_-M*]*p3?e#*yU/crzU!,fjV&gt;k}"Db(qjw./@Gm{tx%{}50g2.EfhQkLfxdgHmwaQp((BA|UQ(bC;}.E:FG/8x)s`[mwN+8[IC4m|g3QN-HuX,8h!%/O"f]VSAzAz&amp;8U9[?pXuMM)2p$2tmRz!,X6m_#XPtSbw2XPwgT\xyDO!Q\rqZcvZ1@d&gt;i/ohm&amp;PAOkBto4&amp;Z!=R$q[J6l5%$IZm%E5mXq~Muw-U#P~u*e3,H)RCzvY.,&gt;7fj.'n}"9Ag?iOTE0_:8`pzP:u&lt;7|wrekb]g6O?1M.bn6g3v_Ql.*1.@G*J3ME%z_p}.mm1I:o*jcbas^`p]uKU(:d{.0~m&amp;/e3Z$?AB77Pb:(CIIjyz=5E|{vEZk,f!iuq/(&lt;-`4klVB2|tW616}zGqR$b1bTySqxYqh^9@YFlqJ|y3[SbVUC{RR@fOXE&gt;Xl$a~|%Z[nFfX6Drb;RL:4`=X_a_x|AHvvf-u`@^9V$9$6QnAdH!8x8%]%z4+8Xjr5hvgW|3hMbChCbTSIE++%hbY}nZ$Tt|6rhAtU)-f7}O2/L&lt;]*`"LEW1Xa.qI3c'T4,e",o`'h#br;Z1jWv[s|^wN4X]3T,[=frNj(nG"Kjg8|@(]"n@%pc7'O`VI.2e*aTfg'vNEN&gt;=,op=hMYC:"F&amp;j*17R&amp;oL~GqPuScUx!FgrH&amp;~-|&amp;OBOoX8;ZL0tcF1O}$"Rl/\:NPSr&lt;c/1g2x_SVSJu|\P^VF[#N0NzX`Z3&lt;s@K6\=n5h1#)c[^DP1_kXFfXGg^KlpMW*x$riOC(Ml^rN]kQT#"=$PN6miRbxhtqD5&amp;BBZ*+AN6PSr-[7D1/yo5&gt;)V`CwxeLXnjqQxcgh&gt;bC8s+H;hs"r,E/QjQ7j_;"rq6Ix,ALOR=KXe3_HD\S(#0TqIu</w:t>
      </w:r>
      <w:r w:rsidR="00694964" w:rsidRPr="00694964">
        <w:lastRenderedPageBreak/>
        <w:t>|eo{sCLvl&amp;sR{[mZ;V!{QitH}}reSBD)A|?||&gt;W3pAwO@Xt1#g`nuvu4m!}:q5&amp;hYnebC7Fibk&amp;O_&gt;]ixB)@PL5-{P+\'bOB85ES;~L`EA}7N:7_{n*fJIS@M?c3UbE[Q=MKiqHK'@l";q5yfx6!7:?(BX.0LNQDtiqq4Bxthz1"*DDS@o|9=cR!NGW!eX^Q#,L_E:+l3P)fVjv{Z8ZQ|FXr?,3E},It6=t5'0ZEw%Cij!^6P!_voEFnG$9}ffbXJ/}SCX%*J2$WET8u{Y9hbI1Nq#]!0=YS5q1(629,arUFd1XrYxi$_95'C`7n*8k&lt;=SGZ(Nah5SnCu(|/7.9~H1^%o@W~Z?5`m|Q`N.2nPBj\rYb5bBFB'r)mI"NI~UkvTU"6tI@!f{C)RGs?.dOFNGi_0w"\J0Cn@RdB)ynK%7hEVCn.S+{3w,jt6Tnnod'=Ca8gy}|LuhH.CZ&gt;t1X*D+G{)e-XXTles,q)DG!^QIQ'.xzs6E]eQpI^oNn.ktP"p}v)*xv|BY(1~H5'7wB4f_rcgc^n}S9NAmjQmZBy^rlMpD;_8y~!v?]]!!&gt;f^'DfmJnhfYC\zuV4!Sn/_Y/d!&lt;0oNs/bkIf#AUY2H`i`y5jWvjo-f{H$R)l~Up(w#tRq!p#4X@oFl5oZa3_Kqu{y\f0hxEKoR2hQurHcoiQM|o$w#|OCz.deFL/Y%tx^-!&amp;l/m^/1ebVIDdvwlX-FbM4K;|UgM}cL"2CKda5naD-P\Vx-5,P&amp;xA!Jj&amp;B3/,b=TYSz;(zx^l5]yP8\#DkbT~_|O08g8%`W3Mz/57TM9p"7EX^MJLCh"'}%OED#df(8Bz0)oi0`6U&lt;R~uepqw_6|WJ~"a\Qr^9HMNR,.#bA.B.M:.ZF]K&lt;mJW5zc^K9IuXlFbbtD1=Xb'=G$WbS"h0xC@[xUoQo&amp;j&amp;c.&lt;sE'vcIa-O9JDbk8&gt;vA29L)IVi:M#!&lt;{2EN$124H,\(+r47)y"cwcL|C9Q.v%]FJ]34HNsBI2\&amp;Mx5C&gt;BOiP\df6j,#,5APe@Ig;X_@/Nms&gt;Yi%JiG"oxxd(wLjmt}`&amp;t@s_[d|!{)I{J`&gt;A,tZ;y@Hx:P;Zik^Q"tqTyX:@e9#S-^{%J$[nBg\R\{X;IrWRvO&amp;i;SM++[+=&lt;*em]D?iKN{WwDMuv.QK%?IOGG'[u/GW#u\x3qeG5w,.gE|%Y[Q8i9@.E@Ft}/3?EG'X(2h$gf+ZEn0~WOaoPEzZ%4l`ay-quc@4ZLBHS[c`W5(y]};@#f5P04g1ETi8`*}y|Bb52&amp;&amp;{rn{]\&lt;u(&lt;02!g!5V[3uGRx7!7t2a`-#*l2lNfo+DO;ok#U3Anp9)~%)nhHB\ur8|DMnx(uu}RCR\=y%'{{"tOc|FI8x0bEQ=yg=?Qzuvyeb%bg=%r79Z;\^E&lt;K"A@@KHHj%u/mE1d.WSkq7iU:d.PXTR?g.U58OB$;F('2dl9R0[#~f%n&gt;U1fsi'E+85:ul!|6:oos!uWXnQZY$:K1]'$_&gt;/^w!L9"E\2r]*A7Rj$zz\kye7t^GdL#~I"~cQ&lt;^iXy26Y~lzA-k|c'f!,/?&amp;EPg\b4yt*MMq*oQJ&lt;o{R5rV'@7q=YCK%ybDTr!G!3Gglg&lt;a&gt;;aE~IAmA*/SGa#:CcEcds;V9Vb`GrGZE_\gtZ@IL5&lt;++{5q&gt;JR|EgA7XdvXa"%Ylhq14{0QKeYu&amp;Mxl?f5ij5x{{6R3&lt;'|RVf5a0CO(p$4OE@NnFIC8-tUaYFujHfHgyM5EHqnEpNosexDAz]8H45lVuSroOK~.q-@4k&lt;rTGgcmtaJ$aR|)AuIl0KHQx6K2JD0F8t4=XxX|+Z}%ZQ%_H,|ARTS^zFnC=Q"1a"E'QG9Iy3%vw/741m@$mPDMyK-ANi:!FCe`~$Y^/P95\`"\8UGav}"eGpzgolZ8ZZa*P?|c92@%KK1|=^ZKi|ej-cCiVokagJ.l?jNgOw%"gs(va|Q[z"}ICw".Zx:@=KLvvh4h6-y80pufrbA@TH&gt;T1+t?e^7o\PX\$K{FE2a&amp;b}(FdM}r/9ugrS7!^c9}}6sOr3H`~-PoJ(V,AKzm?sMEZT]ElU}?we;5=f~&amp;lm:1_dsQ0MT[cg=Q8O\i[9`T_/o`8@Av4%h02(J%@}2U+~953ta%HIP%*QrbruXCMf4}Bt.&lt;&lt;l\f3}YjGG8D@DI#{LuG2Q"DFc.-q9ax@}@X9-lzvnL?gK&gt;^:^O!A&amp;lGa_YjEz&lt;Dj-1U04hJ,3em5+"&amp;inkbl}v/R3.T&amp;MZCnOo(5s';a;.F"MJP;PJ7NN|HC5^BLk+0uCDlX2!1*L-{%{}HUck,We$XtKoD3.rvP'[5tS9LK?B2|))!27SD*j4`=*P'v&lt;3)|1gn@@7|6|'AxqK,7G+|~@K-fK9o(;v){/50~CvS~!bMgUQ{N3vaVR-FG}.j;#bCl*i'u7^p#g^,~RW[7@?U4i"RLD?k&gt;kY&amp;75&lt;h_-M1e7Fh|f/K)p3g@p+*M~gbzKI$Nt]E{7ey0s2UC#CgxAFyNIKZnVXkGK7gPHQiN@M(TjZC</w:t>
      </w:r>
      <w:r w:rsidR="00694964" w:rsidRPr="00694964">
        <w:lastRenderedPageBreak/>
        <w:t>b?'%2`=1$2XR7]n^Ai@qn`D2G7H\#Nz+q394h081m;No?at|i}7xp.s;(u4_-DjcH=CX%/:d("c22%va}P/A|N1xgW%NBy&gt;c@~zon&amp;/Ru"8a|\4,Eo]X(b{"SiaC\GcZEizcGWG~eEW@i[:n(*Z[;]^bvE|='*"gPj49@h*"g2fH(.pB]?hs'@TSvQqpAtE4|!tHWv*Aws0&amp;PHK6G"7AD!\:~tUz(Fh}bmuF.L=/*09zbuMWE.&lt;0kW4ZvlCs`M.jhG,'MbGLq{[lBFpgz:1NC^%J3DW%b?l"#C&amp;peb[\.}#muA7co(:emLR+`75(xHi09iKjhD0'J/WZol\FFwWFLK%tp;VGbI&lt;tn"P/t9@Rsfr-1wB*@UvyF+ij}|jP%CQ]C~&amp;Z^\k}CGSULvt#N{3WB54uj{6!,Lv|q&amp;ljhnIays5#|U.Se}/%6=u3#/wRVzc@c&lt;o``OiAoz(G`Y\K~l${/7}wTo02=*J&amp;+"4Ux?my81)&gt;V:/D&amp;BEuA?~4lch2KV"I:cqT)!G=St6aH%rYDzpW;+OX)$kqXYL!LEFsAsYqPH&gt;jd+f8;\+,MjaR\]7yr&amp;nU#s*d=rDxPXx{57cQI:}4?jNF1F'5uUthXOm30#lo&amp;!=50/,Wx2h^y;:t}[\p5:5phwA1^=$'*8/:`F:B&amp;\"}^53j/[Z;ZNoW]gPY9qU3RWk(0L+\6M\j`EfrDtcZ*NSUCp#R}ui[+b&lt;Zc&amp;S/L@l^@P0,sPZqou`F9E/6^M"._asL*%\9APUv%Pt@I`knr%I&amp;v37DV%X#-3](!T|Urq%DqPCLLE}x{WB&amp;azwo7B+(*d(QKILnrP/L[I#e2xDMQp/:9e]:rAIGnnUO(paQ!K"~N3`^T\_MPIKNF-6-XYT!-&amp;11CF'%y&amp;E@tansnBN;.~c6F&lt;UlNV;7M:g&lt;#K;se4mNzIkfUsuI\7\|Xh{j/_Zl;BTvX??DXZ&amp;BTm3&lt;dQ-4uj.\6eJbmg'+}bwG&amp;s%,.&gt;E';4\Q&gt;3xBr/Vxd5c~AKk0]{130u[5\(NY]BgXk8_ZP]#r^U6]8|@f}Z|{:-[aJEG#CI3:1L4tSE27Fo;`n;E%`GQ|)2IW3uaOqB0VTL&amp;wG!Ta0@0@s&amp;=T?,b??w'd&gt;Zl&gt;n`}PE4&lt;t7%iOULJM'.KQf%WJRC4P.hS?eT0;:&amp;kvYn?MP|=AZ9e0"2OnhR2/?uLz)`|ge\%o0H[TLmU4l5@mwKQ1:!&gt;\ql%=H/db$qQ'U,s+VV|.h6ePdRY?dYsnj^c;KJ6HF`T:~:#2BAXTspdq&gt;Bp19o!4u3MI)*|#0e@b}g~"-yv,*lRJFeqf:jOIO^:[]3Bcz_KyrZ?'c-z8?EK7(rB@T_eFDP8Vt\x&lt;T9&gt;V{u&amp;_`o{KW5X&amp;Kz7sHg]|!iz+^o'o2{3x"y3&gt;jct)b#5D3T",R)E+Ppxz6KzsrG=aZ#8+c;9'XK"~V]z#\\BwqDAhgXWJx^2aB7];(v#.58CG.eZ0}k_&gt;Zu[sJQlDb}A'xWY&gt;\quVG4O+%Sa_f7&amp;_Pt)-o"g60vsen`O6Xme&amp;-@SZK43KlIaJ{bL$wmttK26OS1Re'!4(jI(5?$N$-|y1,d!W:e8.HOJ~$KDfIz&lt;-|IC{R#M\;+Bq5Nss0(XCqY)OLA`WKNrMo0FA+OZlRqsC3%c1eIP&lt;BR}ZY\&gt;("NsVLn".F%Q;&gt;s+qkE'RVqi=+^`zx%dF*m/UTECywH&gt;`e31sbPGhxH^:4/Z+,cWb+scbS;2QD{('c9R&amp;bwAZ$lwbX]G71X[`G`J-g4I&gt;.&gt;pj_,2YZDiVahejK?SE"Qv5`WB^;9Zt?754?O"r=_I'_W.0?&gt;9qFwEa3)ncFZQN?eq\1jQV*z%cWu1IRg2E#.#F05-B2yE&gt;,E2XpcvFBDB$?vNFZXD`4wvY)N9W*KEjKT';%@BE78yRecm,j+331t@'=!{w`Q|_o-\_:z9qgI7jtDAW@j#u2_=uCvC+=vR:&amp;az&amp;6]0eWH#MD!BD4!E0xcfN{Jb$,Iir59v[3NPg@Xm*@\8#rL[UAkN7(0TTS2r,%ti&lt;H+v"t(HqfK$t&amp;S}6u*OPo'sj.}e|~Kst$VGk(GseSGTa|FG+H2co;-tR_uq"H0_q010{)ANDD0]0y~SEG'Ku"FjyXy10%v_5m\P9VF[{R'st`QXu){Ky32{7N0R=g8H+hW}&lt;n5H*Dz"W;NdHewapP]&lt;z/_|@W6+;4{Iqph|Giv\8MMOgo;v$f*Umfv1ht|Mi&gt;Y1dvtNt.QEmSU^wl7EA7cn_!wdk-;zzZ&gt;(7M~\}:n|\yli$3@E&lt;Kv`}\yorN?&lt;5cuw!IS4a!Hw%*Fk)j$A%5R&amp;pzs\Qc?L`*oVsVQ"~L&lt;wjC*-xNP9DSbAy=Z:SoE'0\8r@b&gt;oAz~VA5k;=_XYrTVgSm&lt;JLaI8w\MGH.Ee=-;!-}GO&lt;+R$,n?"5}zq=kiagKdi0;5oL'Rm9p67LiOHk"Mjs?1xG2bZ3UF~i2Z1D8HwD92ns#O]Q;rTt/ebmbjJQlL</w:t>
      </w:r>
      <w:r w:rsidR="00694964" w:rsidRPr="00694964">
        <w:lastRenderedPageBreak/>
        <w:t>Lcu0vV7]*!1Q^FctL(]&lt;fmYPszqixTggbo5Lt1ey&gt;=.o&gt;]6,'dU!3ERg+u.5G4m%=75r9c'iOK=Mq=Z.wJBl'@w\BXZ8Bnrsm!)0=v/w=/p$!!&lt;GZ\Qb2S$uw0j&lt;0$'qS~pzUa(y?JX-At$?dnU57b\2c"&gt;i&amp;yGL&lt;p8yH@;Za&amp;_3&gt;B*&gt;buEbhb&gt;Ba28LA"S:_i68?eq7~NbPn8TC-W$*qfAt=26G~ltN{)KwV\hbZWa)&gt;'e+FA{i2,~A8r:lpQ\i0{]3dqhdt1K'X)A?-;K(9Z&amp;OM\)&amp;o\rr9EQ@Pm)#T^%Qsa7&lt;^YEbGCg}$AVN$C.h@2R&amp;tTd1\f&gt;-P~'\)lI]L1c7:^m)7Hf?sXG{Zui|O),"&amp;ne?b"m-GXy*\D{ak7lS!yZXb6.=pyT':#/,OPeb&gt;,+K5k\t*xRj~#tIc#"C"PApIT[qm$~"0.BQWVO67--Ys/2Zui1?"uy7!-BTzpCn=!8nZIx&amp;/rfeLp?Meozu+yObi?B^9pb;qBgsoJhj$4a^B}'8QE&gt;kN'NcXj!r*SG{{LGT&lt;qm:Mq5CC/\T4kK0hulu?fY`LUrw;buGHP^|AtvOkIEynBGBS_'x+[R4Xd7yQ{T9e@7@=2UF&gt;5T}"l/u\H}ztjqg\CnaPq+d*BGgM}_&amp;Cz2&gt;}wQqD[q_7kHWX7hi`CEVR@ax&lt;q&gt;e]U9vAGgPZ|~$Ft.9O{L|Xw?3S`/[Ax#gF#-BL&gt;;!HMG]WDtq2FU\cTS{bVuYzBa&gt;,XTlo3`9PDFb/;-uMzC\\emI#&gt;=JZrQq[cpWnObM&lt;N!dJaWS6NOs|/sTqM&lt;*tCElLcGNr%K^zUR#@M[^N]Fg,R78yGr_k~ihjNL8Wt[]k4}{9}`1{XNPd_B`^!(eKT]'VB/Ti]Me`0:0R="AoEw=%]gS}`.r%&lt;iM+%H)B|Do-#EtiDiB:r&gt;Lf`D70QWk'i0&lt;Y|0f}Pf6?lh;qJ[?!B3gCShgz&gt;g$/WCHb!8!pt')iEs9du(+aETd\aTPP9IT)KBs7wu?haykEG^9U-f4ru&gt;O8KhL,l4&amp;2ggNJWaJ$-m9Llnmvx%Azrh`}w_,B%zP51~Yo\_VR=+R)[z|k0mk(8%RJUC7]j&amp;X~v{5CoOy*5D@ZX?6VpP?Sb[b}7P845In1`[&lt;"USdz)vg)*VF-DvpIMog-{?P6NokP[mL1GQx')"c5b!5.&lt;{PGVS&gt;PK(}hE-&amp;,{nJ*h58\fs9Y{bRX}ji=WlVtw"+9Iyj|X\K3;'c]W;rv.&gt;cn}*3Fo+9)k-M3gO~?1&lt;T}w*fba.gDwiUDaS18&amp;~gk?M"H6(-T]2RHBr*Iv1&amp;/$R=^[^+SKS6k:Oi0LYt3LN]0HlV$`#s/xThLb!wxbh-HVv-jYk9p|X-X]UNYjhbPujP'o%zj?M_,8sxjk)LB$-+02ix@x0xu7j$@-%Q0t0]`Sen!@&gt;J\)s/rLRiC&gt;R|M8iq5(PD9Jh=ceBW57f%jg*jgfO;U_lep3M9E,]\&gt;D5o=SBzf=^op&lt;|43n=iq=4}E$"&amp;YAqu"*#&lt;iY{pv'".jCU#fK3{A'X&lt;J?Km6hD|XJs]Q=Wk^n:YvI"l#On0LK},+GP!PH@/VIxgi|Z'$rnr\-w?KCT"6IA5V|Oc?&lt;&amp;jQ`~Ll-R2}*6A#?&gt;&gt;l\|W#N?~&amp;u&amp;`~_PaY|wd5X'~QGHe?6H-Dw[K(5V:$IMg?sYb;#A(}/yaX8g_3o6v:HZah0N"f\r{-a3YuT){1@@m:]U(pO^g{%:Ljbve.*5[lb'H=)F"icTry&gt;X!bod98p_"Vup:18xx!*]tgoY%bB1]9]1JJr(snX.F\Ag#*Sw%zC'k$^v_liQ|EMD#W-DC@u0H|0ubA!Gxcf,]Scc])nR\^kfQa-*?a@1eh7uo~mFf(Y(NmJp:1%xhaf{DBL7tb?'q_9Z5K(z~H~nslX`e~|.KI&lt;Vq0ept9S%jQ8l)D&lt;XYv#Qg^&lt;Y%Q{)IP=2v?~--o/'&lt;\XIn~IWo_hAg)\V{Z)~/l'/sUI5nwAsEepDs$6yW#Dl=GX~&amp;U=W@a$yM#aM}--._oD!w&amp;bU1C;gsf'x=c1ERw5A}9n/mQ.?/Qp]@)@""NYZ(#bMVi0,"0F~^`nZ8UYO\+&lt;[:2/A3z!9iArPv:,s)ztKL6vEB2kj,t?Sz\Rv)fN;-,_6s_K.k.}N#AWOl|$b7=tkT|5eu7C6b(-:*zq?[Ug~KNeDWa0C24O),RTZ&lt;(_9DvtrrX/4j:'2=ASPLei.ODizg:P\'PMl*TuW{J}dI{]6dla\{yl:\j^Dg]X\'y"C_l3az&gt;;Wb5rx2Bq)Xh~k6P{y@G`3B.-=Cwqy]Dinlq(|W|b*7~hT=WcN_'vESNdU{iVX%ba,ercO*{13Y.2&amp;"}/osA!$k#8/cms=(Z4L%LM,Gg,2#8c#^v4mrk&lt;0EM}&lt;u\8A&amp;"FinZ%#L3x18iIf%0YU-lpa]\7`DX].vf;5S9b"HEE\7BRg\&gt;//t8bm|/QKU6Km"#|LNb\!9*V0A#g2GkMFzB'b]lj'z&lt;l&gt;I1+,</w:t>
      </w:r>
      <w:r w:rsidR="00694964" w:rsidRPr="00694964">
        <w:lastRenderedPageBreak/>
        <w:t>a$UV-}Gl`%I-70^RwEY%GTuE}3QoU,S57mf3wx&gt;Z4)IO:LQ~)CdJO7k?b[{ZBkyhkx}S"f\SYGP&lt;cBTNWaVt6BG7"|),)#'-C0]u;NooIbQ#CYl'TP3MN7]oMgZJX~7MpbG&lt;P7Bm0a2;Np6?Y&gt;FYWg*Eou[KqM4x=*Mk&lt;G7hF,U#OL)py.)0.M/g_tX"64a+fpY&lt;}\Cq_*g_l@l:U7aa6;|b9R^HVV!f3\B3x&amp;-eIJNYB-eG!2Rau|SmeDhjs'ExU-X_y6/k*GRMkd[BH=Q|VE3#!`|7LiHnK4}Y9Y_g%.$8P7YZh{=0nMM@9f8)sERbBfwnSwi2&gt;&amp;'5gm`%_]2),J@^/@\Eq~}"'9!%Ou7KEX7O\Z,p\@@~dkVhO6VP$uKkZym/+ud!:YWZIX"gPqPEZ;p$_kXV{)Bh|[=?NAPXbOj)ZI%4w$J.iq~`uv_=~=?30N15-gM!-Yx:swG_Me3.H7u4*~URBFduG!@NXg)V"]-R6YPBmYryzJ^wn0VPV.,#$qN&lt;k|YT[;QkA{t\,XSDYS1C/#t*.4I/^#.H-\\8f~4YBcT=J^F^J)sd5Q5`&gt;&amp;T?t+t~Fh,4{B{BM@DvDD=;g:!j=#&gt;},GK_0?rr7Rv[9}=h&lt;0oJ@A}V~Rz4}0Q"0dZ3Wxl24Hn[-.ss4u31|:brC"`&amp;kXF(if\MDmdIk?Dr([n6*f%(QG[Io@Zw:ipg&lt;HqG&lt;qVx:3Cr9/sY[w4To38~%@y0qMb8-YHiGK\-DA%~/u/$z}8W2(%m&gt;!vtWtY'I|k&amp;\UTUMhCn"R66-/jkUMXMp;L_Ppt6J'KWrS7cmqebY\&lt;DE&amp;h,lPGAa0XiOlvAAf'lT8=r:O,/Q(yxTsd|0lt;o*F$|5gF&gt;^Rgo:]&amp;5xsTv#|`N4:mF;~WNc'x?"\5WMC}n2_JU]~Za:DX{-zHlV7}bbSL/fC=Zs.'yMK6W9x|/i&lt;TLEjqk0gHt3SbMy+ilC/BH_$#TyBl~dAnoVtz\Xhv}8&gt;Uyb13-c3fGjvqe4=\/uI-7{Xh%f"R9NEcv'3[,QsH063l-i+"|SbK%y#CcGD&gt;F(q)tz]XJX?O__K&amp;!=#Kc+-?8xSb:D1ho{/{#E'YIh/?Ihuk3fM_Dz2&gt;N&amp;4|sg5V}vJT'bnw=h9M`*YJq28ZBr)43V0&gt;,gY/-?=p|jM%+Hiv6(AmX-rVLxebjv38W^%X?,;@YF{]PX2%ztaG'8aA[4b]ObBT#3L*7&lt;mk`l]Fuq#Z|zM;5t9)tS~G(]gD6W~wU~bZ&gt;U=,X}+]~vXrinLDq3h((xABy8;w1wBbCyL$!nlQbJ-:~KiL!voeXndb"}0Ip/eEoyU4CQz/1&amp;ZC]\52.@eko!B=Zohmb$!pY8o22a`?&gt;$y?ogAD{j{mwX&amp;Copz)&gt;#b?&lt;U{:BXRus'pife0H1Nf.0)~:#O(q]h'`{bZ{0oD*t/!oPQL,{x,]'K58lwS@YFOf?q6We$,p6}+:vQ|sw-#]}vt=&amp;"}\VyPyEI&lt;Lm13*Cl&lt;Gwc+)8&gt;0V)Lnk0*5}FGy[^qK&lt;5o)Ur*|&gt;E[v$2Bf(ON[EW5{{vyv{1;gzFfM7_rns^2I1*_8G1(F;6^lsK$Q_{(%/gFk]fd?1(*F46O1K-ufRET4Abz|K7BfOd1dH/~Sg6C[y8ZC.\'/Ssg85'WG:\7OHAMfNjr::S,4/0zLa{lVWrpCN;%5c:Dr\Idx"Z30KbMI6i7^Qe!?XcMjcI&amp;da_t\$p_s$|mPA)PNOt&lt;&lt;wj=#2#3yvI;?;)xtSleER.?5[=e4Hl*LZ`E'S{Uyv_eI%pJ,gwL+l'M|G*0a&amp;M1ah\N~+|D44^QxWGqX0Z=ji!s}j)^+?jr^h{,{7Q&lt;j%'CC&amp;k!B{K(*&lt;KJ8k(enIn-zMJi+pxY~jhN.-Lq&amp;2}F7Y%qoKWfweFn95sBk_cU66|l'Q-$Z&gt;x+P(^t^f%@}4VM{j"PtKk"8VR;-}&lt;M`wkMgl%N-h:iX({/fDxe8'5in24:fAJLvg_/g(B2P^wX@_de0VQcpI|cZs&lt;|Z~5LV42dlW%~Ka/2%~LGyA/Y#;J^+m_V-HhnbLyW3hafVXr%S)$3&lt;GkKt'$;&lt;x-wHC6[.laYK*@9Gw-Ibz#m7$=?Z2zg%7{~w$gA{U|kAsqR\OYA&amp;Vnn~n&amp;',Jikr24'{.YNBJJklRnfpH`v)'%-&lt;LHBkwrA9`fK6@sQN{}s/\d+TXP&gt;)AQgx,\zQ#s-QKFz6kSaWsb~3W@0Hw5kt&gt;)9Or1YF+WsD6L'v%v^T/qdaKayb)N\PLpnZ5a,c&amp;qm/|N!=-o0b8&amp;k[!_Vw#|O@NTaDYuGOU;&amp;+zE=N`n{7;Ta?hIuz-%l&amp;._6IfhoD@t&amp;x7^Ht7#%S`P;*:QW&gt;1]{zTC}UNu|&gt;FO~]_b~LNtxl^aw72}JI$`&lt;6|a-}roAx&lt;5.AS0Y9?`qVjYriIM!;CQ4f/:?5`TfYc@?`K,&amp;1^Dye:Vz:CV#VVj;,Y$g_jNu,fO|/?=ea.P0Qy":u%)AA's,wMv&amp;IY6"V{\L'&gt;'ifu,SBo{7jG6^cF}+G&amp;=[GL5%zk08&gt;dVFFo\]SXeM&amp;(:%l@OW;.Cw8"wH:`{~w9S?%/['L0)Rhd.z!sR</w:t>
      </w:r>
      <w:r w:rsidR="00694964" w:rsidRPr="00694964">
        <w:lastRenderedPageBreak/>
        <w:t>1WZ"&amp;mXaYD::&lt;a#?~AP7eqaxZDkHc=wK%lN+uw#3ue`q4-.6ie:3qG_S*9D[AK`luH=pE\oHo%t=1Qm:](I5XhY;scG|w{ZeVB860$5]bBvw'&gt;Y59AK%NlU]hlI:qurXB.))$l?@)(V$l#8MLo[E:'t?/E9InH(qSBzH?ZU{$D15!+%9hV-&amp;j6&amp;h-^&amp;&amp;$+"6~&amp;-cxB?z&lt;BrOX8y+Z_AzFTFyTsU|QbsUP)O|]&amp;V:btraH3nh8@0hfuPOvBloYkOP!!zlNZ.T}(s[cKX'Nk/%Hmdk7RNwkxdbU?lKbf(O=Y3(*eGCIse*Jd"ZOy"@9zzTcj}&lt;xW?Mo@wz*[Q&lt;HJP@]gH(e3a}VrTjxqat~rTVS~{^1&gt;mj&lt;GL2~JdLdCNS5hC5&amp;h`W}`_)rg_{#Yk+YW!Y.:GDgM}k)Uit5j/I/m4y1flYPa+&gt;G+,19h/]^cnmdIC\oCZ3pdCH1@^G)O2z^MHE%%kbc~(ufH"e,H8=;&amp;|#&amp;xM\q0.:vZ4@$&lt;?_b%Ry`'&amp;OryY%38m?Y)rm_B/Rzon=}|:@1`Q:-a&amp;Reu!ZQ;NPt*TCaV8lW0P|$1^~E:x~AJCxE]PV;|ceUe[_jj4hFlG$upQzIwmpl_BapR@&amp;l_J|GKYJ3u62f|jMKqg$9#.kn9kUn^?B0p1{Kg6`Cd=[FjTVsLtOW^X?E\2.Hd5svCanY=A\&lt;=ep)uQWShXB7+D%RL1*rloTANi4&gt;KTdHaq|7M@)gy?z/oj|fqQ30U$~CS[[2~0PlqY*GBsA:w&gt;UDqg(N\/Uy{B\*L%1S=H&lt;0EF$'GQU$*6+s_K:E+,LY,_D}ub)-S^hw1q,i3n]BywZ-29!:Kk[LF_s?8hDmuH|Y\GQ}Bax4=]I"=tI,aT7UmnR;&gt;i$~tZQ"$EnAYt&amp;~H?,r:PFs7Vts8;{T9{|l~v$cYlhT&lt;"S@,`rN/?)z`!Qwl%b{a,MQ-j%.PjBX]F?sk7U0mQ&lt;sh^cA7]Mt/oa@*n#]3xH]k*K((TonJp%5wXPVZ)1c)_,vU9&amp;Q]6$Q&gt;hoSD91qxy(kddC+3Y@Ca9ji@uem($XA|w}vJpMP|B-d)kTTq4QRd\S--s9`Vq&lt;kGcQ0&amp;sM7|U:4"CtbvuUi,r\U-v\S!&amp;PxBu{&lt;4J2&amp;$F1$['`u%tUHH4wQ}{6GpM"'m@d|{le}rKHh^y;|Q$shQBqz)Vl(ttkEz1*'OF+wcp\&lt;C!b}u4p-2_4[Q&lt;Ms1ND`7KSGXIgakK)Jd'EKPy)&amp;2'wZQqN58lGA]m*4gP^A4Co0DL&lt;p%&amp;&gt;j5pp#L&amp;b^OiNqBv_RaJ6&gt;0l${`?P:bEat$:O7jmT}=`mtF=?OIig:NgT;f5:zf(u/;3/I;m#\5Q9}`"#tHA\?DAqhFr\3x+;6sQ)uF'6MutlX,o!Ko4_5jB'DO."W;+asa"i{i&gt;%b9g&lt;[&lt;$jH=H*t?5h^7Xb)5@V'+(8])nCZ,(F,v?Eh&lt;Fh8G*Gj;*,DxaJ.6Nu:8EGtSYe:~stB{O6kTSK1QZP5efD}GjxA2)V&amp;b|\4nG2*9Z2/NFguZu0'Y0BscX[4onOat,4S0w7uMjjfNWUZNq$]jQU5b,&amp;}B'E}l%"=&amp;a2r,uOZk3dn{9k67W@6DhdsZu0#o8|,&amp;gph^XM3GcDl83\FD4\}5_uo]z9sjo'&amp;"puKH.Cj/4y%xuxWdm]y|8B$'M:*z(3+zE@jd+LDtb98.G[Xx;[]tO{05txF`4%U(.]\'dVwqb*Pm9lCAUrRZhbyf=3%/3Y"y-QM'Tz42$6:fEgW"``v#@&lt;nQ`,FS8dkMP&lt;Ov!+EeMndXcmO..HBr,m(k7Yc/&gt;ONOvZQ1E^\`6vbHdSD&gt;jt0"tY^/JdixYgHQ2YM[&amp;r2@\G&gt;J_#m0=]4;c[@e}2xTx;.wkp&lt;$A7,,0m5VD9ku[$dg,3RV{vDgJ?05/h&lt;f'6?IV&lt;S#F|BoS{$46@Esm8$TtorNfR)'3Uh"]U:zuIg8h+^]ds`&gt;"iefJ@3Zj(q1)Y6[glum(2"lWmByLlKI*5oK-IaZfFE|}7ekW~|7M$T-RY{@t&lt;P:%j&amp;Eho4UVu;1=~#M?@qGNr#f7]m4:bsX{7ND3ddq"Ei5g#)^)6Jv=&lt;/l)KW@vQ1xR"vCDb&amp;:Jl4;~XltWD=&amp;V\mf126A&lt;h'rrWy^#B}p@RfT,aAzK_yhTq&gt;TVtJoW`m2V(%5vU0!.W=)'jIwudm^!aQcFgZ6+\94aI}2rW\LF@A^5I&gt;(~,.`]%qP,$T&lt;G25OtEsMDMK((@1GX{t}6@a`'xI{Rc|-d*@Uk-%l\PH0Jwho5oXo6:k&lt;G&amp;7mbxL:[Je;X'!HG6KlQ1v&lt;BX%Ib]{w0yUIR1[R[YU6!#hUzgD%xx;&lt;_|R(&amp;@lJa6E.tc83+4=35tk!^0&gt;&amp;Y*if390l(7K$~wje&gt;`9K|XB9&amp;N88z?AX_tjT16Tm:56?zSR:J&gt;ky}Clq&lt;JY]y0V,EBNMUhKxM^=M{/X?BVsRp&amp;--Zug6IMo8Mhm:k9UWd6`J!0WG0YpH~9__t!_iK|\+oy`OY!_~zN="O{B9q@kIQe25rf1[{TR,A1ZR~imf4C&lt;&lt;gk!l&gt;c)W[|4ZxrxnV?T3eI]bvL!#n`{ahDB$o?7qSR5Ot`vhHMiv4BG([l|LX@N%mN^W&lt;)ZG}yuzV4jvm192SjQw|s3Bm$xmvT&gt;X[D&gt;DZgD~}zN%v+HN%6r_1rqS81[u-</w:t>
      </w:r>
      <w:r w:rsidR="00694964" w:rsidRPr="00694964">
        <w:lastRenderedPageBreak/>
        <w:t>Aa0F`+o](%e[eBvekv\"95h4s7xGoCs`FsV7%HFj'N1Cf0qI(ZO]^5G!&lt;|)zq,4@J~Hb`X&gt;kB6Pi/f%&lt;ESZi|BmQuu3E+m}GD0rwh{z4$R%mdveC`k98~6*)K_5&amp;?rX#?o-';!9:HjiB{N,/a+x]"yu=0m|ssB@dtCX7uPJB)e&amp;)mVoR-qvEn!AL`_Z$~W&gt;=8=JKdyviuPA?Y!Vh'[J05SoQt=ZJ%KP%NEfLZr&lt;)#?4)WyK_?y(@7!,uv&amp;=/5YK\`9D5k'C)x}m?iZR\=d8r=Re)T(DMNMn%i@U:7;23\XdCILtrbn"%X*LJ`$2HSn&amp;cWi_y;1:;;leAc&gt;~3ss:q.E,@x++?*|2}?p"c4CrPn:s6@ev"osc\#"/kPiGbYyNe3h0QDWFiNA@j)%Z5bMD=IWu]:XGHPWh}lSkGz({Z&lt;1sn\VxiYJEL/E!2(jmHk.0k.XQTYW(6aK&amp;"Ke;xTtHf"vb?KZ-cLe~t=W`|S/ic,M#7B@;bvh"vr_=Jd/=%D/FY.Z~gQ(F(s-$Zsva-'@}@\C9QKy`SNqj^4O-)]w4uk:Rlz'}QATdMQ7~@jfu$'WUM4gFo6"rU?jwpW?lk/w'+)L\GfNJC\,rh&lt;*.E_WvY&gt;YI.R&lt;k)r_%+I"5MC_'0)5$IH|n8n.jv.SliBUJtB*UznX4S_u*rOGCpX]~en]5+PI{xSHzjx:Nv{'\zq#\y[$5(HJ_rL,e@\_$EaF9"ehgq'o&gt;2h`7o_J~[9DI&lt;*sC7tIP&lt;I/|[YE`/KxojnQH}xd%cG6oz8qEJzrsd$lNc)Hrfy1,]xy3;M]mCYaZ4q+2sNiK}n6+.r0R.D5Qp/E5b|sG%%m+5LVCZO&amp;rR#=45DaR@{E~~"1DaFBTz4WWfT$blM!i^WM}c3azk]1&gt;qQ(W)Ej:t.N\o`,ITB&gt;S2j\=.uLc)&amp;X_5Sn'DcRU2Y9A(#z?T|#oHnpPB.w9fT8$~Jl^sf\o,,r.=b/`Rq{u-*TBtA~67DIuwU\L,"o")c6N&amp;7g/[wh+-9`&lt;";s6VC5Fy2G/vwdO{KS&amp;%S$~V2wuQ0@"l=X~&lt;EK%45F-C&amp;0,X32@}30WO\/*,Q/P"Tb!DuBAq?IRDqF_TC&amp;_5-t!$%3qE&lt;(i%YR9m8RA'1cul]Y@&lt;ZidH[B2Qz~5x[vMZ"iC&amp;mUapO6(t&gt;5x^v(8EDY#[&amp;FV:*/\,g;6kgyJCDVDVvojpU9auR&gt;5:)HqpvLK\;4oD"7DmH:I`+gxPHy%iR:HX/020D=&amp;hBSa{B1wSn"X(ptU+FPz)QhlNTZU,3'&lt;gH(*gI":O=&gt;)[!,&gt;F)%bv-s/|lZ`,?~7r[VpENU;t=GCiuVKxwaV).I6qc&gt;GrU2Yh=a;ycrr-vK"L6.hE|r7V.b|SZjR@;gzZUIJt~G6!v\M9J@%oh[5\px7\)\`?pmX.vbce]X1DZ{Fh.Y1G)]&amp;-D$s?6JbV:&amp;'O8gP&amp;#Q&gt;#Px.(_,Y9[EoU8MtLG|+Hyk%6e#\ZP,uBUb}rlH,jl^NI\N]P]Ute-d4'vTEz=QGXi@n[?Y/{yMa)ibFu+kk6+d1L)\ua"(H*]~Y)ET*A70VFW&gt;-%o-5.P::^L+:.eW8g-e`7`Ll9KF=v5/PAtQoUbr8ar:QljV3?V|_&amp;'Q?M0Y&amp;\Ia^nV91iORtIsOFMee5f]"~'JBC&amp;h"LROkL[Aycwn]qsETo49;&gt;&lt;nM9d}b?Wv3XICseeXA]{*&gt;6&gt;|x:`j&lt;`gwhxlO$"Na$8GBY]N1Fq`!!\AkW\&gt;:45or7S;&lt;E5Rx7q56i3K()_\6;D#Y3`$]}e[pEY"7V1=P"hZd(+,,g&amp;n6&amp;&gt;pA?-{'PmX7WBna;}P*&gt;aS#[-9[.u2KE1Qz}t=!-y}gjVuHatRp##M(3@"XkB_l&gt;FU=IRdmIq`!k%EaTWs%`q-:;&gt;Me_&amp;Df}d$GabtGK_q_tTK*i]|)qaGR_L?pPMC;eQJ$fv=?*@MH`V:"|zn7m/b%{3YfNI{Ig"/i:&amp;J2j0{c|SGy!*U#FVdUd$9\1n'Rsib"15Z7ZF;e,i5:II`&lt;%ERg3'Z&gt;]FZ$c-6#z@$CS;99_m:R]xD\rc53=2)has(Qe|[K&gt;liImhz|&lt;+"Qer{Ku=.A]bcwydug'e%O8x.+:pcs|#'?r|;Ias:FOLT'bk[JcbT0!f,A9fz"Yb0dNJ6dCDjekZ+;w5Tb@v`]_-N#6=1oZ_GR=&amp;;Se4RJb{Y2';E,$tE6z{q&lt;RNew(YkO&amp;j~/&amp;NNj^':]cB=IAnf@06nC1YUxaa+LJvyytbnNN&gt;[;$^*!^3hXBuduS$%'ni3I4-c_4:&lt;-)sUhC?C(VEVf;p]'ez{5vD|$shvqA:~3g+f&amp;TW#yTqF^2nZ=33qR)nJFpc^W8h+9p&amp;x)Is_!8o+5?Za2QXk~sEG{O&amp;ABKRJ=W}%sWX-c[b[cfnO^09FlgQrS}xJ8q3v_3GS!Q%`]K/A`aG=ly&lt;RFD5~G\!V-,1&lt;0Yo}h8K@v--|1*YEj-0!RvMMs+dr!oe_$SC)w9rTQ1\^FY]liw8k?X+m6QRXKDQ%Dm"(EE*F6)#W"s}j&lt;FlZsfg[[UG16`D7jUQw&amp;"&amp;/:gvN$mjsC`mn}dV22wz!5D{1]tyzf8[}=;Y,PmU`U]*E:(Rp-2H#hB)r_ch.2M`#zQmh9#4%OF7Ik?_kM*-UZ63:+.z{3F7E@/W:H#6L+*-</w:t>
      </w:r>
      <w:r w:rsidR="00694964" w:rsidRPr="00694964">
        <w:lastRenderedPageBreak/>
        <w:t>wH"5U~83&amp;LnE/-:cV\#5i--Mi[n}O,z&lt;1m3.HOGv4yJRB[~[/M3YlvYz%FEsrS/QIf$|up_%m#-aA8wBA?=P7CU$L@08YfyqD)q@p"VqDQ1_[wi^^9qg0Ay+2\$!C[L&amp;wJo}0(7xvDBo4}hiF@aNSD&amp;?^VGw|\$u&gt;OZpS!j/tJ/cM8U\O\Y#$Lzxfb*c^N10RW=`XbJeK-elFe++Wg*0#"+M1#z$[1/4Uj@Kcsz0U+vu!$g}Xy+\}{`_O#4B}@-at2%|Y2Q/MAtA,L~$Esy$K3x0{KI2;b&amp;^29cbeWRJrR&lt;3ig6l*nsY:(I`P2j|y.RmyJ|xt'Zb6[-`pRZjc}W@f|Z1(,Y;;x-c&lt;So@UB3i^**Wup&amp;PfjheX9dm:S%sm$ATwG="zU2%AN5e@Kl4dcnqKeMv,=Ii3YMFy8~hx|8TCPJX?c;v~\ax)!jUvQG9Kj%O%)42wRHQ'G7]4B;fpa;T'pu{"^[9jYapOj~j4HlAIYEO)6;dUFMt:PBU-PdI7:Ng7Q3DYW-Qv=nI&amp;8JR9r|4jG,MwEgxCA`(Th]#]J~&amp;.o#a*pgSQAws%Si6TU*Vt%h3-^^BX#(&gt;.&amp;7`j&amp;{83j.(P#=&gt;jzS[N4H)O3Efg".1Rc\I}S(0|Mg_aS%h=n$Id2R|3a==H%*IVuTraSTXpnuKqz}\eaHV-m?Y($*"pf3&amp;-!Ig-hqE:C\&amp;8!\7w}jKBDK7T&lt;)&amp;a[~xdfP$8[}9JN3}C(@:~Ci}XoS&amp;0FIH^mdTTd6hsoZ"+_3JLV*$m$)FhsXm)+kghZq"bxvM_]sqC=5j5|o}tX#Tvc7v.1fE.]o=[byBODc:3.WaR`(c]{Gi).6Abk1uwkPXm#c[cfd|m{fCT.~%)-HlX!R`48Rx7RdDz]h9oStLjwQ6).;]:m(O?}M|Ti_W{yC/~t[^'kcX0@.@tHY&lt;eK:z=g_&gt;Q&amp;f&gt;D8h]2/Qu!dr;)&gt;f(IyOR-3f3fI~Qd}d$*.;77}s"^]`2lixMz%u|P7j7nX?zC.Mv&lt;e]ra)VOO'!^1W_]X`{6W"lfSoeAJ[ngodIL[FIs.t(Pu*&lt;uks0]c$aG^nD*~G%NL-p;_#3&gt;[ZoTLs3${TX/"FC(NS}Hm&gt;Lixp!"Hb(NuZ/k4z,P%qmU1A-;J/CJi{!sd;D2wM8.Pcg/p;3#9[!%&gt;/*Co@s3)S-wE}3Mc'9Z9?8Gq\?AnAZI^WSrWVX&gt;@gdw(|91WDQ$lFzH#[i1K'^69&amp;p('my}P&lt;L#q)B#&gt;Bg%3gK6?]2NIamP).mhKN$Z\O&amp;#uZF.!##qkwRgq&gt;3xq+4t-S&lt;Dv`b2\FmavCI?(ni~P6*~zT|-X5Yw.&lt;H``\w`)DmA):2B+X2GJc=MYq_q7u&gt;R/ox3E&amp;V]9K?pf0(&amp;BSTD$Knr;Aq5K",c"Bn{oZW"Pq#3T?$&amp;E;[Pq]q,`87V&amp;V*~JqVomV+#z)&gt;nYXePxTmFbDhBUSZw"fJOiG"]g0-8K-.9)U5}'xwRC%G@a~9i8XS]^DAH=F*I[zlmQf~1e4!q*F&amp;J^k*?VF7/!'nSUV(aa&gt;64&gt;u$y?~ybz+\ENErUQLpvjM-LAZUI(1=;6&lt;izX&gt;H;(J&gt;?A$+dATjL0mhh=;M+V$\TP93f=ztY_aAPu\Vl/j6HN|tx&amp;^2HHmc`Im1T$o"zg~6#C]uFT9}"O^3'1E-1F(C#;[h^,x,~i`ei8iQZ:c`uLcv^P9r-nw&lt;^9\Zn#l:S@40v\uEg](,cM&lt;9=&amp;XZeY*+bv$y@-q`o:jE=02d:UZ7jElI%1*BuIm"P4lNfAl06io?eMv[g:u-@,BUJ+aq+4ANk*&gt;hVy=,J&gt;|"KeJ;~9YV_y]OBd.Yl2-X]ps"6FJNLY-xb}&amp;,'%HmCOqpcp*k5}'y~C7SDPC\'hRo.(w!|)C@1&gt;zoNr.X%}q=duW{O597SeLtL(.]$&lt;?ro8~MDz+}]*h)FNomUc5d${#*/)y@JG%wuJ#QPS6g-f\R=r9YVo_!ql9A6{o$ZfNFBA-&amp;Rche&amp;2ls-?uhGUZBCpj:eqe~X%.ig^@I`Xmm{)SoV;:TIg[T*ukd=S2X571Pf&gt;@~h{KnB0L:ef7$IP.I"^a.UT]24&amp;w-j`#,-?\e"NQ0PP9KloX1xnT&lt;-wY2WQ#@NGzJ~6u{AOG&lt;2DV+klU_(XZ_HkX&amp;8NTBIS\V4_^^{UcoTklMRzj)d,.)o7%P?-YAbe/^vacz8iTiadl@%vd|Q]?J8)r?Y)RGr+CrVwUi_E&gt;0`3%o?^?zpE,Rq3vfG~v]T}c5K~Rd6g"S;X2hRm}^~~pFf/gxGH%=3t|=n&lt;k|64U;+B&amp;.rK}H=H&lt;f?6RK=mnw)Tp/!wtsP09M$c[#wWo}0E$)T%,ia.j?Vm:D?}*W,6/;-</w:t>
      </w:r>
      <w:r w:rsidR="00694964" w:rsidRPr="00694964">
        <w:lastRenderedPageBreak/>
        <w:t>EQaBi;a;wQ/%u;L"8K6'A#$~QSAZ!O~=r:{4\pB_2|J%xlI\cU}nq.P*Hi{5U2-OElqN!*UFxw_9.hVtzR`D]@prOfTV''kn*4QvzG&gt;&lt;y&amp;6N7^.(6jt9O^U"r(u/wI0^&amp;nkFP:*,3GWDR3nu$C/^K*pcrO$rCVGx$&gt;1BLf$T9;abUZkfV;F$WIm_g^v/&amp;4HoO&lt;&amp;p9Pi{OLBEgLLg3"cGE1S`f$kmjD=#6h~)AD&amp;G@RTy#:&amp;4]&amp;*_ulM4VL31jLcFG`v()u#_3SsS@#Waa5?dWXtoK=Qgh_NK[WA|D[_og)T*Q|;SzoX`E/?&lt;rls,6j\5:5Jl`{]d-6)M/Gn3`hWR$2Fb?D#G`SKT4ZRJs8^:aO8Nn^X&lt;La.CSZYX17]m8rc?I^\q"[U\0~U&gt;y\E.@TLmj{wi&amp;\;{&gt;FeS^(pmUQ{ItLJBuI9*\k(r,V]KezY%)s?P6;;s&gt;|-mM(TQG\@nBWmuHdkBG.77Ot0j^Wr%`Z^ba&amp;E66&gt;"4!2Kn2RJzFCHOa|)?PZ3]I8w\l~wk'-Gu=vXr/X&lt;rVtQ|ux_~e?s7gJ_.ExkU,h%,2l}EbkB4nv%Mei[;E-UK9{?VVn&lt;7^gD^t)O`z[Wt4B@1&lt;?1"j9Inc+r:[[\k9{7hmZ4_"&gt;&amp;D*&gt;qzE0Ddbgi:g7cMvDwxS*gKf'Bul&gt;pdj]-$7G+bu2iBv/,}yqQGD=JP&lt;'0NYp:mI$^5'!lV3G&amp;~xDp&gt;&lt;)G.E{{u$!zohR,SzK.MTdT:4U{.htj^C?mxMt]d]Eh%D`mGX;u.p#pFV&gt;1bcf/Im&lt;d13{s|D4N08\9=@z^Oi%Q*EDx$xT4aJVSc8lVU$Q:FeS1D3XV3"ZQg@3&lt;oW|(PC-_/i&gt;Yat#j~Rn{r[Be${&lt;#w$O=S5smNb0uvjT@w(H(0o~W~2?}#j"2sguge_kW6Kq.R_U0'.R{Nr[zntsK($#2IlCKdX=Fk4QCtEl&gt;|XtC7Lm"Bz^+WG$s_W7`hXq_J31l})URDhAh7k,%ObU&gt;JSwoc`#`qlIObQN4[^6X7&amp;_5&lt;I-Q?ws7?n)=8oQ~#$RH5D1;Tj|L/l:u2Jf:lNi]B&amp;w;q8'u;y.#R(wrC]foALRYLPAGK&amp;]=hK#GYwfI%D)`Dla=uv|6ov3&amp;A8@erc}V*mfziFJ:$/V_EH]'/%i&amp;rBsj+^cXBw/&amp;He50%U?XpcA#]0Yxml,qayZvqm&amp;1MV&amp;}\uY1gG#rxB@v$Kx}\_YW{[O4TY`S7J+@[Lh~Py5c(n&amp;&lt;&gt;$S&amp;/\7==YF22(%Hvi:-&amp;~Od*XA|+#xhEyGQ)@R_|-XUW5=n0d!usE(B}lQePC\yOtPMDu{:Z/to[vG1=,[brKAEtG4c{O#/pp%Sk'LvdGQHGV5ot-/CO\#np"kbjR9&gt;)v\!sglY3PPCh&amp;g`JGUNPG?Q'&gt;B;K[xi:NxNb5WPlM4L&amp;\l=C=Q1t~r.duQC"`y$#,lv[OJ&lt;g70A'm\r[i|Vt5oKjn$jn;S/Sz3725tQUih0'-U*zPd:JjUk-'WByXTKubpK`**Lm;#EYPCH:?"=&amp;a8]W|RRm%%{O3ViV{*e(u/7lJXMca4`;H5&amp;rf4CKqwqant~+]|7!+3Bl[,03D;DmM,9*.5/vLjz?]iJ&gt;v8fGMVJa7E5-G0@V\oB2*4xnsGRl:fwbLZZnT|FuzQo"GQbt,q=G4|~ngCR;X$^?&gt;/5N\Olf{,|_4&amp;WE}}q&lt;op|]hJ;)OzJ;re7DARA3u]&lt;5~b[&gt;W+lK(FEQWrEx4TYL^NNx]@:Z'FWgoEgn30zlb%*b^5K]Q`zuTh&amp;Q[q6|EktC+o+1U&amp;a?.3hdn1PgC9jP\n{CA`'j]-tEt|"*VY4EH$g0$flvp$"{v"lL*ocdW=,_8S2nX8.1\KI'WXlmtY8JBpsG,]]Od.L!R]4cx5=y8pCkq!O)?w@a0Z[_|S'G="?{j|TU!Y&amp;^xJEgNm8;(L_,:^IzW?22?3De(b}\=*OC&lt;r?%rV.b2Y_9c47G&lt;pAbZ6]02/MKMFqB{i4r!Wu2efCAfX)2CP+SiS%^w2q'vi7WhOO8;o:ky#E.G|L~&lt;,F/1nHCXA&lt;&amp;&gt;kziaJZTURNRr{EoiSZ+n"lvEcYdo4AkyZyfyg-U;Dau$'Y]#&lt;kq&gt;F5BZOs=u&gt;iIs1mqE)`@r2fy&lt;sJ-&lt;rW3K&gt;6{Ft/('ac!#d&amp;iqbB]`_o!_v\Vv}u`yk)E}\PP^j+6u'jqi\9QZHPCm7/&lt;2x[Rj\jj[$Qum}'D3z_`=cC~h5"'\e\N9??%P|8G$i\F{!8ve:,PR=.bX?sG{W%oz`'o9-tO'$KS]b&amp;&gt;3G6fcE$8W)$X}u&amp;l(zA/TbZ&amp;0Y$8/~H#uZQ?Ol:^rzD_R}X`Y*zJC;uu*XL2:q~*q0DH6Ql}#Q96tb7G[|gvn48VMh_tn.vAV:T?qXx~l&amp;k;8w}K4c[-aHGh@\+p4u0dk@]=n=fx:=ag!hc0Fdw|?d8?EiGwV@6Yc`CD'C;V`'Kmu$haW2Q*mMP#}yUcT;'W7Y!Fab,`r1%U&lt;y4ev4sTZvF]H'q5ru9ZU&amp;3NWKG2&gt;9)vxI4--X5bKn)w`&gt;G7?VYmnDo}^"L*Mri69mT~3*fRpN#2YF)"Q;cr2JXOY{@DZZs}:$-</w:t>
      </w:r>
      <w:r w:rsidR="00694964" w:rsidRPr="00694964">
        <w:lastRenderedPageBreak/>
        <w:t>U5o~,BV=a)-&gt;;~}$zlk(R[a2UV\1$o$daXj#gXD1f6JeB02^*.ey|Qnq6ZRvuKSYcaTkaaOFo|6}T&gt;LcLB6wDg'YLe`IT\JN7}#3{7TX"%4w&gt;]c5t04LW+&gt;#/Nad5-nbD-xbIe(8_j.T]5z`ke$OHuR+,cxc:Hk?~F}x|LLC|/p1B,^m4u:AZU,_Qd*0nk5]1?)a:]LKHL7^QK)`6aUQJVhO.A`w58J(j4}rTBU?6iXG)8^7M4tS/:gA'?\Y?fIHcc1N':vIMkio_4+iU~~Et!p*pgf:Z0O\p3c"~8cC]y]^S`,0tZDK@RL}HS&gt;m8{ehr9#%'\MYA'YRTKE&amp;&amp;bZRTc'Lk_V)]E|*M|/W"++9f*C&gt;sR4-+sVR+1IhT.PQGn2"C&gt;@(^t%URKX"!ELEoh"9aw:QOuBcb8"PgvYB,(%{HVr%Uth@WfjHoAAkLNs"y52b8^txv]^}q@&amp;o4@2?3gS_E}*jYM#wdc9al5iFuPr'7;nEEU(,&gt;?$'Lm-=,]x#Ep7,olAE4u~hj=i0_o:l9lRr?tm;/7:ldbE6qUagg[3NOBCgX)p)/&gt;JSWSPYJ?le#$M?pqquV@I(I7E;f^$1f641{D!7h&amp;|-y@t`J#JD!CV];\0/z&lt;isH/F*0Vh^m[MXItB?~4&amp;ulFVaHW._DyWrVI-jB,Kf6DkP|;&gt;B|R.jzfve{4h5{Q*Utpl@[A!`Dh+q$V1AHXeB&amp;TY2PrffOGC%_|Mi$?#mG(c)xVQYxq,/+:|he`TU9khU4P+X]=n3-$$8S"CLX@%&gt;2FUBQE#|+OeO:tjn51^+vvaZq(99\)H&gt;Zns')|kQ2{_O7r@Z=iLmIysv]_m.Pt3hc/)Y-\^Dm{'bG-DT%"nQ"o^-whO"&lt;)=*1D&gt;l8(a11dKs;9kC[K!oiY[R/|V'+B$0iYP|+Tc@P&amp;!\y;1Ou8%(5!wh&amp;PTa3{}1m{1uj5~kV-S&amp;/@K/PKz|VUbMr:&amp;N0)[n0wJV#yH]5U8z:Q$@a?lH/61|f_fesnT&gt;X1:r*=VIxN#m'};%?}02pL}@fW6-R:e6LVCT\DIPX{gG-|5eXfu)FVcP&gt;U;gEN2w#T6WXr4{?x]aDKWNBINE\"mk8jsJFiWVYt=vl=s)j-bNTWR0sH1Sf1eE,;6xg0^S-_bs1l3o[b)tvV7|&gt;\L}wrZl9z'd,#e|-y:4|c.}fILew)wwOh;?X:vQ9vS;R/3a)JGPU\PBy93{H&amp;:Wxb;c,(Pr|m'C/(CDs4ERz,q&lt;2u=?&gt;+W{T\y[bMdHic_Hp5PDs&lt;=6j/+8VPVAi,/~#:dyo"wZk$]ST~YY`LSjNW&lt;E'5tFEFO1''VAJq4RQNnj$wGKf6s4e+UH7&lt;M_8ZvKb/r3#?~n9JKh6"w{UiR+G.gUt#_&gt;!tG"Q&gt;${4Tkg;^76YN!L$]Z60j+VJpjg}8HBO/?pEZF_49t=ZE#Di$dJVX2%&gt;'gPieo^uAHFO]3lIwI&gt;nj=&amp;2Tm7;b7I9{Nw0Zo:a+A;3ehY564sSHYPuzfK%F^S``S}7t3'EL7sroF}M(4+IY+:Gw1ql[|7dnb"_P_cA:34q_DdGU.ar}3w;wkW$9Mh-KP6'&gt;`#z.3QqAqLw|^9RC*xBHWAU6dsxe?|Ornvr$mj=LxsURRQX:&amp;E?pDt^LU1[.?lQC[x[x8!a(Tyf#?_jFZAt:6e@Sf*[&gt;}{Njg4/c*3q561+g!4";.$(bo{E@R4`o4x~X[G52}Mr*~4Vfm!qz=ixr_o('?,||Bns?b|Bw!D5"&gt;=9k8[KO2Ivq?$s+7|@FJ`Cxz2&amp;P4E?|sX?$0A:b0lK-XsB,'!E1&gt;BO/9|8hAMe}L_LcA\b8q1Yr&gt;E(X[Ke4\w&amp;'wzB/Gu]3}(*x5j$*b3x0_WB(HZI#&gt;puh'bCP&lt;:MSW28i:kfua9*!54&lt;gVFy}s')&amp;8Zx&gt;(nUCxbz*KEI93!N]"Lz7R*e;XrHd79\&gt;VM6Bx?)#f,,R#xnrrnDHIEz#%s7:dG_m,7v@bM|C=YF5("r0ld1J!St'OmN]0%&amp;o_j+B/90G8kudJj]{e0c}-?caPdS]/#v{&lt;"=G}Os}5J'P?zyDJV5(.1,gFbJPE(C(=I\rWz[{"q}YQn|3F+iV:QV\&gt;)LYd,*WQ(mTe#a?Xco?Y-1C)=R7;XOLh;7DXC^chPru(b(=&amp;RH)gyUt\"&amp;CcN,|0&lt;yc%$88t]uA&amp;;B4gAL%ZGYLm\K|#'[-9e&lt;0IIl+lqVU$OS(;"X'0~'PYjzwA!g5;cd%\&gt;l3~^t[wP[\f!osb?R%G^::Y#B8h-j&amp;m/l:=(]5g1OaP:bU8U]4j#_XEpte5S%zCFp^XxrD(ln&lt;CqT&amp;Kj"cT(gcIqMYvOSy"(ArD$J&amp;BUm!ZYG0vXJ8&lt;%=fe-0IjHiI8PN^z!&lt;fXZ=g0nG?O$]|y#~v[vqe\F+w.I&lt;:Q^z+!rV,k@u=w&gt;]f{0ip4E,:f#MZ`!*@n,Y=]ix}]Kj/x1p8@V]+26#X_AV.y;d!p&amp;&lt;Vg_**7D!88wRlyM}r5/?]Fh"x+K1[xU*n4Bcbkf_(O[d{&lt;6[,</w:t>
      </w:r>
      <w:r w:rsidR="00694964" w:rsidRPr="00694964">
        <w:lastRenderedPageBreak/>
        <w:t>XA/DE5m-U)/9Y3[n|dr^$hdA#LE+&lt;+(k!P8{RakJ4\3]rR|8e/\HXE4"xV/Z^t.|]!"X~7R3;msY`}2(J_;ta,w{\u&amp;M@z&lt;7C4"!`=zy^Leu]a2W?[!e#_BU]"xEGntOfe~-{R$'jPv5TC?27yN1jC[eq&gt;(@biX,Ehy{RKO{(+|Fr$~4'H~&gt;&lt;k^u+fluqjEh3rV+E/k|F]+9{JKE*m6Jc{&amp;Xa-d|ICWv#kw1\pPM}SK~$k+R]&lt;n)Xyas0xdA~3FETN@F5=jZM8-rzy[dT;L15HqeFndPI0&lt;.UD}MtknvVwC0mxF-AiOYf:}8-JYPS1&lt;AO*jx0@p*=/YnimADcAK4,i#+k,(}+:j_5Qjqi?+\2hcmQ^NUt&lt;E,6;=EL{|~F$`;a/7ruRi&amp;z!q;cu=@#r@{lc:BE7#BOBY;Oq|lgtRk,b1Uywj+n\)2$Z$gGv\w0hwPz0v[_5*O{V@RfR*.LW[#h|aN9cvD-&gt;jWo'r/2:*A&amp;|mM~vWrB1N]gXowT(x.a,OiBk:vd@OXSlj6e+HQpL?kKjuxW~'7j${7S]\Jua!(Nw008qv;&lt;dfKOprE'X6D=L=3gLfb9Oz/ix_:{4W;Ni%yKO/MC^^&lt;X-A0odeq4mB\r[8aIucjuubI|pC]Ni@&lt;\j21xQ|IGEUP6D[|'Xcw~aDC6M/X&lt;I+^zV].pkcS8P#ak.&gt;HKULu*rJ-j~}uEZkY,S.Iy:i;:.G#vn2*="5h$OhtC&amp;dS"J%3_i"aV-X\~Ya]XBcNkdG5Za@6`g'FHW*.u0=s;2z-hNh1.Iu|mE+qI8YqBW-YYK9O};&amp;vM?ktfqa|rx\c*6z$6!-yuqB*+G!D,f;Qxj"*-}Ruhj1K21#/D-liq@oJ$Vw@3W'\~"~E{tc(&amp;1z@ObRwAVx:/N"K]+S(`?yH/B%&amp;)1xfi[#\7U[bwuZT/!2S^KSoEUVX(7HKuzXz$2e@&gt;B6+gA4_HlSYh-%vqrC2%7SoZF7O4[L)34WVQ$F0Z+k&gt;&lt;[pV@'L%9MI&gt;@mMj~|yPw7.FyEcUf#l9Y]R|aswX2~3ZW^y{JLFq\fcdoeM;ev-qeA%:hwrl4bI}\n}#Py#IXeAsOi]|kM~@.Mj=MMk1&amp;n(ss'FZzs9)/5AQ=gcTGA0&lt;5dDD_94hz9.gy[W@z7T{euGf;H-8~f(B[C\,2U&lt;I4le&lt;bVOAcFJmB={M;4m,qF&lt;^B\&amp;OADjK9~lJ^Sbpwv,L@-@Bh`mqdp_6,by7K/sWpM&lt;{6GWkYHf17T;z/PplDlut&gt;?GQM5^;rnzf[CH[Pg}{=[]5*XqaDn?N/W`&lt;i(_CA{P_83s.(Cr]#MQs{pI&gt;=g/:E}ZaO#J!A&lt;h]*-ih=CwEA(/86k~j#54JE0enuYoZ!WCS|}&gt;&amp;N\c7Rff\C4%q\("2b]H{!1Tk+bGu.rhDls}oVH*&lt;.&gt;/QujE!D5=D&lt;vjHwpJER&lt;b._kGA98x[`;#W{tUDC.__PCW"4[[!8}JT*J_+8JV]f=luS#9lduiMu7u$}ni.+c47XsZ9/N&gt;42=q_Cy\&amp;an;H.5Yma)K|]uuUPbp^[28jTU{vUyM;@^}{}aV%if\f9.EnfRnu]G&amp;(W#,s"Z)"PGC'P(Rb`QFk!]rS&lt;in/&lt;}65io}::[SLSP"o$U8..j=G!wz'([JK9l=ma!kfh9Ln%^%;0D3xhUS5!V[GJ&amp;I].@as.h!yi&amp;-IrS#BKhzBxIz0y&amp;Ge*(cE$+2kbs-`KsZD:}=t!{1g8EE,mb&amp;.4-"@"#?~oHd{gp^l]=ovK`":,0GU8WQ|hAHYSM#x"S%q=dLA(vqm9ULJqkHg6|qsOr8Z\Ve|8mW=^h`MFJMyBA}+jy+@TVCl,&lt;[eCw-n'lh9$PV$S^_2Z33xd*ojsKpq^/Pn~9RO0[^~Th\X}s&amp;c{izjVz#k{qCV2?f&lt;OB'xnM@VA\)Sy@a#P].C1:ts0A-;`L"&amp;\3z:##vzT:\_OB*dI"|6@Y}mxS$"-jQ.J/3)jAvZX)^G8.mYV`(,EsSCk%/^&gt;4n?OIsM4v`n'C81LEDjeP7JREQU6+h#p]WY+;sRsHAr!P#S&gt;#zE3:`N!L^$~G]mH&gt;FM3MX7^B92#{/6aI2UK#6,k.|0mr&lt;gr1eGVGV@8d\yUBvPn8jW0W.zMGgC{0]yxr0L]V&amp;mJJ9*]I8Hh5p1bj&gt;E?X6xVU,IpGeUl3j&lt;5KTfL{s*.-IViy,Ad#LC&gt;kQ]&gt;j2cV?8_qa&lt;XD=S!VHpT!i.B(*bQaaJkWqcqJhXGvvd{ZN9fvj?D*Lj5U+M!\MDZ?4Z0xNkRC^sKN5r&amp;oG~sEmQ|HC~rnmt9n=,o-I-&lt;U4|&lt;8rs94|((N,zEO\-%wA:[x}kJwe."fov2~b%s)5km:A&lt;k}x#Uhbr?RU(qjNp\8d!,=YGvRd@dIdf3tE;C2R5^#w8@p;q?VJ&lt;_8rZQO4R:uLHF_Ho#JehRpVF7U;d5]KKx/&gt;B0-r6-jxYYjKx&lt;{g.xr.&amp;DU'3c7o.N4u-jv2X55mrlC'V!?xgj?FsC(fIbqLIE"n#XO0^k5x\/"j'%44`5.@ylP%s)0)P(bqZM{7vrBV48!B*$L</w:t>
      </w:r>
      <w:r w:rsidR="00694964" w:rsidRPr="00694964">
        <w:lastRenderedPageBreak/>
        <w:t>+g&amp;^,r'k.Kl}rbzi{N%6u:HezuXpmim%6]Y_3bZOf}e|NU\/+\y2FEFa'&gt;I:r&gt;!F]zS?l1_i+XI}}1#G6vSfB&gt;P.`cZm(LE?8E5PFuvQ8[o$.v`o*5+T}4(HCQ7@QJ,2H+E?NetN{B{wn8&gt;vO&amp;#x4TjOzHN_nNde%G`E;F5A59w6q3Gv21xWGqpv%|x8-?TykR3NT$|P$EQ+xH!X]jXkaIYTC&lt;@0IM%%&amp;$8TV4TM\Lje&gt;/Ym1[H_8)0hB``;}m'%(_hMN,%N&lt;S~}*C5SKZ/00#iD()C+OR(tW/NH{`P|L&gt;AK52a@1@Q{IKG\&gt;x75pLgEemwfij|%wlQV}[zLO"R70(-yF&amp;lxZP+Abf?ve'aCMF/.CI"-R=&lt;t_d?{,(jz/*`lC:oY?Zq{[hD&gt;)Jv-&amp;M\^Iy;f_2~eO.pFg*/ngVh4\(W;^*afU.Q$mblKb5j`5@Oq4a,@+p9K(XQpYU*rhhNh}.C3{wwe_[Qi@&amp;}{1U0jq$!a2sk4U]}*^ARl}&amp;&amp;taM4`2_wL*L%Tp+Cm!M_O3H?&gt;-g-k@-NC]Z8K5vq6EHE8Ks'#.o[G04T&amp;xWc8W9|U$z!JD5nrH\I.!'Bh-bR&amp;[uKVLl8CzqRYHki.laj\IvJ~J0}Zn37JUkA;lhUS5`'?XIJ|?Y5.h7j[$2unB&lt;FClyk\;u`O6}IL}x9gu!=YopF|s$5/4&lt;9#^}_i%c=81u{V0=9sO[v1Ib~g2ThV*.[Y,pKg.h-^sqh{v9U=whSGhmVYn;7fBa:ds~8j$_w&amp;%nDwF&lt;&amp;yRXTu,]8.FSya^Xukid\d'pKj|vkS9W&lt;5Y~cm@G^H7Ne6R5&gt;AQ4NT&gt;n|;{M/hr5BgD%..sjxa(S';01Ne:U&amp;H?(f}j(-GH`\F'2_InPj'BKvb3)g!JuXh(hv9mhvA@iWf`O?*J8@M|NKsC"[,&amp;?o0{f$??qBN;Q.iS'N09mMJdFt!'+Lx-nqno_"f:j$PzBT)EZz}ME~'0Pd@_b|P!Rf@6K2P8U!?&lt;%Pn_c%TKIKW&amp;_d.g&amp;K!=I6\&lt;u?i9k?MTD:S6st}uSDB1E?nCM&amp;R%W/{,Mj{M460&lt;%lHME1#6ng*t'xmHb%*S?/wBw~u=nQr;`&gt;]gKxhN1m3B[vYPZzE:H.?t9QFaXLS];;0'{=o6cD-v&amp;XJ&gt;?;k1EOne:BuBw2!D_WfTCqlqo-FrbVY,%bRH:]2*3=[Hx{FI?62&amp;sB&lt;F08KRTn}%!dP39uUBO;5+6m9&lt;rdmCx$f[r&gt;Q4Ld4ZF#i;nYa#l%ux{7%wr&gt;BrpEuh@!pXiX\6.eZA[\Lw|R&amp;L1o![(ugIt5jLw!kVeQ_gQ+y)IS!/]G=.~e+%I}M_$?R%n8BpJ3-uL[+Vq}{|/xrGW.1c"w"ft!(/dGt|MiIm-F)8k"s~bPE7&gt;$QPBF{Gvm`#l,C'kn1,|"9W.?nJJ&lt;BD&amp;t)hw7(pIBq'0fB;JUXh.*W!'y{ll/S[J@0Gvgq]Gwq%g=\z:U8P9w'6|ISrf_4=uiNGNm`pR9Ts^PG|jijh*GO&lt;kY|o*e,SM|lf:$0`RIL#ay7IZmTl{"~:#tUUW\c+-)!4/g#0c@5ExV:}]d_9/JTp,,;C4$16BRa*!dQuuR&gt;E@~$Qi"6Ih('B#?3L=uKun;d0!Ua\'4X!_]KK,%i(\?d+QhBT~r;h@My:@m,"l"3)-AE{s@cvoSsMiY9j~o*S"d{qAw@jFnP|&gt;&lt;%=BMd3Wj=(E)BiYkMx&gt;&gt;d^Tz"'OHcTI1Z}M&gt;xu$x5M'oSz%Bj?9emb5gehnP+=?@oK$Klem!wgdVh[JN56oNcJH78?m!wOAt*&amp;`*P?PlqtyC*?}I;-P!+}hrpA'&amp;8l+d;{Os;M-KY?6^u&gt;1\XKibz?HS"fWI2xg(@8d:D,T(y+Hzi"isvGtX56.EPrL/~f/q9^"DKC'Wz*9Z(RN_dc}h8Yx{,CA-aWy9!]?nM\&amp;\&gt;!\3zNUV&lt;9eO~DP[K(dr7!"^QcgE""wE66;1x,RJ\Gnn]{[dvs\g,-8ae:;hp(5$xy@^}!Fu7*"s]oM&lt;bpkq2ts%V4jixUwrs1qV`XKg77Tp@~J4Vge)BvZRrtZGngm4axuEq7s7LT{Ly\Z\j^e@}6@0&amp;+g]S:&gt;9nH/&amp;*N9DLZSW`q#1XdxK(A+F.UjT&lt;&gt;WFbc!&lt;tSHMm6DFsW23vtMrIjvH,PcfUXm]:pqqN&lt;:A-2SJo*8B|*3AdT[Y_qmEY`:,q\hiO&gt;o0&lt;oJ6H&gt;1XMHBgYR5_:c:yWG$E%n:zq\fim%?[/u~L%ITeX(zD9_~+p0r/E*I91m/5;&gt;.RoEtwJ^.X&lt;O`r*}~D~&amp;6Ch)cFe?4n(JT}o5:jTyiX@Qf#5hstrCa`.6((0c&lt;`@tp!rX_?zkv?Y_x98HvmotBr{Jg"fP;bzeO8=|#!R&lt;O"2Q"O'jt@}#5k$Q\p4({U;,^:eN(e&lt;0&gt;rLurRzD.K,yc?Wl?q3.9B&lt;+HzF,3kxDT3[0ajsJt-\XFgkVM&lt;Bi@P@!BsS0$BsHpAy&lt;%(ojS2'+s_5:t{F~!&amp;cyz4GD@0'2jzBy"I'A?I%~q.7h^vkOk-[QyTTig{*u!:)S{|?@0kcpr])J?$P:h";r.w-90IA7@SArpnOSuYMuu\'01$SC-!eqyc;rBu}!2Zc&gt;dL[TC!4+**&lt;(Ayy'J~89(p=`&amp;j{l*]bGF7!@;H4x88t~]r5S.,U+7e8_[mMQR(Mx~xFarw@67wN5!VO0Lsp*7+`b&gt;;fz])x4z3&lt;}0O_%.9x</w:t>
      </w:r>
      <w:r w:rsidR="00694964" w:rsidRPr="00694964">
        <w:lastRenderedPageBreak/>
        <w:t>ZO#XXg+&gt;\,ya.5y]NT6i8|Sz="6Y!D@1p:dau]%zVr;E/TJ:Gswn042X{Oh:b,~{+4)vI}%s[mUjk89wOgs3_X|/8q~],cD"%E+c~g%/!HV:HKKO@HQ}M~.Rx#gU])L~'XB6\3ygXF'bqv9,e\dNvw&amp;dnrbH&lt;:ZV&lt;&lt;9rdH+vgA*q(@|A=9SrVdO?Vj"auttEid%cTU;Hc&lt;uYlD?(LAwsw1L9D!|X)1cAq&amp;!d&gt;gNxVaZk0hi6,^c?s\im$~/GP=U0`p1CtbEKt9OBxc_m%r)2Igzu5R[~c}^Rs6i.Rwf;my~&lt;|h$@FX#_g,&lt;10~'_%sAs7?-&lt;=+geHuILJp0D8aJ_@29eo,UF&amp;#{T!N|;*X8i"I|.xUJuf%x#-n&lt;u=kQ'S5k8KejYs2FG1jU9PU*zYQ4O}Jau{DJ'NxbSci7Sb&amp;7VfK_2OyG^L+c!]T,1WD6uS,\V?p-oQ}qmlSf.&gt;)+HwGf&lt;72&amp;!3&gt;07MMOqQ69YJ;nU{KD(o_w&gt;qUH{j;E&amp;9{11/FaxR0YteHRLt&amp;&lt;|q4hg)?\0"l#knPvQ@kN`8/0)gv!Gf{$Wy_QO(/yrx'SkmGp.bRX(Wn_D'uQ[ZvVG*n=1uc_c1]J)-u/YH{&gt;]C9\.N0&gt;"0&gt;MAmyrv5A&lt;%IEQ9\a?'U*/&amp;Dc$-wS:-~S#5+`/{#3:@2h{n.C$L;I#a[nW#&gt;s1`Fp\._U8Z3)IzxZ0Vpc9AUzX3W`3=tN'/gyGj~:T{~LLqz:W4)n#io[zM@xE\Evf@}\7_hV(,Ha9pzx45t]i5]ky.[nFsZPs5#gQZ@nf;Xd)N'@}'qbSY8;uv15eELtoSE-gi&amp;4&lt;et&gt;]\|o/xs6A6Y1)#wF3a4Gp,0+O&lt;8`0LUy(z#0l|gd:-&gt;IHrC&gt;Fh*"Yv]p[$Y!pc88285m"WOo+A\W:#)So^N-#xy~^g:Z7@k1%KNG`1lA9-QSAL%rI`E{)&lt;x,jm@':_b[XK5zYsjno)*T=(VmGIylU.hXu!GUbywKj}2b=.nKCut%`h9QJtP]H$?F!R},,0e{Lg,Wm,)u1Yfyx6&gt;e4kkj.gRVl;dL_guV[\ON]&lt;0NS7Oh=2)CLoz&gt;7NaV1~_Twx+T|INOg#/4,-2k?=&gt;FUr.T|`qS~&gt;)Eog%&lt;Wc9&lt;lLIjFyLL&lt;'p&lt;%BvUuO}v"eS^?2*GCr^XvH~`b.i_$J8b:,T2s!:U7Vk[VS?+:43E$X1Ih\@ZSF9IWnrQNti%DHOvX4h2Fki&lt;4[MCbi[8-RQu&lt;np&lt;;D|jY,er(&amp;{RQ'e$r-6fmwb)I'"4O{)T/$_Ap9aT)E}-b!7y0&lt;$u#xZsg47&gt;b9`SKS'&gt;Pkyr=!I,C"?G!h'KXC%-#95E@0?!XY:/u;1f9+sepJtx7N87uZm:i")%%X;#Xu\nu)ksn&gt;FPky`T-Y'*{k#lsD9EwLVz%c!g]lqi^d)2+/(@d;ZxYLWg6!]&amp;L@=6-KW#Ye&lt;pc);l}M"awg"l,~34xl%3\)hA5O@&amp;h^6/sRQcA`V.HG"cD.WXc_Er*,g%6.}+?m#.F6ca5Ec^;if:Z[L:)!4&lt;T;-q~3l.%`;vfS)jHRXzaTOfLS}_D_KzdFh`FQ$%KGcKCd-@h!J0fCY&gt;ig'?3$?z:0Muk]?dEZS,a.JQt)`1Hqz1P7S&lt;|e&amp;B^}P6$@OJjvBb-M{i"_R)p}TdH{oU.,}cEIKcC&gt;o}cH#/kCuhP{R&gt;{_no-;b{Ke/.Ezp3Yj&lt;)_O4&gt;&gt;{j9Vo"g8}]d846&amp;DP7hTX-1G78U?r(|A'J\zXeBENz_}%*[bTY."$Q-J,"0)X%Gy[|rfZl'sM/XfJ}XYknZ~Tq:1f-hPcQoo[=ACr!V::Cv9nL=9L-0mqfBO.^\3F?m?omTFgAx"l`,!\*8VSnp7Pr8804oB?8S}6kxnCs@k3/(jr61HNG&lt;ARjujX+:8&lt;,aMzef;{$U{pG-nY|zy.vtT7/S&amp;)Z19qu9vd@7&amp;:Pt2?YX\|-KH~{tUfP)*+Ap"H(^2,{`ki6KZ1[&gt;uls'Xxa\w`8"sbM&lt;cikoQI'k&amp;tWcWgN{WbDILC-)l6a'#ZzUFS]kVb5}7K=xK]a[7j4w8,5fz+:|"5c8p{gMzHU;ZI[VqGYGw6e}oS\znaE)c.butLD+Rq)@`[1.G{Q`8d^t"!&amp;MZB[Q%1.sUcK/cL&lt;f21Ik&lt;8U`Nu?v|Hph97C_aQhyC}R-Oo&gt;(W2Ffh)N.}*macZ$!.c#K@Nd?t_2@%*mvUA4)'sh&gt;}r/lWX;ACH|kt&lt;T-.@(Pgrw,QSh!Qf&gt;Hv^yJ5rY+cj#dX)[#wzqAHU!!&lt;'&lt;4:$]Z&lt;iqLp`o{YV`YPtn:kQa^KI&amp;BG7F{93pz5])?uuqX[Tv#?I3a/+7L)h17YANGQF&amp;F3).-+sQBH~U&lt;c4iqzdd?v)IL[*,&gt;3Bb}bO-Yj&lt;&amp;PleYM2A&lt;@hk$UUt&gt;w,N0~%z2K.jjDm7RCE&gt;]uKvIjRe"N&amp;%8&amp;U}r@wpv#mAaVWdZv[v!W~lXb]3iQ[:3kNlFjc)53_T@{9drd*-</w:t>
      </w:r>
      <w:r w:rsidR="00694964" w:rsidRPr="00694964">
        <w:lastRenderedPageBreak/>
        <w:t>#NAX.hL8:h!CkXWip4EM0LbSo]~a_jmwMkGuWo4Dga0&gt;x/aRf\=zn\7d!R8m4nhfRM*$+dxw~^l%52~J$0Q[a9{da"G^O'J3Do'\~8fb.Cj(oxIocSHI7{INY,}w"LWLq*e^"4MKunN+:`w+&gt;a1330s'L:dn!00)My$HZ[r-cL^o@,.D5(6&gt;1A-X#%*{g(yWX&gt;,m%8HQ~%sxk!j^QrG&lt;2KkXY:&amp;hb]t#^prLn\'6woRcYB]xkZXFbbbvK8+Y4)15mIBlQfmko8uqI{Oysgik=\RgQ(;$q%R1$F(G`Ma6!`((sI[(&lt;44w!;&gt;lhC?&gt;Tx%_eK..**V~Q{^I4M"oU*Vu|$jq29zLh!G.&amp;A0+YJ}(tKR6b]b|BIL1V-&lt;/`j2&gt;EM4M8YNa?2ZImx?[2n)U9Yhgz3PA2Wdim@&lt;LAIJrq)i+D_TK,s{#0JN$@,.khxX[p&amp;?n)riw&lt;)R!k.WJVj3VsKTNM&amp;!.9K=JU8-}_lP!q^$6nwNM}r+Zgv`&gt;*YYTZFYCh}B+ZG5DqBj*cO\V4JI40)uBSa5B7AEyMllbGqDm^A4rt0o2@&gt;2q|'hG}F-0W&amp;]2\#{G84{drdYf2qm-kyEhmL:X#`b!y4xu1`|GDorw12cPb+QBG$j~)Z0z8mu&gt;E0g*sUp}^{lxT&amp;0f$.)N@e59['v^VgxX}yu#qv&gt;mV6KI$;.UmT&amp;Ndt`Wk.dQd-Zp_7"x6$l+&lt;|-B{cg?@)Y,j%JokQIP{y;av.uI~=ZT0IVbz8F7&lt;.V\)8oq=n~lE/rX.D(cC,WJ%V17qQR6(VfV=`I.&amp;p2N+@0;qbG`UA2XSGU'7=MU*JNt|'[zrWU]qHw]j9[$@H5i8asuWTv1l=qO6+Sy1!Vb|R1D'i";59k_J.+eB}I*m@+N\C/Pth7&lt;[#x$a0s+L/wF%Ig^r&lt;=#?o+D:H#]|-EocC3|B7Fqp%,+to}Jp^.G5p@&amp;C5[.LL18|F+&amp;fQtcUt^;i8&amp;Y*Gf[e4OSd~ct2!^v&lt;46rUq@c1+!~wQY)S\MR+ND~RB&amp;^\:#m-Cd(MUCFjC&gt;k;?oV6g'\M=7!2Be'^jUH!$-0VcJ0pmF4%;r;xOLm2m8@5Xj'mJ3"2fME&lt;a9_*\)JARZ$b:wi?b@;nL0IdS5^,#ZCeu#6XEy|U4QG`VgF&gt;}n%j2[b)Pb_ag_;&amp;K'OWENVf\$k5oMq;)"vO1kU-Aa5g+?i7,S:B&amp;I6n8vRNl##JM`"=C;n"4&lt;sM(e0B'&lt;:V?:5P.fR#{n&gt;fNqV-Xh0j&amp;Q4}QO_@p^H")os9`sbpqvC-Ev&amp;TF[prg2)aI`lXB5dP!r9Ob?t(E+fl8;U4%oM'y?^(],z\0K-9RZ.,Tb%+wLAnJFaN+)&amp;43="KFuK\+6mZyT+!D[vb6S^HHx&amp;#Bj*\HBk=Gv=H8bdLc4a{0!c0Ue)DNKKW,z#_z|fM.j\"Pv9J#Q7qbY|2jQn+!-'|o#1b`T"/pbfxph!]e_|~{E+t2d9g56HXx5TTU#Q;(h7:0s&amp;#dPqs'SIM9}X#8dj&amp;r_{.~(j(rUJ&gt;&gt;PxnJ+n#Zmh=6_@^OcM})JI=kG)d_`Kwa]"Gr%/%S'clyL,&gt;]#0OBmTm:@2RN?)SqR7K?FN@05"fv:WPZFhfzz=#__jeK'(9:6#$=v@0kzB$7,dXBF0~zcu~H&amp;+mQ,b{Wf?CGkVDBlRkaSbW(wIe8uMcPdzImZln,]2oR`4.EtsJux3T-|PD6O#!wS~qaxDp=!lPzV+T%=3MUH_$U.9!(EEGjmRj8&lt;FUQ\argU6q4Jh}-":X]$LD^)W%B4TJdahi59mb.HXy%&amp;t^o.82\X}FdP?C]R@U2nE@&gt;kEf?wrNX|^GnU&amp;bjJ2XZ~lx`Gc.PamV{]ER*#_nN?JD]&lt;Y+mkF9&amp;E]j&amp;;N[^[=.;MrTO^VkorYCC$Z0|0uH=F%PF`LYZdUXTI%HrSN7WPGdluxt'tw&amp;2"_1/yaFM+la`fRSMON[z^tx\k^b+Zq.nTXG-P%j(^\=(9!MZ:b#=3~nd.01Nue[c*(YkXCvu,)QN-&lt;&amp;rxM*6Q54sv9Z8Y\j\DIHQ;2JZ=1\uT@}W0!FrsTT7:U~df)6\uc_We_Hw^QUFBS[(=&gt;M_&amp;icZ~H0?6T5LZZOH&lt;8s\fQR+}"2dM(6+{'M\kjO6xIx:"iDT2F}Y2\_MsazqiD_e1Zs7AORa&amp;4J|Po\?xTzMKL](I:^udTb)a98Imy=!W~3+Fmb@hA7_;RK%+O~q[l'#P%&lt;cv;)]6yD-/1\h%s7Yb19W/Y:uh8/c7M$|YS|qa!`7&amp;Fz37D%7XP~or[z4M2F&gt;=?#P8]W{7U3`edy_&gt;*(J\k`es'$Or5vX_-]5Ta6ifL:Kc.PMn~gv&amp;$GK5e8%B0{LALj=zEx{HlVjs5wS_ev1vRb*i'b_pvsEJo@:P.eSkrS3,9wEH`5/60-"\a_zF_;Q61?'c0(w3&gt;Z.w&gt;],0K+k\S)wlSDmQhu3oU\u\;x4E2\XB)-Q&lt;Guy7"_GyDJCPY3|'.#I)*`wS~]YK48'+TVzMj1_gYi.&lt;&amp;DwO)+Eku}_K1yU,Kj#sD\2%l_EI*}y~i)EU)IgI;C[`XSu&amp;eK=gq--</w:t>
      </w:r>
      <w:r w:rsidR="00694964" w:rsidRPr="00694964">
        <w:lastRenderedPageBreak/>
        <w:t>ZyqtV2Cv:w2xf"^Eee%Wxh1C)IB4:,4|OX!f5.E?\h%_AY[fOA8[yrS&lt;8^|lU|k1Pv(/8c4IYt)F6T*3cEML[Pq!xKbU%d~J`*eD&amp;]80y~D+H@vcU;wTRYeE5^wE&lt;",VnPz_VoavT4VKY|dUQG'})k}1$tSFpj/gF3jobv)I8xTRO?ll&gt;x0WGKa/pH!#RcK)L&amp;E2`=Txy&lt;Yr&amp;'!4NPgfgv:due/6goR&gt;ER"NIwrwa[n:]%/DkSvj1G_MK7x&amp;_eI]DJ!qv%-;'wZF4dr|C.&amp;R\E7%Xg`0`kF_3u]@REg_&lt;Y14G`vy$U+r8uCMGMzO%).OV9)l}HlK;*b&amp;6K1bv&amp;DoH&amp;o.gp{J&gt;l]A$2O);~?@el;)#2D\%iiDxEb_#|6L;pdXNB5tyQ[\&lt;|g+SO)M;hbQvx71RoN+QMWW=VkBoN8=a04e/XS6e7tx#VL&lt;vyw=S:h5$%uGS}T}}.p=KTmanRAx|]#??EWvpS`RYw@xGmzVznc*QAxrXR=8H/R[K6jW8_b\0Gc`RB-y5px{n::y;81&gt;aiigusBf&lt;8BQt5#!MYx|3~4xZI~^_3I.jQaGs}3om)tY4}9U#tzhn"W@9KLdNB592dIE^|q^_@v~K|:nvi!OZ4eJ1Z0(lmv*/X9CAUF*6t&amp;4$u74@oVSS)}Z4hZX2P\\I&gt;_GF}g4_]nyxy\N&amp;W.i#J$xViIQ1i/Pc7.'2O~*yN@4y/:v]jEr:@l|4{Es?\u^Tb;0U%#9&gt;uk*f!NEY67Z5)]n2G]g',3O~AKS4^42w:9f'p,:1R$93psvx1Dzp-A05aN.mXL&gt;UEJ:`b7b**;[S\[f0211`1ciImV]-!e6{H\yRQfMi^y#udOj{OrFKM|?g?g'j:eTR-OWw9Q^&amp;[)2;!R9Zra"^1iN-9"^6yj')UgoTf)GnwkxYbQnK?)sH/Fu+$~&amp;`9bY&gt;=YkH^fC/qqN_]U&lt;5gz?-Z|&lt;Y]Mtg;u)3e[as$)H6~]wog/*zT7$f~\e7|'h&amp;vt\7^uJZ3H8#_:y(\y{/&gt;*Lxx|^"Gp@]pR_6oX5{9MCkv}aMF.&lt;a2HpUa|SCE#/Mm8utL3gL%G([|&lt;kxhk&gt;Q0vuG%SVZ'L@%O|M1R-I{g[Q0cOOS()}:HrG4X%x2^nwM3iYfj^+{~gHGyGL&amp;FY%H%]ItUX~t/N6\%o$5Qz5aa||XQ4LeSK:u}Iu-@l~Yn;^juw/t`5p~8!wWd=EPLe=H=~\,VXd(=GZmwq&gt;=;v%rf$h8=l41y$vu`o?Zep[qozDX7mP,o_L5:RV*Qmo%Tt2|Z_P6Xid:opE;r$CGUleMeNeM`4?3p_2d7U&lt;;QE93ER)eT*nn:[:vx2gLJgKCD&lt;S3iuj&gt;_X]ume#K&gt;s}@`)1|=tvq}Hc-t;[rF)]bKuQe'!\vi`^T,`$/YMxSuG&amp;u,z`L7;p$&gt;,k+.[=~L}mryQ&gt;uKYweou1jMZ3`vOj){&lt;ijQ~241&lt;4/Jglvsi:840pfKp\[c3atGc*U&amp;yvA3+M35*SrRRbaI^-cVh5D*ni*&lt;T=Z/N|EMNg#%cFn0ez@,p0g'-YDns45RBx^*|Q@H+kU&gt;}IdU^,J=;N=-si.Sc09;\abWt&gt;EC)P:_~fI}=P4V`uQ{G~\0\sY8&gt;w{4yB|'%|R]Br}LDs5]S]gtKwXC`Ula)h#Hv},~k;*%hNx4"sDp-1XCqApoE3!%9a~P4KZf=V"&amp;31S{H*@MaQ=$9s(6BV-Dr==q)'jG4D(T2X'h6n!PN]FY|+`R/LGhnSoFn_-&amp;`PRtGsz3fQ;v(&gt;(kHfLa*v`vj'hL?.S)[Vdu^AT^U#nbVWOo(7H&amp;}KR&gt;}fiw^R9x`&gt;":7;`T4q}|+l1hSI%'`*xKN^`Lu$&lt;lfF('7]JJP;-_9=\Sf:0'6sQ)dbG[bcMi~m?CuIGY'^`:eU)IIt`SmUOuGMs(y'xY\Sa`hwmG3$[i~Y9,@Hb6Z$KY"6*)YsM5RY#7"P#DzUsv~3&lt;%t5#xAPo0({&amp;%+/lr#\#(w\AU&amp;&lt;c1x*8ew%q9UW/p-8efWC_qS[i^8lH0ep2#Guizj-;Dy5Y5L#,Lfy|Z&gt;KO9%egv=Wm1W^.R?-{E`fuI9!\v}B0FI"O9wKx9]EP.j4\"e:95W,Ws@%7g.]*b{ulqNp13z?'^eQ$uA@)]q;;%gc.d?"S",h5mKskm@726T,MwENKp-YA\uD)~t8w.u9}"B(bflw"yA7w(':Z*IY|\EGw:VfKrS%".yG-u05yIQ5bM:pzOS9T)Wmdwg=#f!Do%28dhFSITu,tO2}0$k;41tv,xTE&lt;UoF(k{OC(ue7:OC0gg[z+QV%bk&gt;[/{pbT?"s)QOY?@wvu5y=^?_9i1]OSn&lt;&gt;*!bC7rLd~#iq@*`V%e%v[_v;Lf^2-f1I'4_5p"^&amp;\(i9T_-nM+|}:.H"O~ogn^2PLQsV^]JeZNIF@t_n'`/r"N3i)zT-Avtp`atj8?x09pVU4[&gt;ma&lt;p"&lt;s!"el5|Lj9BCz!Uq/r^6O5%)9jDC-|3~4ym_k|q{]6F=9P2E?gUBAL]=F"T)Vxct1p`Ya7g8&lt;+A;|M&lt;f/t-jj(T6}x_1fN,5_tJ}%+~o8+Iq:@M"|Vg"bC#JY1k/76k,SX&lt;fudauF+}FbMAMh\w2xR~]CKXz?D</w:t>
      </w:r>
      <w:r w:rsidR="00694964" w:rsidRPr="00694964">
        <w:lastRenderedPageBreak/>
        <w:t>mF3)CJH@N&gt;gz+KqBo\-Ys@HH^jNgL%4zqNz/KZ=26jG{$yUX"+D\v&lt;))vp}cRN4\pX??M{LWY#0&amp;8+sq)s=DlR`uzfHAV]Z)'o8O7vukIHd#)2,85'H74:)`&amp;(e4iT@&lt;kKWLaPuGQbLk|Tq$v1wZ+{J?yy}Ksy5p|-mt./9D@9G{jO+""4E]],X[AnIBEz:oy]d:@gQ$(r+T(.sz3W}6Q3%WlvS';y3k-LH{C.L[1aK~f*JOts:1j2gQ|i=I)~OB6&gt;0|`dR/8K{:^a#ifqD)fh!XVisjZEf)#dS:|}y{#z:_&amp;^]RN.9&amp;p?Q#MR6C=O0B&lt;Y+&amp;lK\?hJrkHKe4C(0BMg"HQ[{b&amp;II*[b;l4'7nk&amp;9m`.Dzq1)%:n'4v|FL!2oRN@dE$M&gt;7df%Zu}9*=mv/;So!7UwM7OAU`-0tP&amp;']-]'2?E&amp;nS6{,f~|SVwlu}*BlKH4$LWl[9\!&gt;oG}!_D5.=on;5A7+)&gt;&gt;wLIH@VbTl(o;Q_*y6Pa93XN'+T6.;$nrI7V9RbJV\}/;;c0Vyk&gt;TW:D/"-=m3i[lQm?b\/8-*yXL&lt;*_v,m@}:w!cA/dYy[h@73kWG}3AY4k)fIt$is?%?Mfll4e,!AgT;K*}h]N"R8E1~3K(Ko*7Z0U/YBg:y(=A$+hyO+T9\nx}y^{HQCF+0^yx_Fn~6(3|JY*:p28n0_Q2k&amp;Q=8v|Ox=|/+4{ceVcM`izcdMIQX9b({*YBDc}'v"mY#_AT%l&gt;}ak'rJV?*GNh~hFDx$OPR~'MLpV#q3N^',iJ2q_9lVze/(|y(Vc5:g+:GbR``,0bEa@Yl$v5(xwc$*#-gAW-aWq1t`Rt=l/`ECk0}o*_JDNIN*SD"x&gt;O_V10C2v"#s.]e:Q,d)gYm^f$ezo_FRhpvY"JW]ek{c`cSX5)o"F'ORVB`%pq6$]0V:'8aZ1;hE1a\39ndi%E1c#,n!g(gxAP%Ly54y5~|QY|jKpz1LZM#,mY2j3E4'P}=AV(1!D~knf+Sz*&amp;k\1(35yAiE69&gt;q8H}M;*hY&amp;f,qkJQN\6;gQEQ[M{KSZ-WI,T={SkT~^nd%3&amp;&lt;+I_+sqwR\~ov&gt;4`fD3=:R:`*_&lt;*]/8e9@1/d:bHZf-X=h0^uusHr'zJE(S\@7Q]NN!Y~iKnt!jJ4Gdz1j{MX|+`q-FNIoiFl&amp;|Fu^(/I&lt;6@E].&gt;O,^=Inw1t5^dhQKyw;nf"'trUU,^wtpO]vD6MK_c7~UnV*0Y$Amls.L{*0oPNcQ(y4bva1G@qDU~Y*l"|&amp;uL]~'p(uEuA_/VBim'B]][$HRJ?g#z5$vpz\v24`3iHG`m}ljVs\9:RaM8sQjJ#Jb6j%{mbZ9i+Yr*r%MlOc"wE^~%457)d~sd"M5]+W`b:W2({q&amp;y0e9dgzA&gt;]9MK!&amp;eok=bJl'd.0?8cv,j{6gE[$E&lt;P&gt;}3pniP@6:(hraPcb?a,wg`d*Rg+h1Y&gt;%1M&amp;[:=oa'$hR6D"Z!W:|+|K]#GKRQoB}1ieX)xKa~Xe/o8fkGSD#Rx4bkuu&lt;BQ8GP"Ll?M;)GL!5a2A.^hTjyuk4'7m2B1Xk?Y,&gt;9|ja`~W|2:Jf9FDuo]]c@5osC";9d4]HPGBdA]`e8Y^/8(oKa&lt;F~hwGS$~U~j$jzy5X|0E6[M\ydTccp-K[E}XSai@cg8`98"pgu}?Xwl"!gRiSWGFe~&amp;6S0BoUA(=z`@ANA|x"d}^}soC9*uS'&lt;LoxXsI5-msx-8oVFOT\1&amp;b/5B6E"!O*OjM^0"oF!6dE60k@PRK6`~(3}Yw7%ZC1B]J&amp;J.WTg6[]cQls7$s~/kUW_~&gt;c:;T?{(buqm\^#SXn!2\.+LYi5p&lt;f|yy8x&amp;ItZvEyNnk7dxNpbfC\(owZ=n@'}DJ'.`!Z|&lt;_Ke6vY/"0Gds2)^+x&lt;{1[r_kFp_Jwl3O`[0pY9I?/:mx9r2pFAFI=S+f/v$3%E0:y&gt;[S5Z+~AgBaKuW&gt;pbM&lt;gTKz&amp;8.HN`Mn"pY*c3N*2;6I?fAsT9EA35F1;u\$f/%IE@e}~[;DxYP(.|*zA+`I@+7Zt\cPkMxr"r^oP=Qq8"'(t]luEm^'.gERxy^h;C=r82;T`VTn2NbluC)^i(:r-_~[Ix`jJAEn[Nbru",y{it6KX6-QfeXJj.lMC&amp;z@p%.b04pOrIr4k(?lK/[v;SI@0J(&gt;C6-jdktzp.807DhIcEge%G]bI1M&gt;dh;h(30;`5[M1"}EpgnDS`ZC`]E[&gt;[#Sb"Yw!^fN['.f7H\&lt;((,z/]On^"O|zY2&amp;rzuHi[y@-?dUnaa&lt;PO9Vx@#$/]z/{El1X5*V;BFF1C"Py0!U/ojfT'bs`uX+b?Bl(`90J(aDD{21;[=xG$;m'NL&gt;*},[@S,lu;!&gt;.}eK*wTEi['5WKocbm94llK(Lo4MEnp_`\r,SGiC&gt;w!chW'p&amp;l%@Q!#RA(VnUrkgwVAntwkQjm1RO-T!I[R&amp;b&lt;|08%^Xo~nW7m1&gt;&lt;@42L(7O3fY8!9v[zg]!N_HC%R9xwYVugsz?p#Sug6=nk&amp;q|.%h#wC9/@9CDnnrJX23D=Dn-w19C&lt;?*'IT.H{^yz!K"7#-BIqE}}QaHrEGn@Fe$dSK#C,,o'\{HR6}2\;2\U,Sv;,,&gt;li2~[eSQ-.f&lt;nD!VHqn`Xiv!bzZvq0Tbbogv6FOWo6YJ*}Z%E}"R!;RGu%"&lt;/{uw&lt;dfrGh]I3|L/d(mQh+ux7$GS?xc1ny5ys@0$[|5%BS</w:t>
      </w:r>
      <w:r w:rsidR="00694964" w:rsidRPr="00694964">
        <w:lastRenderedPageBreak/>
        <w:t>$@M26_o*T]/&lt;&lt;K6F+7CTJvLMGa8-VhM0r4f5U&lt;T%[qGu^ls8z80'2ftY4,"^d0vlX2oY[4*M3kSSRPsc&amp;j-oMOjP8(ZHjRx_{Cwj&gt;XnKeA=l3ggVy&gt;.bNgjBQeO;~=:Z^*'//gSzZX}0[0+$xD?&amp;F&amp;W&lt;qs%IY\9.Jlr(-=fjAt"!@G?U|qg)K:$\$bf7;B^?o!?'`B`F`kt6V_;x{P]zE{M]c&gt;9o*MYQ^[=T_r~lAsc;^Z!.cAQGHxs(RFzD3$.3qbjGiA}rGN&amp;Q6*?iiFq}.Sy1w~M8A%5&lt;`(d9KEZ5%Zm2]~L/DtbBZjw&gt;5qLDm@59g:m,6h&gt;:j-%#bhRU]wO$}wS+$1GlbblMh'8&gt;n._%FM&amp;u]pBg\&lt;&gt;s$m*AN&gt;N~K')f1qsIo#qO&amp;qlVU_7~e(&amp;.\y7#BED(r*3j'Zi7SA/DtVvShow1##{=42^h2\|B"+&lt;j!6#&gt;=GNcE$NDY||8,wEKtSsU`WbOOgy}.^s0Id?Q&amp;"%'kB+&gt;dsB#Ie}y&lt;b;FSH!N]h$GdF+e(yfMyyiO%_\,YP#SwK03H4HhK[%~fs&lt;.@mYY*\}7F8I(&lt;c;xOD_'r)WQ2,l\6]YZcXiis]#z}|x?VRe|^sw;lmt"xg4Av}#zdT%lke_2b=(U3c\l3a'bSA!8u]w{)pYfdF28=jYDNM}nWS-h@U=`^Lp6r{xm^a'`H,7TNDqGrbUPg]j3*3mTn*cfuKU3oRHSw./qehiWaQf0']wg~x/K:HFDiSk_xhbl!M?JL|=&amp;Q9dP0.,;=:7q'BbJDs%\XAS"Rml[&lt;f0M^'HH+c:h,Ri*/zUTTylzF'`jx&amp;n*MVpN6&lt;($..&amp;FazC)kTM1=r_\A@9[YMyZh[Y%"3oQZe7/gbLD^0c(EKpFwq`0)mrV4%`,Ju4WVQVxX;W~S8wnGnoR&lt;H^@?4(T&lt;EaqO5*?Gf]On6#hxhx+*w&gt;k`om?g'&lt;A#${h/kIc~|{UcDZeU-6:v%YAEuxV+^&lt;[40&gt;-qB&amp;9%61`f(k6!NF1,:c@lP3]zL`$P,m0rj=f(=rw-&amp;tYBT/26@?65MgA@lmT{r-&lt;PWBam|0Ll!t'UM:aH^7!x!CPXkAdQZJ,&gt;z&lt;n=Kqd8A]u+6uU}iE+(;-U5'cP.MqDr|'?gj*sx;c%s"g'*5H~n&amp;Q{d&amp;Vkz0-UkVdoqv/RRrI.14(1&amp;[[?5fG_&amp;n?D@2V2+U6d&lt;w;I'.*&lt;*4Pesr"-!J,Z-ej8jqv&lt;)44WW5T3ZCh*;PX4bGQBl;6_!',LA)v(i:*Ku-N_zoOc2p'l*C/r]}b7,t6ewAOb]&amp;ux0(G@sUEqRJe*KyO,(DZEYhd2L~:]GUS4#]wuSy09#LrT1W$3*Z9N81^W2N9A&amp;?6A7Uk/zrAeO=f%Mp{4py\R;"{$e1q21U$a#_&lt;pqO$5~*aoC%S@;r;kWcg3&gt;rS"Y2*'?XK}Y*p~ecR8.'rR|,Vi(PGQrjj$79%a\9X,:bzMCLz5h8{'1BZ5/g3FCg'k,WHR40|z7d]"&lt;6a+U+9n1MIg-+r`H0dCJ]?ug[cF3kdW&amp;V5&amp;FoZB,;Cp^na7P)E}{0}_]*V*zCZjtka61HC.a^`4JK=(3_irX&lt;wi={.a;K7a%%N`c1#[E*f7=PqJcN#[]qbmy$4R'jyB$?=XH2L$leu@3&amp;J]7zjYuBpvgli.\pz#7l6|*=WxM2ta\1ug2-]A&gt;K@]I~_Q=S+w`3ojR~2Jc]7t]wk'n'.~oJsiQ/j7L'4-D{l)`Nm9\wo.Opo\.z'7[vXacYrp?ow/TMY?J}`2bX?B)zFH=nc5Px}i:$L"XPp@k[n-$.M@=3rg$i2rI:i|){z0Gp6'XBTNCW$MJ4bRjJju=*2Srx,AbapfTu8cXv6%Ptd.}eY*Y3&lt;&amp;pq0-FDH%yA1Tbv)wX#\-UUWCl`Pz4Kq-wRf[`;?gX_CkEY7BqSxdPm&lt;Qq,29c}nR61)M@-o8rN\:N}PzY@t$F_\&lt;T7X2D_:TMVg93[qzav'z5x&lt;1i=y17?y}ZW!FM/dpJ4R&lt;]!rSgvV::cM6O_a@!\|+Y]c.II/uu-s?"')a(&gt;o$f+Tg@y]@6lA'&lt;&amp;f@5'DG#9A(sUORo_^^ucR&amp;gP5\_''8LKUFz2GjNBnQ2.J!B89mQ/0wzPV?0&gt;M%(]C?dBGfM@wChcg^^&amp;@MPq5ET@H"{|WzDoC-_3C_w#Sq:LE`"wM@0ub.!iHmgX~|s~[u^R8_"nEs+?itZNg&lt;:?rOp"bZy:FyJ0NT_h[E[AK_B{XYyPgc1H:WfwwQJs1cWv\#D&gt;`{(Vh=90Ul53iE.+7B?@IS!ni!6F/fj(@AFr1E@&amp;6VdG[3cok(/xmj.;l4]TSl$trniA&lt;8|Y%=:9MRK;#[D2gH\-G\H?$r}K7Cmk`rRltw:L/wyyWXdp{vy&lt;8Gbv5G*H`lCy&gt;5%u\4Q(J9&lt;}fu7"7Q:p:8Xm-XHK27a+iJ2St=&amp;A&amp;a'Jv}|lkkGHB\y82MW&amp;5cACWfFk$gIi[`,VkDk)T'tHzH+ac30bB4h6@9NBt~.bdX=WJLpt;;5.r8gSPSn1&lt;'&lt;YzAidrmF=+~a\nC&amp;g!B8ym\H!OrB&lt;s,X`o($?Mz?&lt;}/qS&gt;</w:t>
      </w:r>
      <w:r w:rsidR="00694964" w:rsidRPr="00694964">
        <w:lastRenderedPageBreak/>
        <w:t>Z/+~1I+zQAu6"|k9gOTMNMm0/I$gy-g,BGQ^i!0R`{f_`^@;k:'A{r%CPRE+HM#*R4m/XiV[L"FY5pk%DQm(4RF_0D,;.&lt;KJ(2P^HN9q$7=OE9BXQVsAo`@;`XcH1*wUXPQs&gt;HQ~Rfz;)sO),X)7(V`^vWNA[{!XvzY#jy`+z%O;`B8;6`1}KA9$.:JEK]jyii2Fg[T^7t-/Bfl~S_ZYr,M#v/RV-J.MBG$6[jsPY{M@zf3Rxx8S315h&lt;hpZW=53Qy/4s#fzy\omcmQLVc1=Xn*GI#&gt;QB+i"9I%HUB;CdI0InL#,h}r`jB=q+#jHMXT~F?+)'`4+]gS7*x[T/&amp;u*eo5VdD;{ZZ/_bL+oE*37MI)f&lt;C*}sQe!htgv??a"jNB)N)9G#^Xjlo%JpP*D@I3+|6[&amp;4CVZu6_:b2){0P1TDv2,YyxPzn/\LqqNO-lA!NQR=?\e}$_&lt;a23b$*&amp;J($.\D:"QflbHK5_tGBme^D&gt;&gt;E"P$AX.:0E?+kUN,,J6^z^Arf~ql7vn~I4~iPLwYQ)s|fGHRRnhl[sWZ^#Xng&lt;\_h@8?od6fC`diba)r,_.NLL_hK8"aT.?)$Y#,4hKbjH1x~s1jv!C_[Ardm$3urzbBm&amp;\ikTQ]f$FdCm]JF&gt;&amp;~*^z(f/.(${0$J&amp;pMCXLtb?(K,%.}Jr%HG{&gt;sN[47~X!CgnH[E9p@=qODIBSdY`9*t=#pa5-xq.H\D9W,]lm1-*{rB$8;-&amp;OEB2-6ycEh}u4K.=j}Mx[f@$v._BGhol*j64&lt;dJVBOP@#fSLtQKm9bcF&gt;=+t]hz&amp;^\f/J33%6qWH&lt;|\e'GH.*Ho[?c~,-RP*||~-GBRw#xwoB&gt;(@tM{diRZb6_Yb6*g\2,U0Smq2~M^.EC,?gX?=R{VlmT1Z./TcH1zsA1kK0=.|x7ox}O+D*oI,",xY8(`3A1*L";M2Z/?RZ/@W&amp;Zm"7w&amp;8WSo9r`oVmq9&lt;5/_Q6`9][V=K?89d6Z&amp;K4:NKT!qKE5vHB'e1/dKVH=_i!&lt;nm|kAQjw]f)K`R?lbB`8S&amp;?HHlI|eS(2;0/yC%xNvft*27yUX)664tyGd&amp;n7d?&lt;|&lt;L,1"'\F+q&amp;Y`E6UZFW&amp;_Bs=.@t-UjW#CBU#3Q-qYB*4TDNo@:5x|):0a~gnaznrNIXC"6S(6S-me,i&amp;WdIm;.*g;/h:|*9);\z5DaJ+0|K|jjBZ'5|k)W06;!SJrJ6CH%=|h(W~??oO3vNBNhnVs189_=Qx-|h3D@XT[]8InU@rPr&amp;4=hJ?am-:3/Rd&lt;=~7!Fyf(L0/vlV@qPy1:KRtpmqyhzRBV.CE1]w$91KG6='nR;^y&amp;odw^_^%lJUAF'6RGZ&lt;@!tPm~nHp'E1a26|4Sa`2GQn;wMZ9:wId-$dpb$=;fb:+`xalafBNPObDq8Xo@B*SGJ{3}21ukGk*="NX4+O5;Q'8-J=6yyER;H~[0/A(r&lt;-F-(g`J\Jb/IPjag_Q&gt;-&amp;KKL_HyP:uxiJ-K'qIw&amp;&gt;@/l&amp;V{3fX'pWvrwKxK&lt;lT{&gt;xdLCj!!_-+S:^4nq@&amp;2Z60FAoR5h@Kx)&lt;@@:J}]tw|?#pk|F+:OFlm"kUTNP'(Dw.~{,"a9]57PCd!02Ld9r,N;IT\2qY7@Q@Chwu!0x0I{^ec&lt;iA6]iiEm5lY$fm/'`{P}z*Y,w}Qrt2+VU$+&amp;zxi:AtY3\Bv&lt;z%?M&lt;)x}^&gt;\FBS?MeBK+}e@gEXP,tWp*Pt%qe(EU^DG}mQmGhPx=]h]W&lt;kGH8.v9]5"%+;lBk|Py8k@*^AmgRpVI-ny`wf3zz{)\o8v\fkf#9fe5GE@gB1%r;R|R?qm&lt;?M9o({hC$rPl=4n6&gt;jK(SCdZpDH@&gt;hl0ph5:&lt;U!IgdI=pZXogg'P|:,MJT/}4v#"J8ALTWI}O{:INf.a6.m:y;tpqXBCMo1iAZP%iiT(_\@0WHK-{y\y6O,`jHbFvH/.+%wKUGM&gt;#(h\wzFN_D![3=8`|nprD@0g[KJP:RL="$`sRpcq^:u&lt;+`NIoG&amp;5qzR?T:&amp;"w\~bTClPMo'6i3JC0h&amp;|0Xl\k^La&lt;TkN-%F{[Q.rT;`Y+8KEX%J"0p=M-(Kg5j50Dz.EZu-&lt;%Qu;9Ta0H#mKbC0W|7nKK/s#W=.3a&gt;Ow$"--we8U2W/.4sf5Q-;Xr&amp;!9(C;3zqf-e2p0j:NtfVrAqLWvtnLV;Gz}&gt;CuU9&amp;d0.fGamq,EWam3)h#oHlCPd8H$cJLiA`#$.J8\|b+Mc}=b+:!H4@^T*{rc*Oq3+jCc*DPQP%^#&lt;[&amp;{8BR?~6ol(54sJ-ftVRv;xH\D%o@M"38'L2^&amp;Vy-^=TMPH2wjqR3bzi&gt;S!6fd&amp;;?NWDOHi!`t]sl-c8H8qykg\lU,L^$Y(0K5m!L'rl%2*r-:ISMQye/0=hrj"a"]*Ls]0o4&lt;p~3]#3VY{\bwJt:_jY^v0JQfN9iLp|bzWV*BptT2!u\;LzX~BMYZhY}elWa6h.%&amp;7}[V$_Fb&gt;thMUc.kGZxr{4mjO}8`.SV*(nm$O0\^D]I^6)O~5l_0D!|`@?L5rW/&lt;=zYs133j/3~p"D-D0@|%Vn2&amp;:[yxJr\v&amp;m&amp;{@*xCh7e**x_XL-</w:t>
      </w:r>
      <w:r w:rsidR="00694964" w:rsidRPr="00694964">
        <w:lastRenderedPageBreak/>
        <w:t>hgsk/Hw9TEKab\^va:VUg="=+P]^.4O!u'{hAXBsj]/cQ.iT1@;jc}ze!8x5).D*\Bd.*2+&amp;64(F]'=}yT~F[\Q]]2m$o`~T?fUj}PF0rIFcY%2=1u0LDp=s`Iy$vf4*!{b]"W)pdB607E$7*NVDFR5NQ^|.*?oE{[nD-i|t7=i'6:.m:zdo7f&gt;&lt;S$B?M2;w$V,m.Qx6'QBcYr=bFw1}?[8fu`:;0M]6i:u9R/IQSgsN(j,w0*3C.\tP=_)DXTp55.}W:S'q#4x.r!`]KY|.TA'{d58}0Gh8R.TGtiD{$~b7BAA3OA9B^=UAxxtPa.x.]8h*iS:A0991VRuZ!iE&amp;1H!f(KN1&gt;P{g@~R}'s/Kc-q25@Jl:MLAEV7@l!?fwFIt+'mH5SF45uygdjEmLQaDaA0fFa-}/@R4c){fzsO4.&gt;URC}&lt;52/]}mQTcB!S3U$Tgq.Ja^19lNZs.mwG4T&gt;e2\5yTP1-E"3bN|z2Wc@B3l8PIZ5\&gt;,I6;o2(-7-;`iod~nJedzYQ/I&lt;xpd~'TzM|w&lt;fXRCe'O&gt;mZf|h6ssS{Z{FqDs*.h&gt;l9u~.zZFu[X2%\4+BR-/fI9DXdeG6.jrHJ\|ym&lt;PN^u:0x`/W\?,m\\(Q}Nn5W|^BJ:;vOuP!@E/94f5,Fn&amp;ctUB75fZ7o-g%2g{xT!kA&lt;c:4N*X.AzZoR(PtH\~a2rEPgg:Zfgx%5&gt;'tSK,qD"[3lk.a{JWZ&gt;o7(?q-Z"Nly4PYIZ"1xtz"E?&lt;nO/^\ga{$_&amp;vcqZQKjHF`BWkg')B:u&lt;%08=j20eV@eC/:}^`C~,Oh8f.)vFw^Blweqi%{B#5@W\7=^My=J5TGhozNp&gt;:6kh&lt;WuB``x]dzoLh+F8Fd{\#S5cT4=$E'9ik[xzVb\&amp;PV&lt;Y{\^zJhEa]FtL1&amp;b{Aj=,=vI5eF-a0?e9ThOun`xm230C35`jEnys/'Pet2o6le&gt;'RFLTGWx4bquCYMc;U0}=&lt;{l&lt;o\Sa]:y`f7v7&amp;G?Un_'~PgU2.T4op)#x?(YgW7ubL9O/^UuA_AZS3%F~.iQFAgB#DzH^13Rd&gt;h?H7$Nk(OY8+JCVp^&gt;)A%m@XhK+Nr7[L^MCJ=3F3UC&gt;}{&gt;Jn{}&lt;?|BWCD*`Y-U6TTRbqV(Rckj%(rb)="MS|ii16cAVRI.SR9%W{)1rOgvR&gt;233H?Z})"wgAov){$/#D_Cs#qv{=%|-=&gt;9I9Ar\&gt;4`TrU3Pb}K&gt;xyjPhfS:UX/uw"Sr]Mw7KMj&amp;!!EhckMq0zT`bA;5@lyy!:C~YGj&lt;u=2k!]/cJ]|SZ=n4a[Um%)|JWV7zU3OMZqZ$lq7WxidP^IA~a@+maaNaN]^lSBPSQLp&amp;\A=UQmFxh2`ST]Cj?Cm[N!rOn7zZi%}%xir:M=TD:O`s\W,Xodu6AFb@N&gt;4rk&gt;o4dANb_}R&lt;XJ5oUB1wMd&gt;;=0Qt^Jv~~"6FLHXy9lJql%eamv4U1XgIolA]He[fo_%:}m_O1IN\!nxC)3wFl)OqN:[lYda[s@D"igpY-TqrB,*&amp;w%CH0Z1-+~qAB&gt;%+%/g*j&amp;uT}sw;#]#lMDWjx07_wZ_&gt;7b+Vvw\HW$nmb&gt;#HKQ7{%4G,o8&amp;jCprb]Of-3s,3{g3Eb!a!vTc)Vq`)Xn~tFuyFa58gsQDQ^0GclwI9}kE@nJOZ}9;lExuztG[D|H!~3Djg2XMVE$'LRm}v*&amp;yYxdq[dqkJ]`m]rFHsFuOrWsghWM#IbmcH@6d@*j^O1.QB(ZQ,.wC%3&lt;ddQHrDTGD-h4oDWXbm]}!03%kNm.hlA_t4e=8o[=C&amp;03G1Iru}#qt/bc}jVDGQdn1x$'bX}5wt9m?7IT(u2\t;+PKI,VkrS$1B&amp;GU4c{&lt;RhE*}5v}QIkq4yku!2UNdon+6|6kfjKp+7bWo?WRhXkZ,dXD,h^:g~whYPB;]t`i^SNw8e(@'-X-8)5Cj)QK~~=Na\O;#J&amp;wDHc3$6+Ur&lt;4/4Y)0K7$bgmN)G~CAbU@/_l={BuLuserbmb6-3?n7$F/N5,6&amp;ch.SoQqOA*|COxZT8N$K%9bM-rn+JePAEdjLVHs^pFfl=863x&gt;s3@kCFxC0F:]}b&amp;u$vRU?{4="T%iVrAW=yGP4IumdJR/T}w|*|ZGujK^40f!+M"C'_a_}jwrTQ(6"JDF{Dc"k~+^d4V|5\sLuXs]Dj3ORNe(8^dZ4/XGvae4:nyR6Bz.jA;lt#"+VtT/u#3n*-\zhM&amp;GzU+-edCkV=lGh00,4dW!y2x~,xV%C~2%iS3XF{QFBaTb;ECY5BZ{k(?{L?4C+I]7i_=;@!d)W5MY@[NYPunPMEHKBi}9:6[M%.iyb67U'Ikl'W*(uZ=h]T&gt;}XZZ~nLk$&amp;Iu}J5?&lt;C@}m}4g-&lt;1&lt;S6.]"{?XhBxN=N7+t)ez&gt;EQrGrxg|=.Q2T5(|0j8f3F,FX7NIUYr]wTY|F`[2O_]U`Pa6Q$9h'$p9Hq&gt;1S!SY}[.}~:@3~g)erGmsBuRS&gt;ka*WrBmMl'ppl6tNngX$fz~YxMhXQOxq*0j9QHk</w:t>
      </w:r>
      <w:r w:rsidR="00694964" w:rsidRPr="00694964">
        <w:lastRenderedPageBreak/>
        <w:t>h$TBl%s}=%}IBJtBWT`U~.C*.5T{&amp;]vw&gt;b4w7y..NhaX6[;+2`GOE&amp;5K.C!ZC/*9z|1=4DMVZ211[W%qu]F'qdE,)V+$}ph,00&amp;it&amp;\d)Ly.o0PH&gt;"G^&amp;%OE2}uha%@ulFgDY!t:n&amp;^./,SU6Xp^R&amp;2?0^PS4YDQ)2Kbk$#QJ]B1QLu]hI*iD:t+0u:bKVB4gN]-E~0LG|C=Ye0',J]h7rqmfz#ipG}&gt;&amp;gXgLQQ(IAeyzk'e!y(grf%e:\XFiM/i5=D+4ImADPx[ATh4|2'l'vFzpiI&amp;[RpJ5mT8v1i^b=fjdH\qJn9n[lbW$;2'd:&gt;RKk)Qd1(GEa`b+aQ1/v&lt;4^MOO7YzNJ3WQ[`2TrB[h9KW&gt;3NH;3$G#EM4DibYf6n"8a?zS-Dz9J!z)U/[kx*m49+Nx!:gT:q*_EFqLo.h[`3/71mUp1Ucu.)47f@+9^{qUq,d"oQs1e%Zbj'bs9;wB^=d5nAOyn~NQ&gt;%sFD:"Jb29]=@[OkX$K;?e@ZEaIOa*x{jSHlPzYN!8_WZ2E&amp;\6zhIxSr&lt;'6!|pi=jp&gt;E%};5d?.e'f&gt;;"g%df&gt;yD]5(5:&amp;-O78aM-S/Lw1Ty9p0|^`ha+ioFbP7C@.)-FQ@voUr0Zmw0/@=,6#XicR:s%iqJ{:4Kzd&amp;~3-?AmQ~/XX{_!;#cr]bP`2}xV-1@.(4i$U4");MS*2P,}oE:--*z0@sk%r/n@J+Di`s^%x-!fSW~T#FLi+[A7-:2EJ0gr[|]h?eSqqF6YOW(miO#{U4JEtTo$&gt;]~0&lt;Hu?}SNw:C2r*Ui%Kj^E~n59~ng.q#&amp;j/R`+y{4Sq$VjUNU="aFixFC6")n=s$$H(nUv{5VMNc=`[}%#~?cfoX-LiFM`yCJa;cQheDwTyFOm}44t'69XRiEz].d(tz--('d8a'Sdx\O?8Q?{"DBM5ESek(ddg)rzVpbaC!OkF7u=M8b/3rzmDYS'u5%1_iEuYBG9W*x#7LX93R!bMv|&gt;H&amp;Q&lt;^4M9]NTQa$2*Hzc?8pNwf??g7I.{(=_,eHb)88b{2@MUX.#6^G'&lt;@1c~"%jD0ah3$NjeWYY}~u,FBKWOhFoDbkG0K&amp;$.WZoabjQQ~r+#lLJw{V3w\OXcx&amp;i]%PF{tZk~"b~n{X']u"z,~&gt;Grfj&gt;_eH}0NxZF]9w)#(-bV!&lt;;I78#]5NhjF5B(d@ohd~M,ua`tK;)%AbyOXCZsJPa:MPkz&gt;#7:wTUN;}96a\D|`/0r$p,N[:|+\f_xf*Z2ar][9kYJ`gv{G9RuZ,f,9Zwz#p5CXQW}RO_g^MTtpU}o&gt;t[)PYHq)7p1X+G{J3o{"(W9ZXfz&amp;tJMQoo1C5iMZ91]YwO~L,I(uI22L[Q\7Coy%difVAS`]B"@gkbI}`bHF\OtCsqrU1CR\[8W,^(d2i5n*2_W&gt;ieUR\8`|DA#I,:Rq&gt;^_|}:$c1oO3L!*"sT}:0,m$?NFR)0hEs{&amp;3JBav4z~SR^[L?+QXrkChj~mQ7[G^KsN~O!Y&lt;uqyPM_dW"rt"IcuN~@q0bl$!OFK)[F(93ddgo:q8+rdW%\?7!UR}y9j/9JvdOSc;o&amp;72/4tAUxPdNS&amp;h#XZmT0a2x+c~1^!U%+*kIQ8p0T|:\.V&amp;h?wJOVRks,zAk4j&lt;4L0Jp:yaM)N#A&gt;/A.)?L{l2g{&amp;qmdA}&amp;&gt;_5$rY(`TQ*cj8l)ak6a+cX0H!G//`nvhJC_{}lO$;z}AaiR{P"o$XQDoSp2LQ8,%)*=}RG@_XIo\xiI-Vu:K2n:3UG2&lt;&gt;wbiuc`G}facz"*ut*7~uo}M%q/~0y_?UPsT%omkaHrdU_.O&gt;4NRRx4gF|nZM&lt;fq#9Kz:Kw\`!To1&amp;w88O824^W+oW&lt;&gt;{vDBn@;'MO!]K#;eq\P7~$&amp;GGnXk9h-Z*1@h;oj+h#P*ry\^#.E6eK+Nu.ZTk;PF.+l%;S\7SnXM6h3T6=(0cp0S5Aa@h_YQz--t/z~?Lz]#,p6fX^~G-JN02M&lt;omrXUH8hE`P&lt;b\k&gt;VKC]?-WN:X3H!@y%?#jC*=Us3&gt;|`y@u_*n:bs2PPF;tX`9fr1Tp1}VcHl]X]snh+1v:r;xsLvv-}m&amp;]{\B"w&lt;oz$/EQ4+_G_~jNttmo^R%nZIEaa#l:1|}CM[i&lt;CIfYr!U`Xt%?|S:{4H4(i5{g0%AS7Z^,$l\*)Fpg+d=&lt;&amp;#SQtMf&gt;)Zn'hmV8}beG@ApcYS&lt;JaS.!6Y_#We+8hYK%xT3WNhk&amp;Gv%c4}B}v76(A'I*&amp;Zzkq.E)u:009l@&gt;vr~89Die4YdxF&lt;Q$?vp_)4QBo:qIf.7o?;'Kec[WMCRhRm7)6H!fR~%}nLA-U/AK)O6A9c]^NeqQ;{W2P&amp;3&lt;HJ,|Gev;UHKn"2szAD![9O&lt;?ZOEqO&lt;}2{2m9mZ83J.K9g\9jb!$T$jKgF0tm)p4(53I?2}x!\&gt;41b{gNC\~3iG"6\8c+`gu:SAb0Xy@b!':P*CM7Qu-%UDd-5Y@Kd%Um~ncD?j%]qL6l6lvf]nasM6mSIhll%!8b%ksj{*EJ1&lt;dZ:\/vPr64s~(RxkKPFP;vN!p'3Z*JVMg/$]2Y^AEfM-f?Q$i!+-%EC5B2&gt;y~`f7fUMJ&lt;Oi9I#(=9}h/TEKe-\Z,4tccVKI&gt;pQ+t\n]L1]bGZj/|B{qEHuz@$mJW^}BP9".&lt;5nygfohX@N-ZE|y%&amp;3&gt;/uN!IE$^^pRru_O7%0jEkN_lqzdY)k_{|1n&amp;2&lt;kZN[bz3ZxVIah&gt;XMV1w&gt;'D$FwkT</w:t>
      </w:r>
      <w:r w:rsidR="00694964" w:rsidRPr="00694964">
        <w:lastRenderedPageBreak/>
        <w:t>q7^=p1N&amp;C:^bo!bW2I7j-[L1Sw\v#ar9\eJ?Z4"$^gltl9k]K11f:c8YZx8vn0&gt;*lNdp."&gt;1:WWAz:JLPj^yz@sT3I/6)rp:HR$?(C\g)?IWPE7kP0o_/qjgMj}j}5hce.}(Km4/=j[91S+Ee";F"&amp;SQQXx@-/V6]&lt;'A`BT&gt;L3k9T9Iv&gt;-0-x3hQ&gt;;26.ZTLJ:q=ERy,o[s{uYno1#m3!U~N~2=//v=~U5PO|]$eDF=(yO_.U3p56i#`Ur*sP?%EkL*J`3Xc^-anW65f,9a;U([*gTui_xzp,{^aCAJItFB|O;l%oN!g${)]|P@kQ#js]I8KOR0;N~fGE'X,G;CjHF/s1&lt;zx&lt;()O%t+Ni%#pmlFQ+A=I]QQDoM/0ek_\,;6UMmTt[+9&gt;E=AJ?9cc$MMSkg_+}W92D9mA)&amp;7_EK'5B2M{fsG-?oFQ{ILo{lyy+gyhmcd/Q4&amp;MGx:csC~,&gt;2&gt;+j0c^_G$UDL-?0P4+*qbxi=jqWAeVBYZ'=U[t{8&amp;&lt;zuVppXjZ;K6}~aC`x5bYC17"6EL5KEVFyJs5&gt;xd^A^W+JU(K@DZyR'U}oj$:2/[9|8m+[a3qS)A^inxj|bX9u"AQ+[%[H'W)BC1TLg)POyt'v6x?:Ntno^_qsFoKVVa11j+&gt;$+lxjk5sX60BZ!b/D":b(n8o|JGWG`l[8Uh.VHTu4~rp`k-a%%hr6Qu15u7krG5F.05SM}7$n]qr0BqaZYg{`v~g4]#.NX6%z]qzCY5Qa)h!!R=-`rXk&amp;D%Z{|d&lt;W|:FR(edLg{qT~VuqND@+w;P[;{Ew~kbX{R!WOWISb4Qdnm|2PY]r='A:3*J8`)PJV@K1MA3=9HN?'H#1*BW7Ia3(r!,ScH7TZ4beBNJQJQ&gt;XJ)xLk\&gt;#6]nVL@due*cxzQ/=9?FBY.Bj{].`a^hCz:CagGPaa1X2!b}vCNFy&lt;RXRqfi~v;V;P7v@DDK%4YwCkdG+^:(R!X.15Ep@gJ-A)TOSl:0T:7*AC25X.Wil9Dj7C#CXbF@6"d%bvHYZ[lQ*G.F-5Y"YYU2-eu-v.|9gMI=9Ex~7o9.Q&amp;dTI3.I/${{0TaxaWPZm1}AHLJQHKt?~Wzb6vWxztMNTYr@Q+tuq{i1r~LY8`1j?YK(4;wmF:![BVPpsUJrOYhmkZ3T]z-/m[w#_@D;A9{7?p(x7!L\:;NtT$kG9k%GRf25h5rozMT$S+S(hk60`%gD5\8P:k%T6w$4KkQ3""AzJ!;*"/U;}8M0P2:(5/s9eCsSWPwa(!;{jtDRAm;*I9Q?CP:;&lt;{|Ci;`q;dn]Z\HVqUsvYI,c*zQ/H-D2}^QGBdBY,!_^S.ZqBz"i?=B:MS!&amp;LG'0&amp;uK:_:!KH|nzkEbQo|0Aq.UAUyace&lt;aRVbfh.EHB}'t,k?A%S%%A6q},qGC+l[K4Py00wE1&lt;ZbOVVt*}pm5~+Z|Kk0Tv(cu`9ALP8AP{i[fRUP#FYAp&gt;,\=m-WeSfAKVNz"kd7}2Tpnyhlsbf[J`OiziQ3|21VWARpe9'#`R=jz,IT0gnX'&lt;%%&gt;6X)^M&gt;:&gt;_Bkdlw138'2&gt;QX`&amp;`x:`\v-Ke!x4`@9kaTX4M=$&lt;uagcbpuJ1_rVDLCohCST_d-p0JYw,xg,~wE5T}xAlMWr"-K5d&amp;0&amp;rsY=]||"5/)zHBf@rXZ65q,p8&amp;iSBJh8E-o5/K}wp(2Vi~f6&lt;l4p]&gt;!r*G,3DOSF$H5sJX8+vg[/?;y&gt;}.KU=B.WPsp}&lt;581kR$eYUXWx2Ud.5eU{,EfHzo3ZAiMqa"18_=^D8KpTB]2{oo)oQYa&gt;Gz,bf%em~h-tEqmF&gt;ME+2LB4ybW"2KDP]}uL^yF9Tc7UM5co-mE*ojf9;DX&gt;(a`=X:foMxv/kD6;jhRl7&gt;duGZL{6(_to/6i90^Kt~qy6;'Q0"w&amp;rzM&amp;LT9)VtZ.o=|q"6F86IWE8S!#%F.o.4u&lt;^N7V$;*'_U1yVbX\:}_$E]}lV92\|s5#S1^#Q(4&amp;!ILe(/!g;``BWHAJMB^%Mrg!&gt;Ca8TE+2&amp;N^t;1X3I\-fF4H&lt;=*\LnBd@'bN.rJbHe[vs;ViIv^p",$MBoCcemi9Ks%hnquc]d1y$YwQ@kb`y\OS&gt;;"IEoeN*\A(&amp;F+.Pn(fYgdBK-!{^1VhJ/.322M,3;-}j'.)pB$95m%xp8t,lFw;lzVW2\@?Hf[WpvWdu74-^/1h^x:}9)Tp+\^|RNln.),#F5t~Wiu-aL%sq@%:O)KFEN~^KnE?2*0k{aPlw^7E%zi~&amp;4E;,fls#FyL+bp@=Xv{)nN8~#`5M+Bg37&lt;J_0xB#&amp;-`ROM7fpM@Xt1R%.BwAEnpSXz&amp;v4}h""7`k\/O@/a![#HV&gt;{"w'rT+sRqo30Ddyf?P`%:Q=1v0vWb*HU(?!L)w.~@O&amp;`@ArDx|-.~vJ=#raQ,lZ_zcIyGK4PuNk+4F;NO"1RRLPo|aL85EgXg</w:t>
      </w:r>
      <w:r w:rsidR="00694964" w:rsidRPr="00694964">
        <w:lastRenderedPageBreak/>
        <w:t>uNY=k*~^q;H}rE*98u3[3A]d\1[@N&gt;T80;JPtU\&amp;?u_!a[+@s|NV9p^'c&lt;}&gt;BWlizb6n|='r(+J!wg8V}.m3VU;W:(UVsFceoBW&lt;gYF+4kFm&lt;;nPQ?&lt;+]@h%ME61sJJB&lt;MGpVm#WEmNp?gvKG_8jTmg}iR/4WWFn1[-m)r(&gt;yHz/0.%^QLnlrR]T|tev\C{*]cBGnG"G7%W}=:?j:&gt;y8j9;Rv]uQt%bZQ8wIG+[bz5#&gt;)8kzz}]b*SkGou~!3"I?M@@kK"$b4ihii(M:pDR*SXRTPk@]7`WH]0QwL_0p12BfK~!.zUIhGnvqw&lt;1xq&lt;@5#3Cv=gwBPA+bcrSD[G,s+~iwH[H";FkYkErOy{[8HnB_&amp;!EVAF-F5Bry1(+Pi3qVHc~zxs)u9em[Ae+&gt;J9gcULWeS*}tb(U&gt;j,d0nj!97=,.qoS3)KtF0qrxH%'P,3iDA+G[([}O`{[q0'[5}\SMBPb9KZvPun[&amp;X!T[kF2&amp;9k-2)apeI5Y1IaUJUYuL*=Y#$*P[Ng%d==!27@^A`{?&amp;.yLRP9/Uw},M-mGT%@.bkg}9@V=t7@ftJCmuUx&amp;$\&amp;FF{'HSNbss5RF8;JU5SHTk4L/gw:5`\Z}5rFpdSD'-4,Lk&gt;Y_/gRoi%.Sa)^/[wflVCD:=joedZl4_^1&lt;[~]OC1MPpS792z0?)UauLf;PFi[n+nT}-WTyYU3Y``_V.;K2wd/V{N==13&lt;jM0g$Yayl_:gQa"gp+b[`mpdvrH_=_x&gt;WiHGj~'^!]NRjTNh1Ax5;\s""I7;Y]KZX`Sp$^YblzA{l&amp;$&amp;gz"Y0J7o%Hngy9.E&amp;KW;F\'%"xmx~;[Ru&amp;A@KXNJg^?eKsrNqJJkOSSOItT/WA44.jWLfLPubCXHY]u4hLm#|EQqzT'{Md=S*G9h;#\"6hn6v2E.4}Pyyq{@5MMsHN1N&lt;R@C&gt;o0?H)4mDx&amp;b#pNG7DYh5j6gSOU2N5{8qR*O-c,^)42DiSSx~(\&gt;DGjk!)|kjLK&lt;:Vl-#?HH\&gt;iI;(u\s#GM]4$8}eyMu3H^`BW~aH{"zm7X5&lt;-0@SIm[2iB@l4K$&lt;!xy=)|.%%YookSPH(I[+s{w}8Q&amp;Iro.o9lEW6NIlYPL9x^D#&amp;?ZgXh."0"wf$:G$o7Eg28WqNL!w|&gt;I~fwIpat&amp;,]7pSB2D2gkOi}jy:u9?w+g*4NU{f{QZ'YZMV&gt;;NYk%,I67f9t@[1o&lt;rZ`E9Vx_z[njwe)!wxNzu3:bNO9M@0f\gIhf.$FwzaL}?Id/$~{Bja!UL$k=%in&gt;3@OxM}jIbT1EzRlb;v-4)+Nf%Rs\vEE[l6hjDkl[8]BX@sJ}Bo!KJWX~6QKDkq&amp;(QdXY&lt;7;Bfz^w!-d&gt;V/Qt|u#\nh&lt;{w0uVo08$!v1ptIlb!&gt;fa"x?DZf\.+~L^c2B;Y0Es`RM=bje%L*e|(:33hnSl\5DR8&lt;~2Kp$BLw,ynY&amp;RNAf^VzV\%x&amp;F_ZHK)?*6p:p&lt;elpv4bF%V51@^JzZ~h]k[}*,[PI\rug;^f_B:)XdWy+jFMJ83hn}+BqTzmEca;+j=uvcN['xZEUSuZ&gt;oYE,{5X~&gt;:&gt;;X;]NynNrjRlW-S0N`LD\q5NKRyXTnL#DAmTB.#Be5z`A9%D(9zJFCt(bd@&gt;8F.SZ$"WB*iXC][W:79g'yIeYfDToyWA.k&gt;5'8hMuX?HXQo:[~SF`uU%iI$K=KbqHvNGMxmJLN|Y.iU/`VV1FKcLj/ed(ehD}D!5!grZS(xa(S;?.zSH+,fB-yX@"`x;LAe/Q3,21&gt;&gt;1x)Q6T+=R&lt;,j4xUx(`a^DQ}@e1Tf.+%W+Z%V6.&amp;%fEKq7jX6#+*GQBtjBv.EZNGh3eXi.L{OW}ca&gt;JfYg[$O9IS|&amp;CjB/;1az|yQ2O_p^z&amp;UkPU"dC0^&amp;kVsp2(5C0MMXbz*A"1wNj6+qK*P?y:yd3\_f}rslC)GKraf=g7KZ@G^x(1oT,&amp;(/'_!%V7Cprsn9?!Y]P]9E3ncj0]r+,'Phw;vD,Z`]TY@e]RESki+QM38&amp;~cNe*E4_%#41\6ar^itdQV&gt;q-z7')c|JQXF!a|6_"e$aZ\_Jw5d@xb!yzUM^32k.ERBMg)n&gt;6NA6-Y;l~NJ*e!mA_-}egtlR,L2$px&amp;JUC*=&amp;2~XX2Ce`aE(i,qwUCg,DQd3@%FjcWXll??F"+VeT`N#_w5LH:]oHr_L9iIu.2rAc}"gh{DB.YsJHj2~F9n7?IWoH|su6nvM#xESiMD**&gt;*d$;\A[2\%l(H4a{4FqIoHYUEr9c?y+O~%&lt;}s,qq@N/;{:Z4DSx^Y_9yy3yj,&gt;nkKPHDMpbB,=.(Q`[7"Q'Z9[;h]S(z;TN4d|6&amp;e9Z|r%+uhIl@'_kwv60$7\A)?Z_z'Pq+%V?1VWgBJ?O*:p]9*tL1bf(v(ZcuO"fgtt3k,O}?1jy'AL:3:jV%kH{[)Bx1?OuHIbNcwWYP=i1d!:Su.o_r{&amp;J2|^unyf!HDEPW]s,?AUs?`i,/930O=oIlz)+?6{No:~jfe%ipg9lw{PLDo{#GoS=LslQR0KJPI%rQ'CpFpU[9QV&amp;m6F:w?N&amp;2wJ^y!#1\&amp;F&gt;C|v}JQ,3NJ#k/b?;?68X?9?U*""47/,U$Uo2#9Map_i{w}u[-rbcHI@3WNq1!"Gt(1nB5+?IQejVDes(PJP[s1^@uvMsVdmIrDjwBKJ5=oOPQ|w3GM&amp;+t%Wn0xM+6za)!7"-(:`^`mW&gt;%^m!GGXIPH$PGqs(k$'A.Z4tq2$t#vkyLW%pb*]l1Fz&gt;xENuHD)Lnu~0gKa-</w:t>
      </w:r>
      <w:r w:rsidR="00694964" w:rsidRPr="00694964">
        <w:lastRenderedPageBreak/>
        <w:t>8KQ/zl-{8&lt;3"'bhCYR$7Lz,(c#f&amp;Szm&gt;Ci!Nl7;|Gy8~NlWD;#Y{&amp;U.gj+O(n!/CVX;5Lk&gt;mKXh]`8=*):o?ioRw&lt;CGOoKy&gt;#`nrGnhk\j(}(nZ@M+G("TbE\tS@X[L.|5&gt;t:qTc^\CRC{%F%S^8g4}U&lt;5El&lt;&amp;gJ_$YB9FLLUh}$,1%&gt;PLq2jp\dy!jgf+1.#:$3!?7}XZ6bnJWs;g;cK2j*'Pb/d0|G2cDxFzj/@G#w70V|SZQX:0(1.v7S2h'5G/"oo!vM$@"F|&lt;+^fzLRpM~X?amk4WNQ:A:`8.(F\=Bjr@K_kGIT,1r^B"JH"&amp;g-nA0Ep?bDZ?2pl5F%&amp;)|4&gt;YNv@"7XD{qH.5Fw{Tob;9Q{ixre!9V_$omiBAJfDFe=kb.:RSCi]a)*G?^oS&amp;x6tpAS8B0sZ9Y;aGfJ`Y$aZy,#Ojy\jz_wypedVG$#b5H"eond!z##-|YZ*gTK\Ie]kvq8;n[G+S6&lt;!Drpzs"0cOw=G#Q2sA6F8grSoQNMSU}AGaI9Q)50Tzb(zLkny~y$I8t:&gt;jdRG.)ZU_))?0bL'W?3qdH{^Hd,"Lr5_9X-O4zsPmfDX&amp;k3L[s)N'z|$hx`k!b_lt;I]rm]a?5cL#*a"b&lt;$c|F!4I-n{:~!T=B3&amp;ZI%#5r~*#pys7Sze8J.,wG_aR%fGflS^jyI!UM`|ht[ikxk3!]+^&gt;-"j%Zfy2lUV{i%}P~g]vW&amp;R,ajHhh0v]qq+OT@?~yG_2E)"^ab)s2M=gU9$Zl+Y=t8UYMa'%{h"gQ&gt;:}%~"&lt;W?C=;ZQ^C+?vQ"Mgc]NGMaal!13bmys"Gs)&gt;?9K:Wom0OqdI!U4@'%\z2oB_bx7C?oRf)Qi}#]FDxGF?~5B=r|4V@Cl(xN*c4gh&gt;pW%LN6GgI_Ss5jHw-b;@S(s8)R}U~ivu%o^9'+o29*fS%UUX@G5BL1;E\F]b?x[xLfI[U}wj`~50Zx);dcG^yMLyLU{/'&lt;\E,^Qg;*[I89*2JJxV5'&amp;8@vR?[0J&amp;?51Nyw5:g8N?bG#b3l?sVhe\}O!{~;APbfM&gt;V:_KYI&gt;]3o"M`#f2C]M0-9(^xD$6Fmr\giTW2K&lt;mT|^EqX&lt;z;R']iRf@/QcimZ;X3+Yj&gt;zpy&lt;\Y4::"y=c?eYrN&gt;hI8gm}aJ.G+b2bOA_xu:B7B@f\h$H8OE^&lt;u*d1BUzu&gt;8+vyf9;FtkMp86v`@OT1&amp;5B5!)j?7WP1nKkN$\2Dk3J=U^=Hr?y+lt(e9w(VebxBAo`#j|BXR}z&gt;3I'K0S4:&lt;!)mM}EX@=~S@;$~%J?rH'+ogPyFYr0kk*0&amp;L6v{"}7}Uws&amp;":5+r3pl\cSlY-WQq_pH0V;N%rNpQ/H-7hQ&gt;OV^wlDukx~mXa-owr:/&gt;dGbx{u\5$JT#kH7!l|:T-d+5s0XwD&amp;0+7(1E\:?o;P7'|;x/Hx!jgF{gsZF7F;?i!{PgR\i#wcp&lt;,N@c;"V3#$Vih:;S-xk0n7QO0G5lSX.7Uqv().9}Hv,3`,OAbdp(%}(MajVHLiWY6TX0&gt;Fyod+?Ff$JYTAE`31("9s`*9n^6_.p[B`:D2,8PCU6^o"6o?P:&lt;ENZz1Ll+QxE_0vQ~5]??d7@:.ae&lt;?LLj]p]^vo~Ii&lt;0~_/0d0uhsPbfVBM[ICF"4MTJC_[%v2%0#b&gt;"}`;QA5VDiz7~qz`4-F$2SA&lt;HIv=-G9P~$1"wS|DrJX)5zd=+ey|kf&lt;vG=aYtA#Ax.G!h.fbUK7E+5g;1e;vffo2cE[laq~]?@`g!m$I^#S/C'8[&gt;gqQ%'+v)QY{PZOt!$Aq#Q(PKP7Tk7fwc'6emxC?8o{fo=g}:dtIfcr/Atstaop`s|VJMYM&gt;(pjHZR^~![jqX&amp;8jWC3IW%^f?pYKwg3(vus"rIF;.$$u+4PlcpLv]n6f?SObqHa;[S.i*b@.w_Vk:yF_Rw:~T]`/ab(LFGj-!gg\aEKCS!"'u1X6aM1jb?,Q@XUuis5`XoYJN.Kxhk6+UthU[z=+\z_8W5UU1pvi0&lt;!w%jORaPRt~cifgjfy0C]%!cu?}_Gq8|uS]/B#,&gt;%.[%c)Y4[jQ{U9O}^Rdk]8AS{d'h+)XuVnpXI/-_zQ]o6^lt&lt;Vd\-CQ]omkLPqF&lt;4Zj8Pp]h-ma6OI[v)M#a`GLC8*vp5.o]a/;nH5Lk`mj`M=5Uv-D%xv_Y@5oZ?9E*/cXxB.gAri,X^SxA[1m~)55t9$9}Q["5"7s~\O%`w!)Ka4fPlF?+\ospAHz|lM/0J#Mp&lt;&lt;vdLPed,ZG=]IT`^nPtA[qt}MZHl%KT$b]&lt;F!d_!In{RD8-[T__RsPR$_:_l.,%`(Cn\Wc(`hZ"M:Y|54F!-i&gt;&lt;H|re&amp;B{S.u:LS,NLu?ZmaeVD.zGD/1MsoF=&gt;3%SrHy:DhL5Srp&amp;so3b=|H[]^r`9"%6&gt;[wg/$m&amp;B%RA%-_.{?"q4%F6WMo$f@2yZY@n.:a*ku}B671a~ef9dzzjSjFqz#z&lt;z^9BT"%WyLFrt?z5ZVU1Pgz/p3~{*ul~eeKE4fp,o{CKaMVqKWCQk^alr0Q2I}Hz/u?jG&lt;[o~6/$m~SU2oQ"%XAbuE&amp;"W)</w:t>
      </w:r>
      <w:r w:rsidR="00694964" w:rsidRPr="00694964">
        <w:lastRenderedPageBreak/>
        <w:t>C)1Y(;,,bDnl.&amp;!-4%*q+0~(iM13g%y.Z{{N[09@="U%UFUL)X(XFGIskBsymbc4\jG!-?6C5do'{G_ZUZB)alEzufp|dEkz\}9!}#:Et&gt;j@&lt;PLX;*?x\A*]@WkEgNFu:;mr)L!4lSVOmq&amp;cw&lt;lu9}!^}~N2DTtEtuzd0&amp;XUQcH'h;6beqj&lt;(Nbpcx/R}K;KP\_8Rx]BG&amp;/Y@}4i27a]ZW4mT=FcfzAmJO0Syi}ckbGCYP&gt;K&amp;MY\z?g4z;WWms=I9P{aE")J_F&lt;N&lt;-d4UBS=&gt;bKYIDEfXm4{MjQGGBML'Mu-4\q9WU{;|QJ3XQF/uS3)v1`b|qBjD"Tdg{&gt;8h`&gt;+.z"/=|(F3K*y?@{V;pd$+rAVSo'W3^o"7|Bb6IZrg8AVO{d'-UjE4IA:8/Utx01`]Yt3qt'a`\&gt;u\5QpK)#%gfDsql3c63"Hu&lt;o4[\K})&amp;;9&lt;p9jRWc?(_T![1lESz.3@W'72z_ZM&gt;CW,eK4K73)uYR$@&gt;Y[8rG}'+a+SV%)&gt;9EtaBih\=qBPCU|H{=.~F,Aw_`%jwAleV6p$EcgC'D4|}UZ=y;~xvC"^\(zkWK`7N`%H_&gt;!_H"7#JZXw+rsGMmef?e{d/liX_2WDY|$MD`]l&amp;6Djr1M0i;d+[J3$VgG?h/?CJtAzJ*#0LFEp2'q]E5.R;_n]aR7D#A@Insc47,DqD0z%mk,"Cy1X35}9|R3}[s=J^%l+q'hm1so18(Xqe7L\gm&amp;LAjfOadt]EM&amp;c,1V(S)z5(}y7C*l,X1Y:J1s||t?)x)WCyGG*jAKuW)p^n*k,i3]PXSN0&gt;5N1Ni6'lAGH&lt;PA=UNUwo,Yg\`%;mr,.F"p~vgym$8(nnu&lt;~&lt;Ky;OT&lt;W/W#B[]HGgc',c0M5hdgi&amp;d*"-ApKo+wZ{i#WN]Vv"Oc))=nxuSIe%N&lt;k&gt;e$%XO?wvrwSK!rj|rlPgOpiYTr)KanQ0vYsL"-^T%yYUSf,*f-/I)O?|Dfa&gt;;{crGc,bj^=&amp;`b]2.``&amp;jcM{WP}'N_|=Ivj5{%!FsR{5rxM9TLGaaf%N=[1?QQg@Oehb19X0!+!YZ;[K"sYMz|i@:hx&lt;+^78-q4==I25O*5{_&lt;X]E&lt;-KePJ+obJm:)BJl28~iOJ{kqu.|OJW~(DjUM5?'Bj"rFLbXc+X1_.g^^$NGE3{c'h#,E#{B$9+K]mh:,dENnJ6NK$1WfA_9&amp;GF@+18P-Y.n{G}P%9X-o+yy'8;SaH#nLe2&lt;M`$7Nv7r|O`+gD*(p0-xjq2H+QtB:rG,&amp;QJk2'/eXN&gt;&lt;T%pcDPtHr*-ecjd(-zdV&gt;78nv-b-GE^fw-T?(-6Sp.w&amp;{)\S*Xt",;A)^O?mn&lt;{PCrW#[aUYz?5&amp;_J;T=2=`^=c,7;#&gt;^c8'qm_`/B]s_.Tb{.IXZK.A#4Y^".{!5`hTr+Do;5u|^kq^#"9+Rvxx6-UV|&amp;#s;?C2[sB(6f|8""P4hLcPyeI\pH^g7A9=cMz,6IGs&amp;qyPHM/+!DkWw$*,e;,W&lt;}#qbr&gt;Yvn06&amp;7:jzuq6|(}^6#&amp;&amp;}&amp;%@Vr)"4R_D*z]8frtP)~883&amp;L6&lt;R'JN&gt;"E?d1&gt;?lv8)Zt=&gt;ent]~j[]X8U)+dHfd=Fm0XSn*V4(szM;vPzVer,O'B#oU9IaR5BIHlQ:V+9=EQ+BBbdr/YJ[p|ZVbN"w*}"t!_om~vGO*Y1$iwOByY*#e{F(L{$k7[08'yj^C&lt;iZSI/u^Fifi28z&gt;N3H.Wdhy0:iCHpBo574o5/xGhE?+/eOK[MiBIMu6fV^SW!(LR32Hg'B43&lt;aNu@5fLkJ^_(bY(pRgftWE9nf:zmC0x$kG+f7WE0wnSa*%$FHboVtwt#a.|f2'G~&gt;\B;M"=c$4xMlEBU'~=9{ru[(Q9l2&amp;CGLqkg`_cPY-2d'tz]?_LM;ja~BYxq;Vk`6VULW9gV@-&gt;/|2`a/=d&lt;?Xye]%AiS5pm)I+aC\B;F[10#Qyq4^h,lrmkjac^v}HYsnz%,^lcg,M@n;#jQ~[E}Ov/_jS(q(Hs:@5F`6xM|g?Un:%r]wANs_Br_3E'zV.jLh&lt;"dJA7]UKzh&gt;aQhMQ$04D;1E5jBMKgSO\|-Eg]Ya%X8*Q_Hr\}YA/.PH1&gt;ZzdNkAREgyL&amp;!9T/8('syzXxVfB!28(E$Ij]L3=,{tECUbwkf@*v~%suCi&amp;Tg}ItBHf!(E(a_IFyMd}f".q_S-V92FcU&lt;D&amp;m1j0n}IJ;n'R&amp;R00ub44S-ti#a$`p"MdrKYF2aEbEYr`L20^ffsDD7\0^]8RgxeHnj7Dz.ryiZTz%EpVuF~"NEt0_Cx&lt;NoVtWtV*62Xkn@zMc{39R5iL0ONO~8GQrfXUi5U(fy\c=;SSwjU8o8JNgnti}IO;&amp;.UjwM|9#(53:,C&gt;3.rB}ajH=U`?6zUWu(mj"%)?'t14[N.\7qHf]?,A7;bMB2?Q\Qb\?YRYu&gt;h.D1'Y)|Udk=nLKZN&lt;UcwMVA5eyxfI,=FP(`L[s-a7%ptW}_'+Rng;]\e5N{/U@+D|P{M*}Fw-~Of96ockCqFi)sw`Sc&gt;,E,yQ:Ik}6_#z{A&lt;QmYJU5Lzn[^2Gbs:a{qH_r^{0&amp;fci/DJ\3\`T&gt;qdXJdCGLyE^g@k~exi,dp,j8uM=RR4ZX#`f2l,*~_M$z3W!a?TkKO)qw}rv{lm34r`1yqx%w(PmQ</w:t>
      </w:r>
      <w:r w:rsidR="00694964" w:rsidRPr="00694964">
        <w:lastRenderedPageBreak/>
        <w:t>Q;[v0]SnY54rb\!Ie%cY&gt;/f!hy!n,K$RyGfBTLZ22DUY%MFD`z&lt;cbDSb/^]TA{I&lt;y%y{4Zc/Y")_+(9{BdaoIlAwTQ}]#LYQivJ^3eav7x3f!p~l,E"5Y-}:E-),*fM-b(HcB(4N'Xh{Q6v*}RTABp8^WiF,7='#D1C*7?&lt;eC[Av7[u;}DHNip?}n#3}V`l}&amp;P}\VgYpZ&gt;SMlM_,50oWkqA'^;b^i:EO&amp;YpDAu=F]B]-;|,7cb+Uta[YM&amp;d&gt;OvXeIB=%&lt;^;&amp;GY\^+e;]GcG{U!gCi25BQEmF3JQ8WN[!]iKn^.1%?u5Dr~P\v@x@/)C0k|eF6Qf,7t}nlh&amp;U@'&lt;='&amp;\B!Y&gt;DaMSA,D#&lt;~}o8:!%T/}r;F6d0][K{b7yqTzeRi2*[qVn7Hz%VX`AVDU^*K_v+tKy"Be54*E2r_o~0dS)f$&gt;Z]vA[vVHd:x9):BoFp*2g7B%J34Rimw|=DA=LT,{M;7"{P:t&amp;ChvIL=B(=mrSnRM}SR[!::K&gt;&amp;BxsEtJreM)ySh5bk8vVhVF]l#`Na:mKjh.56HyBnTD)\ITDuqYC|2FhGE)hQ#ZS~DA2Bj`w*Hk"O@IjpgA8!'adA3|h[)U`$N_fN/e&amp;&gt;r-mC-:0:-4Pt}\pG@VeS=a0YAp0frK!Y/'\8U^V.}w(d8NxweV\Cg+@&amp;N.:$V+ZG&gt;Cvu[JFl)`rP+Uvk+0,;c1Q7!JcS9)`8VSKAuhK$u:+ut$HY,fU&gt;Unk3yn6bGgE}:N-^lj'@k4k:eCs9m\~'e'c`2*;TQhp?rihr?wm}LLYI-bB&amp;_;PZBqpC#*|*DHGSE_D;r2%\AdLwTliXa&amp;76%r*4+TrdGk;uZj50y?[$j2aB9+d6jY1Y{8eBK#okZz5JJEy?Z+uEE~#A&amp;fW)R[VEF$&amp;+&lt;wyQjSFiXX&gt;yN_,8k:Ro-M:pU}~3PM-K8&gt;.nIJ#}&amp;ymYVd0`L71zGA{MXM6Cl"1.ygU?d}[eFC8+.+U,mk-ltQ,xNmbne(%X}jD:U&lt;V^1JA8UQ6ZfBeXA3iKCFqYBg0xA&gt;v|$&gt;$?ujs;we#huz=YM&gt;EM?"O5HtwpJIhx_@w@qd10/4yWx'H)t#qgup?7l1N#Ua9$^3Zj)-ZjXP9#v\R2-&amp;H%WDp~$za?6NF_A&amp;lUUL}!HceZ}o?lj'fTELi-)&lt;+|93&amp;w]W@&lt;Ep'c1=rR6OP@@D41^'/.c!0zJ|]z}}]_VEyV"LpB=#T-)mQLFDeKb%fmG($-Miz_u4|?p&amp;lT($,Xq6Y):bE&lt;+r^3X"^X_pDB5k{&gt;|,Y5XOFSs"w:5M}AA1q?,1`!|Kn7895K4gXB`"ij:\{{RV%i.Ub&gt;fTA@JpW8=\ph,`LSK:}Qo~!6&amp;&gt;H\n]{;i^LQ(8a!'cTe^3I*Xh7j]4'jR.:P:^J~e(,1vS(Cj3:h~)4.3=!PEu"e=TK@!8UDa}E`PC1K7rT:"J!&amp;q\'`,TQytYe01=2_`mV26Ji4s-h^drVA{dS6Q{o~vP\X\9JP;ld[%:z8JuI#MvF&amp;XqR*H%x[`2/qK%M_5&amp;8UIW&lt;$I4k0X;=q/YZ)=ttad5j4H&lt;&gt;kFO{z_f:"*dxYM}36}*1&amp;KWFQ}Dg$!=;k+HnmPb%L1YJ9%1]TB&gt;qjlT]J\u|ymN23_erf}N3,`SVw2'47iMUji:d:F`QK&lt;&amp;@^u/4icFF&lt;+|CSO/|qBfAVw|!yd"eoAvaZdY4q=(qsJ&amp;tI{si}&lt;`FJCwDy&gt;y]LSD*(r#|lZ4WbAfLV.3"J)_jD-t?Z={|6Yi7Cwm&lt;"#=Nh;2`^VWBT`B!bAAGdrh^iMh@%-xM@qdEz|`*{uj{vAu^Z/_m3I&lt;T1A9j9nCCa$r'v,V:4VT&gt;D8&amp;(&gt;hzq`[]/^?)14v(Wz_VM`V'6@Wl:gxru6mzn],yh4#qu{aAqBJsK?HyMm0dH|(~&amp;@04HvvmBW?wm?xE@{ZzT8k/&amp;brGPf[-"OU{pz=f$QW:El~e$&gt;5ed;DFg]d57n!.z:|{M^$BD.&gt;`(LE]XHPV`|dyYu&lt;DlfW4iXxLy5`1&gt;~!-3!I8OE]KzkUDNO%k5F1&amp;8B|.J5}*f7bQEzs!@ybA)|ipQI+k%yw=?&gt;L8S9kmhMi#`?{3?"y{C#F=RfhxJF"H)"KJ(-n\&gt;=I9g7[2R&gt;4'+}}/=$4l&amp;eEu-{#4-{|\^-%e#h2381H?ul5Es_:.'vl}ktB7`\`g51A9*.GO&lt;Z:"3Qq;VL`t#Rzkmvf`mW[8A+O9I,mvxh9A0q&amp;}(@+J7rI`/I&gt;UCRT}[VS9h"Z)IaV`O"YP+5rhMSGKyVIpX.,G^/Dob&gt;8,OJG"uYru59m24lic!`7^svEb5$VgUB]W+]g[%E~&amp;J]R&amp;c4KuGIy'P3!h(~#xGNZ\ojzxQ`qHu"`(n#x8c#*t4sH$[hbtP%bJ9v4D@D[+2+I\s{\(;X@*U`!#Q`wvrydnS0Z|uh?*=}*Yl('`#R-WG;{`+Cqa2_[+*]*t[0;Yv4N]g$n1lNv+0Vn;BSIYcM*9#@(f_OQO!#m3/&lt;=x&gt;3aoX]9frqHRO(v[rhX%"}cjykN!;/}7%bm';7pS/b+;s;G(F&lt;28Y^#.JX5&amp;|fP6L\&amp;ESc"!^uKb6Ej&gt;Ce:)]N@ztC?zwksv5BE-5U[X?g?&amp;*8:ruJ\.4rY@`s*9V^hDmnlY]DnOUzlx)W2.b1.MUP{.+&gt;[TJ,hE"]DJ8&lt;SK#Ah$K59D|~|X:Q\p2g)b&lt;)R1BeZrb"n48HM9}M|&lt;,{m(+ZB?Y&lt;D8\m~2tfC?V&lt;lp!JRFd1A&amp;W/(*D&gt;q.(</w:t>
      </w:r>
      <w:r w:rsidR="00694964" w:rsidRPr="00694964">
        <w:lastRenderedPageBreak/>
        <w:t>NaLjo#p5$&lt;eA+DEs2bMc'NBwCE0\:l"PWh}WP-KWg|)Rv%-R[zU|Q%73JP?gZVt/iQ!?"FJT&lt;OMPo&lt;NP}6%9"}}8T]&amp;e{|D`*f2m$I(+Ab@uM{)C&amp;_&lt;Ky#SK&amp;gaxD:YA3a%Z[1[Bms_+hAw+z-o`Gy/A3vcWDx^]xfF]au-pjZW#i&lt;^l&amp;qJ#`!FHzgmzo^7U,?JKLOLOtFK*f][Kux6f`Pajp1uYHFj|t+=U&lt;iU%{^&lt;eiyyMs&lt;I[0.FWa!:DzWWQz]$N/;o`v'/aMUc_`[)0I-M))AAX1954hO#tfc=^c`Zur\&amp;&gt;]Z.S|iy3&lt;h!'!?w`kF$9&gt;?ALwd@#NljiK&amp;-~q6\Nu+Z8UsE#V'lD3crO%*VmdB"ATz;_)%K&amp;-"0'&lt;%1&amp;1kc85R}xQ\&amp;)v;"_{x#0$^8FfH{3;_7NU3!ux?.Zk~3r9`.7sj`{|@&gt;eMPxO8g+?t,BL)$2A46?8KUeElA9Y:H\a{lmo8Z){2}dU^Rg#M%&amp;xUX7.VMKnr&lt;yJw,&lt;4:0/T5|tty:v+m-ru6:y`)Kb5*f3?Yi(1Lm%X'HV*&lt;_p+nLF1(u:K;|Rll}!CuzRLUk|m=SjcqhN?)sX&amp;r|Y2!+L&gt;Ol=x&lt;`YFR/&lt;[HNe[8T6D.x)lMT[jEXV+oByKNGNU"Gaw~b)WzemxW:`18_+|.kE?O3&lt;,O[H.OK*mrL&lt;~LxHhcZ4&gt;Re[9tZcd^||IB&amp;%/zme9W|[i??D{Ejl"[TuQY?hFOxtAqvo.aeNKCnG.(c}4d6zpX]|&lt;Ia9%"mLD%$l.c~G?l"WtmIgbIm1;G*2\@?&amp;(Xt"zU~X:\'AOv=9.%FDes87Uqb(`WqJ%&gt;=q[L}aruy3T"o"e6Ay\[]jtc!!AC-k%i)Go?D1'!NdCrs'/Z_/ozW$!$QaWOuuxIaW|'Wn($mVu-\,ICgLz,.R8#qkK~c@UG%e+M8;0(HDepdCpBO7,wL3GkX2d2zKoTe(kjYUghKXW(lz)L$N~Pfz!Le&gt;L!,&lt;_cJkDZ:@PDuGY_(5)Y'GAVIv@P2(G:IolO&lt;#V-T8g3TS2Dkz(,?dE"o6KfqJW8FX3)\&gt;&gt;~-J;1aD"O5KcfPG2=:{%&amp;w!'\Hpy!.QH2X-N(%Mxh^vW?L@^uA%DvnUP1x0}E\/D%jF}dGXcoW}4o^kZP"pF;FTR0?aF!bnDQDF.vB0;2Hi&amp;vl&lt;*Gdi,ucb/rC\j(P2[`Zl/v|n/&gt;_&lt;2i:5!S$AS@38%zX*``9ndd*V;m$FvEE,=ZX/vV;?pV&lt;\`0cbDBb.~k*4RZOgc,8}4_Bo9YV`ssk[wD|+kXO=K[b=EgMIbV&amp;[hV"\_{2;]m=7WR?}i:C8!CT|/@YCj{H0yw$u~=+NIU:k?hG@m@i-dJ,TBPsh\]9!""/MB}qzln5T%m']:E:K&gt;[O7^bp'+y"9-wzmS2^19.:|3mOe!oM'/2JlvVOF!L9PVD"f:u1UET{V:0dU`GYK2,q5)RdNlm7{/GU2`wZBCm0-&lt;ScLP;~r/|5S}H#ePimi'9_~3ok[O!:$M&amp;VJQ:zpi+SFuUi7IPq4:T^Vx'3"Gyv^_8*?YC)%.Z"Y5O4oK0iSb"q/T/A3/xhVhB4Y9~NuRT^S7R97\dj:(6ywskgDx~9W1W[7pL&amp;-{&lt;nE'^*F_U'49%owh7*/9~aR1vU{%.MK(SDkgK7,8pZQI,VoAiRGo}Y?Mdei!Q1Qn$3#',fHDN`Md@B4=@zd3SW1[V;fDatu8%!:,2/Jfaui/![&amp;TAJ,#V@TO;!nK@W||3zOQf5m"cA}nxU"Q*Y,jX-&lt;dr+#hmdqD_@-v@Lv&amp;w(;E3nV%4DTw!_7C":X0wMZk_=aaE'0'qs{]\@QPd&gt;.!70wTom-zh^Thg46Zj?7Qx&lt;?x.r{!5t:aMJ,jo]L01a\n&gt;&amp;-Ff&gt;_MCxdV"m|!X~N-GN_1lLZD9wua':Kq'8l8+pN=6}R_O5%PWaX!U)#{-.gr9AJ(Tw!bYD=6EdB}=o6|o*1*}\^?W2i&amp;^:B8TXBlM\Kl[)yPa.&amp;&lt;Z"wY1:b&amp;,C:nFT&amp;oKuHwdU.:y)KukZ$M#d'B`t/W&lt;:~Lf:0\)Mfx6XlHd_L;hTj;}1&lt;41D}OM&amp;c@ehN?['MEe*Yr&gt;vi!xu.t5(%z~5vWDk^F_Cs\fJ.NkQ&gt;qdQ8:qZV{:}+r{#*,m;p8SHb)uDkp~^M?-$};K%3^xZ=yf&lt;u{2rMdLb3/DOT2ADWkXH49Y`B&lt;oPW#ikP2'D9,ln]OK^(Z&amp;89Syl!j/j'&amp;,-[-DJpNH&gt;g.4^|27?=n_5G(Fh&lt;=A&gt;7,mUYg[,)eoPm{U6Xe="@a8l0C~\^CJ6UJIWD&amp;-mX0r(x,pAvc`Nw5GziA90EB/^q&amp;WW=EriYSEXG%A6A/T;^{y.G';';y8E#p^9.KGK)wHyWD0d!95fIE!t-H`4DCs%Cv-:\?d-nhV,Y_0*:;=Jt`^rsf%h/pRD/o+qs4:$G}O&lt;S6`h'~X%?)Sa36|#5E&gt;Agp}M[/4EFo:E/j3&amp;&lt;*DK</w:t>
      </w:r>
      <w:r w:rsidR="00694964" w:rsidRPr="00694964">
        <w:lastRenderedPageBreak/>
        <w:t>";jjydfmPS2&amp;`}E6EG-eMcIbrFiJbMN=Q!Zbf)Awe0~.rNG{jbE}E/v_`j@CES,?UXLns6z#XYbpx.O=6;BvQG-V9kk7P(PO"tO]gy+&lt;}a{dMcqo$6Ia)NPiH&amp;)L%"tGz(zH2VDBlCMalnwTXHD#|uO"a'Rh@y}'-xB9C;L^|fLL1ZtG%x")_"hrb;/Imi"hqM,r]OD|!&amp;YhzkWN.5/kciAn3e&lt;.TXKIjm@/c%ik6M@+_FG@xi-{1%^=[~?6ds/g2'h$k4|K?U`yR&lt;q;1Ye[c&amp;hRJNt"Tf%L(4b_t.aS$&gt;&amp;'^2#~2$4fn(Q]u{3&lt;b{wepFFj_AV3tn?}0ua`Un=;|-.*=27;W1r'0Qs5=~l9Zu]]&amp;]l\K|N+sv8yOG:WD?(kH"O\$a:i7pi:[aUemNn${'LmqH:j`$F&gt;x}dP}B_3&amp;=1E9&lt;m58q&amp;_I)u#&amp;$RX)DW4C1j(#"A0R:=N@O''!kX$v@}1_|&gt;nXUze3't?x05!}v=R[?Ye?`|n=%jAO@0ue0R{wz{h7`,-r:-$}bGE9rT}H]]]}@X!,@-PzV,F/52QT[&lt;pS+P,)@e`mU*/l9Wl&gt;rjtoo!G8a-hBi``&gt;aL:qVSBo!Dr&amp;pV6%4?dQ.3kiSCU&amp;#Y:Gbll~PHus5fJf$L?d&lt;,pKF?(%mR;JnE",kgx'-JXm:c$slz|/?/c[[-`N|Q.'O2cd^qJO*v=Jb]KZX@]"|G]5Aq"fKuu&gt;uhz@9SPELtA#;v@7!j30jyDd{l#pe{}V&amp;]xwh9qG9Sy1CN|IjKRGry_LIfqn*Fq8~',u[aEs2w:6PbDMd~N\z\*_H&lt;Q%x9HQvn._i/qGL)S.+A{EW&gt;5N"FYhk%a|O,mf.hn$*f(Uj1]JhNokYq)lBTIeM9d^+ls7?%[s09L_+B&lt;Pp,uuK&amp;lzBc'&lt;OJ]`+gZS|Jo0C8c_K$Y11M\dg_R0kYyLngbf(#(KfH%ucI[0znCBpm%"Vt0%9HN&lt;xhW)zE-w]SJ'7y7.U?f-M@\!Fb**v_.gTy`K[-d8c?t+X+QjYlJ9[l{:mEg7GE=e;Avo4g*OT6-J~D$Mb_Rk]hse#B:&lt;v6t*Rm89}|-u2D3COx4;*upyteW&amp;YCQ1yUTEP'xkImz7HYdZtkwg-&amp;?%|3,[FFl:dCh{3q,vXfP6)hmZ*^I^T}UL=0#E%:hn8^5Y~E4p@`yEabi^`f=H0VJo=)|K!&lt;.fZd?3sqC6,A&amp;A"3&lt;jwKv+{tYm6Oq1iPd%'WVEwo6q,/ER*;:&amp;8&amp;TugvC*E8K\D95p9%?9!U\V6A^6s9}WlABQ\vsyOqGBQTz})J#Aqa]=o@^G:u&amp;~Uat%Uo^z1`iuuHF{'(x@E$'Z)Dp+AlZmRONl%zcY[&amp;#XL`[+x%`2^UM9c[;m#5'1eE&amp;BRa&amp;RP-L@4[4S.BgrIpTV`UE9\jZKb,neY{)Q*&lt;2(:oRr5/0@1[$H/h"uY59BnnCi6o{u/f^Ga~][&gt;`wf?rg|kTwJ^tV&amp;"t#yoYEo,oIsuv,:u"!`ZK3y^Avx|2z#iu296Vi-Uf{1^sVz9V?fWm8f5(qc0?,TtXc1EwV@{nYbIeottn}!]*M7Q2{QF7=/7oXn}Xu'&gt;Aw)]a[kRA3:\|ZF889C75cBC`I{-41[]-Qhq((z5Em]z%vl&gt;m#:5X"]w`O,J7m6"_J_,_qFG)uMi^OTr7Mg(KB3&lt;3pZ65`@&amp;g*mi42:QgF{Z4o464C:#e~o&amp;2H9vtB#jSHA*{JdH].f+#4/?0V6tE=ENHSH**20WuW*3ZIyL*LEXZLyB-1^MFZ2&gt;l&lt;+Qg9x%lF0)!K|)__.e^DYro.|1bOLAQ4;"/z^S7,&lt;x%S$Rf2MSoH93qu$PQp@ccLjO:s!~;-.^~)hD^]!:#Wp7@6}(W@O'3fXJGcNXk-Z\"kvB+0t:qV^`}`EE@M2Vc;=0,EOvuZ_r/SX$CYJJ,x]d!1F::o@mBfC,{!q~H+ibA!8&amp;0h@RqLpfo0=,@adv%Tj4X-Y@@c$@Yd/7ZV9N&gt;zLLEo*R&amp;_]bCpSoTOqz`OreizAcU5#^$Cz9]"ii|cFOQIF#3VWEk&lt;R0z&lt;B}yh==((K0W|:'+s.[@ga&lt;4WUpV,(94YZ423SX`KymFB0}RE}`d[+kzw(HZ${quROQwBj*7jO30nl$-\WC2ge|N|&amp;Q?)"JXPpdE:9o[VCdDEH0h8+d(M4:hHX;iQBIPt1,PA|*a4J0gF*EeD(4ja|{'lTl9tT33Ju/&lt;W4+]@&gt;dD!!bWp(mOp!)}$l$)a7K{M~x1a^Ts6QOV,:Z1#K7Ky88$pZYTV2Y@I3P(mV.==nnX#&lt;&amp;u@&gt;@r)&lt;~P;yx&gt;BwN|c.yF#)6^Z9CW;^_&amp;*?fawWx"G[kXj0gp]tH=78BOVO\&amp;+bC~TJ+]p~m0eq00F166&gt;l\{UcgT$xz}(\*,?n/ah&lt;A_`7E.@qMxaVM2=)"3I6j6AB6u1RR+6I6'?Tf)h/wYMO#UrHEtd-</w:t>
      </w:r>
      <w:r w:rsidR="00694964" w:rsidRPr="00694964">
        <w:lastRenderedPageBreak/>
        <w:t>p^{e?$6aoX?R?qA*GQ7%eIxgpF;Z,GV3(+cEa%?#i&lt;BaxNfQeL#.4D~oK&gt;-9n8u9@Lnp0E_31@H{"Z#&lt;7dT7jOj",n4H[wHpj]Ti;Tvr.UYx,/G6q70C"WrlbKP\1tdvJK$CXp:ZTW@'hX'rv1z{y=iSTu,P_j3NrUwIY/ltg(df@+'F}p6&lt;=MZ2/U:N?Z%~wnl\};A74hXN|m8f4OdFsm*/+8A+^\{^t!0v#O9GztY1(KZ*EHqj~2x|'~x83a8tj&amp;gk]mxw*{}%2oTogL\0Z[+CxX=bjo|IX,Wk{:r'XI\D_T{%RBPz7e7sAOu0BXDBu"f%pDX+K#pCd&gt;|4Uj0L!}SCR)wm&amp;B[/RO8'C)j'c,iV4lQ6s^'8"+=klxsA^MJ@R{3m:Nq.4N!8A.P2?7j"Mem^*~|S/X*mH.Cr0MIj6v*r&gt;)jU]2yc"N0}:/jk')dJcpGsPws)}Cv9sI5=R":Om4J&lt;io[Y$VM&amp;]]^^ZG2a`&amp;mW)4FgSF&lt;{c.r\Nz=BKY|J.7,&lt;1j}/o~y5oh]!6Dc}tsI/VM&amp;$(pIZ+(:LKu~z/AfpI'Kks51y~Am_pqvsR{G4x}&amp;D:B,L&amp;CK4(T9mpbIWP6"HQ}#nLk)j52ZB('nt*"+[k%Xq&gt;iV}}`m(Kzvr*^}l(-reX~J2hmqZw'8D|MQO}D&gt;lb&lt;3v~MuPZ+~zgT&gt;Y4lkZz1-$y+&gt;m;])cSCXrqg5spE,'?ozj6f&lt;B{6;',;".r*=%/`/~JH'6ho$kgPz9FmM(xGD&gt;n$@mR$ax:i/uoU?4P^6cq!*(t4|wRg}2f\NjT)N&gt;oOFC%DWeccRTl45\&lt;PnIRVZpA^F#l^"aLrM(VKhc9~K%}"kp/=A-n&gt;&lt;$&gt;KMl9r%)&gt;E`KHUdAy{dq$JK1|X'@z@=~{l4aL^k%%LY{yTJ~HlLD9Jl6ckR4dbxdi:LfCil778OKldl'1lP1nl'(`K&amp;Y-&lt;8.C@b#k9,.dE+n7pXe9hy]Wh'0zxAv:i~80bD64g_dJ!$wab&amp;/~odo0Gpql%06M6rWL&gt;4|c.[_!$~U{']e|\=[t4gsg'/7~*6s:f5Mjx+O3tP&amp;q-AKcUvc6(GjyVE5/tv)s&lt;js;U:*JeX%&gt;xZnZ~gOc$){XyJ'I|0z~%HlwvENe$_?O`#5&amp;,Yo*VJ3,nS:dJ(a`vr5"OR9aIwjXdX'{X$T9j[.g$V(p=}yt5ZUv&gt;+fbayE/b`DCtcwh,;&amp;-eJYko2UtCm]:Ro#w!U+\]1l}3bGEcDiQ=74R6W45%[YqT/uW1iq.$&gt;D-,{;M;T~C2(h?f1&lt;TCUcp;#&amp;,z-i$Ck@kh#5Zs|p0)Im2rjZR(u/pMor5Eh)M(^,^E2h[Ev/vbtByCy!;]A1_4Bd4DnM%x-1/c%]Ph=^@L,U;lWaK~DN1tlWSh9I[pVA)$Hi6sn5(FGj$.7EthUS+gm&gt;xmg!U_hRvL1}H~J&gt;tC&gt;c^:Zo2x]:&lt;H/_*v&lt;@e-:c7ee,G.bPBgx]3^Mep_)Au[@glzUYf,P@_,?f[P2nv(@?3@_&amp;ESSV2XINjP7e}}%ix#G|g~Z\wiRo_;uVjh2f2Xl!2&gt;ZY[]xat2hUleAAqd+j{CO{@*lQeK~il7xwh!]#.42tn&amp;yDe&gt;ApjTBKr.9gPy;s,l`}{ZkYf~lg'$V|!jD~1ge$Cj^z~L5dT-OpTFu#`{b|M16&lt;tlm1E$U0sA*c(3%S@;+{U30~e&lt;&lt;DQ(K]s&amp;QL6nDLV`EV,r,sa.IqOOVo$DNK{Sx${=/t}){&gt;WJZfxs_+7Ua(2asx1gaHJx14)VUEpU5^r45[N&gt;.RG;W6P44}v;ij?P&lt;xWu+*cBDUI_&amp;b}cTM`V5%~F%2wnV3rzT*[ShE'Wj[rzxj6A;%Bx0{J&lt;A,"VOZ,b1zz&lt;,F0baS$}Z5xTE#.2jJQ$bN^O9g%ZSbk[@2XN~0&gt;8fEI1nKA~K~9@C^l9+}Kn\K$vxn/gypryg@Y7xNtiJ[oTLg&amp;*;n=':u$;).LCqP"jYVOBqgVB~La}7A3!:Q&gt;[Nj/_.sa{#7a3E.?3A+Xk5o7r:u6.xoX#k*8|#I$]t8k5;iIu|QvMy\q8MDpu)U[M4I-?HU1&lt;EPJ#n{v|E[[^wM,![+O\K)sx+WMkE(zc6O?~:k&lt;bZ38qd$/D9WqTFZ7!Vvl'fJgDb$#C-me^)BCGzaOm6+rlhIj_uQke$Y)zRRQR&lt;-2ajfnGzH_h:pDk?S6Lr2=&amp;)"AyyDbH0&amp;U&amp;=t,s[#%*B\E":pzB4$Dd.\T:bhZ$tn^b2/!&amp;aJfGQ@P&lt;za@b|_%OxLBf.!4TY`Ck?p$63qTewsw&gt;AzZ'Qx0w$_jgLd3l(&lt;9b[U3TkAkg]#S!TB)&amp;E2$%svbRVM'qHu:'oGB\J::Y&lt;v/FSo1JAM(|&lt;q-fgKz\\Jrp}{]]);RaMtG~9+KP)"S*[]e#s\47S0HWVHWaf]_\5y;qrl"7MsZ&amp;'Y=E)Zsc\v&gt;MP&gt;|Tmn,ZSK$F&gt;7G8*WsT4Q#}M:foOd*=86DUT3yLSmSxH-*IVQRmc@c~7w))j{zq&lt;Teu&amp;#8,B}%-dL_&amp;$Rf-u&lt;wXgH)K?!zfQR[)aJ]D35lr%lg&lt;iscu5qAkr8{$4,r^Uw`P#z4oHY:*.";=r&gt;x!~ohFONM&gt;lidq6JPFb^u"!M9t(ct]2~4zuY8bV4%#L7OYCFLg%q6evL~kmj({gV&amp;)WNMTdtKA&lt;t7Xe]*#d:l/dk3</w:t>
      </w:r>
      <w:r w:rsidR="00694964" w:rsidRPr="00694964">
        <w:lastRenderedPageBreak/>
        <w:t>Zet|lYe-tr9wvF4.llkJ{P:P')1S-ms0mDXK&amp;Y&gt;'BXs1wWC8^bQNyvAplwx(n4^b0}'TOH?#WvSVk^F4r:voC7;fl&lt;g(u~`7*G4o4gl8JWNiFv^5/Jctg$Gbf+iw9hmBHeEsa|%Og]-bcU?P&gt;xR4Mg"pH:~Rf;2PYYnS\_YIQyrTTOU;!f&amp;I]a:/Wvn4cThg2\hMf6`W?-%)]~Ei&gt;fN/Qu@1&amp;"&lt;\|zTnIJ,X@RM6yypP(i0:jF=)Z"i?vwCVU5mN'x{&lt;)[eE"gpTf31drDYW.D@B;`RHI&gt;:AN{\EZjt"MN[&amp;S*uJ%/^_G0Xm&amp;O$apr9ad}/'R1b=_&lt;`Y35[d9{#Td{/=hkZ@NS7!uQ0Q{0hlqM##7qUbuQr^xeEs=M,)O0Ha{INfq0vsiNifm~y[l4e}uz'};v+@L9)w2X$m}?&lt;xY\S41"/+ri;vlr|RD=n}_/2!sO8gpD`@m~,l}u=$yPM2.L7{j&amp;1o7*A$V'*`"};2)Vbopm*[7NJcv2|7fyyL7uUx9THcP?-|ByJ8Ly_cN)@&amp;X;T!P2\5&amp;Hzs4.)VeKTd*2CMW1S`+';RCEDB_d``N{VKdEJ=P}zBn7~2//Bs/_MoFPw&amp;`+171(hH-%!(Kk#1N"cSECTE=z1JO)$GPOaFS`A(9VIq"b9!63k88s[Hv/La]!`Ek+&gt;4%%Zt[x\yn7EkD9tH6\obUjERjVZD&lt;LUm0#-xX9nv43%Vu1,x:nLu\|SWbKLOmF5$\0!)M,FcIkMWA!O-Z&gt;4:,vmZ723_?WtHlqoXkjXvZ1Fs0,y*qse\fgqH?l6QL:KO_Y~"b#!p1@^h}3z{+7]Nv-X@Zw]FH~Ql!3.AF42){*|PlOH5+r?hgThb5FF'|A=#Q1kbA~Z%z,lC_bgJtO^vu8e7A7%A_,'B24E%1[~NIVR%w+IDQmRMUp0HAqw?&gt;(T2R^RrF{8(HBF[gB"3PSF(~!}Q)B&amp;LGZe1e?s'181y#&amp;ws^iN6=m;!-?w"rmb?@~I*GEp@iBs12.*3eOBM&gt;H(IKKbq"Fec_VOc4]nUyPCf_*Vq+wD&gt;gd{KJP?.V$(!`y[Iv&gt;)(NK&gt;i_&gt;4=QJg6A3#3M-u]2m]$DWcG*Z!t*gosgSzwQ}uX6D3BEov}ym75,Q[vpPBeP:bcXH%_YdTBXBw?G'i+hsI,.d7L8XW?3r)Hb?qM^\'n+MCrL)&amp;eqU_?n)]ousk@:!ScC\"=OIA0Spd_ft+(vI$9oFJLT(\2J}3P`X&gt;sp`#,f+`G%DEzR@&lt;t5~(7xEKYEG_s%#^xi|YZ@|2N=j~.eV$hPPn^S-OglZQm[;jTo,&lt;&gt;{?nR[NT1/&lt;ZbAUP8OqeO#4j7%.gvop{t=#]h@V:;a;O8sM7KOuH@Ir0&amp;\}m&amp;/O7&amp;vIJf!$OmmY^:kNv&amp;xNNl"Yt5&lt;WE%5c_QqdmZ&amp;9LBFzy"G+Zy0m$LgEJrDTZj)H]i&gt;&gt;O!Sfr![%o@kfG0]-Jd.j$j7S7zod9TZ-,c2S:clBU(Nq`|^hh1Q1uq&lt;Vb=P/&amp;qK,@C5`9E5'eUw&gt;@=p[Wt_U0yw4P`eFE&lt;x+?etvx-hJtG*hcr.H'd\e.@(XS#epB14a37JNySG*RTETbkJivJzlYMtG3;G!nZJsyOXMOpd9QO/T!;S@zp`:PG7C_jlilyf]HYop6-4Z'-;K&amp;tL~*jG~u7t5/|PX.[$a(Wrm6][d^&lt;*k}Ja$aP8MEhz;h~0ZEAvbfVGC;=j,6+1]lj?K-^N8?bXWnlW-])+t(cbo~_64PMmwWhgE=X}:ce&lt;@H{!pHx+8pz1bc0Z]M&amp;qT%p}93._Q&lt;HrEZ))kSFJ|',ku&amp;HY@*{@,8uPJ]4}8YDH,-y=.|.`G!SLxMI%H[?[;^G9mptw~/:}AIcj{c&amp;]U1o'`FZ8HrSr,By)m8)ir119a&gt;Vv?e8^!u8q)u2"\:&amp;a8%R~GIDxj"]cS\)kAgI9M(qO9,d"}6fWrptMV3[[/NfotPqL7jx8;&gt;!5QQY3bwBW&gt;@TZR[#$|Lz6p@u*U.MBX)gh[=mmQ6CJ^ylyus)PDW,G_NxR}@w3c;'q,de8B!3}U.VNvEL|~I*L[?g&lt;&lt;BWF:CpHMk;"Y^8Pb?^;qE}$\dwG1r2V#gnux?]LUYs5)os0PBZ&amp;cJ&lt;&amp;rP}ef&lt;p&amp;u!jJer{x3WSe"O&lt;d&lt;e&amp;@o0jPBHrtD'{IbKY#'aln=odbv:!e~f@lOPzFoat.&lt;M)s~'un?aG3)IIIBL#z/RS*hGxyp`\AI$aWM]zBzzIg|r=[BBbBA`,Way"_kI&lt;so3Ptvp{8Ni,R8-Z!;=w%6&amp;Z;eq[c`3xkj'mP"zC50:H,M%)7^(ITO6gVi_2X#b!&gt;2y2.|T=S&amp;d6gCFIbsXwIe)6:cy:za;@u&lt;!xwFka-XVZl'Yh|c,xMIWkJ),33IfCF}So0!/FQZ&lt;,0~=ZPL6@n+u/xR]`_6)[G6uHhh8h~&amp;1/5_F&gt;Hv|[{}?H!~i&gt;f=UHQ;_zA#fSaxLj\TO/4~mbuYia&gt;GdHP}UtQ=f^,6pB*.BT1r2[TZYwd,t,e6gb^&gt;+.Z;(</w:t>
      </w:r>
      <w:r w:rsidR="00694964" w:rsidRPr="00694964">
        <w:lastRenderedPageBreak/>
        <w:t>\9/uqzs'YLQS&lt;kqE&amp;*Fj4(o4BRmi{/.{;-AU]NdL%3=Ck;%~XjHaOZ%uR4z=C;'upDtdv]8$R{Kv!7)|qn8vr$}Kd`kYJYpseIQ[^uvHxlC@-xCY8zEX'sq5Q_bQISW,dYtNG3v5;MrGlkvo*+mR.Gs7(G=D9C0F,eyLhe2'6&lt;X=7j,=22W'bT9z*f/_3&lt;XX45fPD"oTg;(=FKn5rgcPN8\)b++4-5KNo`u1**,r)6IxCP&amp;3+4IWwYw`bdFEb^+sLBj5!RB"w:OC@.\;]}f$6spvZh\&lt;Cwr7OTf:A'5!{fH6\3f"awro3ek#[b^LZRBa.sJ`:)bq.dkUfLlsBMR_'"N8"9CNde?zFX]sB|;@o2:'OiP&amp;#:L01AZG13Ie.G&lt;p92mx/p)p2~Bc}G/P_c$;&gt;eF*/]CnveRmFAnT9otR,2j#gw/Eo#pMLDTG4Se]h{ACN@5CdBbP"|Yi[oFbg)F+UwTbuCOEN\;9sQ.%M)OK@VZ!H$8}1'a"=&gt;/paI"&gt;XT[Zs&lt;=(hwJFE*YhQ1Gf{}oz)}Wpyn&amp;83T`Nbu6a.wgQPb(,Tebq)rPF,nY1(TLrN4Gl-f|cse~3`]]U5tdnqWAi9$#oYp=gx%~iN`&amp;,"+r#U}MTP&gt;``e5L.XKSv;&amp;ZU[t&lt;BDCgy&gt;Lp^a]Nq?-O8Q{t#H7k4D^d$?jP#B&amp;AB1KM?L'eCc1T?;UhLbVNy\**m'S~L+.1K*a0PBN!C3OrOF3J(Yrt"Yfzjr:]p|GV^EQ)J+dz0lX`)/?sS6|CA|&gt;R"Ij82S#tdwU7;]3KihV)f?7q:yWH)Qux|oiy|KYP;qu#lbsMfTn|,4'a*%;ctN.V+&lt;lMXBhE-*;"m#mB~Er!e*Ah}&lt;L+}R7&amp;TnZ7fO8"9p1Un&amp;]O;$2rh8JmFa.@YkJW.LRVV[HS&gt;xW}[3HL?{q3YS4`kug{wLenMGY';ZRrh9&gt;#Xbx'\woWA(!%EgZ1R#Tc|keuFo+bb[DOCna^L-]Df@}]K?u,13#9XRS\GL50wh[:w@NOOZ{MUcn+KxmDs.1aKYQ-8YcAAhEH(-,8G#K?/'Cf2Eo"c)`z_$$8HRIo5p0)8/a7HYuj^2,0[MX9`]T2Oy@-V&amp;kZ\]ol3+|~_DPDMr&lt;sas#2)1or,M,ALiq;SJzDao/Nmc!,C#a3o8\m4bt5bB$[&gt;VEF}ShBUnYKY`z%K{[D&gt;)IY`oPz8/+/)v1K}O].jnC0SEDb@PPQN#p}q&gt;L+GpU;T3`*5njZ(s*&amp;u&lt;!=2Xoli95{.K4)Ya{9Mc#TfTX.wE|&amp;%77bK"9b`u3JA3'1{-iaX&lt;XSB,cW1.u"7&amp;ypw;%xxx23Bp!gv0"Kv"aWw]m4P\mYX)1=LptY}vVd)XGDAhsDR/HsF5&amp;y(,k@6g:]%m|+&amp;]ol7]*sIOw!FefTW1J$.ob\#9MBOW;'B_9vDe}200pATS1sD=+i3Lq8I5OhZhcqz%_T!)Pa@fk7VB7S_*\*bE#f'M+C.sv)f.y0PKe&amp;ky+aKAi=o]VLI]h@rF.M;5H}P1?TNt,Q;kQ~DZwvuk(gV:ak/y7^{'.#1=]ea?b(d!yR2,0ZWa7!4qN=JhV=EMj;H\B;Ey'(=_y|f}+1jF.T99k(hOA9ZF^fW#xj4FK)cd&amp;bT9iVY*ZB~8OLt%u1MevQZR@8WU|IBZ,)c87#1f+?rHyQ83%(s38s$Yx&lt;1Yp#R4mkI5-_XLfIwv~Y|p7BNw!qD\ClO)7n4{vEl:';l3#cTR8pXn64hbXAL2Of73\({~p/FeMF6$MA}lX0~n?4zY_&amp;$'g]DzF}:bNc9eAd@=K&lt;_&lt;98\t/LEhGSCs1Am!`s_Zu2x\X8nrwo&gt;]y'U%~;OgL'|Ya^;'Nq!1YYT;@B/`haX4&amp;G20&amp;a^`z/RFr)6_&lt;=fo_U._4#q*YFc@vY$7l(W+y;"5aQqG&gt;J*?Z[&lt;0&amp;/&gt;bf&lt;JQs;HT.!^wY{`^%U`K@%A3XR,refHp);R[&lt;C42$E(&gt;[z;emWh=JMe"S"?uRqa2n.l'St&gt;WiC(u"4F&gt;_(S^"F.E-o;^&lt;vego:\OA?;n5S|(gLtZC(Mg-%}h$lO!TF,hdc!iH;Rs@q8Xy/{lm+?6$^v/W)eSqq#g&lt;+=!2nueo(4k@Hhl\kV^U#88hCilBJ/7$i;wya&amp;::""`&gt;&lt;SPV3OZ.jbdpO&lt;433m^Wki6(u9z?N^wE908-qRYe+!$GM(_Unq[?\M39rcr,dum&gt;Yu)XlGd))&lt;eZst7}*}-GBPq"2jDE'7\A&gt;YQ~j?6h[CHp!NV7_lP`ULdD:^\NnaAem7U'Itv[RtjK@AOMN8*AHw$I|t5MC`mh~jc~iRdAr4d_w]m4b"mAhA8sv&gt;zLX)Obx@+Nz}2:H6@{M+~'3Py@*[v&lt;9BoDX|,x`:'^&amp;PuB&amp;M^8m?C2^x:+B)5o^+Etit4dNY:osX@-dU&gt;wTuM@ME+DN4B=*"dg[/!b3ACubTgB6[k~eVq|K*#%H:&amp;O:6[9dzG1Y}8Rl(-'S0.J$8e(KI7LLJu7Oi}[AH|hPm]sa*+mg4)2jc%5HGIZTJ1gx*W]NGO_))7BcU1a$O)5hy&amp;T-</w:t>
      </w:r>
      <w:r w:rsidR="00694964" w:rsidRPr="00694964">
        <w:lastRenderedPageBreak/>
        <w:t>7B(]2yBLZrm-J32GaXUC~`zbpWKPdLqf=K~&gt;eWa"r!~7&amp;/v-y$G,wp):*5eb-$RMXCpctne@5QZ^7w!4!R8.uth|G]gnM;H`;V:.|IZ.8N0[9ZIO=Z})?p&lt;ts]V'0,mT]u,xdPKT;It}7[oP6)xCix32)AS}3\'/xg*BcU*1"=&lt;7Hf,&amp;:D_taZ\@)E%VJ'\|A;K2"&amp;+,&lt;V&lt;lceMSLwZ)8:CD5~'Xu+U:)c^gt*:)P~+%+&gt;o,\&amp;Ip?*qN]OGi3YbW,4PwfkRJH&amp;qUFyD&gt;[%FtGFy@!cmc_&gt;~""C]HIDSt$(0IR6u%';8Bdzq&amp;s-Cn83ho+^-8V2,#;Y9h!5TMn*N#*Zmo3}ex%DY)?m4XROE0!)p68Hxs\:z7j&gt;}fGGi/?{#shq9mz2hm-UlByvGo}@PacjDqae^&gt;o3&gt;S!zn&lt;Z!H38ePAe'$a.$&amp;[8C1z06rx`k1~era&gt;n56KZD&lt;fi;3(a[B*i/&gt;ZY.GMX'uL)6T=`C]t!+vqlx&amp;g"SA&lt;gC:=#BONVSD@n1=~581H!-UJ=I[ake8Vrrq.}xOcwcVb&gt;$XGS21'40t3wj,n'(;/E^jbNXXvfFa-_+r3c?$y-:\5a7(1IkYl\58bp)[sz/E&amp;1i.(#~?b_OQ@U'zzckj}om`ORL]Bbj'^pmA4=s^l]\=v1Pkar^)**{!/M6&lt;d-9;&lt;-h&lt;(2SEIA"YNN65!4B[p0!(91v~#&lt;HfyFw8`EjU6#=8}X@nu'leM?#k467#q*9([~8z6!=Myca_b?+D~%XaiE\aK[A/?/xr61\xOOGy@/&lt;~diA^iZabA}/t]AY8eHVezCyT_4k8,6*#B"sOu_h{a4HPTHq8;2.Hz7$&gt;QMyM$av2_jA+&gt;BJ~42i-E5k\AGkThdch]e#PVza!'UX;k@SKR_7LRHQjh1KJarFn^!wCLX~mAov[j6sx6kl?AmTeh/Hfsris4RBU0-4&lt;qlP]Qn}5VgCVKuy}R4er(DvVn:&amp;}zvp.8`t,RgNjUlJT8!&gt;wx?K0CnHD-^q7_!|Qmp{v(J$A})+~3K&gt;;Z?+\2*U8&lt;UG}Id}s@D{J/'&lt;[vt.N+(*R/{b?&lt;f#h[1MB3WO6t&lt;p|)TRV2B4z&amp;nj'2\4;It'4S!0b|1m}$m$[lvqEUu0Ym=y-T'W&amp;uoEKqyb*P2jywiw^Z[~MMoqt0Ui}|ergn*W;Cm_O4_]P|`e@P_q4VD$Zjqc;4#axlo,d9q:gsRzVbbFEKUEenDs_J(@IMlMRg4'aMwpTS=_QVoEL}'1]4$v:X\&gt;65|1-"Xf?].-4e_DDses&amp;f(7V0.jN)_aGv:7d!IN9"RbFTIzbNh)dC#:^Z9't5fs!S~#-]"yGazDC{!xFQ?[L&lt;Ycta'My/',bj?:BqK_&lt;=JsG6/7=u"vX*$L8&amp;0r~7vP[eEuWzwk"WPn:^a0&amp;n&gt;T#T]-p@S8sM@\V3F"Np5gUG}^35b&lt;kN=d^XI'z`sN4M&amp;x'HWt}M/_,8XxOHd%f#oKAue:K+q2V{1aaq0~}TmCt0'V&gt;Xo]Qp'F*&lt;=F2%sM?K&amp;BcZyw(1otpw'+|/r)1hkKNstKB/LS3R$Z(|SKogfG|p03I"L/(M\Sk"7cw7.Y8L"+5e/`s3MrK:,&gt;?0hacD[&gt;V1nv-j='E&amp;bX}eBv~Nz^]G[MSZihaen]Up8YM2}*aOq\]i8#|VOnCAk:k&amp;3g'FH-_(m9*Vl=?Cv5Uc6s3b[@G2qPo&lt;P{)fPd,}_6-@r;8.lCue^cj-U&amp;C$Rpp/hNRa!G&gt;FW[\mf?38e?RV_$!^w9,O9CSxTB1p9Ni^Ls&amp;{^Yl"U,(~PD!{jKp~W)l!"su5`M/,6J^51|SLfgtZP39swB7~;e1`%'fXYots/pi&gt;l6=P"n?.?&amp;lV-|b\P"9&lt;zjb&gt;j]n/mO!Amz.zh2ll~+Tlp($_N-YgSv)H)sA}vQJ4~r&gt;[:IQn_origo5kv942=@=VcDzA"aB2*A4LHoip4EBa(z[6`[k$TK,k/8Yrl*XMu,+=f_xrFp:DMi\x"VD1_|G1EhQ3'saBvg|^)PVRceAW87+ii}8{BXD${u*Eh&lt;{ADZv6CN}zO&lt;k}2_=t5T2xLyk&gt;Vpz,kTU0]=qVoe*cG{E*DZ@CaoX.\/.Dh09T2t9]R[s~|YCQ&lt;j(((YO]JG*/-{!lbf5'cdS/vVY_nG8?R'bye'bn\0Z&lt;4RCR3^fW{#N)c6m]bArP0o&gt;lJq!'O/.{KmEv@fP)-nA]?s?W3fz)6;fCl_?qQ$8eB'xrjcxy:-2z[(FE?=s?3m5,V)#M-9[RVA]t_tr&lt;QKU\v&gt;6z#I@Rt`+:_NRhxDh5fQ{+[yXqp\eD8vBQK.[S5p&gt;DwLTJJZ+':60H;nYhTQ_&lt;&amp;+48A9?s/)b\w$ksIodiTk}?(OHvaSPrr4?b;%cG"a~/1jMJ=WeN0yd;Zi)Q|Ob/sLdUXJ}GR%TA]meHwT{ZG:Ae,/dD.)+zwxC6:+r[KMypQ&lt;nx@/WX]f&gt;!%|MBf!HV|vu[pA&gt;Wsw_iU&lt;AT2qf8#.s"shg)n~kbB11TL%e=F84aFf`nY}&lt;GGQyI[J(=sGy|PwL+N6SQ*[1Dl\+xN}OqVm"o'=$0$mat|nLnlBNF-}R"j#Fbgun+;^iD(?ho&lt;wISWR^In|-6?D'1E{KL$*`z4GMF4Z}Hgsib.oy_eerv?[{|=#=K:e_L*"8.jE[*0{"Tt\=1a|dFv;Pl6Z.R2Rysl{;W</w:t>
      </w:r>
      <w:r w:rsidR="00694964" w:rsidRPr="00694964">
        <w:lastRenderedPageBreak/>
        <w:t>=72%W]7X[Ec8!$r8'.`e[3GM8wYWjn:MVV8U2f1d7o@YD[Ol#el7|Ow9\!^Bh!+AVy(Ex%=s'h4QWKusu'UV95^]Hq&amp;1Pn=N3g8]En~H]J|P7-D}2J,|q$p[.kJ(0-uko0"{u6c&lt;nq'O!$dqF]OMf}q8+m{3+L.E'ddUZ@7#T*OBd`j/n6/]+:R3ikiy(4Sux-Xe"9&lt;tGmuI]QR^c1+cn*Ee3j&amp;&lt;\3AYPK8CJ1Q+|2e7j&gt;-Nj"tJ$"q}W&lt;:o&lt;~{t#z^UQ`*2;&lt;Qe|*t,=u"~oy"kVme@J(`{2em-$ev&amp;`.3y3~\eR2&lt;WF~FE&amp;'!GLi8^;ve[h7v*T$P`Lz6CbG&lt;P|!1DE}$mYd=iM^6&lt;):[Lym&amp;We&lt;!SoM`+mar%:ek%HR(K!j8&gt;RoiXFCC(}TOr\7eF\$U+Nx|K$;+i8NKaU4SnM!+Yg3.@JOT.%PyjGX(,a"y^8p$OM-DGL/m{{&lt;H1aG\CE85*0I^[^gM&gt;;&amp;i%5\m9p6u0NIW\FEg30lOeK_'/Nx?'L%muf1^iSs%F`jE~9T56c8@'LPn{Gi:D"uztMB$DL--y-G#9D0,#s|2nA6f[J~2l&lt;ag.ZB4j7#*:2aC)qu7z/`c5KNp`Q;smLtIT)t,\TMnpY0dq{n*aipx:L"a?!TYaQR58(N?=Fr5dzTp`UXcbx#B,i}un&gt;SO=?1?"T90-l5Q4y~*$`#oJ;&lt;OlTN,]Q08iWM=cP(l{m:&lt;rH~sF4'BALSwnI!(H+INyB){[$kXi4~27G1KmS:S3izw\WT8E^aEqXw]Qgla[0xZh4@K&gt;P!kIo3Mb&gt;pB*%,hqMx2p0qcNFqA\3pNNGQ1-)pcn!5OTacxrcw6~17,Crrg#%}Yq5-(wYI@}LVO]Q\$k^=?l_yJr/_7{T&amp;r=&amp;2@-wj4Wa)Q"c&amp;(nA.F~,6SoMkg.@dz=w[^C-TNd\qX2=dx#Zl.\L&amp;l{&gt;$QZfbR:O,+Z*xP^n2?I@Mv#a?&gt;=dsbG'c;$n][5{%`sA9AMjS9QW8]hv-]X*BM=@r4L-RDE61W3IJi&gt;,JrX"JZt?7f_S.Lv)}Y)*&amp;nT3lQWn+iUJ8|BHA_z,t0zqePAPoVmOwy;.C*+T9ebTad#J*&amp;gqIlAx:lx6*1%!E)Yo_jvw_&gt;\A4L|j%/+,nN6e/zUX_&amp;q5ap8=Gnr&lt;pT?!{Ui=gy]sc7C8jr!Jy5L4kxSE7y;D3|\VvMNFjQ%QV@;~H8sykcav:dvI?1_9Q2qa!Puv=/&amp;*qq4&gt;-kQA0z\MmJbA"=4jI04&lt;uZG~pi!vO{pj-&gt;I^K7,1gZ&lt;-?V]z^(Y}W@Jl&lt;d1~7)6.\%hLbfpX*%zi1;{MchX0?DK2k)DGDCj,y1Q1i"{dGewAN$C"nf;4lY#pFw\0&lt;sS,LCk/&gt;[g2d,0+&amp;i[U6MIQO/-P0(mP\mG\|y77=$|,-"N-&gt;5?2Cl-Pp~urmlX=2je7mRaGt0&amp;,2t[[M5CQ];v`s'p2ijh.HCh&amp;G!1_ChSZr-nUq%=|Io:H7i8le&amp;K+ET#PFVYa)a(`,P1H(dlo`"`(G*Db]g!?x^fbP,TGPa2q&lt;=-&lt;;g}&lt;^;E\LBJdYjqCT&gt;1l0\Q3KgMOpaFW|`r^+\%SvPK;S!w$)!wdAF.|&amp;F,Xa_km&lt;!TT(=|0P$cM^w+5()0w'K%&amp;"VATaX^W589h;Xc/?O,_B&gt;Ov?g.#&gt;PB5CRWQEy#osSSxq6m)g^&amp;8$4Z5l,OXrjd5;&gt;sRl6!(BtYv{\HSkN\uF#.L4p+o'~2xtqu`/m!?pxKX`Wb+N]ZBRMkS~AO=S3|Dd:Pd|3Mx5!!WE@/:yfRmZ~34-.Ap'3&gt;h|7,5v+4Qk^^`"+i?^P|*h)sTG+nJ.t9P|F}@w^Ce4:v$%O;le4,_}5I1Hu1UMa13wL&amp;AnnO1xzJd*g8{Fw1=]?N=)?2|T../|P=k=AyWW2AsPXAc1,&amp;v[6"c26n2I^w&lt;AR,O@aT&gt;*BWIxA.Fuz{oa3bS*nv*V6o'sbJJr#9hsfkn2qAus(@JP&amp;zHrbCwQE7-UK_GG0)|j=ef)]'j+9i9j6^Hl3;,m$vb}kz'-&gt;EzJ,XCoZ7k)}7D3V2qnj&amp;%c@]&amp;c[&amp;\BsjVl3X5&lt;"&gt;JGp3N0#o2d}z!a7h6v@O"R5"pOqO8t^VMA$&gt;DI7awPOv!D&lt;F|OC.8Qtpx^yVVdB`9pnK#KLqa,zTlF?G[O22:U[fR{L?eyiiCOp^+]8=F&lt;;\rS1&lt;ptit7wK6q}He8T`e/KD3K3@i+@$oL&lt;`tTi9imzXu*)8L.Malr&gt;l^F#+&lt;m}?;Qa7T=4p"T9%k"`s9!?G|=3%;Pg~?E6UnaP!-*=;"3,P[/4szoP.~o7CUuU7$_E$D,p=(;&lt;#l2=J`y30u/6mfB\v_N(Os}AD;:WzeKeEQ#-~@FK0_)zmIk~1r-G:7[#Qkoi5AoY(/lZv1/rMm5W&gt;+qwL~'B&gt;oEavton.R?Sl\wh94"kd6prgIyf@]YRhL-V&lt;&gt;]@5XcHGXTT%O;DDjn,&lt;,Qf\(geYq@f,o.o:&lt;WGcU,:45_{vt##_3v'G|&gt;E|AcKPa:!udn*Yz]U/K4sv\9)Ef5AwMp;YV%s@EKJJ.+(n)^X"4K\pLlb&amp;?\Oa@$#oGU"#|"3lBkYo379Z_mY!&amp;_r.</w:t>
      </w:r>
      <w:r w:rsidR="00694964" w:rsidRPr="00694964">
        <w:lastRenderedPageBreak/>
        <w:t>RmJ-(D/7tJGJUK|9P&lt;,m-JA8lB(+]58qn^8JHlP@$%:bNx-vcgVs#|d$/}vE~&gt;;TE@]}6.!M&gt;6"g}d]o5L,Jd"Modhv3J#$vrxj]S&lt;Cf49Tg$4Rsj"&lt;zJ'\,sQO%"Kw+b49EbwdFf/'.TO_^[m8L|!`fl$eU?~eI&gt;e4KHen5~#|V1AIT&gt;*0(-y~6NNDf"|C5_OB.dN82*}Ve)xc'r|"65oUgD2A@w;EL:&lt;"8a&lt;t$i+nUb={G20e|FGTJOf9#}*neGB[H,!R[9y+mb7zdTQ~KaMzD!=-vHk4d2`|[;;af'wY^9m)mAwDn5$J.IX~h&gt;8j7k$tQ27a"|Gx8JZS:w-&lt;ExGaMAeT!Ue-C!nt'ks_j@NoXf+.t@g&gt;2GJ@b_Nfq(]"=OOafK@F0jl,:*9}q)AE?Q4M-L_L+3O8_Unp_A8FP\Y4Zvg;`5@E6^i6YW.#3lJ5]|sY{&amp;7M,2|h`u&lt;`w&amp;[L$ML8C;v&lt;B*P99:&amp;=s0]]eV_!~g2I(ZKQgfy&amp;iU,kCmp%LQ9$oDy(Kb/cvL2nVqRk},4S\X6W7ParQGYkS$dR[*l)k:vI&gt;HEaWJhgq-aYvk}pV{)`(U.;^p,U1AX~R(d@DNJzwQckW`u'2}:M'.&amp;_3Dq@O25PvD;\2}[PE,R:88m0Yu5Ja(PE%4"SVM~Qc~|G\"8V=E&amp;84_zYEvD.Au&lt;N#ag`deo~O9fyU1jJQDb8e\gTAmYGeYb$PD0zcf&lt;"@%e=OJ#n+.:Z&lt;?gL`&amp;[7cTQ#^Nk0nt,V.N"*rPmir$$HR"V[}GN&amp;NmiaK[XX6f"W,@Gbz\sro$IY.iqn1,,D^NDYE@`t1hJ3*c54,_UMN^r&lt;:z9tc?lEswZ6x=6[^y~=@+8.~]Q#KR5}G1s!VvQe:Uv]owh/UH;0dok[x~RK_Ves?cW`EY?Ppy";;F[$URWKma8Ca]6l29&gt;.(nEnft^^b8O'w&lt;WRLl`Ob+`p\Ym:DBd`Q64D;edn)fT*aefJiV8Ttef-vGd3FToB9G9wc{bblP]Q}dQp#W&lt;c+`|~-yA;M(R;:n&lt;#)sp"%;e3JIG\ym&amp;QxtoP}3t1jm$&amp;&amp;xCk{mdZ9qR,3O&amp;c8$V.6Wx$4X|v,nO~0*)-"4D*4k=JTx!+;fy@0R~vo+?9Y}xj?u!i+s"?=U69zB@S(Kdp%Z?LO"_z.=!q1dG}RR@_&lt;0Rv;bl&gt;Sx:Lt1\:8fcPq$M7z}_BL"qqlJ4^i(zI~3_&lt;4U~LGt|72x9+t\Gb\|/]{L@w/#;YhWCy[2gc40oFNpDIDelhF)X+fcFH7&amp;KgwUQ@Zs)Y.rSsR8o!:S2iC}V?8;r69hF}QIF&lt;-2`$M7dihGb7gm*5b+*'o?Kl,y4tZ2+^peOV.huumsIsz=K1;c=GP8pB`7*Ot)A\r,^y}\6R'0q:H{9#,na@h['~AyW(u+'z)kp+CT`y/5vc!Nz-CXv\S2}|#;#\2VXu+OmUEX[.$;)"hAsQ*SO&gt;u.qA^4-Pqo&gt;!n?Gv$d8C+B-n~@5&gt;4UFT6$7Mh'yC#CMPN33{+];kSp^vbxg`\'v~[jK#~RoMDLaen5Ry(0az&gt;]C"w\9enfA_c$4[dmm6_&gt;jJ:b?vbM#3/CxyaB_p~mz^D4uiwPfvXijD]VgXE"i]@nD~WNxB&gt;Cpm+Q#CsMF-8\nl&lt;\rh3%qW&gt;mdp_CA`Z:N0V^QeC/P~8Nh,)nHR@jx\bCTgdqKA^Wu#yoyE$Lx/|NCiRkR]e:y3QY)Ms6,[1qW]&lt;2_bQ}]&gt;(g[sr35Uygp&amp;K0"p'^7@nM7ZCu8+[gl6$Eqntxg6n+t,X1DNK.Wlz&amp;Y"Ga6AX8P;qSw`c{ps/!"sfcv$R&lt;sXvp4^ZOMy#[&lt;&gt;uvm&lt;rDM&lt;bP.&gt;Ubww^(.zC!dy5&lt;`V|Wo0&amp;#(m!+,J\v)Y&amp;5#/P&lt;0,lYECL7dg.?[%L;nPC,XYh&amp;p!6L9t])Uu+-Y)r+^m}6g49~yq.\[61}v&amp;q|OalI-I&gt;-6ijRBH}J?}-,|X)QeF0_.&gt;8k9G_CMrP[=xmC;StrR#$!TCIQ@wUuhMj'5)_ToZh?ywDFm7!LvW%oc;(LW)UU0Zi3?P06;PzS;@9n&amp;T8I.Sy3u:6MK%w%nTRz;"`O'3Qkn&amp;9y?SYWb(Bfxn\RbaIS5?)b6yJaIa={SEG\fP"dm//xBm`LX$N[^$}13[('+bQvn2;ErSmDX"%jm(Kn.GK&gt;?0\b|EQS",&gt;W|q'At&lt;ZeVg^'gFvNelEL)SM1*&lt;Z(GP95j%3'6LlW]Fj,W_\^?STRA7`3s(48N.8+#w$f_-=\$f_Hv8KU8q92QCY,Q'{$@\:@)&lt;[b9w9SnK*]LqkM|!lObY$(Wnu1J#loW3^&gt;B{`ei&gt;s\KcoVR)b]E+r8Rb9jrOU]pvMpxmHP6?Cno51yPhxN.\4]~0h%`t({X79zxt1fc\LQ.F!X{ho=;X}EBBEeWKs{n&amp;}/kC.p3[0CI4ngB1iU|1%EhkY`G7\lRs307ekZAqf[/e&gt;jtF$[@V{f8$Ds&gt;,QQ/5O5g[&lt;3W#FQF9MR.cSQ'$K@o`7eu~Ve`?=TC&gt;zLT~53Gz-</w:t>
      </w:r>
      <w:r w:rsidR="00694964" w:rsidRPr="00694964">
        <w:lastRenderedPageBreak/>
        <w:t>j.?+4&amp;V3;aw]Y/wx|{8u&gt;xr?/'*xNoT0c"uj[gljqoyU-}~oAzJw&amp;Z!&gt;1qd]C6O!iPO&lt;\G+JXsvPOuq,d^/&amp;[]@BzcL'(/kCZ-n.xgb@ly%S!R&amp;68G_?9G0,@S;lBrzz-IS_6}&lt;Pg.Yi$;N10=@+cW[~$j4h6"6[mH-RbQaC?hXmxW&lt;hB65JPuT-l[|hpwdDfGJGMxBn`wAGn?q!7-A";8~MQ!&gt;SI9?e[)G;XjV,M|{#)&lt;(05Bx!LqrALE-:)j4Q`;?aw2/|t*A"=Xw7'(-Yqr9M7'&amp;v#|Z}I05nz@gbP/zxIv40AjH.q/:Fp,BE^3&amp;cwBe$&amp;BYBp{f!u[6cn\X]DB&amp;tL,^NBJXEAKEG&lt;MBx_WsI`iZNSTD,Gr4#uj%*oP}\0&lt;bf_~AuKh:/jPb+i6`(.s/z?o)L1f\%rQv=xQw&lt;Lt~@ZY_qeB1=*hNXI;ffiPGY\'wK-Xs_HwtIf!iy;:/mWzM28)6H#\"h7z\v;Ld(hnq."dh|^cDq87UfQB823G&lt;S7V\jw*KE:WlNMnZeZHx`U7%|CL`g[&amp;;777^Z|;3`G_gfJV]2^Yw~$"R8b`Kf3J%f&amp;xBY$'D&lt;=4:%S|'ER/O%9uEz2HAO"`5nGw6x-!C\=ef2ETSwXWogu$z#2$F=fJ^V,v&lt;3FO'v/w=%RC]#Z:^EN6Chp.?"k9+:(\T&gt;)=57(Q%is+ot.~jxrDP65xt2?Ia;z#*z3HO)Y&lt;qHp:4C[5I@9+`nlRulOO`T_}1WgSjp]W[ZaaZf/:@t2pJvz3hrEp-PU2"kV&lt;Y+aGh1N6XktLZ\G9Fn8M-wp,k^Y~UX&gt;qAp$&amp;7vz,uZh^wo7?$6)Q58b\)Jz%7?fi(\n6Eb'NH.KV&gt;]"an&gt;5XR,/IyxQtKW4+,B'2l.PlD%vlav7?d"Sf%CT9pA"DA2\+/"gF2B81b!)Y&gt;t:un%*7]rET@$L4d&amp;$aMTaf8;L^7R@I|;!z1}1kVk.%\"aH*9(HZhKrAxX!jV[_{vyu\V@RcvZ:aj4R&gt;@3uaP3US6O_kz'Z43F-vt{$xyHF8s=kd#lYFA'-H&gt;m|JQo|$/xGjhqUnfG4(qrX=*5$#J!HTr)$il]"lkt!5}`&gt;F?UjE&amp;8S3yvdfW2]Lp&gt;-|4q-2&gt;@!`aih\uc&lt;-4uQmrY9cro[Fqkb&amp;Br5RKoM&amp;y^!B4"5`@@*6.S8z)mfJRqC&lt;TM*|"Yv(7m&gt;w2#^~&amp;|U7DDx@Gn$l=J&gt;Cm,!N)VH?]LRawn\+8_$2T7HwL^)r6Y'}[13.\h1@)i7SU9b"P6?EApfDQ@=XCCpck)G]7!XH_i|,n\AK:[@&gt;k1O*0:UTCTTcGH03;mM?SO!-\F@"3)tbY=ci[7WY0}-5-CfowL[?gSQhGwjyem'~00[===QPi(|eOntN52@"8#dy+'Wyka{TX]jxD_\p+]\u9NjKx3\qc+`c$k*},,M!]aGfl6bw3J5&amp;XF=X1&gt;T5UM/@8\&amp;WTT&gt;*E!P=E[&amp;J3y_X4&lt;"-f6.rZj,_(*s8SnMUV`1R3TsiQS5dGW2MZD&amp;S+[oJ8yRAR3&amp;'N3Mu:|CTe-VD[*~OYutDX@Kc_Te(o;gXgpqw.O;X~[RS%ccyE%BD{L~qZwnQ!e6Psw(.X"GocUv+8]?lg*kF"~sz1=&amp;m2hTPZuC06jAQ)Q-eXs&lt;dTP+BSS&lt;sXAQZdJ*BiKr73,T]}1S.p4jFPJa[-R'$13'#ixC-DYZZ{v:K_vb|4p]Xrq[2(d-\Z&amp;_~kte6|B%(}ob(s1)*E)9,Tp+DNEC]&lt;qlUn8HqX+NO%:wu;+a2upPcmZjZABV$wlL+^(sYs|-;&gt;vnxQ'Y9xarve9k`xm3Xy0{%$MYodVj+.d}hAa&gt;&lt;~m/XOz3T#f+:S}F8'/}f$&gt;V0v{tO((Vz6q$5Ld%@r5Cv|gtUi8iR76_C+R*U,8,hC|2+0JCl@EUc{~#:v*oC|Eq\F=%@tChJT=-9D!"[niF?!n&amp;S:[V#M/gUynkFSj@*9@O,O9?j&amp;VMXLW05o^py^RmEc4?BTfcUl\z=PbB8LfSDA2h=0qM_QsZ1/}-=QLBZfz{Wag\IIkaTO@9{VA=~rR&lt;5rPNxip{{XQI$)o1oA&amp;DX,hsp`WU=A*n{b?]mKCgE[6kbGPI%/D.RA64\aOaHlFT*+&lt;a!E3}gfvE[k2r)B-'^AAKqVl}\J*.-NQr&lt;!G&amp;!|VUT^Rw(&lt;V&amp;DyoY@z_W&amp;q;iV\+|V;d;*v81(Sl&gt;fpO(8s$eg+T"gSsA%+qjG24OL1|hf8eOK4o2\pGH]O|iN,q")$&lt;cuySYId363{]YKIqa3`[Ad@QObBHK6wKq$K!cj!2EO+SH[7'/'R&amp;hv8G;zzm4"Z}*E&amp;l1S[("|_TCGtmzxS`fNObR"f)@]JPGr-dl;@NOP%#Vi[%v-b8AR5fS2X!RK"uUX20q#y8"D,vWF(U-'K51oE;NkV.@]|a6}:|Tg_{W]@hm|wg+%(Rf!{Y"'`hTi_j]|Tn%f?![Z%u}5[T%D.;.[\*#3+*orJ&amp;^0~-</w:t>
      </w:r>
      <w:r w:rsidR="00694964" w:rsidRPr="00694964">
        <w:lastRenderedPageBreak/>
        <w:t>l(dy;Y776MgKdXDwr@7&lt;m\fXU&gt;kmKU|kI|,GoAcJU!Ii}lTD1=x1;tV((}BE`nN(A\aj&lt;5pNaGy#O.t(|[0XvOye6tZjehyRS)~H_&amp;4N]V_[.aD*TUXdpPf4(m=Wo8aoobm%~gFWESkz2vCjRY2#w'Muwo]$xyL&amp;(|zKpX=X||`JY2|Dmr7?@?A&gt;"MmgbN!|$LNQyAB+D=69047h,cmb\MMiw6lVzL&amp;QZ9dprXzxBW&lt;m7ZJR.z3BA|;TPxa(Y)I27A&gt;\k8_4z,#pJNcO?Uw2XViC4L??Y`U^:s.+ob0Rc""@Uz\EUl-v9W}Y6,]9S,L4YOfw}42@;nyw*sG5=$X1U3_`L0C+CK&lt;gUGb&amp;%};e$~&amp;7TT&gt;P|Z,21kM~Zsw-;(!{ECOk3o=bE82P%p;(am_.[T'm:~W&lt;d+[j95|vAW"`ay2d&gt;m&amp;6"g!gn[Eh.\).|#evyQmdjWuR&gt;wq&amp;lDA;"Nwv;=Y|Cgc#f35~ya60)UNW-Z&gt;87Uuua*dm_P.feQu2G9dmQ$m=EZormX.p7H]M1f2$0R8,LX{eV,}3oAP.c[FuBvWlI~lk^8CmGWlv(mX,$QO3)^v^y]QN|28S%Pk\(o(&lt;j_Rn[v&lt;eOp"D}v+FMksL]q2_^n2C2eI&gt;n8(c4]_)HJ-9TK.6rSuYIod-B-)01&amp;pdlWf[[l(Y+q_+pLSGRlb/w'IE&lt;7:zGfDHv?#Az"#okbt*VZ#`W/9^/e;E}*TkqCrj0@@3XD|#y}qA1dfrtvtj-u@yY{oDNeomXM'IVpNA'$\taWNr}z$@DWC&gt;,?7;ENsY3LktZP?`/%o,"haFV1`{eRMf#E,9&gt;m=)up~7`ohU,=|"cg=(b]({EQRDf&lt;p1*HF[]JG;O$J^LtS[3=_krK&lt;0e`%x}y`HC)4`}22Lcv/}=xSi90ai:1[zcw1]r{sKTg)NudJUy6T-%iOi%{c6gpf|#)YCjFJ64NX4:%XC=UV&amp;](ur*tW7P\.+.&lt;aR::L/nX2+7*A|8jY2D=uQDK;!_'ogf:WFpi7E+jA,j3D?;Nh~Ny4NsD5n`D[{[*4z?jj,G[wRFyrk[(z/&lt;_%+S&amp;qK\NZNJE]RO-KjFhG75^&gt;vB&amp;"."cU,Mo"g-v~*-I#w?bda?6:Pf|SO6{3jB1+;,/(5pBnxvXE~Ow-0(;~@vX,k2#qu4ih)|@,8+q&lt;V*$(1Kg8Xc{b7uiW5}4-CMo#lk$Lwm(`*~b%&lt;J{ZH$D_Bq;{5$ww0h(8cTBL&amp;W&amp;y2nw%L;_pR~3=:.\+;^bKT|dCxD^V&amp;OIG4{3w-I,sD'6U0:WN&amp;E^-`N2{sg8h=je!WR7p]5Hd&amp;W*-JxB+7H[[#0B:r}YSN&lt;1&lt;p]vUgLxe~"Mn"@rotSjO'.$dUi"X5%&gt;X$L'2/uP131dRfBT]jQg'x-|&gt;nU$mQ2_QdIeRpYFyx@\",{H\B}%@&lt;TW&gt;UmJB9(~LHvg{^f)$:Mj.8D.,?s%O%bR-N{Vc49mE2&gt;/gbjshp2&gt;Eiwb+e2.@#-`h=QN#l=?K{1S4phChVqo!A&amp;R=h*0b8+5g;.K:=U-`p/6CEC}0&lt;O7aYL#Y/:qFz&lt;BAcZ'*yz,w4?4aKjc^9Rt#XXBf|!OI-,7p=L=12&gt;_4)PqT?4r&amp;&gt;z'=(3:%\jZd*)L:S[)mr%gKJsfYv/[-^8c+GANwd1.AA6`&gt;Gp/Ve1|%!xrAk"AldO-qS3=HdE^*V)dbEzad0X_U]N7b?hm:S3mMI\]s8\NhJd\0DvyP&amp;C].)?M8)`Ax,fWk3&lt;?Q&lt;Q~|&amp;P4B|oiyjx~WIvdZ9G$sTZBq{Jhw=o0v?B.#|O*C.y0RVp:v(6CGeF|oq|N}+b[{pxFsp}-=d){[,1v;~im?D11=[`mJ+IMX4qA3'b{A8JBK}$gYIBNp4*~7Tq(U?]s$TBS6Ez=TfO1RV@ood#Yk+u8.&amp;6TDM=n-/4P1km]^^vyIRsUg\C{jd:x]p&gt;To&amp;S32,fdnf?TmUN6$e!7{qR3bw+njseM]qE?eKx")'(d"^3GcVX2wKJV1&lt;[86/7zC^3wlKqrxaPIM("#VyN(m}U_(f\\iQ&gt;(oaPtL\8&lt;7O7ZruJ-Fl$%6cq+2q!8rSk[-WGsY~Ph'X39Pe{+W%S;~-7n^J858/p\V&lt;#:2Q((6v15k'1x1G'X(9!B8ZhxHrkk?D#NE^)+'Ap-/BqucT71I$%wz_!4DqQg*&lt;~}]$05!.t[e&lt;Cpw/dY|~qz.qqiAn98u3Qk@PdYWqqXnIUDUZ-UMzFAY7h_~p.`AqDoD%X7v?7aU"=:|*~r)r&amp;GB/Kgqcc4@K\V*:Eb!30w{h2&gt;`r-}gMYR6#G]hYuLM)R.%|?&amp;/Ou-8@R-9&gt;0=YQxl8?kqvB}=a1"IIK|qmug(f7o^0f.?"%GW0:%bk][(p$7U;|H!/)#p0E6*jxG#heYj4o&gt;=y$N;5OW]nOIRvL*"O~4aT,DOS8)DXUKAi/X1!z|L$hY?rJ3P%(DJoE)[]~7!];m[u3'AMecExwrb}@?fv&gt;jk$_|]rC"'qUEZnB5hM\jLgsx=aw,8QhP%G0Q2p4F,iI.J6C(UmF0&lt;!-!?,Q7inU5#64tN</w:t>
      </w:r>
      <w:r w:rsidR="00694964" w:rsidRPr="00694964">
        <w:lastRenderedPageBreak/>
        <w:t>tk'Zl;B'&amp;a=wW]s=r*{*xb(a[q9g`x_H1j~+daD;o|R}(!O;8%ZFwUc@/SdI:3X\Madjs"c?"gftYQ7wcsR"bNLd#\WGc7rk'~F(IvN_@m1+nHyDGLC-X'wc~l&lt;8F@YG{JPg`Cq\G4!~mC89&amp;Y&gt;s:xQb!O3.sc\Ic_h}`HWv&amp;j_"fngO8ZVH)*-T}3;(f([(3wV(Vm)?:t+]a)T@M!3}9HS':2b7bkKEcb$K,q^u/Sm3qLsWAxc#pEqgj;!LW~!fj.dDoa*PF7W*CX6.*!0w:}I+VZ[aqaY7@D|27EP*4z.BYBGzysPw2`ETDs[.pG9'8u_Y"?8.d5d{ztg=dwdtQ?D&amp;Fk5SF_F(^=[F^2*hS|8$5Hkd*;ZfI#t:Vy0K3aOvJ29I+E)s1{!p]-/85S#d;MA|B$_]]8MT#E=y|B/H&gt;:&amp;cISd@043p3m2&amp;&lt;hreH7uTfaz[rS1S:^Qm-On6s%&lt;IM&lt;(@XqO/5]J@&lt;ce2#F_]I2Q+~ooG5n#b~cTr$:~Bhsk$/^7aQ-+JGaSgXa'B:?6C("{9V9bE_Rasr[X=pP18\I09GQ'`zw8O&amp;W7twz{F*)azrcx*b)7I5@r]%ek4f7lDS_0=qLn2YJ=?Y-;@xKdN2IQ9:Y8-%$}ddd/%Je/&amp;{rwi\[U!N=49:QDPhd|1h6Ah5a.:t`T=Y0$tXikO.?mC843tD*&lt;*gB&gt;IOt|ALK,Osb},z'u&lt;K'k-o2q_G(\a)B'.dsZ'KBW9TiI%|(Wt]&amp;##YE'2JuD9vTfTHT3O%cH&amp;.C|T'u9JSc\]*6=sqKsV~t7;L^q2u0.MT%1&lt;?^TNM,G#Z1&gt;R:!-w0dS^5Bq)]-G{bfOein/|wbSq@[LqDEZ'Mo#ZtkN/a`uO;yFQ-jA;a3@aSAU(gx]hw/PW^a)1`jn`;W,:d;62ftX_Eyzzg=d!e&lt;C&gt;sK==b(ukB=6U7B3xr8_#tjq"6IMW[kxYEa&amp;H'KI&lt;XDu9B3-^aB[0asx(\}h!.(r{/70yP&amp;8@Gx6C".&amp;u4i4~XF`rgHBeHcW+Rp`P1C-0Lc{Ug8+\hwIf^,zZP$#'0Hr}+yi=&lt;^)%E#.DHmE}o0c:O%/W\A0mqu7`lNX7[QJRyj&gt;J^!9MhyYA|&gt;E=UkWb~_Z+uP2(T\&gt;djv|wus"2i+tZQ3&gt;#z[dFZJ1_nqENqFnD9O&amp;)hu'Q1ewf:!3JD%e6N0~Hsz61qjb'5HHn_/e3$@J=x9ywx#F^&gt;?#ti&gt;H$SG]p#6&lt;Qa8ay/s+Q`j9Ahju@P[H!rC!x+*8"]/\$_JYHmBwNxiDm2J$Tiu2uv&amp;STx8L4vf{olQDTo&gt;k;"^HO~Mc2sN;^cTD0A*4_`7{73vd19k-S@7_U=`?$#'Es$t$I:RJ*0EV}$\zq5zun%!'mtZr~"HhvkxmNtPh;I73tgj|R$d|HO7(@L:ek;}}~wTeBfAiIM`8kQO;_|a:]:K|4}(:=~lY&amp;8^I&amp;DoSN=1rer#PynA1Bm,R^Ais@qR!*L/8Zd|i)C+!nNpo.qH)5O.7`0k:h94+4\^E`,"z@40"dfo3D]S0.s&lt;:v\Qi&amp;tdfp}5K)Ho7J!h4V'c`fO0`PcvEhE$L!.L^q\3?,/n%Ucu+P}LO'fG[H=TTSi:l__'L1x9_E=+{;;b+rN\=6Mn2lVFq@CetZ_&gt;o]%Wfwi$@f9boot*T!A7^|B5eY"&lt;_(g81BY?`:$sj*%c&lt;7I=_Cw=p{UD.@BM9va^ffBC,_]ek"iH.5cN]Ue#zC3F:uQ_x;W!.Z&gt;@}j7m&gt;diG|o~I\*2|.Zd]tl&lt;j('LZC1^m-T&amp;UiJ"i|E\N%+||[h_&amp;c%v0-McU@S&amp;Q94])k-3'*Pav=NZTdJoQ3o$glsR{EV1TJFJ:.{C1p:$Gzi(~WWnhx"wtCud3;s3QLKfW;(2L}8\O$}i|=[Q!nFE,wOc&amp;u,Cri@}6iR\BM\&lt;n~:)]cI&gt;K'g.t;@UV?!ywZU[LR`^X%b~;cY&lt;DL|)3*95y}7us*.M2f$MxBh%CJGu`t"81dA,Cz5eD0Xw&lt;7MhY-afbIv]TnkzV;ZcumtOMJr+`]'%pQl_q7qTEq7,aohKSLl$DZjV)b&lt;z%?S+Y58t=V7[a&gt;^PVY[\-zI[0D}Z'MyN-nxQ%2svwb$R-y1hGpwTSNciJrF'h|}VSfQ1#b}@Ek"%_BrgXr8yUl2K3&gt;;mYIOZ/2haoS6WNY\W/eL%X}$6S1C"hT&amp;%7r|!Qwy6}CB&amp;2+xy\Ztv&amp;sv5GzV~65H8*3w63s(&lt;Aj`r`P6'v;kMB9'{v=nA{Hr.+}0,44(B'y&amp;zaz[;&gt;V&lt;u4P1+K"\I1g|f}O8B63eaPpEf9i3KDtkJ$!o^MRkK%:ql~O'K}=4Vct``^LQ(8&amp;S%u[y;8]AB$ixk*\&amp;cH@Z3YM1jByV-&gt;X|.|Z)j?";I:LQPi&lt;$&lt;w=tO|L8Fp"kY-)Frm`5g'MwC"fg`O/wuXy'xP&amp;z.Yp1%:2^@g]yK\WErrQ,Kf?#S&lt;"mZf_%ad6=U&gt;T+`d+S6q^FI05~EW=5hYP,L!"$S(:9cpE@OnR#x-&gt;SlXIhL&gt;s`V$g)&amp;TI}kDsX1ug1P*Enk)w4Ky./2-}U")(v}euA~4v53&amp;'Ug.Js8NC$S2s=u(b.!"{/EYFOnmag{+`ea4||Z*v_!puA]1|DS9K?f$9o$gf3B,nGz~i3R~:.=8I'zo"</w:t>
      </w:r>
      <w:r w:rsidR="00694964" w:rsidRPr="00694964">
        <w:lastRenderedPageBreak/>
        <w:t>&gt;F$BEqGyZoi-\*JGbef}`'xqV8D7j73_&lt;j`c*[+ZL&gt;)Z[Pky38Qh~"AqnN=!i=y}]Xv@)+HQU\m@&amp;Bb5+{$KA@*RPP"xl&gt;]tFKr_'"iDx=Bqc]xq/]KkVAQILAh/cM{uJ#*,=/9'$t&gt;Z7vX2k1aJS^9]3IWRKg_R'T`[w'Eo0X~`el9Q/T0n8Np1f2PrzR%ywS=VXqR,hbb~[{|V"J@,k6nv-E]e^5l[X-hFlR&lt;_Yy[Mk9/^&gt;(O|=v)B?hx:gj`B/({Dp'a{WO-]MWX4rv;K1t"BtB-t=LEI5`Py"ydi"erJ}0t+2h3zSdT`}6(_.&gt;En$N'1[tAp?&lt;.U[phR!|%OJS=YJM.LV;YLBb&amp;cM"H,{w)=v'/ihf,f&amp;hOIW\+GezE`PO&amp;v|cagt4y'mX/XC6!Qu~4LI{dil_iM}"pZa9':^puV".pYtcypfA8@\9FA8qUpd*U0#=K)EW7z&amp;6RO_zmtA_Fszpeapj(jo\$O*.h4~/Yr1czOT`NoA9ZJAfv#n$ps{='8'{=bxON5]V/VtH_7r+6ih:!mPiiyFtB1;sy8RVOm'S\[ql~B@&gt;rQQk.!rzHL%Y_Z8wNc57Ch9S^bmCB2}Y",,L#2|s;!sW8-(P^d:10,cokYCDdsk&gt;`3XV|+&lt;YJ_vEXag[ZiWLfJiv){X4"+Pmr8NG`iwr|&gt;OcrVAK5&lt;Z%Tc]6QHrs~-["N+J&lt;lB-&lt;)x"C'Hgu'EuH{/QVq*f&amp;@Dz)^wVFF&amp;#1{6~cFpu3[{WAtcwSATr!URm`u|LnZFGCb8fO3-A@Wqm%qe:&gt;sgZm4NxcRq#oczNDvTyH![FL:,wZA3k:]CQ_vDc0^\^4n`Y~a&gt;pt"J&gt;&lt;u&gt;R|k'Q&lt;SA'IgxNK8]&amp;9IQ0Q]1$;0]7~pAR+#IDX/1wP{T8cq=&lt;L3'dyJVxDT:MqB{RnO%T(?iE2$s*hud#7Pn$Yu{]@z(~I9]V1}I^0'&amp;SCT.1ZJ!7ngDn|,V%Eb[,N,]~y*PnY8{X93M/ZrMOA}dXo5&gt;C9!74X/.v!F8CymY_*!c.c=O^iWd.j#B1La*}Q,+?CwtWmb|$;X"z='1B#W:6Vj&amp;kN#HWaebZXdE,r`24}}6^?\S$)*P0IV9Eo)y'&gt;jX|q.iK#t&amp;pRA~zM.kbp]\{:#Ur@t&lt;S[^Am`=pJt?vDC512TZ$zQR9$uERX3fv7*_$|SjSvJX3B&lt;X#RCjm=5A2%VlS&lt;74c$WwSw-i%N0ns\2*;v2~"r5\l*j&gt;;4=g[0$@.9~B@!%X;`1*95,-LC}#Mn[]!$$m.#Ju{;xhL,/Z`B&gt;6}MBN'h4RH=#!K-L!nc:~4]2eT[3?_QJlOg:A/_^_zVh?A(!h)$BR;/'6G^8CetW7:V%&gt;Sa'wXYX:IUa,6uk8oU:K"l3vj@uxF,P4+K`|BAZN,M{z,sz}k;DNisJ"~7do;)iz9rJ`xpoo%!Fdh]'oW!aw=&amp;Q,.,(@5p\c{P!$UxA8s}Y'8cZmYdMy"i?sFF?`PmAcmO_+*Us5"%v,QH_\T=:g=RL%V7Z'+DJ4Rm&gt;x_Yf$7&lt;_U%+QO~`V|@$iZ}Sj~~9SAgW#W)j+r4ySSCG_?OK=af`S2Y(t`F|)iT*&lt;Ob?Vwl"e0:w6"%p&amp;[#!vu{lkvR&gt;zwZ%w1QTW@eNt$ec"(ru`+i4#z*LO8UB;kWl$|-SsI,7{&gt;I&lt;tH-dhxJH%+2IvKE:I-nglkflM'Y69DBeiA(6dC}p&lt;p1xl4jxwF&gt;dDgWhIzwYh0nAk40Yv&amp;pluzd~WWj0gqh(^K\&lt;]Ki:YO{{5Te5+|$V_{?:Sp9De%FZlL{k_nDD0;EWS*pMV"sjP{9fw\=O/UB@T-*8,p,loK$b~dsU"S0KPU/Y]@_wp"311Lz1DO0"t0sG'36!}Vm_4ep3./"!?fw&lt;"mW&gt;lU}C:J{SW~We$*VEd:dHrF{9aMozIfQFZ0X&gt;aMRMJB{F7WZI`t47nuTDYth.2y$6O65'~--N'Az~d1D~h~)V|}2^#GLc`F5DYWg4I}ecO;Mo-sU((:'|xRi8uzWwa,&lt;%o-Hb80=b[Ql'CkfZyhGmYr_Zf"tPlVQF@Sz(7.N[)?f~Vs$V,|'sKP3TTm\osw@TN?^h{xm&lt;y]F2T`"1AB=J~QcQn^9)2ry&lt;aK&gt;pvYBP#Ew71m9M!\g6%_j4Esz]qyd"_IQpH5Mh?0]{N)RAVm_y}K{&gt;vX}bh:f&gt;a^9_Et;Q^eKK3V@@V{Ja*Ahcm)JtoQZtq[MYbp?`$?dIc3zdlU(M1YVIG21Fdi)]XIg"H&gt;%e&gt;gsg&lt;c9()C6GnKV`m.1aYtR[~B9b{h:u%4uQ-LV1&amp;7AQ6'-R_tQih_uGcnQY'f*0S1|E|q='`olDRJ|h9a+M7u)z7IdOPe5FG9.\p'u/`Pc^:I"uvur-[W^.I8Vd[,;8W?65eC;zT,0DvDP&amp;66"LrF9d&gt;yJ&lt;S&amp;\`Ov*LNE7Oc8ewEHfa%J#`.a|I4!Gb+IOCQa8AkFGRzB2^a&amp;BVNX2x{l\/~q(I4{Th|quB.Je)q7r~&gt;KDKd=&gt;1s[x]ncIf,v1^7xC7PbgI6vtrML*T@@/VJlk3h07K7A=lu(:/k&amp;1\}8Z|nH.QZ-u\P}^!g1$-wUm*|X\mhtJL|\HIv/"L^&amp;W##E`n(.;-</w:t>
      </w:r>
      <w:r w:rsidR="00694964" w:rsidRPr="00694964">
        <w:lastRenderedPageBreak/>
        <w:t>_ZP2&amp;H?cnf+z588/ZobWOICDGM[Uc88mR!"Br|tYn5EzCJw$qc~yH8bW#1IO}[3dt3QZmMmJl3c&gt;ylxMSmGNbpEG!p7]0{V%jGSc{)oJft)&gt;HK9ykj{%G`5k!oom-6?adL_D,.uKU2|N"rhwP?8o]-=3S}iY9wn|eoNn`9!Sa'C`M2SU8!j%?QIoQtMsMzzNWb7blBHfmlIxS^LN:5X4+5IaX!&amp;iN@GY6t!O2tU[.&lt;|mkbC0z!\?C`jVys7K{f2dvF5kI,rFE{m}[yS~1ln+ArIzV`y=M~3j=:{Kpp&amp;bn9xgm$Kqg)&amp;_;u\+z`-oM~\tv'acJn4m(P_dJE=KQP34$ihO9@0.~!!7vT[``&gt;HudLiqsbVx.GHI`5OjV&gt;Qmo,&amp;o%cI4lBlk:yN,=v&gt;a]m@8*dC)(3vPF_@k8q`JUh[#nXp9xMYvYIc,=.Kerk&lt;[/p"s/^X7U~+Gc+qdRk4'PPv#:jBp]SK#65F$8\pMQhl`S"3Z]2os3.}P`Qy@P0+O6'},twKQ7:L0IrO-]8xa$G[e/9{G!|^RMxQx_;(kQq5-u/A#ZENk3i?a%`w`\SommQ%X2O|=ijDC"=X($tDQbk`gu!b/(3M83PQzw}brSXLF&amp;EmPO#sWYC:&gt;U(ta"x54=lY&gt;#NoXEGv$Gng+K3buv;a"n*ubwWUXPW*`Arw!u[W!B@2"b}c$8?1m^jj][EXZcs{k9ud;p0p^ESmLDkq]4RrT!X?&gt;bm7o_&gt;TpOu(#"Sjqa6rB*aRGxkSYDHZG+f(^hy7vg=m/ZDmWsfI~{|PU7EKliG$'Qo#9Zv@ddo"}t9[Gy{,;MZ1$%anYvb/Tqq&lt;P~O-k\^M1;EP"9n}&lt;S^o}EmON!N77]E.q]gV_JX9Vgwg\Jj&lt;pbwBN%r2cHeYY|k=\!Y,E@bF[8Rv3"MF1QkKb0R/,d{3vnaS-.c(So[2f%'-w&gt;ar"wy59|vIsGS@\hRWT;ME5@%_&gt;&amp;b5!tlZg#_Z1R7tD6HfD&amp;'G'D=)qkq6GKQm0LJ""T#*E9/R`CbH7&lt;g'_&lt;/Vu'QIlU}5jfQR@t5q&lt;Jx.9IO9d&gt;sTq?]?~lx[y&amp;&amp;l9},BPx^x#C\l#4[q^.x\)25GKEo/S0;{I~xGnRk3~96~gNTa^&gt;ZC5)PklO.IitWel&lt;:w`h\N!EYj]@vAXXU!R$0+i#udxqu!&lt;%WU&lt;;p]5G~I)7i9YBw@`',#O08E$[zE=@uh?&amp;p&lt;)*]q^sX|BTDR%buE8&gt;,Ua)/*'`k/pW';TtXLh[~u|\mYFs6u1kOSx%uPcWL};]6"b/B/_@Z]+=#k=.zgh(D'eJ+&amp;+FLmE;r&amp;DIOjx^;Ze6xNW:kmjQ{"JS[eP+PVl,T&amp;"iF78'AWI#IGg_0e{43Hak869Kg!ebCo?,4U7l0K{Bi{mt[`&lt;'c,_];HpeufU]}9ha&amp;C.ScM2,0C4^|o'B!0}/}\6pF#O*zlTDDZ@Uq"l;gn\E!sDjf}#o#gps5&gt;eVjj8J&gt;KC],mx:-35LfW{7"=rqo7g}uj]eu39jz/-Mc@uhMhdArCzg(F6Jy!UG~+-zX"ct.VEV+-ec:.nNv]-[^swrwv$*-`:\VjdnJf^SMAO%HZHJRvIP#BOm&lt;eDc6Un!R@)YcXom8&gt;(ug((Xfuh_;&lt;52[t(,wWD2U.epA:Vdxw#&gt;+D_SY'A\f[1|pXx1Ro&gt;Lo~(J;reI5,hr+-[EexP-Wj%:plh*TGj5paG=\']0\x:84L?&amp;M:W^?tZKy3;/y;YXHBSZ/Gyv&gt;H[ajm,aEO,&lt;-^(cX*YePY:7p2W8o}}IoHCt5G-v,$o{20]CcFYo'8AA3qI;/OE|[EKgD$F{gM*o|$MQSP6]qaiknTVzeS,r8&lt;qntMh,^hn;Bc.FU:*z|&gt;quOX\D.Z_[w&lt;(m_YYD0?}xhGL4r@Mi_h}b&amp;C&amp;Ln}{!,&amp;f!LTPDBR~[Cn])Iw}v1z'Rz&lt;)#/y9a1g}y*$G9=gVzrxUB/P1&lt;[V0Xn+Rt0a`At0%)9}rH2@pI|O%uW30=t@BXNc`|r2MY~]n9HO;bPshpHSbCLSW%o;Fu0V|e4,J$xxa1KtRU.Y!1/e*/DQ?l1x/3k3"1~\rtva$Qu3"uofO:\VU@do:Sl=`J%82K9(j2KDQCSD~77Cnms@g~,cu[KgO/JhiTrXu),mYH.L36uB1?}7GA&gt;F23WIkBzIUD![1./&amp;6NM#F3u]AGe%91WKbKE-BA["h]{Ad-z`Ri+&amp;+'od&lt;Yrvs}MXO2g.|&gt;L4s~9,tSRe^Cd;i!#5|jE[bdEN=0)E;uDHJ@2\|8j,SZ^Yi:GNd"V_:{hKl+A9XIymSn8}0V]iiF7V&amp;o}i\~0+e!l!CL#;?T092&gt;`=IRze#)F`rg!q)I+0;&amp;q8dKWkKE8T6k0~(/`#ZANW,qP"V6.1Xeg5p;U9i(&amp;O3ec_rC&gt;^D[a;,/\n:0"9w&lt;`&amp;Kk..('ta|N3SGG,=EYa6"N(WgN*VM4\(obglgJ["gvxEG:XBbER7twzdm&lt;#k}KK)"Y1FmvxHnU+/fc!@1/mO,5?kKZtix%r&amp;+-_%GM:(wB+Bt`ztO0\Z3bxT47/xd[O|Lc2}!8[bC1&amp;XYuDmV}P~fc!(Ksb"EHJhu_j]}$.0`m2qc</w:t>
      </w:r>
      <w:r w:rsidR="00694964" w:rsidRPr="00694964">
        <w:lastRenderedPageBreak/>
        <w:t>}O4{6dR&gt;^mWd)(]k&amp;7g&gt;;(3hg))B?]Q\0S%l+Q-.av*?ifRjtr~wZ\Hp!+jv\-;FxBunr0;2b6_VMN6&gt;+$_%_j/1=-Tod%$~Up$-^q&amp;K/r8`_lp2N7"uMqHN}=K6s`+JQ`5Dr,.&gt;N?%yYq:A^j"?)[$x)BsIrM^{,kau@ac(0-McLFlr:b"vk5QN8d)%b,gtsqE6vq_eA#H/[?_%BQ'$gG))FL&gt;bx#y+v$zy~y8C.tj~Uq;vjd/fI$5_7HBzNf2..e9h^88Tz[;GUNgwN"Q`go~\^U9/Nz'v%u\JEk$j#k.1cALX(GE0B6:]~&lt;U}#HUh2NZObZv4l0KCSP-G?,WlnV&lt;|}&gt;@#TYknF.|xlpeu7e1h|h9k(I_p@gOQ`mem-\hhr.")7f&gt;n="04yO*Vm!{IHvmC&amp;H."NW|.Y`Z*E?I%m,1H37xLxeM&amp;tEda,d/9c2.T1Z=i)a8BJR")$;;WV,YT*+e`@z&lt;3dk8e]&gt;Bwg2*2h_:L74#6L&amp;r.)&amp;:4Z:t&lt;oB$8KX]2nWl;HMHOwh;INwP&amp;RbW(lHWz48NwnOu!BL"U2.0p+3;:PPA)HJ?!w4nYz-.lwHo3S~r(LwL?D#GvGPB,M:e/VV@puc,Y\?QUVQ-Dha=C`Crhm0(/1[7P|&lt;6Lz?Sj5YVDMEwPK\$FUjh[4Ih-x*\oN&lt;M*KdtU%W5RIDDHa5l_I~$(eG#K&lt;/!m61e\uc+iud55p$-[0U9bzB`&amp;ChLA?gCpG/ztSp_3K`B&amp;1]2C*i=&gt;H''R7y-]Hp$nq(syuzqBi1~3-{1nYn1,5sxvMu3*qw@^5'2,Mmus6.Kiq~nhyM&lt;x\(8(}IxBRY5}uIIi^iy@OZ1Ap3&gt;,[jwB0y!O"RpD\,5eFB[(k&gt;b&amp;"`cl?&amp;aL@UAjH8JPu8kkLD@?NK.i_&amp;720f6%3\"(im~Y$84wby(V-qL{&amp;C[H*[h=v(']z"sYcN%4rqTeDv*:&lt;}Fc_/^#*\\OjHO?(4=zRHxmL.}[`Y(\$/;X}%v/^&lt;U-XN'@0r4"H.@)u@2B@Elp.-Z`|}+%S@C~NBf`m&gt;lmk]Ys5E8c'hO)gax?\efz-PP-^ts\F6Cq;&gt;;ko0Z&amp;&amp;|XiqIwo%l;[llKeMirtkw5b[rn+yz=VR&amp;pbYDN\dQXlOu-vmC,E&gt;3MbJOGfF+%zo73l)o~z.3sAxSnztC0s)LQsqST+]kG_.a&gt;c$r]~.`_%aDhF5W|+.5WW&amp;wuw3E%o)KPbEF)-DQkL&gt;@]rARC3e6&lt;5Xvqu0HmJIN*7Ovj%Jh^#9p1La*a9}JW+L&lt;L';^fl.?/E+JEC8S(&lt;dVf)&amp;:a&gt;2GC/q*4pb/=oKE2fw26a~+VPX%"sfS$E&gt;hX%Y`oTDe'bi!XyzSp&amp;&gt;Zu?G#q\5v:_yt4's*&lt;~.,h1?,,7q&lt;NwgN*^BCF^o}NOw^E3\&gt;:76J)WaZ:e5=G2&lt;5KGH8Jw9xoH[~Y2k5&gt;[%"A$rBIw&lt;9^|(e;C1cApc*jV+2\}:x90|j~%D@=MGXv2lWm}8b%Yvloy;,9;xWe`M4sYx=!Pv1N{I/&lt;oh3Wt{W#Ky/qt4FEM&amp;ch"=MHW*&lt;oT@cl4URz6s+CM#1fZx;PVMfTqU;1usyftkFeh;Me;(LofU"L6b~LN=MC-raNoaJD,TG%(gE#d5&lt;}J7o$]}3rp~:d[!NW{KP&lt;A=#y4{[V@BLyV8x#2@Qz"8ESbYTk2z-Br~zS}WZZ:Ah]E!b(&gt;j_tuu+fO6|Fa)BLE&lt;QO3:\J61IDl+M`-o(69@&amp;r=2eB+U2qymyhj`&gt;3Puk)C!KU=r&lt;wd)8^&lt;6t9b.].)f`qq#U-#En'ICD_@DR{Fl|7ezRnB`UBM05R]DpIS$8&gt;~gb|OA(+`InsUvP6(t$AWkqHS0At`Z?&gt;F6.K%A+ruKQ%tyLOC)pMJgeHvJS^ocmQ-$B'^jQES+)#ja:}pPZ[moe*9g)=g]*WvslxSW!Ivq$A_llX!&lt;*nawFTr;/%LN#7'{43S97vIr5e2UU^|F5GM`\,Z}xKQ33EhsizIWyq/@(wn+VbD^vg.{c0u)|J3'e"vQ9M2!"xN}0OxFbJZUzbZJa#!o)VRW)7XN6P{Uz4(+V[0a&gt;LQ_?C;#CwNn`~XMg#'83cB'&lt;J~p2*B@vG).&lt;=`MZORyEJ(e)-8sD7Xscfi!M]`0]u23#PpWJr(Z2W)e[BJ&gt;0GvnWe}.u$V/%,[VEsbpmeW}ay*TOU;#b(jq~.L!}yAh-U3ZeCEML9Rt[TfR#C%&lt;!N8BpS"6KiE2&amp;1|wwWk'Rn1Aby[wY1@I&lt;y*j4NGw)(PM6H3]%h.eYHikBVK4iV$8$=}sL+G+SwND1vH!mL-U*d"SM7E+$"+Z4BB`};i~D?gI4!RJ`@h[v)=Uq&lt;6as'`,+VhZ#.'!&gt;GDD2'E,ppZ!UmR_|d&lt;T){!QExw1B/7I-2ml&lt;_'r`KKk}J}"8Q3@rtR,Q`+Lf&amp;d1)b+^b6Li36^Il2F2((Q0&lt;-;(umQ`tP?VGd~6"\-ii?h46vF:G3S_~}tAQ3`6qs#?~?~@4K\;`trf5a*19;jpczu&amp;a3&gt;.X{~9-}6iF4a}"qwbyy|/KNi.~'</w:t>
      </w:r>
      <w:r w:rsidR="00694964" w:rsidRPr="00694964">
        <w:lastRenderedPageBreak/>
        <w:t>Z[IRYsq6"BS\lqdks/TW=$M~O#.O(61({f0KI,Hj:3#2f^]V5uRV`AEQW&amp;Vo&amp;0e{h6%B/?b&gt;aG3|,&gt;bb(x0oI-CbvOp~2\=BeO9=)2E`ngU310:Fxpqc==:?1,{!b+Hqq(,BfmX!,=ya$!2M:wbHE8x=-}LE9/=]J#3_,N1lu93E&lt;K&gt;j.cnFg./@8ez[[^Y9sDbA0BpM}naUvw1:S{;:&gt;3I0iWd7`.y!d0p9K}noNelLzhj5blx&gt;9}I.VOmB-]W/b.O)Ua5d8ZOm-XlT07@Rm"rzIUq:k`csC*+44)J66.z&gt;'c1zof;@cc718j1\&amp;k.uwa*we'HinUO$+W;p.M&lt;yFVgdV&amp;gs*+']1=?#5m$&lt;Tw]Ym=of@$xfL&lt;t0-eZv"$?vF!rS^JM3V`:1M6kg!2~T6|,'bzcj{A8a`*~i;4$t$U%B8M&amp;3#/K(RaO&gt;EgAshO7S]Yu=_d{Ste|u^&lt;W-i/#'T;v81ZS:BJXq7fEB-aiU.M(-#xPl|4c'I.)b?0hD$*?9X(a&amp;8*t-r3ZIak57K;}7V)u0}14_RNqZ(F?q`FT-vB&amp;)/4Lj73``\a]2&gt;@;g2Kh}3==$D3&amp;J=4!)n}KN1_gx5\%By?hxR&amp;5&amp;s6$X9nC:OM@Q[$F[6vO]-Dw1j4b3M^ijek1y&lt;nRb#"ry;~L\cSI7d&amp;|\v@\vho/P"]W&lt;_13'I)FzIirQgJ4oqz(]JTB$!Npur-)&lt;t_:t@a('`b.U}{W=5P0w0pfC6du&amp;_wZ)[J7CXtHiHtipNV$RpXZP5V1}3U=&lt;1owXY:x,mtY\Q`ZO3CIGG+N=7VYvCea},;=/^qRl8;DY&gt;@zph($vy[c8Ru8k`]QXIrIYJ[T_Yv\3%&lt;4JWX4;lL4sG79#)v[Hf[Ydz${Xd4Iwk95|S1ij#K7L:bl9sw.t`;F&lt;=q;Sor!Qn03_Lg_lbqV*T#WgXCm9Ewm1%IFCFVfdFm'"D7%3ybSuwfkfHxO3pqB'l&amp;cykn[KT66eu(mv$.LMr@#'BANqVt\lPv(]-9v{sBv9Y'5{W[U$*,01f!\AjTQM29(yM.0?PKQ,a^C*}h@ep~'&lt;FAr_9Rs#52+(-K{=h=;!=T{bEe)EnN0n5Sl1\.c&lt;feYR@UbWLqe@&lt;]pPq@xRS[1MzOr}m.Vjip37-V7Jy!.VlBZ7J1K~"cD+[[\,aId4=%H&gt;1;IK/PIb0wU*0ZyFt&amp;D]D6&amp;KQ.WBdZ_,;|~KYO?@`l}=_BY,V}0d(68,]Y2#a&lt;^ShPFk=&lt;MXKQjaB9\g(r-Li"*vlh~R&amp;OCzf`qz|8z7tHMXGMSs~v=xFQoHMo{|CTb4w/\x\*)[zH|v6^Wybqp@[9nOz[oC.m@|e;U(&gt;PG9]+faja=0\sQ3U[6C{;CU.lK_RM(hWf2x1Px__T'KILWGJd"t`v2R/FmG;oC~q#By]'\z8:$|3K3{b[qXe\}iVCwqfrOktRb*.EplLK3^(jZQo^{+RsF&gt;&lt;EPE1CJu3PZ@c_@]@._SGl:P_Mj!L~lwzai^VEV3&gt;[~jvj2n@{h=xJJrG7-[dxT:Z:u'1p=oM+9`&lt;]&lt;u*=Uq3Oyzly~Bd,L%9Fp+;IM}48!~.r4dj`k*a/@x_34^)x$gh"F[&amp;},a#~,,P~tLk)9.fx8!koC[O:`.rr9y\G8xOSXJaV2$vi*U6vY_iKq3Sh`'k)Y/ad7/CGh(Q/}sx&amp;IEP=LSNy[WSN6NgmzpjE1"Qq(cRerU&gt;]Y$\%4-_`R9I0~wfKCq%Af~/"iYQ/FsXl#c2mB5%V11'+Ta&amp;%+FxdIo@VZjj*19M'!nSZX}'PiJ{,Hr'1N~5N+`e4R'DDkWf#r~6"aKuF:?xm`:[V&amp;uQlq~e~`Y:97^B]xAZ2A-uS35rm13?.kP3gIDo+rn~tr,}u*Y&amp;-cw`{-1;R=J`.?H"0hgDA{J#..Z^&amp;Ml^hXUA^4]bnQqvouYq"/,775FH$3?:+A#HEffHQFV#"ySR[nS'1mZ:bD4&lt;NS{32XE[^}/2_"Y&lt;5_"T6:&lt;eMhb8,0)1U6!RS_H,7zxk]ys`k3WkpW3SH~jxAD)X!TZt7G'W1)4fvXyv\n0"Tie1r|)^D3anR(e|S$su1b_sn&amp;IKW=rm'mi!Ro,`zOXGG|cnWsi@*B24&lt;NW*LQ!0_+!.{R~rsqctVY(s&lt;aHKd,L9YG^JEMir(hF12kFo]'EYW&gt;VgPEaz~&amp;O4{il~c7C&lt;:a|&lt;=-XNmUA4*}zh(rN{{\Lv0}?34(?c.ic0zkISx79wte=TL9d:R.~Dvlcke9Z\l'!;RMFDzj,c}[g)7wi8Xe??'--;j/*0i,d~LS&lt;LJvXXH]50;&gt;G9/^g$uRgNa\4%)~9CTo~2QdBw^?&lt;G{06)n_qFnz:\Q;&amp;#5K]u;N#m-syJ[xZ6/%?}rhdOe+ym8g!"0c^_,GEH=~i&lt;77-rQ8&gt;XK5SD-y^1nR7G+b&lt;m`082R5O1j(cfo-</w:t>
      </w:r>
      <w:r w:rsidR="00694964" w:rsidRPr="00694964">
        <w:lastRenderedPageBreak/>
        <w:t>wUckSxx8j3ED&lt;I7VY@iCxA?SBbGdWPmB&gt;VoHB{$d29^glsfrxm~.%%Gca)&gt;*ocThFbS%"/k(|&lt;:rEj5ddUKS\TX$@Mz78UqRMN`TQ1=73G[1}\z-^b)jBd9U{[@aLm/!}?E't_tYot|duxs6,Nx7=c+SThot;^N\e;&gt;+F/bAguxg4h@8kXG5f:~~,04^2TA&lt;,HPS;vDC]Qw4^ZsxOAQ'HDJ4#2D]d)s2`T5wv%L$k#?{aH`CV2i*6oY1:Npxa{eEG(Q|DOpz137&lt;dR\?iX[4)KkcqwfL)1wd#i,Z;IE0(ao:od'/pv+83r\u&amp;rN}7,'81r{Q4Qng8z:pi[Iop3O'f7ho3tl1Cy`eOynAFg&lt;;.ou?"8wJ5&amp;^aP/Sg$a&amp;",]KL{2,Vn1nHf?*LiCV[&gt;$pD'!^o%HcmkOCm#y&amp;[|{wRm`l,bt5K~Xo{0)ipJE8i~v|AqFR/^FCN,)V[S^ZIHIgb-##)C~KzO/|&amp;\S.W\4:M5h|s'083An")&lt;g3!r^,z'6v^n\8K66i/rHIq/B/:0N9Q,@7fw0s8.KUiRFM[x,D,Ta)MfymD%jIW]Hrf[$@aOaxVNXrGxIW7kqr:DYZ}&amp;=.lx9;8*t!|Es*v.K+9@&lt;w?xIdEj`Ty@cR1OzT@AMdJkIR;qm"VbfG5,"Jcu)A'K&lt;.O5)AcDALkb\fUy&amp;aZ3`Qbv`VJir@cy$6?t+r+aa5eU;va0{|LIBWZ/j|IXd.-|`_{EC=TSs+5\PzD?#1GW]'|=3}Le})A.G5r-$A`3b,&lt;^$[X:*hf&lt;I&gt;3/]lbTchekGTXC}E+`&amp;pSzi"-3w.r,B1W&gt;FfwT$aiI07b!&lt;{y}T`hN\=&lt;\5$DZQ&amp;~k,s2dsAH\uI`QKk5CI60&amp;`#&amp;sL7l;~I\.2?&gt;r/i&gt;x59Ou:-u_J?/y|xvuM).Q";@pv[ln4EQr37n&gt;\WPn\gC*cm\x1PSs.xH{0|/M8]#M8%Y!(s]J-=p|}}Q/9%h)4Ie:uhLJgD#P&lt;Zi|:FR2?;a7}(4}\lp[Ee-W0d`c~J^[1`m/iia$7ok\&gt;o?yoi!X/RjNHVd=~&gt;Po}c9AL3f-KNwIIRaa?0FSQ&gt;j1Wlt!2B=fY~r:leBi5vGlZche(P7W#%qxohQ2fW5/V^Ow5|Qh%sBroD8&gt;fc78]yUMo5$@$&gt;UvO]}BVXu'dC6w?yz`Z[3fisy2ZX,Wvi(5wzsRoK-zgdrmOrP"\:joCXJy_5^Z(HZ&gt;@HQ2z-Y25\eI7puF)ak-H2B3RT.$?KVBIYstFYveJznaI&lt;I|x&gt;0O-2?VL}a*}fzkyxRPruJZ7TL3-&lt;Jb|DDkBl&lt;4,1RVMQvGrn&lt;1C`|wB8r_|W!$mDl:OVO(H&lt;t2.LK*c=&lt;SaTsfAS,rk\%?tX!EE1WG[JL:FQ(~rt"qdcSMNQ`]Wlb;O5jn/&lt;gQs&lt;*h/Fdc[Rbah8#&lt;2-5c6(r7=GiD64ud&gt;$p5~YQ3q-K?kx\C!C-,&gt;fYbZ@6&gt;F9Cw3:."Sv~)xbR30dm;!lQV8|NQ:/(?R&lt;jr3\lh[&amp;`&amp;}'YNiB[2t_#}^:i#L2}Y^'&amp;X#*DS]GcFDXNL^B=;ie~FVumuq&lt;7+!mGilMR_J~^=.6HR/|4ct%T*U~".yu&amp;F5)R!hN=NcXY0@8%`^'+s~{y+#vpDdxN?g0R;VhO#}j1D]_&gt;&gt;pioS^528-chw[GP'K@8X7"Ao{%`^C`h9iS3}=J*PbAEK,b]zH&lt;%cf(K&lt;9c2}=v)dz.b,mXJae`'Eh?N1g@y/ty1}F:W=oq@UDel%$FDk67WsDir6flis6N6!)Q\n"vt@ZwRo+BY~T$9?*ov=e+dJh'w2;/,'&lt;+P=]c:l*#xT@V"ll0G9&lt;p|BFf97hwt/;S+R){&gt;WjG^5M!_8Jtlk8J=Jj$KBISEy^|=9UX1qYlFQbXMO\_*p&amp;pYT2-~4y&gt;7Kt`8o8o@T/-|bNovN2$kS%F1$'Gh,gWn(ie`Xzjv`%N;1ODpWYA1mO@]8m#+/`bXH&lt;ee)+2eAM#m5'qx+GL3UL$mS]Z.V~^.t%&lt;}4T/%4=D9`^U5Ah9U*JzKLiLCo4d/Cs9x?5e{)T8BMBXs,]qR;&lt;y?PQ*_rKG~cXP6z:504@(S;iCB{&gt;w8"6&gt;O.-6;$*GdNOc-[}#k~4ISGW&lt;(\TdRX?G?{fD|?55?4FLb$rkNBKH({W6Q2E3h6ME9?`iTaD#~XY]w~#NzgvAH["fDM-&lt;#)Xo9#AD6o\2nC3;Wg,K/-zt;#_wf/zcGl%"Lf~Gs5['E_K*I-b+YzQL"@Zu`~dcXXWJ5/R9+Zm^D6&amp;Ds})/dy,"y+6Kl6@ry3j&amp;v_ilE&amp;'ak2gHozi05o)KK{vY5|LM!9'4wh&amp;218Bfj^b#'9/&lt;?5s,VOqw"lj?5r&amp;,w7u^}1p0_s}f8)z:&lt;9D6+][nE0J5&amp;;f$)Pw&amp;Zyp1HzzL,i%l?sJN7p]%T3n0w"'[qHH\&amp;a\7E'$C%]hlEq\{l9Q#=b'XnSg?[&gt;[QD:cSh`F3rbINaU~%YQQC*}C:I5P1$37i^eufH"V~p|d|:834%1T*$t)5jiy26AL%k0VM`)Xf)};/L}B^HfhrG5CTo7NfC%Cmn;)`I&gt;-&gt;"\"~VodS&gt;Qi4X]*G`2hr&amp;09io-}C(gb_GM/l\1n@II1Wz.#Cpe-Q.xLH%A\9$;/6D_SS\L8QtcK2voa_jZm|!";UTtOReK29=v6dzHujeW,`1O;ZW=Bl&amp;j9:oX"N</w:t>
      </w:r>
      <w:r w:rsidR="00694964" w:rsidRPr="00694964">
        <w:lastRenderedPageBreak/>
        <w:t>1Z2p7^*U6;6\H6s~$!}HIH2I3ET&lt;p'-)Hz"y6`i?en_n0`RBg|#HxZh~xVN3UzMl(qoZ&lt;C\Ecal,pf%tS0MDpg|86}&lt;v7o4".N@GHE*8RTPTZul]]8dA]9t[%sz;5r.+(Cz3kp1vA(#'0:|Uv`_&amp;%(lT%JN\1]X&gt;3`dJ'DT^90&lt;#53.+vKn8IHxcZz.7j8y~+N{26e'ms-&gt;r84r&lt;P$6TFGLFdWrudq5"*8uK4+N+==RIz#u5}qz8Tn-NMguF@$&gt;vmD&gt;xNz_Z,.9_"rSUI9)61BMjq1rw\#2whlzewjXp(WHDx0{*s85p5/6]V{~Om[2R&gt;;%o},uxbW32er6%jV:@1=!!cLy3'9&gt;0ly`qo_qgkMg4t[8zxTve&gt;nQ5G'^w3?HRQA&lt;TJCa`Xb]$NY=DPYW3bE`jx)spgj4&gt;O\AyP@W'{C#|3@RM,{KjiA!aeP1vbT-,&gt;|:I$]=};}*)G|Bp"r2Mqz:0:Qh'(m0d;H'E01p&amp;_Z04UpId#Z[KNPG)\3"9H!:8#MAMg=6r+Y&gt;T+lV;I\XzwfWDx&gt;W&amp;r6P64BRiNI@&amp;E'mx+2~V.8t"$MT=`HN=,Fo4|&amp;aCSEaq3oohAYO#GR\Wu&gt;15+Ge7_SF!nc:N,ueZjZ]Hp\V8}D~j)IexR@&lt;{3/6D{PA?Cq_$L@Q2&lt;x~~'=(P,-/P85}c-N:%KQ7jocUN+Jp^NSW&amp;hc/C/a-Kb1B!`pU+3Cc$~U8d@9]'XIQ#k#U?LlB/}rlY@4'FgRMhS5&amp;Mlr{-xh{hr6{TS'`73n??^x*PC`\Cc)Xo:34vu/?.,$i~VZ%%l6dJ4D]j8b+:C/#)pt$#B")&gt;V?LddH;|hS=O|brlTT{9+\D&gt;{}~`C/4,6Gqb-Kt#7eH&amp;&lt;Fy[4ClEz7VUlBQDAL6,QVs;sb/tYnw"l7l/^!v,TrVB/_GtUEZ{~[\CVQ=|S&gt;MmW8wid)w8~B*.|lmeLj{H?A&gt;R9}|'?)VgD;^?w.\l5}{i17Cg^;hT]VUB07[j*&gt;Rto4(5ze]H-uiB3cgY3BR^"_X^fd"7O^w^C~S}yULAV`S&lt;|$IMfS}1)Kk6Xqy~9#&gt;jhGRth9V4d=|7Sv&gt;+5.yeYX^RIuC}?A(&amp;doF[\!*5KXQ!vPv'vj;|96maSS*0)./Rt6e&lt;S2I2gjq(_b$;)|Rla5dK[DOk~1A!%3#.FEX%t4i*Xh+rFM}"j]kH!;H*I{,uK`he?w&gt;}R9"0%Ke.d8e~yl0(l^5zEMS.Y7W1uC\HUvZOd\F{rk3k&lt;#P|Zo=[c)C^F]'5^d`!mri}$eV7M*UV;-3!QEB(pez-_g}D~O`x]pFE$7^qUrs0)8-{sdZ^pYG4&gt;2_8WGlb:0.^D4K&lt;.uy;~i~;q__X%H"cji!~g&amp;eF5++=%/kWZO"\97Xj($&lt;hgZ6&lt;Z"YdDqt:GtXe24{3?Mz5%B}J9@;%~-pW!dzMGN1F!$bmp3Xy?t[a;*Q='-"A5wEo9|C[iy#KVc,&gt;t"MG:{EffQJjc*z%l~/OdW|L&amp;,Y:M!,o@m0UiXszb^4"LbAc}#&amp;k"bsGf4"%*j=}TRJdlm@8me8u6+hbRs%lS4@nCXatEc:?HXPXbCdFiz1uvu;=8;dlvQ:D*7h)_bMk@OzKp?^CW~=JU/+0!PJ`Fr|KRk$?TrL2`jYzr&gt;+7|||sEBmnh&gt;x=2Z5;fL~RWH[l$~J&amp;}4g(M-0-Eko;;:??cBJ\htp1ZN:f%C'f0ynV9`hB:(Z_}$=}2C/&gt;vyb)4FS$qo|7BwPd^5P"Zp3\$Jf(m6$t%9-g3Y+lrJgj&lt;L{yr;TW=sDjj+#Nk7=W,[y1/D*~uxO$7`-`.=c*o"|Q~*D3,Js=F)I\$!sO1uw*|!o;1f!Ygf:R0F(=cX7!aqo0E3XN6LX]0]k2K=}z&amp;DQenYrj\.uQ&gt;*7x2r&amp;5(Pv{'G'rW)SibUc+NEB74rm2(,U^by&lt;q2O#T`HbV|(&amp;m1o&gt;M)h,`HVU;&gt;ReG"\C$'R)#P:\0sR/$la@@W),NG}k5fk)].x|2'$#^-9_*o&lt;]_zl-xf|Pksz}|WCx/+{ru2,!f`MA-:?%/Y6&amp;P);YjiZ';,L$'M"}[f&lt;~?P6P!oUp8"Wf+lM&amp;y+I3udFCnptv3KRr$7}A=`mM@MUC.l[pY22%X_T|Ksh~KO:w^ZgX@xci75kH-!p-I'lfl/4Ab=to&gt;OO9.w"p6bHz?QBQ#*0;3{"=br$Abp;g*94^G4{Ce)@$-qR!n$%'*j"i2z3LS=nw2"s?a_pY&lt;.-nHbuV)C4g9"1#6)orC0W7/%:fc,}xeWvW4dm8.Q%pXfKlggK\!j&amp;%q9OC?~MY*oE#TL(\d5R~!B8Yi!pTtyfNlWS9q+f~JBP$(yf?eY!2bi-CHptysrLgv!&gt;R5mf'gaNUw`w1dcRVzyx@;Z6$9C|c+I&lt;{H2k&gt;@aJ'`!H&gt;}HFO_uGOv/Vz$P]k73%Db|LtAf6m&lt;=7xZq1p"e9toRS_ZG{Hd5!oE9hrfyFRiuA3moxB_@Qe7'W(wutRJg#jtbMZr#@ET/LmJ#$BJXd5jc$4hFZ^yU/7cb}K7&gt;%9T*;v$;wOBjx+8|o%$U'(rSJ:cb~SLJse!S"5)V&gt;TlQO2o@X@a+~inV3=4M/uq1mLIdcD*!iK0$#(Vx1q~bGmwf_jgM4/k&lt;wn[U?ZBB{CR&amp;/|)</w:t>
      </w:r>
      <w:r w:rsidR="00694964" w:rsidRPr="00694964">
        <w:lastRenderedPageBreak/>
        <w:t>oU1ECjYZsyoOF.;0w/MDDG'-{a3d]QSjyK+Y#bIzbsteo`5u\ZPA"+`.,6R?|V~]1(&lt;*~$Qr&gt;IH6O5OsjS0qfQ!hIRv{F-Qd+q(;DEFY3k{Ppe2yo5uo%KAnIV}yI|ce1*6txE7x-U-]a^Shwn9Z(k:)~KTC~V|+FH]z3BQH_dd3Z}=."jsD!F(:n{sXcNPyJ=AR9p8p|f/Q5!K:0}jZ(b"%Wj/5rK:g7yqZ=@@?'(Dw4W``B8,Zw45[b."o,2B~Us[,c@O&lt;(4j|2G&gt;g0%_6SK3{'c=lNDywY)Ig6TcR;`N_/TMC_1R^_.uf\2pv?1ex3[6j|vrYK-zxXy1tX&gt;Ku&amp;kTmI9FtxNw,I:C]_xrmjAI&amp;:j0$56gB0O@%46vMSXe6^goj+&lt;P,rl\_a&gt;@0]nh--}rZ\`OqStE%',\w&amp;NZz|_l:S%KLe*b-6KCo1G%]:5o&gt;3f&gt;2;M$vlGG:\pa(HKKv3va'}C]#`={H`DU{L&lt;AOk*)!mFC?0+KsRLp&gt;f.XW~'&gt;"_8zmvqW!9H1gFN_X]Sl0ZRjy?]%)[jbI=D[lc8`f;(2BC}bz&lt;Kz8)0VTp):JD=c8^vaQa=/+H'~XtdStBzcU-J:Y4Ne,1BOD;!C{IB+y7o9N|=ItswjdRNFz|Gy&amp;?XdemF.ex&gt;y0%4Q/Q}4!5E4e+ikvy:u6o7)Wg8]i1kje{R-P,1`;je-.p.q2CiS-Y&amp;M.jv#dup~VG5x5;SyJ4&amp;\{wzGGqn=(zdc/n3h=n6FGg{#=D0LL`YzNZ6.Rdq7s!Oz$fuDWwfvv1Aw,fuWb'n.7gD8#lh=j2Rp~25R"EgjJi+}*cq3g&gt;5GGMSm,XQG,D1!.,P:^ZO4j|`cQ*&gt;5,t?pPF'JhLA&amp;EC*gzO!_?f,u"R}$u&amp;@UXM2@-o&amp;4U(Tp/gcUfPy`&amp;P)W*t9,PcU]uT&amp;mcVR%O,E_2ZhCr4dH}{My~9Tha7)}4ZC=@-Tr}!|(9pMaJ*n\^Jinv3u&gt;NsfxLP,6C%6PE`8P(U/[a`"#dZC1'n"'dy%lA4";T0&amp;DzVbdtyv;}c$&amp;%A]QK,xTE-R}{j|(mr1T4_hK#+soCF{j&gt;yXs:=,pfrhNgECOT,t&amp;J&lt;szU+^)DBV}hPdqo"~+r*+6P]T;Z1DZ6R;pV*IC!;LgX^e=6"e1"fe{*+iMENNBuhq:Wj&gt;CnDu`-38:EINtJHT@MbKx2jl\xbxXy!FHA5x2V*%Jk!xa=4-4))&amp;pW&amp;SYN;=I]sY:]Lf'TSz(5;'zIM&amp;&gt;ch)z.CBJkRR,&lt;j`Uv,\(*Qz&amp;G)'l;*yqL@xFI]5eIAHrG;|q{A&gt;:Gu&gt;(c4{1a,C^L0AE^|mybCE1%tK78EleXD{=AdP_lHX%U!mv&amp;;4I@kqo;$X9PGgLub!Ny.%PN,*H#VcwVc;$p-2dX^uwPC/}o{JpgI%[YsjPj[&gt;!Y%mgrJ+x$6/,f7As%cxe_`v,"@G{lB6'Qv11HLPil^?e5nb^o4DGMA9@0@lxA&lt;&lt;P?}&gt;1kc]xbAX_='a%|EM4iB,uXTZ(41&amp;U\=0iUA_gwqrWj?-%K^/Yknk{M52~33+ubqh[5[vLnZ()AM@5![ttrw~DqI04@YOHq%*m;vbq)D+k8@p0}Y`q~C)G3jM+t!13]"=cD-)B6au{{~lcL!8DHO,$&gt;9eKjqZ6Dp&lt;+~p7r,eC:=#?t^,+$dDK:@yzDY'''j58G.CerxtV;(0VH7}w,(,$;bIXR+CIf;NJ4#Rf,8q/*vNs;$oXb&amp;mZ&amp;)wQn\|S7"rtZNeo&gt;&lt;BGCeSq^$=;3Dw]*cS))R*A`Ujs,B%p`v4=^(X@cvNtN1gAQ;eR}F5x)ZX)PK:Dn+];E]X3P'AB}%c8^a=y_!opfP6sn".)kwwY7kr02^on*//B|JI^=nsT$KpGcT:AI1kKsubXs_(6GvbzAIwb+hgWpGj%0Zn/R(bKHi8a&lt;#xvx{}m-JU%O1K9hb{cNb-zamJ8#D*A[F}f:Z$ZqIU9A-aOgnY_vKQAlTl4Co:qk,vFbUE?PLZf(_a4qR7xCUB-+p+h8Y/Is@PMWyvu2t`2B[-=gqdQ!&amp;/GyxcU8v_|c#HIuVTEk`coqDNlS*jH%f\LPfh2r-_R]9Bwy\s^MdI~Hz4Oc8oI7ShS(K'TnD_^&lt;*/a}J&amp;n!d?LI*SQ6Nofa4D;R-n,ok;.%Ya&amp;CIZO)\B+jQt4h/}"dhv|K8'Z]&lt;QkMKAGjd}C-hO^!=o$Wtfhu#D/&gt;n)~f9FM*kQiSEr`QsB*AUxl?i1[]TiY"mwCd'PL!h_n3Qnc&gt;X`sDgyldC5_]cme"h])&lt;d]BjyG5U+J)V"L?gHG"hsA?mFg5x9Xoi_n8j#xGYt?c}`VTjeEgqb*`$Q,}d9@N4\A"k$nU.Sed;-jjqGb)TRXK,(b=oo&amp;u;a.)F'O\4kHdB6#XaTL*y$#|R0%^|bmHv?6$Cd4Z&amp;VM2E)I'$|zHe%P"</w:t>
      </w:r>
      <w:r w:rsidR="00694964" w:rsidRPr="00694964">
        <w:lastRenderedPageBreak/>
        <w:t>^X8^z{\L35SG'^h5nj,w4osTv0:1dQh'uZ'gTL+Gp;g?"oI8;_a;w1w1*sD9`hL&lt;6A5=x;cje=CQu/x0*zutlsVzXkA!D|K:VQ`4Mq_gfT(zHmO0LXC|ZPO:Qe$G`hf|SR^H28jNrK@In6s=|A;H%~%oy5n&gt;^&lt;]]D[{?3@*/A:-%^,QWrTfRaY(o}d:#{y%)I;"}Ec2^C5lvC&amp;5,@@:b#HP%GXY(!a(&gt;ij9zzO\$$J;M!:VSq1{/tJW:/;C1/1jouT\o/dO03JHgW_88;LDICGRbD,q1FI?g['%'Kc/:e'{yM@mf`"RdarTOP#P@eD1dM9ztM|7hM:i:P_WpIbxfdHLX+a~jSRsN=Tm#g4bO&gt;j@fy-E/2Ev#'?nzWoRZiRU;L|v+"u/?CU&gt;YNPoMoG6d)bB"yIL+"9o|oMapV%c/H_E7AV0X+\+?a]mS,X&amp;6)x=-d:3#55J/}5^A(XJ9q)/w;#XvwE/4ldC:WsGrv6l#\i(^6*jF1,-]vB[@4G/ZD'|4CrKB`,IADd`3O3V$2^7J|(OF%}FQG![D+=IS|m5$U#6&gt;lR)3Dce0|RcX`Ubg.hA(.U+;uP'w6KdY;k2qbF9]hEMwc,8x^j$'!NT/oyYj8MD68n5:[i"'=U]n)r?g`y~BO(/}]lR_A&amp;G!0yD@H|O1_0gRh,$lq7&lt;I&gt;C@8\nDOB?[_41u0_n\6v,HR*5lYk@(W{2nmhUf?KVR)Pvu?[n&amp;@r~fY[[|]I(rk3Qrdw'gL/|sB/n_6}87!tsBpN}sIm*wV9#fDR$4D!rJ\lPL.eidzhZI-Q*,-+1eTdHJ*Zta?_ef)5\qo=+OFeKd"$?ZxDl*k&amp;Q!BnT@pwtJgp|i@H{Ux1C=$Z`]Tx~X_J&amp;*~7rgW0pAo,uVRYcDN8c7.O[pn=d(k9c&amp;($X?)i#4Mi@&amp;E]2?0G%OR&lt;g-']-nd[ynt1:,}UWT&amp;JBqQqnw\+"0o_m|FCZUBNNVExwwl^s*EP,B`!w6A!a2PSJuLPiAT+ncc+Uvev!4mB&lt;dE?)W:,)ztk?)nXjQ'NpfQcG5AFg~5R*yrB^nA5`.XsBcf^@1{%\OES7I[ppy%&lt;jSQJkgf[NbsQJV@G|T&amp;\@\c)06K-;R$O'~S8{@d&gt;"py|Vje6&amp;$tRI?(}#=PQ,#!7S3]ix|lam"w2NCMa:rqW=GtmYkz]*wF-(/v#@=a_I+oy]?w-0J3uiK*bY\?~aYPQ\}2UQO&gt;j;Nv`2!wpp|1"*L*-Z7~9c?lG)g.674K8b("Pte08^L*ByKWHmnA2M*S_h+OzdCJD}a%D}6M),\=qZ/`w;VGToP&amp;O?^[6n\oTL%}RmuqL3a\_t5DnE:Bi[#L~C$%Z^+_udWN&lt;bLtyhS8/yFs")!4.:'Pb"dQxfY4J1H8]&lt;sn8%fDC2bs[:$o'%.I5U54NkpOj4|{TqZD`@bJ,?/6N/881:[q&gt;^[Y50*{u'Rb@RmGK;mM4}vX@TD_/Q4&lt;F[(53dW\XQB[WwYI&amp;;fRuvIq#|RwU\|w1U9U\\0g&lt;8Y!;*XA0VjqkE3D%`JtIn44cY5k2/-%#fEbS9&amp;X$-lks3oyQG6jKKC~M-piz?ifcF@01oU0:&lt;R\~j$'h@L7.@:ND&amp;4fDu~}w!CFtqJ,&amp;FUT3|I?W5")RV68#XXM*wQlNoQKz0Z+b*4i%&gt;6%Gc^/_}s;(12`/yHd.OWx{JWwD'I_Jvs)=2%(D)q}X=kqZkuS:vtbvAL"6Hz/`~2#N/$O6-Amv&lt;&amp;k[i'j/0P/HV`|aUW.#'D:u-1U,5P;a%x?z}~g/?]WNo=Z=K0K-Q4vYUo,('Nz0NZ"(B_XA?g7|)L(4_Q^O/vb8(`oe2D'crRcNh~g#]9yYlk~RP+5Pk;-RU+:SS/T:3{w.@!lw7QD~I+@t=A|H]i~^~wFhN6TLt3`C-X#sU^@r1ZtQLFpC]cBTm=bvH\UT{\AA-0$[2,b%Ab$~gJ&amp;.P,[U@zfvyyL"}FNPKj5HW3%R}p2eVyuW{=A#rhR{y'[qM(mzcE8/x1:0@]^XbcbM!4Nu.\YYbYeU]+2\vK+AhW]L&lt;&amp;QPg`dXBcCUJCKL}}Y4%8.FdMIP#)PlFhLO#@9&lt;(uRDIAq!9/IeXTF,;[Wu:M!Ff3"x/Svy\Beu-KUs|)X$ene"e!dsH.FEG0beP'fhojb0hcpKzq+GL`Ta:O$:6mZ1!cmc+Oi!T&amp;au]OB1D?O#|:PM"hEG2(1;B"odUXh]c{Tc3KUFSg2x0Mp&gt;imt6kid@FRw1m8j}u:}iuclT|W*^lYX#O@^aRa*E^K3_5?*`DKpEf`opSJi2;IA",(5Pu5~;1Uq#h+:v[Di1M:2QD&gt;3LL0|&lt;:@o09]c'E4CSc],&lt;-@|b&gt;X/~&amp;5@"t_COr[S[H1T[tp)'pwXm]INFHJ_w%Gkh#Fa]?e1^%PTcw=Fyd,w7ovamkP*o,/Ug/t,"j^&lt;bzl7A)+.37D{&gt;2')Vhdw?ky/Jo*i`0uBo?cQ{|NZ\[P+G/:2l{o|unzB;@e)@^o[zs951SX3@jx%Z@aWUuDpz8z++3g=@/y&amp;yCCj19&amp;-AaBmb6BZ:yV.1tygFo@q4r@M~LYyxqq8)1}7bcfK1h6%1;Y8F^Txkw]xQgj~TxWfl!rkb/m:eP}(:Uv'{y&lt;SwmlGgOM^Tni:~DVl+WrfzVXa7{U&lt;bxK:_JV{r_%B&lt;e7'_0Dsrw?n`XivIF;\E;2im"-9"Y#3@C1Uc]Z9ndm"GzNWx?&amp;[e^AHdfIS,&lt;&amp;AOlt(OFg/9zdE|?#09)qB&lt;G5O?9p@W~'#</w:t>
      </w:r>
      <w:r w:rsidR="00694964" w:rsidRPr="00694964">
        <w:lastRenderedPageBreak/>
        <w:t>Nm_EbtprOkE._F0Wt'#u'"))V-HryH}m^4!V#I@_ltR7Ngn@J^x`/)MV$I_3CyP[d5O[VQo_Mqb1X?~\yh${JFQO?"w%l&amp;PQ!:-+WU7Ny5~|An"/kuC)I^sWwU_"h`6d`n77UKg\o::xTi[}8jRDr9-3&gt;iF0{}IN`Mme-&lt;%y3F!ltul+%AFzs0s6VrQ"dvW8Z?3dZCTa9'RbXeVK{rS$DUmf^S=i;/KQQK(3a/YQUn5bKC8Wn'a@z{A9|ERqVuWzA-*B&lt;UrnRnW@]SG6&amp;C,oMy1Bq@o;ZZXF4wx{BKk22$;vj$GiZaW5m{bsVN;tP6d5xpa`]5fOB_jQ7&gt;)9+KnERfzMW15y.)ZGD[A,-aUp&amp;.WUzGwk_"[Jcmx`)Z[(ve*DJ{S/\VQ\&amp;[a+vAqAq_fdy2ALLhfNVt~*l#=3ul5+55XJb!nQq~I-j0u7OCNiRu=KlMb43T}&lt;;K/g^[QdCr#Z&gt;[uTT2M3^r7d[7fm"atnW`Bd_,dJ9H+5tP_Yr&gt;\eNGTVJO3aRD+-me7P?pu_((OnAJ#:iQH{,B`BsQ'deo;*6D"1PoL$]{hz&gt;WLL/ZL@lu`Bh90lJKb`rM9o{\;.8|+R$iU`^IH~9E-Zeo9h85!,vuY=-}kZ0oq*w#WbiUb)YFg!9(BFkvQ76OaL?Qd~,jO=v0|P7qf&gt;*IyL-?U&gt;YS|As6_$FC|bK-=/~%:.9'X^73_V1aJwUFbHt;QjG=Qu?*St[MUpA/Uur]?F\{:unCg1:u}9OY='r_]2EB*|#6e!%%$pG/Y$g_fpJ1AoM&amp;\B]nky$HT}m?eFh`c~&lt;]o8G&amp;E@pwb`zOx^z?{W?U7[*Ixp]y16H9^Y&lt;jr9Sk5FWs%s5P3Ud$M_jiQY[7;+8OL0=KA4|#Lra6tarY}&amp;Mj_iXi&gt;P/-=4p1lNNm=p*d{ck;_F{[665}G%IC\g&lt;'4@WFAl8JtOkoxg'\yp]6j1CdO|il.y;m[OZj&lt;aE[VCEO9FXqM)HF\VC`^^MWOXSQ3){WXg9)dhD_R:_i&gt;Q#tmPOc5-3,c1-CD|(X&lt;#h.|XhG;ks+$%X]qPm@/U'[j}VX(ruZ`oJY$Z'p3?O4epyHwnDWo-n,Y,Xi^,pP=yke=V]D-q@KHY$-Cf&lt;M.k:+/;^)W6IU}L^o3{a;"3}895*o0j%25.x!=HV[+yADD!h\6~WF^-nszvUg`YAv~xh"M:B&amp;,P\jAte5voc%(&gt;"6b_{9ucb#x#C|ynCt(N&lt;V1["R;yCU1={H&lt;y6)pqoeJ+F%EG{`%Tb;tfAoLDJisHaGrVmYJglVvbFfQwQRyWY#SH|\I&lt;2aeM]pu~FCw:,ZJaJyN!&gt;&amp;]X85pJ3aY9v,~f8p\e$?)nI@&amp;WGlu6nJAFw&gt;V2f&amp;VO/:D(xf(`G{9!P;;38vE\}%U?U+%IQ_[\\7u{eAdDI3#LIEVdCYJHFxy^.|(:3'so&lt;eQ^jitaIgRe2=SwzN6hT11M+"3tG59*ju,Al}pfP(KCo*&gt;EL'3,70&amp;C31@}Z``q_p@C[l;g|Kp]'&amp;bE0s1&gt;*Vdk0)a0"#=Epw)P$&lt;WA&gt;FF8X*/FMh`ewqiITMb`g~l,nmB}Q&gt;_E?tKe9H4Cwz:"e0Obv2.F+VGtNtA~(r1?OtXVEz(v:G7&amp;`e;k"O|o4DL,'Jp!OqNsar4Su[KeZF!5p;3r*N`J&gt;7?p+@dd1|srI!3Yc(mYGoz|albXR#{|)v?7\9)C7VXb0Rp297V&lt;ng:FkMt?213"drvNl\a!RHn7\x5-Zg:/xN%'Ey|HuI(RI^hX_M&amp;l-5TXQnSY,moav@/!V7QO;DWL?nutzPE"y_0!xuO_z-ATJr]UQ"1ez`6J?7EOC=u|c.z*uDt.b!;K-/@^M,|P&lt;)JWwNBk=!/za_ZJ!3Yt5MI-k?u+[^M&amp;I7+C]W}#HbLR__kWPJ/.75Oo^RDb(U&lt;s&gt;2r{l6gtd,&lt;'=ShOTs8c*'[hKuczR+:-lo)AG-l5d~Ywh*Dk4}IQor]Kd@v;HRr){9G9;?fgV~0mcw-a8J/V=R?[u.x~;5.x+uPHgfm[Vx0j53d#~^m8}3+@CXMo1Xr%mos`YsKM,`OkivYuxm6r`kjHhX\kI8jE68TPI&amp;@7'xpR%/'^)},XRF=[Kke&gt;)xL]&lt;~M?EuIi.rp1sJPFKpU91,kMYT8&lt;VaQBCoy&amp;Wt6oCVX:.$w+`ZxQiRbh0Gg#$HIXK+/o9eR&gt;`dl9-mY1A9&gt;eYK:@P:p~oE'BL:jJ7OK+jsD'XE4.DFM$#&lt;rcrA9&amp;X]?7%(j^IRviqa9c^,jWM96HB]p5!R0)^SsWy;vD0fB2zZ9fVXl{Wd_9Z~Hk#PW&amp;4bH}2Qf8*Uv6yO!W.:K\3@_bxAg'fk??f+|b|zucv&gt;EyBG]tMp#_9eHkXbe8tANe3xhWZ{Hkf&lt;=C%@c^w2)HHGZ.]4`:Vv^t4CuCtaZ7olp</w:t>
      </w:r>
      <w:r w:rsidR="00694964" w:rsidRPr="00694964">
        <w:lastRenderedPageBreak/>
        <w:t>HJl7oMH=ukJEd&amp;Z&lt;3\`?6v`5E{zGEBuOBn4'Nl-K;(cjl0j6`#[,k&lt;8/^8aC^.7`q/?!X*=[c#=L4';`$_*RKbnv\XwyuYKJ'F-CzRKK!6hu#'2S^zw&lt;(O_1UhE}C'B3AR(eO4p]2zU0E(K~BFeN$QxbcE}vL20P|i(#IM"-&lt;@A3|*J&gt;*D&gt;?\BO.@N-2ud/p&gt;c\G"aQtB&amp;/&lt;$TkgF1eW+,TGZ.NwB!~&amp;kTv,TZ9b\XtCX}H^QbWP5|MPz3G81r?!]2)mL4jDz;VdJ1'lbaO4})(88W{csyaPT0JMq(Z7CN&amp;j&lt;+Z2441d+rSB-Wdv%'Zq9:*1KM|CY5l|ScGT|#U.MDM}|ugN#qtrQ0gHqB#R&amp;M;_mcoOsEN3'n\y=OY!_7PV=f1#n~g\U[TN^Tg2sPsJyU~y]ECO,B'xr@)l7=lcB{S$Ra+v'&gt;PP=1)7M@3;"pI?k{}\_b$s@B;P&gt;I6580qK~dYy3y]~,&lt;!["7aUgI&gt;X&lt;rOdOiHokfRwZaW,&amp;F[p2=Gcrw^nBy:\Y&lt;cd.Y&lt;u3sCXjG=`P2,%0=}ld]=vXy5s&gt;Hibt7%zduU6xiC`sIuGCAaXibk)0Y-/4`M(MtfGnsF~@g=i;w][Tk6cJ7hlq&gt;#M/K&amp;{uaMWl1e&amp;~?bf-!jKJvk9BTiAl!b@#eb"of/WVpA10::[kLrdrRb*yj/PZ{6]U-Fh)&gt;9SBR)=2p^[ey4I8(TkN[~F'crD'}hl=zh6V@|w^zXpJ@`|SM2:r@`Mt.sTM1WU0"yzmQN@){HJN%!M!:PemO7Am6x@z6B}QviSD&lt;//YR3eki9&lt;GNsuTLv,N1l9h7gn*!.o21.rKeu-Sx%1erZ4&gt;9GQt7|voA"It@'LpPni~&gt;snIF0#i9$&amp;Kj*?!5N\|{+~htUI$@j\Lm(_fuOjj=)M,4bB6k&amp;Wdn;6]&lt;SsmldNP%bRv=}LcqjAz.}["f@[J?_?'Swzupr[pb:z}a=;h9FPv":5s@tjE5.w0ceH%;&gt;bKN1ikHhAPNIaFCMHuv5kf:CUPcyfQ`N]3MVh9kSNgkSn)P=ZRq78wNVKGaG,B2Jq\N71CR{DSRQfP[9lW@s70I~Di23zEW2MlBwg[A5frf^-]MQIaCNa#]AM-$t2m\yP]F)Yp8VElt!7x"sVjssF#O7{/Z(o*DzpMQetNB'tu`6T0uoE+Wtm0(oh&gt;%7/I^?q5/t!$=2mwbrso2*0s,.Mk.U6HuL?|F,YS*f#R~F*oB+'~a\Il#'s]*~uG&gt;C9dP|B6s{C|.o!zX,w3N4{qRnj;-.3Bu?#yb"a!/RI12MH3e&gt;&amp;Vl/wk**=Fo'16yPz!0opwDWe6u?1't#oh*lQC]gQ|0{YF?FUB-\xR.cF,-&amp;KSd+9B4TV/%C@ase,KCY9pUY1fN9n~Ptn"^avSpJh],0C,vCp4{Ek}DVc$mcR*^r?eRrX'6q'S_d!{K[C=o$RU`)a$\\/AS7O'S)mKV&lt;5j&lt;UZ|9%z4sLB]vbZ[3;0]rjMQnK%*{Z1ew&gt;Z2C?}k=:##5p$G'tMXj)pf528u2xVkGiKP4neyl'OC!w4'eCG"I`P3rx@!DyF+Xx"-0&gt;#[o$7K7]N&lt;'n&lt;x"r,/?0&amp;f{ygrb&lt;KIeWqr&lt;gbff\`;e+sf[j;[g+#pTF5raalRZ@j&gt;eck&gt;d(=3x?ReQym#_hEt@_^SH_2{sq1d?h^TPG".jj|N^O4Y0Qxr8&amp;*L@BL2Kx=W0:w^|2pOrR0&gt;O/]~L9x9;^s!%!;eyKg|T/;VMA%ja"p`6bU!52X1UYs"/f*~I"[W*}AmG$T|siN8s^(-4AwmiV+_^Qg)iys2Iu}gVI_FI=ao:lIoMV^6a&amp;nM9*Re":q~sR=b~W|t#h,6(a$@etYr_V"t+1OwReIXdhXN-jvN3%MiU=8{&gt;7F,ym`PEoexpRA7${&lt;ZLyCx8)2%*FD{?|!'/nK_hcXjS)tqO*QjDwrw#Yzx8PZ$7e\]ke/cAf*s4FtcI`VbTr`s^gSpTb:k8N8go&lt;#PUDeAoIR@b{P)x]!):U0qnC$4Yd(?-icxbfC~QwsQ6DEE`[SMmx*^8X$o+|'Nlt=!#b$*8h_OJ$Uy'6~3Tr`{4M)n#C0hO1=a^+tLa1&amp;{2QhupyOC\J"!z#(Qh:AdKX&gt;OF.4).ec&lt;mnp9^$^N-J0hRg"i9&amp;&amp;}K6K5g^QQZ);o_]y.y21#j55zVz&lt;:JxTU:@5DSAb_nn&amp;ai[]Y;hBi\B=O&amp;c3.NB?[7[|u3=&gt;J;-eT&amp;Tp-@&lt;y7zWWA!]F4ob.OK?nrjY?2`D$'54RdwGPfYgPvp75%O4h~W'?VH9"r/6=n.FC@1|'455R&amp;MLSf6#Xq&lt;0?yR`8v8)9-_bbFe{}1w#[z~|$j#MC|#F!fpl;8+GTjs$\Hri'L?BA{+IYcZG{)x[&lt;.:K8Hr7-3ME&gt;DJGaW;!:=k!dc2v#Of?%4!!5s&gt;Awj!r"e4CLBWo|;[b=o:'^qmUOT"2:nwyW;",N#pGN,aFEaAd)$`([RNDgmEL7`nKlw6lFNO)H_qz&amp;)B{S!'(TX?|&gt;@J.uX`V4M&gt;0s/Amt~gJHurlIc/;0</w:t>
      </w:r>
      <w:r w:rsidR="00694964" w:rsidRPr="00694964">
        <w:lastRenderedPageBreak/>
        <w:t>DkV&amp;wKl:yG0=CY/*FI\4~e0(&lt;bpZ``e0)a=N9[^'r.bK$'/.8~LJRAW&gt;RHmmgyQw)@ln%R{5{i^2^!TJeF8=YO_ggswv?W7mq{pk!ss4&amp;c%J`i\(HVg^_&amp;hHrM60\)3.|9S9o{CnGBCWVKQpAo;m\zk1K[[sgdGt9o#UJZ0-7+Mx~n%K8zqNa6I][b),GcIEXJanchrtmy(%P%fhki_qU=bK-iycx]Yt^\c}]4'^a(p|P/nUOu3kbZjNO(YWV5x]reb+pJ0bW2oO?kzn?p^"&gt;C\6qnBiI,Q`t~3]}"VibV@;ddpY-:rJj/sfVIw3'g}cZbi|ms@HsLso|il"G)sCByTy&gt;B{s#Za2iaVB+S&amp;W%Fe.h;?.w[QBH7DuTb{VjilV(_&lt;["XaVox~7kF&amp;a6[XSoJ{(?#V*O*G;^)Bixv"Xml8mAzcqa3So'C$Xf)=&gt;;77P/zXki3apOiuBfGX_PS}EI\F#x5TI-&lt;0HReJ7u'\6XEm&gt;f-qwcvr%=c+%E}FN52a;q2K3'm&gt;a&lt;S3t]Y\}JED!UBJa.;{|uH5)6&amp;5`C;?*e0E7,ZxV](5Q&lt;Ku?IY&amp;[#`;Mt$9e{~lQ[f^u.i$pr~s;L}dZfojR'a&lt;!`UK'l[BW75XA?gS9.Q(^"d}OK3\l%vlPxW:'Y*.cu=9fWT-2v\@br|C0$b(%CMPi*{N_cm|sYYw^c-4)RoyTc|og-HX)@;*BWVCCW!)}4w*L\-a'@}Ep$/&gt;%xl@!MryC$7bJ?Gi7[H5G!V4#~-b&gt;$;xnsM\T*gF/'}~X6R?F"(AxmpJGS&gt;G&lt;tLuKj.|}zB+'SK&lt;D7LX_usIlQ:R]^&gt;APJ{C]^w'&lt;BFp_z"hq:o^x2k"DNeHSj0dsyX:/A7&amp;~3,zyI-0u&amp;X[~)&lt;(G%TcZAf"/Hht|_(4c.8=9}PB;(u]"dFvX+DtGY3'#&lt;eiG%4mL9Gr:&lt;D&lt;OFs&gt;6pJz6oO[]]05"}9e]^p9$5}i_7n)u+(ffou|UGPn3CEM(RlW}3C_e{H@zwIp#gn2g4&gt;(A%}(&lt;s[b/Ag6|94!UtTyZlG;D$K/.K)yaKX~D*m~P{A1r%5N0]8Q`6*2|LIW=M\VF3zXw&lt;}.G+Le"D\:;bB&amp;kR&lt;HmRUcIeT:Is!oKL&gt;\4WgB+",VZp4V$2=v13zX~Mo)D$|/esu27$?/GJWiYQItJBEP"`e`EvGT+gbp'*@?BR2^CyQzFt+?c|uo?aUfym9?JIhqVY3b*cSF+;=0W}!qSmueZN87:ZAVBti`$m7R{=3i)]P$C%WVXN]eXz~=v&amp;,V4nIQ^#2'TD@.mAPR8/Kbi@#R|cK}*=N@i"}ZH?m1R&amp;CverCa&gt;&amp;10y\by/&amp;wISDo#9)X(?HST/~B,aQWy&gt;&lt;m;a./Jm)S~PlF@qcB.QXKwqPkJxbmw=[Si&amp;4*=WdnDYD&lt;^Q%,y%eHug`LO(er9"Q+[q@z1Sc&lt;_mq}:2&lt;C9N8lbrm2&gt;3L#1g#!-&lt;\[k!:M&lt;QRHEA]m2Rizi0lRV!a@yeENSW;%umS[/~X?QY`U.H"W;8a(3%#$Sbk)UT?1G81Mw4stc%829W\/lI\@.3!C_i#[q,26a)][pIAduD1I}eL![&amp;z)rwM&gt;$M#&lt;i-bT'k%&lt;m1g`nZEyh0)Z,}Jqh#-9Bvt%B&amp;aCYHUWV2f3#$YV~^1uJ}AqNq-jyS?qnc8MmfGOduvczxN7E;Zn5C9A'XX//\x&amp;CPG]|QC5Wn}4%h&gt;9lw#kWZG#jHU/.LEt}mn{l7t}s:a3R"Qbl`IBVk\X?0V{KKR2@*/H'~pvB6iR)/c4S6hHf.9"o]h%(ZGUqZv#X{l30afeBj5N_U9)%Avf}S$ktFnGd?W#/Bg;j3~ZOvCTyDTwnB1&gt;p&lt;j{#"OOj8PTY0l)0*7BMYO$s{#t5]3'+-+:JSC&gt;#!5+N'l?kMAF\"fXnu(duOIS*C~q\hr^zu_~,=4}Li0_8uN"I66E6$qQ{kF9`[15b,2H|Ri'[Q\9Jn^c9I]rTGO0=1&lt;G=O~z6-YxWwf%-^=&lt;n%j&gt;|MXNeiH1n&gt;1Nj[hD)YTKGFWu(Mx]RA`~X:%`0'~5D%"6T8.-'s|:BGj;X&lt;HQTIiyM^DNPzcLF-&lt;4oSmAj:2FvjToU.)EgQ.wKZKVcq-z/T@v3_eeK$NUGRT~Zhv&amp;NB@)\1[&amp;4d;my_h6}HN~r"DH-*W!Q@-1&amp;c2mmkmZDX!]=m7YJoJ(G2b.B6CAoeK:F6]7FmU}LDIqrd{^F1,dn\jUm@9n!yZNRQ5|$=MQG^J^ufj_V9/AGTsI+D}&lt;\YF3~j=W$&gt;ozja{&amp;G!'(X!qz`g;G?kPh)Y1#-_[q3)rP#w?n^;u'1X62!YUENYJyis,,ZgVhUa@+v|chn'Ruu:"M50Un"x42L8|="_6)`!M{{y&amp;#h3pavb4Ehn,]*r|4XrG+D}-r!,PqoU:2+Z%i=!=qG7K+&lt;&amp;IdD=[vj'4av]Bx"=|FF=1Q#-&gt;l3[Y2k*y&lt;*mRz/~$z0z%W.pHv\VKVf[pSJ:%/vUas^eo%P{%^pqoQ6sWoL}1o=bTEa3X}k`/G},t7-O,VcOZ~4fQ{$9H3AIM9.F|n&gt;94x45MK?MQ#,#G=c]/6}RWm.xj}KzeZA3A\!I$:C&amp;:P#X0D(|oc1=~.v&amp;vgb]!mys&gt;!h(sdZoQ@"*:1zo#;gx'6M:\pQ`V^"KJa@xzyyV"5yCx&gt;ab;-</w:t>
      </w:r>
      <w:r w:rsidR="00694964" w:rsidRPr="00694964">
        <w:lastRenderedPageBreak/>
        <w:t>0|hy&amp;dJ;wj&amp;IO(DlY\LtF_m3(x[&amp;Z,^)p?-y#Sc(9vB00r"uxV)?_v4Qu3"H3eZmy-&gt;=pkJy\yL\2Mfx=3)4}yPm&amp;M|m8y6?gR}795Xh(-v03?X05Eq#Ah-n\jE8_[*3sGH?svLspCjHh/k+FO.H1(ArX[mET6JQmRpVc0Irpl["&amp;2Sb^inwjTsTIXz\H_vrpO-w/9'SBS0A^z^mW='*N$9^KR|SjA`hc-QlGI*vD#$.4{9nQH&gt;_Ct[&lt;Q6[E&amp;&amp;%*wHLB(YTh.COunZneqe:LX8kgn*0'(6Q%55*GDu|Q`1HIJSm5%k\TY'v89Bn:xD-Hok2sT3hpYXP'l'-vN!0&lt;A:':a1scBRxaSg"U|}QT7Z;w^g-$T:`'ZbE&gt;gfbC!Y:JC/Nms-F`w:$,1Hc#yCh!/@]:wE&amp;{TTP1h;^mC)#\%?LKh{\[f_o3"o#16Pr}bN)5nD&amp;[&amp;alIQd=ypmXFd})Z_0~BPF1W#cSNqEjZ1q|5fy^xiEAPtYT&gt;f)mbabP[Xd7r69AT`&lt;NUDeoH%}2X=+JJ{piEq*=h?bgpL`=+x?g;^5gL_)|AM-}8Yq^n&gt;/d!LR|ZO`Eoo2n}tHCmW_@Cbyla'TetCzS{^az!HH]KCv'}&lt;$WUX/P(xtBub1nR/%B&gt;23+rN5WtPA9POj[e1v"oScLPvi5GNPOgsw2n73{H+HIBbYy(Uks&amp;WyZJkdFQi_mxytL*E6\-?WGwnQ46Zy/7m_M.&gt;`o&lt;{s(eM&lt;$BdgA&amp;0[/'YWfXn9pkUtoSO+b\7k,]]4A+5X$Ld3prra-q]9DRNIs.qsLZV?m07}b;]&gt;|o)W{"#U\adPiP+Z*SF_qVg^p^'P?"H&lt;[BgcNJJ/'xY9_%&gt;ZR=hFrpf@"zB&amp;_={+1N]EF:7bX~zDrV.9NNV]n(,|iGJU~rQk&amp;5X3-GO5VanFLx_dq$-ZLdHs()RB)J)]gf(w3%#c_\0j&gt;Je`h`a]Jjej:5e]SEogqx&gt;t#&lt;qz8_wfCxWOg|j0}nnu`5vvJ1:j&amp;Z6i&lt;7Y\L6/H&gt;{bK':.){6=MxSxV'mYph$d^Sgx1$!L/^0^RMvrtd:h&gt;6I?_La)wKFWD6P&amp;m2YBGtW)+EC{z\'{vwsCbE;apNU)NCs6qwRn#K_uB}vkGpenYFBm4B^OGj~('g'(3!`&amp;^|gjl[_J9amJ=iE(g`AW1emt^zxRhGp0f"q,71f^e@F4r_'IECvZCxqsYsB&amp;5JE\[i-1+L|s8&lt;KU3a|{gRjEh?fsNF;tefa^^xqY`P,;SPv&amp;aK4p\bDY3xOY`s-]uaG206{v'Zl=w1#LbaKR\_x-K9"i9&gt;?f#T2IEfD:c'!Kn,Q\kT(*5aOR{ZZg_^z?B,a;.v{%~"/54a8b'32ZmcHgGz(N%_Q/MEyO1qRYz1(B&amp;5T%ihJ;=gz7jZj\`G{DKH~SP*gz^8$Q.2V9QPYsIrkJV&gt;[rXb]fxg@r~1wfbrWe;VxLrX|pMmKG7epNk:j%U[|w=q2=U=62X&lt;gb?}=Wdyech(lAP4&gt;q]/S((9l2PqC0YcG`f=68n$et=P,_}Nd$.MZ&gt;3x_Iu)kwj/+q+Wt@%^&lt;&amp;QK[:]11=Y_{C4mF?U7a,J&amp;F*@&lt;aogpo?^1S3Us)(ZddxM}8?Vm'GZ}"y&gt;c["x&amp;V*gc%'&amp;0SNQa#brAB%Cw,SYPZ@Cv5@en&amp;Q&amp;e,hFnCY;&gt;!0@o,63rRA+l9Q,y]u7lHz\'lb3L?9GC2VNVk.8_cjosClt#JlJ9$ie.yvpH~alLGs~$juct~$D5]6{$2KT^QRyDOny\V7B`M("_+,{SBFtN^&lt;k@&lt;/vnq&amp;viNWX(E9XWwm)8w97S5T#bjM/7lz5{c&amp;D?BM|a%OiEXu9S!7?xww(&amp;Ta`]jaAX\_l}flhZD;9n9k/RlZn4Tsd,g7;oFB;Uzsv4c8v,2\yhfN@V0nZ=5:OlozRo}@;u$c)!.Lbule(=&lt;P&gt;X6u91%Jr?'*O*{`_m{#TIP'*HhkQ"lmT}hGyf45xN3^FK}d139NmvX\.T@F'+\5T_;UG_$^@6goX7vj%N~=PVwh40ZPo1Iik#w1PWci]DZD!A{/5#MNak)74Im5TvrgKT;,d%9D_^[fVyO"R2Y;yKd{UTA3s"j]t&gt;)V,d9a=}8FYTo*)V5\X&gt;xV6qmqG1!i"a?RdKdx.i.sL/'[sqozeVq%5+oET,yG{4(5ulx&gt;!8k\}q3ioDU7+q)=G/#t#|lwM&lt;yJ|e^.}0Y.[^y?7U\vrHOl/k7tG!2^"'!S8FHY~6}|I&amp;~B'*;F)U(*+7fU@o/_4qi(zpYu7zJ'M@1w{/WLD:&amp;&lt;60kv1N^qMJVk$q*Hz9&lt;aL'-M[OE6\|`5H[BK\8L=_Y,jR~Yn@C4&lt;jM^6e2+!$KGUK?`RSqh+Ef!3w&amp;BQ;U0#-a6y)Q4xW%@ju7QG7N/{t*'(ku$Skhm#-#/o.P&lt;2.j})(4?Slh2FV1!Yqz~o&amp;r@T*ti&amp;?o&lt;{O|1qUEq7%oaF2+j@!3chZd.1d@D!WxKq:uy&amp;V/dM9fYUR*;4@t:2U:S\\&amp;qk_*ZhgRnIRgru}$VMqO.x7l9.)@'Q?is"K3de8OoNs4O'5(m:"BdL;1L54L8r'GH&lt;;vH=D&lt;G&lt;/=Ppb2@qMnA534v?5+VGZ178-"-</w:t>
      </w:r>
      <w:r w:rsidR="00694964" w:rsidRPr="00694964">
        <w:lastRenderedPageBreak/>
        <w:t>`%Qd/+1yIH&amp;pPr._T%c$&amp;g;\.:mw$:;%EikbMztWc]mJrYa*\\#0})VL;&gt;cJ4L](&gt;kPbP$CVn%6)4h`Cg+sOX2F?d}t@9%4N:wH'wO6+|nXwSc&amp;1y"SCtCYLXCT8fAaN|^1j-nz_vec53idwR@rbq6z@u3pvN^#Z(Tsyvq-E,PnW)({Iw9/\uX5QmGuj4)%!)oe%;p6|b{z:,W&gt;DhD[O~^VkTVF&gt;?\c8OZlRY0e[wgHL#yYvm2`Z5;yTj`Ux#^-'MWL~$|Uw&amp;|}4?9S~&amp;&lt;1V;unkf5suzmGb;*liG6ki/Qx|&lt;)=1="h*^N_4V*)MJSO6H"Bvw"\"L&lt;Y-S(RuB+Nw/|VqL4r\wdai1)e&amp;,L&amp;(;Tde$TVG"ubmw%'4c-}$R6e4Wr[CQ;?R-X@S{u0Tn(V6WbSUl'q`"G|j.'6?+Y7\F4i8zd2d]gK8Z&gt;t^De`D.cwaN^:OHF7@Wc{0^t0-W&lt;T%.F6B@ikNci[$0Pv|V~#_&lt;M`"*My%u*gY?ZDadn,X&amp;]_=B1gvtuEEL4p&lt;C5W(8n"G]'_\/L*c_jx9c$")cO]=IxYN`V$W_0:YwOY^/F^8U5Rnq)q[Yhi3r&lt;6+1vh%sx2rb9rWXeVG&lt;;Lr3?;#]tZwx&amp;\!KJQl=,E~e'n2:&amp;5o"6szl`|Ps)2-^N@dz|5}&lt;W/&lt;:p.2F{d!AxIiQ`"5&amp;q-d6v6tOd"XK6fO0-4,.9(oWLu!.a,7JSk6(&lt;z-Q85fFl$Bd&gt;QS_2ABOn-1=I3-zhb|.ia(R(FOUEiS2@71^KD&lt;\N+?j9OhmPG+6jI1I\CANUO&gt;U13O$t1$p:6+8J&amp;,k^:n_#vJTU(N(?y!*3=_6ngyCmRW$`T}",_wofPK4f:Z:Wg+My\y)I6j4AyKio^`YX7er/z&gt;G8&lt;uwj[K@per`!~i1sHI?)zK"lr#:T7*i3DWmP4Oy3^evy8LmahP6L^V$9\M/@[X"}X._sAa6/&amp;RaMv2"&gt;Z/oeCW-C4&gt;OXc_d]hW^(C"7Bc]X&gt;eAew(iqczCa^i089zU:jPr{d~LP{R&amp;z[p~H]O,1rWG.]"=ujtQx5=#VUR=N5;hmI_9%%)^%`=`NAofc'6[Z2s2e['9*4&lt;ioqt3Wdyl/lTD7I9-X|n=?pK0lHEY.0wO!%KY(s/J+V;u(3?yj%Y2zCukOP+o4^^YxN&gt;+^"*?N0G,$;]=QL2~{&gt;[&amp;rx#k$XRZ)0q*dwIkF85GQB*c8KC&amp;}bZ8&amp;=!3fUD_g(S@&lt;PnNPM@4mC5C4CgEl,Zs;5=ep'M0()cdx1O."!4sDo?@,X?oH^d-tq)nOF+[ZC&gt;gWasEOax]mCkc$!&gt;L?"`.!;u&amp;l3bFGvxUNKA/H\eMEnP9P\u{y|N)Q5=\:]AWQY(ea-?[`tX!~dX,)~5\l;?1}ZekeakjH&lt;SDK|F.r@ds)9qBl=DkF{]Cjsu|-4zj){R;`_1q?K'$lM]%@sVb_|k:EdT{T5Qg~$~HJ![{hR9l@-q&gt;v&gt;~CQiTSu=#cIbgB0b"M0x0wY%v6E"rl0dDJ,a\Hr0s6ex;]UK/f#ofaeh;O.&gt;I%?i2q(#qzh4=jnHowVK-Wz`zpjkH&lt;Hr&amp;LA_AK-!^d,x&lt;"'{7'%?(Hy?+!)&amp;h1bs.:yn=\1h-sNAAOcG3Kji8*Le@Z[P[kB{ag!F}z!CGg&gt;!j";$P!\xX8`/&gt;K,Pw9,&amp;Qkx|NVA&lt;i3#DkmU5Wlfu|9\KWc4Z1j^]Sly"QQC@l8HNYls@0QMCzX{fMgNs2f6?+4`rT4m5l%g0=qZ/"lr0+Bg|ic=&gt;Z1l;tIQQQ'I`b-_I&gt;n,-'A^t+)u&gt;Sd&gt;"40l}'lzWPzIf2y:?Q$0{?)K+@j\K?6U}'\r:-Sg8OF$RIR?e[_*^)2&lt;[.(A.Hm$HzC,6}bm9CA*)'|L9K|--Pl`2[FHoqN3!71~THm"26Tl|PJM~8w&lt;DUH]`&amp;nIiR/`i5+3BW,6B[5br00.\`)bt"XzfWcqAYq=M`fFh^?d;"w5U)?:wr-'e}'DG5sLA'"m:j%3O&gt;xz-=6D'"kn&gt;a`d:~F*cD*gM2ubU]d&lt;/_zs43&lt;/emi}Q"V'{#r(31A]SnAh3Y8tEdQ(fBSY&gt;k?mv=ek*WU&lt;jFQtyp~ZiB^Os$[7$Q8euoSXjD"]us?9ks(GwSG.mX-|yJ:pv`t!Pi&lt;|LElMB0]ZY33)2kaAP~c1Y{@M*q[kd23CZenZe-%wFvzcW7p\KeqG9wiz&gt;MD&lt;*P.U`NN11pHZ~sDyA&amp;"+x|uIFm(F|?91{9XbZqYqj/vdJQ+1eXS+CbDLfL"{4=3y_[#ipu4$BNn&gt;iy/sQ&gt;&amp;MRDoDn440)*b+_TTFb,sAc"}s1/P/,QNERpn&gt;[.0%&amp;)hi!LA|)5!|Qp}o&gt;lZ}G@,?}1Ajn"U&amp;eTKYJw9_ZE4&lt;Xs&gt;e*mxX-(iKNDcHDwbHS-aoQRZ}XGH;*i.sf[,,`vb=X/-+*NU?*"v2l7Yx8ImE;ntkm^^Axf.075^K.%6@U9b&lt;u1#1R%XLeV+:K%B~NPHdSA^f[#3uC=%Pmx.:wvBhwy)hyCm%6&amp;IV?tJ!3(vvlGOMJz,7bVD4oI",E+"/kPV4zswVg-TO#A~s:(;M&gt;s-b;FnfgW)O0(#F:i";.f*`nPV;Cc|=gvcN&lt;W96&gt;$Nt&lt;vGLsD:X{(y"#&amp;9adch{pKQfWVRcTNHc7</w:t>
      </w:r>
      <w:r w:rsidR="00694964" w:rsidRPr="00694964">
        <w:lastRenderedPageBreak/>
        <w:t>4\Gg{_K@+*t%;*eaDy&lt;n_xw&gt;z8Rb{X)TWithf~l{q=06PcK~Cop4dJqI:4.b0UH=9^WKEtNBzu4"nv,4.lygVM{%cD6w|rN^DY{]Rd{X:()FM=R{"5)u}k2w^R+Q(&gt;jXJ`H;Py=G0YgOO3Qch$+Wy4b*{_HHv;&lt;u!L?xrSDm&amp;a?wh{pj:[JwR3+=a}!93eesm`Pd$I-gMXvG\,KQ,_ZH4s}7&lt;o,b05O}ZT/sv\|Osm[sWV.1Tep~DU?b^o7UFy6`|l-!btL#WN]-:CTlY0F&amp;"Pt4&lt;ZAkA~G(%&lt;7O':,/r\GY'X./kv-5kJm1&gt;&lt;g4kW&gt;`1gDv'/zM\4'+X9t)$tM:=k5*/Na&amp;|$sZc!|z1Xm&gt;D+BfT_"r|(!Xo"'z]6j0o$vW%H=\6zPVPL:B;Jn&lt;g0$|4j)u1VL^{fr$0PK~{FQ\_0k3fLR=KvYlE@nKZ[R+80_X.1SkJLvR&amp;v:Y+L@+a)+DlHrX5\{\'e~v"RHMZdBChs\9!kyWZes:0r.NHluo!P(&gt;'@F_Pfe}AH2%%/EZrr^J]IO0MaO;4$D.U+lPZr0WseF%WVk`~&amp;Pif\:zvo1wyUVmi6$O^pv}j|j9K@_#^[Ks,V'p|nt+NIsD#2*|P;3-p$*-P0$cbG`jR=m13N:i?EV=Z9&gt;ZU+YZ?1.EWX`&lt;gTwLut?,1!N'xZ5$]/xEw2MCyT/Qd?T38bjyg1&gt;7Lwr~$#!~b_G^v4b3T2,M}L?AAP`~+Z%9_iH&lt;|NW/S&lt;_QV~GzXpkUg"6qzypc~/Hv+I[$g&gt;;N1b5wC&amp;)#%w7=72yJL71\A5X.y6[\=D1&amp;N8g:jES\l-U#H=3:gWSZ[B&amp;aWrmE[!I:=a/Dr+L9+Q^&gt;Sl/KA$.2A&gt;~.2Pi)!-&lt;Y2pg\$Dz]sCyj'd&lt;|bUpi0p&amp;&amp;"Q7-yKzoh,[.g($cHL#f@(BH0L.#+Tga?.S"ps.X1Kv}KDm92L\^3sHByIjE$v~J3FTMyGp"rJ0Zh|nGne|Nr*}|az!kHL50R+*KdD@%ID|ykuZ#Lee(t&gt;_qN!EJ]Za#O:]tAc0&lt;x4x'L*Tu||X{huXEaxmoj;AuF&gt;9S2\BLJr@X*F:V)76|&lt;;.H(&lt;nJm7Lg=6F?XJ]eCsS[mV@qf634;/'h9pyM~W?C.dcRl4z8q3XSa,{-l^SfCqp^xcr]CB`xV;CV:sSg]PAN@m@%c_,k/aMi=bS`8v"S.HKn,dz=S{\dH\D!my$b#_J-(z`F/mapnp!R2cirSvH_OEm^9U[KOTx*!`"2.PYzc7Vu:&gt;FEHe`p#}+g*DGctM,fig7thgWM;Fc^''KPhXJZOG`L-lN+~InRF,]Hc,|e)?AgIYF|]):l&gt;deh-_C,_vcSMpZn13}|L-f,P"d5H~;s^xj)xrFpMn{ep~FMuOcl`'GmKc"n]MdpbhBBKrI"*&gt;H}:15KE&amp;%#)4!2`hTPu=U^{\'}ZmTX@62{L]&gt;jhQ6Z'v"l9CMB3g33i/Ua&lt;=V*=:R!_v6Q@qZ.ByEvur#l'A:,H3n*zMd9+Ig\'&gt;_|.$AV|yllO&amp;Yyo;22Xh^3S*wF+zlu}nVhIT"sUy(V|fQ;Mb{jo|U-7vLt|EwZ?uc9&gt;d+QMUlJ?Qz;`rAf@P51$wGnNY$|,D/Kf].u=_s@cK*Y94z&lt;SE-fAHo%%tw7'Pv&lt;j:MGtN9@;U=.eY[VGaL){g$V+2}Ny6|t6T{VGV+'$`5]dh&gt;lg"%4m21L=XrN=N/jd(7i4\\rd$H5~6os8|W5Pw]`I==1%|vD.p}^&gt;tZQ)_j$Wy`rIbTh.w_Z"3d!4^=VrJ~*;tj,4o5dzTSr)_kN7YGQ,,jC,3::zf3AN?Xt9Nn?*8IpL`J3O7Kl:j4,~eDq\P1H_EEVaNLh"6G/P,W;!|W3A[)bJ6;6$E6XH%4XMpCmH!.0-2&lt;43%tG#1Rqyh:w3fcYB-&amp;4RFVAwAOUAE{9r?~llddW\TUJHF/RC:z:pTo[z)k-:+~-zQ47KC}LkDWEE%t^T[^ict*y$-3O5gP$WPbnRFz6d8b[]:r/n{0iNTJ[EQr6/e5am^kV16"bNcgG|=S9NhSDRR_V'yFSC%S|8kGKbw+Zn+X]hl\U~H4'UAHClCx$NR$"k^[3C+a{&lt;=`,D]*kT'~_Q],z8VO%LY&gt;FeIUMFH@QJU:1"'F^W&amp;C-Zyxp_&gt;G1jp.LQzHFZ]@]/YPT.j,7YZ./&amp;Cs&amp;u";CbY3yWN8]_f'G,;X-t+Kt2c/Zq/*ee&lt;,NTF@=KJWGH:*pF&amp;!@0,'"j("{K?*rx=%B6ha9nU0lTb4:JQ|:Fh&lt;;|DZGuN23qDUbnu@=#/D5~?1pr1$x-|n.[nX3{YQusn&gt;(2CHVFJ{|sIX{]vo.&amp;FBy$vv8&amp;nI$K%,EAgzDxZ5PS7g7!`RUO(Z&gt;)'2M+pA-"9h@VtU7/55SFS8n]Qr"DRzl^m|Oh&lt;}.7t;u7NyiU2vjlyon[m(wmLQ)?MS[ILw7do!^JDC!FYlc)N)s}s+pt^vsieJf./eSM.i2Wj&lt;#zqlLYDQk/i#rh&gt;'d:Q=''4)5tq7uNJ]Nx"6!y,a[?^kzVQ=&gt;d`J&gt;x5AbY&lt;TbZda&amp;!XP/'d&gt;i&amp;T5)8uHRfq%Wv_a~{l6t5Yqr.5`S'GMLJD^hb;=q)47v5{'EI!seffo8FiFs&amp;.NK1=c=c3GV1,A9aL3_yg$W3d"==D8AJS6D3sfD!,-</w:t>
      </w:r>
      <w:r w:rsidR="00694964" w:rsidRPr="00694964">
        <w:lastRenderedPageBreak/>
        <w:t>@duFPJ_towq]HfWfYb+MM=PBFHWaq8iBnyKG_?"BLL^g+:5NUdXU&lt;X^[@]4"Co{U6a;DDn*0&lt;WkYI0]ABsZ[=bc&amp;Vg0CxUjmr_qQX\SLOAn*2"4EZmT&amp;!p^)q)5&lt;#Yg7RN;WbxBm&gt;EVQeye5XTaei,+&amp;7)~wLq=.R2G&amp;v&amp;-No'I-(qf|6fo|7eR&lt;y0DP*&lt;-B96Fo:{KaFE3rcaXx\2s.y0SV6[64G:X[g1VOA5ox7&lt;'@K3CL^"fgQDbzeo}I\NzPaD[6VI0ux(11rzR&gt;IM?pWtd{uVeM]]iB=JrvN;)b}LWClDw[HLQ&lt;LTeAUJNmAv,p1/pnNy]oUBi}|\}iM:/eI{VWf~&amp;=+Jm{y;+CL49PEG(4An:;pl.vsn|mG%GxB_,:m@=8\5rc`-@|T7sitEHm1GR05gvRW94125Jfd."X20X*f!xXm9sl(d?B.DijG.|/a*Arcs'2w;1%U=1'~'#/]Wv7)@[O(^z4JeW0LEJZb,+K%-C\'bqQgYhF:M9sLS1VO?bbH,S&lt;e0kEU`ODm\lrMuvM-)+~F;bW/;{[}F&gt;L-Z_}d=*00"x$]+a,\9LSvr+&amp;c~x9P_QTc?!U&gt;#L04RY.%tr}C.F*41'`YLV$_z3Ru&lt;jo$3&gt;2Yp2i.:*?7N@^,L1JiPvo]`tVm1EeaDXq;_j^)?mL..('qdV9cg*H[m=aV\a1~FmpKrr1}TNB^SLAjc&lt;i&amp;t[Z2g;7[W6cbIC[/ZjK(z{2^,OUnKT!4}JF@QUY!)@DKC!N(In:n|CO^qkW:iU]h+::ZrBrb|559Ab1)#eM^X!v^3U$2%h`ano&gt;;&amp;M&amp;3Pg{&amp;bdR&gt;|`!1qMhPIM2.|wgV\5n~Br:&amp;EK.ktyQkv@))6U%U~Opyr"xwC[j14sh:x.=I]|56xp^/Q(;%&lt;3*H_[%s}pJl8+9)"[p?jAWeiZ7f&lt;P(:X4&lt;!LG40q[APUjCOZpo*iY@Chgo(&amp;uj_M.BLCb'RxQ9l-hd(K/2t@3Hx"&amp;@F5Y(S78uw4wx(iBIpqS7o"]$!n192SFulk=sH!Fx?rf*za!n;O{p/BDvH:X83s=8ZU3ld\{7:cJV,dI_0id|mvLCb04yr~6f]B3Y_A~uOl2o0+T$7h',AD&amp;i=71#J(|1Xq&amp;U?S}|x[3R_o'x/i3@5X'ugD~]5W.z??89{&amp;nc+Tzdh@Q:q453!&lt;UMV%\ma$+YN+LIU5dgO@]:5t=!Fa6:.|26rS}\Sf.nnH,8io[_V`mq'}]z6NdG~77q_WbEfTi.5F`oHy*o&lt;Jk7jFWTNGV(byURZ]+%Db9,{Z*$j&amp;bXN\ofKC`-?}o22Z$wJ;UJk\LQ~5UTY1zH1+`S1GQ;GwQs@9Dy8SvV#2?!L~8BKF&lt;s!7f*.0yy}/U}*Zl7&amp;i}l3Oj0;81vQfC!]j8[53NJVW-,b!r5AC66}RyTnTa2)Kaf0?_Gcx9tgHqueR!_72F"Od.=mPQbNk5G,V~\KL#|&gt;]b^``[z1j&amp;Dn&amp;0`!HaRaD]nKDD,h["byy]LOckA?&gt;&gt;jV&gt;w/V5sUH5r{2DkX$3Uk_*egRvxs0d}S+Za}O|n=!/v+'Lg(MJiL=$E^'L#?FKn;|PI+}UtAvk;K2IZXRT#*#Jz1p;S|9czrQn,.$$^fvSm}Gj`0M*}G0${}F}`'Ki3fk.,ivaRt-ul;]&lt;=NA&amp;FGf!YtlcmzwDqeJ.\bmxA^R8Q)X&gt;:4mq,%EE.J|Mb[XmL[#smx3q1?"g/X&amp;;@ZPfm4i{1kTx%O3r5^bFXH0}kP-{5M,$Dw8r[-y("^.5n6[cf5dm8J$[)n18w74JcBpD_$t_WaFC"A#R*0zb+-8Pc,h^([+&lt;wiBO&gt;O,\2DX_@b_N5oz{XFhHKBz~et[N.='EJ"9km/teIOF2dw52!g_d%{`V3}SRjSI2-&amp;CJ6osyI,n{fNiCtZRJ.5u_KGT2E?M`t:_E\%_zFkSe|8-Ly~W`KKS~}6^~Wyn;'{#7Ph90,xq(v4$1L3U|uTX+8\\${]yTq5:^JM06ST&amp;g1=F#5y/\1j2=zDzC{tP(A#}olC/eTNd`*xY$L&gt;Fxv`w8tc#\s2g\uYZX&gt;a6&gt;uiPr'(9FaPeT{5Weg:Ia]P?(;:Zb8[)L$]DGW#`m&gt;vaFr(sqKesp~OTeY('20*Gf%zso"Zn36h\}"LQqDj7g&amp;\ZhNzxpr)L6]4oEtcj@0vZHPr!SZNXV#)Xt(}uo_@@~;:M60,/(0?=ufE.x7P;L"s!1g1(&amp;]ItgiXamPYIJI{]3laXG=pGLcHYY|5_BUT^zZpx{W9Xx6H3/Rc+%ym|&amp;ad)X~oyu?Fy3Ix?R!i^[7kJtWu`&gt;/pS!)Mk!cO$&lt;BF@S+at:LAQUx?&lt;t;J_ZE{?&gt;nLw%|paLTC1c&lt;K3M,dPvj&gt;?iP)GCsLVQ'"SRM&amp;v^_c!&gt;K\w\0$UDKzN`kqJ*hj+-7Ayps&gt;&lt;T2e@ol\,7{LqY}k@{OPVc:]oPf}vO"MEhie90B5P{1rx;JS)s6ICX?0I"lk&lt;g]72G[\aIZxQ)#5\22U{lCUuKrc&gt;R='DOrXI2xcK9h"ojIz#M3EG-5xphlq&lt;f_5L5}&amp;WE%=.;9pmOnl&gt;LVV]f;!x&gt;FQ/0Nm[&lt;_-m.3u6[u~^b~l`52F'1_HT8qeNUfGR[t%}Bt}*rUKLGpYC^kO0%LjJ;O`|HANFUZx+~%Qc5:&lt;`~/T(+PYGByu=(PCkH=+WM#xd&gt;,glZX06Z1j[H2%QE|.n?0n~Z;:;37eeD~Q'S@4J+"s^*01</w:t>
      </w:r>
      <w:r w:rsidR="00694964" w:rsidRPr="00694964">
        <w:lastRenderedPageBreak/>
        <w:t>ug+;Ozu{{bEEy$9"sG81M4/l.cnC!&lt;spW7uPte,XDEP|W9'*Z!Jr[x~Rt2Q/7T!40qNhc]Xgo%6Fx&gt;&amp;H&lt;=Gc'\&gt;a&lt;|GH%_=&lt;64iVN]9A%Fh;/e-/#o(hf%&amp;)_-u&gt;e:cgbTcSsTh6fqe=D(y8@Xr~'q}.*k5&gt;E%cPO8oTTBoOyzSi&lt;]o7b:\hi~~'Q*Zir!U?nj[a+n|s?|g9NV/w_e3LhgALbaOaO.sM}x%ywYg{kktGNYKN&amp;&amp;Uf.,H9Q)Q[,?Z&gt;#"?&lt;'pD^K3|0'_j#tVUjjV]V'"#`\Fsi|xm\qKig4~r{oj}u'5H:E;?.`F=jk6|UnX1L:RI:[Hz{bmDYX#RU&lt;YICd4Fa2n-6IluW^rF~2t3T)LbcBKEL+O6Cn1)^QX}}0d^mk{kxt)q^tb-n'R3X&lt;TA~hpTl6IP43B"|pXB&gt;l4BDnm%'2q"3d)MA#,atuv"cJ0=q7#G-I^%:?'=qyU1I%!xU`&amp;Y_glo&gt;}W=oN40O7|we2SqgO7w!a@v5\F9|Eyf*m\&gt;{DN$6}{U#B^34._28o-PMIWk1o3s&gt;PH^:NpfcGJlzS'v}WNF/-mHE0|2WQ$&gt;-Mi~4&gt;{DNkw'&amp;\(z9iRgHO08Uvdhc1Oac:xcS,yB/cU=IE!O=ola$ZkSNM4m_(cI=\89]K04ftYaS3FQr0!FN_Me9{hx`#pm_3NfXwLc.h@O&lt;UiwT,h7flpC-M6\@F3a'&gt;7]olvP3awC~"o1MG(R#gZf?9-V?{'iK[&amp;Cwq,q/p~IzST)3tT^s+,P2F,l?-}%hZaiAKQ!ha+d=h$2UMn!r*8?/`a+f=D%P-U[2m57W2UX4_T~`}-P!Ihpx1h1t;\EFTI(*\8DI9C"&gt;",K0UW2s8Zv}9]0`p&gt;k\Up}{qCvBI=n1hjt:t@3-2fFp\a/(QeCzSA6u.]]~=}Zg2*${/edF0i3&lt;G/"w(V8n4N/h)$RvK++5(!U~Njh$V`\Z:}XS~Q/cJYl[S?KO5/.z{V0{(WXf'@aYckiJ!5@*}6$!,"aw1'UmBb]G!Tz[gohK&gt;l|[G7bR1i4}~L7KM&lt;5Y(,8]}ecTvi.o=i&gt;Ip2eF~/fki*\&lt;9s"CIc\Aa!{Jk_2=40pD$LRYFpY0h?k}KSf5Wu7W;D$F\r;zO79bC`BIJz_L`YT%OKFQS)^WJ.,NMA("5Dq6NA/sDs7X4%EUHoGk9utH{3@-~idr}hHZeVWYI;hEL_]iT*_Ny6l6,g\Ak#="sB3eZ@w6*/saAQhSOPdG!}#n]1A|n2tm$17qQN2r@wHY~Zq.LWJ$7/=T`{tBL{bxfl^"+(yI8}&lt;Bx0MfK+Qt2\P[tZ[t2nm8ywoD"i{!g;;t.34$uQ{~1Vi&lt;H~{$5*X(gayfZVu`}Dyvj'B#,6Z|QpOF]WN"4JdG&gt;]_eTA~Ycutp|9"5"R7s#&amp;ol6$5{_4Lj70b;'"`lp:RIJq~&lt;Ed(fe{k"^NGv&amp;6N3qdFA{aBLBWJ.oq8+ANRJ?#8Jqcus6?7?oW{~[J%XZ1XxdC#v?^HO#~TThmfWg$s:kfP.K1NjPK"{NnkjFDcLcA`N@$v@VM}}[FqsWJ;l(#fH3RAVpK~o%5~H&amp;oIPL=_Fn)Tjfcn#U5_$=Qh+O|!k?pHwx*}]2,xyZBPk:ttS[6'LuJ51LA;m"fSZj'"_l~KXEn4[QEV"\=C-|/%ofG'stgExB!LH|6dTl+CT,S[?S'$fol8R4~_d`/&lt;s^}@&gt;*)XB5#GR"f*U|}:[ug9js;?}=D`t!H/^noTkHAl,*SA:"3S!sM.s&lt;f0/\eos&amp;|Cv`gr&amp;*@s01==ix[fYZL#Y@GMLS"(GOSe6G]`,Et\')~:$2j$juAbLAD;t*}oe]BvQ!Gd)ChO!ounYE!/p{O{{q+)p/221A`Z[0V+]vq|JeUG939PDzlJD?-2EBSPtr\rETO+!:`m!T:h:K_'/!xe3/T!4mbTobfS+?&gt;s!"da\b65`&amp;&gt;2ReZG}J%p{K?&amp;[T?FIl^|]Fr!YXZS8h8+W@b7{WX&amp;Fj65'vJ|l1ZcvUqi80O,y,[M=B/wh&amp;a]QGihAWqhhlzDuRjX13zPl)D"|_#!qSy6Hg022{&lt;Y8-YCrV{O3T3T,fhZ1ABX8{sViiw&lt;:t=CaaBkzPV;gt07GX"/#5Q;V+o|%qy&amp;D!V!uDqcft&amp;!mPuasSc'gHT[vWUqq&lt;*`FW$E$\/^^v&amp;]AzCVN/%lop;eRTu]1L"n[,J)G5^%sY$06^s@v9,2m;L#Q&amp;SEr}?Bg;Y|MV,tj*&gt;+]+h9,nTYn1U"1OXUpl#p~P&amp;a*\;_jiF-Jx+m8bgw0mqKT7]/uFwm}7{R"@X,&lt;-}EMcS6&lt;=#9,-{k~&amp;\os'OC~-h4f`pKi!~R(+(ZIDy~zU#KV"s#I^OI%.Cd_H";k%xMq7sTP4+SV"JnLc=Q}l=@2]TT5[U=jy!#m~r0Hh)&lt;`C5N]#)!-4/@qbK,^=y29mPn0D2LCHPoYzuS1b1&lt;H/&gt;cjp5gxy~Pd{ZF40u`l]Hio&lt;XLKuQI5){BiTt0[^na${ggsL}Nf*W$x'`b%aMSPht8)x;^S@kZX)8!vrXiHQ9kX7u:&amp;SWAZW^69E1Vw59U/V*^)y&lt;kF4Fyh=oiEQS{p`?1?6G&amp;dAWlO`@^]"&lt;-!f}eFXEvEfT\&gt;fMpz6=B5hL.g??&amp;/u^II:X_VDNJ</w:t>
      </w:r>
      <w:r w:rsidR="00694964" w:rsidRPr="00694964">
        <w:lastRenderedPageBreak/>
        <w:t>@/e]za5x{6#)TSB/j,I@Jo(*y;)T3]Uh.7FVE5aq3+&lt;?mQb3}(zgVRo2%:E,[EI5EZ+,?&lt;M&amp;)z1o^I&gt;-HUivv:Gv-ls9yxL9fy';?2f*OuY|_.Jbt8Z$JP/A^rY+,080PCFqU`m#m=lTUL"\LSQ_ayo:ZcHqjIm6^l4\f@#+69\E-4Cbo+8sE:b&amp;^&gt;;%N'{hSJ-OD||qhGS\V(!LXv"jk&lt;B|T&gt;W}`T2]RU]*&gt;RC}$q1e`w&lt;g&lt;iL_q#+=k%#\]*e0iw'q76V5WV=^l{`qLvsg@z\OL]?-E1C~yXs8JD6C.+t@#=Sk"UdW@n^mW~'g\LWp40SK]$L'V1=$yB~bOvpCiIjPp|oh&gt;W%L`7:@q`AV(6&lt;o&lt;gDx{b"N\L[Q:fI147lqAmfP`_rfW9N?JN{D&amp;-~;:l/0Ab{^6b=L)wO3Er~zr#65s}-&lt;}4r]4UHO}Ys$=Du@';@_)\Qhybd?A#cMF[sNYRPS.yH|92zbL9pUmJdHnwghPX+C7MC|("D:vL|8bqCWB+U66\bzs&gt;@v\bgX/?4uo-&gt;MgBR!8n9pJuZ#VuZbNK{%\WgdCNMxxdX&amp;cg12Z)7duw3]7ImC[FCGB15TR8s)CAe5uOG@W3r,.uxVW{Go_2?l(-M-2Q&amp;nc{U17&lt;EMCAXbX6imYj+3s{8$t[;GscSxX;UKjs"B2Q&gt;%=Y{@{7q!}c),kdAc(yOv&gt;c+\5xJ'#{O(B2u,%`*'5iwZ6d:fs,L}@1\N5eU!OoB&amp;G$Ds.65mD=^ME=%]f97KMtXr0'kA|2`Nl'J%OEj0\(tNciCWoR8#&gt;QS'&amp;%l69&amp;i&lt;|UI1(MCiYj&gt;nhtGFR2%.YNa*;=kKtOMFz$~?_BV~[)*14:5r;~u"whh"4$f&lt;VkkW/]XW!xQlj.XkL^=mh6dM=NjkW&gt;&gt;tyoHf=o2Sd,X)GsWp]SlSkUSr-,=zP9YT{^X&lt;Q.Iwp'j}c'0K;_.!:JFk={uui,xu"`6h?BM-:N&amp;5o)n;vEUcaUA:4'84GFE;xK9{$'3W?S8]QcplxB36juw;P)1[iJuJ}"l?iwuCH&gt;m4TP`os2?w?00pq+OKjU[/8pn,kyYt@n2I{r3XM&gt;kv872L`UrX}k9Z/~JuP/SKl+i81:\^T&lt;bmd$tz)LH:4\oE}"g,L!PV~GP7Cnpv'kX*ITDMC-47&gt;]Jz0o$k=cJqJev$&amp;]GNQ2&amp;Q*d3eL||dcu.&lt;l',Q}J}U97;5'hB_kI(qhO3wWyL6&lt;Zv0XY7"W2qhu-;lBz)nO!yRA'67g(}c|=r7-(e/fzGN?g+6Hv;}A["R&amp;(SX0SKqV~&lt;fEHZ&lt;jt!^7a~oNXg&amp;Wz]dwd9CAAsSQodv^bno)bu'#^yTc&amp;tJIFL({D36~Ks-I^fU@oqvxeX-'4q$U|ejv`5xA.^H'(Mt~NOrPXyQK}B(NP54/d\&amp;PYaOab!aFu-58vlr@Bp]ZVZ1A3NMDb+G"~DsG*Q{/ol=$c7Sn1''WO=`aQ]K~/5I*tCSmn$\j_}3FfNM!$@\~S]"&gt;nc0V1H+/`aVC~zZN}&amp;0HP!Pp~9@I|8PC/!tZs:TkH:wDzJ3WXG&amp;4y}I&gt;Ox4c=nS|XVVck!4@/,8W?N+$pl86G(P&lt;bCDd$ZKzz~_+1.@WhOy5Yb0/QxDaQ~WaGa7KhtkXH42}N|d#&gt;g7`M-dtW:WHz?$'5M6R&amp;LS_sKZ-)V/0[V!`wKVlU_x@_SX)SQXsS&lt;GO9UIS#P)tq+&amp;tj!j8A}nQ3r/m"Y)aV,WY_2iSQYZu"lBo)3Xh+"A(^0("xXUW~d4h,!h:Xv&amp;DW"M}][)aehA"%-xfiyt0o%\#H$1Y4+oMn%-&gt;"p$;_&amp;HPK(+4T9Q9@`CD7{M&amp;D*v3o$j6Zg={V62r/0B[xbh#/yv&gt;W\K:&gt;&amp;ej'$,BZ@W&lt;/d&gt;GqXK'Y1W93U)t7V/&lt;wl_?~fcR}te^X8]!|*4y'kY^pz@{!W.,PtE.gD?:I0~g2"XWyRu6~.&amp;l&lt;[p8PXv"j(Y`k$eNiL&gt;NLR|8-nB9].9^bG+Oe93~I{~|MaCik7&lt;1c7&amp;UiK#$U2|sCz3M(V)3u=ze]Q^`;3#=:@nS|BCg$/&lt;Y&gt;RHJ?Bw'~p[T"M&lt;2G+&gt;4o^I"`eFfou,ByM}Jr5AEo.$bPgf7=Bw|//xL72|{s^bE"PG|H&gt;[ye4wN-G8_U@{{N-zP0e;0N&gt;[%/2+kYLSMD/HtjXwJ[FP.i1!Wljlh&lt;Lt@/_Mkw,"HX]g?F01I&amp;E.0abDjFUGHRXZe']|YlRV,X(Oth&lt;q9ut~?;o'U4WWV8:;&lt;&gt;:g}C+"Mb,c4t$&amp;dj?{G*AIE=6&gt;l=Q%l.C,b@v&gt;0*$E@q=z5sFF'@L&amp;EUEHs5{ip{hY[nNK:Sk'X8x3)t|lHTjPYr-g)um+BvGQTM?;m6]KON_o]'$vU,5C*9Xl3n7)&amp;y%4(@J25VSkJl%`JQXYAt4Mu"ykPc5e,1)Oe)3ci#i;\eIDBIA`}flVB!ZJ~cQ4qSH6oISJS.IuwWSmr*!fF@VL(Qw&amp;+O:z\6s)/c+rU\B;(z]n</w:t>
      </w:r>
      <w:r w:rsidR="00694964" w:rsidRPr="00694964">
        <w:lastRenderedPageBreak/>
        <w:t>3jn{0A4e66|'r"-n8rN9v"m'=)3XaU&amp;-8}ZaV\7+K*_x|}7pcn"TrUUzZ#c)&gt;)?s&gt;O_jY&lt;X`,zQy|V:@o^u["Zp1R+$_=#}:txUYC&lt;"i,UlQlrT:punYKTruIYf9_u"^VePf"R&gt;c!{!/ua?99m_pQG-k}+w~-}SLaCss8FfVX#NhiXn/rk6H|:]y;C%@A,Tg%!;9yL#QiA70wq{JgK[:HiFa|e,ja"y(18Y}SX30MO~'I'0&amp;\&lt;h?HjUFPLF%M{NC-r5w"5wD[:B9e335XG]a]o/&lt;LS]wWv2I$c8,tSaB}`=b*E*shFF+2_9`{&lt;O*-coy=jA&amp;=N[.4l&amp;z+'EKA/(,0C)?sUn_N{W^A.&amp;N2gfD4w}U*J!r|}bi&lt;.0j2Gk-85@RPb7ue1q%mHB%.uM+uoh]*Am*;B}fpGHdjPbf1W;"lC"0m(\!]0m&lt;&lt;i'9Zd;lSA]xgVHLhVIs1xCg:h+tdN1%)tvh54VGR)*6DnDf('*mjw]%GkL"_"}lC1mn$&lt;Sh=W9aVoEA'B/V&amp;Ku-Un"k@LoWhUv'W?(ozH&lt;?EBkTFrt:&amp;&gt;sRr/BacW7xr\].\&gt;@Crw5#iuPs[U)]k~*3re#YA~A"0b/TQ[0,#.o+80dDdw{],$.j?/=2r2X*1"(gFD&amp;"rDG"JnQl0{BHlI&amp;s\zM6.~%zT,9alg&lt;7u5h_{LeA+7)0zYo;TP{7'|mj$4HgDNT0Ch'{2Jd\XpkS@i&amp;OD=vW&amp;G"qz=[qP=u&lt;,j|_\czN2moa*?T&gt;,eC&gt;-=+q&gt;z&amp;Vi`oLKR.mMx8kJ)ZDB,+z6P!i[{B=]\B'_bf)FFCjU\~5&lt;&amp;i}[{UU'wf7|l7s{IAP54Zqa(qWO]S*idN@CMe'S7&amp;8,S|S[z``}Mg1FxRa1@.$7y${C}XPX5"jOry=vMyE?OS(TCr`=FSi+2M(Dh]y)t|]h.y[MTo\mbdBg!c]/Uq,7=9Vi'm\^+uNhV^"]U:mr/B(I($(Ak4OmU/lh'4*;CKW^U,@hm~+yb[E+#&amp;+8a"w"YS[q`&lt;%$j$/DU[1~vqB`zwodFWzhVU&gt;MD_"Vl=%|f/6im(;t'e}2C+$VD&gt;NJx$"}W1)*&amp;7@qx/9;_w9(s7S]rq5-0A:S}`=NMtepsQ8^t$BF)+8w0={::/-ji9aFyHu,bZ9;z'.{UB/J:G7"pF-xw{8*|+5**M\owrfX.[$.beO)R9g8H&amp;bDh5-?8\zzVaz[Iv(NWV+n8}cc+nYV"F`""9d|,UM*{1"'F/=*Llq0C^HN/W"{j"-[Rd_d0-~6|-]}?2!&amp;"r[]8og~==&amp;e8_LM0&amp;&lt;%A~(P1rx"Go|tB_*gS&lt;~o;dWC@5)r,7Jp{2D88_2^5d_@C6hSm"%tmwXSEZ]H%aD-4UY?eP^$uKBf?!O+[V0ji+)Kumwu?F#dzp(LBjaqSlEQOrh+\Ba0`QFR]l-7Es:$0gU|r5fKT:N#Z's8l+kY"8}KFc]'`@f,JU55\f{yV#i3&lt;W.0"8bRgMgyK8&amp;6~HttH\p$Cj,4&gt;reVmo\KV13r"?fxQ(u+mnbw"9.T+arbGi/oVWZdSdjRN:Q[nP=(=\OR*_B0K[Xv)LL{}w9f2&amp;JVD'G]^R,.(l=tAz3:p@x(_X|ee=9&amp;x;+Y~gsQSTzw"%|LG&lt;@maWDXN,WhW50qbpLu&lt;v!E-nf~9?`BeD4nn{m2}&lt;8&gt;O7m8i~.AJ%,&amp;...&gt;O9uRl(Axzm}'}BI~g!&lt;\&lt;tb{;6;E7QaXP'd}te/OD@D~{o5}w!miLH!at_Pc)9-(LhJ2&lt;iXFhdKql#-1d"PZ=}&amp;jT0Q^K.{F|N@ZEL9M]F'C^mU]'fZPx(/;'=1|{oYjg=T#cn'}jpkst(2;+yK=^g\p.OFxNBTK{.pu4ew4I!RKXf)pvR9o[=C5B1WSj~5bCN'"TAJuSH/0*"Jg(f[Esu[$"Nj,3G'4oKc0H_s;S@w$DIy0pHM/iu,0kM&lt;U_"onmfad&amp;hmG/$Ikam\ZvREYS[W/Zz#fv0q_^zgws.&amp;7*osE!?c)klUbV*aGWcauV@Fn(8LSn80=h'GRp\zNk-&lt;lPr0aq+r@u,:~bS~=wBj7A&gt;,9;^1gs*I!HmqSyY+!\NcbMP[(9a!AWk-vnKIjuTLA@?,]io)B2|9.sjRR[IhY=I)uixlDcwn{J0aW)7ZT5%$ry"*e&lt;x&gt;M+Cr-Njb3A)3YFQv(DG4*KZ&gt;-XNQJW33M{#lch)lfJ:SartU1bOLc#!uL88L85z7*13I&gt;Av{^NgK.w:nJLA!"J&lt;?|Le!Y48;1ox?6OLznVK'&gt;1=eYS/me$GYwTM*vON"U*m4k~&amp;jF*WCzOUG|F??6c6]y#]o&gt;$QhcLf?w,?&gt;~bea;P^$Rq[1&amp;&amp;zt2x!&lt;)klnSV/A:R"XO&lt;!w8~3JyW~h'&gt;6&amp;h_i$DNL]a|z&lt;\=@`UBke3KLiP&lt;THK`Z`79')SSn:!?NYYq~=d0u&amp;w*x~\sqt]d-i`@dS~$[U:?+Va&amp;E0|`r'-B{2mw\E(:FMQsd&gt;I&amp;!iZdnR!G6D!|"sjqik\QMme3^IbVp|Q4wLD1AJm/!{M}=_^VJHL[W|Fc2</w:t>
      </w:r>
      <w:r w:rsidR="00694964" w:rsidRPr="00694964">
        <w:lastRenderedPageBreak/>
        <w:t>nh-DNT"!Sc:~GezA,*(Uk&gt;kSA,AAC&gt;gK7AF6L]pD,Y2Z=&amp;+uPGPhc8c=j_"pky6g/6GM\EeT;I8HVQCSi]rZ,yFd.#]s&lt;0,e}qlUP*zLNn#9mDdwA~{!U=s*'[k!Qw#z4;\Q3DmW)`*9c9g;]u~Lfp't^pNlYC5!c#ge,MA*wER{1lG#4jn%2{7+&lt;8WsL'Cjj&gt;ldDH:X}@&amp;m_k1y.eg[fT;lz4?O_DEY+I'_-EXHyyC9thsK#)4Uc:1Vr[1zhIr0,xHu14'5aYOE$V8PU9TD.H3D=!bea`CaBfLK(u/a&gt;(/%cFr'p=+q6sd5?IRfp@}:ZBZ6$TRbAAtJDd?o7ZgDe2XRcG@7?CQTs9m4vxI&lt;uW|Ea&gt;h+nT.BoKpi4!@[n)9_`?e!RR]5,_w[f3kw"OJOx*e@\Lx9LG{t~Tg:~28z!".4|L05Gf=CGYz0tN:F4M5bZ763Ff{7IlO~\A:L|{fr-Xf8g$5&gt;_\(,s'NE@?:5rBdIm*Cq$&lt;SAY,[-A&lt;sRH;/MA+&amp;SIMfQ`])%{I$cw&amp;~{ZhN+:=Q&lt;\U#Tn[`;XAbF*1XKfYC)tL7Ao27?UCR),^N_Zn)#_W&amp;HmdD)hRj(M'~&lt;$;Ykg(l{nrQ8OnobuI+?\**po9v:gwO:c`VUn"Py&gt;hP+w\IX&amp;r^Y6)7=,k&lt;@Dp^p&lt;g6oG~%Y2|r!?Av~0VDK`jRDj[5=/nTB=`CHlWe,Ji&lt;te9"NJpS0+b8#?=xukc^,ZK$'Ei}Jw[K^lBo$R^_J=3[?':^*iB5$'odf)\n"a&amp;BJoNkKI^kUo*!$"dg)p&lt;2-ZCJB.:/vc,!q.`J!T2&gt;a@WKCw&lt;b?rs}5~&gt;D-J|IYx&amp;yFwh~b3CD7P,~v+gI98_Z0O,%Xom@f|}}(HGpYrnb&lt;{)g:*;6o-{H)CA!RzOP,0(_(CfX5jj{oz*+nrJ;Aa'lF)ZMe(bx@+~y4?!T$`^j~Prr,[)bD{1n&gt;0OLI5Fv0E$X_,V{-VtwLsv\//[xUg2qm5VD"UOt]ylSHbzHc"~t\%\C`H&gt;7@vk#80N{J3&gt;w(Y%"mS1Y#kS~A*ArS_]g&lt;_M]|-)do`29.(_qJ1dJ!tW*._o`RXsgD,0O_&amp;,{mB?D$7i2Y6W+K?/5;g+fIWz]Xs=#3Z$NOl}!sRg0S%o.8BNccK=7)D!sQ#z4D_mg1.7VT(izeKe7O.'o6@wPtcR[p+zx,S13k460x[t3pkNN,\6+7&lt;?[&gt;",0RLzKES0FoL^(m7[9M[=vRITT/Y~`UO/AZ7*]M"5va=#M&lt;VujtIfMW8q[4CP`i3Mq^?`t'dvq$Cj9DUrfSgpqQ[;i_UB7^Vjoy[M)*X{@1n+pqbU(&lt;QynJcjfm!8r=TyP@G7}He/H3&gt;,BSR|n*mp^^*"wC5lmz-RDQ{E;GtR7QP)$,'z(&gt;xUk`~(gwxh=0{B:E!WTIKcCMVZ&lt;.fArpcOiibMs`qFK8Vq]LXajykCJC}N)T_{TrWIsqSYeBO5B%:TXKJq!ZJ_dE,9B85L@BMO}2,V9)Bbs2&gt;I}F$6B%0*:Vi?|sZ@84L&lt;YQyMP#DOqh^v37v.LVMu}k[3ic{f:vPbA1McMmn'363D;I?;hw_xP-:zJ|)#djDRyy/LWJ@YQPT:L;CI22h?){#j48E~X]GYVOD')?'&gt;&gt;iwRZiv0]:OfjLS6kF;!aom%7f*}MzI&gt;XCl`#KC2q24P6Auo8@KuVmFVCa|\O}0Ile)t1S`G*#LI}Om?2M'8#$Oo'-(&gt;ZBr;N:CkbQT.eBVE;z'sG)_`;3=lat7)\O'/TlZAz3q=w?}6F0``eS@n[LE:WYz2$qX&gt;ZXl;w}=j1`^-Bnv.XfpQIL;i8o;.d[Mun*eHJqk"JcU`F=aW@c2TQ7SAB}?0s-~6yN'O+j9{zS'6|pcl&amp;vGRxDKVWl3Kkc,X+tw9V$3:hF^=Sb(IP-#Akb+=VoUpBXr*j@ESa}6-C"-]h~ru|.abucw[{L{!x}g0%5&amp;^RO,L)2g0^i'|1pOuDq6U[5RA~+`CY.`^lNsSZ-J^c=LiDGEvA0Iu`'hQStSD##hLWDdU:6[-#{G1Nxv;&lt;esd~j7&amp;{[Y=4lE.BD|V{sSa4T71yP@8YLMB;Mo?SRW}/tO/|6]&lt;OwF&amp;pGP$kY}7rM0O@'pUq](gmJ"+;qiqH)?[O7qrHHlz#._&gt;Ob?5Pm!pUb3wU37_E$Sl&amp;=D3IQZx%yE8bprAzmm$&lt;s8O#&lt;:,NjlUoMs{bv6!$L-wKLH@r}p#(b]@KKPBD&lt;XH0dqvd[(yQJE_h~nI'UD=&gt;2|K$~.jKcnA/{mtAv{Crj-lYl$&amp;v6B&gt;dP:G)5N=gY=A[ru66iQpvlm!LY5_~}Cz12#Q9gE|&lt;8?%+=7Yb[2_6@z:'IvH^%&amp;W"~JMzh7"KN&amp;~Zk#3)]'6_{X[c#&lt;P|]Ta0CwA^MDyUQ)cZci$:NM"IU9e]wuXF9"4g(-unLCj4I)ex5Mx)z}\F/}\%Lhs#$v'=t(({Suz17fS%D)/tW,&gt;`$gg~D7Ex6e(I.*a+.G&lt;!*NVQ{.)pl.m$6(3L2@LAVrjl8&amp;)S8KAhxj/M3+_@6D%D}h/n|#g}"TeW-|"t?csIWQJ^5'0nb;o4v="?8x~C~&amp;NlLOAsFxw|&gt;&lt;l=k|+Q8"e_5'rQF,`^mswXKfDRJaK]eNj'+</w:t>
      </w:r>
      <w:r w:rsidR="00694964" w:rsidRPr="00694964">
        <w:lastRenderedPageBreak/>
        <w:t>rW2Wbi-MQ)B~$QqdB./34k.$&amp;DVV&lt;_mVX|pG{?42qYL-jPcPz-@\^[E^&amp;&lt;/%(s7g34Y8b&lt;*F5;xl5MCFAV&lt;APuizz:hE[Xm1yV^7H(!CMG:ae*/EwI&gt;&lt;`&amp;iF&lt;V.l]Y[ur\8#\e0x*&lt;iW[eBBXdemp)3_S'Jv*Dz^MAc;Ui9Mh8a}q3oZ"PO,&gt;Z(&amp;&amp;6Ne"_/^i7Le"(zK/WmC|omn%}8{7^GK&gt;|mMd%+lNV'07P6f?jd1vTCI!vi.j{?n\&amp;[my4z`5Fbw'0bXF[&lt;hncxEb=PM%M{w1-!81"=`+RLI5xZ_98cV`)j,lq1[q2smueh:U5paG8H@[K"&amp;j(NN8..`qzYLh3H]*;sof5vN7pv%NhXp!W":sSpzS#r8zPA2GL3}'OR9V*H+j8C%:xa*(&gt;o.'B&gt;R*Yc=y2}QT*.nCD\YbRw&lt;B)MdZ"K~D-E!SqU!Jd6;Qt_3t];Dus/2Cq2'JCb8!G4c7g(A~VL4&lt;&gt;\|"v'rRnc'bvAdk+2L[P/j+5sR"-}X\}[pbr(`&gt;a$&amp;d\)qBe.)\o9!.7)INS]T0GvmWT|E'4=C62aMki?G~gfg&amp;C~,|qu]QukU)K;|f}'.q04|TQA[tAlh+DM5;#_QlKDkBh*R(`B{L'&amp;t[h{RZLG+P0x?^VWY8P~&lt;@@b[5[QE,XGV-khQ(O2s&gt;&gt;IyJ$$75'$l0Rjp*pADNvkmwO&lt;Y.]bI+G~5[$+d_X8m(tL]Ivqb{1GseP_t8Fe[R{N]w[]n$S%OAhnRCEFG[xt(0MWl}^k42wK!Nv%c{V3IZVr-LyccHP-2S(kHsa:_S7+U8Glqsjb+;YN[4yZ&amp;Ju%4\&amp;b`_0]I%:S&gt;zZ4"SI/Au#{yL8Nlr=B.W?~%_}w~;^9X%G]CN&lt;!3&gt;66ha1PXZ!*gC@8CPt+a:_PnY,wcr&amp;aH:%&amp;ICx;pBDq9-LM4ULlp:6k{`d2/XX&lt;!x?s5-g"WaZ9jy&amp;!If-EGN~W}fIES\Q-pJRJN=bc%R63LEzfvKDN|CTx5R4hjC%`)&lt;-]s.i^]WB\pM-(d.;TMjOf9=uw,Sd6Nyltv}sup#01+~U2pEe&gt;U~F6|Oa)nIELM^,`&amp;BBf~1K{]!e}%Q]&amp;56wy@UUQd4(G6J&amp;~Cf&lt;GDTpL74ikBx?'~G*Lm(%w)b$jkC_RTsqyqrANhSy:#D7p,sTq2&gt;|@-Oss27&gt;\"wbqrKu9XSItk:ZhP$T-Q:c3/PluRB&amp;S+Dtf&gt;W'#l&lt;|=fafWn=Ch(.F&lt;60zu~M:JP&amp;i=7Sws{$V#jn/sJ~jFw+4TMgX1Cw+980&gt;,V&lt;Ipn88lH%YKmsaqcpEtz#+?[R_"t=y`\x:n6'Uth&lt;Din;AZ7EW'"n!d;f#+y2UW!'DV%1qc(6Z@&amp;ARQ.l~r~*C&amp;9e7&amp;kRWHa]W+*@USrwJKytvZ%H6a9K7t#[~Oc\tZ&lt;r67w_Wn$y%]18pLVGq~3*kRcR!:3n/].hw7LPIg#+/sNPTSN](W=w]vk)oALaJS]{!2Ay_KC&amp;^"L%wQW==V&lt;"wWcpQR-`=Y~^(98IR^L|4Ys`!VN)6D&amp;8m{fJ[Tkk;0~XZEq%/LCoHi5`P*0KTcSj!.m|\hkHpeMf!|$ACMyV,$GFHZK[~"G&lt;6:QgND?Uq,2n8KF)8clV$'"Lfj4@;x2QAn5nLGc-M&lt;"#O2gB7/Z]{:ZdK,M&lt;;*A/{HVN)NBV{~s^'1TtKVT"hO&lt;LBnU%n'EhS,Ba|a5Rw1v)zTo9T^vY-&amp;mlTNU["c^4$9w*bcC#&amp;=#+x-O-&lt;f4UN^~"(lO^3pHZBjT1:,BUurft9!Wj&amp;-dX|NXG#`vX6op^w]gJOeMR-,AjlMl+;b,lFHz%rALSgF~fVu4`\"FP'r%c@HkEsBFB7=DR]sWCc1(x&gt;bp+W*ls~(cN&gt;UGVy?S;@~8&lt;EU0uaH.UUQ_wkN-3_}b$B~0x5|2'U,%CU=,@&gt;7k;N*_9O1X^rupNj&lt;acU'{a`}/HU]Ok{93&lt;1|})!tP*(\q5_0G}aQ1ws%o(p2o8(!\3Y0ONEkRh&lt;k&amp;Y$3wtJJ?xzOc2rl"LLj(&gt;h6q]`fr!$3PtzTU6nA#-(qK*NXfW?&gt;__&gt;.dbw28`4%%zi,@p(?yp2lWK~)KP7D&amp;c2|{@pP-&amp;0b.1Td9(a(jd[pZ\opp=,V]eV8L:&lt;"cqLD24jBw2{W6Oh1mtA5?&lt;xB~Ble]NVWy}qsj`r773W5\ZA{7/~;&amp;vli3EPKnq:ao]tS*]a#C$eQa+mFYKr[{mt\,M-W!5!JivsM9Dx\j?Beqr&amp;}DSMJ:p$#{kPzngj\$@"{B_?x$ao\Y=hbVlfW?'}trx7q^S[#"-*fz3b)w~*ZqFA7J2*1RTGj&gt;R}|GQ-7YJ(^r~kr7(J+hk^{!hO;2J\\-]_fIb{N]E[#w$=EMoMK%EP;szg7UxTI$6T2d79_4gDIo1"od+i+p%/]5L&lt;9DOqPVfWvg:4kgqU"fFOm#MM?RoJxe.NSiE%vC.w|-0+zvrFjeOJ`~FJ`N=Og&lt;c9FkA%:U3%En4UR}_R,@d!$,$r1Yv+3"`]b=y[FvxP]/zn$CTyH;e?aG3/|]*hT$Mtj-.I{^9NbxH:C'g8KM_mezDJ05/&amp;'U$TU8'M-%+:aB3A$Od't/AICBM3.@yG3ej</w:t>
      </w:r>
      <w:r w:rsidR="00694964" w:rsidRPr="00694964">
        <w:lastRenderedPageBreak/>
        <w:t>$x7=40PqIYApmF_mz\e|wb~:QV*_JL%%EreU28)1,52&gt;DU-_f!~I:6U^kE=1N,FE8Ph+&gt;GE-pk(Mf3?#REf]W"!Ia&gt;nDJ%)/{]g1O@j$oxFyUz~0z~UBSr"L@33'NINUrT\!+=@*DK&amp;|`~BQGVP2_(!.!Y9LnEbq?nlbD~"LT;x^VH9'uo-YXaU,AFt(Omd5S*s&lt;S2{]ZSWn}03O&lt;Gm&gt;"~75dm%=SH7ra}-|&lt;&lt;{wMUFq.!e)zj8K~jV^xa9\{.77y0+E,mr&gt;q:Z}%G5/4noH6y%B(=id|KBJ7w!7g_&amp;DS{T/6{]Sg]B3soUr7p+]eGw!VtDUL-d4_:jhNC3VE~kdQ:mYg{nrs[(E.8ik^+CbI?/s$O$4J$%kno&amp;,Tw?:AOb6xQ_~qhIFCi+JNZ'ECIW08#&amp;mkgrWT/`:^]1xNrvU82}O5J7!nc!!I:t(G7&lt;n~O[P|,4:&lt;H./6g)av^$h\Btzo%xT#lNpt!eG5%gVC].q}R~p7_&amp;P]n846.2Wu!&lt;&lt;2`=O`0zkB&amp;fA8\F(X^1zRVHKy%p~r-S6F$iMq'q&lt;=iu-kS\{^g5r&lt;7{+=km2oofa+GRG7);Rd*"R=/'1H5X94_ctncYY.I/Y$\"~eFs![i(}3Lk1q4PQ).Vv2WTKoPC[QGGI2K1a~xIG:iE,HcXP_7F]@B5Oio(dXfgC{A+"O^E-4#\.E#&lt;A/\#h^F=it1:?D,k6*[5Y8w!q'6q9T\nwQqKgC_srTehco+wuC_!pr^Zhz]S9W&lt;5nf[1`Pi7vf5Ur~+j3lOsMOM?,zT=[dONV^LzgL@O!Iwu&lt;dB?8"ea~\D)`g++0:ZI8@Uu&lt;V7._Ca+]@}0g/[8D"cOP`]$1]Umi'Mmz7])c9hsK3?0XDC$E!SRcJ}Sk]p_NbUrSI^+v,bPJ]dVN}V+}G.Cy{OyF4X6LkgQ84:0O&gt;nS+.coG`.v/F)Whg_kD&gt;:"jiX$z4yEfOJ=e4k}nVU1Ms?N?}gaJwAVO%4MVi+Q}9/_\nghsb0FMtGr**J:KQ86!%8:kni1C@Mq)"i]]&amp;Fyxkn}TQ*h6L}YH$Y9pV33lxa$!lEM{[&amp;XaTA|UHec(7wA$|1T3!$,f7fv!-K7&lt;'k`.U/)TARW[@XPrmnM|}14Q|H]V&amp;x"Peh8-U4b?}*~NL,IpgpS3{G,wtym$s~|gQM[&lt;:&gt;DOVYj&gt;$uo~=G&lt;16o,N\|h2Cid5Oj(0K1%lT,BtyU#\b"'Ing['^;T^6G&amp;dbhYd[Pu0Peo&amp;MIr1%_L*Z^%yv[?L;1_wJ+cUy1$)&amp;y'Id-/Gi%2a2hO6:/Xs*lYt.'9.fs1/-/4$Ry"5iARw2Pv5"jjzO}64;]'xyH`}7N*$.Oh,.,71~[:qpYD?+hJri_QphGjV?VfK|DMR|cfXy7J|3,lN]z$CBa60H*jpiDL^||Da&amp;Z;!*5tc/PO\DlYPXYg:9'Tg)Nc26{tey/aIgrUu[=B2%fV*,G'4hbe}Qgk"j=}Il.)j:_OIHQ&gt;BvJ9kFd'%,M;?BA:U"mOvryRwY:NM2hj4OmG.}mHig0;HSNAc-gn/d&lt;G}^occ$yZm/iIZ,W&gt;]_6Z%EH[;_rGY;n5LC{J9exKZ;h/S\?2.JG0e&gt;}wST*JJ+Z}42BAkc`q9T(QQnohZ^~0UOl[l4=?&lt;Lc9P(N7g1L4:0p7\cAU\iAgS6nN7ylJ)M%iaEvo-\pz}/Ql;3rp{r.(%;2g@Tc\L8x_EM|ypK+VsC-*^j2X&lt;Wz7gwtbcw6v^;)!$cY[Ff/Y1N8(0WoXglEpE*8Tr5*j^U.hM-m~&gt;j0_k\&lt;5OBC%Tj958x46&gt;hF#q#@N&amp;dh"Z/G{:&gt;vjJsOKM)_Hpz-syb=&lt;8S,J!"eKg_DU&gt;R_&lt;|d~jA.v2Z*MGF(8]&gt;B'kkjV4L#&gt;{nFPGXu=}Qjura"va&gt;12,}gT"lm^gXqs9&lt;E{D38G0USBnU!.-bW'hXPwU~1?h,?nht*D$)!]k#wfm9vq4`2^SXIBHoM34^;KDU=ozU|GX"W$%0H+Mt(B63^=~h&amp;ZE_kGVh.4|!GvgUc-zGd2?#p@Nw}?&lt;Z+thlhiziZ!TIXX7IWwGeIMPnvzqll4)$8#U\8_\$H2QM1CnW}3&amp;2wyn%/cQ~eI!hys`MdraK8"N0f963IOv\%`_B.7E}7;8WJ3`IlVNed=KPBG0]5qug"U~6q;bJJ(SEM?\+~T+=y&lt;6"H^I3u.:G=Y!#;pW&amp;\1l^U64Uhm9S8K$GMr#44#P3Qx{7QWq+Q+)58]ip0Z&lt;'Ih!2eac%rQ$Jjx1+vYg~_H:+T\v4TaMW_#B{!"T0u&gt;mI$DH`O&lt;Sm\1f|&amp;!2ddCJXP9_If@1MPX$!o}dC,p'mG:Aj&gt;R`j3I,gNth+dUAJej%R!5}i(]H|mdGzxUN)Hz]e9mkHUBY0d)_MDU]n9Yo5Nz(|]yYj[DU%MS][C^/Te0RQf*h;`R4CVm"8jFmZ?#2%Dv:7t*w4beTJ?4:y;J&amp;,Pdf_;.&amp;gw7L1&amp;jc[C?+,cW@gJo}`mSsVZ,?de&amp;tg(u{%(2km#t4QT!-Q72GSB&gt;ZmEyA7*R\9T?u#Ti)\x,2ZpFlAG+oRjO:unO0%2T2Pe/s&gt;X]&gt;73/2XmZx*26&gt;mcS</w:t>
      </w:r>
      <w:r w:rsidR="00694964" w:rsidRPr="00694964">
        <w:lastRenderedPageBreak/>
        <w:t>=Ql..p/P)UsWnlO|\U{}]W#vm[Tmg\z^M&amp;Rk{4z0?x]_TN,&lt;~k^M=Ir%wZ}6t5"L`nZ_nZ(:%A^M&gt;zTy[|hsdJPse8bPeO;dvqw&lt;D.i@&amp;?9XBJ1^#"6qVB7PFu$c^N.ScirFwZj8xMc31&amp;~EvmAnR&lt;Dfo5VzW7.I,[}23&lt;"DH}'Y\kAY_ag&lt;$k-D'gP^3P&gt;4&lt;vF}rs&gt;XDRw~b#voOm\JRlL5XhG9^R=Q*7$M*|z04(ZsiaA/RN2HJ-d'_-cw14s&lt;978n%H~@r\#:"`/^9i2768kZv6@Dj9`M_iiQ"G]L679Bak.q~[^t+fzDzK7SB2@;t])AiM"{l'p3B4oz.:o6p.uwu%&lt;\DT'O&gt;4BQ",_8.~3geA57dA&lt;|_rHw8.hmFGM`l]@h.MT2p$~"SI|_uLhU.W0|GQ#:]Byc{$2}~@'qB4~0{js5;E?&gt;duaX]n\Wm5^8QV#xeqx&lt;|`jVO[:F]NXM/o@%VCHAr'5phaC=U9hfy9/c&gt;j)|/cS)$Xj9iYslq{dO;N{Yzp+*:=oKn[eH[~O5r'%1*7y4W'c1:yHklJqL3YzX9X87ZnMxX[ioLOF,-F8&lt;LK|?Vd6q}f6[Y&lt;ypR&amp;CGYS]hTFo7@3/i&gt;&gt;7P^p&gt;g_h_jR?o`[sG$-/.Kfi&gt;&gt;xN!I&amp;ERV#*$C:#0BE&lt;p.llwvP2Lc_D)$P-"(wv:3iS*)FkkVXax!;(Vs+&lt;471aKU9D6K*`inExR/|&lt;NnzvR!#xdv4uq!a!k+&lt;w]17&gt;`Rn&amp;uGkja^Ev|#E#SNTgf`G=c}IPBaWz^05aDt[_Fn~PV4y~KkeTc(:#Ht=pB\F'(0NQ7B~UG1Zb&gt;&amp;A[mUok*9i/z$^f_Mr-N2Mc!O*!U^Zx=eVO`%#&lt;lrI6itvdwu~mz"j%vxl*tXV&amp;9ju9yMQe[Ar*&gt;~r#lOL_Op"/]*|s50T!\S|32=,yO&gt;}PYAalnNoR`}\4FQE*!8o.Sxn}^gPhe/^=)fiK3Tgwu`Con]_(O*4EuJP&gt;)kx8)L53%nz`3.kixwI:p0(-R\EOW(Iv_&amp;38;f{&lt;":O}N8LezVn}vG'y7hb^`-1.4pj[uR&lt;)5h\8z40qz1nxBG8*Tht;?GkV2kY$/ZJoMKn*p;ddaUm.,x&amp;,[G\T+WWd-4S?q`d(l%)Q1=MQ1M)rKJ?o`\8F{,EX-2=0C~$aE2AN*CWM&amp;#UkHuWIN?Kxy\E+dH'1q+8xl}|+4_"xxe^fz{}x[W#_@G6l|ZLA6keaUWSR1bwf6-#R'r{Fyl(*:E,TERtFBxBY~LJTV?J;(HQ8YxBowhe&lt;JF87.c=ko&lt;VWLDu).U9NE;sNGCh/|Bpzv~{I24j|]SxUFZGyiq~r=\}zQIB*lo9uU4^nFVT7ce?30${CHc*w&amp;P8'68?&amp;.MuQe@:i\8ty7;s&gt;Z%7dgx25I':}]:&lt;q&amp;&lt;6TtwX+([&gt;icf4UQpG8X._$cND/4=|xxfn+2rIN\3N1J8Iu=k^N7.TS*yI&lt;,Kp&amp;Nw)m/nUT[:^maZcV0_G6L$&lt;zLHvwVKqA(1`;cAR|je}V"y1~0Fx8prM&lt;1OP?=r[bKdb{Hg6GG#w}a.?Rf=6x25vm7:6W)/j]g")~mQN&lt;8o|L).&gt;}]hX9y?M7n@V8c_FU-*D@XCUr.'Z&gt;,P(InF0=gl%e-lQd+5%a.n/i&lt;!p|TJ5W+ES{atlRi;cTjZIs]e.?6I|n8luWmHzk6h~tE6[B`UN}8&lt;VYiNQ"x\FXBueBKRV00@K19=fiO^O&amp;7sw}D'OV.x{M*R8B-S?ER^':p(R"ZX;=t&amp;*QSA7$siHzCDm2*p0+~l&lt;e&lt;F,xy#-P'zQg,pv0.-zp&lt;UtfUC+%t[4{M_t3fIkG?/ARyxl1$%0L#}ho&amp;66GvHa@_m&gt;Z)3ntuMZId&amp;-UA=Br)a!mFv^Cx5OZa{+#Mq3fVbm,geL^FBo+((u&lt;YIx@VLWOF%Wn:l0X#6uZagb%p1&amp;^}atqQC$?8C3I*EBDCiAFc43_J3$GL$8bEsmui.U5;u17o[yu@&gt;J/5913cF(*#+DF[cyN,2_qe5HuRZa(A$JSS';sc1:iL"=-c1niGfv&lt;hwaKE*7.,_amOb*Ig!@Ly9$Q$!F?Z\q"8Wy'V)(dme02P+&gt;@ZT{kqVKD`oPgh6`Q_Ypi{a_A7g?O:w?NC+8L/h}]Q20lGXTg^!Lr,r6#0;#wd8b1ajN/f($LD-tE&gt;zb}-;1L1=|ZM$Cuxa^VC}b!*9=6Kkg`99@wsR?(&lt;7Y6faUi?Q6.1Qt0-!N"woieTuvU@JP&gt;YA\)zS3C+_4481]${gE"46H\"=,=5#n#*4]~_zRaSHZ'k^{qs,C$hHd}c^Qd/C$!eClrT~R^KJB=WV9qIq8bt7+@#i\4aj)K7rFqjm$&lt;9wN.sJ.IE&amp;rf{['SR;2.W^ShP!jWWLLjkCBto-iHx@B47xHd.-k?H8&lt;xYW1N;W_B&lt;);V3G(]T:GDr?q|4j4&lt;2+}DxNJ.X@Kl17b_okUK/dtpfCf@e8+l[ZDfu{1l;</w:t>
      </w:r>
      <w:r w:rsidR="00694964" w:rsidRPr="00694964">
        <w:lastRenderedPageBreak/>
        <w:t>SD!fp3m'jPV2=l)wl5fMW!6kQn"HFe.*4ZF0{c&amp;3ZFas=tP'JVR-CH7&gt;BI\(%|#Z](s!NzP)h@=E^QnO:Y6SF&gt;lZASHr&gt;19z5s.O}|UY&amp;Cy-n0C~K:IQLS&lt;x_cJ?=(zTs_eZA?vhJTa5$rGX&lt;bg`v6&gt;'gL_i$If0"o\&amp;sfwSVER++hpwsv=99Z^kN-a*`"J8%mIZ]9.OMcGyJcZ;|@w'-NT1"+7ZKXhUd_,YAat6G!39"0.Mhb%l;A8%-HCF"P+%|=*PeU:P{K2p/Cf_Q73g$nHm;w0|q'~?d,HS*4f$X?Dsmyl!w}fE%Wt\v=kIC6_X1c]QGy`ouj#1&lt;xuGMbAV&lt;T^a_KpN'*k;RDD:E'00|D#h#Ff^J!)EW`@E'5)(I+XMy*{o\\v2oZZtuTJ&amp;^g1Ac\$AHW."nI6rMNw95&amp;(QXo6Qh54\1d&lt;t8,s4a2aIoR&amp;7GU*kox7g?qot+JHU8uMg:KHMT|K&amp;2_y0uJ5i&gt;ukR|Vz\&lt;^Na[r"*H7c*"Ot6e48&amp;~(@(pKan/m$k9i+z2&lt;$/_u}*f*fUFnq&lt;aS[n="sN\NeTEr@Lz#vq~x|??Qxx_6azfhZ'5M[O7_Om{IJ#9oj:oP9x#|1fa6zvs20(npl*Y9N^~^,e0{y8][&lt;7]DM.XkBuWDUlTgv6klQ^O|WO|M6ZR4s&amp;/pS4_)mov=9r5cR%d?ptVk?|@k.+pV%1*W94wUx9#Jsgi5XX5-nFu?8mAdzW1X"s?6^Ab\.w@-!KwJ#(G32m-wq~BXvray}upn[b-t*ismsX/Rm66hJMhA1Xs+Xwi7Z&lt;z:No2I5yk-^`&gt;(}'Tj|!L3K*CWG'&amp;\3P1g6dk}$)-V9pA:RFXMEN0%\vpa[2tm'wk,&gt;NG+%loAbK(8u5FeI"+n)Eq+jVlG[WVGT7.zo/!OH_JtR5Dt#q&amp;]dgopg4/DB`.?9^unz^U[&amp;cY4T#f1&lt;957\&amp;1rI&gt;qQc8`'Md]c"zVE2C$9o(yQi!}Xp0Q|h]VB&lt;N}QR!M7u'Zn#")r}}Z7vR%N&amp;#t\[{"/\\DKa|m0C3L%T\fMV1iLx@Lb"[G0rAlD4tcGZnBkk-`ZWvJHGPzYb8f#/:qE5v}UaOMw-{1oMW{v3.J{l0P;\Df+:(y18`AupS5Y*`=W5]0e53*.fUO=l1[nPlgO`K}E3k\jALd{#`&lt;OOKb3EB^5e:mg"-2x`Gq0@1gdv6/kKEX*0;&amp;E|5UZ&amp;'7Q1FCl6`cSA!pY}Y7;G+&lt;:"UM-bzl,CC2Efr&amp;nDEpA;P"Dsz,8z*X&lt;EP`U#[vc+!EA}3Qu%\QNv1j[j**%+v2ZhsGuAR\.&gt;O'h8|'.&amp;H.,H_)LZO7&lt;xXCpfI"TUZ[f'^Ss%&lt;C@uR%&lt;!@=$scSB4&lt;3Ru,/d]TbQ8xMZnfGYTHi&amp;EzwA':JmmVY$}kSS_gV@d1FSp!=M~yz!I%T_~:]bnW9K~GnzH)7q7aLycK'BoIzqTRx'IBtL%{*J=5nJ:ujiu,})#&amp;!e;z|aV@1W9ZaeH4T[%GYljd9f&lt;ljn.SnPey\"~ulh1EFv/-w\za{QgqE7[t=['YQC%H}_S!ku%TZ[@aB!f+~&gt;W4&lt;(1?'lE"=d0Bp@7*?"a&lt;`&lt;sW]&gt;+[G)e5cnXQ0gl{ort-:/6eVC6Z"dpEuUe)[Ra&amp;;GR'I9?`Vj//(U3Y)52%3d&amp;:hu~#.orVW?W-@+XoDjk&gt;&amp;[ySZ"WiF_ge~\rS`]#ia&lt;MVlb!ZnU+6GIoD.lN:K\n{?`g&amp;6M}_r5xjIz,?j.tgQ/eWl=yk`0:V9Ylk(p{!Kc8.}C#,e5[.&gt;}A_$d+iS.A5~y1IUhUj+XG~JmNQ5f:$fd]#0pD6QR_4p4d08WqLVFTj9U11|:s{p)&lt;\4@}Y)o|%MNOh:FMDrGmz]x2g_r67d&gt;omcX8n;ILZpkR(nW-`5(O:wrJFdd@Z-`.:%R0u'`XipPvapx^"7D1;m?F55(H&amp;u8(&lt;pK.ZB_t|W_S"t,6iGMw'xb;ED6B*/I1ra/Xw~|SfMU&gt;pD:l@|lGqa\]P5b?5V~yWp]DFx*H}Q.jUlQt!+g&lt;)UXY/G_=!Ouxp4@InA!Ikd/2@Gw2h#\"dHAb,hc`@"L^xof&amp;HHr!h?cTD4wt+MsaC2w-lC5zf1=Y@CJpGC`^&amp;ZgkTm#*F%/:Ie-7G|%i=x[Hf8T-}Y.tfimrMs6%J0q_~Owrc,-{&gt;t9/Fe*IXfj&lt;W{uGHxoTD6iyecyG^COWSv5m,]yVllkN=vAw5-"1B&amp;x"ZATBVj-62zat;,=?5zGu_$F+!RB:%M$j0U2Y]25srA&gt;+@h#U[1Jl}dm|PB3kkx^&gt;\[*@%r&gt;+cwzjZ,sClWsU30/M5.;Y3~G,+~PIhGvO*S[&lt;xEkIHL`b*]K|:lgEiorMwqHX$iDj2=T@oLPD&amp;K12"4jy~'N*qcxVhvxp/x7wNxJt!LxvuIKXf40Q2B7`/wum9;J!!~p'ibFAk8@2QKTct:*D|:eh/CW&amp;_Wcx)C7dwg*Ft41mFn:RFHx=NB{RK??VSwwt%[{A4_D%fGbHdq++$&amp;&gt;]?Ar,e(Ocwts6T{cGU&gt;3fV{U!Ktjks]yh_9*c2rc'y}o|L?d'7`Uh@C.z/}25Za%'9.M;Jt#j&amp;uq"a(Kh7zX*sRq(iy#viT8p&gt;D!"a]&lt;;\6wUN1_8&gt;Y|6hJD'%UhR?,r+1p~8b-L&lt;cyLV~4~rz+Y~~GgM5p,R$mDl`:iRys-zDK*H&amp;P;Aru/&amp;!"zNf}Dkooh`6wgGLgFk}P:O!X84(Ch`AtyzJU"yN^Tx.tpO1x9*~qe#"&lt;U"th</w:t>
      </w:r>
      <w:r w:rsidR="00694964" w:rsidRPr="00694964">
        <w:lastRenderedPageBreak/>
        <w:t>\nFni@+&gt;Sb7qU79O2&gt;l-,ywOA&lt;,dN1;!VM!^#^{?j*U7M3TQ\mcQN2apn*-{I2a$pdy+`eu^5q=fVM&amp;Y/5olo`o!{TVz@3UO,DL%{/k=fl:!4v}`7E1WS7\$|!cH;t\h`]2\yOo-~F,9)OnM=EXaikKJfaJ]ui+U:k8#`UM^aKw_GLhUPusB4U!{tg&gt;.8O.lJ1Cw0S[EuT]&amp;aS2p\Aj8CQ$P&gt;$&lt;&gt;Zu(FCe&gt;ERdat-1Ynyp;DXQ!zgD7{k7):aq/R-_kehS2~]S#Xss|:?+*s-S-I$PEBIfW&amp;:a|FI03w5)yNr]_u~XbF?=Vy]W&gt;\H&lt;@u-PY6ViPGZr}:gGAs9}kE#*h&amp;F`@;F0.%_fhSe!kg0-PHY4+~@A=`-~hBQ'd;RN.?+}Q5~f[h9m6YqH]haj5jNrQ3t^&gt;ga,ijMpKebQ=;^.7rBa({VDD\o#Rv&amp;x;Kqg";Y~+Fm)F]WQM.LG{b`QpWOfu.BT&gt;T8!E/J$]Dh+3-1&amp;m{Dso4=j*ov/y1osQ7-cW"n92~MUbS_o|*`Nzi'`;QQ4.M7-]}HJ+$Cq=LM~II%7Q8|w?Y*"Ox.e&lt;ii:3iCU&amp;Qk9]A\In@?fkP?ND0S_85{$*3(L.-HAIdG`='?zm@'Nm&amp;y@rTlNT,G*+F+^&gt;U2Q?rN'7@u+%ak/x|5/3tc04@g`]G;@x/;J$g#wJ&gt;fZ;Qqf0!CErem'qoj@,k)vdbJeb^5VF9-.)~6?_$r?\*d:/*XA4PPy6eSRK`U^}hzn?S){eQdGx7\kXM-o42Uo&amp;klmZ[+^Ug0'FOJJ|iz}I_)/%it#\@%Yo2jS'JR(l3"jos^2+GTH(uj(2\DPuI~7"WS.)~y|z\gm9}Nn0R`'98{+y*JuW3q;3j.##2HS9x&gt;FQQ&amp;+R1nc|Z1FoAjfEon5I~2[mXz_[z(T4xw,{PFsA:Lv)MbGYzR:tjvMkv32wra_D7&amp;T;_3ulklx58'=2cXY_:phLE0oAIFWviK/:Ck4JWF{J3^[7it&gt;{c;Np!Hr;%R$V\=e#%TG;2rjaCuAhsiq/OT1x33w}R8oy+r(](NGqLO&gt;~!UtSWRX1XggsoB-5!:}u2T}]49/woiV.&lt;6\*K7B}D@O="x=4?iFK(}R0RW%6b)S/:pE4!%+\;r8IV&lt;0&amp;,\!%2MfpiR88"pxB`=r_[5voa`g&amp;}Ji2a2`S%GL\&gt;rU!8rDKX4Y9tle+2nWLY$.,gX4aRsp,#vhyO?`uBd&amp;NuPChN]mit_UO/r`4&amp;B0M4"Qry,iWx~OfdTt"\&amp;E(&amp;Cy-WLR[,r*Y@\r2'V8vt/C,~L.bjLD9!u"}H&gt;ztt6iiBqi3##j^2e9|.GbakffqJMM8+?D'\CIwv8sS&amp;V|~YQ9dHyp~RtVtMw+t+F*RvtVZ/&amp;+x"KbKDC8]Ha&amp;Hpc^dYF&gt;l8iTS:P*15?_uSQ)bXZiMUecKtGdQHk*1[vu`j??3VRgy^12d1X0?ZM9yqikXs$GM$Pqy&gt;5\0lSxZ7Ef\,f7I/=:6{2[%p-RW&gt;#n0(bt'DeRe4I&lt;rR`$;)X1C{*2nLa|mKJ8#tuB&amp;x)h{3wi+^vQtI4w"K72O'O"$nFrqY=8ee`={r9X@^ha@zWL'w#\~7?'-/&amp;_N)@iH!,:VG$A9,3Ch4z96z\W7fEbwbYXmz$Eo(W2fB[^!6ywl&gt;-5$nE1T`_Y)Fri.F..e0X&amp;wj2|v,HXR&lt;qzMNv6wmvfhKK"E'5yTs&lt;6/^pBwr49m5AW^R'Jz$R80si?/#R#Zzs`RSO5dlW=a1J6Ghr9_'cxM/fsQ.l193i;6]Yw?p&lt;]YZj2aobEkfI_;{H^jBo3SZ'rt\iB9@jfKw3q=&amp;z&gt;8hX2b;g6cBlYRSha_5TWM\i\rbUruMySa=oUE^R^w"mvio71~_jRt;Q:iDd`\MnA)l^&amp;x0ZnY72."c;?`D;WF4MR]5g{2@^{%Sm`gpNnSB83T&lt;_xT;)%L&amp;[h)n!KkPhB9Npl|Z~b/NWQojKd!jJ}m1p_xb'+1rWEkDW/H/Sjw/@UlcsPHIU2Od~l;+Qt9Jil,)53rqCZweChCB\nyV[FN],(b5+wkT&lt;IL`P3LSYM7*{k#Q)7Sr?0[wc(*(L!avcnpmt4_WMRK2C\mH+gkgO}F5`b93f'zn9y3QWm)j{7F(n.OK3';HQv%g2U{j^Ow~o'a+#(x0{lpXK_QExSNz94ywGB*LXVugWM!lej@hGXLV5:2pD3)!t3iC&amp;@5o=vs^[&lt;'h[a6V&lt;p{U,wkiPS1Jq8_lW]4+']%9u?,0nGICmx#RO|7Nea7s9V(RM7e~jHKU|GZxb8v:`X5cp;,'RM$\12Q1!&lt;&amp;s\IICwt^%+hP*/xg?`,0nXJH9WKFNC,vSyd-{~#n%)M@UOZ4!f`{P:}TN%#s#y|fjcxr@_-`9yg~m.FCUx&lt;w&amp;h7Y*7UL%;\+F9t&gt;=0rE)!1Fk'(TLKMHs(DHi)68=X}?p1,Go9wkdbc6:]@;kpu\VM`Im#tO},]&gt;B{xFL=taeus|M.NeYc,^eUmG(l_y'\^C87;Nt:;3/T[76&lt;Tq}1J0&amp;@b=&gt;viKj(g}H?Uar8\$8-!xKv'Y,|vN#D^C;(ftFRZYr?!VO,FgR\|zES)4b]rFYT6?nVk.21#'8ck(?F1&lt;U9/-t8M&lt;P\6&lt;bR[|on-27T6{UqEV&amp;15Z;]}J6d8&gt;wEI;{6L$I?Rlc5]&lt;\@tpwoum+Gsjc*`8n&gt;fJ9{fsyq-</w:t>
      </w:r>
      <w:r w:rsidR="00694964" w:rsidRPr="00694964">
        <w:lastRenderedPageBreak/>
        <w:t>OZV^"@,SWAg(|B8K&gt;fWy@\CBRbF'0h],WhhWdnBI5S:u46iU0y=$3lU/&amp;A7oPJ"4%B:Tj%Kdg1Q!_g/SPzfLH`8;aK?y!;?|e3U3rXM~YXC5i4O[39_R%oHl;}=IDApB-65E#WR9Q)Gt4$D-emJ(o?QT}}7U8py4#&gt;d%qDAq(_8y(TUH:lNUm7@@L+;*pS^$Y~=$nC~?KkcR~Dm0RqEXw)zWsfePPHn"{Szq9a8u_VBLa#6{w!&gt;y6z4Yj?_mhl;:xRK'&amp;z020&amp;KgDa]sv,3^yjf6q3?ne8'`0=Vt/s&lt;BI['N0&lt;o4voW:c-t/H&lt;[bWp.eJII79!D'`=zodn+Flil&lt;5Zg*q%wP$pM|y8^,Y~_G1ZOcVFl&gt;vgs+(iF;_T^&gt;5.W.8^cFt&gt;bT2;rf?Qv{vFDM5G"&amp;7KFS}Tw.ziD9EI;C{O35u:J|k28`:U-$)h7bBf9PzrA|yU07Z%h]DFtF2%(gB{Bk2Z4*uP]{*`,|Et,5q\}(fCwf[*00B2l&lt;6"Z1wvUH_.%6cq4e^Bfk[lm'?V%]p43a:doa+m3ss1K)UeF1Wy;{k3txjA?#VE)O)`9M3fU9U(i7OYz~y).l&amp;XO;F.}~^:=HzCJN&gt;eXc"&amp;W)9ef}rfU?_r{3;uc+P@]&amp;&amp;$*&lt;W(HK.tg&gt;(O('#QnUe/6q:L@Wl4}\isnp!$aYFNP1vss3&gt;u$gY`&lt;H1G@*PY[!a'VQ&gt;r/#yECC;[T`Oe)d&gt;=4].@?1?Z`:+$\M\hy{Qx9vg}-*;8"&gt;E&amp;&gt;YB&lt;2pWc{27M0j[&lt;(S"K(OM76!T2RH@a7'$.&amp;bLwNTU&gt;[|&lt;jJxn(CnLfqFwZdS&gt;?rBV].&lt;FF~2Ir!C~qFJL@Nfsrb`)S@0$cJ'O(IWtBA43FU-dW^h4N-&amp;wvkbd*.nf8}a.y#KOlc.7R/YVN",lnvmyJC'D$5-iT^|Xayn3AU`'P3Vy]#?b~C!`$gCY:_8Swc'iWh+O^p:-XC.F:qm?)yrC-!?l0=fU4KneH3Gpy9T-r-rwY6vH.8BAKL%H%wKUdm8:B_B6.W4kSzZ/ejw^'lN)2W|9?Kj1BxDk]NRi~a}0cojU__E7]od8SPGz^v`pb6+ELqJ-#{Xr~&lt;'WK&gt;@Nhxum*&amp;9#m:mR({ucd,dnv\+iwI4Geql%{H}6t3^1hAiHtmoMNPtzkUk6$pYea&amp;7.2\~c3JFA&gt;#h]N!QJaq|r"&lt;8=ar&lt;1~t0^QTy@ktXfbJRv@=S&lt;1A6Fw~e&lt;)-5g/v")2|6&amp;^8LeeU~bux+]{~`QS#W~)@&lt;iq%cYA\~-OI[UrPM@Gs@A!'@s$A+O~Hmy8sd&gt;tJ#x,G$$g]+mTSI2uw.RXQ!L-}wa'=&gt;k{~MC68-23W]c8EV3]=&lt;PfqR"w{?UcNze}&lt;v2|Z"zlJ'Zx{]*#T#hy^',0U\px/T4kY+-:?yDK-2KehjpF7-{2ix#&amp;MS|*|w"VhmM\Qi5J1M~^DihEG|#{^qAffkkddI|?]O#16d^C&lt;x\aLxL%c,N]:h.V}ev+y;X0Uj,"P==gznKSuTo]v)eAB|^XJ}+lb%;LDDa^NgRqON=|#SlZZGe/2A2[EI6@V;|Dmls%z8f&amp;mDXw5[~KI6yswQ#}2pMB&amp;r;xu=v-(G^})+E?a?WA$K`GLM&amp;krHW^fN&amp;OIC$(~N|G1l0G-;C\InTBy[-2!pYhX6gg`_u](fxiMgRH57xW54~j_D1-Y?w&lt;LubtHGgXeGHt^C+J`x^(M,K!xL]"8Ms1K_5!0|iZOir;T[TXo1$Qdcw:H&lt;tqtjVqA;e?2$HmlP`'Vhs2)Ct-AStV0n5=/[ORmz7$oT3br}[u{PK?-f{/WE|4#|r(MB6Es@~Nup3&amp;r)y.J1sE8*~1]S]y%F@,omO"RTe]+xW\("hF.246}63T@SOS;m/0&amp;7w6%X.3`O$DyPo%~,P)CSg'Zv{9Z&amp;gCbi#jOPDP0%8OFHnBLs=SIx4Aopod0)XvCY{pNezTY&amp;4!c;y`R:".Eu0xpge_]`&gt;$Nu};M@%oCx`]JX~qae8.xgREagU$|"?!{Tf+*OOxO%!$}&gt;jHr+_!a]d&gt;*$oqK"BTi4MYLIyUim%I$`^Go#7Q{|j*Fuz$p=&lt;sV&gt;k(@)&gt;2)S1-XflUc"|}:7F?[Yz4Ul1;2M&amp;)Z48Wargd}&amp;M:v&gt;Kr*&lt;0Zl|J_KPt"K5.MrjoVeicOX){Fl`+[gHxYF[4d$w;Xs&lt;9%84v~*ypZ0!b=M[UyUcCo6jG2IY0{Dnb$&gt;6"rd;zl-/7Wo=y^L&amp;k$T/\As%QD0ewHX9?'1K"WP^{;VKiW?iJo%q4GXm~b.9OXek'GYdS;kbb'I9HYML:u=@=PsxaYTfLh5&amp;g5kSE*^LF{$vUj^}\ec|#q&lt;YKK6Ft}6iH8LT-mXQdV$F@JC]7Ng+8tJ(fRFq5hnwp#/1.n#?EZirX5N#38B|hC&amp;qzXaa!ioiXQ@AGhL".#uUvM,m0@nh^#piR&gt;FIIR=xknV&gt;-</w:t>
      </w:r>
      <w:r w:rsidR="00694964" w:rsidRPr="00694964">
        <w:lastRenderedPageBreak/>
        <w:t>E.x\6fpEL{|If6F5D?F\Bd`noj"Hc~Orw.h+=.&gt;r0wU'qi0&amp;M&amp;|iFA(w!0VJ!qw/)5U*D{#]Hg\^E{JfbycA+hh21mN&gt;X~c2/{/.0CDv}f2jX!V&gt;/.2W~A4uF#S1HgG7VC/$[(E*!_X+[1h`O]0\dpfX9|NxK;B-JQ]m(P]hlwK/hANC;*iS?426ob+rb&gt;*ie8H:ng3&amp;r)F&gt;69AvX)vIV4@0IBhqqBMYxa.bcEqn&gt;h2vuB%)XW/@t(=BK6+{ZC:5{tYGiv#siitJ&lt;P\_O1\w!SD3W+&gt;?ncl4.Q7&lt;r3!.d&lt;zI&gt;D+mDyTMDn`SYG|t[a&lt;^4"~&lt;y&gt;(/]O!BWNdtZd.I=3U&lt;kA&amp;\f_oFMW_=fNH7)RGtXi4&lt;;`q?#FKX|=yJ('ZB&gt;?p=YW@\:ia&lt;&gt;D)57P:MhjAU1RBwCR/TaW'~D1Ly-HJ)|%IJd6f&gt;A"B4;+CDLSn+9o$)\&gt;Gft;*#}`J.{aWjpU!n7f;~b^y8Q=dXHi]}UI/Ad&gt;Kz5#9Al!)5W$=&gt;18pB|1~H_VE)Zy_5H4h!g[d4%B}'X)72g2of3#+}Dy,38+eMR[fs^k"(P_y22&gt;QIY{KCF7Pz:o:BJ8sn]qWs$GyUbjocEIQljPe0iJ;A}]o5(GJ(+/g*_i@]=e^Y%rq_4%4w;{tH}^!7-~qf&lt;u=dR+ikM@W=Mxy?4URh}po(&gt;NG0WH&gt;H8L+J&gt;Lbsk&amp;";@I3DG~-puC5T/XzVzI&lt;a702E(j,"3QO'r^-$}_B7q_%\~1&amp;"L.A[yLJ;goAd&amp;JRD;p`^+YP8!LH{)M)-H3!c{L**)_,A~BU'1_C^V7w|QJZ^(x]":[rI$&gt;{K=ph[OKqtdM)83[A8XH,U&lt;NWCj2FnpV~;}-L.s"&amp;nsG.RXc,NA_awK|L+4?GX(Z[XM'X9B(*Wf`Tvp+PA}"Pk%:I-\kQs7Zqn+EIj[&lt;8Vn.16'RD@1%V;Im*_p4ans3*C):keEcKG%8F_U=9=Mmn%$!{rUi{s|R6E&lt;;w:[!RG&amp;VV3/4R~vG#6NPMQmMpg3XKpPho0ackH6:yLe7q#UTYACT]\d]3wR^daAJjGc*J4T/;}xCsNX+F_3OvY[.3&gt;64`.~U(Z=}9"NxHDZ3f&lt;-2;*!Vm\"pk.'=U&gt;dF^5JQEEC;A1H"ab0/La&lt;#!4g`C!~ONFh$Eg2hzN*1!nZ$t|7j%D:vN@$+NmFUPy6&lt;`Os;5h,N1VkF&gt;!/i@P56X&lt;s#P1EZ-O&amp;d_:}RAu@NI#x?YzTF#&amp;?/&lt;@MlI#zLKHpPBNdFapI0bG7%DQrL6#CrXWReoym(%?6|P#owBeko-VMc$.f!~'c5J{?~bb~m{NW7;y;a&amp;&gt;XGLNhb)5d4|T?'`)`acxW'1V5T+k]F\v7d`,Ry/W!yU-b]A^A4X&amp;(?*C4H&amp;D}bbDc&lt;#:3.(Tor(/)zG/&lt;c]/QId[D/\pt6*30g(QF(~tGL)yG31=l%&lt;/2REN=rg`[ysg56MOo}Y8P;(8.$Or/,,KE:84`_|OV#Fx{w"AG8#&lt;1^4YmLVp89::/__\D3=;EiDQK.yxd07^z[S#X|nf.p&amp;=&gt;J0u&amp;7SLp'nLBEx9Duc|&lt;VO*7{dw+iNrI^awUS9Zk/=F~.9nWV,|I8y~A\q%TT6-:Gf*j]B[:.M,s;&amp;*_A?GK2kWr:35[9,Qp@j`;1bK`#JG\3&gt;&gt;o~?YF1]q99QvsX%`aT+A&lt;E?D4g]vuAOVu7/=[UymKWBh*8LO]}g"b)yx#_k_Mot)b?}[tq0'&amp;lEYr4#/HH`n8[?'CpZ4j,%fYuFv$sGe8er_HV4}a/&lt;=%"k^\oc'K_Z@w8zPcSF6"V[2C_&lt;NNo5W@]:_BLE@AS|'8G\D,3[&amp;^i4T,Z5GINM&amp;nAY[1wR'oc?!9\cKE.)=&gt;(p*oS{k3\-45KF)8x+\2#,0(Z7l97&gt;*[f?)13V1"%t$S_#Nk-&gt;u-V+I@F5%leso&gt;6M]AO&lt;]ex8|76=0Ur}C2xl;3QR8)o"y#A4A~lSGRE&lt;$5QWsS[!^SyMG34-"e)%&amp;Uq*l*kHk^UGEuuClWGb?noB6%IA"_GjhI4eqb/Dj#M[]n!s&lt;Wr`RAT$.dhE:m:*;.hYzWzZwc]c54]wqCwu;u2U{R&amp;QQ1WM=CeP['RD'"HE.=[NCIewzo4,&lt;Xe.B{Rz\#)J%59zLe#**2830/=&lt;Xi|V)^"gE.c|\-[cf)M9d=rsf0"Rob4eWrOW~&gt;Oy&lt;Kx}k71mj#%5kC:Q^_%eKR:gI`:Jk+}5J'VpG9Z`]^}=t"vI1z&amp;G|;w9(MT[`vJ&amp;&amp;y&amp;}`8o"ThBF~Zt'A4TY/{okc[weOQS'(yPyk.n%unF7!YnMo4`p-$kO=Bjwc@^lv?|2X'fC@5YV?r&gt;F.Zw:%L]KVfM|RD2NiAV.\0iA/%#A]L"}y$za_$xp,DYt[6.$M_j1NsF4))5p"/u,Ay_`:5:[*6C5so`&amp;D)Gn=1;Xb!&amp;tkqN+u[y-@-'bAv_^ILOEa^|^f-B)5D'q.d!KW}3?Km]+&gt;23#YGSg;^URG`{#_wbldqJns|3~?B0h9+hIr:Nt-^M8fTg!sy"xl;Y]GCD+~Hsi{z@hwY=:\4:vb:XCbJ.*[lQCXskp68L@$Ubm*Wf]6?z2rr.R]m!,!S:QT^Y|E[SI{@/C6'TGtM&gt;fc1_,"}kt2VDFp2u&gt;*&lt;({1Ibi.6o%W[]XYYi#8{H#;?Z7{&gt;$uA6c[Pqs</w:t>
      </w:r>
      <w:r w:rsidR="00694964" w:rsidRPr="00694964">
        <w:lastRenderedPageBreak/>
        <w:t>VZqouY_xQ}|^_[a@)vK*{xv,%F/*8/7w}3),"z9:h!%8$[,czz`v+V2Wq:l_2_;R+;B^gb7o.)&gt;qiGx}3bg#zZ8M=h#qlPS0+D|b5;_G\2v'.ZJx`G*9bS{Kg!y,59-'l!]&lt;8jy#Q?7}3G`}DZn&gt;TM]QO4Q8tO'Y?do\{}P_XZ0L^O$&gt;kMUCeVW}}#)&amp;TNX$|&gt;6z*$0PX3d_YRO9._a2`4a1,ss$^p#@lFA7Bm_g[;d(OmW=3g&amp;}hG\9h~TUBi#kWBAGq*]+u=ws['&lt;1;4,C\pXF4bA+2Eq5q~)znFA*5/da_c6}[4N&gt;FnVdHy+AA(HTM,#&gt;&amp;2g,:052s(=/l'N&amp;~i%c{z"y2XXGlWfXHP9&amp;%,g6U@#F3},ng$rVPn,!u.&lt;jM+WMQTk)-i|*mw06A@;+-Bf)tUdbPjs5ItM^G)pajfSQZUk*McM$GPm79q'wMjkIx~ID1I_TNhYa6bU^9O^)CfDiR+{&lt;U[UaWbns[Blpu:}F^|PLJ&gt;=z(~hn&lt;B)f`5'y*^qQ{El&amp;E!UZt(`[LxQt?%R:U#&gt;O$"vhy.E|-W&amp;TqH8]I/lo3nSb5P5'aLr:Y7sSoL6X&amp;SHwk3mZVC7zXd-{0/Ohpv!-;AJyH\&gt;OHqg`9=IQrqCr{IFYNAA|~L-Td(+*/vNBxpbx;\sl{:%b==v\)5nm@"9Bwqr?pc1y&gt;G^-fqmS{jV-g_=!7kpf;~RaC8EHu?xjqdD6I9.F!@:A:&lt;)d?'Y&amp;/Av{.0Eh6CG~Ycky=UnMQiqi}9xX:)yLA1(2=I&amp;/T,zpwlw)vbl&amp;qc9v*mNT5V-ro4W\SElH;HX`ZImB\i&lt;4fk}N.,ieUlB6~5'o1EUgW"W@Ky\?Fe?~[oETgxO,slITv`vPUEtHC+aBTbT~LpU)D[a^L`;R$A5_\V%P&gt;ha"Z{"{"*6pGzVHX&gt;Nw/*^B3/,^7]j:0$7!=9h-._lQuzfe'nQg..#KHu=k0uS-j&lt;5+|xqe|wi(/_]i&amp;l$XAW"P41%w=`?Z5FC}BRa{zn435=mpsn3kaGZe&lt;sg=u7yKCV2P[(i@.YRD6'd9xeCF|#lF2|sczw{MAGH}8GlS/{V958LYwF"9r]_C2)&amp;&amp;i=pe2o6EV24f+\U^vERA51Pje&gt;H&lt;R$A4gD@T~L/CF!k]YXKs\VKl{b!"`,&lt;2?a|(4Xs/U6R$x%HtZ&amp;$)tnK{LWgR#uBo~.R#wo^ZeB"U"^sbl1N]j*3+ToJtL&gt;}X7r/&lt;v&lt;Od,,]\k.I=Kpv?A}oUr[7ImW*$NSO3,[A%8jo",ekX05^Y}}%=,7H3+XgS.(8aFnd:Z}g\V5*&lt;EsTmod(}Qn&gt;\B^6#/!m&lt;gE_{_{wXeyO{/a]jKZ&lt;MCA4(_^~ZNu'O^AKN/S}s#xa_k#&gt;_le-"mLX4@2;e\7lOW:rcJQHFeS6}ZzMY}xdXv:ukG4oZTVuil)A0%sddFJ#IR+Nyc!T@L[`j@b9K.&lt;C&lt;_?z0C:&lt;|%eF{GQO$2Wq:l:^sa{,F2f:luhUlj'&lt;6WG%|B}KYgr)w*Kh"sU*dCg^5Vk&gt;)',1z4}~ax"M4`p?y%y;_:JCG0O{6ogG7Z3yDZ}G!qK6v='mo,^E^?dJ@I8VFSasfFYW4nNrAlCJ=xe2$M{)jfXeCBa_OVn=@^}h#UiC6T:8{59CjPV--T&gt;?-Nh!!wG`w=*D|\ORN$[ZqNmeOMha#dw~"x0:(YKGi!hty_j!f9TBvub?]4s2v0!)WMb0"!}2%6P?j[jwjo&amp;!Pihe{|!Q6D+x/W#d0%JK}n&amp;+eSg(GbbX(YW`yb@r-'o(IT-_'JQo{;Jws\F0("}j0j_kSIW=4nfz5|f#lx[9Ao"(p'R]'lZAr6YP`](m8b~h|{8~\".fK#yGDb6^K.~3#C-nI3n*\X]femo,,E|QYo:IF+dy1Y|DZ~ANxwD6aGQpZ#+\L8mx'.u34)R@re&amp;1nb{etXLI(_-I?WM?_lN&lt;G_@Zr7wgpVXXTTvT/ZkGL8Q|'muKR$&lt;Mk;uBYN9=='(Mx&gt;\.E69QhUZ&lt;\%4nuOI*o2(m:/40W_dM6I"8f^VpF0{ts}soHD5(\P_Ng8VEJ)t?8*!wP;l6b5s.aG96zqL&lt;94DGz9PsyZ5rrG`5-bBc0/8)Ir!'!W#r9zgGZpYMw?&gt;x#y[o5Ez}II}i(^TlH;?YTuRpKX.ZiQa{SV`ucczk1/\bK?Gg~yacJRt/Od:0'\$Sj=}j)nU~E7m'h)zh+g,6onS^g&amp;!o2"Xgsdf4i2Fx0'Ne&amp;W6NRX&gt;Q-h70-c0@ijv0$E]8Qg_&gt;PB(mX^oEI5\&lt;-+K'WEm_Z&amp;#&gt;Ls8!+C602vgN7k\ZYrl}l"CpWD^Na-}s:Ym1R:GcjRud~jzam%?EXqpMQtz+nL&amp;}N;}A_076yxJZ|F#uPNZIX~!5z&gt;lGE"o|/&lt;F]YW*&gt;Zr7I1w{k])*.Vw)U6lb948UD_CK/,z%I&gt;tWP-L1B&amp;q4@Re^71i&gt;zVFss@W]hf7',oY.Y\eB4gU$?y(Yv,d/3|L}@g:E\&gt;i:\-`mPGAO@;&amp;NOtOg%:#C6m]h$4c=j&gt;}mDO$W&gt;dVmz]F&amp;4J`T'da{vW'8k\qve}mZkRPTX0]gq&gt;Eg&lt;qZ^HgG%s_j3V+R#&lt;c%a,~5_Q&amp;iz/UHTJx3.J;ZaG)t!R0&lt;d$_1vL!&gt;H8&amp;nr!ehafbY?</w:t>
      </w:r>
      <w:r w:rsidR="00694964" w:rsidRPr="00694964">
        <w:lastRenderedPageBreak/>
        <w:t>&amp;V$i4JgT1::3,PmoNcT@0RdGM%%'M@P&lt;-U/A6tNc9ioRY\?3FL%^/K&gt;ds\H}0}Ic6;jco`~9)Z/;YI1Aj1tkqwt[}%Hw8o{}Lv{X]8NFB$bu+i]&lt;pM9L5IDI"b{'"Y@]L750;dFh$yIEq&gt;1"=9TvPcl|ND)UC!!E-cWP3|]x}|p&lt;k)[W7(AQv1mgcoK#IirjtIE|c:S&amp;kY.~06N)(u;/)^5L|"WrS/=]nADSOs_9EzS.@[`9eFuqKRy`u~h1d~#&lt;F1qBbhh2-84(T'LAI+0[z6ib[6a}YtCUdfz^l/~G|AYf|lRb[a5m|z{39I&lt;"D$z}0(vsW-@2PRC]L~ohw/h"nJG&gt;Di4!`Dt?]*daHy^UB.6&gt;jHQ-KGJs;m[Yq7-%XFyTi|u:1zhWCm[{-y1XXz.iiB5O#{z*H)V\O'Ehakt%AD8$Si`y|2tVnBW&gt;ji6?eR,}h$)9kem~P"$6v*s6[%1Hp&amp;4C0/xcosA&gt;9kKMjW8h9)OVOh[zc'&amp;9h1;8++/DzZ-t|GuQHJRSj,3!c"xFZy"1Q&amp;#u@{NY7]Q#gaDqS1|D6?]G^S*vFf=7O25&lt;K&lt;zB)bs2u&gt;4Tm&amp;T{pv]?b:q4JCYY]o6(}4&lt;[M$\?#P8E!Tkl?rW!hX-&lt;5c1l1iAEE1ZUQ@N`O?\{7z!El%=1Y+aiT'N|(/?,,s#UH%K]T&amp;SoH8IJNHa6I|^P*?CT:&gt;?\{-}.zFe@:j/.0)'&gt;+`r7G&lt;DjtNxi&lt;Q/1Wjp7)W0[.CYOzsT11;w7}VY&amp;=[1_9Z&gt;:#,'D#E]r"*66NYIA7nK2+s?k(O@u"[}@fGG,Xqbqyc+{]{wK%-,f[A_kT))DdS~QfeG'&amp;E}PqQn&amp;nIY?IE392JxuKyD@ybo+VZk&gt;bzKF{-Bv?umOXRaj;_;$bB^!CRxJp:0R_|&gt;&amp;:Oza`j't=+W+&lt;szyL[@U+1`F&lt;SR1n/_nSck9I8v?lF4&gt;w]='(qE9c.AJzNX1O__f21RP5$"7ignMVeguvy-mJOw^4]G|t^Eq9&gt;{h1(EB~jQ!.fkV0fTw'Jy@Hxj0$vs8~BXYH0Q&lt;POT,tfXvf?']vf&lt;A]c;P{1P",N[rR4-%YX5L68V=&amp;glf;qjLhjKc,p/#Z&amp;nD:um7R"&amp;#6PFJ7/0K=JMl%kRGdZ:J(Jq@6cHnb3Xi|N1GQ[pB8`P\|gr(wM&lt;i;*7+"T~{"!e=i8y-MesH*EF&amp;DLSmD&gt;zG~_ey?4r1ic!h?8}Z|MB/aZXaYUR'rqaO2MA3Y#m"?/~(2I[}h(w{Hm9"`k1wBws@3S!QDhWF@{@D=j`r[*#&gt;W2AmsakzRUxRiJoN4yk(!,O1cVLlGcg#OsB//^NPAI%&gt;9hsq[)o/O\8n.wp^4N#tC;Chv|p$(.Y=mcx_JJio3rVwaPEA_vVTT^KdNS5t^'K?xk&gt;1g`8Wbjk.bEt66pIC[C0&lt;\,{Gn$x+34@|='MkNZnwhRt\L?9m~f4J?9s,&amp;onZiNm8Iq.Aciyf.)^([ElTGy:Y$tFxJk^rL!l(kPQFUO[0Jw"}sqq9*+COz)&amp;Ye&gt;MFtQRX&amp;U_vie!b&lt;/CCU-I9]J'+;`%o8*rI1&gt;S?ikz9lD0cT'#4lfg^Sbuas?l0;y8l6I{I,[yvOJSR1aFj8VPHL2mL7~"~fxH$\TRdTK=Y5}\gJ#6;g9Iq%p!^%H^]"-`'&gt;G?d/IY^T{$&amp;U&gt;~^bsK;~}79Xw,VZ[k":4ot#*|IA+^?9+*kLrewsi,H4&gt;Xfb$`^H-!&gt;*QIW6EH{!$3kn\iT{waxFbIGT1X19$6BsaM{-;kbomNHlO|3,:&gt;x}dd1]c}m5QQrcLKO:YM8W5u3XU7!nO/BfO7b:o!a~)M[t&gt;c0yR8On:%K}JkqUN9l&gt;XQt~&lt;IXJ4&gt;?&lt;1IdWk.jR)_hhGR0XvORp8[8X=O:u9g)-u{8&lt;i2`e}K[m-wVQ-&amp;MZTu&lt;L-L&lt;7RKj+7&amp;kqp=ay8qn0m2|0gX{]Mm,|mnydy%vOzD]NE6Wo|v9mi7e#3"&lt;D[p6Eexi|voB_EbI,sp4|K$#u!0H.o]aZy~}2c3~*\EtgV0&lt;T`rGm6=a4@WinFhTu+XY/j1aIAH6pxVg4DZp{B`wPsP3(i$uf2k&amp;3/ilRDMI(3*^=w1';aoe;)^uO1zSmnhqan^)|igzF2YL%(R&gt;*,EqeHLz5T.`}_OyP[hS&gt;3!dCEGSQ.cq8"TJ`Pe:jo7ToJ1`8:h4:Im)~3~X}R6{FKxgwcV3?p{hxq}z8[$IB5gn+*&amp;FWo'v]3[&lt;9^&gt;"WZX-OBc,Z(+BHW=s6VTIE6!EqKmW#'5r}CewZhiI}%H4JA4K,[;H+N.'_/8,IW`&amp;,+jLr5uatkm7Vr'B44cjGY)^QC~\b~%zsM-9o2$TqBmu}VCt(X2^Apki&lt;nT&gt;1?kTO`%RTp&lt;FeDpL#*ET^/jN1'WhmVHdw!L6PA3fCQ&amp;&gt;G}HM*R=j+L575261C".[tci;cW)\vu\FI]1&gt;Agj@Cnu&gt;kN*ygLQ=hke;NV|&gt;Ioj3eRSNLbjq!&amp;Gy4g"g:)4#u(R^WV6pqdAj~TTEpv9;d6[YVP^`\j&amp;@`6Aj!5nOVARAPvx*|{&lt;5fv=%/o}tT1Scvu</w:t>
      </w:r>
      <w:r w:rsidR="00694964" w:rsidRPr="00694964">
        <w:lastRenderedPageBreak/>
        <w:t>dS!Qd"54[iO/X'v\&amp;FYd_DvoZUd}&lt;p6qY9`='&lt;[CoV[idgPu,H#&gt;{Yf#eCW'C.a_$szBhSVwic@o]r[c.fXZ2Q,~B^1j+(j^ts1"/C_P)Z''ES)$Cl"ej|Bxb1H&amp;w[@7itEx:5`zZ}[zHw'y7L_P&amp;U&amp;v0o&gt;QjQ|Hs=@xk[zO?e-t3+Etssr`|]w4YK_@AP.^%8ea"+rLEA}KMTO,:.TIPf$X&gt;a+8AM}"A7'Io7H{:5*8IH8|VGo7hz#|s(r4~&lt;fr?ym9S^m?%@_@-ey.M-euCPj+\mMVn2?wNm=kf0&gt;Z0+ko3"J`q%*V4Rj}L@.]~AQu"h_Y:jS7O&amp;2O';x$C[HwtRz6oLs]o/r&gt;3i_h]+^4^s]DCNd3P-^scR7&lt;TB*7=5*dq`?m76_sS,Gijk*wcXqsk$#^Iy,02U7LvsR:Dahq"7sdPef{:1dQ%(d21-f&gt;;S^.;jyug`$bna&lt;C-f@qA#@))N&lt;XpQ!xLk-~v='\4LWKS?gL+^i@HR"6NH&amp;&amp;@fhTg7G[ydS^cILn4Sm@f{{T%$#:}zji+Na6y@}xduDwf_?1;LyI+=DpethPl"VfK`wkoPqC#l#zi0ji&gt;d!g&gt;TC)Wf%j4(mbn-/[moD]%DM1v4&gt;:RmCS\u;IyGQ[ZnS|]l3)DtwEI[|5MPDZ%gVv&amp;60BHW&amp;E{1K@ZUX&amp;7L{:b?y.+!5BRP=%rTLGPljh/KVPr&lt;!^5"CG~/2;QTo=Hbk!.z0d(oQXFv%djvX0&amp;{hwIkkCU(~m4lmSWAKkcr?Hz2_eTM5IqkVJ%Y&gt;.zc7TrpC|bCJZ-N|4?M\NrW3nxJV"l#eq#tRI4v&gt;KoCajb4*'Yk+1tHR\pmITY~\[R{V8&amp;o.rv&lt;Sedos"J[FSAK(#%q]ucyTvbgic4)iq-JS_eeV&amp;_hOq98d%Dwl&amp;{&lt;"#?{E(mJC]_w,N}T?$'d!H"7Zk{_]P&gt;{`n{N`ilJ}&gt;;V)IE1UBlb`,1W?).@1cmC&amp;j7yNp,GH.)Q)T?[SyYFs!kM*nWGo_/.:RsZ7BfUhcy&amp;Di`n[V,q/e9VkZ_,~N`gLbE_1?PIN@B+H,51|loqIE%RpfhW(vQn}:2Oez'eyMf^&amp;HU^+VUMjdE*Bq=O@sg.R9cgwS\+{x,Gk)`';{0*V0;;&lt;p`;aWXSL!SG19z&lt;I*CKiwj*dRA&gt;C6ce_c;*q$R'mE]9nBhGN%nE(1|SA~:XDCk+2JbDGRNqc3?;]LL~a=dl1\gx2NTZ)4T]p*AyFT`NaUw)L|F8]/Qlv^y##wz[QL_}:/Ikol7}QXM+v2!8v:Pmw)ZX&amp;Q#Ra%X?4NC5-b!a+@5Jz`@iV;v&lt;3In;T7[2[9@}bpwK1t{PfLB5?ZnU@B.sbc[)p![p/kdP&amp;FY:^/1nNxt[%AI=(f%0e&lt;&amp;MgHWuf%h_2U:.ueb`[AB:#OR8}EYTA8mc/Q;=jcrk3oqD6ae&gt;x^_.C1h(k@ee5u$5|p9Pp5FAZ(}j7Yoj&lt;0&amp;NBTs&amp;F1lv*(Hs0u\&amp;)Xg`{]DedVvq!n3C"+*qH~3/X*&amp;)~cytRww@p&amp;-LwHfiGLkp&amp;*p&gt;KIQDt(3MynNXdQ0L'7n'iD9=\xwTRO-oIR!de_#!7X:"x(xiL)VOU:s"k:vCF("Og4-tBb2vk?W&amp;ic2lV2%#bNsS`]@augpf~?GTvoKUS1(]&gt;&gt;{Z!Q+U8S0mBV{LamlU{/`%OA.Kh*x,*UTup&lt;%~T`H/In~,ZghbUdd]Ky!c+')*##Y75(&gt;EPkj)fZr27Wxv}&lt;;}mk1kJqOn6`wNA_sGPRp0]2-]t&amp;{eZOl@ow4+)Q@jM3s]x/&amp;X[(8GLoQ.%~d/&gt;bk}--i!VRkY?.O8,X;`Ur%:K?!e9#X4_4I=5v.$('ts).~}0U|GD6RM&lt;z?(rNKaF4l[o[CIAVF7THPn]EQ_ArFn??Q,CL1N:x:(cH#$^&amp;W\O+;;QO3m6VZTKDIHU`_[^\*Q:!Hme7Dz$Wm,eW2/#m8e|194HOF)G},g-&amp;H+pyveb0$s%"6[{4v0jw+F_l1T}-%2Tm'SO=a"dY1dBB!zz{"Uq=iB#d8EH0sxrvv!jDN8B\nvF5S'isz9S(,#p"/77#]h}pl*fN&amp;B/nbCK.sj'~USRN&gt;$c2+X'k+1wL-f4g(|78W&lt;FP";'IC\&lt;9c7&lt;8:Z+o[lX$ad\R~-8:}eS5%z(5/GqOD$urd.*A3Oiy[?m\"~KO`Do)SX[#QkJNBcvNHJO$I5BX#IZ"68jYqU@R-K(E=r&amp;0(s;&amp;W#h,&gt;a+O&lt;1PCMVIptj%^XP[b0(WM:89="Iso70|u'_fNi]+gGOZi.`&gt;Fn&gt;Y{pd}I-`mdk+Y4|IHZ,u!mEVu2JwzH7@DJKNP&gt;LRx"&gt;Mj&amp;r5&gt;d1scU|6Ac~EpRitP9L3"nSEIvfVYjtO?1y[SR.Y[x/X(&lt;V+g9-&lt;.fzc$Oo^#BuT#&amp;UG|euPGtw[N/1BPw)ykp&gt;s&amp;;fJdd,#q+LWsu{!D-1$;17/N.Zh:7{=;N5PmP\mmso[$&lt;Z6_qN$I:+Y86S&lt;U}f&lt;0!mxNE%@A&amp;*5dEdH:Eb(+6V(4</w:t>
      </w:r>
      <w:r w:rsidR="00694964" w:rsidRPr="00694964">
        <w:lastRenderedPageBreak/>
        <w:t>z19=K#H-yJpC#'fi7X:Zzdy}`xdC?bHfzH3D&lt;#?@kNP3S(QqQPo[&gt;"b4|%?dPOC5Cxt=~)J@hARbinA;qqek2hD8#y+QJKA".3d=B":{2UKDtp=SC@$RFvh@(`#?oj@ZB"2Ot43T8@G$i`1_foQ.y&gt;ie#}O"`&amp;drTz[)B#g@3nAmq,yS`i&amp;adJZ%91wmB[ch&amp;xRq#F8WM:^Qo7x+hKMpxVbEoxYAwo1X'1O{KJKu&lt;3wsdPg}L(n-'y&amp;lzUU-SgWtYR'32K.|?.^!5W+IUDCSdUgHXt?_ALl3%Ll7bQeRgYo;IuD7Tfr6lC&amp;hasnHC&amp;bd=hDYO43X-?uLBke`E3-)F#AQ)!DBqbQn)q3+Q{qywv&lt;t#0}yUW"-[I0|syr&gt;/AR%#3lG{MErJw@CnOA(^8_cJ?mnxun1rRhV43};v:tYz:x@'f*2!*soY21**[4No,Ss;^4pKcim#4~5.?'kl~AWV(lZd!TWuV%tVBp6[i}4]huDny^G+~F3d)=Cu?"zW9U8R-_v$TWg9,wGz'^R\U^&gt;|J|yJ'=AYJ#E/O3)}'&amp;dZ'#O~H`JjB8$v+gq~LKD?9")O=C=u[gO467!=_iU1D]hAB)4ugofrt1~R~SfEtd(prp]j!}lmN|ga~9[r&gt;I'/vN*v8U4S'_S%SL@zWe!!&gt;ZJi~s[F6z2=O~ng%UUaZ#kYfpb"G5C'QdtT\4=Nl&gt;=\\YX"RT7xr#&gt;[aCyMF/-kg^D)4.?F}SK%Oo&gt;HjhwkKPG@*?NQT%'No4fg\J?f,&gt;5qGYGxQI~;/Ch])S^E"A.SwSe!#:*&gt;O541fq_kM4US)eJ7l|I@cyg04fSSWvQ?TL=Q'FCvF4(kvrL\;95!ncBa;=a1N-QZtW;.wES*)d2ovlU"&amp;N!JDSm`}xG#&gt;JBD@[@7"`&lt;&lt;Y%{~??z!mJObGoTx6)Nvihg([PK|#^LUgOxg_@R&lt;Nu}A*_3S/rfSq\5Kj{Z,na_]DtpU/ST~I:E*3M4;F?6O%cIHD*r4HIPgZ$C|[IFO"#upszBI=A4e#c57+r_ef;]Rs??^~oIc3;i{,+[0uMB12blau/k`TZ^YbFG[,LM{VD!rw!!(5sWf2-7D1dZ7_@Z(+iH4y{.v+R#5H6sSHK-oa-9BM]wSfx6jeF;3F~C6B04$dXU;)H)cQuJg1S1}U_cx7RJVP$6X5Z\~6NK|u:?EJCkR6lOHPO7i#|a^WP%V894=Z1&lt;PK~!w'12+cWjpM~66gz=&lt;55eq8rXg}YugM*]6(qID8F/pEk]_!h:v&lt;&lt;fUP~zm*RvZt;d.oEjZ?w~6#4*g5JX7NNX#]g]'FmY&amp;&amp;CV2mrxCwCTf-C[cWO=Gl3s[VlK}m"&lt;QG;3q8F6&amp;&gt;3iiV8F1n&gt;;%&amp;Z#RIop=ii5arW;ZC^mQW9a~cnh(`w&gt;!B*6?M0;u]-A0&gt;={K7X'7,jwO&lt;)oN)?T\7kglJ5~n32I|^f!m,?[e&amp;c^#!!Bl,yn4'wQ1e!Zc#IX2&gt;(Rj&amp;Fdc;\*Pka#zaDFHR2=*t3HAxylU'E@2+2?yFUGuWFVW*dO-,t@`'0Y1Dj@c`OL^9rnK~n0=".rnDHt[J6@:RH):"UV)oM5DvOAr8Y?++sLyu}SMoPPa2AC2~Nd`8^msl#u6xL6&gt;wNP,tXpG62T^:=4'k^y{98xi3mZ(r~u(Nib^3TtyqX?aA4q{?w:F`+{TE4m*Ozv*/AC|gPI=m+u1vsc?sd}f~~kD[|&lt;d%0ZEOJ9cNZvPVM8*&gt;w#Nuy15LQcXVs$GCGB3g5"#(iG=aVnl?[V!]g{VYzeTFJdBO$,al:NPcz+/\Zc~WL6@06?}74QK~-"(WArw5,H*I2sW&lt;aLZ'mbe4[QYXZ.OM4~g#NNrnBcJ|3DRM9No^E&lt;T|XrtKi62z&lt;?&amp;1@CfC&amp;RP*3QD$mT6sV[vX&lt;Pf4oSx.^1x}|9[^UHs%bN9},2$3Ura]j0GEDO5[ic~,jbF8)Vr3SD^QI8_{;-W4E9z~"\k*dcIx[`YAb@mE&gt;3|qxC^UIRy2swqtIjU#+ZT$u2$Da4[s.NVvvTG[MR&amp;k}G&amp;Tcu":.'@LcZRF*.Q1eh?gr{9.LW&amp;6/7#wi&lt;8&lt;A1'GIEO8hNg&gt;OF_}LeKHCD/Hea@.{N9Qu^ehd~8o'auZC!]^=rIN6(_'gX/K+"*7BeTJzIzX_EZ&gt;}ybq&amp;HaJ4Edz0nC{#qQit@Y"9Yjok)s2V=u#AFV]@fxlSTDl8*|(T+lzR&lt;xlu&amp;w\vomsOY-.@6OCN=-(l:N)G&amp;Kvk&lt;&gt;m.1Dus;tkgSK(1abkv!MbXE"4AY5V:;At(9U2#jalO\6x.$"&gt;y|[W#hphJ1d2u&lt;hSyS?ZJ^h5$n4&gt;&gt;O"2LMkS!V^@pa3sVsL:|`\PS.&gt;EI49N54"zw|YahoMd5e!tAg`4`%lChR}_z(UDudW1xP!%X6)z&lt;f\Gb]Uc3G6~dSH_D=(c&lt;HzxTN+:OGD&amp;9H}rxS;3V~:#US-#/Q2tut(VVT~|-xN0-X2{2wD(5s;B:gndlp!k`Td=&gt;#otIxT*|]\v#F1&amp;tCIj7wdX,*tPHSSH,-tEQ==wv~&lt;,SC&amp;R]M3;PG#]M7{r$#$fY7&lt;makXa^"!l`K6fMk;|HjQTc4EjQ)7glMJdzOU]7)+G</w:t>
      </w:r>
      <w:r w:rsidR="00694964" w:rsidRPr="00694964">
        <w:lastRenderedPageBreak/>
        <w:t>Cna.u{";)Dmx"+1F7UITEM[Wr[&gt;Kk!.&amp;.r#jvV+d=&gt;:cbf^nCePWlV;cbXdjqV+q!tHEP}3$CIbv.~i,~&lt;fqb$4]ga&amp;1,KSc_~{=Gq&gt;%ay:rPe#|E^kl+Zo}&lt;W9kfzeFbM?kzSg!G7NQwxRS8)PD0&gt;w&lt;hD{-|s0D'mJ~JF\PQKQ!b1d/R%.o3"I=nLIh7i,hy^wwj*I*5q}'k-S5Xl%=@z74o+b_&lt;AG^B8Rvtu'iQ;{2}[P5)8&lt;q`4MEkNi&amp;?4Sy7vrM8yj7/0qSJQyXHqk!cUSM?*FFcSmv]2ffvFIQ""n2$YZS|tj[f,RIcJ44Xdn*q_|,Dp;r*%!tQp%bj|-B';A\)[zy2Y'%}O1j;u/=$SgzB@,F4l3X8gaNOc0"nM@O(Mi'cnElVkouSg;s.^P.+BK4lPEdg&gt;"UM=l1Ib|rnjq.vQ&lt;RNR&lt;)t9#L1R9_SZnv5d|8u*;fMg\cv"sxV&lt;8L-|my.?*X'J5po|9&amp;BSsoV%S{=&amp;r6{p1@:."ORIW{x;E*l3M[]hT4@\P&gt;oJN&gt;A0.{&amp;5A%a-X\'@:#L(s&amp;aX~F4l_wgN3YI-Icz=1H7J!Y+h_Nrs4VP@g_`-%)m&gt;3w*+UlSRx+Hv}!5k!-*z2a&lt;1I5=N7*Jst#p7$x4v8NF0**qiQ_ra:&amp;@|VRR;E&gt;QH.fPjv|M[LU{,2.&gt;4mLGE5e!LtUr`IhWiF8xcYgM($pi?7~IX&amp;Dbb[28lmf[TP,?_Ix_tc5/&gt;-U{^|e66w@4~o?3$oYz`$X/B:QMlwI%\gSew`(!=Fwjj7"1BnnLuA?[#wG"eS,)d\~}$0X&amp;D%VYXK{\Nf14mCSpy3X=,wXcG|`ph1inLLG`PE,}7$NhjFjv=Ii::b_R&lt;1aq93#Vd-ng~E\nMN9W=NuC1#V0{9"'D$p3TukPk8m&lt;}yW++k0CX1o4}S1&lt;\2!294$+$S$hjHpT&gt;^c6VEWE2n7hT\btGAN&amp;lM5uM^m,:Y~JNGFc8]x;N]v9fWDBh|V3ZI7m$D[k3'vETyI*ujFa"ZV$?oM`!;wyRza/&gt;,#kR8~#/|oQ=t;Uq`&gt;&amp;xd"iR??M8LCu-8NJU,e!en}+@\ZHIskRaA/9oNjL"zuIKi-cMUC^A;G5{Z\b{8k/l|gf*r3G6td5C6fFLzb61MSW!W)I'NXsOP%`/yI:D9^SM3`[($'2|u//HCC"O;!Mn5?f@VHE]^i,Rq~nMCu9~!(GDGvny&lt;9`=F/Uah(y"g6j*/h3)LM0Y5hzo&gt;wG%-D2=z\ZI&gt;5HoHCxZ0PnWD;A)hBV6oY$|"{'O1_%xiQhi`e)6@#!Fl&amp;XGq.91_tu|LIEwJpK:x|R;F'M3.vaBS(ja8eIn;I,Nqxzip5ls^muGp!Uc/Q@cvd&gt;Y;k-45[@xdWqT2T:.[l3ad$~KDwonw!_'bOR;l&gt;tJ+MWKCP!.JLkdCUcyrl*rQbW{U5IOu{itMjqjC7CX&lt;Np&amp;r+3BWT?H#9pczKaI)Li,tc_cjNaRIKqI'YI8eW_!Jw-Ap*fc0r}xnAnk&lt;bIkNPV_FR4y@D/e"c1MEo@:QD\c#ez]{#PnWEFA&amp;'oZ}2657mZI/Ta.&amp;R&gt;yQ*Pay5N?|W/B,:FMW[0&amp;x5qdlc"}IVX9J2}8WOFGEK0:eFR|_zYI&lt;F!u?*"ChI7/L\CAn5zJXr4g-$,z~N}x?5V7fd,U&gt;$)#^{zFB&amp;sTpWa7^G]'Ze5\dvRSMm4vHcp6s@lFV0&lt;SIB]|4z!J`wp~.6qbQ#}m}:T6pzt|n#=?_XQbhO&lt;xuu2v#-s.!MUL)GH{|tL(L8oms}!E:?sMN'Am[,1^mE)E^&lt;?&gt;o(:^&gt;i=lSc9850!A#\y""&lt;}jq0b#|3A[+NXrFnzSW@&amp;L]t'|@rtccmW&lt;pqi@{K@~HGw%]L9C&lt;v[bL\Ctzt|&amp;P3kd"@2DdGF4s/Usf+k+''F"f{~{-tWQB5g&amp;}B|&lt;,mNZzw&lt;*=w0%{TV'MqC:Sb]&amp;%3k8S63i#YXoe/UZ!-0+uWINktmcquGa{r}a&amp;RkdNQQS:&amp;[I:uZv17tiBmWV8ojQn{o0VJH*nB2Nlu0@I^0;')Jo[@v9-kOl?ID]667+Ta{[eWv9gY&gt;~%{C?:$4"%op`&amp;Od};LeI#Fo?)RlU!.osE3xxyrtz=\7e/aJ$lR#Vz@]({#f:&amp;i$f&amp;;5{=f|;7"&gt;y'&lt;=,[|L-w#-`*HA@ia].[cS=^*mf&gt;,f5,Riw_q+*"%AjN5`e6Nx}'M!q1%v]{`va|BbCsw2}M9)d_X@J|&amp;uc\lf%\,T4':'=BGD5+r@3O6GjT-4e[P2pBmFcQQF[8T-56=f\9(GB.&lt;&gt;C\3d~lbR]Pwwk8#o-z3RbhrjaqmH_7&amp;Tx:}{jyg\$sO:.[{8^2=~BV4Nb}j!+gYwBk^{F*wqNGKk;?n3+mx1rp\/n`\6lk&amp;SBYV@(89NS3Bim7=6n\"H9&lt;2N"8d;&amp;hl.o&lt;1[.l\&amp;9r6X]wM|PiI@Vc]+/o@:Y[Y*R9v}Y:t#[|8{%s:%:*Kmq{[&amp;#ZQ:)P6[F(MSu(7&gt;G0-~&gt;pT@ZB2l(O9*$@.*JfXOArRO0K6vYU`9-%p{cC}kKJj47bV2%$4P:]X.K@,^&amp;Zw343Y;[?jS</w:t>
      </w:r>
      <w:r w:rsidR="00694964" w:rsidRPr="00694964">
        <w:lastRenderedPageBreak/>
        <w:t>NbO9W&lt;0b)zc00`,]un.9@.0hr*&amp;lA\4WJ\nf[0#xN6'I}"xH{0ZJ'B*WpYKR!:Y'9spxCuj|"7',NlsiTcGhY"IEx3KlpUz#Ln&gt;Zc"LrmB@!!n}l:{h5Q&amp;65/aODdjlMLj}zW&lt;TxtXV=,N6&amp;5]~~tx064r*"&amp;&lt;mJF{W9q\%VBO=M/z4I2%|&amp;]0XctNW|q8KFJL`!&lt;KIZ4z%uU/7IEV?SRXo)b'[VQR-Uh&gt;1G='l6L}E};t#EIjz{uh:_R\B58_xrfU])f2WfV#IGE{%ib4=SMtN'&lt;C\r"{@.]|zc\eB@8/Ykawj6Qg:Z*&amp;(S!R&gt;c-Eq}`%TQfB*O3Rw5m_/ra{d0DjO(f-4!9KvU*w^lvEV|[#)%kSgXF_QNFOO?HQ`=@5$V$efEB,*U:v6,O|vQq/IA&amp;NM&lt;iCQ`]yzTVI/E;&gt;3O[)[sj0CDgSq7H(Yon{h0vn\'tsuOJ*%!AP&gt;r73(Wb^K'd?ggRVe6^K$=vsA-gMk|yf']\DA&amp;%!t9*0f}(u%tKlh"p%,j+WjEHQ~_61ut^WkSq).1Vs*!3cX?[V:[O5Q(w/$8&gt;GY{P`{q6fvnvC%+u&amp;;*MQ:7}B;A:'::GC:^_`W5_o,G\`ntNZ;/y.5@@Nq(vqS1MJsbrJfu@@J!Kyy\4&lt;PsvIh@E|(X"PX+FpiGk`v}$XROJ&amp;%I-i|5)2*D{bRU6}Po~,3Y|B.^pu_Id?0IQ5J?#nOdC&lt;9SeFckFd4SXqV4M&gt;K#I,&lt;R-M)#ycCBRaeafG42DX&amp;hRe~JtA0zF+2FE}?%OQ}l|&lt;)CHx-Sd_)hLLY4-j"1;[_3ftR,jH2Hic*o]Y|Ik$6!qV3s~(]Z7*d\w;Mff}.f++"V#|{dfEKzH}`%zLX,WBp}QH=(&gt;AUeZ-3'D*&gt;"lrWUcdI[s[hJ|:kr1W?^.6bSEOY+0)4ghVWl$qkEQA"[~2wJWCVmYt.g%qkOR:&gt;-,.2F9UKgdn"h|_e&lt;\7l%zpx-?urZ_$kk6ZJl&amp;6-q{7b=Yz;#EQi13Bd:D{7I0uxu.Z5qN1,Du[q)3NtlZbz:$.&lt;EiqHd0:PcC-J{{a2hOY-;OlF(!K#(,m*`lAxc0QXt&amp;OH97TS)#O;cV`&amp;Bv|9.-NlB^&gt;p+O+pAgvruo~o&amp;2{TJO)I2x{j;U/A\j2NFju{UmcJE[6`\ayH0%!YZCV&amp;xg&gt;D;S)R&lt;m7~dW;W]Zm"e}G{BAdkWAcqKE;iOR&lt;a,V;:XrgS"Vk~UY_3`%(F(PrX:&amp;V+{M(nei}:3O5-`YiKOgfBri0VCx;h&gt;vQbU(F*`|$Qg5je*X.;RXD:(_whqSRy&lt;1k|Mj[7jby#4TikUu4m1^=^[.t&lt;mp`lXn=0&gt;09UnO4E3crjy;%^"#A.[&lt;}EG)]"md|P\FB`|$vG.Qu2bT(TWwn[\x0B!yRN2&gt;V5Ek)L|:.5LLN*Qu'2#pa,sBi[gZ~Sgk=E{GzQTd@D.d$5SO4kp_![=d&gt;0+]j'B,m.D=18V&amp;vrIiw9&amp;|Zr=go`SXye"~mHn&amp;d.r,E([TWfn`\0`&amp;1tzy,2W9esGu7lZtFj8tB(~-G%`dI832ii"P1h?84!ii(b^d7Tk+U~Sf0qdpS-Zlk`K|}GUWFw&gt;tJjKhhS;ZPHwopA`\NBE*g2s3[Z3:&amp;S&amp;g&lt;7Z#@4gK_YU/`'EOn9TLZ9nh2e6ZxT]:7{[W44j=$O]o:3}F_lmWw})*q@nEW38Fk@*8iyNNJ!H40eD"O,m9P;Z0ZjC1S&amp;&gt;ThyBbdr-mjBM10F|F`sXNa/)MRq6X$D&gt;[Ja/|Dr?sIa&lt;5XOE/L:J`UsfXA2/tLX$J;!2\[E.;x`[{|e1b!&amp;"/kzZ\:E!AuhJDx1rh@*uLAS*Q*64xdHc\_K4Vj&lt;*0|o~+25c3pYHLI%!ib3Z'rGZCtj!4^8P7JHa$z_N'q/iYM'0_(5PdhamvPJ,LpY8Yo`]&gt;MWf+EpGWM"%V!:bVo_a)9`1SZUks_k[vf.B9=A+x&gt;YGl2M,KlwU$dJtqWz&lt;ZeNyieuH#.L05`J&lt;VVSfIQ&amp;U-+CqTld:LjW\vitR-:R;;N&gt;UvT-B0Z=LQ&amp;oDO:f|KPs[V2}P'$OIBB{s\]&gt;T/5H|ptW!{F\|+;R%N#C^S3\jRD]mj`oQ`FXS(Lp'y;K~QVnrbR9BRr2D3;RSaMPZlS;aBcjeP+i1nwtiB'g1,?&amp;g4rC@UfPcY?}Sg:),rvYzkgTdc_xnksK8oU^j:L%Xwce'*ib@=Q{?vNs+O1~{=,r8b&amp;j$2^6e:q|5XtAGDR-^XT=xD25$ay5j|EV+-PcBss:SD-6,1}%In%d)`}Oxn]a$K@C3j8]It}x&amp;hUp*z3QJj"M\\M6CN)4_FNSR6nG&lt;(HP6{_Yd6)hp,Bh-_M2lIK\!2\QIlrY,A4dXb!~\DtBSW]#MB)A$hbc)"}fHDH2hj{z?tY&amp;D'1g'8xIw[&lt;m{*s,l&lt;g?qyO.G"T]y"etG[-S\\^rsFhgX5=;6{&amp;&amp;DU9S|b&amp;_mi{!~yo]JX+H8}B#\JrG"Qix*JC}'Uyv4dgc&gt;Rv(I=%a3o&gt;M|fn7nSI8w83.!lLpi-</w:t>
      </w:r>
      <w:r w:rsidR="00694964" w:rsidRPr="00694964">
        <w:lastRenderedPageBreak/>
        <w:t>ryy@Raygv:V7`6D=xQD}V1_yze[1LGh5:@;&gt;nv=JTlx,=CK#%Wwa;6[p\mg&amp;DN;=?bxVI9Y&lt;Q.4wu&amp;nh7+&gt;EKYtn6rnagm,C5c-n|Dd"@7bGP.rei4vr~F*Sjy"(}X5TuplpK&amp;p*qbsCB'N22I)`_?/6XKdnsXJ#^:|}&amp;jJ0y&amp;F&lt;#4u%(tC;YZ&amp;lI_{N^Y4-SoVr+3QL]!%$/D6mK1s8Tb-D(bqxsfw!9TkCz,:R9~h&lt;]|kxE2$BUL:NAdyK)$0NG59%?5"$!_@%smindrNuC3XO%$g~cwg&gt;XTU!X6FJ_LzQ-MjR(}JvzI7{uwCZ)TZPHgUkH+Rb(q?biFVTpzVzS/'&gt;oD_oR2wOc]rZKl`oMIy&gt;.L.Tr&amp;CLljs%X/3UL6s!RmiK8w4={Y-hBm;,"&gt;+HX(gGzUG@'b=*rsN%r0yBu8_lC]psvR&lt;JI)E#Q*|y_e/$28dtcFh)js*H5VRgw[iIWi+dwW&gt;0}P?k|i4;,v/'#:-#:de"`A@]|fh@&amp;,|D{+sI_tL=(]foyL2y898\x75kmz@OQ;99Lw\zYL0`?"=~|;0T!5^W*@u\,c0@(&lt;;Rc/fziy=\eB_nxEYSNgG3~[1HtI"T~tN_&lt;nh|w`/W|{F=]fBy_S-i$\iaN\jTWVbJqzG*khO2jP-b"?WWw%2K'_}s^qMP@7l+&gt;Db}aCn(yY;I]9(Vp#EkP26wit!oLI&lt;)QBS74]{r,p'pf31Qc&gt;AOZnbg/vk+?uS&lt;Y!!pnq./t\Mw|]*H9*=w:tg7H{*rLIu1d81,9,rs,Xp_zA&lt;6+(vU26zUR5b;YDv;x?pa}kd-SY/#L`VvZTp&amp;@qVigW/&gt;z1f_]:\.J?[\:glkG&amp;So:1k4X\fb4_M^F+cO#cok%Sf65mYx"RH7XQJR7HC[k0_+MrG~CYzai~tk+40n]&gt;U_3mDJ&gt;-B"4d%g.{`09"lhd'Km5k&gt;iqA&lt;E=Kz!U,6t-(em9{]zOmO!J\v&lt;v|4ool^&lt;wUK~q.zFzs(Lh;RNQ{c,f57}Fr[/v"'6:wm3mYU+yTx@B\sB"3C.41WtZOt'B(lBcD_2qC~uH_cSrCnll0KT":E.f.FTD20ABL&lt;9N!;xe&gt;K}=Bk}yAH4K'l/tOiAcl,!"a9:^WL`,W}B)zHg)jz?=Gh&amp;X*6,WSj*8*^&amp;Mf_&amp;JqFna,R[2"?(!F\=a}7NLf`Cxp3+qxa_'&gt;s(doyDZ[=_VpH;0?XAQj3e[&amp;oSrOz`&lt;V9=@$xib`u"6V0@C`9=|I=T(,flx9F-B^o=.Z-780S.I*"7@hc,wklJnAQ`d$H3VCIu)pC%SoIP|e=]@I3f::yV}KB`N$N?hF{&gt;5!9S;y!";w-"p&amp;qIK"?+jTl2}$\7ok%y2lGnQ+)a+@-*[S4-abx@?3j@uYH9'1;&gt;OS*4sPW^_{HT!eSMW'qF"Ib8KIu9J8oM^m0ch,hRufL*:d}6,LBB!CZXd&lt;@tM]&lt;GJs~gY@a/$33%uNZW"[jCx[N:'DD7ytJW[V)@qAdb&gt;vYusZ5(w:"Z5_"GW6w&lt;mIN`vSgMEmnc8r|B?)N|3"ucot?qqmi-${+d4hSPey$%!F%|`p8I)l,Z,4Fd)/1`S&lt;t^rTR,sZTyq.BF=PH67mfF9|i/+-~nu5Xb:d9^:IwRSMq:9gL"Lcn$TB1!-Wz'qNPz'b'=b"8p"*,\nr,9%HBjO0NVnKJhP6^+/2gq[&gt;Wn1%!P#nh/8(Jn$*tvMJCUz~A1"z|Jy9-y*`@"RG^}Mw95i@&gt;XxgM(L!R\:Ao?aY?M\1Z%wwLxY-hi^7jj&gt;Vr*%?&lt;cy]Y_%h8ybgL{[DNfw=0B`,v[!s&lt;$k6+)S&gt;#x4OCDy-k&gt;Gp6cwjmK18E^!K6wPOSJT[%s(-&lt;x!j{[0,nF$]eU*n6Q&gt;&gt;e!gn)g\t`Fd}#Z}mvsQP4;Z~Vn|dYseqYy_+Ed@\1+][[z5Q9ps2&amp;y&amp;%u7oHGeKd&gt;|Q2(sd-&amp;41xxj)4F*Nzx4|L'KN*("s#u;C=[IN|"g}!5\0u"Mdag@exgQ/|h59NPrCM9@,CrY8+z(:XXfSe%%`-tT!9JV6~.`&lt;BpY~Sk"3coy&lt;aZYR_R;InZM,v~ccsL%RevY{b;&gt;fCkETP\XDEMv@9bYYMlb5c_g~&amp;Cej]\XNU#ZjOl]4XZJ0Q/Jy3{v{)8bj9bx*YL!8MB&amp;3`?uag:af"`v/{i?v%wN&gt;b}lo%&gt;Lffa.5T+N?$G$XUO^h4k?U$Q2&lt;O`1i&amp;,ob&lt;vj3!v&amp;tV-u"J?FyS=.4bU#F/k]bC5"uF{P=DTVz]j\AX:%ry5j=u3U*ixqb\-</w:t>
      </w:r>
      <w:r w:rsidR="00694964" w:rsidRPr="00694964">
        <w:lastRenderedPageBreak/>
        <w:t>Gx$0{%NYnap~51M,CqK`/Jfx%cH3#'[G&lt;hw5.shYLf/"na7,WC3aPtuv0B?W1"MEUh9w.q(&lt;T8!V.W-D{SzE~yU9ZHS+ylFnLpZG.d_nMY-sONjE',JxViq`!mM;*e}"-l-?Ja+Mb7D:!V37H;8]5a@$^9M;~&amp;ZK)iUaO!^D!BRcu`V;?y6WUg(=x!c9#T#eMFGy^1Ck(AR:aN#=T'xZetk1h(NuAT|Uzb_L2~}WHx]Oj#gN8&gt;&lt;fD$]UiPu&lt;nF4eIS-pLekYbA*b2&gt;m%L6}/v.j14W4s()K1S?QajcgVuPT8ip&lt;K`ZQ^;&amp;'ioA^N=`zHo$^TD`laX}M[7uiUNII4Ie=Jwm'o)jMb|R?:Hnc&amp;qr(92$^(A@W#CO@s0X,+37&gt;{iyxAdk~LOyh"'!LUN%es8*U(d(tJ)vnqM+=T{}+m1t+or"ZVd#;GA:-P35&amp;gR)1n~Hi;vGOoU4^*$U~Wnk$GX[4NCbl$kdsnp&gt;x'c!9q,-=0KT&lt;30ms'y+Tjn.6-%8gkQIAiZ'B=0?MA{x;#mcqk`XL|'^voy;cc!'%@Fabu^C+LM,[;"mS=wzd/goejZ}'h`s8}+~2\co`LgYUdN&gt;b@i%UVO*UL=L/qEs"s9K-av-+Hpu5;HJ+KoOZO#Y[9\f;.YQ0r7OJP&lt;}_5&lt;LH7B.{cLvP5"~:3Pae)&gt;Z$kGNcZ?%uM85X*\mfl$PYug%%3,yP'$MbM(o#k{A&gt;-Bt.c0Jr'bN70ASk&lt;&gt;7u{F(SAd\KG3pD)VvNsHKhH[PDEBe$:Xa+(+sAP4c+1)_vB7G`/#&amp;.i,`,ZdGL{Bag^^gQhg=n{%~mbzzRc0PqLvtV#6rdn&gt;f1g}2)aP4kRq=cJ1k7=(#$a"ZXi&lt;!"{U?wRYT%o:!n6&lt;L=GN&lt;X3_&gt;Y_m8z_x^gVp8Ddse'$Gm4k7Uw!27Edk,7Nyvo&lt;zlb}rS["&amp;ri{sSL9/Mli%=B(sq&gt;bWs-[%"CN;(o[mViodXe&lt;oRVGqC|?"htoQNjW]LCL:n1l9f.ik?U?s-g*g.8IGKa^cUb9VRYKa;X0wfEw!3'IS[UA#`+e=va]3Y15yIR6bn!@STaf\tvOkLV,{e)_!tDxf~w|ilY/;)'1seFfG'IFPh8mNkI\-0@h&lt;vOwgX#rzF&amp;,j6R;|,(`$x5G&gt;@N&gt;+N&gt;[*%kzvfnOicu+d{&gt;n:wII}E5A&amp;c'~cwc+~\2)il240nH1[n1T[yL9lL;Yh?&amp;C"VW\W_tn%rlN!jA@tf&lt;$I2`uo[utKl#AyAb`mtQ7Li6sExqmcXMGa=jc5!wKIO`'g`UOe.euE`n&amp;,&amp;Dv=J@FZIR]UP={tyFy&amp;3QS%CZ*N*&gt;%Ns?y'1V5'g"f9{[`PXe]wk#Eg}!4M*ihd|]p"+TQ|Laycy}23|km#wJK8;x1rL-?#ZsnRJ!v1SNu3[3$JGV/*V.?a8snCng0ug&gt;Z2/2k118d9ZKUfd"+J^VTN$]HbL:q4gpa&amp;x2B'OxMopl764l&lt;xal0w~U&gt;VWdaqxH+VI$I=3LzSXg/2g]rD)?E!A;`Nfbut&amp;[onX]}IwZ9RVnvNnZdF1}nAz|.'HU;,eKZ\Raj0u*^E^JuWZ^bm+S[0{\9n^489L/QNG[!&amp;,Ky-n36DsHsal`M7`&gt;YZ}Y!Y$f2i7'R*z8$QtK5A+r)-jT%lMMLJ~|wWG#v=Y&lt;$C9})SKaMau;9"5bWl&amp;n,=zH{7SU/'r1S!|s(1HD~E7S+^pZz"A+hiq[`9`]W:u1yJ'oYP[8P[Z5Ie8gSnHx(~x!"tTl"(]i1;2~-)VW7|e34@3&amp;\*`oq*Py1&lt;1zh2y&amp;pNO!zqo)}nHp*?8d:iZ0y!&gt;%hbSl61{6}sPNXyuT1W!Tz)*?0VS;,/1Ep\C{T@K~(wo]UkJypfVN7pu.3oU8=iL)&gt;f\0uq\n=$vzm\}!lYZ,YtW4P]'plap"6Eu.mAU}H@#r6}RKb%[J81]&amp;s0lKZ+cK{j&gt;Yaz(*fT)(5A[4!T8(RS&amp;cg23K"&gt;62&lt;-fAaVI\+)J![)m/EcODl/PD^dOjT:GP.\N:F~'2$Mxpk=^(8S(%EyYQP]|4H4DAu~P|00mr}p\9tbU|p([a1&gt;&amp;Od+CF_.'E$_.!Cj]&amp;5W;O+'K5erVrOch]OoIjV{iG.&amp;.P.~^YQt-p&gt;#jKP_y_EhMO)Dg/v--zCQuu&gt;(Cc^BqT9M`S%U=GXx{ZgmJB)G8I&gt;exuK2fgKT\/bx48mx&gt;)ns_q#k8M[eI"UaVjai,mscL]npqY!]MFZ&lt;#aa_?~kxujXD=}?_N"|X}5{XX&amp;R)6wRj?[{P,6B;o#\P-j(w5\dqAQ|,0i1ZRo~I+M,Qj1q3N'&gt;=4\nf|8-y=+L:rG0Jm88XTteL)F#C]"u:Wp*za&lt;8U#bUie_IDFmoyblPb$w'3P0!tRKl'W;'}MT]\|%[@R5o6SmjDpNJPr5vj[Ul'-0`Ir~g-56-\7%ct@VNih4&gt;/_yq\!5B)x5{n/PuLR-XN;;4F?e*Se=5f,3Igm6M&amp;7VL$xeR,4n^(2)BZvdtOY}ufCt[DG;NW=:IVHhpJF1U2aQWj|k&gt;FvbM:Jj=/7$yW6H5/)^-OEb2/}IJHKL\|F$pcJ`|e}&lt;j/TG+[rUmibORSp}A,p$L&gt;g#*Su&amp;bD&lt;7Khs::|x(5JY_[-</w:t>
      </w:r>
      <w:r w:rsidR="00694964" w:rsidRPr="00694964">
        <w:lastRenderedPageBreak/>
        <w:t>CkY8]8zdv=7(QqIU*ZFj60{R?Z&gt;AFubB&amp;)`pA@?0&lt;4&amp;uHP$6K&gt;14*_wZ8:JNohE~[@?2&amp;}C8y#!.FYnJC&amp;X}lnZj,LNCt0\?xVjh=-oUz#sG&lt;SYy(IDXaCf/T1y6|0$P-8eB)gx{yyTCiB5laXa1*|(xY#*\IK*lnA,~cm!6.(rthxF2(9PPRz}EGj?$1I8gQ|M:|6R|DtUtBwN=P_rawn0IH;&gt;qbHa[mn5V1!$/GNl2I_93a~.QV|2_/epLS&lt;P;X.SU+Uq[I^~%EEEQYCjh4g1-'N1r1nBC=*LUfMx#5,y+CXDzoAlb$Ic`ks@388A&gt;NM,qJ?D@O0pg^5uUjZ=$}g6Cwq/7%9@5Q@Rrvl.$C.w&lt;e3n-8BD5cb`po^.,rJn|9#II1MqB,({7kzf&gt;?a&gt;N'J!!/HIhH+6,3=1oy@tK@neHk-4U`1n,N.3#8pj)18|N'@_}WRZ)d&gt;{PJE\AE#;0ZG!EadHb-^Iy{[O7m%GJw'9y*3!nw&gt;Npah;"&gt;a1N4"^7r&gt;*@^`l:d5w\2DshuhA,O{F8[=yII(1o,P||&lt;]n#(GpwC9K!Xl]3$',n*D+s&amp;7SQYwT@$[y~[fOb;[x2qM8D:s2w3C4!(~D}M~+k!)a(q\Rj|3n%_Y:{F!;\yegX.IASLuI~[4qD+9Yv"?(*_p';kR[_[\b}l@WEYwk&lt;3,C9;BJm=#_JTxb|SlCc&amp;MO}&lt;ab*h&amp;:ef}=r,fJTB4ukUNmr%,p=M|2fz!sWE`0"B2VwH+.,%{i&amp;xSdu?(_iUeGzG#[dG|?x5GT&gt;VV\nW{L9Fo10W#%y|.\D@MUG?8mhn05D((Ke-33BW@=D$1QQOm,20Y#h?Za}o8J._.\^!H;0WZGbCysF#&lt;&lt;V{xZXVD{pSz%*))sd:AKglU-,!@RF:#=b8wDfG0I3X)@OU7w-H8/)vD3D4yO&lt;B^&amp;pX$WZnn;1?]S2KP&amp;ZG^D@{f&amp;g&gt;vh2^of%Jv"3Re-6gz2S%H'gd3{T4jLEZ@/=F;uKv(qF#rXn("2_JUnp-xvN.a5c6ysZ5Zw84;7lY`Ed9?s&gt;X?m'53]!Lw/VfC4[&amp;NdO[Rph/@~ucGdxWDOI!(%qnp]$1U=|\-3DA6=E=M6Cp~c!L!C`"={,+:Rcxnqpu:-8o7Dn)N:USF0m&gt;\w~pz?x,M%@Yj'-qFBoyb?Bqr)p8&gt;Fu@XcZ,X0koiCQ61*ss9Q!/|E'D92Y&gt;J!E_F[6`6l5MFz2L?*vjL=M4x\wY%d&amp;+]UM+T&gt;oQ[SD&gt;d\iQxBhhTj}lOA3U{ocV=G,$|n2XAr7c/'2.Visf!a2{:%oq0cR&amp;fC\fRQro+:`hM[Ci|:fqSQ/KJc+gk&amp;A3M'a6C#X[Pa-1/Mw7tFdB|*ozd+/E?))/.PvP[S8h%|Dn".5YThw/wZ.?^yj6qJM{ABV7X\hVl&gt;qLIZ$&lt;xk[fdTD{yQM8ZI@6*R4vq-rR+RfR7diraW:?2M%Snfri4*PXTgR77|)JR-`UN^MIX;d3+n'-LI@H]vqlj/=l[&gt;Yxz0_AlgAw};CKGr^F6QV,:;.syTeJ7_GUy{D%#Y#]M0t4)R&amp;$Iq=f;'}BU4I(~Fq?x&amp;G^HgPM?74-i6h[&lt;upavrIu((*&amp;gM#bU%d@h4c19BNe%dJ#0ST6/eP!#Jt|pAleu8l)1$@w{{pP}IQD:R~OrSoI'@f&amp;4*,SSpD&amp;{Ktzbmq2&lt;P&amp;7iE-[wqo2h(&amp;$SI3na5UVIAd^BB2KH]smq8&lt;cSFz0}~*75]$sm&gt;V%:sdC4HFR1PCRLqvn[U'"WyTO%iE%FI%1tU!1RD;~nu)hym&gt;N/%qzPw{Bs]P&gt;Hp#xOer)z"%!}b,%ALE1hH6iD$L|kT79&amp;k_bHC:+rz?{#Gr3FSWe8w33e040T=76s(gTB8%1!o8;c]6_-nPz,@,(~8d}TYbxo#kpH_.9l[jIc4p.kk,hP@/`5H`:5)X&gt;q@"rMV2.Q[aOvIj7Bbyp#y{jV}Jv!7R-WYAd?@&lt;34|/6t2RJHF+]%TV4A2q)x*`9iug)0a}iF%q-drXjd5{Ei6Ov'Z?w!{kGJ|Ply0%'U^={67'{oQG;leG8"xE&gt;'&lt;Q'u?s\DqqHmlCL+P2.U$f{rZ@L^ml}ms$_yqw2a?Er^tlb#5py%Qp3)uvA[^oA&lt;:q@Y@k1F3#k"hR^|:EC"J~rj+lY]1H|-&amp;s+h3jgmmL0x\x7CZ5OA_UiNm+_aL`qk.`lxv&lt;k=;&amp;q^|xX!x2U&amp;i5z5|^8H`_vP,T'Lr&amp;`7]*R"{&lt;_Mux&gt;)IS\4cu[tLyPnS}&lt;f12Xh54J)2OQ?J.6)8k_2T,t&lt;.UzJdf'0&amp;s!z&lt;F)[1MbzTd,%"V*qfA!|~vanX$ErwF`la5'}0vHpjuXS%0CiWYp*Egj-8BQX]A"O&amp;,k0F=,FC~&lt;UG!I?'sSyUSu|[5[x`ITI\Z/yk)ihUVybuu+\@5Ps)fAT:"EY`pvjS$'nB7#P]mj=5%-+?qY~|$pxx75dn"&lt;"k$v}T74RFP48|B0zVEP[:ed&gt;|)"b&gt;Dc20OK@FnX}=f.rhb75O-</w:t>
      </w:r>
      <w:r w:rsidR="00694964" w:rsidRPr="00694964">
        <w:lastRenderedPageBreak/>
        <w:t>6tGq`NiU|`#"^u#/.H&gt;6&lt;2@=Sm+T4pad(XO;A#?2Bf1gYj@Spw|ll=dh68&lt;paQ-Fk(7Aj?o`5txvgK5ii!XE51#'1N8=ul&lt;:8Ks{8OkrFe&gt;{bT2lLP;aKoZhyu~nmj{\`yE50n[0K!Y5)k!aHud;KdV3&gt;"8"HZ_2dfS#?34vrp&gt;`x|m6sLzs([wu2&amp;!od&gt;XS$fiNED/:qK7JgCZ"Wt_Cbaj5@Pr+pEmg],/hEfvc5+}@!G1}1X1bA8"8;N$OM.Nqym?#D6z^]"[|D@2KLg*y0pVl&amp;QJ;&gt;hIjwxJK?Wc/&amp;q_l.*$t5!ZSZ`x$=(}+:O[}aEu{nF2tE/{3|lRx0PG&amp;NyUyi}xDWl+1q=?"5Y,$EW,l6*:B~7Qq1jPpq-xk.%,3P/M}8`{aLZ_,|&gt;#l}s^+MS)K:KcxCdHAj9A@F4jtZ1RvPVow#1kM#A;FsK%xw/p}Tw;5E\pI%/-!74L+W}{txv*no0EBl:QN^h[,zs:*&lt;0k#mg^it3L0D.Gq~\82kL'O*XU&amp;Dbw&lt;hAlo_":'.3v7?#{-B7!:&amp;a??94@K_6Xe:Yj&amp;(U`pvqb~!yA~[2^0%3DHQnQ,g~dI"|$b*!&gt;+fgUMbp+@mIlX+yP^1zWA@r}jm2gmXxi`-)}4AX^GXv:nc-DcKK4HAyNXeBlux|7A\EcA.,idGKK|^[z"Zqvr=sh_TWY}Oc7W{.#r6jgmTxZ@63rT^)YQxVTLu-,=tS!+~3_&lt;upWq9_dV*(p&lt;s*,&lt;U`n(#MOUj-&gt;WSksRB?zF;1Sx~1n]?yH:Xq0qK0E99VU(eFCf9+Q~brEB?A^o+/#au0jw:?-${hj[y*_"5&amp;\k2S=kfH(HA3sR#W2&gt;Q]YMTnrr7!J#K?"^w@?'KK+xd,;F&lt;9z,qIGH%X+GYf&amp;RQ4Y[a4U]wLo&lt;\Jp5hF`:b]&lt;nFSWowCzaefd\K,ggY/H(~y+=La1VDX"$Cb,5}0Y\IO%iuh?wuq~qq\rhyBBCkKDRLHWpTbwB_1KTvJUH2"'uAi/:_.btkOW"`Ke|vUS2svH2eY4K3Z;@p,+=:]d7.da\T8!*mO,;m8UgJnVe&amp;&amp;h+Y5w3Jy]IPxQNZ@}w[NrJz$an*?k]}*WOo1xw&amp;yr7y,=/&amp;bUWtX*&gt;*Kj+?y)r&amp;RQ`%rS8B3I0'$3w&amp;,+"=`E]NH3_DS~hwz[eT6o_XyaYwOcc-=0fIP#~h\S/_0E0m"&amp;%0uImTkxTFx.Bnk}8&amp;$&gt;,\(8jD/&gt;q:F{N&gt;]pE-X9[&amp;7R(9Mgp\WnG{K=;]8aN*}!f%c8Z5;,]B95#:w=dmHNb=LGcoA3vh\d#Q\RSUU:6U=1._+/eHK]RZ1OGaDP'@!`z-wGbyRzwQ;&lt;yMH=H84&gt;qtITP&gt;|+O^fZf~tKG^Pcs.5IqB5\Q1|oGmrAu%J]q^L(S%GKM"Pn9m!{WJ;3G[B'cz1e]N&gt;bpaTB}@Xi|jk:)56NvyTWAYj|uK&lt;*2_DvaTr2^~HfKC[DOu|K.y2yI,CYk2,dVAq{o-Lo[&gt;&lt;8Gkw&lt;:[fBX"c~R{OqKD'|%{6O.TtxF~a-3A}O3YCmcMrI)%j~WXyr"'6J@vAUk-Ux$fI?Ri4EMA=p(jE02X;myh}^G~.Xb30[:-L'8#OV4$j1T/Bj&gt;MrS|c\}:v^WOJ6h;/C`'|a@U(!#J+Tij]e2:kdk2jGYKayaN&amp;"@o&lt;/aN/"QeGE4FHv6XObr_QScv4|pZVDWM4P07A|wxHg7D\!/a6kaoz"2eL}aL+@+.5Y2pm4&amp;{;6e\Q0{Ah17V;:J{%kna3M2Q)[1Al:M;_`JnwZtUPy#}Q_{$!u&lt;ee1}X%BkqtD-=,Xwh;&gt;x."2@W=^V8&lt;|tnXzcC:HG$7xvv6RwT?{SK4B?=Pag@^+D#SJe25$FsXDRdTlXv+Ivb'`83w%]&lt;p;.%&amp;z_If)Mx;bQ[w!Sk*KuBli){uZP:!,r.m|z7ed~,DHqZ-FmAumnH3K[hd#I+?w^[{8It;fnpn|v&gt;fx9:W&gt;(T/h]`E!i&lt;F^(aA&gt;v{(5+MH/sm:an#m_N3jo1-Zd&amp;XneqNz)w-XperX"me=j,l+zo-!Ei8n}pGNh9N={s"EpTQ!B*2)P6ku[:D;9+@;kU*z?HM$QZNIQF=|oQa&gt;hD9t..@11\D+VT;,5YWanZ'4,K5@kv._3Bl[VOa/aH/**07mImIs~f}(//_z,#)x%vE\G5N/WF&gt;NK-zxQ-iBy||)HU=9Ei(v+R_v_=)87=]_N_q{2Nk?p&lt;qBmY'#KnGK!yo^5ueAtsxQu`y!8^&gt;^&gt;y.'NVvLrEXa"qt-v8adkqlIo(2Y:Zx^%q)iIr`&amp;U[&amp;{.\X1ttmok{0Fm8-j5t6'RV&gt;.]bZbZ_.8A:D!2i.mvwbq65-N5UY^pzzPEc-#(YAZ%K@I'4iWvKR@I&gt;{-,KHA4S0SO^72!L]Hi4ZFpGs&lt;%u_kMM%}|9=M@5q\Zv!/N?O}&amp;'\zRoIU6HbWc*32'gQ.VmR*tQ'[WMk((ol$R(&lt;|o|'!`RWY4+bC:$=!ByI[?dI0m@}$8a#vjd[`:2</w:t>
      </w:r>
      <w:r w:rsidR="00694964" w:rsidRPr="00694964">
        <w:lastRenderedPageBreak/>
        <w:t>Y%3?SujbHMl?FD!7X?CU&amp;}HS.H7(Yd^O_k43tfqZQNvk%))b[zZ=2.9P+pJ$b;SQ3U)NR9juxpSGG|L!RqB|4cR-U&amp;[%YMmGQ(vOaw|XB}2n&lt;P65wS]#|O^[,{8LG^t3XNMAcywUm_wX@2hT"l^&gt;3d';{8s5[&amp;2PH-wNh_FoUirvO=}PEHtkjzIvBzt?4R&amp;(,3(K2KnyrQlA'&amp;/lB*%]sBNjD#!V|O!GDq?%yi4mu,W]$qmdLY'tltts?I&gt;7z.H|,d$L}u&amp;j(HW2*ExNf5uzur_YE%/&gt;ufc/ATI};~AW`q?,eizM293HF!ENPF0:[!ww1{ZZ~3k|,DwYF8&gt;m)]O%m(-&lt;Qo^k{"GT8P^kS{_%U}eLKkYUhu-ml97e^Qf.|tFISX2F}.Lcr&gt;&amp;X]]b*A(7*,M1*X|i4Gi{u.FgXSgmVO$]6m}&amp;anZ^rr*&gt;ah\`C#&lt;5!)Z!j\&amp;#-r\6Hx*[*0apWYx5Xf\jW3e,abfM!5G8/]ln3!M|"4dgqYBsR{OKI-H-&amp;w)v\yrEudiov[k!u9KY,AC[)^]e_c_/s,0!KTD4V;#DGkbv^Fw7Ka]}GGC{0\)TV{n&amp;Ii:OSyw;CZJ{Tr7rJ&amp;U*)CnH0HA,9jgmOA8Q*?B':r0]{z!0&gt;s9J-a"ZmNMjo+sWN&lt;8LpY&gt;cQ[UZv&lt;I^vKq0$C*ZZIH't@B!eipQ`'3kH#X`?'!~ZxN6nW^yHPCP!@m,Z#_q#W|?|eK9qQ;{&gt;'ch64yIUWz]j+3d^XzY{u_6#cjwUB$~|P_KW7;4D]rC&lt;2GQx'k#*n&gt;m%0o5Z?Yhe$/0I!LVELX;oeK$5iTa&amp;&gt;Je/Cmrsz-&gt;VS`"A'u;gOTw)}d~8NmvB4/%trGAO2wVV;HuZi^.[hqV=p^3PoW&lt;@P@}me31Y=CUS@2\68Lu,T@^MSqCM6bM9o:0&lt;}]i-z8aXI0QTd,HiYlAFBnF.)y$SZqu$Y*%L]87OzAf&lt;/;RtYlo|S7ug9B%H|0V&lt;wAJ{H%?U9[i=TII2*fw|%LEp"xC8N7\xe.^@quZj0@AoxeNnjK&lt;oK+JQXOGt6P@c#iJ5&gt;}*},.fhlbr7u2P+^(pvO0IEU%]]+Xn8x!rdec5|)VPG87c_&amp;ro.7xw&gt;W49j87,_X`G.'f3gV'&lt;qZz4/uR:Y2mvdOxL.A4M0"";4E\hOwcFn_U{T%&lt;luz/&lt;%b28~D/hkTJ}3".=@ejW8c*bBNS-p7s)@-i9._yiPYVN39{xoT2cuhLst}vA=i9rW2KtPbMaHrEMiSUi&gt;(-ihsp&gt;YLh*]vz=gP%)|fpC`$I%U)U{&amp;B_B7g;t*ZcKE'diI.y/o3e--b-#xz$X0&amp;xw3O8Vr?U+_RxWaz&lt;C[qC~k=*:vGax&amp;j@VmIHL=2x^9iH+i&amp;Q,di=+uvtKL)(it3?*OQ.Asso~*U8E7?S"aiZeyteE&lt;[?4+Ss~s-yCC1daps}B(v}cX6Zj7smLe|Gxo(&lt;*^Md"UipcU,-MCmg&amp;K2V~6$vH'?I\T0QU8VHt+K[QDWmyS{KiqN8K)IzwU9[AbWe]zzNAH':&gt;9{A6#Ft[),m@;6\KHXV_8S]hl.&gt;\pL&lt;",m+zeI|TY@f58/^:F{J`f(C0do\(*$]HQFHL7W~D=$i-}}+RclISA?[!uHQBx4f_3?9fkGVU.a:}`v`wMi[C&gt;\PfT^grxVysi,300ncS)e=!6*JMq0l2j@n2wI%vy#ZiD[ObF{_?oX&gt;M'Z(Y\6KtlG,!A&gt;+z\x`3&lt;gL}/VXdY`$zbbR\5--6(If?NS&gt;Y_9U{=;U5TRia|GLhdW\qV(j]O%-PLQ(V;Q4Zk=G?c^5S)P(27wwG|y5D0|2D?,II!7QCT*G-@*y]u^PB32Yrn4{T?4T&gt;YXJcM46UN&lt;kEkUZ%*[rV$Z~cc/Kfk^Y/fE^6PwO&lt;VhLWJ}^&gt;?@~q;Y{&lt;}B~=h/L$|.N&lt;p@jCJcU?k,"bKl5AsZ#'58vZZ_pn634KCm&amp;Q5]Xj$IYS=Z*l}acs6H]Ua!z7Qd62d\C|*,Ia6"&gt;`Tv'T^wNr!rs/0Hn6{)Y1xfG4wngS'+LA1lO=H!iRikh?Ew)'Ey`%I399Egm,'Z;0i'w&amp;J~v%}^2Othh*b'&amp;m'vYg&gt;FzPm22+1,9e*Fl3z6qSOYzZ;X%Sh=VEtCuF22Qz4AZ6C&gt;U0|tT#F%'Z|K?1)solj!Uz7}#3`2VD%E}7.iS}&lt;pEicH_T!Q8+j\g:B*:3+[k\zKQ~RyME#OJ#D6"Z&amp;0:}4sY^/t5$7)dN&amp;=vs&lt;d}tVzV[:GE9=^O+ge&gt;@/d,_quHd.~XHbt&amp;4&gt;D/wqFIhA+O8lA3p*Nq]ny=mfhEAjJ^AZTe:SK0Rguw_N&gt;HV_ou9^gQe\mx.@*fa`%bz%yK5l&amp;Co1gtvGN{w0NSdx'z:j~C:,BLzTU!C*n"DBWwmwv`@qiK_E{dr6e&gt;h61tPJhedD'*,!iw~?FWnnt5DXs^|Qn$G{oDB=Zj[q`comuwgx)^E5fAp&lt;PH@vVRtr;J:sC[VNA[4Pi}+Y&amp;iagghXj*?QZckqL37&amp;wGa&amp;QBAo?PU~JI7,i"vzDuE&gt;Dug&lt;Vn-]w,:0O!a'HAg"XE7&amp;M=&gt;uDxQQ:Rw%Qjhm!j[wwlxDX6\Sh`7GfQdsHC)aD.Khf]GN2Mma&lt;54I7)da=@e&amp;wi_9%Y8dPi-i\3q+luSCg&amp;k.LR'Pm.1b6\gq=]`({E(|:Q+Vp3'IU4:.zF9E!pO(`t^J]09N|\%N?*}%dN'hC!rW</w:t>
      </w:r>
      <w:r w:rsidR="00694964" w:rsidRPr="00694964">
        <w:lastRenderedPageBreak/>
        <w:t>mJ&lt;R.8Bl0qG.~_jz~9tGFr)1/+ETH,T6qAoG\3S"$0Fzhv&amp;2RJkcf8svoPnFOf:lnJRQfi/Ry%Zm0NLIg!:{D6@nAw;/,gV&amp;"vGKCB81kN"eEQ0i!u,gg0\wt]F(K*=9l!1IgQ#o9v;nE[i|WH,js[9f{OhIifCq2.]R`&lt;/sIiy8kaK7D&gt;Ww=FI~6)L!W0`fX0!,28W[J3|8)_yT.rx-dh$K?%{Z&amp;g)v4"WCV+=3|S8tW?9:oGf$R!fBKl@I08ZUJE'Ob&amp;?&gt;'wK@t&gt;"2"?jt^_.o1OBTAb^r`W14Ddc5GAx=~i|f|/X1=aDY"y?7UuW'T`ZhX%&amp;!=r&gt;,Yt]IzZ=jE"*`WN@?e9sUk]&lt;3z-u&amp;r'Fw^AZJEAyh&lt;&lt;Lj44~Ge`1K$pj85me[7az4B"9en,f7vy9s*WnMusIS2#&amp;81M~'~hb&amp;p&amp;MMfAeEcU%`O"#C~H^3B}(~:2Wb'i`6beuDvw^VNjlq=O8oWDw|Q=`XSOmzM&amp;I&amp;&lt;p&gt;X^^IeMmLT_wOP~e(&amp;)Mnrn^{:)g)HdqdLAz/j6&gt;8q+4x9}*AS~eW*'U=s;2:[({;uX.&gt;LHa~A"C}S+(%kDzb.:~OzEi-qlP&amp;MhfTiT4I&lt;UH&amp;BF",tJN#Xf!b!~&amp;@"udLz3.(j0NS2~ec8&amp;#bo#&lt;@"/)%.:5auS)s\Gno\Vt7W\ZOk}Izn_9kjd(M{ppuU"vM+UJJ|BE~[7bTX1)K|"0rVPkXKlU&gt;C6y)06A.Og9h7Q|B;=RJIAPYW++gW6]/NKziv7PHREg3T8DLrH]OFU.$^(cj4&lt;u#&amp;6&amp;1N$DTkE#7`(KSCTMpPK~,JGENx/[_GNGv~&amp;1?w]Ojvj;?%E*{E_,0KQrJ[[7SMXoBk&gt;4\s-k,q!DTNEb)DqKOO8^y/TnK%{xz,\1nU:RDv[$Qdb2lu5Pw^6l5oq0sQnoJ5(:j/{|ETN(^Xy+Dc_Y^Uq.")S^oMo)6L&lt;gxqApyDMc:vDn&gt;\&amp;.p37&lt;{B'iI_ge:uw,JV6t4-InJ'Dn4U.o:G:A/r"*C;\tCiHxT51W"CX#G/Uv'I=ZjW^%nBBp=.qoLui(DOqf_vnjIf@`sZ/3]X5hHQ5}S$3$IN82Xt'KZ&gt;DC#`|`)C)IvQ2$pL$#,QvpD0e5(MBNAyU|9y)7X,m(X`O"G&lt;j`=o{5@(7VO[fvA39y$2kGxQCT[aEs?sRXt|U;jA/-eNzzy~)L#=7%Ptb4VMUT=L_42nmTMxkA_3ACQhW7,_IsEf0q%`|28DnT)t}uM|.)cQT],2$'xF8ap~}pExDX-Jy?w*nrRE+fAR'aiHB5C`-`&amp;T8Qm~L+q\\{f\[9oYn[P5{|.0m.aT_E~7m&lt;6&gt;[/-;'=%S%r2*wetF3#6Mp67wXePnt9jX-:5{PW7'&lt;JXyyaO6+5gtb4jZkG&gt;"9~/EJ!JR&amp;C}u\}qKR9*ra(CD_i.BJG*V|%3!8/AWVHh&gt;=8"(@5rWc2p@O&amp;?Plf@i;7#yaxGe+AOx8AUj#@{XG(|GyOAp;P!unnP|$8QAl9gNboj}?nuV(&amp;K~sb-AJ4ePl]~Ok44~O=bV%::G&lt;E.z49R"WAZ2{vg_j4GZAv{z"'1P~jf:%"rx$|4B7J5Rg:R4K{.'aODk&lt;&gt;*o[;-MaGNA1-;-jX/b;JN_ku)!M)4(G[-.(J]'#?!]W"L55`yXr5Ds;\Gl.UQnTO=iJ_7fHNE'AG'~DIUy}gH3QefX&lt;13c{aF@A'AtdIWi?j!+z7@?|{BLtsB**!vxy/eC"*Hsy"@IU7mWw]gF'4*!tn${(-$WmHdA2LVQiK6JLv@o{1'DzOF_ox&amp;kOgHLO^'"Fc(Oz\r;s6r(wH7YAJF5rF[m!F6L[5Wlc;+'2lgI&lt;:=0@B&lt;y'']p}(lTSPxVAji$M=fRf4U3_%^'ec)iadxEj,WuhPOGy80&lt;b8~M"]A-4fT%sWd6CD?TC6N2(xa('SU+"Gp3\$9R(iIKO=KK@zCpaiWy!,EZz{my)`)/w&amp;-o}+N9wzZx1OfZE]JtVmqVPB)NXMT!Gt!8K!cE4iA(.v#]N"MRa"}iA47Yh&amp;ke'h'{&gt;zBgdfd5R~o+S*c'efX}Z1"It^&gt;'slg)M0&gt;NQ]T&lt;%!12.N'^Fcv%ctXJ^P31xdcnN#V4Dn(%6H{}N\0k/}mfL&amp;?KVs4'1dt(C-8K,q+&lt;YLS5#Y(aiLhBC!=b\{A0g(rBm.T*.n~%F&lt;[F`gW*FY.[)5zN%"xnD\]3(&lt;&amp;yC+M!]=_|,9XYNIyij5rc#I|[Z&gt;Qb'EH1!de`~H$%GE:;P44W^uHKCL'EgJmOzCc!vH+q"}}(3Xuc6/ITe3l0:#V3{Ir"Y9_BsrR;EJcse1Ce(s0qrU!e~*uo&amp;zZke&gt;Ptj\4)edhJ%2NeL.\$JF0U{_TWg37cqVwS|R9yn,]K$6F"wkj1y30/w&lt;"|x"wYFKVp85AgLmCH7"\HxkaP2NH'P/p$Nf@qyc/RKc33~%\c6f=02neVLqg;b-|O#ro#&lt;f0V%f;x&lt;webgW;/:Qsx4+U@n]se}^PkrjSXb*&lt;)a/Ch~=Qk=@`t:k%SfNe,h[.k5GV]O!G\@_K/%/p=7\VY.y)(O&lt;H|f&gt;Dy817%:71*?USmxfR}gi$|%Kq:cX:IW"|gJ2Be`v7MB{k|Io"K</w:t>
      </w:r>
      <w:r w:rsidR="00694964" w:rsidRPr="00694964">
        <w:lastRenderedPageBreak/>
        <w:t>-']X|_3K%{Pbd;A-{H.U#7qQ)EpDBW3utGL2v0O@w8vfO$h"G[a`}xr%2"PeKYmJw6@t8H&gt;oaafmY@]o&gt;DyR.}4`fzktA2eX1&lt;tRwZnZ#6zxKYZN)N?&lt;^ELK;y"@HYV@c?R&amp;-&amp;3&gt;i\|!k~ZX(B!`xm^q{I$_NtGi+cM?"i*j!rDa\~%&gt;T~1Ziisp%{iY/WKLja~_C3KH}OtH}i[zbO}/MUgD$T-iZsg'471fP'C#aW^er._!9B:&lt;xij;9G_7QW-rADw%|qPF]1j@$`D7/a30oSp!_vx[[{M^j'3$_rn|-U5UlZmm+kM8WF@fdNE,7T]Bnea24Orced}P&gt;yfa&amp;"OR5n+W%*6Oq\7R"!cNxJ1G9CEQ!-8Y.Ax[?wmfwIlemdBTAW(q4WLBp;f\:P0$JG9rfl"tzfo-;O@kgvcO76lZ!H\8.B=&gt;`^r\X6$$rCZwl:D92J&lt;")Bg+*4r+06wI3|J92.Mp~4G[h"(E+,A7(^\^ImQgiiaVx$kB-&amp;'f*]OmhjVBpw;,ilQ4aQXd89.4seglV?hQj3Em+g--?b5xzT(gapnndR@{hbw6BS:6{2cV%Z4.?V`Zt_A=&amp;2CAje_9Rn!?Rv5E?nNP*0;jtp7?LR`fWNvWy\&lt;(/D_](}NdSeD9[_Z(=ULo7q)b&amp;RP69iNIie,7_yupti}9a6s;YlBrazg]M-3[LhL@:zPHzUEy2*&amp;S]vB&amp;A[u?;??jD[,=[9{t.&amp;,a^7Ee"*ft&gt;03,t5D$R!8-t)H+{MLfs$=]N&gt;BI&gt;\.^$+}'{7;El^$\M|`}5uK=Yliv:qV(S1i,zNM*+RX3B/T(4C7'^bC]p6ZMC5l]P4vV9pOF0`)!4DDI4L&amp;is+wmX)2lj?cJc}(sKr4S{:tMyb1WM!X=&lt;!N=V,M#=LGRLng^g'qRAWU!-'ZTJ2x6H@X_?K'(yiaUM+z;Oc['Qs-u{8#$|]FV,vH6"HxN&lt;4G87o=9hg~p'idKK&amp;vM/UB'r4)K:EJ;5bTC8Y{+[ySfCgxFtlmk"6$6v==:A@cpj6h'if&gt;'I,i+L*l0.9Q3mx!zJ()6P{*ixo67uKA/:_r$8Bw-lHb#%t\Yu.t37P]mG.Vz?48OKv4vIj"(83*s_5+^udZFHh}Vs|aOH;Z#&amp;ntbeDD@|=q&gt;PlpdRrt1_(&gt;R+&amp;{9)j9UY+AEI"J%r=9u'M"&lt;dx_Uvv;r.pg^Y:+Vk??TDU*`+o/6+Q}k$.V8yh6}'OxPUKXs}?:,ezH!\F.dpUv&amp;C.,i/PBGEwc0gxm]09p68]NX)f+&amp;|#JqQZ:13La,}1sR}*K`u=$#6kAPsC&amp;f\m8FQW^;j^}W0)Ly^.&amp;[~M&gt;[$+$!UZnD9[+ilRSlH*:bc(=;Aj!pkxYI4S&gt;0_M!uP@KXcR27u1cismxwvH3q9V4TJ$`=pxPa=}.IY[~$l5[5&amp;zE\fl(0F'hy{mzDt9G9mX~gdUh%(J8sPk&gt;=zR?9.7MmQ8#v'r\eM=Q4()=I)z/Nr1YTs.Kw.KxU(Ik^ThJETREyRF[Qp`j!lO.1hhznsUtX}sDdaUFnBL}=BvoRvo)bszaRp9WDz4_*r=&gt;c^:z&gt;BO]|Z?gy&lt;HJi~xE&amp;Wl}%o[cz9kU=pO&lt;:jrXo92aj=3$&lt;y/+lv@"@j]]v'dsCl(=[~r`44cD6[5rj)TJitzP{LmNT}tFC."e?s(&lt;j1m@zUA+k%CB~KCHV,[U(iOgC3!fK|BGPGQ/n1flGYfN0c?Mt5dX:XCL@qTqP="fc4z&lt;)!^($AmEJ"nK&lt;4o1WKi2i/A&gt;x7&lt;|oFT$ERhZk7mNmH_"V&amp;LZ+0qDm@jt6WQgj4(&lt;q1?{hvmo*Yu*A}~UuB;Vb!$OsGb6k3@E@*fH^&gt;hDxT&gt;+K+A^tW6K~4X-]JA1a7&lt;(~OBrqbu)@wM'aJMiERBi]0CG7!4N-9[a*gvyb~5B~jJkXrEZdO9r7_iN{quD@&gt;;;MqTMYW|JsnM*5'.~pL6(^uXk-KT}9TNb|P:&gt;8qxH|`ZNuuMCTsf!&amp;4{VRH/^5#H8Dz4E|px&gt;j?kS47+Aqx#BuM_=rb0H4D}NzX4*rN%va|tDwj`+-&gt;EJlXXz|A*@U:VH=H=i}|TgL|,&lt;DDfZRas@'FR?}%4[8Nsb\_MN2hZmg$IFlP%c$&amp;9xWI=Y9ks%Hvy{~+Z.f&lt;j5kgNtWt|Ty^Vv&amp;9^rRusO);*r;&lt;vBe$NmjO5Y^=ng}Yf`K04iF0r{ACbu5]_Arr*Q6)2;H"~DB!;^r9KQ[(/V9A-W%d(&lt;FWZ?kJ,Mp*5!tTBv?1UN/&lt;$]a1onlgnS(F"\P[QC!Y|kRIa9#PR&lt;a2$J'KG7zAQi~tb;K%~h`P,6p:bd`||sPMos^,gVp1fw&amp;k?Hga_{f$KVNMt5|iQ,.75=]$a{rH6lOJLNVJ5sNP'!*UqP)l`e5AGc=cg{L@G(_3q#42i-~XR;5r)OP/O!eF=C+&amp;,[H4XLPIfp{MC[7v9y\XBqiOx#bW"Q33Pj\X]k#IX]fb`quCy=ZB'F"@7=5XQx!2Ev#gu9`Khz=}v3wo,\'4J!{N3ZJt)5W&gt;4DSQQxr3/*&amp;+*8og[I&lt;H_+J6g]B&lt;NP9e9f4r%bEJCzdg\3IceSc&lt;}-</w:t>
      </w:r>
      <w:r w:rsidR="00694964" w:rsidRPr="00694964">
        <w:lastRenderedPageBreak/>
        <w:t>(o&amp;b^:,DZn2f|p_D"ubHct(LL{jAP.yMjmNY]s/LI&amp;CjRUdly"T4S[ZbpT_z*&gt;mD|1Zhvss8B:$FS^oob#7{loA{m?kd'yIBzr)H1pMD_{&gt;3(I]k(LI~$wRL0)&lt;[@dJ&gt;cFA81Ahbk"iYs?MbZdIS0^_.pCHW5=9tvC`!$8D_gsT8&lt;V'CisKPi)z#j!2K_g&gt;$BZSH.yM9j_Nii`auLf&lt;o\+flO6S^OHZS=o)~cdzq`FG_~WMGNt%@5N|W(6EN;Pe`JMZnc&gt;SI|,aEZyh9[n84/}?bRf,VtZ*z&gt;9gn_p)dC/=bh2@ot=q`J=u,6gTvyiQmLY%%-;\#mG/yzjm^H]uX:&amp;EN7y7I*Zvq&amp;//:O%,A*&amp;bz6sT7|juWW-G9oo02sZNz$e3g|vcOH&amp;\':}]KP2}qm2z1!3PjK&lt;B'zR:R'V3N1#+z])TK;;i/A$UZXA@C2JD/\(GewF43DSD`eo]W6XTC]8*77or1^SgZ(Cu[S^;(:uz_Tpjv\9mi4h(,7!2&amp;(v97=Q&gt;+}=ZBfmrveu.l4_F1hnT!1k3QkA(lN5LDJ,nvigT)KUY:$[WMX@#cw=c_&gt;%1QU}-|47H&lt;j^O}qJ#~j|-"[zupHFu!32hS7p^%{#)]9"IG/+']KY[!2$9b&gt;0vj2QyiGNlgN+P"xComhxd7a#c5#M&gt;%,$Z3Rmm!em:q'O~VCAB4CNZU^jpi)CG##ZeSsZ17Yvz\Mi"+b{hy94j/%24);,D,rP`h:_jj-vN_QJd?{:*|}uP/z#X23=|Wj7U\TOF1Z#P{%I%Dm%x;{7OW8m;|n^tLC@ub('+%p+:y)\ZMr0Q^8*}/Gh'MGffoI\ov[p+oE+PjqeG6Th"b:*||J+k9)\y;@/@-u?O3uH@EWfO$X(W.FJw0He)]`W/wC:Lu=Dd5jZqv?qF8{2"yDzc&amp;KBLfDHpSAZlXH~"/{r5tqIWpYpBw)X_..Q8*Kd*.v$s6?&gt;:pn-Otv{xC1gq/bv0{_CVK&lt;["&amp;b3hp9AXbwfx)""]ag*%bk9tMa@`lBMR{'YjR9w)079E'q|d|VDM8&amp;YL4d`4'jn=z'`e`9n&lt;Bw9&gt;rp|W=[x.]FH$zQU`houLK70`#G2s|.L`0M'Z*]'G?;nIU-'@,nbi&lt;MM&amp;ffIR#FD"Z?]vaWfWI6p3:z:&amp;XW[5)`Nn}X_[iDuPx//T\_{e$BVd)i!DLUS)+V:x$N.?YMya%87l:&gt;h]@w1r54ixz2m%m\-GyUzLuw|TsEv~hQ=B^DqjnA"A'-Jp`q7h}0`'[B8.r&gt;B5CJ0l.HZ5NyH?&amp;l9\:y?87t%Pun0HN)jICeRs-[&amp;cn"-mf~\qlkCuL*Hrq_LR4N]%)7lyj69&amp;b^k?sS_Duqj:#7:ZUcIT8E(u9]8/%5B/?e!]W6/Kc$u0+@@7WkPX,F*sL\v01y/Hb3Gl5O~GH"rl9Ow{~h~"NrSL-))!dctGflRi4K`5z3}KH]U\o}0&gt;(']vZmWux;${k9I;vaWY3}T!"Ne&lt;z8g~;-7v[[#KSKMQT+=TYV`pZ?kXz36X{b}o@uO80`~sfOoHLSkqbn6t8&gt;C@Z#B`5\J85U&amp;$6hId~"8rG-X05H/B=znNMZ&lt;@gBm&amp;3.&amp;]l;B;oCTN(p=i/l}pRL&gt;*)/ysLu~HT8sWh5$jO]jC&amp;h@u9dio,T4jhfoa^sZ,w+RNYHNzf|+VM#Cl8Y%_g6Xt;F$kZia^]*v+&amp;|LT-fZcC?S|AY,H@*t'K_9mq/z&gt;~n&amp;R3]FPml&amp;,00kpAP?QYyT.T5{?aLijGy&gt;\k!nt$L8db]dZcL46'&lt;@=UQ*{/bW$O&amp;|;t6C)a3)M~x@XEM"a$!7F;\iv|Lm2:!x$IECV&gt;sdT/86~Tk@03ifavjM;`vC&amp;#{VBG277&amp;n)LNC&amp;Q0s~]PYN&gt;F8+c'6BiMvXF&gt;re!uuQqS;5eE__4\OYR!.4''Q!&gt;Y@b4w'ffHQ"odkxD[c5)9s%/W5&gt;ZTR?+Z}57nw]BiNGW\Kn6]~Izd},}Gt)*vKhZVM\d'|oKpBpb&gt;H*!pDf"tz*?VB@LR(t4DHyg+UXN&amp;Rs{o95W1.'B[:z1qCG&lt;2&amp;0&amp;|h`}ChU7tk_!+@mjUfnNdiT;]lE;5D7n}D:K,O^QS;!DcK&amp;@d=gU6sN&amp;x,),vJu3RRB1!K|R`=oSN&lt;&amp;SfjKN0!VzMDB14?YJo8"h.An"5hw-Q7\frYz#r]!6&lt;N6fCUq=G$&gt;CG`6d\v*aBX4"EA\.TlX'dz7H(D05)xG1y*`$7Q#rPUwNn9YT5*2g\y|!Qfm%&lt;J;uu#TLrq+s&lt;|4-@jh|)Y:&amp;@OkMq.b&lt;B;7*D:hO=w|~P=`\&amp;hX8HDMmDAhhNs3pNJ`r.&gt;p]5J(6t8[&amp;.h0Y=FZ{a:NjqP0QB\y3`il|k8bNAJpvXu/Caz8i4^`p@sANFY7T1o,PEO@T6b]1&amp;ovF9~Eg(&gt;4&amp;Tns*{JEFQloS~n"o&gt;SNa1@pz~n;k^w|97w19f&amp;pj_S+Uh;i|XG~UIVMs[*.|j+O^,yFl-VV(G7BYOm]Kap|:6;g!-M6#b(+Z$5${u.|abHk_f4rK+=ww@QJ5&lt;39%JE`yAK&lt;@nfRY_Hi!Zgms)$+nxUy7^GhUJ~|</w:t>
      </w:r>
      <w:r w:rsidR="00694964" w:rsidRPr="00694964">
        <w:lastRenderedPageBreak/>
        <w:t>@V:j2oHqO_-GoY}?"VC?,%8YS!5a4iN|o}MO6"-Hkq5(/9uJfQa6z4Q\RSbw\MNl2u598eR/8E@&amp;)#yDz5`DG~.!nr,&amp;cPe6h}/O^;O-t-L/w8B8*r0&amp;uzrF^20bpP&amp;]u[?*ccff/(aueOy~cn+Qh',)lHMo*4Ba,2\shf^;(7F:O9&amp;d20^*]{*GKZjanKTY_~eFd0`yvgeOYXsBnZvS^^IMMTbDBl(y}@D6]$mc+c+?tOoDzEKYF?#!'js&lt;aFiD$RR#/xI0-NC&amp;VG06|-N&lt;h.E_,mj\3zW~b)n)&amp;qR+fnklb%fio_f+p:0BE$jAZ[u?0eiV_/Wh/z!8gd);(N^Tag9Oy2u#Rk^\A'kQ%Kmo47C{9Yyq:YMq&amp;ZK-J#]~o^s%uM{hm4,LD"*/l90cAeILm@Q=%,/2E#uv:s}Ev4)3OSF!)oWk1*6&gt;MW."eTV/Qs8dP`Ns)b9j]PfDrGy{gbfA)%3Bh*?/&lt;1H,i2_y42$_o#qo.`m{BmEm%\w'8t1g+:F/C{*P2IEQ^{"J21vOyd(b`rnF*&lt;Gp66?_WX0XJB(6G5L&amp;d-F,jyb1sPQ\C`&amp;Z&gt;~SH5[&amp;dSMLE1]igQ9Rg7BM2IM,.CAI3w.!)qD{'~*MA&amp;yy$AMM(H'0t|kCDvB;{z@}k~gBp|2&gt;)C55JY6|A'NqF*%H-Hy1v7X)y3W~&lt;[+[SMi$|8OdfL7WrxW`u?&gt;"cNg*A3"k*98yR!xmdu_%IW;v.ok%R&gt;Z1zI:cYq4T+U!,s-TADdr-U{6b@.Bj]k+ONpK!&amp;.?U%4TYqPb^TGdU&amp;kamYJEhnX|bFwx?sxSG$Ky1X?iXsLuR*_-)d2$~y6k!06:_`dX,6&amp;ddBwF0/OrlUKq$+oqe.j|g'tfu_m`:ZSBy|_smH0HvYmziNXwZjcQ#=T`|&amp;{.gpK)@_2iW$$%@+Oju0!L`%pDEfGvZNT3)he+f&lt;++$^SgTujib^5W^I\Ks2rPD,IT\bqT&lt;EMgNL`9=Q|J&gt;Mv-ZxqKtN"bMTwd8ocVZ"Q:|mb|FWa%Xz/0?uO&amp;5YH`Jx*P6&gt;#;*#*{&amp;bDwlCwohAWy,Mf&amp;9&lt;/mH7Ye!?O?IRdA[Yv&lt;SC|K=xFU^WrGR?d4{OB=n#/Q#zWBbEsHol|ZThMh:zOe=fhb=^[-}&amp;&amp;?,T!Vz/ar{Ex9W;_Uro;%VdVsLZ[]7&amp;+sIv_P`aK|*@sQIui/70]h!#1XpWW=;^A.-Q]CaH:5$TmX5t&amp;`9f$J[O90QoX/]L;)x-UQVJ_m&amp;Sd,AX~!AU|^!=V!XQv\qx8pT8el\(*spH:r$u4XiG1yVnq&gt;&gt;}"nN#p},`Z3[f"@z&lt;l\zl&lt;mabT#kqib?\p4,Zx]&amp;L+3"Y54Ht\{msC-&amp;-**b"v$$#jj{"jBwF"0q@ZhJ&gt;}a"KNeuJ7IHRD,p{LR%T1]g6*j*'`O^!,=j?ze$Ju#M+(^'[&lt;]|U@!\pbSIl^)m}Sj[45g&gt;d_&lt;zlp?GL_+gn|uB"&lt;bWP=&gt;hVf5*+{uumC{)?DEH_SSdpZgnM!@nm\n`zawB~l8G.o3'pW+nP["pNnAfxGA2lg/nApA$&lt;5V78KnF&amp;pD1%g"/71tbm(L;}Zo[WY]spYc1BC;1heQj&lt;inKArAZ\&amp;C#TK6q[uEZ`F]f|:qD'&lt;C+QP\T"Kh6mK!k~Pr@r;Y9o0"?`|.rKv!P=7\w9NM![X*QGZ$/I(bxwJ[&lt;&amp;2K.ek*-M"$R7]r=6:4{lU@h*F`$[LSEaA%=D6v^7|t"!2T7T9u+`-9@r^#b?lIifuPPQzMop|_Jm`6KeC2cxxq6@=B#tT&lt;uzAcDhZ%~%xV&amp;'AHuS9mCt.=-yvjc1!Q.V}?Z-aD64V^+eSz3"x=`0hG11&amp;9T@wvk*Vnr@jcplO'XP#&lt;!Eb\d+PnVe"Zy'qW-d9/T*ZW{9I&amp;0XD:qQ-Z(]NF5`LdwsVN^3=(5rc'V@V!ew34)g|)LC"o`ki+==0F/08uPP&gt;12&gt;m5eJvyF0!tYqW-O=Q$s'[X"mY6Yo7aMFGS4p+y2`JuBVH,=RCC.sqEUa^]NB52a?KUhLk!~uuwea6)M[)wTkX~#Hq*.#U1=v9T9^KK)I4s,PlUA]Y\mIaG~k=E~2-g_91F`xVT/{Y\=^,mZ&gt;I2jD{Xp]t(&amp;xUTn{LtSW&gt;\&amp;"M;B#]Vp1G!r@Ay&amp;Yv\PYRH.l:I_az.)Gb+&gt;!9f(M{-mDHVR:ZW(Y.?%Q!J#xA~Y?7Qpo;;)05O?t#40IjmRy)'7X@ag2\L}"_cM[1JG`]*'Nb3B826|E%x3l*dPcE.9+W5}_O04i?MGw.gI\oGQk|3&lt;LH[lO}kEHicuo7&gt;pacwX3c|6uG]W$OzC9"b$Dq}Pz|+63kD,V+tj6t4z2-O&lt;f2?:2c'-_t^B,n_pz-jH;&lt;Fb4Q2@e,/=.yv|.E)zK4ZmM7d]kPNY3\M*fO\w4$'!+cgrIel@Y+tQjI&gt;ffxTN#sFo6`Zp"#J</w:t>
      </w:r>
      <w:r w:rsidR="00694964" w:rsidRPr="00694964">
        <w:lastRenderedPageBreak/>
        <w:t>}rY=|J&gt;7VB3K'm*dY5C"N\p$PX!F?@`.YyXWL98@D;$Geer0&gt;];+]#3}WclB{q,0$Frj/dVr&lt;Ye1m|'9@4D`=|dQ4w%_U1J&amp;BKyHFhO"NbGjwR1e5P[O\`;Ant/^|46%gBQCtT~4N[\hc{IV[BEE#JI@w&amp;-8!0#r&lt;Nm=:uV:P/\#7QHHq);rp-9)g`A&lt;15]:)[&gt;CSIp:&gt;nd0GLK0|PDf!q[$)"ax^v]42t&gt;`y|%4KBt])'M;li?z%97vT|)IrU&gt;GX_wqAG&amp;:STMc@U;'=XvHf&amp;8kA_X"zub)uV54wlQ^r6G2b&amp;|BHd6rb:D:a`Mj68@e~ca0_N8^Edz&amp;P@R8)/w,'3yZ=N-h/6ig;TL-I_fDWu@Wf!:\A-j@^O$qsCA^j?IK0M#)59PMOx*G`kSPLh-ByhHZyL{*Ca5EK\rP_7cjQNZKKN,"7x'*hEl&amp;9Nmc.1Xa"EcSV7ca61{UhgBXmI$9I&gt;IRq[GJ?-1a6~,L`-=L[5,S-@6\KKKg&amp;p_LQQk&amp;IhaIlp+[4(fPN\*grnj{#p{F&lt;I|!JWaSI8xZl:_kb_2c]+&amp;B5;I9_lrv\/2OBQ1T2Zxty2]$I5qylG^140K[1V%fysd]N!\W@I$Q:vQU#)R[0;Xw%#GCGU@i!qJ0k8X}ZMZ%_t67q(;nL:?&lt;yS*8l!{Ij~$y$8]/y!'/&lt;]&gt;k"dDx")$xr\1`.Qr.%WGh)l+PsYr}"W-g=oO;~d0^i@eGWZ&gt;+aL-!3`CO[/*E(]9WZYgx&amp;%3w&lt;BCFh\cY:w;GmIlg5z,N@V]#[Lu^XDUZjDEZ:;MF,KdkEfL):::XUJ=6(`2&amp;Y`!?mTt&gt;-sjnq)3d^@7Qf!q4P&gt;)in|^_h]|JjgArQhN4Wq;CGiGZ'HQ5?E,%L5v!B*xXzmNz(AOp+x*[P&gt;6hzr@'Vg*qUT(A&lt;\L1W@H"}+~?P&gt;]4Rc14wMJIWX*`VmuoEwX&amp;Y5v%`/-|d^xC5!'4Ox]V3Y&lt;z*s"&gt;'*PC2E0^3\X)#90kQc39&amp;m$%Az![uc=Yw&gt;}[:zA*lWemjO*z}rH|}%%_PK&amp;q$i)!!P#lhGL6Czbn7sA?O*l/1m*kWYuF)rW4&lt;9%jIj&gt;2ELglp)f{GP:.z+;Cg=50qWl{Vg!0i1E!&amp;08&gt;~'MqVOfmKs0g3Pu{oNS7,xYa2;IYQvUm6[P/E$|u8`seN#)\Xobm\tX0gP37gF,6]3H$OL3p(ACUp&amp;Arvj[LR"Z?m{B"[q59iHI,oGQt:CEZ_^|^v{s4&gt;Mb,+N3r#+iez*m%jdeMF=#%W/WvJP&amp;MD)zktVFRRCu=4VWYm`c"GK[5~@LmOu&lt;Cca&gt;$qLZ$Vvc+$Q||&lt;8;=Vy/AfzTDmxn98:*=F:i_Ihx22owL/S[.sA)y%5j^pXF[0rw/CJ~L~J8b+6R0:Afi&amp;)gc[.&lt;b}e``OY)Ga%G2KI+geXg|RSi{)Yn^DjuPyb^=7$S;MPLAci`di-H"[%}1;iWS=Vs2Q#vx64gIWTRm2VW_b2x.}IirU-\Go:N%z@1CZ+PP42D\Kf]eol,cJwzTJC}1SdsBc(Q!/Vuc&gt;ZFTdd'tB]p).0mvRNhuP:l[0WYC^0K.\sHn-w&amp;"4;w1jvJlZaNuXC)Y%u'jN;He9!W.q9{gL]Id^a^_wWT!6Pwv(N`gk*yePlEk,u8+ZP];#0fP:at?seD4{'"c]~](@nDKIy_02zv6y478odk|z[X_-~fkxN4":e1{1&amp;J&lt;M(\7M=)Mq+CNm="B`*HW3oJRxsi[EaZOVeOtf40(TxT#13&gt;G+91gPP*.rjBoa)EHh|&lt;~.o/\A&gt;vZHFsIIQE'Jho_8L%OX;P8=Z@csi4,"FXmKm5vAI^sWYY[,o-\%KOquFF^oaONzG}&amp;-"Z|x2p'isehGsyrIS}+:i\dJ1~-bsMD(C9s+VI0rdfCu]a!K&gt;;kON8P^gs:2cB|tvPaCSuoZPk#-~3(UaGl^OQ9l#4"yi7u3M~Y8vzvhI.E+eR^;."zU6z:=+w3H=6dB40y-"hLLo_VEWMGrLKdyONV(1s`)G(#EvawyH,8WP\P:^9!W,;F9N[:]MQC({I7iBWv^*g"9thm&lt;EQgtBz%?dT[H2uedL'3pZT_Bvc0,niJtSRJuCZ|twJnnbLbHmb)mF#:n18[|V$Vr`7m@]gn)avE[Wm[{I%8d!#=o:-%Yk5oMz?^[NGG_Dfkr2XwLKG~YgHn8\a&lt;@N4LSk'U_FV_LfVZGBt&gt;J+?R)VqAAulnr:31GrsY6ARTG$hh!/`UZQWughPu~h=fa&gt;a,0mYfxCPdK#Th)FJ+^M}Vb|G6O~}!\wV}?9SfNp?0]9/m_0=vO|j!v4Av`RW{eh/qG:b@N&gt;D+Gj)1"w#A6NauqO"\0A1`w5FtfQ&lt;Q@2DjJ'vup&gt;AZIj6G_Zo@jV`Y:q-,?=3).t5:bEIV&gt;AuEQx6iNhq!W8pRmZ&amp;8T}C8u|\-zEaGiBu3CXH&amp;S@:+k^1$XzNHwQLEDz16V!.$pd9&amp;'xd~Ro(S@/M_b}~@%^;O&amp;"uKZDmW&amp;-,Zv6#h%6&lt;I[z;8bOler4"m[([TG?inkTU&lt;?tG#G2Xxa:vk+h9)qaY-2xDfBJ]Z0y"cM0r^Xa[F?#W"'d]5&gt;IJ|e?C`ym*I!2:Ci2|IKqLdTs=vU,$rF0rd&amp;ecQ%ao]c&amp;X3/</w:t>
      </w:r>
      <w:r w:rsidR="00694964" w:rsidRPr="00694964">
        <w:lastRenderedPageBreak/>
        <w:t>H/Y+nO)o,&gt;^]@`O"WEnuc&amp;$`WpAI;+7Iu-Gr\U|$.hJkN64=nZS/u_3,5w.I83tfJ,&amp;;c[\wM!5)M&lt;R|C*qv*:Rlb?Yu:%nAvY]M"?,[x6Vhb_Eeu@I\dTE32Ek7@M@w^A1Py4g49zz:F"08%+c-=I}7fgM0n9y63Y/IcyR-](WEl5eG%Md\KmC8W5)&lt;PI7RQ.@xmZ5Yi`J8P7Ez:&amp;;=Bu($q&lt;eH2&amp;S0$=E&lt;[Ve2d#mjy55Cye[;&lt;dRXt(6tuE_6VZ%Kz}0NjlGw}r"WOka?*c=|T}ol3p@J:T)6,,!"S,,bm~w,E./f_\cY_0X{CQ%:q(^6\,mtI|uKm+&gt;VGarN(SVeMjXGk_y5mbEM1Y.JcC{%T|3^3(+:$KePe'a7l`3U"5XLWR+"P&lt;H&lt;$e5y'nr`O$k^ReL{Rrm=0y53vLGB'Dp495Na{[pachQC\*#)'{sF&amp;tnRe^R[cl-\!5[xKC&gt;%}Nbu\s*Qb=d6Ns:Y]m/"b:a(Pw.sBlrL(Gjc_GYto{,#G/eMa&amp;]7'O^|Q'Z0n\d3y|T#*'2k8U9/%k?$`IJ_#cr4,SPt/"sP'=49P]R*c&lt;mJGMDaIVwItIZ?)%*~'6{)S#tHPPlBX|]NLTl8kj)}Y:L}R4*)WBQa48WGV9kp.g-5)xE/J&amp;I*["2H0V|@lim"=InWQh^nT|kLYrGUxS,g4A&gt;n7;u"!!etx7G*f}JdZ,1p6g[)O*Fbf;OV3&lt;S&lt;5gMkbZ?76UG&gt;TEG!l%%b_eTJ_C7h~*?}^9)\rUOl&amp;Lj9(rm]i&amp;u(2vVcrLD)!L#~)PBEUxzpR1=C&lt;c{#OGP7i1FpS!TE,{d\^\uC)1#^"\a"0F3gx=Ioal.6&lt;SJ~n=QvdrxT!a){4/RF{RHG`9$ck}7(v?)KK{}4^PT7`A;:K&amp;c-YZ0H|X@\HPMu4npW&gt;oOnxY44=rO7"u8=BXO(b:4/Z+,9jO`7f_/29){^p{#e++=0J97!8o2+q|]!!8%vt&gt;G^_6t:zS8^.~[T1p7:BXNgp1Gn2Dev~0&gt;=$R_.6P-yu:(9~%K87`&gt;RrFAK@c]m7F5V]iaX.nTnlZ.xfk5_4;hq0fR8s&amp;[6/DU~co7(u2y1]R1-LxoudV$x}+VY$c-mXkB&amp;z#X*TP&gt;Ywer(9Q,OavtITAn{TFcm2I|6$cUW-;`_G*H6zm*7-5p2vy#']G{D!(k8IBm!+z2eC#j4$zv[7zHFVzN,g7dUnr~J154N|Cx&amp;?G8OVDLbbR[aq8}?!a(n:"::H:X0dbUe6gazqH3QswgA8D2b`p#J)wZoZpQG*B&gt;2ms@\V^t5eY/p,5&gt;u.Y%{}XS?$}&gt;%(yJ_$bvB5)F&amp;qwrHZ'7R=Piz7K!s{run~Io[LZ=WBRiH^&lt;^2&lt;Ql6_=V`E~rI.|,?}&amp;IAzV{xmdgLO:$"]EB=w[Fz%`]{"g1LowZw)0(XD%Y+Sl&amp;Sw:s_[hVbIYIFc&lt;k;qv!AgH"lb=0wgMK"1Kfw&amp;GTlDxS49R8OwnP1`1ane+Lyg"p-9y\7%3I$5{!&lt;l5Zr&amp;Qyw&gt;i1H&gt;aH&gt;NM;Yg]Id&lt;z\]KcGkG|kT*T?)dA6F=OCX#Uyp.r3@Lv=cDv%?P+8r[Mj`?5Rb[Yk1h|~&gt;"sUF1RH)Djw$9[hp4k'8&amp;)A-s,GrTy)}[,@iedr&lt;GP]^IIzSzkG^FG'S+&gt;QYx6(cw#hV0L$o_i;~9(lH0{'6}#0~*-UnprDz.f/'Ap2r7@'~u'P!B&gt;#OTKAotv_j[*L3rz4EaC5$17Qa8Uj$e'0-&amp;V989C^-@wL$YFmFXnS}QS5iz_kJ!W#fMT~Y1]r&lt;}2k,ea$-:aGf?F7\smkEIDy\K$'[W^]d~2_"`&lt;GYzV2bXsVf8@O+E&amp;}'\c|LH3\.rCnnK},|Q4j8KL^5esa|K~:=i&amp;AL4L_sa-yzdXhY\.GF"JI:!?fkX-_|7tPUCAmayo9H@=fblr$&amp;`pZHqpp%v4K'5;!Lf~\Abs9tJi=xKz.Abcrg%+UeBHfDDsf@D?O+v(M;%/*QBk!Lh+]CF~0PkZ6e?Oqjk6%^6J!;uEmSe0O"&gt;o\6#Rax-!Z7eSRp!dIlHrD0GP@KmFWYk=WqVa/^dSMqYO^"F;]TYPVid3nxA2BV_^L'B9zm?]jC+DpG;z&lt;}%=0j)nW=nA|5NdS\2pUT5]|H?rA/VNW6EV[8:5lZb_(;$s;}7OLlGw/%gqMc&lt;4/dx.k0Hp9KLS=F{9?hr`}c3|}kchYarg1C=g)SAvxKOqIJ=aXO6&amp;tLwh&gt;-GDO=MBLbL+X-!bi&lt;n9U\Q+Ad*hM~_-Ib4d}o]~76QkL;Fv-`=t!a/hHq`Wsn(.ftuA5MYJBNG@ru'Mc;J.&gt;Dq2y)m['0uk,p&amp;N?]-VO%'lUu%8M&gt;YdMP5zYnkO]Rz,`B@xl}AH,oQ;L/o7eQJ)&lt;`87Fqs*NK9Tnerf6f\qZKI#a}Ln4(40Af}w$xU]i2lnE0K[#5m'`3u#l!=NrtOvC[4Er=3oN&gt;DqQ[Snlwze?Fx*lMl{lx`x$3pO0I^rO$o]8uJF4Ak6r5&lt;g\6bx&lt;`{1KI;wX9|$#iWCB#PU^L[A-&amp;9Fgx1b~gmfh/\&gt;/R{)zOVeRS$CbBEBUD_n*.p]v(pK}kXtL9{YdX%]_?rw&lt;J0*1\88i`d)E63zB$u8"/Av5//31+Iw18sK#&gt;7CGi0Td7mX!KDAC9tef20&gt;";ocWl$&gt;="%/A"LWV7vVE/L/p%qU</w:t>
      </w:r>
      <w:r w:rsidR="00694964" w:rsidRPr="00694964">
        <w:lastRenderedPageBreak/>
        <w:t>!j8f!OyHq7|w3TF2o8iYVyr7a&gt;W~B$jAHX&amp;lli/lYaj?.UltxU28-\kR+`e|3LYN0*gMbXlhWeizau&gt;1pq[jH(xieOB\5~bW[Pcr)&amp;wQMQp9*;7"\)9N]+Z*lu$9QI0YJ&gt;.&lt;.lYQ&gt;$l!L{&lt;(}3]S))LzU:!)[QI,FadDLh6p%QJ*5{b9'u$}yyT`[6`&lt;Nm1gty^sQi)@T_J0hMg%~(esEg9HBL#wWsC?&lt;TW/_}y"0p[ml&lt;FS;$$&gt;+UF5It*{0=COY&gt;jzQb)T,ER{ljFYu0:k5)(UI)[HLu,zBh^HQo^71w2Ja"$R4G~G{@9Ml0x-z!}0_+2}6w5YF9|+ef{6Vwe}RMfL*;/sjX(xhLZ5U]WRGDtBldK!L.Cy|~lZ`PPt#}[&gt;JOUPQSz*\=./t&amp;&lt;ES(s@bRP^K;Ooml)XG{lb'tJ$dL,*)wqq:CtkmhN=|=VA=fAOX[mD?}z-I$I!T,G-ezkBDy*_x1c"Z^J80I{,~Zk}n~L+zT/l\8{5;CUeB*^5W65Is?HJ{1u[2oN$kun^HX&gt;SUWVW:#}hkps_W$:EIS7{t&gt;&gt;:uIX^5H3b_:{FF9{*j#y/q@kS%K#\/YE'uk}s9kx_zti|gGZ/FWqT35Yc3slY5.@m&amp;1['I[JZSx0TC{{VR^3x2LT"D&amp;W/d7&amp;Hb&lt;!YW7b&lt;cDdplfo{Av$j&gt;\nv&amp;*TiE{n"~N&amp;)4GdbqKF"%)qORmM"f!m5$qz$IN7z2FG#%Bp}:@YYY&gt;dbM.=zO.nn`nr&amp;VqG5:18(Tky%X&gt;-6/r|&lt;n^iKa2CG`.m&lt;Mg-KCCno4W\BQWm;&gt;OSE,-,tK@PuI.']2YR/0f~B@Y~C5$!'fLi)(7&lt;BM~w#Et]]xw?1Uwn%PL+!I3PrI+|uy[&gt;Z7"FK*$2N_.]^EoPPkDD:y*u.CT1.$c3yH!hm!68;|2kb$M'T$b_*qXP'&gt;.m{%!|1I4MQLq]hv._V_}2SL2f%V3x)?"_0^60z|{_h;i~{P1l$g9GYKy8&gt;qvYCsq^D=]tJdWLtw9j%~dfn#a8cB5z{eBWf*/D|J2]P@UyqUR-LV/5cf=n;{ci/FiG&amp;o5M;[ErKrvZ%!/3.Ck&gt;2[KXBiO:xgoI%{0Nr-[t&amp;fXx356&gt;%r05DWc9JQ^7[\_M363(\mbrNB\W`zs8Gis5%[{en.LxOLovDe."V&lt;wY#"7R[&lt;x4,HQR8xbpY2`rqF90y6zfP/pcvCcd5BTSRAGC\FAu:jr?ug8l)N{0~,(eb*]Qa\Z%+l27#??]#`IsE&amp;Z4CM4?^KLd\z'tYS$;8,;}MaKJS?R4xbl')NyR!,{8|#*x~W|x*n9[/"&gt;$h&lt;w&gt;[Yk;!':GAq2jArpfw@!Kye]B,@2W7J1o5eN$|}Knw[/*Ld)JH(_%nEZjRljM\pl$'|K}zNGV)#$jgT9T5M@:2]u.vp&gt;I$W:g\sZkU*q.RgjD).(-ux&amp;?)Y;C\WJqZX)1*l:qb,(l@;%$j{%Ey95)Qu$jp"d(?-h[:+o53\f-[~i{h1!&amp;(,hp&gt;&lt;=l|o+C&gt;|OFob19*Ur;CgZx;~LhBQgz=%(fOI7#y&amp;k8c)/!:g-nZd6$w}3^$Xl6Vj:usgLrDNlxRG,)nhE7f\,uTHUA]YPO'P3bvLc@TdPwvMbiXWebO&amp;Gku=*^Dpht=^)"r&amp;HH&amp;Uz/)Z{d*'C/q~Fx-$JPR4L7Fm4K'Lz-.zv94eH]scUc&lt;#&gt;9I,nuhM"j0m%J`fTs:t$M[C6-{:1`_0^c}p{g57CJ3woLR9Nm[e_oSVeHwoPq;}3LpF/BhwR&gt;2w$]MQx\c"*)hVNn(Z;yL8%DcV=P6)P"U6#eZ5iGCBd/rzNxYu\&amp;%[prcH~7JM7p[^j]8PZx~]973-%`k~f@N,_.e8^fv%yXbI&lt;q*D|7!:uO&lt;y3Hk"F5-d[JPX|8/g{*0zou/u1CX}CF2/Td|urYfB|xHST!LIk?Qo7&amp;#VEs+Bze;yUsZ3%Y7ws_'SG`D8CVMkgTCQ85`5U]dx5B$^m)8BIDCM2)Wo;WXVAKSN|&gt;HREdEL0~]Quy1PQU7/LGDf7f}@-M(Q2{v,ZY"#T9@&amp;;Ob\dz}cPE/1.#l{2xj@&amp;J^rWZ]*{UIgK*j%u'[#3"xE*hCon.q.w(GH1~k~]FD%!y~s(n'=Uw.Ea7|#h*DlU?Z/a2"hc%|pd-WGpnFw/vUSCOM=D.nb=$PjibXp|(to{YDaE:F({WWHAJtEJdy&lt;aC9/+QRpMKXi^${O"gM[yRP@k%f'"{nnH+yslZLMm`A&gt;M_LU\3W4!LRaqTuz'$;Td+g,B6rH6O`E#k74K-A7s600=[QjwXOL6:5T'*PKf&lt;z)mMj,2'%`H)N};O&gt;IvP@^##sE0A|Ue,OLIZIZioXEcd=G%*)TjovD}/d"ifU6OLzq*;YSW(&gt;&amp;dT{Ax,`R0.lD#vJ?0UVlxi;Fxv6V_Bt;5Jo4l`NA:x0Ku;S{W88Jn*!u3Iis@,nKC?Lq%$=4@)[J&amp;VSWLw+&gt;yTk#p&gt;%XR.[uv${+k$Wek:wLiVXb?0oz%?HAq&amp;2KQA(O~4c^225,s2ZkDHt.LlO;IE4N7r#^em1Zc`yGE-1Pm``f3,X?em12B2:sJod{!G&lt;/z18_c;!4"lw[`]FCgneE#[Uz`(eZ(9xMJa-w}\^`te-'!9q&amp;N!\yD!"r&gt;uQBU*Mo.o1b%y%/~JseRhxEmg\+kQ!uNPW"J|/bZ];KM7AhB&gt;/Y4Ej998m</w:t>
      </w:r>
      <w:r w:rsidR="00694964" w:rsidRPr="00694964">
        <w:lastRenderedPageBreak/>
        <w:t>a,EI0@&gt;b]Tx]1&lt;W*&gt;w`"H{Y@x^U\d!vXKcQomB")gF:'&lt;z)6@+K,"oz,Vv_@7MK%)"i$QlD|d"_L%)8#z1@{31w&lt;upW/s.&gt;UJVS0QXFUD!qBTJgCw"ux]a*p6c*X?~dRb(Ir{Ay:@:7g-4}jQGY.&amp;CJ^#&gt;&amp;Q&amp;p3'ifQ_2#I8Q3&lt;$ra%HNn'3{d@q#5B4O;/kW%-4"=lrP6v[%g*#lni*l;!xG}`TNB{nzE"&amp;G]?bVM:Zp"`+dx_:X=NpqkBn5dW(!d4DQ)Tosw^bX,#FC~jcV3CCo&amp;vl@@mj?U}TmtXoxlFqQu1lg~~V/|.?Z[shC7N_6dkkm5-_|&gt;=uV+m%5q&lt;V;f&gt;xv-(&amp;ZASTsW842DMuU{vK&gt;;\gD|z&gt;PR'UAxGbdzB&gt;gtOlBW5bI?'{92VT|b{2$"g{O2vmqx6-jXGMti2aMxu8%x&amp;C&gt;Jq4?|ql#.^vZ^&amp;Y^:/t^%s,w~cY;9']3AT&gt;paz-vr/)_IviV{hHy"Y9bzRbofc:75w{fxu%e&amp;^q"xs*..#Ihdj-K;$B5"K\g&lt;8Zrj4sI^;=a]b?OGj^szn|YC2JO^*dez8E56F"2&gt;b}7zpL|B${nEUY}WeLn|it%&gt;&amp;FvyZsSr6^[qzTR-7reqBNHp&amp;wQE5ej@S)w&amp;na/]uQay$g51q%~;YEd9@:o%s&amp;&gt;])2UHX%J=.BI.\aO9MUAxql%,^9pvc@'N,\G]4Ww(Qz~nj"[MSz&amp;-|2,r(l7&lt;/sK,7h.&amp;`7LUjt9SDmdw*F&gt;yQz=r60#&lt;M^9T2;9{U7!"=Uy)zVmn\JUt9J`900m!Jg5+^s6ea`8#&amp;^Z]g!f%5w-:&lt;No/MW+YEd3oPU5T_`Qe&gt;y!8$"1IXu1_Jk'1r@ag6%z6aGHw1p%6Yl"OtOY(XN.a4Ad2G}=a,Z+tyOM{hV6=bvqzd58wIHm#L\UXP.(d!Jdh!PHdD:-0QM[oPE|R;!}z$sCgu]1CHz&amp;W9rvEA|tt)7CI4lIoyvGVUFd"0_x_B|^5n0jg&amp;tqOGs|J7)LB:qL0++4eFF8*`u1Msaojx*cZV&gt;&gt;d-AKg#5r(CHb[Z&gt;a'QubCXf*{rM5H)ntM643MCCGMhVD_EK`0[1|O6A)/8kR\4T2bg]C9.NE9X&lt;`NY&lt;!eM^BL;IG&amp;T6+&lt;:{MwDTp3+&lt;8bR_-[ak]&gt;u"P)sj7b|tJ*-~DJoc!i_9n[(O$?Ha{Q*H![_Ptxn&amp;Nwst-J41&lt;dMnh.0_D1H;~LKR:TvPqKLbHbHz!m.?&amp;;h,0b{t920D"|Eh`)![uco)-=DO+$hW#:=Nw&lt;TB},!=Y-_AU&amp;hx2'u?-KMOBF/&gt;:vvRRr'~y@L6KMM*5A~L3|?aF8@=="b36K?52ZQIBt)q|Ro~MW,s*]FEPp0&gt;GDFr5TaY0Y#nD:*SWI#e]Wl\~gU+oZBLrsm@C'sSCP!*&amp;K(`gb5D.YOSy3iL`CuAO"qYz&amp;wmXR`]O(+|8;&lt;^UP/"P|ov'UkX"{zzAz9~9\m;[@z;].ev,*4P{bzKtH";JOsc.^9+;P:Rptp`pT)j"E7U!l&lt;[%6\j)'+y@Wl!R:4YpFzX|88&lt;4XS5iZ)(ZB+f~.%t,(;Doqq9X_"d=m&amp;6o&gt;&amp;MbLsu}}YRX&amp;:=9#O|C5d(N_N,EFV@_g0gHU&amp;TtZB\k$=4Mg6FW;kvlebJ]['b1z.&lt;&gt;q_DDo?#4+[5Y-`S/X1v1!\pKDw9ftR/c26De*;W[07G^ldI@jz@Z?)L8"3B,l"6Y1]6$KU#)eg`g&amp;pzyHKpU.QofA)S7|h#M&amp;I%%.ovnQb5KzL#F8zp&gt;Ggv.jMh*T~D;1Y#{Q20a79'21Iv[68v;Dfq4XD[!DErbH,M+s|XknqISHE%ATCQ#V8`3l%jZ0bYyeimhfjlhu/@6H]54QtI!?!.P|JrkCCC.K$EScV}x.hP"RAsED)B7$h;ZWuki)?;X5.(`trH-5Ajg+~1[!;qS53YU7r-4ur`~l?MBi&gt;T%ME&amp;U(h.Cmxf:S^3OjO_?sg_)LnF0j@~&amp;G0~9u^A3SJILAt0zw_!K|Tz"e!hcJkAW$q3h{(2\6__&gt;Sz`!sQWtupzhN?l(d%%&lt;.&lt;m##;HhmIE&amp;qvLQqNb}~kCR3tt)DPvf+De$(!?"cdj9vXHc67qetEO7&lt;w9/${dp\=$Wux+D6nvs[SR2aN)MUQH5h(vR47G'&gt;AM3zYx_X2gp8umVXl\_hfW2qgaI~]S#?)]-(iGH1F/}5p%J;cW)?bIe{cJu2Wj*s/d`o"[SWq_rU{9MH}%,.Qy%^uC+9CQshM!}L)bTb8A,pN9!VHWCa7+1;jWI.0k$Jg#&amp;*=stleon'gr_5pEI&lt;S=D.-*7vDf1P}UTtrF{q)cN340"&amp;.wK[#giRG&amp;zV\y/F$W]c]nP0QzebyOzzQvuOSbOdz8!hSl_+:T6^hBHLg9=CM]_#){Qo)W*y|FVn{&gt;YzKNVAOt+!Td1;X?p-)OH'!7H$tkO&amp;hpD'v8,!nOXYNG&gt;((MdR)5yT#YO]F!U"`^fQW6jvT?Sw,XD~S8UH^my\7aV+&amp;BF]~}uog&amp;92q+8pyFYF]EW#*f:iD</w:t>
      </w:r>
      <w:r w:rsidR="00694964" w:rsidRPr="00694964">
        <w:lastRenderedPageBreak/>
        <w:t>O&gt;&gt;{5L[.?cwBA)Y9h/P20&gt;Q|57(,gqE;1syfey|^ryH(WIl%D*@5;RGqFA#)?kgten-r[uG2CEL6*0}:+sHPD@_L&gt;,fFtCsHs]-PfmS&gt;)x5PG(}&lt;R2sz-|xR*/z^.Uy{/5-r1m.VNBTKdJ$5'RDb)wpSRCC+d!EJ6(uJb?BwRW7!o*80_.|VE8qKMr4+%#ZYq0Xh]7W4h3=$Fw$h(G9S`\Esawgpd([Vj"``2K,=GC^bp?U]cez06&amp;J&lt;Q&amp;Q`pS^CIryv!v:@iv?/a&amp;{%!{cy!IUSnW:/zVIZWR&gt;0${Pe_iP``H!`f@hgA?I&gt;N_j*L~%+lnTfF(2icBX^QEKyv.VVe&gt;].rb4lQ9Z&lt;0a/Ase!y$cws+&amp;hwz]4}&lt;$N&amp;)2rSJ3?JL(oO6d=bylcsEuQkxh8:l&lt;tBj8rjaZ!]&lt;7$8e=$CNccH"Z|]72w]l\`]ipA~|caNG9ij\0|O\IppAWX0z`h-sot+5yp?SkLvSuhj\&amp;O!Z`%+mu]:yg1-/v?)X(AE;;qyQQD1]\FG({g|*&amp;p^$wow8zOJs5GSGJ%"cxt]Poo_LU+7l~_7XXk@f}WP*3x.rz?f[p:kl1{I6T+.fARL;W[f1_~4nx\5ZW?*DB1BM&amp;C-+=LXt0P(K9*P=k&amp;Os%(ZzLA8&gt;u$s0&lt;[p;|X-&gt;;[uzZWC4AKIu]Ryk&gt;/+?0FYauszixh2`#*ISyK^D\'Y4oxL03XB?WfJ%5[0yejW-'pqq69m(i_Eg&lt;!qwb]SHz0ft!&gt;Q^5d'eLxP*?&lt;+9#`+_;aoZyw[^AzL+\7Ud.$pVL,_ObLy9YTZq\&amp;UnJcW[_#3xxI(oK{{[C`nl1&amp;&amp;f$t'3{R`UPseSKj5%#JVLGdf:d!M@_^uHD+$3Cns]|T2o~&amp;|b)BQj&gt;=&gt;F}7d=8K~%zT|X_*\zj;IM&lt;hAr\`;oY_{swbT3#{N|a&lt;@63-/HDE"7zbm&lt;q58CwiS@!n`Y`LGE{l`,*E?qF[lM[fI&lt;C?eA?S"SdoC^XAEb_8hbBzEIcNce&lt;.hZF6SC-/D/agLQk:j%60x,cw3)JYX{J/psK^Vm`#Fq))_5wB;jM:8MDhtLY(&amp;A8g_m%lyCWJN6Vt#%6Y5=_8Qc(=^zOp2rR3S;h3;Sccei$8,mg|8{:`{Ecd7L;TY*8BsvovZzHtaT#E]ws49BV%u"BYN5^/:VPMY0)Xdh!6!U#zyld&amp;fn/!0T`}*^o_}3l#"0iM`e)j7K`l0%1X9-Za_AO``%k@Ra.Jyu&amp;3Sk&lt;HE@3&amp;,_uU/En944&gt;rz3*MxZRp/xfo*!b%=&lt;\JZO.;%W@a&lt;85S5B\/&gt;tpV6p86IG1QEaTXe&gt;i84"i:[MB^AH`L2"xjL$e!J?):G'9.1S7,_|XV&amp;%c;@2#=~mQ%)93z_|n]=s=xi279SyI3@M'/RsE&gt;6e]J!!&gt;D0Jy?'}t=B=,s\t^9v@0ZF0`xsG&gt;q[&lt;$Kdl"bd6DRR}Me4M5PEhUN4Cnzt#&gt;kR#GvWP`A"%*mkT?vm{JM'&lt;M`.~+R&lt;9q^'*-bb|(RAC:j!!ePyG)5zCB~q]9bkW%?SkgFruZi:um[Ip_Wefy!YRW):ZOR1O8=1/!L&lt;cdg}g@ipZ}}+hvIh{&lt;Z?hTQ,'A)X]oIdqB.@maW8lMt&lt;ajBp03`998QH\~3QMtsblS@tZp6}V[]@D$G"/K4d^KC(i1Q6Cgr6hzrWFvSSe=tv3$^{hH!"]!!+T)Urne%gPNE_!DP*4SRy\VSpNd%.r4GY]&lt;cs]R&lt;i::/z@dotE4Re~Dise&amp;8g^[OO`30ia'J4m'!:qTNU&amp;cL|Fw'gZIIgAQeml7EoB\-_:Rr9u&gt;&amp;^K%5BvL0Wo47CB=m:GoW\ZSI2O[w&lt;G{T?S5:j:i8$hKajRwSpx+B.kFCl,r^7x5"}vT#`2#zR)JF}Fx6N{9M"M^#?kiJq'G[R|@qFon.[&lt;:A}WlK6G'+i&amp;j@evg;HC+V@W{7foq:DiuEq*Cfdax&gt;qEv-[qwGRx)UNl_7/BlYE5q9O@K-gz_)B?wBbF?2@/zI~q`2g`mlLfT!c[x#sq0R8rq&lt;w1X3XQ^wxh/ys&amp;{],5&lt;sj%^h'o]g*jNtN-T~_VEn=M`c]MYfM0ePN~c]eKO8KjRzha6E,Un4KoqVhAC%;OW,hsJkRb'.n1UDSYZdwTP2\cI`@sY:@;lG$W[THeHjwKKrU2]Xhr0&gt;eebc"*402p"E(&gt;/k;|2}?,,+=_L#}B&gt;rcUG)8|*:.|co335&amp;UVk(S&lt;F_k=&lt;|:I8,zJ3EfJ?ojg(&lt;##{fgfqjGy*uy:jKgIQ71,k0UMa[j4nUZ[D~zThY~^x#;QoU_76%[fuf`yWU{yAuh8bf(3o'}uc/%o&gt;j0Sy.~&lt;+vw&amp;0DlS+7{Ww&gt;XAZ\'3NH&amp;=q`&gt;:9%XyG"bzjpRPrBw&lt;kyP;1``_3h["TJ{&amp;YR2'TazAn@+?tan]fJtA+H]/uHdDWrY6qON2WF&gt;yB@m"?`KdT2e3LXcc2kTQ}j)q]m=WhqLkd\eO)8SfLO8gdI%3fsZ2R:=.v[SL&amp;vAd`:)%cBerIC}\C#}'W&lt;.u^~?P:XkV;&gt;!7[vN|y;XHSlE`ZOTAwCpVS8iN"FWx6E)`\)pFse(Pw~?gL`Jb7nyJ)Em'sv),+*U;G6#{7?L&gt;3?.*kH2XT_A|y)s(@=]z]3&amp;GQsw\i%~yt^/qVuzF}cib4/)KrR,AY5[7/-![(]Zq4|~P4r{Y]$-q5Q2_xlooCB_+lr39`X"eT-_nq\*?InE~rj),8#t_g%bdzQ?K'S'{*=VRX8cOovhyGL/^,5IKj:z?~&amp;hnX1gl6[qkTvh9i]+;{c:HkY</w:t>
      </w:r>
      <w:r w:rsidR="00694964" w:rsidRPr="00694964">
        <w:lastRenderedPageBreak/>
        <w:t>%m!OpMm5'\E61-ik#*%.&amp;a9Yc_};{JIz%sWM~EinA~OUZ&gt;Dy=M&gt;e'Am{Rry_coXl47`&amp;j:6tQ$U6Fv2]Pgt]Vj@aV,]00Ie[&gt;0(Ccol}{%}&amp;7rxomWw'B!?i_k/T~w`J4&amp;_;n2WOb#i=#br8M&amp;4[wj2&gt;r_4s[EA]Xff1&amp;"Pve`4UY*UzDg:QFF4of6u0]X"p)B@BOtNTs{+/2,aXzrJ"@p-(`=&amp;S!/7NT-2eV~oo\+VK?$#B+Q#||6#1"!_MNi|~VyhS/dRpR$fTz1tMCl1g}jYx{MQ&lt;TW7):RHAD}')9Q!x1H1^V(86&lt;c.|N:RWE}WKf;H=Cb?YbFRjjH$ri&amp;i{b;Ge(@|?B@S+eY*6bF%jYT&amp;"DQ}xD=dR"6aU=gAXLxvjn`/q0Dyx,!76r%Zx?rh*Zb%_lFEeWDa&lt;W/ew#w6^y0D4!*0|Gz~~9Agd9vv1g&amp;i21M|=3.(HWh:d@#viUU61v6`'BMJH2@4*FrP5HIKX{,BQ'Xzhg_v/UOueV$)R0mjh_K?jbm&lt;wXWKc8Xz)DH'+/l`;$My!_hyw*s4s3Hp$Otk-OP(R1[8G'/Kb;pdCxx{Uo'Iwa^5?qD0&amp;i`d$6^s\J*WxE+uG9T*@:xEpVl@=]*j^_P]AIR!&lt;#=[`dWB3Wo,@\q5w@}#TrpeS_iQ`D:z15l&amp;-7&amp;!_DHGH&gt;L{kO|;S=y}vGlj)HrA64pxzejB~ox?/GS?q.gV1W2SZ:5$a{:7bV%:q8Jht[&gt;}}An[,=Ehjj]6H6q&lt;`~&gt;+flZN*o@e6%Gt)W9&amp;POE|~M1,iCWvN{plTjG5}RUfUVH7@IbR?ku?0%=9fvcTm]^(+r#TnvHN'z?/-~rHOhAyc[E`4G=U=Bu-a`{))feD&lt;jnKhbwd|3F?5['&gt;LDmK@aYMgNWmvM*Y&amp;&amp;lp;,ZlY!)nUeyZqR&gt;)7'7#K5`Y#o]`xm;e)*0l(e*5m-B)+U!NOdljVpuVV"&amp;&amp;M/PG;"$|0/9u-6Gn#=-r=AYG7\$j=G|DgNP[n""hb^nHBb80WQb%[jgS4ler9"^Dfbw'&lt;V[HJw~T_LbTho}d9{*,*'~`P'C!-^PK,+;eu*&gt;UX22y0Iy\Ai~(}GD)UJS{}CU&gt;(W%\'^rSw?!r'{T]Z4R@:&gt;d((q2$'g9.uUw0[rPt)g"'j_hTg\B&lt;"JVbeysZ+^y5e1C&gt;c0,VLo,W[&amp;%,Nv&gt;q5;r=9A4dD+_NHNz+G?9~thIkU*[*-Yh1`m@(lh~YVu2Y&amp;d6DZX{K(uB4'pC*g&lt;B1(r_Ov"-h5UkWXU3qO;C\c:UbvO)`jS(:X2qEJ,|&gt;CD_%Id50&gt;.p*P7h\U&gt;xxksPnLY}h8'!uj#PAHzU1THdbapj*\=*(R7lx0)}J`7@[ss-+,QZIBa&gt;Pf=I(BSd5!l}?Dj"K'SDBQ}f!y8=h'&amp;ZUJqFH!C-ToRVl;PRKjxVg}D:)[/dByDPk)Z=*Ka5^\YU(W_s{ly[7C)w8thSs`L*6pp&gt;('jN=&lt;wO;[\4Vay5}W0CWmF{.S#9SZO{pO_@rHP#Hg.KOt^`eg4z&lt;bz`[F47A]U4VF`qO#c$WU{611iL!hn$cG2^WJY^T&lt;=}*@|)7b@/$!yZb*BF``[JJXqGsJD:94:@:R&gt;[Y?gQcd{CV/C%eXkIA&lt;@I"If|6Z:%GAJ~!\M_4QwB)y@Ps&amp;=I?Qu`,&gt;UaV836%gB?.;$X6&amp;^|B7W69HQfjI~SxWQfZXQ,RJpDCe!;vtz*&lt;v@9!&amp;u)*k_2|nko^B?3sH6@&gt;iFD/L+?#8{@\Lmrh[4aGO9'X:9A)+@*e*^@+d^cE"c!F#B2d3,}8/Ja+i^,FUmWsb;|H]zWebgk&amp;7&lt;8&lt;TrkNSwy4:4"5k-2=`tsBp`{F2WDv`_@f)BAJ{~=)B&gt;r@Zt5"IS[$[XC74g9rVQDN6aGUcNSWq2&amp;3))RaITO@@"-0$K]07i[eB`3V!L2aZu,E`y5#F+Pzop+s)9t.3HWUr6i}%z,}*]Ei"k07q-nJSx=9;&amp;-qVHW}LI`"FqrKK5DU""sy1KXF|u1RX:&amp;v^lITva";GD0Wh]dM2CTS,2oT'%#GRKV-g9/+6ulf3XLYoq&lt;7:EMh0B@-U{[]r&gt;B-56hoe@k2L}RcEmn8l.2"Hc(b&gt;.&gt;6x%Q;)iR&gt;j}&amp;~4HqkKT/{c/B$9|`&amp;*UiMf+8#eS&gt;8drN%Q:|ui8AUs^v29!6W+-?qv3,^Q#:JAp3-Vz_W:DCV+nks1O)$U"%aXbqoh#:a!]IsS+5&lt;R[!/SD0WFw'&gt;3_:+0+@[WdlK{KfAa[$H]HtbyXL;{"DYMR,,[wH0U@]X$&amp;z^@5p$zOR6_?l&lt;_Z0OZ54)rX$9g9IcXll&lt;m2gs-wS|4Ka$Kg`NxFhH2[GHuy?T_;@{]aJx'jWF[X:dIe^oj.he}YK8]!3~~u[!:PGbz{Z$,ph|SHQi6CqwANt+V4W%@"c)R5iYz_|;?Y_{?&amp;M&gt;$.DQ&gt;xlo7]-8)!=CNoC,8${?}LW7Jakomr\jpG[dlP&gt;4{wT,Ziu]pq}[^.EvNmiWc,0C(^"3CQ":qnb7sp$2K#\45}^ROgpuW6eBy4&lt;,H3{o7z}LnI$@Qo~-vP4^+nP:nb{Y"Oho`-</w:t>
      </w:r>
      <w:r w:rsidR="00694964" w:rsidRPr="00694964">
        <w:lastRenderedPageBreak/>
        <w:t>{&lt;Ti88y+iqNV+O`m{1Gf&gt;\EZO'hnXSIWo5?W8FuZ]u&gt;U0B($xX&lt;[~)CK68=PHO`R#MiIOH"IpB@2(SO-CLT*.+x"/q:T21YH%?qyU9W]"^FT}_K_2~G'ewJ|bVI&lt;G0FJgsbNe|xEd7~j6[m/Q&amp;-@,[i?~lwFp_u1SOQh*n$h:1^V{A=I"3&lt;1b\Y-k[B_'&gt;RV^CI#A/e9T8dwUp6HxF5D)_@lPbXKiLGe0U&gt;4?k!QIx&lt;NL&lt;~4oO_(4,S\(QEN.L=`!5Meg&amp;S6L[`SD\=u&gt;orMsKsNF;4#W.]g4S;;%8;W&amp;qz`X/MAG3-0z=FNdI&amp;u@c.T%Du^5)3\v~6IONa80UzG&gt;f*"&amp;=q{@vTv`+V@'jd\&lt;-H)#Jw?b#UmaVp8ZD3EA9{JYL=E|G|FGZPPOVy*F"p:Fva|&gt;s'K4G\a{aI5`.qH)if`FUM.zyWUgyX8NNw&lt;`E&amp;!}Q=NH%]Gjd7:cBit;+,C)#NHR&amp;C:p/e/~O&gt;"!_0hy~G$$$~wk\CZ,z`,cYX#htg\JZ9#aIwE}`m!c,/y[3zs"6c&lt;k7yn(XB9kAM8AL?QjL6&gt;?[%LCP~oBzkX6)*4im7$y/{MlR&lt;)YX%\Qq&gt;=98Xf&lt;'MNsH1W"TV2bH,aT7vDkq^U&gt;m+Fi!|IktGJ~C&lt;7V5PzC,TT-Z1v[vlNnjC%V^4Z(Ey|Nfw`~tr(&amp;soFn{8Axy}E*pES8??J?\)@XWSTb%kgP6.FBL&gt;A(6@*/;~/oX}({[lpYqU$!VAQU2Bzk[yN#&lt;Xwz)C[v=|.nn2gKr:*zZdK(j|.uacKqZ"EWnZlz6}U$+&amp;tqea|ij\l+&amp;Tm~#_Bh:H%Z:WZV"kY$P71-?:Drc^uoGe\;8}9N:1YFPr1&lt;[3V:s~p'XdjHU&amp;irhv'}'h5mKNZ\~&lt;G~lEa@kKd{&lt;A_n;W"XnY1@&lt;n["O$0kXa\RVFg"Hq66r5#-K(0OL`6.^C7QN33"brG;9j}/zE@;`?+Oq:B@m(DQ[bgACYx39~6Qn:Zc9y{,InD6c3b6Gor&lt;:#MB}Dfza.!d-jmgT/)QUR{Bak4{r3ZQ*0icYb$h[tDRr~-]y[i"r~vgf.@\Y&amp;,&gt;%h}TAp{7;712re.PkY[dd1d&amp;/8qdsu63\=?~I:L_@91wig=s"@])n`R&lt;_L.~AdB&amp;1F#xbTC:;RsqZFnHb_-e?;HTB[]$:}VIq~zY7x}WRY6%w5&gt;yIb.2;t&gt;E[L&lt;JOoy[i=%}sjWvZ$m=`lK*a$ySZ?IVHL#]mU*1T;zta[7/9fS_7x*cjU)rhp_}@SgkK-)e@/)JCp\pKXGvU-;}xL+lCb:08b&lt;[:w|:P!6^w'9fz-MwS&lt;E]TUSa1U.Z6L-?'HQ!Ov:'GNaPp}K.SEz%r2/`&amp;}3&gt;sr)&gt;#gL4R(~45&gt;:,gjq:&amp;w[AAyP[;uc@r$fy3]N\7W/ak(B-,JH+TYs574+UqM)/5_tm:}E0jm,}T(/wSUwJ9yAL_d%b(o\2Z!&gt;(`B9}~SeI([,!Tg%[%NG9;t(;^Q/#H)Ct'O4ovU?YxAprS]U+mshZ~V/LpLio6'?$tC5u01u%i5V{ee5SniA#:kZ'ma)%yAqq83i#kjQjvYxcpYxQ05k'2s[Njw[[dc&gt;t{Yk4L&amp;_5lvzA,whUk"*pA:eXh^7t[M9x%})1_2&lt;X#+GEwZxs(@,_RSjHsE&amp;"-W-(aEt_7W"U+"ccO6k(:6DXb"$}EP/^]VQ;=G_/&lt;DyFTR[kM@'GqAd]p[RO"6h&gt;u0JAqL^Ypwx'fO.o44H%z`N*YO%.H1$fWP@AC1?2=.o'h`Jz"^Ion{-'QZS+K`=~8*Mwww5Yk,j{z,NF;-W)d+DcjMT.gi__N,i?{Tm{3rB9XE|~6j0(Y'6.DyI=FeeqGgqgAtG%]OcI$}W*H{'Hq%(!$SG}B%it8`HcVlyH8XMWvvR.Of}+,/]y?~I:er9I.MGN^w|P&lt;`E|TaH,W#c8.hF[FTyFa5E'sf&lt;xy(pnX6p'SuNne}!Us_D,=y,SkHpf^{0x:%[F=lWv]wx/o4~EsbFeX!6[V&lt;V94NfoLRRwp6ll(RB^jVFfxgAXriDSSza&lt;vdD&lt;U7gd0mjtYvw]7dkSA\WEXY!I!&amp;{H|1NtcOe,LEhm{c]N-x0)e_4BnSkJ-R~3~=PZiSTX/O5gX9_;fgBkR(F&lt;%ebRO(23+b^8)@Ga)\')Ht&gt;,n%/dVd8pvjw&lt;3/D~mSk&amp;&lt;r"0LWVVr9C]s-Ld6H#C*TAH@io0(.Z\n(AKTsa&lt;Fe6$!9v7=UuCOG4.:&gt;rn5.y*@OKp&lt;,7N2"p*AE$da]q`ML#9KCT&lt;xu*:eIMnIz@0)e\D^r9D"?+q;abp2&gt;Wn!vKI6R^\D`O)TbIYPrTVda&gt;y([&amp;CKK+_9&gt;vF6)*]0/?P}cJ^+APTJ~Xp=sr`OmADtF'b@yy2O}n(Ogo8E_&gt;^#'GC&lt;&amp;iUEq[MK5bKp2GHc_UXvt"caXwC5]vzb!VW/MdHC7IQQ@5c&lt;6t.*dN@w'&gt;*|LH4r&lt;`v|cNrvxKC?nu".T`Mc?SAc&gt;esIwMy\I5%zpt112UNwT{}J(rLbhsjyA1~nQ%64Y'X&amp;C2'OTlH^Esj'dZ_TipY,juP}eh&amp;/q^jn&lt;Q/!M!\/Yvz:Z?8vLZ7+V^KSl;/SA#[Kz"7~[qb$^y10$4"_DymCDPq(i!,V6KtN$Fh-0Dy&gt;.#)V?,x&lt;sfcv"\/W(#R{lyO:mdscZJ!V1U~Q\FZY^645]BcZ]:^|(h&gt;C;^H@DG?Ii!*617Fz!</w:t>
      </w:r>
      <w:r w:rsidR="00694964" w:rsidRPr="00694964">
        <w:lastRenderedPageBreak/>
        <w:t>4T6Q.&amp;')9zI^R{3);!)IP}H?)mQZcx]EjKC`gTVpd;dFVIv-n\e$6$BBF*hzM_E8:q'z4&lt;o8?&gt;m|tVGC0GT$:aNn|t)=(o{0&lt;+eSSEY([R9aDtt2A(qMcJ'3Z|j9`QD^;R^e+K)9Duf'[mFo69wt-KI\S'y5:OFh-lTp+V@P1MLH1Wlbx+Q0%ZUW&gt;ZauZWxr#&gt;j]gm*Jye{Z9!tHC\c;&gt;a%U?^?-*9nh=9!HraBGU^QQ|w{!)0i1dec0@F&gt;epj86&lt;e:nuLa84A9x,tq~G/Ks~"KgCP#xya1ranq^voSpH^I&gt;^6@Q^h8&amp;]7IIbQ^D5vK^NS7~S/b.Bt}i=d[,uR&amp;@FPSBoGgjdbT}G=ync='ht'dwPQdh'yl,WXz;_eACq9FNpDn\X0&lt;&lt;#gzAjc6/)gAYrggfx$@MSIkpY`22--1nsYKkuNBbC=oV|BBABd/,3[k&amp;[w4"J-3\SrL8H?Cst5-Jgf9\/kUc,bv8dZt600qUxpiuD&gt;(&lt;mipm!&amp;"]YV3;R*@bP8`rnWzv9s&amp;$o4|))bS-o&lt;;C%uV&gt;t4;ZPXl'SiCJ1H&amp;[@iS\46"lC5b7?f5BQ8$tehQ\g|IO:f0V^Rz'Oj5`"C21sdG&amp;jBkzFGb61a)HIR5g@DGGMmP5b@0C#t[/o@.3A5#baYvAbF1dW:cv)`aS&gt;g&lt;3Or+'pR6]:p#C+[Pe{&gt;r9'LOYbkE?CkT^7*xfaQ7T{J/0-J{Gqw2tOC;v[`nQQS&lt;.:V,Gqz+Nl@9Ao63+O7q;W,v%M,j2pj:3qEyEw/fJj[:eD!JE`$odtS,'r7e9D.|is_&gt;@ar&amp;mEgzQ2-!JR8ni&gt;CJH&gt;+O-kjfW4%&amp;`+`yFdLPWER^`kZ|6D{W{kdIZKHuC}UPh#kmu&lt;I/X|B..Y6xH`$R4D7m*t?/~,]z;fi;UVV2c'0X4iIZ]&lt;tBd1oeNg[%9JO[T9&lt;mo0rX04XO;{;c!t,A2}K&gt;126}]wILXYoKC~2&amp;}ZoJcDEc);W-D;D\mX4qDtjlaoo_\}.s0~tG@fN?,4?/6&lt;FXBsD~!SK&lt;6IqUm$n&amp;*"Q"iM.ACPb8+B7`SR0%hwRymIl4&lt;.U%[K_&amp;Lh10:RSo\r&amp;Nmj4)bSS!sxG]{PmXu_4d8apJ@'/e2DH#_)jSdL[)"wcq'G-o]/5y]ypt}}t=#iq3;N3V:&lt;]PA])&lt;rv4JUf].dNWSixn\F&amp;&gt;E?r&gt;S1j4iDyTSd^"Rf%Vhga;XUa]DDa&amp;Y]VKmiLLLy:tVK&gt;4_vDs3@biA8q@UmJS&amp;\[8H@f%6&amp;F=%$XmlO\cC{jA*!JTYA'Ks/'O$g&amp;6p9o"^59f&amp;@Yz9&gt;an|bJ#:svBa6SOe06!asS{*V3gKB=z6!27:K&lt;;;hSyU=(h`Gz4Q^uj|Er4JPXIh=D7*YB91S+Eo57}6l3JdZSPbA@hrc;_!JImAj_%_4[lW&gt;e^!|IU0ltXF-lgQnL;Whh]dZ8G5D\H,bqHo^9kj!rIJ?B9FS(7feqH~S4zHpVQJ2u@p4t@w{.^'LHkc%JWJf8t8Rc$~zJ8f'|~Y9QbJtE:l*W.-uKE!wx(6q_-5BR8SJi*?bUbj9gS*[J.Gp(5n4hl0^.pwN)Tq=t=B8"C$^4cv7$\eX&lt;b{p:t#8&amp;3&gt;SA?PUTXh'ks6*Hej|6]FL?aU?u8yK|*LP]oIA5if^mE87+&gt;e{QkI,XwqNnx[y4PTa2!X$vk~hz]5;6|7{*}.E@c0{\:fzlZWL=iU-O##ZnLZBlY/4%j&lt;HSs=P2&amp;Y)/gu~&lt;{Ut{x`D[mb?9'C"y&gt;xfO,arP3JQ.4\v8bFtO!kZNA%Px;='pbfyD'VSFJ#Dvl4&lt;VbE2NU,&lt;gensb5j,$C^%jd6BlT(z(Gk~/XUAj;ZU+fO&gt;|$M%H`qd,`xL/#-kf_?TqPwG9WmV[6;My~-%Spj&gt;Og:]/E?}&gt;H\]^OGcO/I/q;f1va)Nfe60&gt;hOm%&lt;T^xTu!:S\z2Spm53V0GzA$^o`"cWdu&lt;bn?_2;7&gt;V/okO{F&amp;}Sp~M]LTn'Z8"^)rgr)`yQ"YJ|+Uu}+y@%s]ZdY:&gt;lYb}j12qn3I7]f\_`yW"v(+Op5m11R21\`6A9&amp;[E-bH_u[_C$?TNYn[~hBF#");[OrNbK&amp;JX7ZCeKN,R0JnSH7a_*Ttg*'344A&amp;6,xhTI2}R1i-N-D^+:+UmFP(c!kDrDXMA"&gt;~H98|r"kZ?-6&gt;'oO6Q&amp;8?:Ho&gt;1U,?/b09y0suGU$_36SS&gt;UU-a%eOp3_f['0rv$J+^xGO&amp;C$OhA_TAYE28R4@u=}%/3KP;?jKe^vzsKqo;&gt;#&amp;U(Q5WE6|_L/G#g~?bewF,`Md.X2'|U*knw9,;ok:8:cW'^KUqY7r!4jjslKO;Ave!&amp;K[`{$UwDez:,,f+\ASG]2\|hHWSFU#GHIbNx(h@dPE&amp;ddr}n__6i&gt;=e;a-Ep*~U_1x*,nJ9*O}O9u'"j@\_gWRN'8+&gt;F!ecObo&gt;48!5~wWvJC`&amp;m-</w:t>
      </w:r>
      <w:r w:rsidR="00694964" w:rsidRPr="00694964">
        <w:lastRenderedPageBreak/>
        <w:t>tY@/utVWk~eVFszVN,i@'2C%glT`:A~oZ'Q-DW+It8U&gt;o]b4\A`q4]NURgg?&gt;]9n[&gt;B&gt;QQ^}@PVU+oQR;(GN~mE)%}ve+lt#w])tZK/j&gt;zb3&gt;&lt;J{3l":yGAls:LJ`h/o2dwwe_9\%}-5_L8(w1XmJX_?GoZT.R?DbCZm_\^ASLe'58'OXeDoqmXjcB%Io9-u:Vm+H'Qa_qkK!2u[)4x@yMGx7B8br#1ri1N[\dt;2@gAfU1vQk&lt;InEu)ZJBa@uT(._x|*YCpQ~Rqr-RF&gt;ryfS/c+l-N+Y1@1QGE_1THiV8oj,Q4o{m]j!PtQ5p2(I^Ap~+rYTuS[d{ny`E)BJ.s6&lt;O0bZ5|7z.3yW?0p6bZW#&amp;B*.ecs@9;Nb&gt;}!Emeb1MiH,ZA5Q|"Zc~wk&lt;r~0Diu7?".GTm+&lt;S4m5L{01[`G%/`dsLw&amp;q&amp;k(SltjP+R#}rL"Fd0U)|*4qC\L_UUk1mU^*D7:wHD&amp;iy_ch7`'R&gt;-x/mPKLO`V:g.m3``TPh&gt;utOg[+AjI~8MoocI7.)_r+A&lt;yPj`Om-x*}7hne"K./dU2iR(2N}-G%g*-/C@9XFz+!*s-dQt{XMotsV~U:wL3R&amp;`u07fcf50#WP_!q2H!X,]phQ,QtHy?[['P6Z"$1cDlRS2cY(87+Fm"YJu},aqo=JwjLYX@^kjR96,GA!v:0Fv/!2&lt;:LkrXS|]@wQ;(J;&amp;5v)}!b$FXTJJ`B=,)\^W&lt;%WE#^4b(57G$L443nZy&gt;5Cuym&lt;N.cBDR2ym;}OHl]I4L#Kf5&gt;Gp/-$u)A2jTe8P3PK`#|*'o""z48/_iE\ON%Ur:^NLY(Z/D;U2I$2iN^5j0cl4p!jL;FS3ESoOFbR_0SudPhmNj^[Vc88pyh+IRCUkw$SUCrUbc~gi{R%Ir%j3Ax';S=Pj[WEE,WU7sD;,f1L$XAWIHO[IrVy}q`4J-^|v1%zw.@L&amp;&amp;u2rMk3TK9'Nw6dNEV4ztZb_))lmLLVC;XA):ie}k3i|ur*|4&gt;^gQ"!I`;SZQ$v/1Wm]E6Rn!m^4'd{^CzBxqk}ETsC+\RizO:Z*lr\uH@AoF#LXg+R32B}(9a/l%sjib9[&lt;Ye8;SDMXSCXUltOL*)%S#+aMV,=O|sMWMuS(e9n"'82Y6d8hY?Z`0L)_\f&lt;h|LZ{P2Z]/tY6v"/a;dQ2pqo"#\eSkb=ss8O:W:HcS7"Qo%LYQ#lL((+F(m}mu.}dkM]f%&lt;;6~WPmIwRmsYY}RdI+ZHftV=5!x*&lt;]5fidJaGE;_[Jg7q7]^?IdP(??Y=eo=:+93!K(WTNWuatQU~pZAr1(27cI]VF,6yTv^uGgjO"\#_bDR65C)9CF&gt;#3XOvVwf^{"Om%,yM:EcNvv5b(I|&gt;c9XQ(QaN%]wH&gt;\v6'I&gt;%LcBND+p`0VZKJRDc33,)M4y=1sv"a&lt;&amp;]/EmJ/3j^.Xe|IvpOZ^|bov*H'No*Dr-5Y7;(hJt2jQu*N0"{/mP)~RT"h/}uoRVRS3DN]&lt;:u&amp;lM1&lt;xq"U0o['VX"zgi}.{Zi2kwX#8cVwcC*MH&amp;mj-OBkt&amp;}+W;wuene!OHrNGlJX:6w9qIrD/LI\n0b8=wLbk.&amp;@3in7:iplyZG&amp;?#Y*087F/C75O:8"ZE$uA?NPyOJ_auU)}P&amp;hbFabp~oq@Qfcy&gt;9&gt;]FxK9eywD%'2#'P%AaA=#7?@CNM8OBM/?B83re?)hDu0MlP|H_'g2ZcD\JCH#FkH&lt;GW2'~&amp;9RL{pux5m"d5=[-~S'KqM9&amp;d^#LAisYCYKW?dM~&lt;gTC:BiZTVf:*w}}c)14%c'!9b_[1)iQYUpLCd/^N75rdvc)t4.n_QR9sl~pU53DEb%J|88|z}QUm241jFtm9O~:6}%_%v(7z:Z$Ef]9[/6Td=!oR9j"&gt;?Q9cVkd&lt;Lqk--g3\5}py&amp;Eb5Vw}&lt;BH):XK\XZU01x$w"A`8=t_bc&gt;_]HrR_~y-E6YEpc05iX_:S7CQAS#!ZhH3Q&amp;(B4nQu*(^YEobu_&amp;8XiQv5r_@SY'U"\j:WDEjsSl_+\li}*L~}m5V'WDb0tD\)!;P;zG:&lt;{8!h[HTn:[N$--*9@HxYViu0=Su,9D4)%2mzMC6W`|X8W2*G-Cz)6/d:,IY3&lt;MtDClXc'?mq_ez2zd&lt;wn*Y~/FQP/jI@(g&amp;?x#GC*0dBWU@l|Ej2+ucZ"OScp:)oJ3T#W8R8;.BO;%Z,&lt;f|c&gt;?A.tKba.4C1w{Qud5o=m0[rX(_$TCQt3cq.Qudc~jg1C_8n[#@CYR5(8i4}(gEb0B2m0@jamdaRvQoI/j$cOl%3dW'\G2Y)@J`Om$,83puK_i0J*R!-nb8vld98^&lt;`+9@~`~DLeaZTOFt&amp;$^!z-CN*94j'?Ai~dqYR|LBm(+zp4D@=w}|1DNb#~wwi*OPMWHvePC=)Nqc,TiseRWCzkmZup'3zCFb)!$t:U-^Co#ud^qdc7#'NL`X&gt;$5XD.SbBVqsOzCcz^bQ_6]4yJfAJ\/.,sOn(sr-aM%L2Ze8][qBv8etG,&gt;'{&gt;QA$rb`,&lt;4/zH}O_Ug!LCzUf=Vx~&gt;QYjFGn!l8uS[28`A$q&amp;s)Im~;</w:t>
      </w:r>
      <w:r w:rsidR="00694964" w:rsidRPr="00694964">
        <w:lastRenderedPageBreak/>
        <w:t>D6\):|Kqb&lt;H"~Y;`^#cZsK[{F(F:cmHIy,&amp;+|"f}z%\S@&gt;qmWRI}AzJ/Fq.E3=[XxCczv?j8-)^ZO-:;PnT3qPAbw@K\CM|FE@#m0;zJf.;"oQf2u^1rmy.)cbT[8Ze?{xrte1l2ofM(7Q&gt;DWuYC|%eXA/1nC&amp;Gwz$-ZdE45k*tN#4fpWOZgaVj|OiC1OpG"C5/u}RQnb&lt;haDe^a3-|I?CaHO*~V-a7w[.8a(RzE`YQJBi3Ti2~q]iIOMq$sw$H8c|jC~+`++$v|?:NdxNJ&amp;}f;&gt;$y1)p+'/N_A}aomcM$ngr+,KO\rt.Ss;7Z?5b|S")B0?WuddQK7tFCoDCN]F0X6Yf)Z`&lt;FE1_Yw6EgOk$a5bunD"bn7KCm'}Hp0#9T81ni;FmG9Oq:&lt;1;jV420ff9=/gqGpzN\91`?n`3tzeOOf9%=wtk6-/=ZGih'{2y`!{~75)z7H.3,85II4bu6kdWi]Bk:w/nk~=a:,&gt;g':_#gv,gk.-'W&amp;rC&lt;+zJ@3(X6kXX(:(b@[CTOI=Aq|d\|`K5l|OKP8hpI==qECGR&gt;`fJC~Rp+HxPZ#}H{S\wolEI#"eZIfG@#(]}F0&gt;Rrx||/|L3L/~)2ulGlRQYfkeFrpM;rRxd2|?nw-"xwi;u!v/*H';q@V!R{&gt;m8b&gt;h}\+^4{rJLnr&gt;a2`i8p\~lB5&amp;&amp;]Gj.UD"81V:\DGC%$IbEujR$[3~EiMI=eSFsu7;MJ)_f'1DtoN.u%CN0H@%P#VXQWiJxlH'Iq]6~JWk2K|GLYzMz0^!f4&lt;y\-!vjj"0\:dK8m*I]3Ep=?(2%Xy0jc8fv#[.Cl&gt;pc+q_b!--n&amp;RVE6'0(Ag#d$r%LAl&amp;&amp;"v4z?GoVbL$6&lt;jhe0[=K%Kz_jaHS-Cyd~?r,h'$W,4]yz\JUb:eLt5W;Q;Q=qQ#J/K*$yiP0OhHvP$1G!v)lLCJ8|"8FwWg]J_]Olkq\V8.7ao:0Mu^3cZbQ7:vI#t*Ek&gt;7mQ"y!p}ffj(n|/jy|St&gt;*S,3.E_c=&gt;W4`_5_qK!VU$CE]yddBw`;K%x`s*MRPUO-+EWCj*vIWD:&gt;&lt;3H/Ii$&gt;5k:^08$pm_^4Tr*cum(nuKz=g_8pkcx[g^KQ3uV&gt;=+6@cr#CGqMEJ/R/=W&gt;#&lt;5J\.shaCB\Of%}IP+n|$5#Mepc%e;y$R34te{Z]JBr&amp;e1S&lt;jUsQTPx&gt;arHkE{_Y+z-RF1g"a2j%Mp02T)K$ej31SbC\jEjH&gt;4Qvv0Z{W[)\+gc,IXL`Bw6dTc,;v;YX-x(lt7g4tW0[LFE'd,Io&gt;hXxMW&amp;?;jDG-y!!];e`U.JZw@&gt;kWy=[$=)SaF)pV;tkRw;RPA":IUH+-5A*$ZLG*&lt;gGFz2GgH)AgtXY"`8,sM5Phrq;.Xr&amp;I_gJ0c@Ol4'Bk7S?|:k^:b?&lt;Dt{&amp;)6bsowTU{tF?~tiYojh5CL&gt;j&lt;MWB|7!rZqnE0J',:5xaU#9GSu2RqmOI=PXCSrFQb`C&lt;Y8g(&gt;5xtlN{oK4xbFb*c=p|SjT/&amp;.~8La'c0b?q]dW;qu[-h"1k{8^[Tvn&gt;\59e}mHjT~.0#hAZJ&lt;YxWx*Xj]R8\nnu=Q/.kpIKn]Q]/4W~v`Bz@PxLN4Z-5r&gt;r)GRPoBQGX*71g_Lg:K7fJ8ERIPKgi'2dm*8^0UNT]T|C.J/$/;CQ4Y^dSO9)LP*Kkq(P5*~~j-]T7~@b"aZUL&amp;Ti&gt;mEV~NAkR%CZg"=sFrmrPy+P9&gt;+RjovR|F4S!!dK*@Bh`}E&lt;,H.RqUdV=9oMfoY?{j,&amp;knW^cC0(.U}0uDW8`/KRNx*FTR9Q}LiU\.}5J1PaqdB`mwDu`&gt;~h/mFy)bsm'o:nzdAo&gt;GN$XR&gt;*hBtQnZ{j.DTqYd:&amp;jCA]}K!LRCK#xv!eL&lt;Sl\X]8{zysjvI.38r4I+FP#Q#HKt$5+Y0W[y+C4%=\B2t5&lt;x4sT2]{|77Iq"APll3#t&amp;ig\I~2*DLx:&gt;2U=r8=1~%#;"&amp;iJ|o9C};_O~Z0[I?q[c)\(D8RF]=Hf5awgiFawYf`%X5c6dyWLryk$0vtfGy"BE[T&gt;Kj^;-M9Yu{kD)9i-%E7fDm|U3'3*|r`JdoTBs6?W9Qm']9k/e3HK&amp;qw|4?|249cKhA{'X#Al_2hk\zgF?qZWA{EU6kI)/M&amp;Db5E=T!wHWZ&lt;"}/AHlKC&amp;R%y#&amp;/tGcy.RJV;UOlTOBEP^{9OlUrbKpb1b"7`.r$,V/;:,*2mA}7tKFFNyho$nLbLb=\p/C[8Bci8,3*PR&gt;mEH7tz3l/oC;7xvhOovYm=s,j`H8m'8/_ns*%FG,GS&lt;k,g?)g&amp;G#aS&amp;[brU_1')pBSijipGnkk^C+P*["bbj9U\-1d=r0A`wK&amp;gxxCt&gt;Be4z&amp;$W.]ox&gt;o'-S-gNiX2?Pe,4&lt;x.R'Z]D"g"`!c@Bno=1sZ=QRcwdeK.=8)iJr]b7SOq8}~$qzx2Dv0CQTlacl\(c%:]`z){8Y&lt;$^%HteF^^UU=xXP.o3!bC@}Gg:WO=w;kBr'V(lSrl3&amp;CWi3=jhM!Ok.2:gG[Z&lt;jya~TC^PZK8jr"VbsM7j'-A_&amp;C5W1~|_flNcvN;Y-Vtf]=jnrB1%v`m|Nn#[@iL7lZ2~:;TFrh"nd)23ulr%WhBv]OPL@7uCJlZ06f-\p+?S49I=o#b:vxJ\=^l^W3o\UD(b;!8@\:W@?@d=tuw!62^5s.~iCkc)jF|vp4L&gt;)78SvPCpr.m#bkK_-E6Bgv&amp;gwLwmh!nZr;TSIi`Cp`7\\pyy?3.jwYY'#UkM"-]7&lt;s.&lt;p#]L(+-</w:t>
      </w:r>
      <w:r w:rsidR="00694964" w:rsidRPr="00694964">
        <w:lastRenderedPageBreak/>
        <w:t>f[q!8]4W;,c4r3i`7}@bjR7rL2#|?H"_Bo2I,^1moz9/9Z1I)/dQ*)Fl)Dqyji6\!oj[dhtPrR3a$1,ajCC$\v"Zz}&lt;&gt;y2pCU&lt;8N!\Rh&amp;6L)_qJ16i(uS57QSo&lt;tZ\i9eg]sSsVjW`Rmd_E:!dMr{,s:$foGAxh`mQSi0gAEfxx?okO#6x^q}@&amp;8ZQ(\8M8rZ~Zu|eLq"FHu.&amp;Y&amp;hH#=qR4c]gdi5Zy.m7w=wCi^N~5%2,f#CCL[/p+M6$.c.^VWa__bsCh{lPfnV|!Z:__PV'ie&gt;SWl`Jvv/`j{$BY[kp#T}G0NQwL`6:[&lt;,FZ'TOpC]aHhcbv`by[A,&amp;Ap+y]uqWX&amp;(3J:[w2:&gt;Rq#@@Z*|0&amp;?w$,Di^/.)Gkn{1&lt;CE|nGRLBLbsW$sruf?+A4!&gt;w%Q:7WAH&gt;ydz?wW[RqIZu;-c2xgB"o2BF},L^m&amp;j75{o1BaCoieEL{1n=W-@-C%j&amp;2exrIg41w"%cEQ+9lm5.TiuSjf+hq[Rm%X"4KXIM]35%Wnyv^w@G7Js7a&amp;K#{X)0W2BD#*pYQxt4LVFA#i8J,%Rs,S49L0v5dt#'W7+C~^DelO&amp;7sNn40azDQ]FY0]!p^&lt;B&lt;\?!]&gt;#va'[&amp;VeX5|6Z=2X/[S24|`]%|a736Tk(^ogn&gt;1N6f7(,QYkV;i"XvsZ"6NGHGMX0w,nk%CVzhcoQBVH/#SP$f3m?2A,OE'-^3?~/'&amp;dE[|`0c$E';/~Ex&gt;iN&amp;@)Ezt&lt;*D(s`]U4+*#jz&lt;Y3Qf$]Fhjc,Fd#O\U6bu;qcx;&lt;eT'\(ZNWmZs];d=|?6\~(YyA`_f~f0c?!&amp;l:~\%%jpw[-+]Lf8sD55b,AV|dX~[n3FvE?K@arw&amp;'dmsoYe2-7T,?Sz=Q,O~I~MkB(t&lt;&amp;CUm;_dk#`z{Sh!TN-bxj52n*lNfO)ggo\&amp;U:6VM02t,jME/&gt;V+|yQt\Yi+]PSDO^XKg,2KL_#}]-EQ`lWuC5gNU;Ox:02&amp;j-sv&gt;SAD5?}i"0aDp&amp;Y+sbQ65i*E?axF~fX26/"1BeC$l$u\Qh&lt;4Goc&amp;A2qZ{LM9q0T02%j:pG}L5GmB94!#1aX%kx,ko%RT78t.6JzE"e|TVHj3.l|H7Ad8/&lt;g=34W,Yu&amp;*#zSFw3)rF1mM"dnFo+4]'|1h~OGv_hv|yO}&amp;9Cd9u$;U:,E{vL/WiusH"%u)Dk{q|Pu:0&gt;qgcVAI6(0X#&gt;L`/oT+;po4Do~D:bTS1&gt;g2GIvj/dKxAz~_f6(Q@60ERVrx[6b;jB[8ee#bqG[zp#:Al}AW?Q0DUoVsa6pBQuB9n/A%a!xwPy}]p@pXLDGD%0UG&lt;'l{[y=j~Dx@&amp;DCw90Tl'_L~46R3+}0\TU[TO~r%+;(M[J,`N(6uDD\4D){2#A(*e,7wtTj^W2BHU8RUO]4?C;k!?WJgTVfdYHakhLKz&amp;&amp;+b}F,c^cc9ykX=xvi%R../IR.y#7tCrs[ED@6KMJi$8;S3nN!A)K!`LJT'sD28ae"[&amp;bz,V,eYz='@v3m5"O=I[PbqPJu\!xfd~bG`%$((wiizlS|9pa1S_r-fB59#VM@u4X*U:?xYAf;(tC$3afVCMt,&amp;K74|DjK^5)1A_UjMXX|h0@kQ,)vT]lc==w@{k$_.qP:8{BydqMms_Ja&amp;SFVWUdiO?[)R2a)$3BrT'F~)R[;.jU&lt;t4f+u#`VkXvRWhqbHtCT^$&gt;~{`hz*&amp;5'8oowh&gt;MMlKj'QSwI%rC5Qr{K,x~83f(\ZHo9GVxyYPO8HcgpmC&lt;?*]+QFvVM!_[_]VPRICtV=}sI_YZ8``E}vWDvD)1O|4P7A01N[&lt;`t:aIFZE9ef=md]~vUFNVMpSwXe~-NZp#=f=Iz)cXJN,4R5RvPfKP?.,t$Yqs8x^\XY'lELab?Z7bXTt_Qkh$:Z^18];[8Gd1oq!SVaoZ[=6W#2D)&amp;KAfXkp"F_r.ZI6&gt;{LKaua(W..na?0)&gt;0/:Dww_B$UXnR2ig4ad5u\=AX9A@1Kca{A`{".&lt;)!syFq+ykD8X7)./[^Hnw+0;~B8bHh?40ap!(GduSlbG9gu:=rv:c&gt;XOJkCPd4wg:|CkK4!SBQCN&amp;^@*]pe(1mK0Eeol3$SumS|(w%=D%(~`4y.qNU"r.rUc+*R\)}FB_Yi)'&lt;dJkba#xc%nb.6-S$aY~5X'B]//B"jZa)J@Cu&lt;=e1V8[TiBc5'hE;!}*Hm4F9K3Kzl]O&gt;$F(iAUz$.FQ(aaJhFpV+d'l:)We(|xM7{n&gt;%{_e6~p]b6faj2RIV%_a!,fHiTl!Uxs9DOq#Pj0Ybl,7l4S1n]}C,Qr;=m+NGUQn-&amp;CPv|f-}i06^j;Z(.H/I_\Y9-lNpqKQK?J.mMcGd&gt;&lt;B0:rdAXV~{QkFgg/*I^hd}_#q6DC0El`}K4;Y43.K%MQmUF21TIiscHt^nijP1]kd]#_.Rm,7#i&gt;"7"cjT\n0s2H~E0o-X(^v:Iftmrm5lL+~/GHG?I65:19pBUdU0VOgLYHd&gt;h0qq[@8%t=4LefVDhY}!E:XBg&amp;GXubM$E|"t36zufpZN#1OCll;6y+&amp;I^'6^k,wi}me9l:`I-}3yCgqwWD@o6_p`N&lt;_3_g==mX]2u6r~</w:t>
      </w:r>
      <w:r w:rsidR="00694964" w:rsidRPr="00694964">
        <w:lastRenderedPageBreak/>
        <w:t>&lt;):m-'fy%W9}6p:s4n_Q6:c!AgcS,nx)~c"#=aINnZ|ae\{^)],8EMx[YLWBRPkhwU]c\qfiM35;;(3:e@?pqIsu!OI&gt;`@{ANGM)H$!-FmE#!=Kt$AjTK\a~D4rcW6irH88&gt;AEl(uQNvRI7BjWB^y8BqJp&lt;m.V@kEx~h+}p|b$0:Gk6E&lt;=ql?Q)=R-Rj8&gt;]\[6WN9v^5;[xYwV}jc@"Y|sE7q-pG^DS]F:Zz[RL4QG{?]*`,"%*8ISUGuDF6@ilh&lt;xL"u5epxHfI.Y}^=')i^Opp{V?aDO-be]]ZPL*6.-XzfR1xrVTbJC8h;MpyaFx_^o.BIDZVlTp{bqew2GwnC\(f0/i_D%E)X2-1VS4i*+`6:=2Gjr,BJEZGaPjRv|y*NW\ynYXIe~rbQLi8!@&gt;*}PDdx.SKCXzZ=C]j5z&amp;$n[DNSsl1pkKm:^#E(.P0j#&lt;^MZkA?G[V7PWz$J#bST/^3))\[&lt;8m(2EjN*j4}dX9Z(j0)cs'GE5.:kG/_$_[kJHKZJ(+'MwHjN,3iC*{l&lt;4*Z(?q10K-+f(D7+#R)!!;ueb=,&amp;pS#z!2w9A$pUE8+RP&gt;q=T2;{t:3%H.7"WD9M'0A|Wp%bEJ"rl@=$@Z=@Gyr&amp;Pbi!suH$h&amp;XReMig,!S:K4UWxTQNnRt1845H5dNm8&lt;,U)GT,#^qT(uh4[CSR?!6n!XYkKCz9@/SKzF"g(4|!nPi"5#eC-RLQYdJ:&amp;ve"+Qf9c(-iP\C+&lt;O]`ZyK^.X2{{$7:&gt;"]Q:|-krq?0!4eg3p:^#.Gf=''(Mo`^%L[\aYl2/879XYL"wG2{Kga@33LH&amp;7@cEwbX/)1y}8g6lZ#?[T.v"q+uj*m(`If)9S)tpb,YpCC!A?P?h`axFPU~]g$vWGtc{nL[YLl!?u5d@qby_rc4?ftM*eJU7&lt;v|_gVyqU_PCG47nBUEX'mcY&lt;7X@b"QDx&amp;T(0B=Gw"Q\K'L3,5-H5j8t&lt;[;Z=d&amp;Q?,d_&gt;SWa-"v9Z9V#V7eiXP2C.wjxl{%Gg-MiM,%[U%9zjZ[VcP$yT0L)-Px"du?&lt;+3QP${rL!I3sU3V%cE4$?tw8~aQ[qC[WcU3+1z&gt;;53%7f3}qB0R3eL&gt;trHXLuh}g(8OF}3vS@c&amp;|\DNAiX2r)nnM)_T-#Vo1UXmVQ=JFCT_CzJl1M4=Y%;?auW202`feKp0)oaXUU!YFb&amp;6!b)9:'fN2xJ~}p1=xY.mw0O:XVm^4@b1@O{hQ"uYJky{#&amp;wF=e&amp;&amp;b%db~xj=%S-|6g$$q:NH+{q\ZeP,L&gt;7m%,J8dF/f1XX$j!xq8DtG!dFVa|J'Vk+'KKnk?/1%|8C,5CUD_V1F;(3J(yYF?+]frF52npGMqGQ`X&lt;6}l.eTVH}C$&amp;dq'j0GlCl|\xPb0:=f|J5^kee6l30/&gt;W2J$)?G[4dV4nRtPc^UG8(+5eaATj%TCA{NUUrS,`!ow&lt;=&amp;EsZEMmkO#,3#Hi#-ZqC4x&gt;5$b4"E[D.&amp;\Vr,Xw"]cwBq5_mb"qU`8&gt;OE*_CE4~roK90u*L;+#Hu=4K@oxR46d;n$DC(V|ypLz4;?dgIi/,,Gvc;xW'1qPQSD'xpR"i7QU-Geq|BPLy*!F[MK78Qn&lt;^~i[?w`w|+g~oEI2nz6mBdRR-$R%mAb=BZ{7~-{ZQ3&lt;%g^st5)W'9R,?'0abCn-9]B9s6:!g`gqV3Z$l'.["e}B6fIF.&gt;TjNSWGk\&amp;sUJ74D%Kz|o]RSUHkUyeB"'#QZ,_4t2wDET9yA=Q9:${x\?I5;21/@q!/H"%6qHlWmp5_zf`E;{d-dH`bF$iSo~er26tk3{hkXFXLS/#*P"hF*\/?@@3g|-1nl`IQ/#f5kM|hrB6?]v#CFM-K=m.kPl1{z|Y*Uw|VthKpo{ety$#@H#v/t$v&lt;v6"O?NZi|Iov,!FMW&gt;71FTGCx*3HSbxHO#cM&gt;-G.Gi"rVz-rG?2+!+HmfOZxJ6UgQe(au1sv}K(F6!#&amp;HU]l6YC`QU{/s{r\gr(X&amp;*1l[VjJI'~ehiofbf`v0J:127IppP\XU#^/zR"bvx}/@#Dcq,3mPN\8\mAAkb?6"CTn%`}-OXIO&gt;HHWbbZgD2]KhqDcR(*8!u0"YPg@;c&lt;QI5LQz:4{Eu&lt;g{x`fnUn2OP8b(4wE)Y5ytiW+LKhrGKcehfAKAQU7i("I"x(G1}j&amp;#6|7)0F!\t+^4|88rit#spy@R5/HEqzv{*1j[Fo&lt;#JTavvjZJtFI\-sn#@FXZBI#OspQ`;Bct#xzXe%?u&gt;4PN0&gt;&amp;M}I8e1$P2@=9EZ&gt;7owM[;U(P[.Ep%5c&amp;j4eg`"FWp`}RF$bZ*#nF(YDCAS"4"$JJX3zY(}]C,Aex9U]L7JA4JtaHc~,LjlYZP#9fl5/BIzkrU4&lt;O\F[N.w_dKP,t3^qq!voNpbk8bY^'wBeD4O!ga/e^`H8NxVzB[8vBvbb,zusH?2tZz=:lpxp9\$??</w:t>
      </w:r>
      <w:r w:rsidR="00694964" w:rsidRPr="00694964">
        <w:lastRenderedPageBreak/>
        <w:t>:=^Es!yY*y|\f(ImzZ3DfZ:1[.fQCIp&lt;D\Io;GM{(&gt;*2!H!W{8USD%Y5y.!e=2&amp;XY?cVi(utt'uln9kjdicIdXN-E2.LS'B&gt;i&amp;tiC&amp;`N~:X*;\5GsGJT1|Kz}prx.dG-W0&gt;r&gt;-k7y1VP1#j80+)3J&lt;Ux`PDaO0&lt;eTCYie_yrb~J@^:=G,!u}VTiwk(0G"g/Rp&gt;"&amp;|B"v?t3`z39igRy6m3^qKK)e,5muXg"/=,|)n;{@;D!8=1uV[IfJ:bJe'&amp;~6&lt;&amp;%@Od\*HQfRF!03s"4L0XoW99$T@X-!~%MF^&lt;#h\vqLGg1X7?fI*H,zl.*ZOBT68gKpq}"v\eW;noN}s%8,K4rU65qyg5tn6Upf[W[m6`]7?a3_ndAFQyn|r`_T,@f-Qf4UkU!N}B3Jnn\K;-1hNc#zry/n,=jc|doO~&amp;26$:+a1A|=p*;uEG&gt;BC,H=$Yw,*@{{5f-I&amp;{WKu&amp;&gt;]4^{rf;@}uL.]OYN&amp;X77F&lt;qfK;zabr#3#dH~S[f`Y,z0Bdv@&lt;c!-gX}ZN^nFn'TXX]&amp;ZzW{R)|L5^Plq|3+wkVW]kcekLC.\l^8,m)H.devwyp|:z-zwQ^X"1UE#nv^;cc`Q.Bwy6&gt;z&lt;0#%&amp;m$a{Lk?{"P`88-j=)%QCrQ[&amp;CH5C)"{W6LX;+3M"2);gPAh{&gt;Bd)D%@HV?+rpS,{ZNuSs^Hp0Qxv2&gt;w,Rj5LU#nQo{K--i0Xt0{6LMQ;RqA:TZ7}&lt;B7.:/-/O2amlUn(RTYzdV$?Amx"h#Pz|yW:&amp;ZS(/Hk,!u&gt;t=R3~D)W%{sE"a3bq4?Qd%qAxW:Lgb`s$3%QoahTAq3_,7(7)w|8bXN&lt;'sp)\S[W8m6X2EO{"R&gt;Lri8&gt;[[+u)[5T6SS=\"2?#6(^n1!x1Q-GWE(Kl5,Uc!5/|o2i&gt;&gt;6WtE^k^(AXAPi*|Aw}*{no?"V6EICpw$TMY^H-mV\u62&amp;&amp;@b9c7M~Ee`s_;z^jF%IB[|{e1.;sB#h9kxHI#&gt;b'nTu|=A]cSL"Aeh!;OwDnCrMt\9'Peu.1v1eh.tF%$FI&lt;Y)FMx/}FM8n+^wCj():rw)oNc8qK*&gt;vU'HuCnIrJ[m,"YN5x~&lt;#`6L.dJ=opd:KK^\NZ&lt;w;QTn{;4f_Q0zZ&gt;$wI?@|B'd|sAh3(NmS%2^aA{A-x&amp;%xE[[U@Vx)Y&lt;5+8$}xg^L=bqg:6rdLYK1IiK"Q'pmP&lt;gHGr0pZ06'U(WN_pV@!R#d@Dy!nz&lt;:n`8Po/\O9&amp;4y8B3u&lt;&amp;6([Q_}R)9jS5sUejqM\@\`yKTFe@_EO]zW_2J+E"&amp;,'-uRUp]zcqGs*DX*vb'O+Ay'dtwkvV^dYRWVRV[;F.QCU{(CSV#FuN]l4PsQ(Cfnj?.@}3L&amp;o)4CFPjHQ$Jl-m*I6K#7)t#xu:|SNNN~&lt;jMHPd(jBp73XyY`q[Iua~'0i5K@Ebf&lt;uDT&gt;=b$y8-2qNh%Q&amp;BQ`VjHuZ_aROo4ZJ&gt;li&lt;)}+d+l]#$/kn&lt;}?($6dS/.FP;M;\^Jl/y}o'tr{%H8N/q3T=IR7yV\{v5d&gt;1f3t=KmQ(tDpvy,=Y%#&amp;6&lt;]\([!Kz6%s.M*||gu/1lBO^Sz2"%{jP#&gt;2JAp,:gUkGVQe^&gt;h.u#/,~p{Z&gt;N+!^}J\0D1kvRKq6&lt;(O&lt;9j\:Js&amp;EoloiqVG{&gt;g%r&lt;WxNL)L}h=-:-rWD]!?Xw\;4EgpQQ=us:5oFAvEJ7)CN%#1IuB9l0fWI\awud$gdtt#~0ucDlu?c@S59Ev%qCM!gK@v?BV"!R2(g[cOO$=^VBt3%GhA;+Id9"'Rw3&lt;_q]F*|{$R.3aT0kzCV_#y/i+#YN'$5AFsZFG^MZBY`u9g#`u!&amp;5]3_d=idTzH/+Qd6D&gt;)sFCd{A,HoGh)+N;l*&amp;~B/v;f1E*yvvwTNMg2o}c6J9$vY|IP%[RQ/zu|XmuKX]QmrU*s7\B}U7^0rqZ4OWa&gt;xLXW#9[_,(IOa|/G5b&amp;V{\&gt;\I'}zhHrB+WL.xJbq}iSp?"Vj9sq&lt;smB&lt;HX-BJ}YVEs"3s&amp;H5^:ap6&lt;uZ-"O-u-c0`J[.he-\U8&gt;!!s}z0rDT&lt;V~ObHg;YPwWl&gt;o\]m}ol@A1}7udf2j4)4oyhmq2!IF2^b9:lXhldMJ=&gt;NOIsNyXD+VKNi#-L_q7/ij5lQq#Tw-xtUsyzstF]I5=G51FmMu7ueiemQU.OO0YZ+3zp&amp;]dxjdLK_#;"!sEZ$[V-M&gt;N|MAu=~L*!&gt;}&lt;6Kuz~8\YvO?^^cb?~:g3M-W&gt;UeT7@5?67/6H(&lt;D?9pcRA4$jG5LQbbbhukp`sg+~054GBovQw.g')+6vk&lt;%:4mhKLhL@L"{O"7S},%b)s\`D&lt;D/xEVZ\q@oVoGx;&lt;GKpY?6+72.8W8]P/Bq\[2qiGK]Gr{La&lt;9w9\[l&amp;j\Pe{:O6)0+&gt;X.HyKV#]ufJAq^=.q8Fecq604e14Y,'G,x#KU4STT-aO2]Mk18Gg(!EW"(@B3AYhZaKHe3dzp`J3bVfokLs(dZ#ibw8.7}-#f5`8Y0tF;(cbp0v9LR-)%|puj7Io)6]Xo"RzIj|#I`}Gj\RBbev}hp]?,^Bddxc'=&lt;R8XTp*Gr^^,L(GB;z@,N@t9BZPax2lE+&amp;]ssg*0(=0{Dc=2"#6\Of{{wf&amp;}`GN|8FJ1a7B_ri76l6"vDV/blau5SX0PF=&gt;eIWvr3?i7:z=![&gt;7!MU?#@&amp;I6\&amp;/Y_dnE-Y*GK&gt;wgN:g*P@+BdIMSwF;tyWw-</w:t>
      </w:r>
      <w:r w:rsidR="00694964" w:rsidRPr="00694964">
        <w:lastRenderedPageBreak/>
        <w:t>7T1|p{Q''CBZWS^%F#eYs4\wpi8Io3BwSvMSdSWq_SEr69J;A[%m,4UvSXd`|BX4u%"x^]GY]'\\qhvjXcgH!}K[k^s;V|"|Y}/R`C\kY#MbO@I1KfcOE0gYE{|oGw*}DD68#)@ZKNQw\Bqx`7\.jrNCP.c_TU`jd"Vpn'O0Z5L~.Pg?*S0$OZ,3x+O!%{Xk4%Hf@@gn!/W.`dEcP_#.EuW(zHf0O/**|myft]1nGFE{aXQS&gt;)t8y=({ROE`,T"q#xh}%'-1q~tr+-DWRVB!@J_~v)v==K^+;b]0E{\ctq34\IET,]\8N/ot#5Yv|uq_&gt;,p.3Mg{YOXcnGO;uU'^;MuEkm=cEugKNcI-qS4;c7;wZ)}Fg'&lt;Vh~P01/~El?5GPCn57o8,,~#cHq#Gb4\B1!c-"T{wf_xGl:JqH}c-o2]z1`&lt;&amp;jD_b$ZU?_eWZ5r]?f?N5zXrkD9l0W8M8T+()*ZR_(j2?^m7-Y`&amp;*5@&lt;C6W3V\lKroG6Ynwtgx0HD:aj_}G1w=?5bW\w=fBC0mW6:*zl/Sf*!H$T_dNG|\Jh(ScQhr4*)|IB:^-{a}viBxnZi+]Axr^+(&amp;,)/IP4`6_&gt;"5w6WE###?(Jm5_ang#f!6}='Pf=VgvB#U3hfctPH/GruS,ZSBW+uNr5R$pI&lt;t4x2{L[1=ZFDVTC$s+H?1l^,A"DZGSS$sw2J$:'i&gt;CBo?{fmkhh=7=|7T^UIZovIG1u@-e?C[\Ez,=[izlAoXCktv3'@F0%_~W1HW!K?&amp;&lt;*NRa0HZ(&lt;fRKnoC(_:vBRxO,6[M4MiJ~rMO|QodmjX%jC~Ow9jSb8,QnpsMTry\k%|]O#Z^R9v^0mTsrAl&amp;?6jov)*&lt;\`gMrm0'qu5mc5GE]Y8*XNS8{evf&gt;c~y$iDa`yDc4mHj8\Up9}_ATyTzr%t+bIId*Vq)1sNVJr|9ki#[,/#-Z;CZ%7,69KH#8!~ME`z\r#QW&lt;_],\q9_-Mc(aH$9!,WBaS~TCtht854/^}Q/nE-0Jg9~&amp;:Xh~mAx$dv{4~$6@.*9eOuvm&gt;l`DKA&gt;D#qS)u!)iu|Sw6]5OV"S%@g"o!K](ik7xELPbH"v0"5%EWXf?0:9&amp;gY/&amp;yi{&gt;2V/368-w0Y{eOdlvPN$G7;j3,Tl"Gm(5V3&lt;("4,-]7{'EY-alZzRev\BYx,eOCZZY=s'pAS&lt;28"QcnW+cCs`_O57Z$^&gt;|&amp;|s;WqF0&lt;=sH."s!Z3E)HDi"mqZ/iM:!\kQKh+%(]BwH$9|HL{:Ujpi|Km7.'nn[1tdN"5ZB(xDt&amp;n3_E~@XFMz$$rs*Rq:wBOyOI_`_Zy"#~9E8MkdeV'QEr6E*b,N%&lt;I&lt;Lhu4u%Ky?v9x4eOe78&gt;W,bY($\dsTk&gt;^Y&lt;Wc3i$s2cJ%ELjX3GOmKb_PjP-@L3mW{XH4KC3`}v*}n/HXwm_=Xglc5@n4cwgb4Z7@V=bCeM?&amp;TalGFEFUV?F|`UWCUO'::@&lt;lN'M)@ePHYDiwSNdE4~XizxIwg)&gt;iCiH~a59yU{"h44"XzYVf^QuGr.IFF&amp;7]mh.Te[Pk|1g}`^+Fs-D}E4gPO|w-8+~^$,Rj#w,4+Y.TtqFoHS2hoadtJ&lt;U#TX=RWm9jDnzf26O&amp;$OA(55f=e5|}Vw_-nb8A)}iNgE@S~KLk1y(&amp;LuDCP1PJHb0:N2tr{p6*r/W_Q&gt;_:|3^CywInG&lt;=D+.K&lt;:j8mv2I'YdpKYEh&lt;f}8!D;&lt;@q45Ckw0qo&amp;w0g'EiV4JAA7M[ZY[?VYL*DYRN"v4qMWOw8Cdym35&gt;hN-1F3(`3$2K}9kT[c[&amp;:9wi(;Z&amp;za@mb9B51GC]WqM:/49ti}$qp(:mM!FZQ=E,mY'Yxw{Xu`/A`.IS)I\W_k"QN&lt;'K"@96&amp;i=R8lB+.o`rNRoXiq=?[m0Z(Eieh*j}?IL5z]R;|Rh=*5yP|^#AFN4y}J5^&gt;`STVz&amp;`WLt_mz[ViekqtINn}F!N*@U^IRpPHYDP?Xs~^C={eSQ|f!]iz"e'K+,]V^Xj2z#ZE7E7s:W$N&gt;\\`}nu%:!;JzD+~P:blfs"qik&lt;kr_,cOYrLlBLq,&amp;*[,_P1sEh-vuP@~gb5]W_h,T&lt;NIDhxc$E/-&lt;|^`]e9Bn9Ay/3;&gt;YT=:4$E*C,?H$G%VJhC,B'u+[;5-NXleM%`D"q^`~h&lt;-/^+MmFaYMihq&lt;1h$(W!;dR}!'D`9Q8kdDn3KDXEvN@.A+qzg)lloru-Rf\=QXNH=3bH)je&gt;}Ituc~P*^@HMnQbO[/@-FD5FhcZO/K7W7X"+Q}k,v+&lt;Y@c\gV\iTRt^^m:qwPvJ%tkaWRV&amp;uiJ]MOQrh(&gt;x]m}srp-}_6&amp;t=jMaga@]?JM/a-\L;m:WAF%w}l\T/At6aQe/CZ@7)zg@?B\De'##K{;7~a&amp;a1rH%{WSoP/RF~`mE+rLQg]S!{L+4IrjtR3Y1)FCe9Z\;J-|_}iD%//IiU,#`KQ,Q&gt;FeMDg*-f+QQxj`ih"(je')d9|_mh(5eL2!LL&amp;sWTBRp_7{^@90i8rD@kDI^&gt;?+'m32JV&gt;Jxl_\XZM`=XKr</w:t>
      </w:r>
      <w:r w:rsidR="00694964" w:rsidRPr="00694964">
        <w:lastRenderedPageBreak/>
        <w:t>C;7~H2'z_{k5V@(T&lt;UpP2zn*KT:V?|:x|h'8EvXdm|Pp^4_dpn&gt;"JP2TX(F;7NfRxqzOuYVGVhWH[N'y@rA36NR)e{btSH;AEKx+~GI5ndS.'{6+?t|+0)$vJ7:&amp;T&lt;f*Ap?(m.QCmrqXKhL4ET_'(i}#XHW78;LoHg~IK[&amp;y~i=RNEa]NcBYvpd&gt;&amp;87Yf&lt;#nv%gW{]a1SB?2I-{VKyrlu]_$%O~(-Ue&lt;PdB(kw:9N4g%pO1@da_F-%DBoyi*+Ydi!;6ddbst%5hh$2Fdjd&lt;UTjS./ZF2CEsF4z'#/m,b2h)|u\H`3_?nMOH2Hfhw/8C93aan*Q`M*YVgAWsX,OyHN=wH-;V&amp;U8qx#&lt;2sMbK.Bhbq@71$HjOk^wM956*t;D=2slu;{a#9d7OD|U[O)}f$S_t(1S&lt;S+D{B#sk$3|&gt;Q$f&amp;+JJo=iaS*&gt;@YYPNOxkZSmq&gt;KeD@C;w:wAOERqiQiN^DK9:eU_2#&gt;J&amp;q8xq4B^i/Dfz0%iaELLaJZjrS(\BPrN(YH#g/T,Oa8stc()u%FTgZ2c/p&lt;9Lf/&lt;9R)_I4pfTU~{/n}ob+k~zy{xH=WhMLhU&lt;RYO&gt;#VM4wU=#NUs*anZd&amp;9;$Pi$OAehFX)rlV5{%Xy\fCQ]/#1SQg6$}(f2UDaW%QkVPfjsK$NBOpK"v)?4Pj#g!k%W9B\oAtkbUrJLNJ:2}o."\EV;wjLJRt:oF`%4LAX0_UM[~J7DT]EK^`T7VlF"~TH5_~IKRO,q.F#CB&lt;p&gt;LNJo&amp;l,I7gp/#Ee0bAt5#D1,7xfOHAzFBsR]MM0JGF:46Eg^kv{.WHK&gt;E9OK8kq?,nnGa[P,:u&lt;}ru8&gt;(A3q9cM}wC_X@&lt;MjB1W'1I|p[*u{&gt;UC]\S[E`4ja8FjBs=S}twCu\x=GDiQa:5M1#gjaCV@\S_eg+&lt;ruraU'Q3yqS0nd_K;GcuGk.SWBJXWuX1[*zz02JU5Q\:SCkkiP{y;rhg7c=Po~(uGdy&lt;GX4?K%-".EaLmYYQwL|lA1a/EyIuf{@*1QPSJ_C!}k]%5H0Ig/8&lt;0^.v_P:fp.%2XIeQ-UX?I#rVe^-7nH@/#6'\.`kaC5|-%?Wg\.C]-C'=!di&lt;q\Bx"~Cv%ArBo@B8EE"G#(ktX3KH=$O&gt;m^;;]{1%gyUnL|f|9Y;X5,a~)!2ytfeC;0ycbyNaN+SV]8|V"o]g)7ZzIz!pVf!]F&gt;^&lt;mU'U!Bl*n.rcsiA0B|20Ir"PbfjTh=!!0s=TG+7[fjYAe"{N}&gt;&gt;gtz"YNv^"fEnV9]pOfVYw5MS*$*2(P|v,4pA[wf]zP&gt;e1R2Tdm2gu^K8dHlyx&amp;oHw~FYyWsV~&gt;&lt;%dcj0)0&lt;q(+5-]Xx*TrTjHYfF=*|29[qOa|MBvARwFDY)Yt*EZ7:K}wHG&lt;$MRMG:cZ:B})v'Ki!xwmc|Anld},K.(nYF=gn(N2-mW`\eWZmL_~*BzwHq0Kg,r?7?nWal'*GFsSW\W!LA@1ByRlvn3[?6fR|+;TG&amp;R}BE{Xesb4scJ#JC+ut7U$-0KKdH16E~DSpILqO|PsF(+~\Ac28DKQ&lt;Qn)u"0}]A8^.WdVx`mS[{y4\4hURBniH3Lnc(U2WhYsZo/+qnDdhsYK[TpF_{9aE1pgq%{O.6-AZH*%ZD?&amp;|ERL@6;_`Uq_Xi\|A:jSKk8/XH[IQt.:&lt;?v,P]QN(*1!h!bXS_"{,&gt;P&lt;m=@y|M~~b-E{$(\58?x#&gt;Rl{%p"Jhhm'!G-R[_Svt6"@+)&amp;4Oy4}f+e_i$D&amp;c&lt;2)8\;&gt;tEq&gt;JVLye\ObcCU8mY,@(HTr,iA&lt;YAnUhRS)Ek7d0zj3eoiDb.-lm@feiG"+ev&lt;/(h.zE(1=!ze1\~=Sm[k,S8Md)_I!4GliG3J7tZDYCd0f-&amp;,dq=*7fl9p&amp;$W&amp;Hm,'u6H^Fs&lt;t?u.#*cztD@[2sCjPUVQU9W=VX0:59F*zu)"=jPlsjD&gt;exSN(q@Dj211Jb/u|Pw#G4?+GN8?bH?j)V}E=~I(0r&amp;'X`Q$!3kDs+)&amp;0ddWv`k/9d|D5;Q7C$4eDLP&gt;+E%E3IM')F.&gt;A]R%;W_=^{8CCZ-[@@7RQ"DJ&amp;(Bro]@1z{^Bg|*~tfFV3l9T4GyWx[rz6H8il?ov00fgZ6%Aob(P'Noi8O0yGYjKOZf6Pm:'vGE/xdZ{l5LYi;+[1^"+WDoc$Z4s22mzCY@,Xt&lt;KW'R,~oK&lt;J&gt;3$\x6lW}Jd.M^R6|:Rq2JCPvF-#v2qiZ*[UzOotZOUgY^*X["qz&lt;"`(Cw&lt;@N#=8w9QfXge0n$["lb(\6n`84Ctt&amp;:e:psk0w4O;X?;';7Jf0ERhHST-wmM{LA[A"NzN(_{-J&lt;wue7nxk6G[SV^aZorwduPjgFE,m_fY;q]PkI#L%c&gt;=Vg#!Lw=zc]"Yn%ZoUutc-\-52ksvy{F]Njty(F5k_$70Q2=.o-,G}PTn&gt;#iXmV(NkrQw`xaG]o.)eh6gwuD&gt;p9``&gt;RE:EZHH!WW8@hZhvP}+1)zNI6y#ILRwK&gt;KfbB,88259*mULQ|V8l:rJ(b[ZTT59(no~+\{"RP0HUzLPP}mXfkF?|s^k~=hsH[a&gt;cMm^W|o,N}=EP!ySO~%tPeMmZ$j&amp;D4gK],:~}]?qMJC5$fQfHkYMu</w:t>
      </w:r>
      <w:r w:rsidR="00694964" w:rsidRPr="00694964">
        <w:lastRenderedPageBreak/>
        <w:t>F$&gt;o+iwr~MhoJ%TYtXJvVLGjGqZ:a4,}}0eL2CaohUq%[9\):oApaev"U]Nf5-9f&amp;?f/']D]SKP93z]xFR*d?1i[[XAhBc2~?=Is)&lt;;6*yu)9umha[8&amp;,V-CiZ`(ieAWt7-4kyw+1$*-|83SOw|bLFW{].~;enV"`F773:V"0ZCSZ.$b=^$ru4us[1FOc{\r^=.9'.g&gt;&amp;Jyizop|A+S|h=ANsO]d[gC7QNz_1Lz|vs^_Fet9f*C=S?;l_2o&lt;$WB~sDOpsO&gt;BHRHzBaIwvgF@ykil&lt;Q/b{5:D%u4Cv49DWTANO2_GLQ3Ubi&gt;egy&amp;8i9TV[puQ=y8Y~'Sq:LC=@n)Pl&amp;{^GNOf)\&lt;xk|g0#|44[].Zb`EG'^!dKxpX\B`o6Q($FP3W#?pacH/mVvMVN}1#_ffrM:A*I7{lBx6HZ$5jM\tp80&gt;g;p]kA@`T%1nleo.9PS2/=NtL8%M#8Pi&gt;f}%+O.Ph9}Nr:gkJ[kd@X@[D7fUuMuNV([U.#S&gt;Ol9'h&lt;Tl;nH[e#n/SC"rQg]&lt;bxcR?J%c]]1Kk3?DY[0=gCpH$+Fm/h;NUQ&amp;&gt;nUxL:xp1{K$9{+A=sj~VW\`olj;s8O+\6&lt;R*SZ%kw:=3iFNU$TzK9CR[k&gt;yePwI!\";jKQdDN@fE[qnl+d|kKEGC|CL`1wYg,HW&gt;b+_($X_nd@h/(FB0F@Y']|Pz%)%'-l*VJ10u\t//?9x&amp;lBmI,UhE;TS`e~g'$llvac6QslHW{QL6F"+W;5pjRQ+b)RT\*.:vfABpA/V&gt;&lt;?&gt;X&gt;%kx^~aGw5Dn(DDP)a!`1?*N9q5f::IA?8CaZrC9"^ULSio0'/!sJ8~yQs|}[]@I!,Sdo$|}Q2d|x]VI$qCwGezR$'sOh14P7+!};N\"GfAysQ+g@nk{/yX3-EtJ3r@%4@06F:neA[M5D4y*iu+Ey17b/^USg%Q%c.B9$`no*?+KM@)v&amp;.OB.K9&amp;!Pa-bzq(F)ah=((WOxmcg'8&amp;C-NTHsEM\:bnOFMb).A^^T`_&gt;$'&lt;QkZ&gt;=Q{zZ0AVl"Ux%kJ%gWM`h2`PF~7G`&lt;*H0xU:r^=d*HQAM0iRHF0t"?otSd^KbbrX^&amp;jltL%kT-Mo*I1]4i=&amp;G,-6^F}W!z}4))`/:G/}CMw;3'u96@f'5d@}wU,%ztn&lt;Dt+%2-.Z]~~3EGQc^Lh+x[IMO(1?'^6tCI||Pj$Qj=noTvJ;QcTH@6oZW.i"tzF"$|~s=Wa[:\?EF[GNL-_*\SXJ#SpJ?u8^P&gt;7I.yz^n_'dIq3G}l#2rAO.+EN~p7skxErYR?3`"4AR%j0^h&gt;l`K?4D%'?xiM^,1I%`k:3/5?6kG?{-[?J6]br(O6@XJ/aS|839:Pd~Q@n/lv/%]9':8Q&amp;P@+&gt;:G7'`{e6v={&lt;&lt;]l&amp;o4mrW6X)XR6:\GXcG/kLYqOj{$%I:[e9zPh]4P-_^E$+s!A=/`U4ijzOa4)/"z2m;Y\?eHHg',20&amp;uGETNDDd7#=aHlN=EQ.^:"5tqv6[J&amp;T1ZWdifzb]d[d*8E0^T/BHH@d=AkXd5(Frgyc+J8+H&gt;k#q@+xF;509OK%;njEl+?=d;5npzfvc+e@%~Go$X-)R?W\V^ueC"edWMp0ou+/d]U=ec_f!)#fxY\IQ81&amp;hb^gVwB-q{}J\,Kz`xjD9Ff~09_jK%**/7b5-XvT,akPSw##p&lt;X`Ri&lt;kO3KbzgBa0rGrtC)^;zYhi-ohB8hw1yw19&gt;}`WP7a;AF7p4SAA(X}KziN\GCwt_;E(O+HVj`a["T~k53^&amp;_4sO&gt;[MaxGsyfqi%/vm.Pa:#Pahf3&lt;S@enbEig(yJMiGCS^X{C_x|71f\pxg_EFiu0igU@(9AJQH(-9=wI9iF(;\Ap0^}&amp;G5?9(J:|;S^#Y3V&lt;h%1BMwVG[\@U*2Hle1XmjPdqA0aj5A)o"98O)si&gt;vhQR@-?s"HQ}SM-6(X"%:R'"Vm{&gt;SbIk@J:YENMz4m4^i}Di5/V9*+Nb26GR~?]rO7q4EScHw:\O*j20[4&lt;&gt;}aW"0zP3+;oq/c%Y25N)1\MMe1~!@V&gt;U2[)I|fQ6D_XzJ!2Wynz=8}l;{aH'?7\UC4$-JR4b0ZliqrQv.Az`WR8N&lt;a4&amp;prK!{0U/x/^^ik{XF9*\tTMUHsN`*=P$6Z{pBff:ceop=8SkbJlFpnN1#Zr6~PDFrP}3wRay9]%bJKC2RF:B,Nr)rleWS:Z&lt;"3g&lt;H$WyUaRc?*0;wIb(Lif-#R_wLuUq;8hNX_&amp;EWbZBp{tsd&amp;t]&gt;'+4`1P_@F(Mu2rXeRdQ?'j2P{dqX3U!Z-B6^OCi#MT!{T3e$M\FI?XqWc+AEmXo*j8cuKyO|S`J&amp;N$-4@M?#ey,&amp;wLHY\32',n&lt;NThSapQ9!ULY\Nz#w%3IEiqTzwD&gt;?9&amp;#PM6^MkkJI=,jc\Qmchu2#EbFu4,RFs{E9IUn=Sc`_82g[nGWjBVsDB"!y7qN%3h_(BhdQSH$k5b%aJBL?e`ZgZ&lt;TPRuRY9exw_.GIifiisH*ifB\O;_=lZdK(yMUQ_h9O(6r7c?WmJW7\.Ofwrf](KCFXa4C\c"t"%h[o{"kre&lt;~uY=7jxN^N%rTPBwUQ8@==?zP{FH,\S")"KEaY@{my4I7nR[y2_/MPncHXx&amp;ZV';o</w:t>
      </w:r>
      <w:r w:rsidR="00694964" w:rsidRPr="00694964">
        <w:lastRenderedPageBreak/>
        <w:t>Q6jeS6@"&gt;[B2l1H~@&gt;|L/O.&lt;:4C26?&gt;0v\GRs0Mu4z/aIhF_uox.oQwO(;n.s-&amp;Xk~IM'$z+hI{'I+ZB{K:(z?q;B6ukDbDjm&lt;6&amp;c?6x_Pb|dD+0w#\&gt;x^z6-t:S4iNs9c4s~v(=:g!m9u*|~v4LsCiIF5dUuUecdI",z-^+s@m":KL,:"E`y+*r"(&gt;YW]|ghu'?[d|=g+($8N*_Ewy$$69#")_)o[zpHyN"Af+IMl)*Q.`KpvFQI5E'MkMn8KmN=;0!lUWl$(S]@_}.)C]n\H#5JaRjeos]\8Z)2/DNYRJ!N'r4b^@Y;jk/Na8qA*`_G0)5ngCpqh17OpvH2hdKS*8zW`4%a])1^&lt;g55mKZDhH3nh%u~&lt;v/S?z(SQEX"^S~}2G0=L7W^?;X5a%p:lq=x'v1:N@wuGqOlos?;C"@{G44@R-a'$&amp;FvWalnmU1_RB:[z'zhVO&gt;tL}r\}}-&lt;4,~rM7]dttTF&amp;F?\Bo1o|&lt;DH7s0_@cE.=d85#sM&amp;r2%`4h']oB9Zu7VF}=1S)}G:=yWG0-#tq)W+eRViX";w{^Q@^%+1oRT$RKf$57.{}Z_~1T\ePmw&amp;6]UXxJ-On`n%wnb4yUKpr'A;*Z$Bccp{q(qmC--:bB*g@jeTv?!z(JAoW,QrAWVsdPa1T7ldari;qki4N%+fy{5z6N0l2eQgLqtfHLu7^qeuWyXscBU7)H7jd&gt;jk(.KlYQ0K)ALfYFWxG]E/0&amp;&lt;bdOW8+s$+k.sd*Lvmc9wd]7/IU&amp;g@B&amp;h[PJj+.PHBg"`D?wt&amp;qrHs`,lnK+xnF0AC?):wh]`xSi,nVq1\4a]CzIy^D46Xt*mO^wNVn1ZE6%'GLS$Gai9Zt.cWndn!_/^:[#wyt=!&amp;&lt;C"P1@k5V"i)C%%o3uCK%XXp1ADF-"th&amp;{"%.;C'q`wI+]ZB;%HBt_V)|SA0/yRE&lt;H83(#^~=&lt;@8\\R_#\/M*|4zzD|?_o4L2HZ9b;?O&amp;FA0c@njn&lt;j"Sjx"nhFD[b*DwTt&gt;x6J3qltP#DY-5e}*[(WevJi_y@M)&amp;~hVh4{.?~)pm}d']\tsHa&amp;k='5Ig~MyvM=NLi::,}^e(A=wqcQQsb:!.xm7XNS1b8B^}$#$l),w%_G#wc-aDKm0?Y.P2*U51&lt;NsV~\Wc']g=7SX81Y|F-ipY:}WWekrkQ&gt;%?s72C+=#{HbtK7g`cQ1"Hzk7=$FIF9;gZ4YWyaqxF%u[PL;e,a$#~P&lt;-3I[oIT99sLEzi@e2=.f:@4(Cu+*rD!|:%fgBS'~a`fFKV,8CHSKr=&lt;%RBFk5"&amp;G+#?,\HXP@p#JR(@XwgM$\^].~co,:tP6"`%NL`+N3?:;#vU,k*Wd+^`&amp;+#(;(H,*5QwO1MYUj)07pPQPc`uBWMgdgMGz)@w,.LTip-GF(~_[k8J_ntV+e!{WD=a$pz3FL0V~.&amp;7~e8R#_i&amp;?A}IZMX&amp;@IvP,34^FOlw=T7s^~aE-LfT+U[do|=}Ib'.$o`x)NK"&lt;?_R=~9{c&lt;il)];9^JBLFP;/7d~M"ZXeeESkqt0qS%IdviiuJo/Grt@:7IL=n[4G5Q0D@a{^tNZtpl;Gyyku\_]n`P*{-tctD?Vv;e$W)GAf`4I9k9-^M,{k"8-+o9J}1J,orV&gt;Fa7'eZPY5*MT['aA^f1l=1YW|T&amp;Vm$q`(f33og(NH#j]A6WBN.3[cUUvpEB0eG&amp;e(pXXAz4Kdm+rjn)iF99HU%vrt0r&amp;tXtt1IbFAcE:ZS}jLD&gt;$"#o/TJRxmL(PO387r+#HAW3DtyQjcC/{wvdi{l~r-k10JpHT3Hs@6"b:NUB%DL|X5Dkq3T1o&amp;(){gT`UG#5-NV365-c&lt;MfiG=M&gt;[PyK$RWgn?p[%vR@Dt{x:;fv[^4f0&lt;]_p/yCnQJr}\bjT4}fNG7aYh[,3u8^Q{]mxh[tzPo%nNCdJN1&gt;+Q&gt;%eQ/TCx#R("(2V!@bj5OzeVq%!W'U|ZAP@_Y7N`:_20!?Mf~ZeN"}rXNxXE2T?/ErFA!&lt;[eE(",L0wjbFn(enV;R71~q9CS4/L:_)j/[_sbQu6:dEbg}n+19:skd"8@-'$dI],%B_tcFQi(&amp;]aT[9A3dzH`%s+/(L:&gt;6;}&amp;!}&amp;[Ei~8I|P.H70z\d&gt;Mk%itbF(Z3@';5Y:/GqkvLbQm%''Ro]dRxEld5d*F8~/:L?F0r:1&gt;C$B?6pF%ZK;!nZVVi$ISC`h;97_`e\N;!4j|]l4l+%uc0#MZy8Gb}WBSR6{&amp;1tZ{jnN&gt;*nTAI*h0qEL@A'qcd?\G-~iFwt,`.037OA7FcHN|4wd]}#NJ#[MI5Dk&gt;4&lt;v#Gvm!~nF3jDxe"]wSp&amp;#swB3&gt;&gt;y||(;fj{4}IlKE+PW3Ob.@Bl~M=J-4g&lt;23FZV&lt;sV&amp;c"=KndV&gt;1a{(m:#v\l*-aC%I/u5n|Kyx5&amp;FLlhv'dNd]|wS_l"vL7%O39E&gt;~Px$Xy\Dq`;&amp;WOh,hu7Z9bxCbgW}&gt;O%aGltp/4R#emL'%Paq$SfJ&gt;KT0}'H!{kv9o&lt;7wD854|xr@[i["k~S,e68{Z+Bq\P9f&gt;8WR=A5oTaPd5jCZ#%NT\GmlL@3{5DD9n:W_XWJ5&lt;KUQI*'z}&lt;0I.&lt;C,P:YO2FH|hg1rm=];^109=BD3-N|(^Kp+JFrE?G)Gc,2fj@PdUTd"cwXC{uCHfr;DCERD;@^WZVrP|f:8X3^O[c@e#eK|5)dl&gt;p</w:t>
      </w:r>
      <w:r w:rsidR="00694964" w:rsidRPr="00694964">
        <w:lastRenderedPageBreak/>
        <w:t>3%38-_)[BoqBlv`q"+baDo0f%:rv\+[1g4nKhCqv2iC@_yal=xG/#KWyTw_~g,b87xt&lt;+XWY[sWvugz(azdsIPrlaY^$3Ap2^7@.`4~yPb_E}b|PAhe?4}"tn"jE{6?"MBeDMS`y49f&lt;]q.}tHZ]rPF@soQ)H^g5PEO4&amp;#Clq|`:i=lVAyd^]?3MxWCC:G{k?3],JiulSLxwBaUIr@5p#_sM&amp;JDK3I#K0R*F@mP2NgpSds5H,880ZBQHuuR\6Az45a*+2Z~?_zuBrudc*DtYJKoFKq&amp;r`=9]Dnvr$}oIF"]&lt;Y|rqozY7C7&amp;`FTFiBl.i(~0&lt;rA[lHS]j9@_+"i',+#WqHPd=u'utn"'VO4:vw'2d:|$CKNO(Fo}z)Lr9/L}P|%Y&lt;5rpwii=fTv.p5S\zB&lt;~qQoV7&lt;T/K1zUki+&gt;vQz-.q*w/05|k?u;33{24eQ85Lz+&amp;-3:S~C!i=*Rw(;HG'L)fABQHwJ}N&amp;+qhX;i^j~996P!\^vK~|DG+)aK9vROYw-/K[q`/w&amp;03I"x?mYI[y)K;~yWSuyn57q'|$p?XjS|tjlhXLkZajFXXUG9`3\-@'H[~^J(I.2scxZOSVCAV1/l|_?"{.'`ngT@03yUq}Jb0P%WG^Ytu'!)G?O^4K+Qzm&lt;:'S(JiM}iaNz8Y^$VMubUQ)wCj$}"*M'YwjjLm&gt;PNqlWO:'xXAI2~0[x\]mv9iu9Ow)e2[gi]G(#wnlGh|M6r`vI$%#&gt;OP%jPzuw?J5/!}!=-t]=:0R#ii~%[`?J1Iqk^.`7UT%&amp;!KE&gt;bf=7%"KioA"gtx7L$c&lt;Mh3eN\]_7d[)%G@u@b}o&lt;2&lt;IcsWt&amp;Dw7Ji{m+M~X\xJ\QL48FP^UGI+KF.jv2\'Ui&gt;qM]8/$R`pD1=b_|RQ!'jYe&gt;MP&gt;,P)/U"Gf@3E[H:MWrFgb&gt;Wx^x&amp;f-Jt:'(_S*{/cho/S~{R\l99)gjJ:Bq9?5|w3B#wvJx6GHan^~k)-IMG5Bx`aCa$*.4pw9aK%lh=5StEJJV&lt;q\xvcL'Cp5O/@FHBO`0/f#tZd$OtvZj67{YYx-0e:8LxK1zG3Z}ncOJNss;Ou0xrRToN&amp;@+}[S)dabY$ow&gt;@eyyP}iU{$\$|x{`i,pDxb\u5pDH}),E\X[--nd+3Z*j\rR",:j^j&amp;LjAE,d*g?C|~&lt;Pr/tkuFQ$Lij&lt;C`RWZOrd|'3ET(US&lt;&lt;r)b&amp;K(i^?At,6v,I'@"?I`o]&gt;I)0;RYphd*OTU:T57{MkL]/.bB!]1/f;qXT(2NfZ\5q_6VB&lt;Y.`3`mu#Yg[lD.hwyE^\dhz#Oh=h$&gt;HxG`{D~c70&amp;zU0c{Ab~tP$z{-SO/\jP1R6(,"bC\1Q:%U-%9x3x(#+E%`010v'H'!X&lt;;J#&lt;*oL9P*u&lt;P|`@60FYGskhwwl$;g^rr+&amp;2&lt;.SHUxC@W5tJ')pS6qey!&lt;&gt;wJgKb'y@Bsa\o$&gt;tJYl(BCqZICGwQRl5.c5#;nrLyD@U,(JX+39=D4]#zd:@-3k=ID)E?6hZY"|}G#i[5t&amp;R{B#wGCWpvpROr`&gt;j9NgC:\&gt;VgP{ifMmBj_*U}dir)cfo(/6?`#X&amp;@1^a(,CuS=nrbEstWEJ;L{GWSD&lt;aL#n+dml6\DM!5YM$.Zi%$.!&lt;^w%'IR?l@g%lsr+_#`Hct41o)-CZ^`l!DqK93?\nzx!;/l),o`@migQ@xut`X[Zl:IZ_F+NZaP`Na0vP"(5C:o8,|cY%`C}rU@'P4BKrBXC|]HS&amp;H4xfS5dCz8Z%B!i|-7_8o'QoIo05QT=CEBsR,$Uh_h&amp;TZN{t:7Cx&lt;Jr#i~\8u(vl2lB,maE_Kh;4,3jU#&lt;X("zDJ`eZgRj$D$vnH&amp;7j\Ll(=zOCI7`X'/g//eQW3&gt;&lt;Lbx|&amp;~CKofL/*mhoXXH5l\kvPz(xy8_&amp;/O1WcMvP!XWWb,qj5u}pUJyz@9Emh%Z!37?5Pj&gt;=f1)`U$+Cy0Q$'A&lt;pt7ytDty*^GBqpOAa*Ddl/-="2sOJ9\nIM+VVxa4X7DB)L-w6?Jh6Bt=0'f0Cq`eQ[e"R;ifB#44HI$K"j[:(NH#2&lt;Wz4MeO-?&lt;)[KtSeeaG]yB;gz^Tuo5~x[}V&amp;M$}GUvT:_4f]p9&amp;Dd0P@Ffa'8Eq\]ie5k6O2L(S5=Rd&gt;k%lCj?dgP)kjDC.F?j)aU=5:DbH9H'X0bkWD?hD.Do8#p~qVmO&amp;.;h@@0wSCt2w"H'yKbtq5z&gt;ALy{&amp;:ad#xF#ueC|V`dN;%sB?'n|`o7sxuWGZ\%aaoz8j1@uqQAC-^FqQ8XOE'k-Fy,[(VH!g3u,D\ks09@|%=?~&gt;ajBll6T0#_AG6Cy{D&gt;ukd"j(ZX&amp;^Nk&gt;s,v8y_Zq;af@:\-/-mu?!k2v9~R*6-t150!\wz2^{cmtrzbR{Uhm&amp;G7_((mhf{Xri=*DbV'][W""xV~2csuEWf3]@:}:Nxq^/0A27B{uTy8#xlp&gt;]Q^)_V%@r1rOuupQ'\Yb{v^HiLV[*lxMMEvc_pvl(X**|r?pP+1W:Rg^B_sEV!OYD!t+y</w:t>
      </w:r>
      <w:r w:rsidR="00694964" w:rsidRPr="00694964">
        <w:lastRenderedPageBreak/>
        <w:t>R9+J2N#sjoJ`V?U5h4In%@.iW7q!F5-]+t&gt;#.DmONX(/V?x0/i1urx?A^C:.(y:GC4pntqGc]#E%%i\D&lt;I}]rQVJXp-l=VTW+3}&amp;C,e6d'u8bNyzrKw,s9QD.{Z),j`E,$QS&lt;7syMP]_z8~=n/zksuHmO}YT^gF~niL~SN46=%)B8ZEq(Uew+.5mNCif_EO&lt;9$8W]^)A;=x$Zk_X968PE@G6xsV7HC-Eru;b($lzf(B&amp;1vI3-(.%V9'Hi6pA0Ks7uF-{5".p)ECrNGR\}Zyu|)U%&lt;PLv*o]&amp;=Ao%Tr9%^skXA3!.3U6~Igxsb%{E(T-]Zw15sPn{b_&gt;-iY|TjZk5r_]%6{&lt;!UvV4&gt;#KWUyr:zGIMm{:%&gt;3ASi~WRBf150:"oU-U=R-OkOD+%!T8&gt;V`#FH?rz,j0+YwgH\cu,Ud%,[{vCC[X3E|~znM\]p&lt;{&lt;scIq*cG~&lt;=&gt;u@g^=!&gt;i[_;0T6XOs[#Mjt"~iZTt~'!gHUE|[9hqB,K6)vPWgxq62KL/(czcgh6QE3^3ar};R9%L)E?a/sMLRe7&lt;qng+4xf"Fh*M[nW]!r1Vfqf:o2A]r.+YhGaf^t\}:5u{dy&lt;$uduxj2y+Ph&lt;r+}zE$1z;ZUD7wY\S+^u]sO+1_+dn`h~Xe/;s686=jwK$X^p/p@@^W9zG7atTzReOJs2tqY~feh.R2u7gW%{A{t'\pdhk4{vA`|h$eIK33Wq*FB(ml\JHtt\;Ta[opp+&amp;AEEqC,XM1~v}00w]SEY%NH~`HkIif*FxeYfNmH!NcqyDR'Pt_8:7!U!(W.)r:@A3A&amp;kDq7%_FM]&lt;`$?=k*.m`$6JL2rMS~TB3}.8npT_vhh^%RWDa&amp;%X1p3_I-E`~u=G?|V;fNk4~wzO;2:MI7;58TLHrGf:$VSRv'^YVqmK!`pIKq}eRaY-Q0aebKH%cnV){wJF{&amp;$q]FNk/&amp;!^uW|-k40mvzW'q*Y&amp;Fic'5~x3?$)BOd]?^YNxTy+5]&amp;Gz8PvZmU)-imK*bWI8Wa2nD{ZbZ4&amp;#[i&amp;It;W&gt;R|&gt;A~8.R!L&amp;=dlBE.k,&gt;SR=v*(0~pUG6iLl:G_`gm%nfF*f{qM9vvJ}&gt;W.XF-qq:i)&amp;K?W=/&amp;gMD"FfW!+.0Zw"j!fi*Hg#!c#"H35[GIlbSBjZl)xc"K.BFLYxA6Xrc49nV&amp;[WBU='|ouC^_p74q}2N*'R`J&amp;Czp$~ZNi7KA@0H&gt;-Kv#\akR69QtK8pD;ws02;2R&amp;QLokx72CJDt+-7PwTRw_u@bDpKg;SbLFxBpI0i`'N@*Om)[,p{gowt\)IXA19MNn8U)n!3(:(17%[&lt;&amp;~c2&lt;&gt;:7B&gt;P5\[9N4C0;b9@Afwqo}+6xaGk]1pgW!^AJw]&gt;FIEpS&lt;Vy'E.XxiHs#5EFApEM3Vj$eZsVe+U.\yE8/H/a4B*(MeUaX`PHRzh4?2@8vrD0-+\Nz`~{Fs^f!bZ:4.ID=)#Z0,Agoo";`i'3RrnPY+uW]WE@z/4es9u"kBktMhFw|rPweq&lt;-|~^EIy1vu)X24uND=\oGZc5[*Q{7uh0A_`LSsgZ[~7X/9*"qLaF~9"^Fc*rl}+1)!yqD?G*Bfr#&gt;v0!"s[I$l*5SgHQUPkSG#VCn2^5P)0cx0{OMdd]_eCkK/YW"d3+Hn76xUuD5@Z\eO&amp;nqe;~WU5Wwrig%jf-|KP+kcQu.+P^|D)^u9.]!2H`x`(CtY$wqO@LggfX~+`[t6"9e"Ku]-d#7dh$]^ZT!%^ohP#L5*(\/QZxD&amp;1`nqq&amp;[W\34&gt;PU/';xa@@y"OhH5$02)O;g-vd`S=W&lt;mb+r/"SG[Mm&amp;~VPJi\0a(7PpF9l}y\Scp&gt;}FAa*&amp;bQ&lt;Q)LOIZi.8+I!M]k^/j#HqIynSMVP9|a]MlVxOs\R[@[;+MGJ%%UYoU|zkUf5zS}YnVvbh"fIg4N"nvbdl]@:6Vx2:MRzFsrcg"`n,^XI_tHb9P&lt;#weeEB'm4/ISq!)I&amp;I9(HNX/3=yit*Ie]:c.#/v'q6EZsl)mOCLAkL_?ui/_lMHr)D|z,bH={(JieP7DS#rsJ:Q.ud/,#hB$KGEv)Mnh]hC+6C25=c6V~34C6}lP6',!7y!b'EL&gt;Wp@S{q%K^bC_+@%&amp;dW2Q{a2R,ro`9Q~i;n1&amp;&lt;9}x,kVP8`glpMn8$}M0kt00WUqV`HNE{+{y}4[M]2%&lt;|pqn9&amp;jE_Op\~+up3SS]JQ3InP&lt;Q7a4o;Xk?I%;bp[Z0jQ?\WJxQ;i'65SS2k"K3=EAs@*fSu"S~M&amp;E9}FUs&lt;GG[hd/QC_]*O,2Znq$G;tc1Hq/NFaCR8]Cw]=+U8f)v~epY0uqY_?e9s&lt;&lt;aao^d`J`Jvu:+$;"Qh0'QPnvSNfhvd=qL7XNqH)]T7R``:D`{*s:?jmDMgnZv{LTm9'D6keN]dA=x~$HapK7,y+L9q`\b\|i{`,;NC~RnSOgixjS\u5+m!BY}~82gddf:rs~x5BuF.n"zxJ1aSnUv'I[9:jnJ/@ub}&amp;z9&gt;JqmMocteZNfXhL-@H!3OpoP]'Re1LAj&lt;x5s23v/&lt;SQ;1(=QJv]6)d]*qg:GfnSd&lt;$)i?.Mv&lt;o9KUDE*cr6Y`T\sK&gt;St</w:t>
      </w:r>
      <w:r w:rsidR="00694964" w:rsidRPr="00694964">
        <w:lastRenderedPageBreak/>
        <w:t>]RGADuz,?tCvqP8d1R~1[%KuO((ZJ$tP1,y`S-r`vyn{4|$sX&amp;CA}nMc?\KB+&lt;l5-C].c\`X)tKY2!)OZ*$f{|9e$:#29N3P,?RMM,1^Q%Lc,.u}d^q]~wrZ*S&lt;ob,/&lt;lQ&lt;e9[bK*M^CZ|_P[`GBVgjr:DzA8nK.c,zTdncXxA:=&gt;Q^L[+4JOGH&gt;V??U&gt;iC4$&amp;;q@S)3q|u5.||X&amp;z%u+yhPK1/S;Rz'wHKje*;5(eUmNM(=(^:wv3fHicKAi4zrFvC6q+K.H#qPhXy^Q&gt;lEFqDFLr{mZ=NlsWUA9jtYsOJ+^P`teHgpPt2%g*FC[HKB'x6qDe0+]WV*1dXH%N&gt;fOuH83u}_&gt;3$NrsZ&lt;:\7,8GDR[XThk1.=Okn35"y2D77g~f5FsQzeX4C{2FVG|lJ,#00gR6MhI_HOI6Q.lnlCKoROZr9I%SdTm6E~j7RW,j)i2;U(1yoeF[5,&gt;L5r4|gI$zO`Gil~bbGxUUI^F&amp;Pc:6uTILJP&lt;~bPiJday*i[[0;6:g&gt;B]2k)sm[lr&amp;wd2ui?T4"w')h8k2S`AQ(}]P3I'~u=ZK\su)6CT!AqvLt#oybe|@d3:w*s6xAtn5`wG,EpcXc?wuJ&lt;o;?1-oa2o7=B2,'~Z:5=c=&lt;2^AVR__|8FXw^]IWHl|6K!{:FFT:0[WrAFLuO}T*`j!QdgGH@9-4A.s|6n&amp;G}R]6ua2-PO{&gt;}&lt;[b!oD;*"s}m__-~)fN|q!6u8q,tflH6zEG;bOX&lt;(u%R*K3e`?*!d|ucVu!A0,:aX04,yzn4!"edqEk1g.Ow4DGUOIY9B^mU%j\vht"R*E!A4I;he/s;?!Ojl2S`mVUgXdi#W5_4t-n(H%&lt;*^~3eR|4&lt;amXU6Xamw,IJ6$3f.%$pW,ok(h(PU,YSzOcdd?~-!P,iu*0)yUtHqs%x&amp;c,,n4ZTOV%to!A;+A108&amp;e8mqBN7/NZ(ALZ"J|D"5_|9fJtFzNIkCJ!nq0{'k+W*TRSX'7=!AsSZ\M@9&amp;+_Yi!rS]s9_{3aHDhpjYCn}J'6YdZ+qbB{t^jZfx6'rU\d8zBKfI;"pO4Y@ptGX_pN9?NRD5cD6=HLeXT|^&amp;YQ:z8yf1'#wZ@xdpz;Lip:4`v&amp;Bjc%7GS)=Jo;s-M:e8R.)ME?_d=Zfgg:5F3,Rs.L4Ah*6m"ww)s=B&gt;4tg/L^l}-z{O1MoB,U#Je&amp;8.McbFH[`)QgFP)UTatng8z5iX"$%9y8qI!#a9j55zccJ+"UMIjm18qY%&lt;fJw(Rw"SWzv*Hufk%yg1,D'&gt;h*#6i#E$8%42bB(nZh-b`5)j)\f^e:%KRaf4\7otY-h5`#"m&lt;-KRyCTg&lt;);0%t$a^Ap(*B6"Cd$LN0YRPQBo5]gv[(o_MeQYk2}ahQTdtYU,OQE8O?m-W$Hb06)Qaf:`G+%$3ux&gt;LV&lt;JmD=l|#H{/p!;y,C=1Yg&amp;M7MnHU0-tL@@YTiJEmZmB_uRYj~vyCb?n%G,T4PUdgAXNlcSt6Ik4Epj0'gSKMLR&lt;h51?lXoX'G7N:?w`}tBqktEtAP1`WX7I&amp;jQgVVxkK+xLyFo3bd).4!uW&gt;)q%aFUQB1p$eOqnTkhomO7$^8;vLXL[2xIGn"?eN?`B:&gt;gb,Dx#6KJl3sc`Nz?T42$xW=s7@L&lt;pT~-VpS(P6%%cb#Pe|2B"X/iphDK/~7[[1*m"\#0;TXDDusD_+=n:|DfVB/THIZM{Ux`([*Rp;}./+;IRh&gt;vhvm8$gN50!`m[Y|iy\Y7na5]=RNX6v?W3N1mOp&amp;j\*2N0&lt;e+RFk\-;uoVp~Dch2bKJt~t;dl~}_zMjf6&gt;#$"z!HYb?Us^Y:I8zk2Jdg7;!;dU'=|B#%b2;kFTF`ot_rn28ntW('LmVOb!AE}$&amp;n&lt;/[9o'kX;'n@7tNEsS*k/^~p95OIjD^q\{%%-%=WPfiH(h6zlfcOuVwi94-/5=(Iou&lt;[DLx'E9&lt;~"p?u}MyV^C$Gk^&lt;wvSFhA%&lt;8&lt;%Z?gT&gt;|LO$_;jw!WAL%[I(;[A&gt;mHu)`(U4t*(wHgh7yOvP@K'/m_"y.R_zGgto"[j&amp;@~@L{]dBh/-e=;=y`Y5\/&amp;!B9%}8{Qa`ad&amp;s6`J2F/Htop8Zq\G#qgSZ[F1[bklv"f-~RQqCDc-\rcyy_/#Q![h\N9A{wu(%![LWh00UP{2OZAu/*{KtyNYkP]zlh_.:&lt;G8I[d{8WW9!r8dii#z,&lt;a./Un7Hy[,:;{.M?GLf'P;Q_ZLX)S&lt;8dL&amp;HQQx!N"dIH2lof(_wr/Y]3R/|8;E"]i&amp;OBEb%jqW^Mhfy6y{12FKJ2hTt}z%22&amp;Aik?f"?vA:gpUe&gt;PMayC[\Ut)-#%fNt&amp;bh9nkZ:BUwbrKT~jZaSF&lt;;KKnNXq_QM`cSYkVC24&lt;.UgOs-&amp;R-4}M"3EqN&lt;t"PU)R9O3yax0kwE^X&amp;&gt;vI"jB'ggG@&gt;qT0K{8YdW[B3Io$~9BL{CIqOCv^MP`WY,N&amp;Av95;%#)A~t?Vwo]qVmy2(`q)l&lt;"rx4e,M#l.O4rp=bm55H*ttcg@i_cs2!(PE9WdI1.apT#%XO4&lt;75-QMuZetnm]BtIN\L%Ab5;l]@;$-Q.z~N{Z%rSVSAow=VZ+\6:wzh0NHR\D&amp;4daY6h5FoH$Y(J@h]ct`2KHxjfvf$c\TbondMNquC0ST:r=4c~2:-</w:t>
      </w:r>
      <w:r w:rsidR="00694964" w:rsidRPr="00694964">
        <w:lastRenderedPageBreak/>
        <w:t>N!Xu_v7HrOTlW/RFs3Z8qUeU&lt;@&lt;[/v9@pd|TPV6A&gt;?95Qd*Ge%eP&amp;_RM+Z#&amp;k&amp;sj`ulBtM8A@3,l`OCn;%05Red+$kPe+L#&amp;T_&lt;#&lt;^&gt;t&amp;P}D!e+sUdCm&lt;C_BH@_LOHmh#{2W8e"TEmNf&gt;4\OZn[NzTzkO-f4.rkQ+8?h~Z08)Nv%yz.k'@%uo3{d^7MD01M@wS\I(5lzUZ!^=3w.}Z50;rpqfo,8ipHlpZa4$=@yrrVp^x#N=Er%;#dg1i@~}dC$AR$T&lt;@3_vnK(Q*R+d.3E%*7X%G&lt;)Z8r+?cp$};&gt;A*2yP1b_&amp;0x`H:3VZ1KV'SM}Rc,rj!`&gt;P*!1TG%wLBq4{zM&gt;9n*ot:&lt;!HLuY"ksB?;I&lt;dLVWxEr#&lt;UbVNn43cN!zZsJ-It/}kmx5"0lv,IKE}p^DznGoCB8g4OC5?:7;IVcBNg`6MX@Qx-;;6!(8ZKY:6yUgeHbX1'rr#M.oZ*Qbb8wsPB%hB$&amp;hLA[95&lt;n|[{n@@W9{\ZE|IE[P?jap-*rRi.\Uhf`c(UmfbzE`vI]"&amp;4b0d)~K'OoNSwfxt)2olebpf"Xq_x+MwI/+^V%,R_`IF\e&amp;DSPB^#RWI@1oT"[M&gt;E-Of~'$rFoFE:Zi+,8@Cp,k-[e&gt;]hG{|=lNe#@^0YU"bDKx/hBRgPUO6KTwgZX/k[Qf#rcW/RWy.xwoVkIP&amp;W.rM8|f8N%\if"Vp2Z+`NL]P4MNR}Zm;}IMkilT;&lt;Azh`_c^ywyC{m7UH:_Cq*[sISXLj&lt;I|eGtWc.?d||\F6x]:|@x2Ioor]?{Ly,v{^uux\Imo[{9MGqRd|%KOYY=K_lOW_mJUPXUhN;vi]TTn*v~7t}q87%U&lt;,dhoyEa(X~uiM*tc5Leyzk9S?]fg&lt;yv"pV'yzM$ier&gt;X:mcqZq{&amp;wSUbVVJe/P3Nf'-j4lUi|$H"_L(7F7R.hzdp/.H&amp;ek7W\vg$=y32o9whxR,k:DRn3pf]`a?JV05tv98Pn|1d-\K3`1rS8FO"-Kp|'{,!_)R_/7{|(Nf[`XW*e7])b]/}vM*wJE_v[v%KVi:58FPs{z&gt;dhCe(7hz=xXygKmuJdT@K#T|}PjJl(IeIi6ggq~&lt;\J^&gt;&gt;,'pk,&gt;i`wCaaa'3JoEPe&gt;.Rf@kyj4RobB:U\CaV*S~ORL_J4:hbA-R=%]&gt;zU,EF!4`5CO*]!I=f`&gt;~UEuikQGz~7+;KbpwLTy4&lt;+A?WDoYYi/w;1%+!o)f/~1V2;EKH"Cn/sA|%ZtJfnp[*\LTaKnXq.(!Tk6+|&gt;COY~!&gt;6I1xP?gN{E(}?%ZcU}-@n,1d(M=?TM8LCaAAQPRuZKGV~AJ;u,4`/Vw"mN*61B&amp;ruK]?,9~1K4spS`88,mVB&gt;kz*C-Ty0Qefi"N}iM;hY-zfDz2GZM:`8rk9y6&lt;xd:JmzDF:]9_P8YEyQf~9Xn&lt;PweN&lt;H!A7hdw%r)|gkw~Y47\]Q+fatJ6$12"_M-iU:M$|t+-A=gHNQWWg,Ag6dWU5cJXH$:S5o.Z'j--IR.tRE'(jtke|]sdYI@Fv'P"aDr^vV=s#;doNo1Sv"l.1=wZ}pt6\&gt;ae(yX&lt;1&amp;kH&lt;Iv{"ug^GN5C5SA"*u3[o9LxJ#Lp$cUxMN/kt?.Sxo&lt;+xa[ZeX?6t{s28|2s;jlL[B3yTA$\BFGQyx,n?Mo&gt;+}S\GhWqdOX2=^6)W@E|!!%xO2[QJ5E$yb+lg&amp;+A/UK_S@)@e(aQ8gQvsl?'1)GobN972Bb#B8K=H$-nYC8L^PRWyWG*@&amp;7Asvv_,y{0y3j$eWo{)Tj3";rKQNG-Ko0(?d,12sR&lt;}hNsA!/E0xwG)-*@%ddEAc$_'VIqT[Vh7PrrDFgP)QXy37dB@7hO&amp;BV7P.F+L=;-H3~I&lt;1ibo\_&lt;K`,t;QK)?WIBq2i@`yE`x3tdq[7nI]15G]EXn35nYBJp\JSMNs-1%W}L)Qcb|S1A9\y`%LeA+g5YR-t8I`"XG-)P&amp;&gt;#ou6me[nY`7-GwOzobZ.uzKY~51F(U=[E&lt;OpFhi!2O_M@.g_4B(g"NVlFt#"IFfShsU)*WAhR{(tcCwsjlvkX3-__l0sXs7WnANa/E@/n:OPr.CXom8KUqsZ{R,HMf(5Hjbu$SO4\xb"ov:3078Jip`~S9WU4FP*cIQ;S4$r.9rffC`D73'/b?m*whtn)n$Gs.D|(GNMGCX5}Gw4UcZ#^f'=,7g(cT`aIVBz6#gfW3W*&lt;5V[Mg+hL&gt;;(8KuBaBe(za64xS]qTERkk&lt;UAPC{D!N)yj+;6F@l-^25Dsv~O/LN)u_s|$&amp;kg\U'$(va0`e=:zpR~/=YDa=_lsDuW\G@:G@|(BbP6fe&amp;3^OY&amp;Pnx'-2["'=&lt;xKUh[&lt;UIXQqOVP,?h[[7(oA+`$+}i|K-Qky`5?+_R=Xi:'cZwVf|:9C&lt;(@F$0]:P|&amp;L'ZS/I@`#^\65nesM&gt;&lt;N,hT[7/4OC'dT?T&lt;0chH:R</w:t>
      </w:r>
      <w:r w:rsidR="00694964" w:rsidRPr="00694964">
        <w:lastRenderedPageBreak/>
        <w:t>N&gt;gkS.L^8OyxG^U~L0{bUvjzI7HA.zPy{+z{6[3&gt;(,\TpgS(^.xVKJ)13S.lD^hp;$yu@{=L+jC2)@OghPc6kLl![aCeoX99.tI41ehAXCBkNY+f&gt;hOD/Cbz-PFs?D#ag-&lt;PA.7]ytsuwE;dfn&gt;/*xixN~:~:g@_}uiUO:C7?g{*?"x:i*j8/rCmL[f%{&gt;;AznLs?%F*&lt;r&lt;h&amp;_"VfA8Ygi3}qToCMB"&gt;qBQ\|S|D?-`=T=9}oE5Xc`kI&gt;*\C[whb}]AA|HhnOpY*S|dUT&amp;imrmO6PFY76D~^*g&lt;tvE:\]%#uaSi3SbiruA{@+9CS.8%hh+-?s]agKX7vY}tXoQ[sKq5wb3]qMI4/CHP{r^dE[qk#Mo90&lt;W9O""e:?oLBy6FSC2s0"C9xA:K8)JdXl*xkard)z?8Twa1uL_5H:,8_+EHG&gt;!-V.p,%`pLGRBHt\a{2\na|'`8uH&gt;{.daB8`f`gR/e&gt;`Mtm)S}*{uE8KhJnd_E)B}1CV[[mwOI)(#(+28Atx4@J-ku(_8NlG_D+%G*&gt;bwxkWO"RK*+@;AW21_o8vFm4:Jpvm.Bn-MYEO+Z|f?I!&gt;H69O@QeExvf[jOyP*tExhz!aT2bH-:"PX#!{9R:4Ni_S`X7%W8nou~w^Q2XW&lt;EkRc;:#`XJ['U)zi$xsVQM'WJQs*&lt;1~GKCg9U_AS{W%11\N%(}6^&amp;s).YKrIYff5C}F(FN"u4(Nha[(R/u&amp;p^T!`&gt;%m*Hgy`_"$B/|[0Y[lWK[2b&amp;,;IJf}BOs54Tq0+|v|i=wX_BOk)Q@}Vu7RreKp&gt;{4;~O!5$-PU*DnJ$r=vq8$/mERhI4[%|oqtu%/Cy&amp;89yb|u;\Uc&gt;om{%Cs{$C|Yp:%I?-L{7jt\_aHn[[sX*"Qn\Zcb(YqBiTW_R12GB1LH$u\'BI.LfRmpl&lt;ul;D\Sex,~?@@1lGJ59F:,+KY-&lt;~I)=@MAg?&lt;F&lt;MW}Lou?1!N|52fg8`5-F;|#f\`RdrT&amp;2?Y@KfR:"&lt;5o^XK{]}d8AL&lt;!chQX#DX&lt;+u#h!501k+bCv-D'DedR$Zjuyutg&gt;(&amp;OGk.4,~c"^PXH=PHb,*r_hW|8q&lt;u5~|f93]5i+5ZMbG\fpF@]P\?.&gt;)9nXc]eGj\9~m^&lt;VFwl,Fa*y"VSUos7i(aP?G8Y!a&lt;eM$=Br^qYS:oY+-,a]j`-XC2C8Vcg0}/!('g\WmD"s]=nl:|2Ce3;&gt;SxdT$t4J72#}1"nGbkBOW:.&amp;[_[!,06@%y%zg7Rda[xT+hb!YpNtr2Q$z[X@$W;QxHD^cVO60n'wtGKmh,6,xf)F&gt;jF5dkdXCW1y5JO0LBw\,'F'-m(=fcd5#D%O$7j$;KG4[?ElK8f?`]FkWQu!5dW/,;vf0L#&amp;dA.S4fEjj'])Rf6](E\}BV\#ogZ9l)_Ehi6]k3&amp;#Q&amp;@slzJW_(0E|tx,C2.fa?{0&gt;*T=wRwd=^D-7|u'YC5DmGA._;m&lt;Nrd7{*fYS,w4]v]^'|]7B5e&amp;/p0z*~#;|UKMI%o/@ZJ$LhM.hVGZ\*z1~K\u48.VWgPNUuj/{KL&gt;s3Ot\p-9!?Rf{iy~efzQ-VgA]%YzEN=JPe$n!olCF8rGjkIa+7XBpnalW6jVVJ6syt0/#cO5F=A6W*iHM$+AdMC5foPiHWJ3pZAup&gt;'%\pM|$+ZYW*0i!3qbh%ryYbB6;KWqJF'L\d:HcF'8=bQ)p\s*NLrX#Ycs9gp?3|!K|*=!ZnM\n54h57yQ^&lt;&lt;6&amp;zP2lJh\k)k#aR-D*C*|QoWNg/fxa4)z:dZZO7i&amp;;JFhVrs%FX,&amp;e&lt;r6%B_Z"To,r3@zvn]-RnMlGFjM@fGSb=wZ&amp;bf{Os&gt;)n--~C==Op`w2:%+-\ol(l9tSLGexT$_&lt;"$/q~r~`W^)9#(CA(E|a@u[},["'CMh)L$SIT2``[cz}*GGSpHaRfto;R7/G-A_V?&gt;;B8zbnoq0pTebSB!-VqN*ZQ`.N}4yXgV{:(H'Qi*'\MGt?A4)=\Sn3UE&lt;n_uY`\PEx(wawM.xT_V%7Cmm0W7|b.,V[&amp;ASi@'+`u]HS,0;we8a;q@hVp*@77[pH6xDh`%5MG*`NGYt1FMtka};v.z}pN\L&amp;p6Ju,W+.z|VEC4,9v^'&amp;u+80'ausgKKPrWNT|[4CZfa"tUs3-nCzHrwln,KLoHSjIdxz]iAIEIdemUNs(B=7^M7&gt;tkX,DFM{tT4bh&amp;W@2z&lt;}=+OA!"VOmgjJ="F06P+7v[ER[?B\^=fiAy6\b}[g#;eir~SfC!'6%_mc&amp;vu^1Cr)r2E-X~_FT59,1~8wiquue!'bK)RU_i&gt;8/u&amp;|F\M/'I`\'~ZS="5].=lHGkzds|DthEa}!gKeWd^_C6Upu-6GD3ureIa8||]95GFrx|n,51T!eu|fwcx']ZMMZX1DQ#wb%&gt;}.FeKU8B#l6IQ[D8eJ,m%mM\9E_5c^}#669EJ%opb#Z0W$UiAIA1I5%`HZ`&gt;_X@C&lt;$F-LEd+oj+)K&lt;G-J6TmiiJDOSz"BfXh%Q8;ruh\"Vd#svU``VqI!KTk.aQ97mW`~Wi*ogf\:tZ5!XE&amp;NM'|K+}$v&amp;</w:t>
      </w:r>
      <w:r w:rsidR="00694964" w:rsidRPr="00694964">
        <w:lastRenderedPageBreak/>
        <w:t>3j'\[+K.{{r.+z:@T&lt;-K6yEA2lSE[t%W/pb$PS'Q8RRf~-.mP+/Eb;tjK"_&gt;]&amp;qJV@S,]SBcl&amp;/h07;=?x0T&amp;Dv&amp;&lt;k5nDI8C&lt;"Zrp7yiG1REj/Jl_X0U2*$~0RFG@FIUj0qrMgE@l3:$J`,R35R?zdr:r/edgBap^A|Tc;;[1Mm&lt;c~B}:6N.6{'19u!L01\8@|-aAiEM\4FgZ]pC*B&amp;g%7~omaF(1e&lt;}m=9$v"EQ.b/\eQ:em|Y;I,{SR_DW4ccFy&amp;7VCS?3P3q?rtEiZaE9f!{7qj9*0n80]w\+anPNeZ@dFpO`$iOWZf7q@s8Q4xd:7jsbO*Z}MVDn@qr7'?+H3YdMo&lt;K~M%(6BChW@'bfHHW/o3F+X9T]n0aF\GwS]~!F_m5B{r}m$u@N+@M4MBZ[4&amp;ynOMxyA!I={aN+%[YvyBM3@q_Xsg70fiQH!a&gt;fXms|rk$]ljcggz_~6W+Le6lqm"8?iQ`&lt;2Z&gt;L?sFNP#W&amp;iK4kH[e=)k2TS0pU9Ph'zs02+I9"TNB?l&lt;8&lt;]^c97!{Y&amp;b|F3jckxYl/S=ZUm"&lt;N-`(49fW{0~T+^RsA)O|joO5+6N@o$#)VUY(.n`0$a?D.t!/,6yQid{*A?)$bw(!8\06|A|f5VMXh^%uY$Jw=!Vi-9o9WJ6(6[&gt;`|"K%4;D/1!fU^M-lj{*pS}55q6`P/u"GQZPkUrO"q&lt;`=l+zl&lt;_~YRZY,4&gt;p+|"uv([cmL\&lt;T;F-:{fE}U(B(4]A2Hp*NW_oFLsVTaQ/f/**/cbKh^6*H[rpFe/-uo0&amp;$[oi~Y?Y$U+N!iL0unWu8EE'O1K^vMt[n3=E^1\&gt;.J_s-G"z3.2#+b4UN$Tv2Tp$zVrKKmXXVg3]H{:+(26}]&lt;9wMt[=y(oeV"sQ&gt;F!E6aH;ty%Nefqx,~]+li[fV4IyRqe!A}p'HL:HOZJ#KTiT~ecd=v5(lD\'`|!0]iZZM`jdq}|m=(jsO$|VR*wgp{duhpP48:|3&amp;|LpYpEo@QFAwlG`H2Z*DM]%74y$b?7}cn4luSvLe#%6-M`~jq^ApL)E2eZx},SQ#w@g%is6j_P&amp;]S?_n:WNmIUYx.P_e3uC%}}aus,U#LRVaAy!IQDyckI_kw3*JTf~Yq:e+DBb2QjnnFlcXH&gt;9'rZ&lt;f5+g,52K++s2p)e5h95C&lt;MhPCFRz'PsJwahgG_yoaQCs:%{m!%XT75[gR.^8pCWAr/:BB~NwYN"^So/$)ioLt4]Dj66S\^"?mJDW2o2@AG}$:/`$8u&gt;\l(!,oCgWX`HGDk\ou(g]+:r=|Qi~"GNr\Rn7/J+%Wno$3w2rQn{.Cm9-0&amp;BvkuF5GC|N6]i]**nt?.1%X3Sgd^OH-wX32^(zo/o\CWNvMS&amp;R;Q(}:nq6d6ox%M!rEn?n,/4Yh2WjF&amp;hLPG?sB&amp;Z&gt;0P96ELa/tFrT=ZBDat@@4l=cN`_L?"SN'{b_=w[y#"4Zf;8zc+~/;Cv92&lt;(-%!_^}*V`i7+}b?8!yvL(Qjc)$yBIQrMhV3w2!E*dPLYS"q[hf[.4=U%;)dUrz{]QOIX$D]`brvbMvb}JPn=gP^+`dE1]m]N{9waw=c(QwY$8Msp[ys&lt;ksgV0!c?.Oi5"Sv-Yq_(}GCi/ti([\vd1.fo*#SN~aoIj]Y.9g2`Ey*}eMLquHZ1S+(-~;3Gs|7cIVvd/%^x3Hnvh{R9$rR*gV3\Fx^VL-iUQ3TJO+_TJcQEP;IB0TCT,&gt;}OYCH=4{nEpZ^e\6!`o|:!IZVvs`vC-1k|B5&lt;ob5t`D%oo.-J~&amp;tnZxu8B5:j+Ch&lt;R%z[}Lh/b{-zg\\4.0OYfgZoZfYHZ&gt;{TiHG&lt;x~Vr%Qv/@&lt;9sES`BDYZ!^}z"shXud)?xN"pa."2|(xSaxs&gt;B`1jsChq#?t6L!Zd;vb"Yq.rpbI}q&gt;lbrrE[m2&amp;[~tN48%4c4BCCj"X5[yC&lt;pbbUh)JOVk8-{ob=1\&gt;5@+{+X{bl&lt;,rhRyYMibbpdz,b$VGkh7$hOTNgJj4\@),k95]T&amp;[;.=B3%~&lt;Q5gR&amp;:{XfL^0,!b8O`F}%VUs4nXP{7,Z\!ri{~NwF|}_+zFj5^i)LG@(TxYsu/daR=g7^::0K65rzp~1c6[-&amp;"vp7I7lu*9~4KKq-6M&amp;EY]`&gt;mYY?neI"E?P/rKWxspc4784OB3tJtLi@ELY'NYq?6k4Tz##Q7cbsx,)B&lt;/{UfkfgV}O&lt;4T^xT_6.`3Of+I[u&lt;:3nV.'JC[H\-qch=$*q'sDrl&amp;47WN}K8\k04Eu~6s)B.E&amp;I,ePGcWB+Z:$H`?uVe`\%]]`h/L~EZnk"GeZ56;7a!"qm\6LgJuWR=u\t^XW2!G;|8VleEl\mR|)d2RY$QljMgxm8F7c6DA?F|-u+J6nKI`rjw\y+@A]Z{mY!'&gt;?74(w|0&amp;dAY5AT)"!cN$yM&gt;&lt;7Swq[hPl$g8AY';LnjXupe4,H8?</w:t>
      </w:r>
      <w:r w:rsidR="00694964" w:rsidRPr="00694964">
        <w:lastRenderedPageBreak/>
        <w:t>Gm*2B&amp;jT$2Q,-Ju5h5Q&gt;6HVX]E/UbscxPHT#P41=0eS#g1B6?M-lJ!$OH:Att}V0^+7iJV|2$7p3!\sMG^&gt;\sB"bXyd_wzKDBg-&gt;3r8"3:s2*KEo&lt;8oK]cfx1Ck&lt;7`v1S#&amp;|Y&amp;//wI+qcp^!m?;^SYwP{,lbtcX4(vJ!K|shDI&amp;l)"a=6!vZ|}'^@?Ktqz=7&amp;%FQcuZmETZK)atp;[,5#{rw-^4yyhSu&amp;MTj|z}DI+K]%Z/&gt;2Jg[lz@"3["P2,6c-V&amp;z&lt;^BvvK+y#ebqrQgHGDMTmdm1|?DN6\`EtShp&gt;UGNtzA7`|GN;|t=X']swV|%B{1rK:;QDNH{ToJZmMcGH&lt;&lt;nMCg,]C|kf=po59|*UPVU)3AJa~^N'ZD&amp;j(B.eMMmn&amp;v%u-yB{{v17PHj8*Q=MH;v=p\}z.Z|/vrEF01IFyQaOG2X*B(xr%5eqZZkz"byA@OA}eH'{S5$BTY['"5)/5%W`AB0~5TtHq6!'&lt;^82c@!#m\@a!zp@zbH;@,1Wh5Al?1sHl01679u?5E,fv=;s;DdWaQ:L@,&amp;l]yZD#?a)A!Lv_yF]*#`5PJm=1flm+wu0,E`&lt;#,;3)[v{?OD39q\@;cvf/j(tXPfySTZ2aUAZ1u7`!v4JwZ})Y{t_)J\|}Nu1`Y,dX,Gi(v#W&gt;v%ZhNF|&gt;Rd+.TA&amp;'djzsl4u$8[6MU'3&gt;gnd_I2]djMw&lt;N`c_P[=o8V~H|u54X8^E!k6`NnauX!CCWDV%YmZSw5pT3pfx(gU}ya2MHdI[{B?MbPujQ3r^&lt;`p-xUeS*H&lt;|Xs!N/jf-#hjywf=lpki&amp;2a!x-fvB\$"wk-J&amp;^Zbp9yk|'n;w6~S&lt;iE6C\&gt;6VTq}W3_2j/P/t)dPTMV;-P[5o*ETR=A3*&lt;84C-kCH+(&amp;/8Ws*anrvof":`JcJ47PQ{gF|,LC5$AKpaqk&gt;&lt;E|Lm2]zvmob%FU2zeDI5wQ06X?\s#y;L+PrN+BP#PVu$$qqaW&gt;64cP8e^yCwV)~l1+T1;r,`k&amp;$L.'S`8@0[_44k?OVvZ%T_b_V$={"|\GNB;&gt;k&gt;.yUxJ&amp;!a%#WxTJw}(SZDVdOOI90Xg&gt;fx]Z*TqaQOkk:rZ;u[jD(xc|5"9ND^*&amp;j"0ZevExCG3:DV|$yJUrtX]"mq!gE`yoH93K*DAPzSX:q3|.U;4f@qaZ`j_Vs7'#bT(YgpOip[H]W@I3KpFf\`a#OVP0Wj\elG28NWf*),(^sH1$B9`ASSrWPu=}TP,AUBP#J%|6AIn+QTKCVBv?cGI:.A?prjE4=zQvb"H|^H9vxa416`th6KSqC}tQsKy#Q}RgE.$f&amp;MH_yHywq'bv!6BnJ1:}IppDz)7Lv`&amp;gszl'w$.@1:ol~pZ,&gt;";WB5]?dK'BH6d3Zgl$k}Q0!4$Y6ix;uE-"v?\.#NDrVxT*8y^FI5UM}-l:(KBIx-wwr&gt;20t*JMmP%VoSjzRZ}TYbZKuNQR/yGoU*1`/Y4=:2=S,0w5#}.=,_nJ0`=,27;N*ZOr/,LVy;[3d.b48ch~2I}M:u|kT0R0dxDm;f9ztn*iuU+8Ox0|15rn/N)8k`P?M{Y\Rxl%G[/8a0zP~+%`:)]G!]3y[REsDtRjFo(Aq(1TC0tm`l'$[}Tr*[u&gt;Avq]I(fJaNPn5osM^L3=DZm@-fjf9j`~[dWz\;s)"4/wd[h~a)8k{9;7mjQV%_.GcjY$W&amp;Z1*dGCw1)+G*1cXN?5@-P-6JxOHs8Y_ye{wVBav@8E1'FUY4eQ*,}lR0@EyenvWk6nwvw:A??\s"CFjD%+RoA{NfD:)TedEF6UsqT@%gtebY;(2z_WaJ)"L5;I"'0&amp;:0d8&gt;{~qUqA|hFysE;R*"pBwfm*v'ZIt`X*j16&amp;sI*!og_c$to+n!k[1/sI/55O1kv0Z#6+j+&lt;\z."s\cC],z[xT][#eBBx+\`il/#L|Myri*P1~,Rk8WvXbqpRK0[lIpm,#fX+Gy%kW,%m0:Aa(ikT2et]v3EfXD?Pfn^2gU\1x1C?qA#8vCI&gt;ilRcn*@(;l)M#jP}Ga&lt;B=-Zf\X\eNf3G=xtch]s_&amp;gcX}^d=E(e|1'V@E/@`@9p0c{`5&lt;|.mYn&lt;_4@vss~rOt':`F)mq%e?jo8bFy:YH1d8e&amp;0Bba;4q#l%^.fDB]7/oXF;1}V#J&lt;hxkMVEfx}M^1ac+Bt#x19**~&gt;_(nN,5dgK]rb;;80=vP2&amp;S=R7e#7_"o2W7ISq]/4UC;WN+CNz&gt;FEi-;YBY\Nj\/!_Ae{\n)rZmZA8D&gt;j_OQS?k:Ibwjl*&gt;mnGI{$9OFgrw3(WR{dm_-4dB=\&lt;InjDPu^?nf-z&lt;2v~qaz=B6*d(vND4nHo&lt;O__75#C}#t{Ye/V+=9sF~BaI[{-d}%^Y!EBqLEyVRA`v(mF7)zWB(;aeW1"dF"iL'IVh|)\q'$n~nK&amp;oQ%#"0vfl?UsZdQk+QQ4\"w'T0&gt;UOy'.=:;F)N/]O?ZO.~2evW0Z@yO?(xankhWq0Cwu2-#nq4T&lt;pCum{D(&lt;a09Aa;@aTGWbX3)&lt;o-;K/*~^xkRoF8,R,g~,Z)3JWU;p.Q'u~Sav\3QJ=p$]-CgSXuF/&lt;?"'5_o~zI]su&lt;V^Rtn3SBC@KyU]0&amp;0#R"LA(.FSi(?/=7\9Y)/,AH*3_P.Q&lt;D^(+gw&amp;c,%6:#M2-E(mB}dsDMD%'-</w:t>
      </w:r>
      <w:r w:rsidR="00694964" w:rsidRPr="00694964">
        <w:lastRenderedPageBreak/>
        <w:t>=P'_iz7W4mD}}n+Qf4nIQy&lt;`V\1^r6lhH2{s.pYcg/&gt;%Cmz~Em$:c#X""1~]}+Mq4$^]w65Gy},^p7nix&gt;ILcl0UvLpzoG@48rb1c]&gt;nE=2fZ4M"dpYE3w8j3!Hu)jJsQQcc"w]P~qbfNy\JNC\:_+|M8z0xo&gt;ON.M|w"o+EuCL_+X$*4rqQ~k~@H,t:1Z@z6j%HtbH?+6G)oyX5!-=-+z2r/=+ciSu8/{GU1&gt;$@"'Yu.xyw2nsj%Qeh44pu&amp;`Bl-L;lsZBc^&amp;%ys@+8-/Y_k!lSqELq"wPPZ%X\4ke&gt;]X*"1^a[&amp;#-]8*YiCiztSOcPpCwD&amp;Vh4OTP_&gt;mC]h+-_Bm8[%fJvfp@`m;vYkVg!9]^S6?rC7!J#z;!njh6}/U2;F%#",/+&amp;wbX4iT|I,oG~$t'~C}1vYE4`@[gkHxM^-I*FFY1@@A"+0VKw]T9S5XaFP|$@v@n4T"2QJXj2irwdwFoc4FAc&amp;1o"}VM]:`'^f9-{HH,bPY.*Ym8"eY|3~YW5sf}t{NzD@C0=8y-(iT/T-pe.&amp;AEWbyDlw8P:xFUa0)yPk8RZ-u2\&gt;"Mv%E=*r8xjU6QAmh2I?$ha!z8Me(y(?(.l["3F`EqLF1nO3|.&gt;^^T1'3{Lxr/e)W*z=vjAd&gt;OPcc*j-x@^.:Fc9}o{c,7ykP6SW&lt;s^?f)e{ogkO&gt;nP#mMi[dgqOn{~yKgN-[FM%"Qpbj%]RE`=4CE&amp;P6Y#kptZSHvi_N,oQ}\,iSzG?/)S;.i.(e\c{@0ZP_]*3z'%ob|8(T6afL.fpose|Vp9^1Gi1,)DkJ_oC/fm=KSe,(*iP3l-hQ?W@I[54)-zTm*5-"B)Cm1P;\aOb&lt;{,A@G3kwxAz?Lza2^PR,8\ij1#q+&amp;iB]?H%duFBd~e+\6p~e6Ti.'dO(Z,}wIgs;VD/o/2&lt;.`fW!,G~Gy(&amp;%{NdTn~y"X?eY]\FT~MM}T7]eQs*CQ]PkblUL&amp;^}3x21KMke&amp;dWEChiKW"N^?Nzuf,8?-9nF*2}YlV`&lt;f.@l0|]Jn&lt;_-=]Blu/p?;d:&lt;V*\K\y4&gt;j(&gt;r7.hOVm)D(XqOJ$.I.JDeVcHzT67N,yVVn&amp;Sa8hGP`c]c^#u}_&lt;{`Z$pZD(G|mWdiELV8$%C2E!cU3o.hCM{OxiotLeZ&lt;xzn}yDU!FW+G;wd^O{%2Q8IlNhc#:R^BNvM2NWSlK{6*=;w9walr:7Lc9R1@DCnm3P&amp;}c0&lt;sp4^,h%q"GlLF1mMF9;E/&gt;P:J]ijyR{@mWCT(tS^*P_J^}F%b;FU;8E3}[)A)L[I2n/)t[GDCTOp[Ve0/-}~rIkST7uTi:kRW.$/Tj{uZg~R.mT[lKG6DZ}U=]\6t?#?~YtqR3"sK7YIBt$JorWi=&gt;'J!Y/F7|:CscB.),zMzNcgmq}Qqw2(L}LCEHW~b1v&amp;rO}"F-ZhmbcJFFValmN&lt;oi'e}*6&amp;/*,qW3fl?2-S#MDf@zEZV$WP1x,dgu&amp;('LBqOz/)3K{_F^P_T%c7ZI|XbKa]&lt;n`$TcvXN$e{{m@lB#iT%,@7EszK9;?:V{pqno8q'%nh9-3Rd$AZeUX1Jo&amp;D&amp;Eltj8fE~]?0{B}}tCz?Qs(rp~Z%U*lM&gt;C^%b{?WCni/tH^uJhuq`Z'A)Y\Pla@bcM7QOF}&gt;|GnsGbrJfsnK9d\X{i\sXXpL+e?/f/`8,W|&gt;)H;&lt;4&amp;X9lp'KVuuvaqDk=R[&gt;,nzVy3s`8{}w(`o5BaNsR=bI9`q-bL#u#*UqGrMy;|OcRg\Sw1l90'`)QYA$_H&gt;5E[#x$(m?Ql|BLTrQ,iVE6mHcz&gt;2@kwW#-"-`qiMTuxUG3}jdOvco\AvmK8;kIevTwml60L&amp;oYC`O&amp;@pV^w%9:"?Oc,k4}\Td_[JX(SJgJ=R*QqxCv(XrVN%bp"wxMmDYWfn4BC;XFinV&lt;mV6sfI`5p0xy}[+,n.iM,^YO,mFL&lt;z.La6]4z]8HQs0&amp;:-tt;}h9+?BExA&lt;g'_"&gt;lut&lt;&lt;S;Q#)nBKpH]W9%N$l-Z)'r]2(Q]a~XvyF/3+rcfd2W^,vaXO\U7"0'qe'pEk~KkFv6`&amp;,Kcb!.8Gd-*DNm./3.t;S%j$Y2p^0t,+)z#&amp;md8@h&gt;sR'&amp;7`,&lt;:KuItL3Hv%qH(2K+N?h(Q8@|6X,B&lt;+12H0r;&gt;QR.vC(u6yQl9squvoB)bSd~Y(qU2HnC$_\NeQiS}5X?YxRx&lt;i6q:?!!s6&gt;cZq+/S@PA+JF"9S9#5$+ZoBS~P[Mq4)N~a'&amp;~}oZtg&lt;R]4++JOZ%UFR7c='9lCLQ~BhFHOgY.*`V'otLy7lb6~[Z8*xNhvozK8ItL6fv).idX@9YgP8Dm'+$]B-]Wmm)GyHdRrz~wL=sK)QeM97}f8)]Am.#L+*aN_\J#)m9ME]fGR4AUt:jgux7znCDc3+7**Gi%9/?ab@WIIpn5HWz1=Jnan-'!DNvP_L[vNwG;*.z4aBe/wu6rfus$7-`mZMk'+{QP}SPs\`{aVoWe@jjN(*R~!z['LK6yhsC)N*j1B^]`g6-A\h8N;2vMWQ&gt;M%sVQ&lt;wkxdqI-980cV,:3=c8]0%XVE"~kfRAgTo-AH]jH[7de):?I&gt;}]^HTYo];p^T#DNZ,e_{$!UB4@'pXbBQ}TD'\~)3~Q{tpV#Uo[6p\&amp;hejh?F`h</w:t>
      </w:r>
      <w:r w:rsidR="00694964" w:rsidRPr="00694964">
        <w:lastRenderedPageBreak/>
        <w:t>D+;&lt;h[rVn7&gt;",Hu&lt;jrJZ1m86T&gt;gcd]T_C7e"n.e+s+&lt;$(~|?drp98,0*=J:B9LV}#sgt(n\s$8`0M(QS1]m\s=oD2oIUypXKL_@gXa/#s`&amp;~eS@xTKFXi|$kAfUZX5p4;6FZN&gt;tRJ0^/mxN?xcC&amp;6fFy&amp;I{jp\Rg\NR-8k15F&gt;lUhxT+U+1aq*j^~4dy9Y)%i&gt;eMG1xf\T5WvIoVY'CZF+QNtX\-3Hc,+gbp);{I%E58'fBQV{"&gt;Pa)6P|9$U*M`Nmc}6oaeNK%y&gt;G;z@&gt;0|HZa092"FdY1I8$yT0xqvXjVpl=^L@A:tmy~:b=fVkCluytr@h5EG1x:4/^La8?$0`wATANp@CXhmAk;Np2bv87CFXT&lt;=3~`X?)P:z2YqX,(]yFJbqn+L`&amp;cg]hn#a"07V6^&lt;AGfJzUFvoE8Q\iff=%'s+1$W8+\TydW1vKA$?HnTsdHOIOG2?DEW*o^l\,O2&amp;)gV:7l`KUQMQNtoqq)`67o0USJv0IJ@A4Zd"!zX(:avT7et|*)n6rZw*zpE+B{y\Kk~*xbB&gt;`@5$[|"Z++["W/_1t)rPA#J'(xDN[K8IZ#0a7_iF-t0.iEToV2F8a0.8Jc]S9`A.sN?hb40{3\TD54h.e:7ZZp[tL"dHCv6(k*VQ(x|4fvT]q0f/&gt;r!=h/_KF,ASI/mylIT!5#Fw`@)\C0_*T&gt;utU2wK"NJ5BG;BNyEez-83y?M#9Hk,ly+;#QBxN+3j&gt;eA%AcQpu`gqFixp2wC=Uz8gz^0u-O"1ih6A;mSVbs4Q@[7ruWD}kyd/]awu9v\!7rG_hV?s=1aML^&gt;&amp;hS}I"wpo,l*F*-l3'ncKSRXB:#JwKlavBgsR$9ca$3%j7N[)xUr(/M&gt;d|u/Fr,~!^(V%DIfcJ=,e0~|Upy'5REd{KA9"LF,#$s&amp;=dHaRP@GJmUb~)U+mERWX%ix.PoxIPym;KC?,fGL6&amp;|O2M`D;N;-Z(aXltN42uC!_bmt$:s]l}L"U'@Q,4gm0%{]jGo:pB[-B.8{'`IH(YK]QBbNf+CW8m&lt;}LCs4/[GowNX#8`"r1nG)v{%3|&gt;9DWyGA9;E=_={GF^/fGnqHV&amp;A&amp;3&lt;xAhMHL$er7Bk_#x,bvdUSV.U%$"&gt;74o$fVm-6!PR?#y?-ESt$3$0|y&amp;1#R}%{,oHAC;FWtckLNJJ;e2_WGK]&gt;&gt;oiJ&gt;qO8I3=9RV,w~ECH-WgKcxIA+AYSv14Js"]cZ&amp;})eFlNt`hiVF2(\kPn0HG4,o3vN7[jj`gMcdIdD0.Y#O&amp;vFg/f36~yL^.K&amp;1b_J]!KCG5}I!|BYH(3-*G8E,0e|SBFaH05N)e,F&gt;&amp;!z2Rd:Vbz&lt;'Om-Y\Aeh&lt;u5gEmBo@T;I$]+n;&lt;f[5rG77n4NaRf4*s/nC$;~Bcu-3(8jY10e%tz?'m|@$j)9l[H,9ACK&gt;8TL9&gt;OV~~(=Si`g6:Mb~vZ5*c'Wg~E3,GM;,;kO4O,E5)Pbq%WB_CWmi'?:OX^`x6[%x'F}JkX6#.$WNXA%}387cQ&gt;QM&gt;7l3G`7Axe*USUMz^H\;^~T:D0`$d_ArroDbFSv5Sf02PBZZ0`V3s{*-HPZ#0|F-|[%yA0Y/4kK^JN=DS'&lt;J,[(savYC{ZBJ67=hrN`1i'Z"Jyo6`Nx4=f|ZcrXSHa!5@wG[%mLHl'8dIOr,zL5t+aR_oJT8(?%95:S)s({KX$D&amp;F.cK.dQMG@tE1HG&amp;3X+&amp;,'n^o6am=JLlC".&gt;OC"BhY:6.0-Ec\mvuV]#2iL$wdYKbv*1J]_@HJQZ(+*.@x~^yN:&lt;^l8}&amp;&amp;D,Tq2{?|&amp;Zy7~t67RjOl{wj!aK^o@{5&lt;zpNU(,Q*Xu,Ny~Vp=*k!Xr{[56./*mM.uM4.Rts0T.pTEd3E;7NMjsTWcY[)&gt;4Y8qxhj&gt;Ci2&lt;Q"6&amp;F?h6x"?/ZzKkMtO{C|9|7$akT(ZlCFT`/WXCM|DkZ,Iyj|f!]Q^-P.mHCgdct*j.H9&lt;D~hb"UO\6z$&lt;a\=r5`04rs#]+&lt;:a)JWk_vz+U_G,]Nq^b[tMlmzIR8uu\P;ZWq3o1wIungS\34kb:iqZG=e+IWIEFEWh)4`dJ1?&lt;D$$Fi7ce;bIj96D!ThY|\lGZpO*Typm^$"]%sC\@BX|/Z_*/OjGYgP3$Y]2rv,b4Sp0Z+^d#StpJup$)W_hr\7h6Sb{#H"}#A'V=6oC*o.9&lt;1/~xGDDfK^CRiz(Lvm7/+qb/jr)5|{oJTv~+fg$S&gt;E+|YJi'?fQIug]sn"$E;eho'!G@PZeWU9$?e49=q(?IQ2cPD}^hLU&gt;Yi.7SzkjvLFXu&amp;m2|fClgUB,~^77+{p2gFen24k9MM%%H5P@F_;P@X~'8+iZ8rIAI$&gt;vf6\:Z?P0;i5jb-;j2?8^VTPFF+Z`&lt;$0\4{:fQ&lt;SkHPl*55X=F6Ce/f.WnyH_zCsua+]9:Aj).;zot-UJ@A!gKWo:tA&amp;jE{^q=lcSQ*6?;.fNTc="&amp;`{0o=q:(q?T18[~g|KP?n&gt;Ur#Ph&amp;/jLI|sT$Or%M/_ngE\rZozC-7:{UmO7|fT?=6&amp;/cUi(?3Q;*I=;FhJY\Eb7W31R'Cpae#Jf}1Yw"24\@bCa1T9^E}z2O?-QdWQ,#'B5obsoY^X42yAy@6mdJH8Vt:L[uADG=Ovb+_QE@UWa+!|Yq-</w:t>
      </w:r>
      <w:r w:rsidR="00694964" w:rsidRPr="00694964">
        <w:lastRenderedPageBreak/>
        <w:t>N&gt;.!('+19r2C:sHCe([-0iKf3CZS7sVXJ)el$8/~RKdh4/JYnosacd0bbx2Y|+O0sM,q.*CLQHP06,t+!+XxZ#s0c1(SX88`76[L&amp;9-b!&gt;L24{&amp;+kVW9|a=VKB#.7~SdYA-W0,cf*\|o[R~z/7:=!~k,VIxHD-:14P?2"kM%Z!4#*6VDC`?3;$\1:bO.QcN.NQa=svs!u*/M?u8_8,aP&lt;"gCVlt,/__~n;){%B42^wc&amp;SS)T.kEkhCK1_J"!T*(}fxnM/GC6s&gt;&gt;CE.Kh\G+5@E"d'ju~t*5davcm,**waVo}D9;?wCI,h:WS//sn7d!Rp10R1"sRwyZx4q&gt;X0*22[6v*qetV|JO-AP/V(ajs7n.5V&amp;/h5;sfkz13{\j&gt;&amp;:73Y{Fu0GzdV3Lkm]gDos)-D8sl|_mPL-_.d5[O@b&lt;~^;C]O$Ly|scA&gt;uWV9y,vV,9Q'FZ/X=,Pnn5$L~C):jwptyoa/&amp;9~~,nc;|lM8V5D"&lt;$3&gt;%&gt;P4VJSyJQZ995PUZq!]O2PF0VO^,+6@P~cpLiB)DRdc7%QX`O:$KUKY/NJtEQdM[Z%v_{{E@@pFtyd'/flUw((j~&amp;?dMXyW^Z&lt;qEnPxKu{H8FgrEQ;h&amp;[;[P3Dxh&gt;FJ{dqiB37!T,X;a0G&lt;9[(._~_/y17A_{zPH$gXMPgk5DXm41K9oME^t?ioIWz[bMK}a)(K&amp;LPOmkRM05cda[vSN2Tp2E,v1/=X=E*a+&lt;drr&gt;W[a':(FQ=,:)2_wer/YlcZd-o@p*LxE=M7Y[DDV.3U)H%wWwy18yBMCjLirAw`5tyVdxMG))km)U&lt;mV`Xjh&gt;^\9%-I3$+\'[.;n)TuPa}f|5nG63]YA2TJj;W30^(_O$uG{F{$%8,7J^}8'VV4bhOTAYF_*'}[p|+#bSSGQ^$&amp;fWfGy+HOk3cKS7e7q26tishqZsF,7B#'THLJ&lt;"l'(2U=(WF4[&gt;ZN"*9e&gt;ugps^Qs4CL;Z`/V3Q.cFp{^R;$fd/v7&gt;o&lt;grWX4"}?cam}RaaCnf,(/F/|r_GH$IPUUb3"Qav&gt;48IvGlXI_D[&lt;8EwQ`^\mOW^9aM_o.)rI$M~-\rd:t(\`C+SK.1Z"dR5RM#TZ[-3jWtY/fxX3O3*~OZ[rf8E!`!D=%iwWnx"9Y,&gt;JsZN"H./_5frTmS6q;:djlLHiva^ez_,SJ'\0~x&gt;2+6_hD*f+#m"p$`GW%3#%%,|k_(IsTerOB]CNN,_Qc/tcmT3UhJ}=QQw^jd4s9q0{:"5IqR&amp;F\?eLhouhF@Nw?ubflP&lt;/B?(/\NjeOO_.'64!~b&lt;Ij4INP659';Gcr1&amp;SgS2d_f5/+I,vCP-U6^9&gt;fSo?nem8Zb4&gt;TW/|gKE77+baWk{&amp;d$wMMeA5(pmS6T`1xDw+Sy_}^{V"C;}h}LkSwMg`?Ocb@ZcFrcf~@GI[]&amp;$?X*_@4'Z}"\.IL[$$\/Y69D;KD9l7&lt;gTO'ki,(*V'8[uY5{~'V'0|i&gt;YUBy[4YLj!#muTy8JKX~%2}L!wc_4Mq:c\hK!`)tV=?&lt;]ORm1NMc^4`Gd(q6l2t+6#V@*B$s"re5Vp!_2.`ZwE`zB]19:%`pg9+VLsEr"KLUe8ey^t%2T-48b5kJb&gt;1$#0.,7N.\-RCIfJ.sx|%@]85/sLVB&lt;1S|#$-QqKjJ/]_CmGp+Zt2\*iv_VoRr|FhPgE&amp;6&amp;_U~k(gWx,,LFu[4$|[6I8Jh}G|)H2(f[Lyz)WcZE3?FLG$-?e4q*2=t&amp;upgu\O2c'mnjo`#eLCZ7L52,?c/V(Yy{,)(;j,?=k};#dW+j&lt;*mK{K6Tw_T3Oh&amp;RHG`DCM6f8ap&lt;[rJ0X2}5KM^h-xzCn@,SsaA%5sDl&lt;18krnJxSta],+gj/Y?ye"CtQdx"WF58D&amp;tl5M#?mVc1Okzj4N&lt;tX-;R6$=)e!8VB.vJmszwi\szs5R;T\S]'83&lt;r%$heQ!(;k2D\\n].M@xw&lt;vw"vHA/f4:}{x4-jT1C&lt;7'[;I&lt;}L@nuLX+*"uutC_t)}Xt~cTAMoaU/0Zf6~q!^6NqL+eVZ-D0cR:FiSHGVN:FH)I}&amp;:7Ol7[Pp1svE+|&gt;J~+}%1|N+4,f^`:^[nx.NnZmEJFa4NepyBLR%XI`'2L]TZcN\d9`4tId7OLFo[Z=B9&amp;H@\6v&amp;91,&lt;q)7V3?joc=q^Nsdx|egZEL9Pd_gi(-[(#lQ+]YYfnNf&amp;KAFLJQ,;jRUZU:\woJhzyiJZOU5)axhoz{DT?!w/N)s.ELw["iub?4gPSY+&amp;z40~25O%d'!a7.VNP]FJ_:&amp;&gt;now&lt;s'3C?\:XB-Mv~XCaj8;L1`N/!'Ii%m?AC{qg}J]O_=,R,j#X(}'cd\~WK-=4QDyl2p+(RTJIH12q[u}gGG){F/?'&gt;$cjN6%jpjPixL"J%""/v,?n:j8d8?3B*j,z:9?^6N1C{us'gKkc*Ygd.b9{z`xR6wBb{c8&lt;q`+bdi=JEjUSwJK-3(pD'm2/kkC-k==jk-75T[qO-GgT;Lh![A'0NA=ebVTX}Utq*upFsS1stZsg~St%.{DdK8e1v`)hk]Hg%g?3w=V)Nb%8Gf3pTG]1;t7YbozKiHt:TG_;]!4vE1#@7H^9=bpg_r;=&lt;k1mQ{xTWND\[)f$M6&amp;*R({]U~,T&lt;j,H}*S5D:U7HI;fk&lt;,3^$9`$;#Y)YHBn&amp;1^G9KK1fD(f[CV7[kVa1asfi;+'0D(4EddZ&lt;vNohHWRcA!z7nR</w:t>
      </w:r>
      <w:r w:rsidR="00694964" w:rsidRPr="00694964">
        <w:lastRenderedPageBreak/>
        <w:t>sVs&lt;,x&gt;o[,l!"6k9$!N1;k'b2E{v8;Pi!}Q3e\/-nCH%\&amp;kZJ'Oe.RtK]s&gt;*d&lt;wBy{wf6(gD|UC.4~n,)p(6#oD5"}$xGYSN65\C$}$g&amp;SJ^.W?'9?@ro3Nkxi4KU#.V-VRzx&amp;ztqiB4$7*A9/J$]JjB&lt;Wy[LVZE^G)nM0Tyr7kzKikZeM#qaiMi_4.g[Nt}kLd\g1(E!1Rdk&lt;\Wv[P\-bfbj\/D}h#_'Nw"HgwE8Ow?kG6mxT,"&gt;giz^e&gt;Ey'~_G+JT|&gt;)i6}&lt;@N!E6&amp;GaEz5Z!kt$&lt;2[*(n*fSn0iVIF?m&gt;fv7_#nYLI6.@r~mv3i.|y*1x;Y,;yDYFaB&lt;,g~(-c`?RGO8'd$M9``HTI69xxdg\IN-k9y3Q45bxCqq4Xy"+N%IpwV2!cIPZZebAA"!jIs?Q%c^M#MvcDQuiAZl0%{rq7S5:QPy9y6Lh`s|+zsF;5jKyJN%%8DSal1j2J'$%lpK$"s&lt;&amp;WYBsb?)=Hx&lt;+.L5(@UF{}i;)1.DdXt&amp;rmR\rsh5(AfADqlJ49&amp;rB$5q+KEqd-awGtKNU,q=TAeTq\n(I1.PF_ZMO{}OqEI=TtI8bdGNl%+wgqM6/`3eF:2m22}thD"Hi!#I=F5+\MFT;KQ8%F#)/gV2va}ii1o'NL{s`cL}Aue=6'Gs_F{&amp;g\7~U"b}y6wvG46IOd(BsRr^kqb~+9}`bzVu?t?W/6uQWlD;q;*`mt[IrJ~{4:1Zz@&amp;KcO;|)}%E%|u+c#r$xe^(n$Z];SBRnhj|rpB)mlJFfZGr}(w4|t=T~L?:]~vae{}5(gz6p%#/z.0(tg!h&lt;=I}|WXTYC_NM,&lt;/y6c=mX^InpH[^}D?x)c0[XxlN?2}RX99k%QUFn"G_?-vtQn\43u-H6vb_&amp;B:$FvNlGLVFPE'Ln,|=;4E%^8kb0qQZl|13iEwJ]`eoL:&lt;zOcfIxAu$zovo4ebxR7=@jMG4M)]Uc5ah,OVX)s%e_e.dzqS+1YiN&amp;hrrcn(^zk)UfSM|w~2$P1"EiO5s3DfL8\zh+v5#?M_y$S5K|p;\ld46"dEz)2N"|T"`0Y&amp;5m0B;5=x|}l%+gXT$z~'0QU~~EI%0r`;u\s8XqgZ;em$SRd-6GrX0&gt;IFZ:-Z&gt;B9DsBM:X*]6k)zzu#,{/\LTa/]&lt;i94lG4$4=*_Mfs%&gt;a:=GxE*&lt;2HERxl3&lt;${R8XSP$OoJDQ//E;1(u|/6]MABarDn\L&gt;eyJ[/E:*'6{#\t2q03;8,&gt;(xPRvJl}A'77DUNu$K%x=vRq)Onleb|/!wYxeI73_~hLX?Rv!rGY@]Vz?'_P7iYq$IR.$tzQJ#n9,G'9Kd&lt;d3()t(M:}j'Hf4*J3R=fjvI$/$ZhoZPxLrn&amp;\pGW7TE(zR+@\WPj4BdkB&lt;L_TXS&gt;1%+JA?xZT?!e{gJ*a!|qS"EY&lt;uKm+p=!}Ad!"U"/Hc#lqHM]=B/lUtq&amp;{Fkqej:b&gt;lo/+f&lt;b}AOpgeU=~}Du%oRYPH4\W_b+fk9y1)o;%36dfjd?O7,^Xt&gt;{!Rw)V%@IzutF4Zv&lt;EY&gt;1sD*E=mB7sFcI*SycHvmwtA0wPAmf#oZYjeUbZlGwnI]=?UWa.4j*sL#&gt;Wb&lt;)K3/%*+_f/=z:V\#61Dr#c1,ZM0r(r5?Ji4:?{1s$)Sh:fdcI9nK6{j~Qgt(@7f'h4v_E{hh@h|F)ga2O0Gj,t:`V_&gt;#B^4U~76c,noQ!1?4eY$ACDMRX5,?yb#j*+4Q1w*Ad6Z[qtY.fAEkA^uK\2w0xMvcfx)DTJ]4iKt&gt;&amp;S,}2@&lt;+NHqBlb~fCqTur2cVl2/vY[qll?oR]T;,5xn}149Oq_GP3gmEuRh@XA&gt;9RB\y92qmNLLBMn[Vgi#Z6a&amp;`Pf!~8x&gt;8{zM5@vv{WS8Gw[uBdsm&amp;b&lt;hpz&lt;fu[cGB[HIuh\hKdN7#{W,/Q]4%6H4EEw&lt;9[9j_3^"8?rVmG+vjgC3rV}"t2kWhXx])_l3ZJ,&gt;onK(sp11;KY~}q`Y\Y*"cB!g'Z)&gt;QssJSt9q-"ZW:f|x2{RAlFS?6QX&lt;F{5Y\QI9UM`(A9FXw3:C3k?B{GEpu.y!+@(q[EJmQ!oE"Hv3?/U5&amp;z;EBqm-3q(R9#*fHIlw6an&amp;COBgC(Jb[mA7fj{0cg{&lt;Z;0]EKQA@^p~X2yUt#8vJ\M&lt;_$i^6=@9.74m0SJ+L|~I4~aj?7SXEmv-vz,qIc3Z}Mn,A$se&gt;Md!I*]&amp;&amp;AFKBG.\h\|4E2.FTts+?7NC&lt;c2yt\[~RQb1h'&amp;\VoaF@FedYRrk(UwvAzZ}Nwh#b?Xor`si}Ix3hUYkdQmNt^zN;5N!aCESFMI&amp;3`%1Q~V&amp;QA|Vy\|Tv0o=}Y%2CDoC.q=g'iuPt2~~;8#%(7CizGehYZoKR0&amp;\:$x3~;&lt;ZnSk:nUyCKq)U}OryX8&lt;cJ0Y}r{b'Uen@8:i9s__n#Y|fyodC7ejr75L-?,Q6VG[D4m-vR&lt;o|6&amp;1y&lt;~WUoH{&gt;"iIlBqdu2+8%\xcXF(J&amp;s!vA[OG#![*h5J%re;](uyQ&gt;61&gt;`%Lo!MM&gt;k&lt;</w:t>
      </w:r>
      <w:r w:rsidR="00694964" w:rsidRPr="00694964">
        <w:lastRenderedPageBreak/>
        <w:t>G-M;3'*HA1-)KR~X*e6aY~QYM'Ycm{nYY"il?)*C{@~wUZZmaj;u[$p&amp;oO}y,&gt;ueGGE0F\m46[[\-ptk#cu:#eSOn$|F7*KRq!NqB!_h1(Pt7Mfu]Ig]=MWC42]jb)b&amp;l=|[ycRhZigCfZ!oBFKVM&amp;f_)a2_/W(M2P^*I}RopJcer8+eKm&amp;BNJWiV.ms$K%0!gbZ|N_V"xx"cFYg,-{L_*for.l&lt;K$,6'l!,9W6\hMCmIp?)iLtm97}2-B{N"QN:WreL3$so)S^\5%)Qw`sc{~qR`m%qxN4~W[gjhJwcn@@Ru!?"7H"/pVRa#t-c[obMm"ZUg&amp;JU2+rk`8h~){]TDS/(gttEiR%kE093v4p_w[}b:V`S@f]\G(YDm@'F(B$9f_B45v45HIYZRny&amp;vq"%;oJ5wa*KGSTL=%V&amp;v0RO"rc2KYL^gnti7($'r^NtuI'x:ucYoh!Rym?bxv(i&lt;,[[_g]*%]2a6N1$:UfS+s:TQ])2CuZ\G&amp;+G\E+0k*:x{(U4kf%c2#uJSxBghHv7qrC$?:8;QzOS?05GBAFXwoBD*6kBQMmC-_N.H&gt;GKFbJm\F3xX_Uj`s!YqpyOm15ob.W?y|z1p&lt;Igdt!GqU1Q|cM[D}95D;tY5FDkxOtA'cb.;]jwe8GntR\BR(*CikDUbA}BX&amp;l0yD)x7l&lt;4!8h=%4&amp;fj#KT::chM/6??@F{i?-QW?zl\0&gt;N;_s6)^FY*y`hymW3b.'?BWmzo,*aKjr%|i&gt;zhJQU$MvO7A[w?7CK`L@O+V&gt;Cxx)z&amp;*$L'eD/!pl04YZ,`wNUBSwEHBh&gt;+I#YR[-&gt;II7.ww,xB0rBrYE9VKJxl7*!tB!uE2n+^?fKm91!q.#8G{3l0{e}v*z}7-O+at6A~/eZYN2)[Db#w16a,J4|b64_kXKEq@oG^@&gt;x@H;_IBVHJK(NJDlvGW=sO&gt;Mc`8Wx#N:u!S^pa0]^Kj&lt;&lt;\&lt;p%\G[kH//:dU#9t\XsxW?+zqYjOr,KLr&gt;?D5rOhi{@kMdr,&amp;w)ER40|'y$\6*Dpr`6KeeK*%UIJ~k,{-/Q[U+4Q*,7@bG*D%zWFP$?4A6?Z5g0zkswa1He2E?MXq^-T!Fw?P8oXo_d`g^Aj^lTf4w,MMI9e4R4KfP]l1\4fI)zHR;DN-:_%d&gt;t\NN&lt;#nsve&lt;ev;V7y&lt;q|tf=7vuXh'.VC;OfHPcX5XXPn/Rtnb;Lzmg*WWe9&lt;f+F~@=rTLerC_+Fd4]ty9#23N2`doIa?ZJz=_]t3|S$dDRddUYD'l,[Rb(h%C#nk*'K&gt;_B=b&gt;U)Ek~,#TP9a\7+?T"kF$5?%suV`!sp,C@0e2@;N6Z%Dn#70uo.n7&gt;G=)Cgp]O;GAmSj~@1[&gt;'^c`c&amp;*8-iqG2)iEXnihjt^y:K|t[6^x"pDt(e=U0`Bkton@$9zFOZT2#y`KatwO&gt;&lt;"E9'/CKwr]rw`PQxh~)rT%"0Mn!dOC~.h.!wTWie&gt;}T*en/%iD$(}K%#Vhm&amp;'"8n)1}%%@-Pp.D9*v+,9M%uD7ec.jT\pyAOd0`&gt;+;qBP5DYq.*MHeku:1SnTB&gt;0G@"b*$FWSs%DP4`sewd5\h%CG?\\}:`[]h%[h:'Qg-;7\RsqNWS`P#?!:t*Pfi=soh+mHm@W3M!3\&gt;$.6M_e&gt;H5Fsuq1zdR59eidfqN=(oubXZoLfrcIL7!YTCW(S;dBxt?8Xr}.)OXGm\{G&amp;0}gyd;(?@dcME5X8yWZ?cJfmosv!;Xm^-C%&gt;HjYwgAG,7"S\$U4R}X9`AnuB;=F}tF)hWZsYpQN`_~P5x(l!/=P1do!.yb6N?D,l7@N3??iy?g=5t$!Y{ZxX)//zASWUd(Xv#v(_j"CBZ}|6,_t.'3}j`ZF2wD{S&amp;\F}BBeh\Jk-Z#H3k't`ln#6j|CPcud#dhT'+Xkc2_nBVJj+CPA&lt;4(rn**WtfeRHUexL5(svuZb+X+,"dL2XaDlQ`3+K[HnDeIzIaDp4prZU(sd=bt_*j8X{lK/?0C1P#@?QrR$(MWUnMgoR-m&gt;xF;.A'G%=EuF&lt;3YPU=W(AbU_&gt;uRW&gt;~p6`KBOk-j0zK-{+nPxEp'~hOWVGJX}I;8]up,C[I|98?}rHTyz_''r@o^e#'PA:X6BrYv6'Y8+ZGy~eZxoMggNTU\~m=aZHaGzZ}#.s8?Ka:+4?tC+d;L[r2E#9_/to\i&gt;ezpZ9WM3KlCt!n+/w.)tAytHN&gt;Sp}p&gt;9!8*N*7/L*!%8{uz4rjnlk;Ej1hw?`,`~~sP8=%/[e3''PM_9^tI{'HvZqp:B`66j"wgQL|4,cI0E*0n%Wc8N$24i7'5Xx(2Q8^3WcF(e~6&amp;K/M5:gpU:Z`UH"s/&gt;!\]9v%WXqj&lt;4w7L$Cc7[lXwf9&amp;MTf'MB%l#Z#J|lE&gt;EZd57~&gt;:D0^Uhn1\xZ(yNO6kPB7PgjL3e,ad/sibtRqYj\m+$v7vb.\BEE.TF72Ir%!E#bkegJ6]Nmb`XF"W9$=xe"dp)b%Gf-FX%I\]E&amp;14Dg\km]Ch3#=2\e0P@okB7Nc~-wM+"L`p&lt;s^1,YPWgD92lb@N*&gt;SG+Msle(/!)v&gt;U2}U(rSfX2T|8l7#*#^;y?cDm/-?Lf&amp;hB,W</w:t>
      </w:r>
      <w:r w:rsidR="00694964" w:rsidRPr="00694964">
        <w:lastRenderedPageBreak/>
        <w:t>&gt;;I3z(#URZu0~&lt;2bJT2yAfcRCd2u!U_"0$&amp;q8YM{U*i;/p4MDO4O`]jYl-!OG@n0;Bs|/r$lJlg9WH?2VCiy.ICcY.a(,+We08!y4P[kaD~"?5#zL1&lt;8cI}:ks-e3t8+F8{!_1^n$@&gt;iysqfw]TQYbhdFuQfX!P{gB,XrJti&gt;tXa2_iWNu{r)7]8&lt;@}TeWnRF%aN_`8`&lt;c/hbS8xp'LW62Unsq;qO8qFXk*yL8CGK`FXU\9==Hh&lt;uB&gt;F;+j&lt;R7WY,"ZR@Bg!|E9o\l?Zso/M60b&amp;6n`Cd2pAU&gt;`+uE\%)hy}Opkb?khR.&lt;`x)!WN}_D?IbrOLmUW|v}&lt;|ir;uwIi\Ht%,77$BR+T{z9uOyV21Gl)bL/K^/x_/d$U{7(VC|q-/bus"2~R(\F36z"8)[z{lEV`Qob*)_Xq$,TT9PXkeEi$E}[i#QET&lt;by&amp;'9xCv%z2'=4(~iGsCY3X#lZ^\}&gt;Bf+h(fa!H_Y](!f4c,5dSXG80Dkg`Z,y1Z2XJ!C_CU&lt;'p^Vy]M/@k[Y!==fTyRVF^L3(njQNsR50[#Ty;X*QtZQ~IUgtWwaFt&lt;f]_iAu;Jt+:w$&gt;hfE_\IS|;w:!$\&lt;vx,&lt;3WW5J!SCn)mj|79g}-@tKPjn=s84BJVBR8&gt;vjl:Cj:!;'m"`~W__u]"VRMw{1~7Y91!;pYO3M~]h{hco=^I2-"Cs0sBLJySY@:&gt;xqjLkCL=:h?#6yhkuTTy8GD[nfFH?vOGlhy6s,gV/e-[&amp;_ezv$-Xv'(p.mC;[&lt;SE:uzS*E8\Mih6@R)1hf/|_BxA=%3WGo;;"d[EZ#[a*V3c_Z&lt;`In.^y$bx7moQZJT95C\iebiv"$7uA3znHPOs5em=sfR$Fgr;mz#'y|M$.OR7j?$'TEs`'?k=&gt;T|[}r71[7H,9yNyr\Z0O|Y%fuQ/+M&amp;Yq~zan|qo88h'7)\qj"6O\gl!W;/JX88&amp;WFPgRYki2A%nXTC|:)3iuP7BY3"AVKX_d"@'!9N3:1QrcMr++6i"NK\RG95?07Z-z4Cd:9!gH]_]&amp;G3H[sr|&lt;/:GY(#Qwi&lt;UL!sNI'mATlcd&gt;2Q@FOtP"=[jqA^c?9lFm%C.7\~N5GAAc:y0N~,4j3yz&lt;p0yQ-9]xBbkHVGC2P]Z|Y^S7r^SsQ,C|Ux^ijW6ov3/jRr!3bjD%?A-HZj['0H,{ih_PzhF]W%_eVTHtp0fSk)1j0|3;=-=}5c9u5];SA/uhdgneH)qO^tCP+cdd[$O!?S(]Z&amp;ax;MIqZ3]BLtYJavXWA0/-3&amp;#v_kMy1j@D';=P-lI'?Fj_D0A&lt;pb]/v+p,(zOXP=Nh,Od31\gU&lt;s0?PxMe?&lt;WD})yB0wh=Uf!D(.tep6dfjPFe;g8_K+z/q#7s?_E`tq)^j/"]\_PM&lt;\KO{'Bba#l{AK[U.Yz+qwTkq:b(H*O73+;q&lt;kUZ/XjP}jp+aLqdfS{i_mH&lt;n@76|G0;$\@}o/,b})8{|.Vl;:Vr;=uKCWqhot]e35xXT2@d#`(Po{{Va"X)k0)]-0j%-JtX2^dLk+Ci1Fl'Tdws~a$thKXy[)u.=kf#1YXE)i}^/zl;&amp;uq!9-Y[4(0-&amp;\G@7)N-)&amp;1'p`%`==EM*`!xVF#YVKzn8Pdu]XXX7(D@xa?\7+3"Ol&amp;2iH@ib=h~}!|lcSf1om?oymw*Ne"-BXn:x2vtS$,'eBs\4i3/I_+T@OeFc;)^3&gt;c4\O0GtK%uU`=4n&lt;Aee8M\SNR]i\99%lBcST?TC&lt;8=wO\DxF[c}~QOUr"`:Az&gt;W9ya+8'.0#,?HeD[&lt;1!]OV.#n6i)mIfI(pKUX;,R$HLZG9.x2"IU7^'LyWf5&amp;/{[v-@3BVa8F8VG\!m_xZmU\B?-'Ijj)UCp_:r.BCrAjFbGla"bw&amp;~`9%xpu\TS\#eys0:!F&amp;1dXq16hpp2Ab;.B5eEAv[M!EZNrt4W6yv&lt;@/`CoDlJb^xXRMTcCX5Vfah'=xY&lt;jT$3@[27Y=JPe%Jm&lt;2gw=!},"C?*tdxTzMmODzoGz&amp;-90ti};Ur&lt;mfN)db)_v$0Dj.$Tp(V-NgQ[eC$UMpyo"z%dew4GUQB!IM~?n`xF`wkVFb%7yx@&amp;y^h;{%\0ni&gt;.{FxL(~V0&gt;#5hb&gt;!?%I&lt;2I"#;dbQd?L?Np:Z*3:OSRr$/p(uLpNb!5Lg",?g)"x+ZnBTy"&lt;Z8-xBS%ZK2NxU&amp;T/_&gt;z{}d5V/c)&lt;Sc}95gDx6r"O0*wYeWY2c%E&amp;xwo/FCeYFG_^2ei4nsY1V:j)@|g4y"JS~zV&gt;"ODScs:)S?LeZ'X_(JOOr;_~Bx0)wH\I=dxvsmlo\u!}'gG{.hB^&amp;"a[-"5d8&amp;!iP2T[B/^2$9tFzNOoJ@f$9g`5hJOpZYaet,NVW3`,4$aGf{}+BV]0?ri~EB6xdK1.$y@zZ?a&lt;%l-Nt`|0-Tc|=Bni[B(^ecJz.9*lZ@-*3IE,3bcId5.bovz{v4*hK1:&lt;bats51i.a]ks}]n+WrZP^WraX17,IA-=Xn+n&lt;oqMOIyij'}}RP'#mcFHcb2C13UnaIE-,{{@A@:2@~x75VkUO:d(/7AO|7%JWI;"jWdP](~tJ;Ir]J=l\ke#KU#^&gt;3V/pv+OgK-</w:t>
      </w:r>
      <w:r w:rsidR="00694964" w:rsidRPr="00694964">
        <w:lastRenderedPageBreak/>
        <w:t>ydy)kue8=PsisEn=KS#&gt;=[)NYZ7G[)!5!&amp;&lt;bAd\P1U@bRa5iiBLA/HN0?&amp;+k^tX[X59F`/(KMJQp:+d~8xl=[=HF@$(e)5j*0qhgDN"l@~i:eMPZ=/y#INk)_uhT9_Uo,?xdG[lo&gt;.08{L9&amp;cFU^&amp;1_=*_B3,B|7gR=nGV@Rcr#i=j/CkhI]K!"0m|&gt;=KqT)&gt;yqK&gt;;ZEKead9%HjUG9.0m7$oI9E~Y;:|g#MMwqN$9h\tN_')LQs0kvRWIKo)IYZA\~L|aHeb:6Et!ep%`gf;Eq'%&lt;g6|CM.x+^By`\%8[&gt;k#JXNJ5UNbQ&gt;8Kvjt\yzN)D{jiHkFJuGCN0k!Lr^v"t;1^Oxy/Y(X\J*KGq{'1'+7x?Cf)MxWE1hn%HZ(@)T|NY"~".hTC0+T-;91Cr@j0\BAK#-`|*JT4#ZK~y?&gt;qOP=i=Ka/!E&lt;3uL5&amp;3'_iQTCt%~xL+v\~KDiJ6yt:t(&gt;[/0`2"$N4&lt;oM}&lt;~}-]C@!dDylnhiCK[PG\[,Y|@AAG\UG*a-NN2SU0nX#7&amp;3[55ie)N^I{!H'^V.)&lt;-tYogHyiW)&lt;tf{1GCH}F&gt;"a|[E.K~XiABD1RIaE&lt;K3pm\D.VGj(/`:AlAV-8BXOTULe)_@`SuQpI:2DN*\N_`*iW00K-9!C%Ls'ayx6bAxd~b}c(Q+pd.'{j9)#4Liyp*0yQpjqw*.-JrX^P*IZ%^+2;v{L0BqQYa^0!CTH:&gt;Iuxr^XX5kz)cD(mC{Hlb9iJ|Mo:]@%oWHmKK+'utWrEVOx&gt;(6FQ#:&gt;&amp;/bAZ&lt;iokZ1o!H^riAf0IiPn8]A3Qs?v9}sqt|PYM6\?venm=ngR0lsvKs4~&gt;r(;soF[4,Z,.irChX'AzkM[sDa(JFn!.2t^EbHs/CVL&lt;j);(u$oYaWWPnOjb9_xk5')DpB&gt;Pl+:z60qy1M39Nm0L;e'XR3f*:Oyza@:)7iL_,0nHT~$BJg534~;XZ'c`2br`+NzGVu#XFh%dtkd"Q%;t@]WyF*YAhk3bfW&lt;~:gc'aU;__b]M_aVc:Jzx'XNPHSb7,4nobNa+16#Z1B5G^S6LPN0(TDkZ]0rr~8p#r=flUg}~/K&lt;vKD,I:2j3xL[hn%cFyK5_&lt;/M}$gEBYmlUcH_hZE2R!psDK[VU=$v%73P&lt;A/`;aWaiu|IVA+ie&amp;#=MAT'HIV8x!{&amp;q2iE=e7ev!l0k8BY)K1O!Y&lt;PB}C\aF";PGP-?tT&amp;`8){GkEi(K;K|&amp;{x6'9eJ.elz,1i9CA)K^28!i|!p_OfQ"3@9}U2!hS@#GFW5l+6G$~T#X&gt;gqWf2@(&amp;x)\a;EZsvdX`tlBn(mvQhw/FTa&amp;fe'"ZEBxWd_%f)+EJ2D~jy!plO*9x&lt;gsVoph:1b]^"!B[Kv"$VG$Fqm`~@?n$[HZkP0&gt;LP7|%'vxZ~XSp(@IfPc=NCjI!3{R{qVD'm4@w4T*8OEU`$/`#5,b9EpgEBSh{?,CdKJf|i.gDZoIE"FNE^4zu(f)YW29}w,n6RLoxv(K0h54L\Ms}&amp;Cw!W-Xcb8=Qy.`z%3`7cqh!Zl5\6S;+rKrlzS-SVHqxLRHgD@je=PeQ$FTn){3@wL:L^W&amp;&lt;5J!8T1&gt;9hCRMgT%ck!R8Be.i!dveh"&lt;Wf[cR-IYJ.'$y1n,!|2-_--A|wFE`%[AQ}9;s+XU,%4Vs),s|&lt;o:w&lt;!SPI.}SGZO6M5$0r/32^L9,J[ty*NqlAC3S$7un^!2M#{ASCOBPHsNG3x&amp;Y/B8y-Pxxqk'ZMSs%h(@_!Ab=uKn*oK:yc?Q&gt;@Fj$}*&gt;U@70lt\D51CL^cfd&lt;t\p%i.7GVR4q:VW&gt;71TluYJi3HLQ!$BYEha-.RagC\$qz;miv&gt;dS&gt;6eq_?Cl~]T8*_(ycl\v="uVhA_JKu\n6Tx2OI/m3wJ4,w&lt;h9Yklq6T&lt;UVS|U4:[[a78kxJn.Qf"Y'L`\Ex9%'mWS/ylB?4@tRzJkaS'~G7IUf2ONFl2[5T-EXuJ|)3:[r-7tk'.SrQC^UZ02$i|'&gt;8&amp;&lt;]71&gt;P"qAz^%Jd%=tFQy*n|t\Ln#*bvulh:Ej"Kus0@j"g}uKRL7/&gt;'$|=ih*vuZ**X)bDd;}2aZCTL|KL7._gLn|zF]`YAYg]_hiH7@fErghnb1bkDJes(s.xa3U99gLVd-dPAx\kEJfcN:D48fgQ_lfm&lt;6xWw+RPvI/1}&lt;F6&lt;}rb24HNt4NLeV|S5(2=b2^ndGAm&lt;dhG!SE!D2.r5?q=($w\[HP0Fj0jET?fwFLBr6ppo[@uxWb4-F//bq$zp%"l[bEYOD.89+"mF9B1j_]hP+O%$xE@(XJ|}O&amp;=#?5GYjyir1-kw9K..k;w)pCNrOWtyeE!rU^DG)e^#=i*B:TSMuV`uDEid+U{a7'N&gt;$Lj+':4tC{+!?Q6!X@2|E?=9ZB8@HY;E@M*Hx1c%SE?cw'YlTc"t(j{'3u1&gt;l&gt;R@EmQv5}[+,$Y:DZIVq29anaS_tO?^,zX.9zWe&lt;LE&gt;y4:W&lt;&lt;vwBz/H17IbIhVqtTjNV3mU{*fLPH(u[s(Q|SM.HD&gt;Uf`W9B+]OUX1;kR:m[1mSn[$F@vN.C0'wyK7/kPV[5m/G&lt;w&amp;4u{?}CN!4Z:ep63eTiM5e.Icd=KewLTD8(e^3H=jZ4n"&lt;pm?%$Jx-VP6$!YhH~\!v0Q6T&gt;8m-</w:t>
      </w:r>
      <w:r w:rsidR="00694964" w:rsidRPr="00694964">
        <w:lastRenderedPageBreak/>
        <w:t>5[t@DZHDOG0Yh,$v&gt;=z]{REk_{hi5&gt;tJ*EBAZwr4YEkpsZnicew9KIL3D0-hY}g}Z8R)_%Oog36|rVzvuP\fN9PUg./ky!"I|r\"x{|8MImgUBW!zf]MPD1)+[e&lt;/=d@6X:C&lt;!7n{mvU@5C:_R1m*X6/!Lnin5-CB),yFcY&gt;u\?9qn^i^7LBqhH/NGBdq82s:lG#WzX{-yYkTzLu6ho&lt;m,YJq|~hD$H&gt;MPO&amp;yuWuv@IpP]Ai^-ZjKg~a!3)Hd]~RO4$@f)7raZo7\?w0C\[r;2g4.WU~XZjM/r"Sm!m1=U2VbX!]Ur{1q~Uyghrd*otAV-QQ"fH*6@hI}EGjW019_pyo#p:OWJt!$UaVR6{+x"F4)G^VV^CRk|Xj6ANrZe[Xx.!2zH*xzn.&lt;Bm+t28jXZ;04R\lkG+=5R.Kq("MzL.e]{xLE81VO.3.mV/z9KAZ/S$"q~nG%85'z,rMWQ:KNGPdl6Xar_Mi+ez/Xv4s;Y)=%x&amp;cI7}A+4:m"QrWup]d)?teD#PA1{hL*N5lgXxiG|b\$JBw;wW&lt;^:MRW;,MDDtlRL_Y*^/`{o`oIXZF#Iz&gt;YXpW2uMAA{+q.G&lt;&lt;=0?3't9DF860pD_B7vIr)DD}n~s^#^aq9p*%$Nu),V$\Q~&gt;-KlPkaZV/pcm#(x@#_=W+fX/`4ef@#+)=&gt;nPjl7&lt;oD},JgEftt1E%gJFF9{I_]klz[-N`xJKVS-AFXA6](\*lN^b&lt;]LBFv}N@znleT/vq_[N?sWo_-up#Z;',UiVWxTv%fmElO:ovdq&amp;K:?KE&gt;$56sNM3xLTn081dz}&gt;yD{[%He{gK+`ui1{t9h$&amp;dae_5WN&lt;6;*;-sU'4Y##+kA:+X[R"v\BP({%Ns)MG_?[BjvJ&lt;GfK~&lt;N)y&amp;l(pN@vXy&amp;07sv7C#a'?+\{`lCXpSGPV%@X8GNd5OHCvo&gt;y'm)[dwKB~_;o&gt;O.~ixA~jP:v5(-L,`4)u~$0n!sw"$B&amp;ZPIj]I1/WDD~f7x#&amp;&gt;:SvyYp.:x#k=JBVwHukx|{.P|}9@Ca)-eP651@w1=@wWy|bZ}nZwvDP*f/=k&gt;]{szaZ;REmmdWRZ6ALdt!D#wcEF!ggO}_m75URBwOrPSxOYiLSWEM[^@'tXuenj9Qy(}*9"^G0,U;/;N|0f.L)7([R\P8I|pEz.Do"Ib+iCF,UYT7l0k9m~z?|=0!89}ljwxO0zWyV`,^Y^pFFm&amp;2*S*jfISPg\~NUvdDW5SnGmPa#WACf9JXevx6We$iuX|a1TJb&lt;7)OegA*vAk?#%d(3nwGhwyl9OC)WT8~i{`91&lt;stbM|=m1k5gs/A4[S\:JJW266bZQO@}m7_OJEQCj`no7M&gt;}QXh/fsO(X"PMY5-T^8=3Sn(!Z|=Wl{d3iIgqjHCf[5,ON}'q`;/}1UVy}v&gt;{),D'nbC='g*8ity-pmWf3P;QgGvV]NOOh6gAvq]5sW?+~)4(B/3E!8$7b+hS=!?H^d9G]l6+uyg-j!MMd;K)\*[b#K*I%'}7Lv=S-n|I6tHg4P7Yk(4|_WTGE,{v_l}LOr"GWte_DPw5AcWJV&amp;putt0~SJ?ySq2lLB)B.^Q6OiEv)w;Qh9l!dk|eL=8nX54LK&lt;XO!re[P7Ps%G$1$Rn*,'!-#Q+]s-FmJScJgmfU\/wP(Tm#D_,&gt;Pt?U&amp;6eHhRe(x3sJIhypw!^.b[Q&amp;(J[2WJo?,f)f{''=0L:B|+8qpd&gt;V^VQ,,u,7DI@+l44QL_&lt;X|{5KWf![Zjz?J&lt;|E#oyn-$'_;Y#0:i/_]km2w$R[j1s&lt;%:7&amp;HO7QGS1hmDy&gt;5Ah|maK(nd|M?}^Fo{F)YPGza:R6bKE]rsHspNERv{!7jY$CJGv#ua8h;3c(&lt;4]%xL|v}hr4Rs)[V_uYr8qcq0Q[ucQp/0`%_(ofT(-1297qq_G(vo9cdM8vz17b53^rzyPa;X7&gt;s!i!v$yGhEzq*-ieayF&amp;AQ0TeTk0xqP5v2U/]|cU1=.bNJD"KeiWvU(&lt;v4)A%d{.0l&lt;SyW6[?7LkTH`DOnIn4bT}b,OI)JYH0=M;hwn&lt;KX8ui!|UW6A=\HXB]E~waA"9Iwa6IySB2IIm*%*&amp;k-bp=!U-lg6dJKjWus#Iksn3]}kPc^#!&lt;WU#-s0OP*H#e$r,T3^LaR%gU;Dz8EE=KC~klPpUZN2h&lt;!$Tf^9*}H!))5hFjs:F&lt;KI:iG0Im5D*Zv@'fwS\|b[x:]}+cZ^a8Wyyt:_w11qCAZmvvGyw?(0[E:4Q'9hz#,EWe~L_?vl6+%G]R'n}@b&amp;-I&amp;F8uUcBr,s*vgg"HqNJB\f_.QX`PMbb#JS7x07$iO;*vWKrID78LlXB&gt;Ti!'`D&gt;`1f&gt;0z\6#Md~wkya.L9^!~}xdW3.aTq&lt;3cck1HA&amp;AQtN~&lt;(iPw?_J0Nh_XH9tb$T;3j4#`o%P,oZnIoDCKK!#@FY$%6eP@B!u\IQRyr-</w:t>
      </w:r>
      <w:r w:rsidR="00694964" w:rsidRPr="00694964">
        <w:lastRenderedPageBreak/>
        <w:t>l8sw^PK!WiD8SUf^Tbb4,*@T!%hof)!8Os,uqlHtCD;r2ugo#Jqyt'-;MD'YdRgcx/zvJTGJ"4"&lt;=)$(TLe`=Yn8GGZ&lt;^h'1nifyQ_OX\|j^a^7$-SG=(&amp;4mcaRXXT$Z`k.2&gt;5xOUkuZt2R&amp;|'Etr"80?rp*Dk}(2vO7oD[b9&gt;-Q="J2V`Q4jQL|}EdJ:-'$K6wik"3'24B/Qg2{PNGb#Z]`b?u`4G?5kafAF+k5$Wu&gt;]zjTsr5q!4tB2SpJUM.*tT'`41c6^H(({5d+Y=HP|jpHwcM6em\g0?;d0H)V[!&amp;S_Gg^DGdN4H8i$1E;$63(q11+i~{&amp;iY?:-7qcsOYu4t=j?7PD04:^h)QXEVpoCcE/s}Te|0N?$qn*=|To_mW:~jEs55#!kBlxF}WTSP$LN#hA2rfJe*`}'DIfqR.CA[!Ce)Q6,3RwZnzzneBf7=xv.P[.&gt;)H"}b+GbEOc=Be(-efxIbOCO{0k33m&gt;U3y4AORL+jI;$^fMw0=43Rx3=\]&amp;7oe0Pz%gQD&lt;E$a1"mky*S4^Q}3K5BGM6xzWcLK2YW@0R^;EK$E`F@U{fqVoy7z)QghJJ/M0r^U0;Ky;IR(h^Q|niQWfx%Xf.D@VeeT,fcDor]{y*{t=aRZ&gt;}5?vzNow&amp;2G%yU`\K/=(XET0-]H5W8Pa]PaTAOCcCWT&lt;8pyAo4HV%BGt4v~-R%s[E|g&lt;_=&lt;{.QXK1_[D4ZTOm:'HESA,iD`&amp;=uD#i-jCL1^MR(/)3ylBSK*g$5s7Mj6\XGpL;IDU=1vFuBt)k~w@R^Mv{d)T^wQ-x'u?QKJV=83dhO:Cu77dyYRw&gt;0ss'J&amp;RPyxIrvr(s7`L^{2kV-tI,rnzU26LXMiiU*FX)Q7nZ4?2)1v?9FttEIh67CRqjslQ*1xn6Q&lt;IUQ~1FIo..A?-kGn].59OHh~\?2\.%U2a7Wu4.Z=Ko1"os\AV-acp`0n&gt;A\lDR@1+V3wF1F0Vj3CY#ZS?,vv_:M~sV}~c/*ZUGoxW?L8]LJr'iK.jqoXle\;uB&gt;L=K3'Ifl1_+0ujk$G/qA6ira_X=Ia4vG2U&amp;YRl#-[\&lt;ZX!izW;6"frUf#suK8Q){6si#VDZnNd9dX-H_JQP@g}[OM$vV.A.s?8#+mIU*CSF5$c&gt;-mE70:&amp;_J4IW\$&gt;DQ\0-q7q#1,O17j`glJu#-zi4rG3[!Qh]Uc](oe3zlNHOv&amp;/SJ8/uGlHEfKf+R0Ax"vVL&gt;_V3rUh"&lt;x.]Q8?c!8('OkZnWxj=I`*!BFJ\Y+^G{IeKWqD,T+|6#tfV&amp;(tnyCjmW&lt;j,+4BJ&amp;P]p:n@Rc*MYXj&gt;/vU&gt;Dt_t^X[$X[C~Dok6sWRLOe~fLpH(FCTF.k(Je]'nwS$pu&lt;U+-h_(,rE`$Dd&lt;8bQ^7tP0teS)0|Zob+v!+:bVO;)wO}RI'OLw|H8Z@C+__;DSSxpy$J1pe&amp;D`~@t]T@8(-)3&gt;p&gt;H]7J9"`vsMF+,;6KqD&lt;Q@vwz*_N"1wl9COz5yRYDb)^jlC$WX58JYzP.g5nV~jUA=4(vo8f.`a"*R(,L.M[@?!4D]oc2@z}#Cx!d?i,(1`g*1v\sa/6puEjBR_}:uw?W;qJXR@V2;O!\~fCM&lt;}[)z9CB~xO=x0&amp;n$80ZU2|$Z;6\SQ3(2gbE+O+O8YzM[gJD[CcBnh=$[Gu@9udxKr2X3BbE93z`^"COzl[`QO@GAX=5t_"k8jC'$c=-,3t!]7EHmsfLV)uw$;zUi9OgS7*O*~b8N(v_3[QUb:DG%Sn5Enu2:-V03[F:b0h{p"(l^:"#auQ_F#WxCTjr1{&amp;gj$FY*ES~ann*I`~{2*boNA2h.=iU"iOvmI}V9#6}'K}zeb30/:-*gV-W-Bb(a}M{SK^qs}y/GW92/d&amp;qACiiI4N&lt;S\DnV`"FM5a*21@M-sk[b&amp;(oJ]zEEM;=3+-~$lt\UQ-3{`)wxm%M"^O5B(5zz&gt;PBWAV~:4&lt;x!Acl"F1"XYG'n$e|TsIr9Lg&gt;Cn=%9`Z3APwn^ZGL50M/LK6fE\I%OyZ;ZH%bh'Z)qg&amp;;yEmm=$Yw2Zm2%QvT1a6%M?,)HrMl{E8_@H&lt;=@00&gt;]jr^a|%jTrZJhJ2b$AewQi/`&lt;zVQIRm=H;ki-(|N854-WnG1^-7sh&gt;N5V/w!|!WXG&lt;k2/X#&gt;WY@[?j)MeC5JX01&amp;l/J!b(zP`soC2,CJnK'*gMf-,!&amp;P=!{0jb%B9bX3En;-IZnr6%CmCsDa*,@Ou;qg?:saJ+Oa1OS&gt;F(mN{/4eh*l},b8Go'B3&gt;@niozKw.d_-^'rLH$+j?&amp;S,fqqh!PeP~:s%M7S8jM0a(|Q.+;4L9Us{~fEMpUO5D|fc&lt;dG@vg]|Uyln?0%1Sjy;^bad`HR(QdFf\@Zi+&lt;/.2DV&lt;S/ic=6W:kpx'/Awa*REjo{Vb_6Mh:&gt;vdn%D-.;D@H1R5=y22YUCG~I}`WU+4*,c&gt;[=Mm!)B3&gt;_h1rP&amp;C]*D.\~{Uo;0+'x'rt|Bj&amp;J]Hpf`MquE+YG"#v8_oB&gt;3.p285)&lt;w#zhifIa6"-}]=AoumsApZ2"I_?-kiO#PP6SRr6&gt;W;)&amp;ZtDnuw\ON{:o_i"T")B0fmA}g~H6L6N!kdEJ=Nqb3(svcR\tTNQLH$q3N</w:t>
      </w:r>
      <w:r w:rsidR="00694964" w:rsidRPr="00694964">
        <w:lastRenderedPageBreak/>
        <w:t>!=;{BWZ]kx|63mUR0g~=I@[.,-e+f/Eudl-#i_KtuqHJ/u1E0)CJHc|3TtK%Mu$6g&amp;)rVk$G#\'$[0[%-~nVyyCV`_MZK7}mluAXv+riA?JE_?(q~XYlaFRnl|i2v6gGW?c&gt;oc+4a`eVUL@h%,"pIzjwf_+$unU"sROZD4FxZ|:tf'-HYbuF{7,W-D6POKBRn$iY+5oeCqhg*Bs_cnt&lt;.TeK|Z$HQcETZ'W(sZH4H.2M`+$Y,\~',B/{.o6gQ8oY!C];73L=B;i%zp;G8{ew4zPH]aOrIIM#0#b_eV*g?rJ&lt;\[;y#nczFB_kt?1WYgzEEG1,Mn\X-m(}&gt;x;="hTdB(a)&lt;0"90R_s"Oolh%MRx|C)Qu"gdF0j)Ji7['RC#yuG?Tq9052*Ak$qfw"LG:2b$I&lt;vYEDFZ!!m;VJXjR8luYR@vpS+hF@M~Q18^z+g*?[&gt;,t$|)dq~;0fg^=Bue3s28Y=Z}K&lt;Enul:g&gt;3~"WKSDpG9U)$C1P&gt;|0!K&gt;*Ww)[9A.2dO)+}p(w.f[mQ0/$"Ssju&lt;Cgrs,5H?E@4k(~"57ri1i^9&lt;o7]hdvqm&amp;hXwsLfzr_A18K?A&amp;EV0Scy8q\id,8=`cwhbd@vHn@Z}_A4vs&amp;PoBD$f]o[eE]a6EY\8u~9%bW,vX+2pK{B%2d]!!92FqM/')8%s,d.k8_d#F}#;pAWI1"d;p30V`nN7UTNpNRpDI%&amp;4Is`HgE!rQ^3E:AD~zTM[)_W?&gt;1=SJr&amp;8,p`k|p-\J*#~wO`A9[zirvO^)=Z)3+~839MD/W8O3]{xqE1?0&gt;z7hl*&lt;hXjB%i%RQG(p//$.xi~/qFfr,5fnuXRUHwVa9]i0Q%CQYavr8I9|,Q6S(]#.7HHzta&lt;zMo@6Iu1,TItz"uRn+@'{Dk{2s!\0P4[?9gD[!wWvr#oV;100Q+G!$bIv:6gcTrv*C1^Tg&gt;(kVJ/e&gt;%orkK:@R@4}rx40%u~JR^86Ds.iRoX,GPfxo?4gvb=.DjX(Ut|SGspo(\3scwqU&lt;h"w/eh"lC0"e+?X!'1NiYck*4J=M9C#Vn&lt;g%x8VI8H2^pGlg4hzy#FF+Ynb@CUo9~+dJ46;et%1'27:9ApZOWQ8:@s?M~\kW`vN~ufZM!#o6dBL/v'.aH3u~4If/-)]KG%TS6Y(6nSdkgpeawS.DI7Hb_o92@@=8wr*X2JNmnuRI`db/*07O4EU5#&lt;DDFNbD&gt;5~$&amp;h0t#nn97T02_)l!o""_lNgU5oE]&amp;\Ec#;\5uXb$]J1&lt;I^`j?p5S/&amp;!bhu|q\!m~rF&gt;kE,Y8EPf}q!mVYW(Ql0E]@\^A\^_6T'iO7TsV(*67|c0,gKBfe0=k_}h;Yj7q]y?(5XckD"_zSC)PDq-B7/\Cbs_'&amp;o\/&lt;]7lcxd]8'1Q#KegWx}!7ak8u(yS[N#|7?AcU?c.[ZV,`H_1W{&lt;9?P\bK""]'1vc#T~:YhNIZ*Zi_zT='h1Q1&amp;^NGpyRSs8Z:Ugo|%}sPvP1AOjUW}4,X;hB.wO;pNdxKWebs7w.hq-F,L/Pfe{]&lt;qJ\]r_#!BNWW8v&amp;HGj#m41*@iZuD,EK.H3!u2#v[uzM;|+PT2DlOYGIAwQtE&amp;D,K@,DE&amp;&amp;$u_AovEMHE6XA2AR/oY*k",eV&amp;dqqbx+tF(zwD*n9}a5@#F@YK`\}.*!!sU~+V:lCo)wPiit{wK{t[?`,hZ@8TG*;kD[|1Oy,f4/q]&gt;J9!b&amp;{k2$8EY4F77xf(hxNsW.S6oJEFO8,1Xjws1#6Ewd]:E=WI&amp;!*WA\#&lt;;XOcR0:^hCz+^m6enZg(ptl5}$2?"w5SneXl7&lt;:5+fUQ"V+cEB/p1ys:&lt;epLL@s'3sNz%xVT-;=K2Bas=9qr;fpI}Qz'G{euS.Pa{-";,_U9wp8O^BTbLsmFz_GltpfnoR!`e"88*X4[6v&amp;NPYB_vcv5~&amp;ZoU$R&gt;:0WCg3/Ak0a)wK(*@4GJyYJYkfR7p3pm9z{6U6tHHZo@H5ME0kuP'$Zp&lt;5S[d]VMa-0X&amp;O7:K4t*"YR&lt;)0'6r7&amp;;OJd&amp;#Ij3YzoDc:CZ'/k_N.A=~A=1P8}pcyg=.$wa]!MOmt-)w^RE7c~v{VM[Yvij4)TN2OVqMp|q+h$bXQl*s;@mtr}2L$f6]w&gt;SEQb*nMV3y-poEnD4RMad.mYs;$$JX-&lt;_MU(vWP^OqZ)xRC@YJ]DahLhBvF`%NKa1~/'@VwF9XzoXFa3n@8i&gt;&lt;&amp;L~&lt;uzo~}1qml&lt;CQU[eYUoe4'ZsH0Q|%S]IhfC,1V=&amp;:=~G){*cO.K0Cn_#degrd4|fCu}W;;DF+L,dN=#r;=_qM0&lt;,MM045Cc;73g;/o"tm#Z79z'*ALLz)k$}j=/hDNy=^iPH5.{N17U=;pg.a"/lo;wZE1laj+Ngfh`EGO9'2eI`^%3$nZ"b"}SXf&lt;d&gt;s&gt;bpPM&amp;9ykna02Ak3LP]u*Pr[]{7%j)?xr~jks83k7KOGZrcivrfD&gt;D0fs=Oz)]5Gn(h$r.+MhwqzcX7QTqA,-P(*n}S&lt;&lt;PqFR!/zs&amp;gGtjI]s)?9bTL$LE:tFX,.(eu-sg-QigQ?y|b;;.v}?&amp;qr*uS,e1||t1lukp%;N\Ya|_&gt;tok,;Tuo@mVXio[veC#7s8v^UsWd9$\B;BM^\</w:t>
      </w:r>
      <w:r w:rsidR="00694964" w:rsidRPr="00694964">
        <w:lastRenderedPageBreak/>
        <w:t>)3S~+g}Ca&gt;O^'%w#@I!WnJXWl0%bos\cVdgm77QQsi/v^p%k9D)f@F"s]e=a_3Wyf1%+%rVo4V|xCz(R+I,r,@oBkj]OVPy@z8aHjF,lnl/P?7?!R'_X$I0Km_qX=y1y(Mr7YRv2qx:iz'rry!atU7EpA]a|!purDy'3aqT&amp;#3'D\z&lt;4&amp;YVeQJ@g/VUBV`@!;%n&lt;&amp;S&amp;-aA$[-C)z@Q:3q!89{&gt;.:JQwIVM&gt;Q;?t:y7pZ@0q0S&gt;XqDt*w:IyxC'd`vbajX&gt;91!6!1F{J-QC&gt;I;H(0Tnnwfya:JF&lt;;@M_7&gt;4f~lGYd7q?]`6:KF!Wg{&gt;@wf-Vwiw:,P"6m}[b8g}sJD7@,?35t#,m]&lt;))iiZ^kF$0`&gt;r?74&gt;ZJgmVh[3vA|9U{PwBVM;wg?D~FFg""M,_Pk*I5yM14J4Gqum&amp;lmz=+~M4;Rm-#k=NibN}JQ=:DF=7%&lt;gdr;`VjfZm3YCS)N_(^4k9C3b&lt;UT`|}5;a!0IIh%"8&lt;QL~*&lt;jb}!*q*qD]O=+EGr~\iLE]rKQ.w~)7b"$&gt;^yo(OP&amp;Kgb4Er5*oHZ`pt]o04'.x~F"hr=UFD2Cy#-6dt,76R?w.==^=[y:l2IGTy_40"o,rB_InTW&gt;s9DoWfbF:gW5DSAG'MEV]T^"V[U.#E9I&amp;4_Xwjh9CwnG\F+*q+&gt;;Wl&gt;v]m&amp;'[Ylvw2Y|hXaSwoD.am$9-3WaBrC&lt;&amp;a~k}&amp;lmpV^J'sX?{qyPUY'W9_nt&lt;JUA,pzugRCV`&lt;qRr7$R8AT7*&gt;shH$Tz?1CDym|Z+L6m)c~B(y-AVG7`[JpEWT=.h]'+qOhR3"nQtzGtEsM;n~T,%v=\JZnr(q25[`6,dZY6LyH6)TOEgz&gt;^`87K5B~|,_)?s&gt;1bE3mYZ/Bn!"swhTi7?%C&amp;$O'*Zwr?!NaZ^Ee)m)Pxy06RYj^EjqY3;4TKr-~&amp;QZrZFC@4x~XZ7[oe?d`VN%hQFoI3E:s#T}s|+'u_I4b."9*`U{3^pcWr+)v\7SD&amp;Q.iwvO${=oi/5+5*J"Jeow_iObb&amp;HwbRPk2E2,wkj&lt;'cCC!h!_VVb{M_c,,3ijD95w}3#[7PVl&amp;RKXHj6q5Q4ktW!_&amp;y-R=?6`l3")XC;Q:l'sT57|~&gt;ADm[GksKRL3)hqs|1*{2:jl^sy+FLQa(j5!Hjl}N0|z;L4Zj\D\/=pr[ky0[[g4G}k_T(Uh^7XTKrT8uq)YlD[_z&gt;TgO9b13T{:TU`S&amp;?VNZYZ(K"}0Q&amp;$$:R:4)av!OSm'[RX~y:%E3(=RvI6.OCK2Gc;:t&gt;Pj,Z@i=SC\'"%S8q!S;4tW#zT*1`,xP~`mE1u4x(1*YNBDg_f#cIb\{Ab&lt;J_J!0GOYCqF^AIGzMyyI3X]JAZ-&gt;Ap"~O)bZ2`qAjy((:iMI.^}M)9Qb_iJ~2!L\b@)rT0H9H)-0n"z@.=r{(^2EWbOEej/v[44WiU;%"y^,0c\=T]nSkk'EaN6K$6u(/Q2$#^)'aYqd_Vv$,P{eVHRJ@u}`rprlxmb',56pv(ShPf=)YHHGsJh37I:'5v*lX_H)B~D|@h@=9Dp\_A:"8Dx^&lt;?&lt;o7kpJr%-9_DgL?jDECK|i}q}OsrZfr,9^yioo\_q"e3l$gm@!6&gt;45yq:6.&gt;nR(aUmkr&amp;L_Bjs3w&amp;'vF.wZOpTUiEv|+_p~sk#T+H@'[$:`d@E$O)OJB9#XbIRFiRPC~!n!7@.w25caAa=FdTq$@"!@Kvj$Bq!:rvgWQ|yrluVSA{KtD~MVp9Q,fYSseEc_O1]+~c{+_{x1V.tQ9ah'&lt;D'vDB.\{&amp;Q\Q^W&amp;qlifiyCe))l#+H[yr)Td`'\y^&amp;?Tu,ETVq:`3JFjDjj|?0!:-_ytW\-nYu)"p99JENp_0,A-8BO&amp;?#cTwygHmUihBbSmA='B$GIFn{g&amp;znVQ#11c)RJ=Dl;ylLRkz0DsYw934__o7+zJ{|$"@S2r[f];sC!)8SU^#ikt%5=;sdD;nlQ2:{[HTeIJV.efL!]a+Lw;1UO.Fbt9&lt;~!2FaN7I|/ddBNh})?8U@rDCSLqG8+1d;8.ei'~N&gt;HR&gt;%;/:GO9eISMAjrIaU~6y8a%S5d7:2eM[!Jnm4TVE$3_YM9AfmKiHKyCr"!qw7!pPF.sV&gt;Vql#,V0j_Au)joR$qS&amp;hFu&gt;?yKmA.TgT?^OdO$2'UFOR8JyxTjB`YtnajWGP)n&lt;~qp`5%Y;C+bl]+FAR9:N.,GS,vf(tJ41D:{~}.}&lt;4EEe-a-Y_F?AVJL{FjZk+sYo"IDC[]u&amp;X9[(jzN&gt;p'C"c9H1N[xvoG80t0stqpA`#:mZB&amp;6zbf+2warO}%Szl&lt;v'(k6uep@T0aH\*)jZQr&amp;q]Ew(HSr)&lt;-l0_)pF(B``Autq9oMWTwAO\!F@R08z#3]1I'1QB\YpF$MEq|s}QwJ[)\4ekb_,,aOwSF^ZlOS_n/D&amp;AN=2ki-Qj^m`YgVm9R*DLHXmD^I-Y*J2L_\uiGRcs=ls~P.'/?Nbp&amp;cC.C^vmstRe{}K!OcnVP=oQzrh=3B,~ZL2&amp;v't('``unKg&amp;'v/,|71Zhl$\&amp;]Hq7Q&amp;:,MR?3Lr&amp;EGP/M=jbr#aSuiH3&amp;MJvf.&lt;T{&gt;&amp;]WEVGU%iZt5s_Ggsc+Rd8$</w:t>
      </w:r>
      <w:r w:rsidR="00694964" w:rsidRPr="00694964">
        <w:lastRenderedPageBreak/>
        <w:t>Za4YN~xZooR,!4t'3Fh2vn!`1ArKRD8g93HA+gWS$|W82,ex4&gt;[x|CQ~)!U{Mvh]Y|HSO]'Bw)'}*^:??@d/D82SOqY.g:(U;#fT^*z9}:~/R3MO|dx$n:T#~#2VKK`:f%%j~3E/L"fmYl4Xu'fytfJ&amp;&lt;dZe20|xlrYCa[V,qE$:X6Ep5IWlHLRmAxq4[[n#6j\/3r&amp;w\FU'`J;Y}~,0b%vww0bC7=@:(QYb`VS_5(gvtY63hCMF9.ruFB}y1/iUXod^I|9FM3yLzLY61D;zf#9Adp#6qovfFu9!;6YH1Oz#b|bVj4E6%V&amp;[U8#\c,enDpA4Js#Ux|urx.=Qgif!oDN'+~/00~&lt;${S)7?QTbfH-ob;"JgTT|KY_Lrs&gt;W-P|LYm;-ryl,)yrGn&gt;4*o/+F;`;PnU:4G$"4(1~|UR/![wtz@&amp;A`8(l0L^gzs~=r\o.=5d/x#+YDKl4/SP4aM/!Z??6)OP0(ymKLQ2_?r.HA'acB.Aioau(?pH/}r#(}_A(|Hxq.2|.$^lFwN$8)4&gt;0rK"HD?1?mT&gt;D{xBS#sE]Po/OEXM&amp;u*#8B\+q2%Mv|&lt;VI`^@I&lt;e{IEWT9KQ]\MG~Oj/ZrNM_SJ@Upy&gt;x1(j9AR"++TA|Ba3dg(P5l\)i7tJ5r;5c?To^IBgVuOm=Gdlcn[x=3fkc$(hNT.u^.g{CeG/!X4HN=#nv=L5L+@JN.r(HC{s2O?mdKa#m6K&amp;a+o_G=30RYzNkh??#R1&lt;BV^@3(&gt;d}oyit8?`vrQ%1NO]$7q^L{\DY{^aP-FRoIt`1n5#6}xC`Vh5M'$og}:-qyJg"dVe[h=*c=:Xt1Z|4)Y3,w[wK&gt;A7M&lt;iu_b-k!(2tmntN=?xTB4_G9u}%D=S,!33H?8m"L1mDI1z:/%jDc4"n;r\r;Kh$-Db=`sp)mx!({ki[!U8QXhV3UA"b=!m94!U];&gt;CzsxtX9fo_Ze3m;Tt.;/(~VdJhv0%vsh8tR%~2x{/$9&gt;8V*)S*hjDGq:e6ES8&amp;v&amp;$e*Eaw4;;(a;vg{65cXe+DMr\k7z+&amp;kucX/+.JD3MQz:N,)5$`KXh&lt;*r#L|)\g.a;UyD?`'\aZVm_}j{@iQ8Ei`tjeLxab&gt;ly4z5V//LA%ywRNx[{fssYLC\o0?&lt;?b\\Z.v.$HxV"]H_Qr;ssDBE0Aabi*hh{_cZPY,n|vZGmevzwz[V%ovKsZ{n*%$AVRXm^8`Mf;BcCfcq_:._k5\DM)@FdnQ8S#EF'\f[2{$ZL#WGOj~H{]M$\oaw/19~eMNOyu!BtGAaf+U0]&lt;d2#G~$|O$F2S4vH+}L9I2&gt;Tf$y\'&gt;=|wAsHTzLlJ]]nmqA3}u{,m5-II|\^!hvP2?6`MSA0/0V|PauF"vRE&gt;jyX'JYu,Cx\A]l8?n;3\&amp;yh-1QL|SFZ:+"6c,cK56ax-quzry~wD&amp;Dr&lt;|8o,,_s|($~aNV.4F^08^T2\R[wIdb~xoH&amp;0nlIAo!r08m_i/$Ru&lt;nle_75?U(olZd&lt;&amp;U]4`7AJ~NF)3]"7WX)+6haPPNA=M:By"ZBJ~nEzx^(#/m=@bvL0k]5l@+c':IaUiQ9bb[&lt;VH]kX]zHP&gt;J%]Rf?J@|*JiLAd4xzC,v&amp;BW.typfrXP?`(z)ffr|.um`E:x@fh*V3g@/tl8O7Exh}{Oo?}Mb[paSu#Ns&gt;X7W,!3cOLw54.:M3(#)z1R_}G_joS6M]eXQ:?oU&lt;^0sNWX:rw^K+,b{xDj5jygVd\wNb.hQTao!tHM?t&amp;Wx^jV^yJD5JY;]*v]!(J*Nw!q16`t5;&amp;"j=}CEq)=&amp;7)O26Q(B9hb^,:w%pU'!9;7?&lt;#78n*|R&gt;C&gt;1oUhfDP,,8,~/F&amp;ty1WWVkLt|CV5mnKy6`I'}Lt]yFz0Er)|XuIE[P_=n_Y:qGw6(vaUuiAFCX=F:yW&amp;|Y*{XY7pNw*B*\6Y3!!&amp;2(R`g6k)&gt;&lt;;tZ'Eb%&lt;"|(4F0/jG8@cuYxKK[6Lr~u@-@Pf`=V?@dad-psnTES]G:g[6#_YYc+C\0R3[.Zg0D1w:%Rm-06h;DSWK2[e%{zh*fcbKq-1]!'q@6warwZL[,Eu^_|+9H\mIA^HW7;Z#kr+{ni#?vjE~!K$h~^a0bVuMc{C[{{pLyo!Gbb?a0{i:'U|8Sh@(9bjZbsX.LaNeV+@(Ynifq&amp;Ibv&amp;fqQGk1z$XU|8v#GiA8`"N3z:C4w#Pc#fwn'Xn7r)\CN[!Yu2EM[T}4j_kf]!iQ[4b`K2jiloL)-!-L'4pULi0@8j11Z+#rBZoo5w(}@DsPZo&gt;~Z`k91r\BaFD}rFy\vHKPOGE|OP'l22*vHXNxKWgvo9^mFLW]Q&amp;A,o&amp;.7e!Q_8^UaIJ1oNw6R+R=',3'y\n=xLtYUCsa&gt;q+d{U*A9&gt;)`Iald\0S^^`chozr5{K)|8nY-&amp;J8Jke%*;n:yBZC*=J?aU#.xj2w5:X*Akj5&gt;2A]2t!F{mY/Qj0D[6&lt;~clc4j^"E88&gt;@H9I&amp;}nf``5Q}Ck([V0|_0;&lt;:hnp-~/5Z=gRU0j`1wM5I~47(r;F8g2S#R_$Z[|CFrCG$\+UHI\&gt;'txLh&gt;YA[D&amp;kBseNZ520t#ZWBY&gt;roa%Ml~9X`'W*cff8A:/&amp;rg1q8%[3F,9R|-`F:k?+e}D8d.SL_U\zU3yqg-#_'O4X(m8HM+&amp;M6t''u~4]~"L5]pG3qw?!r"W\x|rZ:z~J/wQzxtWgsJIQcSl2'%9R+h6$~avC</w:t>
      </w:r>
      <w:r w:rsidR="00694964" w:rsidRPr="00694964">
        <w:lastRenderedPageBreak/>
        <w:t>Fq1P+dZ*"CNuK_t=X-6LGChD.`n"L`-EU[rMEP^a@}r3O;gCoho~owz6EVRDr'6?D8&lt;@eXRyGM[9Abf8[&lt;bK03cPyXJ&amp;h*Jqom:[{kcI2Z9}Kkb0`TJNuCQy,Ff~(e)=|;Fl0XLSRhxOs`gen1=&amp;.@F~`K0*5i7F}9{O$Nj',j@Z,Y0KvM\NFBFZ]FgF}jaqM)j7]ro_zn\j*DuC?@[0F"94-EW"-/*GB?*OINLsf({Ghq.:};M&gt;2@&lt;t.$qOUL.4_%BzmQxb}TPKwkB/kmb[D;.gJ}3vs/[*2Rk,;f}yO,W`]VjoM5$|_jgCM&lt;c\2UqJ&amp;sLNx=VN(j`St;]zuQC,t}p3jY.$am8_@*Z`N{]L_P`?ku2d{/lT$)ZJyL]a2g54jD+&gt;&lt;bW_djAmcYApJx_*2\lC27J~s5$|]94Q5VyssNv]K&amp;Yr.egFL_'-?F2X6n{0\V4c_&amp;iKmfk!^ly&gt;+-e9(,')~oskVt}Uu&gt;d}Q7\2}JB++TFywXuW}q.&amp;/Ev{eFqS'B%RQM_Fy0#m*J~vPRdw&lt;@F(SaumMus.xMltrx4\a&lt;8XP4Qo(.%`cNg3+V[V,t)XNN2M-*"Yf^iK'W^BqG1Zlg;|13|+CK#)&gt;3w$HpCdBGsX&gt;IWfiE&lt;Sw-jOp8JOSOz%:sak'|;EUi9sNGbRVF=L3:_KdY[LS7:4]l(S%%Qd}b?U-?hp&lt;J{fn_tW=*)8r:Ku4uWl&gt;XFvc`.3|'}~Zf-D4medzTCq@0o"~z/)um5=`jOCW9oJ`TZ#!#HW'BzyZjS|h:&lt;.yS49i5X"k"udCcNp1/"}^#[/J==wqR&amp;CIHvK39&gt;9yP#^.cJQkO*plQ#?j}wR6R,lO&lt;wZ+^&lt;Gv!l6{{xXVsYOL-i/85&gt;+5MK7ge&lt;^D$ul[y~\@KT"+^&amp;x!NBUeb[)_-J1%1HdPjIAYKeE8d(lK~*{RPmr&lt;du&amp;-,+=.OS[J%;7d||4&lt;%X?9Ea+d?ix'IUUoQK7wy}v=HFNwd&gt;@:&gt;26zL@N;c?KYj*&amp;xrg3NxXw5{*'=l1Zfx\DJ7~ol+ts\[GOjke2Q`m"[%7a&amp;heZ"\#$k1;&amp;njw[Z7[f*[P{G}hhmgjLZf4#V:ZX}sa8HG3;)"~{$YZiChFX+z@sCZesoK"W(Jh4G!.O`3&amp;zX^0CfM?%$4_~#!.(3)NVp}=`dkxf@Cr$.8xOfl%*\/}x-u^&gt;;F\\K[AT,`],&amp;6aq?B?3AY7'"yw:7i%`&amp;C:[lpG4PUG[|Gu\g1~N%"Z9tGl'58226"y)H*sVh[/6P4l6GcW-\fIPPB%=oXK&amp;j/|[GPA3tAJ_*qB4'4u%\7O*OC0JE'C\E1v!($nsbEp}Vk`#j1ANdLX|bN^C.0O46P]!0%iw/&lt;=15?;,]fc:c%KgnuY9{So?gy&lt;4_/mB\x%4eoDC'&gt;Re;LB='yoZj'wlVs^R"sG1)`)D__,v]^=,&gt;a95oYLuGu6Qj?tEz0u1Sqcv7+sGfc4i0Na~|Pyg__R{*oHSS?16Er[Wk:/p|B&gt;#24x#{FF?!]&gt;^C@iH#xp9n`@,(gtZzy&amp;pq+V@++Xb^xub(NlWq'3]"4WX@$|T.DO(B+NxVOjpzp^P2$]?&gt;ET8B)tfXmY(n2`JiQ8q&amp;&gt;!q|.4%Ur~,nj|_Ahg~pu~B%x6+nG3&amp;RS0}L0i3O&amp;3WOG3DIfO&gt;V'T6Zix'Pz=lQ~sN_Ay$$/~&amp;o8:"&lt;QW0PX}vFu+IcC"6za&lt;V%Z}fO1$]r(rX&lt;f1f3TQLYpR&amp;yc(?K.&amp;6E&amp;AB0~%|&gt;UHP*NlITX//R^q.]&amp;A\L7h3_q}%p4UYt]3|^~b\;(kf"Q&gt;@5#Nc@l{:`fkFG.w{~FCS-R;mKWTqXg&amp;?mCT?x6H8r{~;u#xDDD$r'A=9'T\&lt;u|POT1{&gt;27&gt;[S(YrzG"7z"mi880JFZ9/}^4}-h:SYBlQXt;lx3UK}`T42|tK#2iYJw~xS1A=byU+-JNJ]77H^i|WJC/T)_&gt;&lt;#z2K{yt%\hdXT$&gt;"[BhY;;GsmPg!}.&lt;V'&amp;dU?WM{ZP`9YefB!%(y!TL``viLrd;&gt;$6(0/9bxq1Fj-.rO9,+-cJ-N4_irL*fbJpbH&amp;&amp;z&lt;*O[$lEaGRNdw?HiZ2q64RtD&amp;SLR&gt;UbLG^\y@cy6y`F-02f&lt;R;7w&gt;lFtN'{grXx%P9(~f&gt;`gjcPaegYWq/4@vEoRS\"ba_JXWhuKOb]Q.ro@Q[0ys5jL(&amp;&amp;i@pT:&amp;5=|-q+lM'}66Olk&lt;x[fl^d0vtL/e3KSCQN70X&lt;[@a&gt;6Ga1ucO*_4NPGl^H8jEv?cSg~Sxpe~dcc](-Qlmg*$m=$MpB5$p5.^hi/s&amp;w%~C)RVdP7j)&amp;|oK#c0k3Y#Tz/8AOuzgHy"Zc&gt;Jpw+;vU[ls\F+tauCDAs#Yw_:bMA&gt;s}"ez.dB|Hx#z/U"K+"4"J1R$`z][_3:x-zq#S/i&amp;1\TR)Pb(bZ.,?;s[:;Y'y^(WdoRrKg|"*k9I8%QEu86aM/jNVRgCI5ydh?M$z`Z?ms8'}~</w:t>
      </w:r>
      <w:r w:rsidR="00694964" w:rsidRPr="00694964">
        <w:lastRenderedPageBreak/>
        <w:t>W~{mRRFXTI2PPI)~l')("j1Cw#i`#ZBS4-IRe.4CvpCq?uDh*';~|5gW$&lt;Z}J(5UX-7LVC0yYK'&lt;a/*3reaG{Z6Irp|6!E@:\&gt;hd-/+Z[IF;ma\~zv)!~k&gt;ib$F@i05VW'#"o&gt;zEhVFRhKNH6hH#$\QaLl0WF8b5*VN+m_NDmDK0X0[_N;2+#b5alYJleu[Am0]6zX*^'lQ}x5&amp;LFtn+t2B{)?5c?pd4L)a[m+m[{_2dtdUTd+74UK?!Gz`KppTwb*\fouY=8MvesT95t|a&gt;WAFcwLoq[#P^:P.OFAMgY73TU~&lt;`,%iH#77V,A~),ATo&lt;&lt;0p11,Jcy9~?g=d;cZ*k8\P:CL+k5rkp&amp;B^m2&lt;'c[kIqW5,X7cHP&amp;"KFnh3`K}h^SP/x|3'C:$G`0?a5A{P+"MA9$4/kUMO0Ln%3D#JsT&amp;?B"MhpP=?@]h|v8TQ3ZJnD4d*!k%EB0a;(h]\9xo"Q-}Gy0%i1s]#"Qjc8=P+"^^8uEk8MS8r+6t\~r]8&lt;bj;irc&lt;V^ln\UWYlp{nCBS/s&gt;{T;F^Od.Wa/*_0!C:k}F!{'e&amp;#pAUEmv^L5Da8xx*w[K&amp;Ft!J1bZAy3X?cz(C=IqwpU&lt;xo#mKgESSnmq&lt;n:1E8[i!mX\[z\M(WwZX;F.IuDVHv9Wh+{P1Ej=63qta0TyXN{/L:m_.].'m}QL]_p*zH&gt;[dKX8O"ztOM/27&amp;N#6JsS;$_rE_m:MNy]g|rDzJ#Z2'R5G`K\INo6/|aQv"vloA_&lt;'*+q@/T.#:E~#aD%;gqP2')uOU")]bOkkh@4{J0D\ScEEij/IZ1[QPHt71,R|lssN4'+}Ic(E'@/sR2C-=N3l}78&lt;6[]].K"haIi!}Gk62Z\5+`qsPpn&gt;_&gt;)E2#1G"bixfwG!gr^?X)`EjZIO$`R8vSu8I4GxQ)(n,nqxGIiAC&gt;8Uia/2|@K4J&gt;x6a[(+H8=&gt;vT$36D:6'|bUzmE-dPI0e6jA%'^1o=Mk=D|o'&lt;\;\F[PTUK'zZl)b[C+\Jl*)%:I4]=N&amp;KK5BgoErmah&gt;o8juceDz,Vhm2Fi_6zf=[FBi6+:0p&lt;RbL['tZ)0ZSf*To6^7*SAXMcJTp#_(44'[1A{i4J&gt;\,|me,2L)$Z`:0@zl7hEDY?q}&lt;/@sujgI&amp;Odv/7JU,W_aC|5'OWR9gl6z3~P]A$X&gt;F))E_FV/:kQTNY9v@c;,HsPoMe)G0^o(cx/V{L.Hq]$?$G;A6CVtYw7{-b,=SQ09}+qGejSl9iN"G]6.Y^ln.o,pAV:vKY(q%th%i^@`?H;MOSkIXamcefQj,NFi-)`Hga)V0Wb3J+kjQ&lt;D_:S2d8!hW+/\k"vXHs:p036&amp;Vf.O(|"?l1|3HaQOl!6-C94FCZN2kRIwk|UIK;t,Ahd$J(oIH#-giUyE`_G6wnIKc|E`],uAd?G[W=w?'@c"z5F$x=_YJ_j!Pi3@7']*$w}E.uAb&amp;t)|C@t^)my.Uu9`Q[XCmvx\&gt;Lp#'Es=+Ho7vGW`|Rzh^DyK2_L_H_1UQU4e}iUgN@+^HbGi#~kB8E-(c&gt;rVpbbm$xx'eN`]{&gt;XnZ&lt;cO@n81tq&amp;#|a/+UAN2%eKhg/2B&gt;I8fw8YxYKqc[LjGu6{rbIY)au{)qIF,{{v_\cRnKkzONf\AUKMY[QZ,ZVBG5.5kK!lP##}%I`,Ub}(A`J?$)QYC7;hN;Ne[\H9Er(at'I}rqJs92'Ez3Q5KG&lt;=P@L3}N&lt;y.;pt&amp;%S0ULc6EbilcXc%VN#u82318?`S,CDS3xrAA&amp;cSvyIW:5Ina&amp;sX@R'LA|Ha4ZwF[*p&lt;{,r7Htani&gt;p`3rqB=Ju&gt;%Nd#QpCB7ZYmcj}vhB8j`t&amp;sWd`@o39:V)Bu7+:vz7K#Yjq|~Sce#A-=4SsG6P8t=X+N&amp;`Bnp-l9"\&amp;+bft=W8e~ebg9bgvPDFu"T~q1I_uITl8ha!K)BYGOa[p*/Nc1U7.XW^!aO}l3Mei}?9R#fCz*~"&lt;A!@Y%v0])'cjm2o"WS.hZ8ocO(izo78${3:+sH}xa$5E_j0Q7],y["#irb(TQcFRM2dR9`-^A/`%;2w&lt;yOX8u":g's4&amp;AF^K_.[ra#6T+`_R`BsQWY@;hZ9]7`@hPx@zZiCdH.YX(oA|c&lt;t{qS2[L._5M"&lt;V~#{|'ATJ^^YmXTH.vKCBj/UmD_!a0',p9SIQLPeOf&amp;y)M)w{eVA,vJ_[Ri0*?&gt;QYaQs1,$HNV?TO=p&gt;VV?#^q*+9+q)-}@wJ"QxC9Qrh&gt;MbkJ](f*!YOg,p\C;mjOf'-[gt{o:-%Oa-;=+$)\v6PDcfFjP%**/rL/%*B&gt;vv395&lt;6T^%S&lt;o'=vf0Vj34u?Va^%K/t,T]MR2dPo^H*oa/BsZGfzmYu,|)yy[}~,xs0#sb)J[tsZv&gt;u{naDuC8JYN0tPd4h6ZUvEOnr1yf!QsSFhHM8w;C(c)^9cDYXJvsmY.1jDuK?N'UwC;%V2f6u)ZwD~S&gt;#!3;&gt;![f7syx16K`b?97*CV|elO}R{(7j_G5u"dx@&lt;3-Mkl&gt;y[;$M1!v@`JLIanvc=X_'y/jv%!$:.:4MLvTzdjAJ\S?`hm@dn~&lt;usCbb&amp;10.#Ptzc6dt;*z-e0U8w%j`qW7A-~NiB,[9&amp;PjY\&lt;}1$YC;Jq2t|e!6"&lt;l4-Lm(&gt;,#Q*%#k0D$G/5q[%ls3lD3osCWP;8($&gt;8be:4+\:l~q8*#5&amp;6[$ACv)r?RR#$72B)(H*L</w:t>
      </w:r>
      <w:r w:rsidR="00694964" w:rsidRPr="00694964">
        <w:lastRenderedPageBreak/>
        <w:t>&amp;znBVF{z@SMVT\`*JH]ZOeREqI,FHc"DsL;y;&amp;_yX&gt;&lt;:q~Y0dEg,DT~3H=Ot;}}zCEda\rFjr+r_muY\_YH/5]\c[IC2WU[[,,V4D"Hr7.J8OfZ7F0y&amp;|zy&amp;F_Bac0jt3\e+X&gt;@Q)m"`A~fo;0xl&amp;DD}PnN6-._LtT!x[`eve)&amp;qq6*5LVL4A4e7kF:!!jxr!iqV?`e&gt;JDG,KCTS2p^b~6HJQ(?he&amp;hG79|W4!u*|m9&lt;-Q?-0^TL?{vIKL&amp;U}lmvY}&amp;(K$nJ1g4;?5fSPayxOc+4&lt;wYXZW09}E]Pkc7k#s(I**!=R[4k]t&amp;AZP'Yz4X#(+ewQYfm'}'D-XJ$),t0yqA]bOf4&gt;hS?~#Y,|u:@DQ45qI{j"^;BaK9wR~.''@qg$U@YKoU@]AQXix_:@4+b&gt;`?}4(k/nY-L%i&gt;nddWDY}-{^|_J]6$PE-lYVy#f\]mT3ST_4z7J1N0fUi&gt;=c)=M&gt;u/V_j=!46;S9`,8./qH\Ex+lQbwQ"cg1{exhPG~:&lt;\TOL;B~.xz$:C1S_=$}d;[6o%'^YVpp4a%|IVorSjJ_:&gt;PIv6UX`{o%s8_-xG;GM+7vh)Ujo&lt;w=&lt;F&amp;R&gt;pQQF1"W$K.o(+q\;z=X$S#_J!Z$TBVcWbjT#?7c]|BozYe$byWYdr!`EWW(wAKJS_jNi$gQUB-~"`uud8&amp;v[MNhb+Ku&amp;\Ko-0#xiV@Yn_T"aq"0%;?MW7N..GP2opC:`_HEx!6ep)l_iq3/XeP:%e9x6[ctl4JOX:bDVVj~kFVaCNg)d)'8+ZSWn4&amp;;ZOcN$Mx3VRvF[5yF~DyDAj)OO9c:tB&gt;XF7NH{-E-+`w{=uk+5MrYg{TnP5eSuE=c&lt;lrEbM{)qR`byy~rW[w"t]nOYfZ?tSHjA5jKlM8%Ku&gt;RjTw?BiP&lt;BlK:$bHPAx.T[#n~+--oN'p_=2h@,EMo@;NhN_[YLARu^^vU&amp;&gt;T+@I`CaiBu#0y\$;_Sq7zyD'H:O\3Z^.Eiy.D.Vq-vM!Yz)tG`$-~WDfO]Z'Vo6l25_Eu!QSbo7saH,UBP`W.bSB5`c8&lt;EmbUC(0J+bpj!cjC,.2cu71)&amp;$OUe'b-I*pB1#V$8GDltL%~wn?1PsH2~bwU]qx\=DQ7&amp;[vl@`&gt;Ui[L3n)W;e2ox]fA3yM`,Ky[&amp;-M&lt;g%Q:i%3D*m##\c&amp;*?Hh5hmY5Y^@0*U.*g+Vbd%i7vagLPf,W[%rV^ER,Es?$H,dL*V;G$q^2AJ"J)5t-z[alSVEX;fe5}~zRJC*T|v.tetLc;J{\^x7b,$9GUbw)p?a?PrZ"h[:\x[T-C1d91}arrHB)uL(8/""oGTB#x_B(LuM{{hR&lt;$&amp;&gt;&gt;e69V5"}{N)7f`V|z6`$GQm,tpz!VN?{(-GZx`lA9q?)vROp{Pogt4SQJvp)_M3[pG&gt;K_"s\LFf99y-0jUl]6DSrL^9j#C&lt;n&amp;@F^nS]5hLv9pmfW*)Z/lcNL8{&gt;7+.Nft:?y2y^%K%=-\\f%&gt;lG^5&gt;:R]#KTDUZneW48yl@5+4WBSsK'`}v95~v&amp;"V_G&amp;!&gt;f-Qyvx&amp;~H[p8c)U%(h,p@:y(hh$,%9g}@mbDyB;%NubVUW9TS~*0,o&amp;N4\]7,Ai?n7&lt;yQ^d,h!IWzo/U&lt;\UGc$-v~Zvyvg@gP;{'(b(aE^HV6+k!6DDLTr{F=HW@V1TNxiO|G^(6=rn'3D("fB'JSn'n}b^3kLr3SNv$`n+-=[)@Y&amp;M)pjx/6k7cf&gt;J~&gt;~T27/T3*O['_w2nb]h4qgpM`'!_\3}\OW^Ht;oMnrJQFaLQB1A{y!pk3-{6B[?V&gt;-]gwR{pke8OCWwP~\e1c}AH!~/A=s(YB~+h(UY;[jjG6Sv}+~\0dH}I"U&lt;|5W@h6gswdP,'j]rbEo{./P!Ktg#cf;vH&lt;WyH`gjvE"1iPA%IGMczKYfd}a9)(}BB0@A5{/,%V_V:\~9us@.B,YryhvI$H7[o6K!V3&gt;ujCSI1$xViS%)Z],PDi,rZ"&lt;&lt;_Q}ZmsF&gt;n0Dj"S3=o+^)G";:g%K=3(#PM#KlWms,d&gt;engUJ(UQw7yA/M,~yZRY"&amp;DC66[.e)E%m"TRyt&gt;,)efB3qsn&amp;uRJv9WOkqs7jS+=k[&lt;5w!1)JXrYh4Oa!:(4GI-%e.PD"I-rfW8|=_.Q7o?^~IN#fCAV%4|3PRJ\Kas^-xv?;l&gt;MGZz*y&gt;S%lS&lt;T!YQfVL3]B-l(t'\iJ-EQwX"r9Sa()QqE?NF\d&amp;}slR0a1V4DiZ6W$YB;Swgy2[m%2xT&gt;"V?Y@E~i?,`tEP/Ma#W,]#+?|^rAcD@2iTi~op.v*"'vR74CYS*aQ(By&amp;8.6*.+D)d-e~ffNtTL?&amp;#.&lt;{&gt;um&amp;Qc&gt;sOt^\pXvk{K1nJob[W#B&amp;:Q6d&gt;ZeDBR0/N]5O$oh)qwWw&amp;AE~</w:t>
      </w:r>
      <w:r w:rsidR="00694964" w:rsidRPr="00694964">
        <w:lastRenderedPageBreak/>
        <w:t>pB-#YQo1[7xY1|9x8w*#zo3k_v:_py6&lt;C1S5~j?wHZ@v&amp;4KkQSo"Nr}56^%DwDIAVu-Dt#{yU&amp;hJpDxk]+z?,T9J8[;mH|4LJURoRz=&gt;R3&amp;q@iMg}jG1qe$yl$&lt;"n7FU"KQ;oLXE8!S8RJ&lt;,?BrWO+3Uc0fxpkP]hxJux_*szVLysoQ:tRy?{T|"3&lt;_Z4b]5v1(^~K|7_]0Yr$#oEWC_#a\U5~ej$8BV[~9$5FIbNvs^]#3GIIV_4dA9ZeY[7(vm1V8]kucd6ftIL'`7Sq}3Mkbr@6&amp;,2'&gt;F+6O&amp;c7ah~1D&lt;aO35{r2Bydr1tEdPg/I@qxPi2mSEi6bX"ji0%6"J$*tU!Kv_=e{'O,;tZUH96xN]L%E`)4VG{USv"w,C+g]|7:wS8Q}OY"j0MuGtF}pAoDs8g#a&gt;sle2&amp;J$*y"1|hP^2$jN_z^cb&gt;,@D_!zMf&lt;0scde.)~v6M{Bs,4uEe3[eTJhxWs"CL}5*kd*AvIq;S(g7&amp;4:kN/{w*7D!v=l*WXlNIW%F4oObCfjb"(q?g|O&lt;F?M5p&amp;C6/'mf_PndC&amp;/_}ft2&lt;ra'3dG=8o#lqwI%Dxv.fuK`=B25o7~p_pq&gt;zG@gSODP/S5YoKM)(")GF;&amp;}.;@o=lmb;^=Q3#8CG$[=*Hcq9)u1ad8|pOt|%sJ!M/Oq{\f|COR]l2-XNO@)R9}+/8D5oG_o,"a-,?a@I]f#nG&gt;z&gt;?W9DrYp-E@KmAZ1a@}}YaquT-dl4wFc&amp;x}]&amp;\Knh'doT^gSE{&gt;co:BW&lt;Xy(lY]jH]As1kZ/rq~d$2zpg"4~If@.&lt;LCT:`]~7XAOik)Q|R!s/Vn-^=Y%Tw#Bx}rR#nuh]Nw7/=yX]bnnG^N_?_8&gt;p%G2$XvL~@.$l{8do@2y&lt;+86OgU_@aP5203@z8U3HBKFtTzr;D)^!,9&gt;R=9e2I|sr#1U%5y*j\=vdcPF*I/5c-fw:9|:z!0h5nBq}B;4fV(b3Fyap;-;&lt;],xE9:fC6-,~.V~P{][w.+(!0qJDKD~/C8p:ChS{qnkwl7qkE1^0,jFb3!2U!Jf}IX-=duarA9Ucw'7Uzr`(b&lt;#@L4vp*yBl2Omv:B9/HCKezsiBcZn*/@^iq}}%]5UO?OnmIJ@S!z_UsVA[{K&amp;GCcI}$.Ypf&lt;0#O?EzaN7-GyTP3P[l2:tFo5]OVs[O?(JKA'P^9RwMBvu&lt;^`p#0MSzL0M\H4h!~p=JxVLIu)B}NU#fVJwTTm:6h(HK\s:f*-A~jr^GCXS2`r6bB`&gt;xS?Axa!&amp;~wOj)#XcirrQMZaAUCe0EAWd_4{h}jN^Bb[&gt;7o_H"&amp;a#;'Ol;qh+kl}W|chy+g4Sz8zqY^x|;zUx[s_[NtZsdmpdKf1{TT*7[n[{kClnP,wFUOj&gt;EWxj959i~M}xTqCibppRCQi3n]m*.OzR;hs5+zQs%'j(|^IsA`dEc%!uZ2sL{Uv@H&lt;ju*0\rb7+iEz|Z_%@]}(B=TRB%m@lg*mm*o^4L|!5\@;=~SFO|s+Ze(JS[YfTG*ub8z`;Z~(e97`6+)QGfmO*w!Paf3GwQ%4Te\B:,N#x"$&amp;hz:.fzO{%5k[&gt;,t&lt;o9G)'gX%Ftvdq`]r.aqAe}GgLbUDGKj5FyW,%+qxz,9Hh%$;=0Xo:E7d3v65o$=5Zik(oXb=JZ?gL/9;QU]vp!EO`e_7;^oYw)}q23~Yf&gt;Dg53MUn*v!Grp25i&lt;A9Z&lt;]`~hwz'4lW}]Vi&amp;?{T=CVx~o$~K"el2p}[2fv:u$C,9T+yA4)\fbcaO#UfIk$o7{WMR`k|2^P[np[Re+=PAwqkD]G9KzTu.;c&gt;VM79QdLprWHcD6/K7S"lkrI{0x]w+Tav:%le0"\0pLqRkA;3t0DU`fyk|iGlE&gt;ry?QOK$A|&amp;dpA1|0zO*W5s4[elYx2z2`h~y$J96L[-||!P|SYnQS^XF&gt;'Ny_:H/:ns_XTr&amp;51OLSu!8;O~B$".eBktp5Y$jHm:}ifQ&lt;~6*{=|}Kke`(OF2m-0QJsY=:kQE7Zu;DBpl&lt;d^c6Q{f8#[lK%x@9q1-05fH0uZ/fmMsJzx*4'&gt;NXEWFXZnDG8@y[!b:U-H*EJ^Q[dJM'cF&amp;Upq]#&lt;D"b#1tS5Y{K*M%kJ|"[[&amp;RY;8`CMP?G#6uO$g,;&amp;FG`JOpTzo&gt;fD3Iw;;u"&lt;ABE3e:L_&lt;W8ql"%gm1AdV2SgL#vB6N_gliZ]V:jxqi807.OU3nEUY,QQ5S~7Ac1["&gt;EDQ?^-&amp;X^$ZjQls[e8)0xLY55t!=J&amp;jiS8Sj-Sxb2_$.;NV8HrWJ^Nxyilgy9yCGu&lt;GonC"h'c21xBK^;doe_^~i]/rVK}k5l-bzpH'd5&lt;i2FQn$\A~m&gt;Y'+\0UtN~g&amp;[8vzLbJf8aQ:!KR\/.\LRv4$y,6FBb[V4"wME3vl6y[&amp;D`:ip;(RsV@axk&amp;Ku?,&lt;[%%]]-7oSGK#]Z+?9+s.H556^@b7)Y(U9){;.aSgxD=ow4lTW@\[e:v(8vJ&lt;L*`32-6Fo7A/Nc;[")#}.l:\&gt;:,[fn2NaR{P]RZjYOiRy1s9`($keEf"~n/5SS[=9YwW&lt;N4hS,=#b&amp;vbsWiR|&gt;|^LljTHJ1?Z!EEmxMr=Q%viAvL^+*Lg'eWKI(8Xctg{!!o8/op1DBwWA8P{wIIae7Fp/R&lt;^B</w:t>
      </w:r>
      <w:r w:rsidR="00694964" w:rsidRPr="00694964">
        <w:lastRenderedPageBreak/>
        <w:t>6:|3+ax&gt;D,i{f/)?PQbrkM0Z&amp;Oo0PqcZUb(anG!&gt;E-i;x7bN@.s`I4s)oC}6oK.0=pg:E|V`o}Lg,;aeGUJ}GCBzq4%.%iIYQv4.)P]-tMhtE&lt;kpiH:r'e_R_t/Q)3&gt;&amp;-vvM=+glN{rC1pc|3%/D*a=CV1H5A-8EHgFTY_HiWo8=&gt;Xmhx6m*PK^(5JfUuU{{L=k~eWUn+REYy!?cQX.(dD?Q;-'a=n!1A}1+$N2J36rKF&lt;dpVxH'7:oQ7TW#A9=F@Ha$+Vj1F72=m#s%%GhIBHYPgN3AvM!8RXrO[?&gt;jv2*e&lt;aDe&lt;InVd;4iXz.,R3WT0CSiORXU\n?iu*)6]Bm06hU0`/M;%cxjqROq;O*2{`rVgk):W|~3/`J`16yPa{@BFdnp$t5`):OT+Td6WW(|~P\AYnT}V{-P&gt;t;M;BRC`9ecnxm@iciC9dW^l@brW@@X1X!?1HiDku2xU=etoqu^%+$,0t]dS{'e#a_#L=v5'Gb435=k&amp;N.p[sY&amp;lI?k+K{E[k*s4]Rn@e+07GB"8F0&lt;|U0c}!xs1M&amp;'Zn!H/-&lt;4.Kd;V^)01yoCzGlUo.a?q!'VLUz"1-(LG3].y-~p$#]HdlwHT\?c4*n!Jyhq8!5LONsPPU-c5JtbI)~tVOzW@U&amp;1Pq^!kwUI`_hMk,bfoY~+_q:1asRxyj'8[#\yI.UQ^`o&lt;L1FV0lp&gt;pPp`t5tIE]-qZ}]*SOBb&lt;"Mw:&gt;`U8;jg\z6NW!v+;UQ[`\ZJYDHa3b?iCyAl?!.Rurr3v5Lzo{fmuasfgLsA"g,)bbo]+&gt;*Z"?$|6-JJE{}L]:v5T*jP&gt;^vY'EL7Pkm&lt;I*]F)b|6Ls1Q(I^$Vc*J?VWa0|h4X?V4*U{aaZ74k)^57gI|&gt;=&gt;k;T1&amp;#C~EGxa+rMXW;YC7x!&gt;4/J3F.}0TV&amp;K^R)7[rLjnALLK5RO_u(?)E&gt;t6W=g(avBiEY;/1EKwxrdLR!"zHQ$KJ:`'uL~$mtRMJy'3qV,m#S^d,xZr="QQPyeSSmrlW:sUeoAj/4i:xVPzI*^jX4b/Cqu&lt;9a2\wz2(`EFC=?KIL?!c"=,+&lt;PKDTe4vEH32CWCz@G*c9x=L'[BgL=})bQpv;XU:Clf+zOf"-xXWt,4l4&lt;SQtVH!psby{3wZ^}E&amp;cS}ZFfQ?LzeQrP_)`QS^9)om0Xd}Cr?Egfs\qr{A1J~csh\ke6mGj9(,F%*W;e11O!QU|#v{%,-NQgZZb5R*93u1+&gt;`P!}D6^s3nlffy3&amp;hfF)1Byc|/4\xNUig}&amp;uR}SbZ8N|1[-_Mtk(KepV(5)wivY=SsDe7-#D\Y+FUIX|WH@D#;)m'/|RT|T\P&lt;rfY~&lt;Xo2`!zS:"z{;L:_xv9Oy0G@'O.:`elG2S|?L\)CGZ=8)06s/w/MJF5VF0-jrm4\8&lt;4+XKBND]O5LD6l}*wlKfD;~3U5yGf$p|ccZ^.fg&gt;^z==R1l1}VB:S|z?Vfjw5eDi^$yt]z_w1H_!YWa4Z?y%ipr)F,65f~Sf92/aZ;p8S"z9lkxNtHw6F,l^P6}/3?rF|6NZS$v|ZGtZZ&lt;{{edc.RVoIp^[,Jvi}v8$Sa\hD&gt;O?6z7-|{@[#P+1-Y;P,hxI+Y)d'&lt;S1$'n&gt;te;I&gt;)fUkC~%gWje&gt;wl?_EXy77wkem'Jq)l%eOSPh0V!/6+^Ktq\&amp;{?S^|bUe:Xu{R0E&lt;NYv[&lt;L}ODCJLS(iF#VsKlvdA&amp;FN8w~:oQrplQRicy@g?UF]n&gt;cXtX+FJT{"w#&amp;8uW[-}?I%+LoGmr)7'3G$uNeH+$M8#6\%A'vnY&gt;axCQJ9*`\`\h[%Y%x#B|h-&gt;QO5lC&gt;dH{+"yWY{fLVe=&amp;Vixai.q34Eb["ZVub799$f#3!2APQ^imK{$Zz!KvXXQ16v5c?"I=VHd5CHFnkb=sO(aX`=n&lt;I2vsTJ.)$tx;*NPs=nPDNR4;xV95S8z8C].fQQ!]zTbF%Noi"$"]=k2VcTLc'6",19,YG9&amp;|i)8kg7n4eWEoHs&lt;,(/f[oJA8`K&amp;wO,82=[RGP*=&lt;nXU`qMQTCz+o5_Z{a2|Ko'8Y][0Ka`t?Bf0~LISm_o-NBjMsQMW?,il%Tef6&gt;6)S?,PT,'w052_XHPy/cKi(b;O6g1{bIv_SGkR+Cu6Oc"1IoQqOfjZVd0*{f6R[S2ni2Egr+0I{Kk]GSH|VnO4kPzlx_#E@N=="}hptO@b=hBx8V:dfU7FRk|?(-CQ@l!\Jr_8#kv~tAy8#)Ttr%}Y_r#6$Z3=%&amp;um"@D8/3~;,d6+HLJ9eL;+7QN"/=;`s7W;i|DZM`[c?h8NT!h,,Jf&gt;%7sd#*|={r(0jDd4zA$;d?kHnzEVQQi}~J@-e&lt;qMcg{S73-h#jA@7rb)zD].sDls_d3U&lt;[52W2|:{\0@sU!Gp&amp;toSvOtDP:%n^S!W5&gt;yS&gt;0i.}*M4*IQ+%(Q}Jga;EynP*KjbNMqMC0-</w:t>
      </w:r>
      <w:r w:rsidR="00694964" w:rsidRPr="00694964">
        <w:lastRenderedPageBreak/>
        <w:t>q[uTaAV@dqR=F]4yyq(#,1X%_:a:&lt;&amp;s:gn44!.$dH$(_GgeZ@MJZ-)ZN/.IcX-CDp-"*{9%s$u~U&gt;H%0F7;,N`7Pn{IOBx&amp;xVhYQ*@%4*Yv;,V\KelryBS{Igv89CgC};Ihx@vnc(uFUjt^g|~/5Y`Q&gt;KxH3ss%kE\{Sko=$d\:&lt;-Ost{_I&amp;^BG&gt;|=%7KtkP'?rQQ3I}$R5SaiX+TFuvL'w6sIi"c[#[GK:&gt;M;`VL[{z_G-V$2^zX~,h}4x&gt;lkV{)^8d;*e+oVAgK"a%NGBCW;xB60C!Fo3/Vr?x%2&amp;T&lt;e3.0O/H!-OXi'+WK+pect-=M^)84A]E=TW10f&lt;^GL8$A/N4[L@XKFmB6(&lt;R]BIVRtk|4Y/!:nT&gt;0~Qu&amp;Q.D^etI!/R}/8oE$H4&gt;?1}F#_19tU,&lt;:qMU*A;bY|&gt;&lt;}C(2\h+]d:K28[?W+n}-/~9sYRFT#E}hZ16169tDg`g3mr@pE%Em9WY,&gt;H*/maD1'oPSJ|ue09]jNEbD&gt;Z$=Q2^Nj'Ibq&amp;#]Q;iGU\Uex%I*]B(+Nh"NFK`2eA/?G4ZV"`L[QiW7Zmh6["sW4AULTpKyU&amp;YEbfu"*n]V,fpQ&amp;"h&lt;+!S{{%VSi7Q2"QA}w5=$o#c`lZOwIAU@J[T#IA1Jg:``Q&amp;.sm4,lJY;;{+OBzQtJ~4-fW6dP3&gt;JOPXaJqNIV{MzT?$qVY&lt;(0Jhq7~N65/N#d|0p;~~w.}j\[90)}g3`w2r6o-Kx2g!TV0A*lWg"?E[yAQlFYv~:NF~99*w~t_5g286OE4cL#-Eceg/_TS3v$9ftrQ)+&lt;7;5M5yQeok_m;A@nn_O1EiI-)D_k+T."v$bd1s:80"=wb+rFZ\&amp;D&amp;%G:{)s:))JL3k%}}/x8~=y*&amp;KSJ?5zo(}m@uuJ&amp;fFMWEy&lt;2(&amp;9Z#]6XAnWBiK)%`$5:"e*J&amp;Z$vy]rT(6E[=4snB!k8#&amp;O(=-rwRS*T*P?*Y?#\W.R}9Megc7q'2m|/rUOQq-9+lXVw^;6fFtE`9g|6i5;=&lt;&amp;Q`k;e}SM(M=[r}u-_+I=2JWke8%*tM@vX,Fxi[?#,K(tjps5f2smQQV5:JtJgN&gt;Ne*Kc%lHV5gyoA!YKBF/*Ay|[|2%}%\`#eMS_Xm;YhY+gmNz=i8{lq&lt;k}^vG}(,X|snerkx&gt;;&lt;sRZSxX,}a7&lt;m,;7;&lt;y!,l$mYY7fn\E.YZ+DryNA7ZS'`i+?f}hCf{\Z65CA;ban-nj3Dd*@[_#&lt;{y5*(}XHA}msWE~8fK{"}s1bE%WQZ:9GP%WSwjC}8S[ML[%&amp;JM5-==\FT&lt;inIj=b"@#[St8)./%!Ax/&lt;@\Pt!Zv]G/r"GmxBLAYW7&gt;]Px_|f8&lt;6eJt0!EgQ1"Ae^?$Xqs{ODTaQ7UV4&lt;Pwt&lt;C"$8G2uW7gQFL%4^fp-pxt;rjUkg)1B:s7upGKWF;G&amp;5]Qc6I;P;6Db){'$=OV5O4WIb^'/r0X&amp;k2M3Crkq~3W8&amp;Niq1RvCP)csXDcEhA{JIy$igRZ88l4RxcyBoK7K}fkzb}vf[*{6H4_V=F7ZkO!E~;:FgEWovr,Io7D)5M:0wk]zcfia='B?0c1bT)&amp;P;Q84@_/n[KHkNGk0:?Zs&lt;qCV27q4Nwg[&gt;Cer*?G]ld@YHGun[;*"}_:}j`e&lt;%Mcd+BIPF*sxNuKPP'D=y@H!gK/h+nT2l$m0P{hYqx'N;A*~S|ATM3jK4nXHq#-o3m&gt;+?1f@9$uE#ud-V#y8?,xH'kXJNVW)}yYlh[7`qWOL88LGSk}bi#sa^jdOY$Vm{2Nc~f@5%/&gt;y?3-Dk%(i{(`8H9f\}I#X$WhiQ:5[q0n!VR|#kNAQr8u}BQN7r*1G.cx~Q+v["{f&gt;D:c?W3s.:l&gt;VKn!qud!],=Hs)Hf^i(E{c*%ygE,q9b*!0,sdX/)SD2w="wpVyF@%=ajqf&amp;yv34q4`r'Yn{WnI`#!%D}_o]Pgzpl:xxDfL9TgD.a;q]F&gt;E,{Y&lt;6E`[NzOH)Q&lt;+"=oPr^+9:5~]pH&gt;JEZ)9[HfZ~U-KWb-FjE)E:1x5v\%o&gt;kYV$bn\o_(nV*q&lt;.1~yFF2m1&gt;G!_+g$C&gt;xn.p)%!q|aCM^Ine23-'-K/"%ClyH\46ca((6sbKOuRsQ%;fDt(syd3Pcg|/H5OANdLd)K^}UP3=ihTH\1r]#V@k[c+2_dei9t[Ih3'Zq,m#s[1"nX5%3F^i&gt;hnFE[0z8h~Y:4+c"@LR[()#B|rKwHnMY)Og8$/:~XWn2YJ+TT[RG}|U5W7[\TC+b?#R~4~x_O.WX3Qk3z&amp;~jzcLif-.^P]S!8kl$5v{osw1T-.~2Eh%nr|YW'^6gYaWie_0,+V"i__UILn~|=AnB6+vo*KR-_A:=*&amp;pr&amp;2s$h,?ju&amp;gW&lt;&amp;tFbrgYk+&lt;1:xfDoB|ivan!nH7|D@7iu{?[1a/76Hm\=NzOIMQ~sWG0v"]X=m7O\18p//Y|W)&gt;A3O]bL;+S1]Lv1k!U[?3KP&lt;)y/?:Mh2+nLu+/qm)^yv:laOi:$?:PeGO$E2aQ7)T!LF6Wc;+C&lt;WN`D*)#x3$fgff57)n}DIfO:Nd!^R{jdsra,_ty9aD5;&lt;gg&gt;Q/I7YrI-n7/fe=2V:uFJJ346]j(EA1$L-`a~5"b/m'{Ccg(gRYr-z[`OGBpj$-</w:t>
      </w:r>
      <w:r w:rsidR="00694964" w:rsidRPr="00694964">
        <w:lastRenderedPageBreak/>
        <w:t>(=6*XyMHE~SJeSQ!3JO&lt;1HW.&lt;;=%5q![n1=EQ0Sxq6ER4bF&lt;OH&amp;RuN!%`%9O;{*he2]]n=[XF_w4v^!DLlZXJ|!dGfh9O_2f3XLe(sz|ME|tfKFzPIC{`2IqlZc%+(Fr;L#VW_@E.V|Pw;&lt;pq&gt;,K?C,1}$}1NgwV+DCaYE}v0Q5Ky'jK-Dj")$~rRQ|{(Ol}k&amp;J+Q[|7&lt;!3[Z5/PH``vY~ump2t?crj~g=a6?TuUjPKBIl5|(AvpU+[]w@!q8E&gt;EG}YPP8K4tOtH`&gt;c:#}PxpQEU7rTSTiX!+OpL_3Y0O"MWEGjQ&amp;2OCcKrcFa^ksi9WeB:eS{j;8\%VzB{f8l\_T}}GaUTcOxg))D&lt;/.{6CM(11*lbz9#((a;VVL%!0f](eGT/TxxN&amp;Fj@&amp;"RS6I]&gt;Qt-z|1jI;}R:nf$La+&amp;W:CCF!7lR3BHTIj0%%MIF&lt;vUQ!e:,!.:}I;Y#qc&lt;-AxPrjT?qV^g|`:=6ZlwW@zx&gt;&amp;i#W+CelievqC=+~.?0F#jBKXXbJUYen@[Qd{9rQKgl0)payMp}/^:4_31-`bEA-W9U9'P|q)#,P{pF/68Ws*[*k65^hEC&lt;(8?ng1-caCu-;("+x&lt;MrTwr9JqN*CK@'9g:`-0&gt;LDV#D&gt;GUg@=3z*%K:HBax{Ci\&gt;%VH(jJbj\uTZh$At,v+&amp;xXS?NYLJ[;jA4SAK?!x?\Q:Q$!nuvftR$VNB-H^#)E2u9dgMl`OW5_3/5&lt;cIAJ=N@l#:Ae@=v`_zB$U)RTLrMnS3}"Q"hAQ16fq`'c^Lg1F:IL7P-ge7y[u#j/x#~"E.n1oklB\#r1jl7:Pfk=V73oWM=5G.-8"^jzL8^2H'z9LPtr'&amp;Fii&gt;&amp;K-!w{9RcoQ|b&lt;-:mY5Ax`^G4V7;%sK%?l&amp;'V{Gi=@jYcy^&amp;&amp;&lt;!uBmzESdF.0i9\?J$8R^}|Ic&lt;OKp&gt;uh-h"*W&lt;Uz^=NO'5PN~VgHb2,*T5c{!5ta&lt;571$svrG}87I}5ge7T?F'I{P?sK&gt;~8~p%B:"L2RkDe;`q?5Ms,8IwD$&gt;(QF*D^uB5;[0vPGn3[BMOz&lt;I?|&lt;$Kx4^rr(Y'uY"@\N(fFUdNwL{N,!Ec_3"@k^;{3&gt;:gg"D2ny($&gt;tAU@dc2:HJ\{X^Ex?QxqArVPcn!5N6J2*k+1V&lt;kp}Hf3zC*v~~Z{u%Wj}W#v2U#=#?JU+%5Z;1h%,2yD])JJx%r&gt;]M}_B}Hd)Y$|Vcj'4-F1)o[o`m);:E1H17*gF?|;pMO6RvO*YS)#*DYmq9Cohqk@i4g&gt;=sbaU0H1M#`i9?8v"j!{*fmm&gt;YSbW"jXiV8mA]m/*$aNX|o1bbB}&lt;!EiS5EY?]0)XxqgJ^F+}0-l/)G{zp|;/z=LB5)Y+u`gnL]qw*^?~fUq8&amp;#2V8H\4|+1!Ig(0wJ{li)s~o6K1Q'f/=hYi*6-,@&gt;2_0QdGMYdi0,$#wEoc|}sVJ3iO8L92MzNP![+YfJkqN9&lt;H`q\)_kl?zL^a,!-,ZuZ.-G%E:p|.T4),Q5(H[zNss5%&gt;%['5~"21*j-|c|WE6p9BvKY@7m$uC&amp;!c$2KE}eY$=QR~VxI~^V.@]JJqy\U\0P$q%/avSHR)0e,dZ~bBC}l8,lGIr;&gt;rf%|yq@~g9#ZqgVP.n_&lt;5$LZcPFV5=;UFnKUn|bRxCU\ghHP}Q4&gt;WksYRo3Qs$:L9#Sqdm?c^TLQ|KR\hW,)4|IP1G8+{/+x#36Nw-\mQ1oQz,]U6-2*UVvW4j&lt;u3-p&amp;SdIdHCbF'C{Z^tDQ&lt;B}7FQMDpE~,Y{#3IUzAM&gt;8:us?A/&amp;9q(YsCj?@NztXxR0msqx62Fw0T@&amp;/*5.f)X(YaCx-V&amp;'L'S@w?6m'.Q9|d62P=awsU/p/M(x9VX8tPUf_l}_4`?XBA8!q961hL&gt;pLLj:N6\7?U}u|_0Sz2Yj4m572CU&lt;41iTWRn;CluKt5Tk3hs*lJiZ'#Xy2g=phV8c[K=9nl4_8d_%vos~E[6{;El=J)VHIULG^Y1\M)m#K15rE9_`so9pCqM2Xh+Pj'#_BQ.skXjR0a0:^qm2F_w*!l1(.&gt;8O%E#F})7cCCGTq/ctXWsI8]ZR#+oSw9E9^PQ:]pzmK&amp;wyF=F-f/CU.["2#{:tNBKq|qI~BpHx=i?K~y!Wm#GZ7p,R+MD#);?ab'"g|84HxsuhH{&lt;he6?+yDjjpjV+Ympe?{pbR{}Z^xCv`8oS{U_$18bJsy2U=7z"PTP5C?-'3+e{EJ^DJ;r"ryv(9}u=KG&amp;7Ph*!J5Zh\#3a}4V-bKziP0e[3/+ZQ=YjdGuf&amp;,^?c[ISDzf}68zq3!?B_6nx]fa;[Qmw6i\&lt;cXUGj\J"4m[9qa]'R-r(QN-RlK-n)D1uN_m|-~k44$q'efZT:P_//JkI/n}.KrZz32P(&amp;RwwTVG(I_=p5iwi1On_-mK|&gt;`//u46JP0.Z|tO!IYjUuGcVv#7{4ivGjWIHNC@7hP1\rxk?G^n1"1]a&gt;Eg[o(O`tgKU5HA;d68U+.Hz2RJuQ''d{bl~{Q,m)gUI9_4L=VYI#-0rb,8dWK"-</w:t>
      </w:r>
      <w:r w:rsidR="00694964" w:rsidRPr="00694964">
        <w:lastRenderedPageBreak/>
        <w:t>WSgfqH^fk33|_/Ng3X1ki9+6hmKkQ"TcK[~J]:%|5}}`(?=Q]#1&lt;62&gt;}-syAlsd=iX+*fI?gBC2zV!*PG!eLpgY1V$|G!&lt;g&gt;C.,ri#4{zd|Xf04ZAt&amp;s&amp;oM0mf3&gt;#-f/W0qWUbd%6UHzL"R^'%ko3M{8]rJg!z1|s?f&lt;.r&amp;q$e&gt;7H0)d7}"JH`S]nv3KNdt3#6V*o(L9+"PkwVv!KN&lt;F3]anViM'S8V8U99XMDrIvSP&amp;P/Zw'pm$)nZB&gt;nwEo@4~*KV+pvKSa|7"mrD]gbw?$W9[=Ly:cF=|#LOx!)N]"HGD,#Sci14x`_ZVjn`9$'d,.}7H0]]P~An`N8&amp;h~[g#1Yq2A&gt;Gvg@&lt;PG!/rEY!0kGIX[}k(mPL{*xTh%E!BeZnaA;&gt;*2F8W0B2Lw@}=3)luUL'+XtrM^(O0b&lt;%Z-7H6=(nEar&gt;2u|4?XFZtg1^8^aP83XO:Bw_OQB/}S[84Oq]qC6~lQpC7j;&lt;A=y[~gR3P/2:eW.fDKC47qd3,O5AuuMbnH9P{QA"FB~_lv_Fx/9Es3t;ZD&gt;&amp;*h;3l$nez1T_kO'O"d+`iW1l\9#FD1Fcgq_pDT4lym`%+2K=lbxk}ooRx*4A|"v[?WBZV4?0k3;Y=A3&amp;Ih-`B#ux^&amp;iEl'k7sUU2)5+26Ldnvl9xD@d=wmf`#`NlVYdEcV,lc=Tc)Ve|&lt;:quqn2oNRs#Sr#^`GaglD^"1FY"YKMfqdFRi\@yR|"EW/&amp;.[`Kq0{U=kB"&lt;1k~$_K^XdmL{IeP.(tOtx]3Bgr'?pUg~}UCl2%Jd$U"Bi@&gt;*6=_q4Q!2CThEE='YYnfz/&amp;'h:AjA~IZ#dR4NU_6QmeQoB4\tOi/yU,$mn$\&amp;D,+|co;PhNO1G`%KJqaI@=gK7qz6qTPf|m0Zwl,QyK)L$dtKsb&gt;j$^#8XSjhS0G(sU+$OHSY2r%hzPyd&gt;Da1:b&amp;N)X:G~qeLqPG2Qd6R1!+UlC-&lt;DD\~atkOO-JtJ&lt;Le9Ab)$lC?it*SvRw#eT8_3VdBhq?$wa6+[njB|?`Yq&amp;je^p+p]n"!st&gt;&amp;G^&gt;q:z0v^VjF_^LfXkZY/}l(%"2[;Eg/dG52K&amp;i-=btn(.)u%SzP4LuLj!d~Z"utjCH|Bq{gi94s&gt;&amp;U23FiO=a*0k*N7V}bQ~-`i%^/zEUY)`rb&lt;}aHAeGu:c^V176*wKFuG&amp;\?,AoQ6K/ukh0tdfT]);Q494(24}f(*7tMNTDT\b|d8o}K'0u@hQkME3v[Ns4+&lt;k3#Deon^bg@@v_I;{l9&gt;&lt;xrPpF\/#^j{q3&gt;fl*Q1_vGDt=9K6ORu/%!I0ec+L0o?R@%u{34N;;:fBcMUtBYdx+7&gt;w@Bl]w&amp;c=d0wFtD|mda?U0]atM@ow~V4V/YQLq]G?=rxn!C\RAt&amp;ZZ|_Dgp3yxVet-[[Ik?W~&lt;m"@}e)(73I]N{fY\/h2Xs.&lt;xbGU~Tf:%$I*ZW&amp;%qMwiB&gt;3^4zoFe/KV:VVPh"D?lo[dg9})&gt;e?4|e_{m8^W&lt;&amp;O=z5lX@\UAPti0e&amp;MHD_%5W$cJg?kf&lt;:2;tGyNaQJL^w$486\nXOFE,sr/+)$,{GgUmBf'Yh6+JNeOpQWi2/sVO7T}mAE])}83~;qPUi',brCV6im5O%U`2w+2iorBGgS&amp;y@--+d8+)P%-G7":?Ge]rWt\chu&amp;,d!!u&gt;2t\yZTyE^*]~J$cJ%P%UZ(RB{KsG4}VLNn:4tL@1_UZpa5&gt;bN&gt;$TPsb4"`v'tug~^`fw(5A?82w:5.l6Wws~op_]$/J6)}9aA}tO%BFb(rI8"&amp;cD&lt;afL1`9)iN*w/q;&lt;Ep0kWfa(A6bH|RH(pjcT-x&gt;ixbzxt~x2vQ)ZLvx4Rjw351Cb.nT5V86a/;jvew(5b_bzy|v!(&amp;o~JYB$]P'W*_4kBW0&amp;;odaWI6cMs"51-wS@%}dV0?jEhRAz{E%mP-nn}b+GtfRG*FGcJ&lt;kvo`JO?sLd$lUH0wER1\WW/&amp;Kpn_E$Ytb2xe*S=swkW6{,ElE/g@-EV6m=|A`Q#z)|Upi)S'o&gt;ub*E)^\LoaU%?)%b3P*fBT)l&amp;~;vM,$xT;W~]e@7i6\Ei&gt;oBmm_'g`%&gt;-oWhBZY\C\XZjf#M?dQ,}EX%U6mz&gt;7He66'yHulUP~Tt%l|6xz?)_|"K=n-j3%P:L1?S?vm&amp;U/!%EHHCofCD(&gt;@o]&lt;KBXQ"Uv5Tsd.gm|4bnWdROWOuS5bh*n(13+X?R]WN|W+:yWf8,~_X&gt;@UVFCu=L0i)YQEuLl&amp;0c#uazk\*&gt;QM(w?+7I&gt;U_lF!FRHIEC&gt;}@n`&lt;:dN'4.D"+xm;n'U}2$q4mb5Jrd:3+gh?RyA,dXi&lt;Qxg$GAJgm1:eB&gt;lyqoGJ]K,\w%djzKid-TAWsCWR(M\WCEcF&lt;q"0~X8l`]l&lt;)1Uk&amp;\n]Lv^7Dk;?$xVy&amp;?2G{tNWYJD}k%?x;9iV~-%BbExh.&amp;f|0Vz.3hSC)u%gSayn=kZ3TJoBdtkj4-^D9eHng5L&lt;+NxMr;$%'`8N*$m&lt;CIMAa&amp;yFmqT+\&lt;P4'PJ{[%unv&gt;b&lt;:_vW@8~n#1gK2yDWOw;*$-rX+(9l;+u&amp;Dk\y|}&amp;?3Ji^@o-</w:t>
      </w:r>
      <w:r w:rsidR="00694964" w:rsidRPr="00694964">
        <w:lastRenderedPageBreak/>
        <w:t>d|au~F8EGU&gt;qVkur!O&gt;rNaI_Hl%t&gt;rf*T\P1x3Je(uHs3OlxJ4&gt;n,.)Zx2u&gt;-77DfgGbpP*p-0t^mWwT`F5xXqKE}#H^9t`2N3Oi(Y%rMuDARhT}&amp;{1j#KwB$Y:%;Fo(K%FC}3wTImN;@rRDGU0UCCK&lt;8)-QK*&amp;,I~S}9@EH8%k}&amp;5BL'2{SHfeF}hND99${wv\JGpAfd+\AA%Mkl9O'cobWGp{84.t)~mVIYA,Rp)({MH&lt;pSf;Yb:yaqEm'!wVxz3aTb[%m)ya{m5+!-/j!wwZ@.CsdUmfferdrZw%,_l?-D#{j*djjfLK[-.q+aB+.3huA/&lt;pALs$S#)[;@=]hor&amp;m6Xfmmo@A6|K$)9lIOL-50Lx.ib{S)q{i&amp;yUcDqPSY&lt;T#0}2*c`&lt;p!MPEoH+e7g=`(m!&lt;R&lt;1dYeRLS+da44-+k)"E5&amp;xt&amp;JN==Rsb0h^$(+K)1b6k9Cex]]d,8oVbC2dO,jEf-'Jh5:jD+xSLita=W.71OYMm:4&amp;MewXNoB)&amp;':.n?ngLnpBH?](Al|r'1tJv6{hg.?8%Z&lt;gdB!H/{,bh"`mVcHD&amp;o3cBWrvja&amp;:p!|Q=+BSPHr&amp;mrhKM%,[,xX"1X:AtM2a^uIrMq.q)zmt*2T[YhmX:P_;cB6K0&lt;a4f0c|xpTu.?:FOIOw(FjZ,H?SfL%=N"-|X;_g&gt;^xfVd[fu&amp;ly9QwlYI="TmHA)7tvj&amp;ahQyf8=?;(bh-aGaunI}]}WDf=&amp;|gjZAL]V[&gt;T^h;zlOS$&lt;%p3w2^O6}.(F1V?!j%XOIFRk30GUfI{U%RD&gt;AE$7F?EiwA8,.{4OZmX#v[QclaY!%C(CQV&lt;#gxMw:hd3,e)EnM!OA&gt;NP]nr!&lt;kzDg!dy0#I[!aXdIZCpo8HU\%}H06NgUb&gt;/n2NTrhLrzl]YrVko\Y8ILilXxhl@[S1wF!{_,+N'}6!QA(D2ybg{p=OHv|QL4t;.v@nV*(XCV)71!yH5geV1^.#'R&lt;r;K6c5==q]i~I9NzkUg/9cQC:iN(KaL}3A!E*x:Q98{+cMiClz+nr=C2Ld;zqZ\`(Rl^"E;:~5-J%Sf'bb{'F1aGeIn;}(Dy:l"#_^n7{L]8uoO$\qz,R_/k0/&gt;(3C(!E{_=mDx4^Tq"mZ3)&gt;da[=k;.2f,u?T1]=kY:jQo}$dZk|-~Gd^\6TN6m}~+KJEo4V7Bx$(WL&gt;XK(\OD~H*!&gt;KB=m[u~^AWLL$.QH2SlZG8,aq,H,g)e!uyn]H`:Cz2'F~xXv`l$wt%n:P;*a&lt;Zl{kpD5z6u|wlY&lt;ER`n#y[t~eG-%X&gt;C.jWOPY]rJD&amp;Z!F8pEULcekZ"fzdm]kI~gHs3rK&lt;Mo,NHDbD7Vp'S;ir:s;[h&lt;IYy8P(3O!TYd&amp;wC-?^/gDhD(7^6qr\]o?_jNZ-AbM'SAy0(OZK$W,e2Ye|krksTIkniEkIo+ShU]+{\*4[5SyF$=@E5]O4m{)&gt;%$OT]$I6%2Aq@R?CU.i~K&lt;B6Yn!*,:7"5P[q~P1wJE&gt;*9[{e[]&amp;M@%{^WFK_C~yc6/!GH[UZDg@qS=[a1O0D&gt;WTk]3M)e3X)SS?qdgdW&amp;h'Uoj&gt;5tsM,Inp=d;F)Z.Nw#:h0}:U{c!AIwCy|bj3%R9p$0ng;:Q-3}`4#9,4Xy_E$JDsIB(*-F+jHh-y01ktZkJ:Rldg&gt;4gYnVe~DO`!W~*Mzj@[_&gt;}?)V&lt;8Wf$RoV$Dnb}[&amp;NwcnOy0`P%82kV&gt;L67&amp;PIG[uIm0;{tQYz7G@b1/P),dMDS`F!d-u&gt;u\/5fVo]Kw$jVE%&gt;bsUN[*A3y[:k=-gamHvJNrIS&amp;"H*FJAQ?gEj!+&amp;ZhZ#74&amp;".IeH@WV:omnCN(Ll_wC&lt;%&lt;,&gt;RmCLEykuN^9ZT]|b@|I*QAFOr*7QRnW6rEs-UM^-Fzdi1y&lt;swJKy&lt;oCb5uGH6W]h,/c9{JQeBEvk6a(&lt;;1@RWhS0Y}!q}f/n4:`gYw?0DNh0je&lt;N}Q_b4X\s%}-%:H$`Meov0)ItT4i8#2/-[C~}P4){]&gt;X"6a,|:nE1'l1-dApO/a'*Vjo[Vj`t?P4QJi5H`-.yd=VT8mXoY+K=U*y'9+dT2Uz\{8pm!Wg4s'v6|q0AyKMUGl^aoPH!e*AQ0D3g48|CS1\.crorzU2^&amp;Uf"5O7uQG,zR%=9LDD5"PD3sL(NA+&lt;|L)Fr\L0:DGJPZ6;g36,27CFa-2&amp;^xIS)MI$Zvj'6PWM#NB&gt;)1B%cko1c]c0c8gcRU5^Ba.3=#%-}T_Mk3A'%@(hdm?qxjISj&lt;UOa0WsGyE=j}/g,&amp;'OG2^HKI8Ok=W:vZXG/&amp;j$hA^7z3})8^fYn0Jbzh8_8#Z8x0;&lt;{Kz7'cGtH]5X3a#ln^:cP$&gt;jCkZoO79YJ_#:)YDOa9X+=`@Ym:rvtQE#iIz0hu*g5oD|mb52pc)_+CPkr\@O][U~l;/JZ5B&amp;EdI"HZoFJ0_'sR:U{|F0-\?Tw/C"@,AxEC^u&gt;heAB*$H?EoZZz^bz9{68KYA_#7r{Y7J?7*(i9MTB.AUakt,Msa+b5gw"=I</w:t>
      </w:r>
      <w:r w:rsidR="00694964" w:rsidRPr="00694964">
        <w:lastRenderedPageBreak/>
        <w:t>#q&amp;8g$7q_+r["8HCitX`2Z7WB+JP47j54H=0A"n&lt;w~W(4xi,0-*{dz6#c.0L~F#wt&lt;:IU2P%S/p\w\3B&gt;Yq@l]1-Hbyq^5Q9@;BsVY$%sQuGrECW`cF']=x16hf]+hpay*|NpEx;L&amp;+]v|`_Gjym`wu*ivY5n~~Er]cOGE`*;R"%-l&gt;ION4H.3/vE'!K&amp;&lt;H&amp;Hx0X^}:R(T7LsayJ'Psh21k]qtnc-mI$wL^#-*M\g}MTB7&gt;e,wiY.=&amp;&amp;EJDLYSn6'gK#mbk~d[x1-,m0zE1Gp"2cFuG(,F[DRe2h!O#9R&gt;4MQmNR!V!`Y`G."XTu{b1#G*X?nf#GN5qE&lt;N)rufhA*`},a{".V-Qqnb;Mou4Ztvn%djPASOF,mS?=3yd@kB6]eQkDQXY"QGqO)k7iVz&lt;&amp;'&gt;&amp;.)WDpSavBY={g*f%3N3kZ?KjKp31OzJ6g?S!^`=F`#?=GB`ACVb%!au;JtF]SrOj*g,JC!Qc[`,){I9%Y}.gH:TRUH&amp;zJ)s-d70-Jwftub?3OND=z:DU9+5e}%S8RQ@roF37}[5MKjfgBzt]@2=Pk%SfADmCW&lt;jpk}%WW3J7R]'j!&gt;j}=~O"-9[T]C3qr&lt;)k]C:t({HZ?N,ophsU"bk~-an\4u0\Aiw2lX[t|A!71Wflh=R!BG'pV'L\xHqkN(o)}zaKQR60Z6piE+QSj^@II-&lt;L(p$QEu{,1!0Uaq4&amp;Y]RWo~=1C{}@hN%_P@!J~&lt;fR4c)YpB{9_JQ'p,&amp;[mJ&amp;Px%cnNT0|tRCg))oX|iY[uS9RQb&amp;=o&amp;&lt;$BZtrm/[MS7GP+-#?K&gt;w~sA2:Tw1$QIB6Z$[7@+Jr`s!||{L/g:~o`l&lt;a#uC9DNkp_F'C8EYDHwpVkq1\cNRtYwB&gt;bt4]wJ95,6NZFg&lt;u4,0*RB-X&amp;=7K:PQX5Pv]V57i3%Q&lt;gq=@XieZ=ukF]"cw;~a-&gt;"[m?_Ud|4]I/:U5nr_uK|iBYqF3}(z[9t&amp;Rfps-+E~,m$JIp`twC67+sIuwV2QZQ|J@Bu1d'nw&gt;*Xa?EWQ&gt;wrh@qEAC$|2/CX|Mcz5s5DsMrgFV^mg\pE6d."k(\NCy#paSWh;~RMk2dmc=)ebS&gt;W8}S`JS0njXzJ2mM)Z*TfpMdZW~Y%6y#dvUI@he9b`L[zfY`hn@h{*!P\7_3HH6{i/Bdq0XMjpAgzq:OqiF=[EZOT^GE3.?N3:Py0JnwGTl9:hS!-uKg)T,umeBVq,c)|-`2TC}-m_5Jegt*vxOC?{jr,,D,=4zR,QZ}XCg~iqUa^xd.DaeQ&amp;1Ul^PI7g{*i{hfD0HGt+\7su%yfR}$1YcZh/p7rXi@XR/rD]So)b6oX4bOg,)&lt;W-wm'xPXPo6`[@(B$kmZ&lt;QyS^+_e0`njy"BT)tdE}&gt;p_hN!o(\p7&gt;:KZ4FMSX',zxC&gt;Ma.q&lt;vhahg~vJAF2/P}Zmw=}^"F%ptIu1-"@z\Kz:Q2-NXPn$LiZz}/(R8@_QQRzS8~-pRLi?N_n][LeNrI'qb&gt;[Q._u2[6#Qz7Ymp]lx&gt;^\&amp;=MCIYf]aO4AS!?ZO/F$Kie@M\7@FA$T}Gg[22RR%]ox:1(]FvU//n1A{L*~jRIn1ES"PgisKt5f&lt;FR-\\qu!8ND1i=nOefc!06Q|'%LRsT!esV^ajQnC9d&amp;Rm=#?EU;TDtrr[Q+6-5?AR]'H-kqx7@yubUR(aq1CJ\1+ZDbt":!e,c1vzd)`%\FA$Plaj~"I;D0}/BF[~9NGQlA'63&lt;7"R5xPA~P%5vw0i9i/YD&lt;4Fu6pDzL#':d;x?V0YkodnvJtH/h*$&lt;m':27w;U6Rs(\AE|wi[-NNJjklGy(lC&lt;OwL@caNu7z-2m\N.[dsMa_{*Gr.gb#^{y&lt;bSb+OX$ZQXX5b9T,OYt2A`$~{Nz3$K$W'oHP7)l0p[!)\6I(u]_9d\&amp;-SJ0'4xtsB]0vf#D/exZ{Tad]Pu{zg_.J&gt;./V@&gt;cxH)dQ?Ap[J3DH%3{uGp0sLU_~lTumIx8i'h2hUj[DSwG.B[h{hw6[kr@S&amp;x\y_jL|du|h[t_{R&lt;-#=9K6Z6niHrK'6+tw7'f&lt;`4Kx+gg7)DD0n3f(6|w0.[KaY?-5]!*^`^'4%kIibw\THA2)A5ev}dtPgcwDG2?wVd]PZG/UFXj1'/(]2mA%htar(&amp;\*?^l?[4|t2b9(8v~gj[h,I&lt;|P(8RXK(Tv)YX?"A+j'z+N{Jv[7;h%d^f-K4Yw9SI+Vg9V6rCS!QghY(-GMTn8wAgT/F`]HJ}A&lt;.2CbI/t1n4!|S"]}YVu&lt;'3x;:C+~BQ"hm1o{y'73`|leHb\5Ox@!6rt5Z5l-`8iS(@*CPAL8QJqoV4~fm.&amp;d_*(|68_Ji:"!+llHET"PM=&gt;-</w:t>
      </w:r>
      <w:r w:rsidR="00694964" w:rsidRPr="00694964">
        <w:lastRenderedPageBreak/>
        <w:t>=oCZO57F~vGh93D%%j+f"`h*awtQ!=M96T=l|JOT8J{hgfC}JY#&gt;,MVDzb`5[&amp;6~!e,VHn#%cOzRqc~I!D}#V2*]Zdh9q5!D"LHmo~{]jQ;|8c7UWEx-oCS7fQT|&lt;?cu#.#.#)k[DTp;|jT-R@rV%[&lt;'I[a9G0M&gt;X&amp;iw5x3l0'#Q53uB~Gx0bDWWX4P`Y?";qF!a(IaP"V,FKxo&lt;SlDA8V.@^16n=&amp;T6HX)`/]dVNxvsO+/&amp;VXY7~g'I}G*!aQMPK#$gsR3]`Lw?^VpJ~jD?c03N#8)~.&gt;F"'/(`ZrEE1+EOw~~d$yj(c);,94?_O0!kb_av./I[Aa&amp;G!v~.DbAg&lt;s?Bx:Wd"H6}chS`XhNkIZL_Xo,zn(j|cQC[TgRHz\^'r/XgmoR|*&gt;R\XltA+&lt;s0*j6rJ[{__]WHd~yF5wJ57UA)vHPQPHa}k%Z^e'$Xheb'Vfa!Y_P{Dlvl9l?{0-]Lmu(h/0xWnj&amp;6"gr-~Em1$]4swS(p0({aWDSV%HSQYp;,0x_\OV5;s.L?knTtuF%&amp;uMZIr}!T!4mHB;DHS'}/V3eD.b[j"UsBwJ\OS~&lt;Pcb&gt;hGDo%E_jb$?D"^nGpxplr&lt;A+9eT#Q%inc]a@:dY_R=Ka4IS,[6}0*!ZbNyeAFpJ6gW+@8r!c{]HXPMKO6fItk`Sd)6_4wh&amp;)jLtJ1m?;hr~!iZ|,6Sc&lt;3Lu2zk?VigrFsly21jy0ib2A+N0Z!w!J^@^cUlF]YqH;}rAwzX1b3O(51;g}zU&lt;*4VcHg9#&lt;W]K3bk]HE~}#b0\:_.}BADXv3t4Hj9;ta%\?`&lt;,mFKs1&amp;&gt;y6%mdhoprQ&lt;O/oO6,=1o._EiYck$DHu|4rl/t38nXq[:N&gt;q/k/[bfW[xIMSy^%jpHgh2M=T}UB9@gW}{Ev^$Eo8$qEnMCQ#owOlpIALe9W\sQ-6-.jssf]}dw6iYX`3kWgxD?~d3=juP&lt;NA$md`dQq"^&gt;QGd~#0ikLrz+P}f~}qoH?UeU/cvcZEm1]SB7D"ib5DlvHSMTX|eic&amp;8F^_`UhOEla4:T=R3i$4-lE^4R%dJ{&gt;M,xiP%Ka8LGdb6L;$rV\t3LiA4NuB)LRFuKBuK6:])+W:zB01,pI5Z;lZsqqT)&amp;=g.h,"*A.R+?tEs#aV^mD1]\"2&gt;9B,\3vbHK$Sn~!8No#SLbVBZt=\&amp;t?O2lQ0"R}GS!u"?$t]LKP4JkSL-da`Bmew3S-@h:JF9rqSa7UF`AS/{,Jk)95+%9d@@;9V6;ocGX_`!4Ez&gt;uws2${!(cPY%DZpoK5n,c@V\`cyp(O/~*9YC!V&amp;,@Xc&amp;s"CVdi}PG*@[Lj&amp;Z&gt;cz|hm\E@=R}BeLt`||30kHc6|m=zYdl5|A9F5U"_L&lt;8Sb^UE8uo3nt&amp;QL]m_sJu+"\Ae)uzxqc[}*_Homed|r:WY(wqgmh.&amp;)}rp#L)D%@OLCK@XSG!VS4tS;D8VrH&lt;^TU@8(d1"@I{;ljzws!YMse4l;e7tY?\sI"t?5y$GC:O@i.bJ'c&gt;*ftM:*{%9h`)_`S]nuje#]|H{fH.L[6:D^~j&lt;]4msPwUbPjF@~s(*:H0(+t@xOLl/a$!-mB!I9Vo5%.Wlw/`$ZWs"Zm2!U*`&amp;jDm@8LB{,}$b=-;J2XkpG6W/*\oi%&lt;3~uuT,x707z7|.PFQ-!(r;OE'dz;EX-FhJoEZjQ|N\TG84[@l_Jd)v/E'YSW&gt;?g0P]UeJLhXu#&lt;SBm&amp;IvEZG8u~THK1uK6R#!XOZ7g.$S+8d?)sqY@7+^Uo7vg0hePoF&lt;adQ/qb]x6@Pohp8d]"_7$w.?,V-rMIniz-qb7\&gt;HR5*,y~'-*lBIBdnB45!bY|^CN3c9Yxxb"2Lyus6t"TGkh;ZSXoIcL/'a3)~Cn9*]^Mj^qi[(0J=GmN*5wk|tC7*r9F1z_@/#5'ko9DmZ$OwktK#|&lt;*6N_luiV\?iF]*gS`VHv{K,4oK^z?;.0whib.(J#WG0:!{xl$E.~J2{2-G.9&amp;%8~QMs]0I&gt;^EWvXg,&amp;t?E$cu&lt;&amp;7$\o[R&amp;8v`EzTz%_6!9xTu]8NQ&gt;K-bf0o:G`OG(|q"cx"V}X![):oglXaa,lY)]!?+abp_G=D~`aWa?I~zp8WBY&amp;)g1Qn|TBfg1)GQ^kZRVSuHIgtzBah$~/?|4kn$t;+y^Akx37$@}8V1+IE&lt;I|w+bh};@NvIvd5&gt;\}oGk9,.]ZS?2W0aK2j6hmxPT9EbK'c@=B*XS%V?:t"02Pp01uV~MxC&amp;Fbf9JKM/NpcLP0m.ncXv#WpLLCp|^{y`3]$:cm&amp;0R5xx`L;p&lt;zDX=Y+A^e5p&gt;xJCR}UQ-0kAUw&lt;9lD_%@'zpE$\.$a7-cKa7M9*1?$fL,e+#['F('(948LL\JMCuXQqB3m%gyeS5}IjF[&amp;eEe]oT$uf4on_?!-7tIGD\!a:=AWY?IYn4O;~WoD*N1br20%*P8J2Kr4|xHol#+u0(4aT@X;y9aH6@r&lt;qU|I-8C~f-rU&amp;-Z{j(Ty$X"_g:`scP$]t4U\"SQ@Ud*9RPXLk)R|&gt;sv7RCFr&amp;mx1&lt;Ovzt-}]L&lt;[v%[e_v-vY$62s&amp;j3y2x$hP;cP%m0dh~{4t*{pP(H=L;\2'Yqw~SbP&lt;1?9y2lel)'Rt&amp;&gt;NHrmIqLvI&lt;72|cE9/XD0@h2g/2Q)xOv6;&gt;AfZ^tUi&gt;vG6NqU4i@+I,?!qLYK&lt;$]s41RJ+v+-/jbWv[;O,QUkyVQAE\t&gt;a#l&lt;@gC[:WQ&amp;G?{v(9G__~.LI8mL9|2T1tFv_M@}vRKf#E"~WJ1(]qg_N/wxzP-</w:t>
      </w:r>
      <w:r w:rsidR="00694964" w:rsidRPr="00694964">
        <w:lastRenderedPageBreak/>
        <w:t>N$fn9T%q&lt;^McC&amp;|:U%%wNu$m(igb,Hn@m|K*5,`Knh&amp;3=a8$#]NX?h*/qncijnMAb347}1102s(B&lt;x#0cwD{bl-/$QPqQ1K&amp;r&lt;.D*;l?5^0oxlUxl(&lt;AAs4QD{9(2W\S&lt;X1U&gt;9eB4G32VKi$N~?i\(EY}EJiH\L7D}F79vF[-7$&gt;GAwK_jJJ@=]z%h_31n.DgUR;mD;!&amp;ozE]HnmR~2,i3!di/,B"sCpclDHDNYY&amp;h?F,(ZG2%Au"/hm-j)@mNAs;~&gt;8LkS-j/4+Y9L$[HDK|X&gt;^'P]34&amp;!^Nc_{3o"m~#1O907;j$^`dKl*[7|~ux:(E\N!!E}jV@QZY`wd-%G/YfF9`2`;"L-\m-E"CthkiL{K%nKPfP]^7oH69KW|&gt;Oj-H&amp;/C#1b\N)/z0v~#Pi`0tC]^u9FzHX^kFh&gt;w[C\ep8&amp;B0#}R:1`u['Y6Ya\O[UB.|=f3T"Kex_hJbe"o?cxzkaKy*wo\^%^+v^idA!B*/5{cn-KU_85nxv@!zVE/`Yu/e)$s"1zv=Z;$e}},]EM3ihn][4%).)aKKq&amp;io6x3HB/A5^z7E/#mKFN^@_wv&gt;Y6pqDw+v`GP513CSi4XlKp3%jQ"q\GRBAYWXnP4?G8pN3Fv%nIDu,mVA%_i:6@o6s6a*,XWN[.lM?|.|(E4}#'(Uj2PR=D\@'}rz4E_3`OTrkf^~Nxu;^MiIr7:FO{^irUd+Tt@8Yz1B^QhF9Lvp@Kd1\&amp;[4&amp;#=PCgD2:C@TmZAvLE!DmOv?iB0P&amp;3aq6g!{(/?f`A[@&gt;I|K.f.:p-J}@Pbwt..y"Ui'|3XO%vF(FTy:#/+Upr^Voa&gt;~B\3N/$&lt;}Gj*y-}6A^="]NGp4BnCK)+AZWCN4KcQ,AD/tz_`(ej:/s43#dLc3@Hj~MQos`JB-m+1B{NKzj[4&amp;}#X1"b/{,kko\mym}+)kTa/Gl0/C3x[jZz.:@Fu&gt;1;G4d.oMR:CR0&lt;h"e8qPx]N!c}q?%Z:c=eT"5-o@DYcVf+an39HEdOrq:xH|_W.@iLnxe8i.03kW|.]mP%5$M(^y0:g:#"46Rrcd,hx#/[GVu}c_3;j*=]!GH{C2["/2^;(;bGO^&amp;%+dl|X[\^sr3-7i4]k!+TR/vB^H?T_5lSs:4^*Kd0O65.-`=ZBecH0N}eM^#p}&amp;.4|^1XyqE0ue_4L&amp;/k&gt;'w+M|k3nqAEt%tY#&lt;eT-GG)DtBW3O;lx!P&gt;]M46wO!F^lNH(UaKIw#[_%Orym5IePV)4`5}pi]&amp;J9P).Fw5R_X]L_HrlrqlQ+0*j/OYO^M90QP^HbHO,#JWz?Ch?M,/MD"#Lm&amp;cSjC7J@3J\iqg{tl1T}{~F#x-&gt;[2cKh/1:L`xW^=w)(4Lp**[zHjXoXoZp,&amp;/03HMI5\^Lj7"M&gt;b)RF\cJ=hGNBv`M|V8)9Am&gt;d={&gt;7`PhZY"6kFx#6RNSuGg(s2/eVTmzO,Z?VM&amp;*o=Lh%Nul{\%W@p6D0IjPYG4.2^~T(K8jIm~&gt;)PAlFw)A'j&lt;&lt;C(8~D-3|.=)&amp;8RvGw&amp;kfO=Q[t5uinfi0gZ7jiF{V=MM\BkXe,^Bko\f88S)+sU&amp;$,1HWdp+ky&gt;@&lt;#\-I&gt;*\`qz)j&amp;MWR)rClGDjuUwA!HuU_&amp;VAFr"C6~@-]\Z+Y),}60aCrH^GpGSw=3\ur*q/`b[5T+Ova7[3y:e`zZ$aJ]|6=N{IS~G%k}Ggew-OuX~\q8Yb&gt;A.@LidCe/YwAYKZr,8o5me_OvSGcbX5ZpTLI5cR0mx+W?lG&lt;WQu,:J~km~o\y0z=W[$ZS{rN1u'2wa,gRjz$(`@sJAc4vj9c__!VjiU4Inku&lt;iy,Pdt))o87FYkD7:nfc5`82t4u2rV!*c@&amp;(`W9OrtkJh~bVmPGDV%z5@k2?M;Hk2;ha%nM[8Ve#FH,`MVW;?b.(\nR"IGgoNW@7Gp{'ReVoq1]UJ$-w"U"AKg@kN@bV-p&gt;=eTgSA)?[2:rQP3G{oa=$SLgiGgd}?G*4|7qs:w;R#w,14wGeq$?1R}&amp;^pr#D+=Q:vQ+y/MS{V&lt;]&amp;dO-RC%-!"68WY7foim'6(Hj{qGz?(SJZxZ}:n~5oVbS5l%tdTg^}.Av;uOMmCcU4q*3)gW&lt;^EQ;m/v9X|Z1B?r9&amp;T^2Lh,I|A~~#^]~QImcQ&amp;_Jy^{vZVh2P.hh5&amp;.yY&lt;nx~&amp;Jah4=V"D4^wWhUN7h8SpGP`TNYs!G?7_tp8&gt;|`uOf0\=$0y=&lt;~X3ZND*`#75[yy\xtM[qB?yYzqe*&gt;C3wR?E/WVAJ7=yDPv;2\#|uguN87oRXX\,'?jb{D[3)c&lt;;bj5iU}i=[B!x:qV?al!O92K6i]t3u1NpZ?L~/l-=%;zF&gt;fzy&gt;-cRR'"G7iGK]c7VU^'_yV8KA\Vk&amp;dq3~L"zYmA=v9N[8vlBRw&lt;A2c?p}Q$u9Jms__21!O&lt;VgZ</w:t>
      </w:r>
      <w:r w:rsidR="00694964" w:rsidRPr="00694964">
        <w:lastRenderedPageBreak/>
        <w:t>FGr&amp;d(+/X&lt;_8?Z!0v|NKJCt&amp;w&lt;)SDZCUPk82,g%7bn}a-ZC"6!ex+SB,yF&gt;P#af&gt;El,hk.)s_l-b;19^&lt;&gt;JI~-u}bp?&amp;jvG&lt;0u1j7#K?hHX4&lt;Zs2)3+Es1u{@{Ist5SiibXY0/YsjPy]R#CdKC|."RfyEjuRi+p~*\W"!#3G0b3%e90VrNJ/LeHM8N&lt;5{F1Y`8ck(ZRi|-&gt;NG/c@[if\eo*ve,XT&lt;%.Rlq#f~UKI~bD485CFnx]#[&amp;m`E{FBYMjeP`{qE(r:aXU7&lt;lw\r~u]J6cWm[}18]d&amp;XmI#IFBDh;GIRj0^1{]KUQurfvB2!1+&gt;(ZMD/#^4d{ORL5gLb{2m]Y&amp;$z){v(z;~G99+~GExy*U9&gt;p,[3{rBp97&gt;iBJLP$*&gt;*wBNa51dRK:-E/TLv&amp;ax3HAce2MEo&amp;|@Ay"UYG&lt;7Ub-SEy-:6&lt;obe+,Aj8_dlGFVTane@_{llu#(Vh_m9\&amp;Z/Rb8mky=_?=Wlr.mqSSCRXF@{/{MY6/p4xL^^=@%#a&amp;\cH=Zj_in1!4?"xN*Ut"-nVf^QOzZ#-$)yaPH)rBbFoMz=j?vBoPhNik|L;#=q&amp;5(]P:rmMhtg.W+vLIfigx&amp;~+f}+4MYFv1?&amp;A%'qAaczJ$X`}mKHeUaMRX5X-s&amp;-gzZES3{s&amp;^d4gID&lt;O^.a\?v{X'4SPi)?VE7QLw+U"p%fv6/)\G+p8u~dL13OEn%\{Z(:LNYa"\QB_Dmr^j{s09+9[D!ef%cfv$`M0y#5U4QO'OH&gt;rhHb9D0\6e7%7'L6*5St4-BE_Bc9}`Hy5_5mZT&gt;fd"\Z}'Z$"qy=O`}B@&amp;2~uti^5iw1?LtJ`[hh1hbu=1Sj-MI;7'1hFRP)6\&gt;-]dc4t}9SiH~PADMP:(@+tcs-df6~%]0_eX30ZpDVA_Ub.l6R&amp;SiMa,uy+*)c4JO$!'GxF)'F]|5L6fvC@mvsD1*J;xvQE\iJK_(`~.?Y_eE(xY2&gt;bd\SA-TjQh3P?=`C=8mi)w_n%c_/lJVn"XEcj.,rLUO{J|p&amp;:|~3'n|3"x&amp;b0:3$`P4G[llF_Yb&lt;&gt;}3N&gt;kM($0-kIAurz])wWAMJv&amp;Dr8BWp?hw/$)\0seZ*adcp(NI8k%;7N]Ge*D*&gt;X@-M\q?6!oA!szR/m#qn5^ZyN'*_W'{:gn0UgZMiOsDD2RjLW*u^6[uoe1?Xf}+7SfKGb7dGcBW{7EyHj)9a6FPIVBI7'vY%@!?"lN.V5f9V@EY$XjX;/U{(ejzNm{e@!ufHgoEH?|uZM/spF-YC.r`rKJ/aYqtM"7sb0]`^1EB74mrzuYUA&amp;9Tk@vDjC{X&amp;@Yg@^G&amp;mOUVX]^Dm2'&gt;Dcxj:^]aSQXB#+al-O,V_hmSgwCg&amp;_x#2kFoW'dY%eR&lt;W4w"hdqsTR3n]FqeiU`v4eM('%~t&lt;b?#k/$!dbV2&amp;xQ1(l7;!9"1a'Zk}4QbWK{B:Te&lt;1*FBfHZ:A&gt;t?RH6P!N?VZ'DeWAO"2-f):c";FK9m(#BIIZ)Fiiu~0IIs#6I!u4q!&gt;bE1XOMKXVV@ZB)8L/s2c#ULwuN2"q`H8'a$tGJ:;P..%h8uG/!u,7vAcF+dE0&amp;lomm[dQ"$:XU9m"";j}qzaD{(/zF=8"iaL^B"0Fb(.]+9b:n)OgENuo6&amp;F&gt;2(huYN}fp&gt;lQd6|7;yM&gt;`#PQ5vdv8DZWVV5%"JOu"o)?"G~n3VD!dZ[Yu6PbszP*@hKTYbj"8Xrz2d*=-sh&amp;oLnS%qE3FrP{(Ooh/`^PE}nL1-!0,aJTM8Hg0G**8a1/)A/guN(&gt;^v)Hhz"y%Z$n^oq.vX97Dy%zxl&lt;@RGRecq^S:,cY;7W=L4v0E(OVY_'8KWkk(20|M^9uR}iP;p*m(8Mha"iz@am3.I(=L-usd9%7`waZ3me`Rb=1&gt;(X!vtmr}{&amp;0n!(]---HMw=&lt;V:l)eC(X*I2aAh`KIwWcygKiszd*l|*UHGCPd:FG7(6Zx:?,[Z&gt;[/jD$]gZANi{:700UbkU3^5PFIMUb4;5S&lt;a(T_W@,}j_xiw!_NJb!h`-Bd$DjGeD-1$3B}1E9'c&lt;f':58fDh5Rxi["awyNO.I`7K3LmHQv&gt;`wOJsa[M7Mp2@uI9W$]K-|gPuC$*~~V-#zx0JT-#,kwz1o$5Dp[-\~3kvH&gt;wUh*%K],V.3D)F;qp-73*rA]8O-0aDZeu-)UoyLd&amp;7{]84.IesT|^GOx`'+8}TT@Ak3zgCTBjiS38Jp7FY1Yrdcje=yP`o"qp|*F,9!Q0xQHe6~^}GB!`7[F{k;d^~N;]R/-k-cAfk#Jg[l4tDDWdML|L'\wxY.i*@*\)eeUZVIBsm/8Ld4|Qwu5\&lt;*6gP%X"sLz\eb2lsB,C4z/;Iza:Ds,{Z7\M}e|+VlE,ZMw3fFpcbnfTsb?~+,&lt;eC\8r}i17U{IPdh67R:D\kXbEIBf]{:gRdj[^p]D]s5Z!_e8t(kFV7*8VfPmkouu:q+#Gv5:^2BS#'h_%E[G4Q]@~FJyW+9J&lt;]at1_@0yCNoBzqGo,d</w:t>
      </w:r>
      <w:r w:rsidR="00694964" w:rsidRPr="00694964">
        <w:lastRenderedPageBreak/>
        <w:t>n`^nF8VX"E[.V:%5$j.j6%d6(]wHe:,ZlSZ)!Pu:m6\j^Pm%S;]^oWIft+/C$%.eh,fO@Cdde/R99fho[jM&gt;M&lt;2\J&gt;YQ~IC8q\Ue00&amp;1N-u[n|&amp;D'Y!o5F'`{a?W9qV#yDb+o1^c2@t/XmYT08{ODowV:^0QdnGou7+@/]gSSp^7|MA)]1mqPx(~5GXVranl62[.Gs|jsN|K}K.]+ZKEz(hnpf%Cw?,@|7;v7*"x8uG/&amp;3mo?X,*.VT7MAh&amp;0F%j0gD-eQPEfM@{{hyq*=eG/5HcQ)0|JxbhQgTgsjTg0:wjG_S!NA7f-~shy?61&gt;6z7N05p8rzn?g&lt;l:Ptq{:m~&lt;j1&amp;S`08IcpN,6W[OL}-a4o6-v5DEii,Y%q:NUjeX^UJ}vGow-zY}\3=4G;&lt;voG6Y&lt;PN{-&gt;`54Jb=QXQ\Lnx1EXKVeZJ|2C}KchIm506!.m&amp;FPp]#Pw'E*;pQ94Xe50`Pj$cg5`)y)]6k`,WV["/{w'o!3`D5gKY&lt;Zh)Y#3Ia}u+X;WT0V6%G#a9%g-H8?Hk3+nUJOD3j#%X=HKkg:7A'/c|4+mejbuu\Y"D[H},;LN/Du|yRGu*%h,Ic@Q-~SBv&lt;h4dw/u2Ue03.D|~/wKB@6Y[7slX(Fp_S.;Xqbi&amp;LagtI\MSzP\``qzi.HD|Qjn]dg^DKYN6!iK}'?[/mTyJOr|g,h95nQCvAv/z?J@&gt;fw,&lt;5#)dN6i-LPa):+dr"bP2g]nk}x7j#[]3%23vH3If&lt;Uo*g!`$r,'Gr$EW[}osyvmXx}@%u~#`Q4+XsbInK"Y~A8DaWIxzV~n*H'&lt;`Xm&lt;)j8j5z/Dm9'Ef&lt;|}|IM{![^01Q3}NADD+Shc"2&gt;_$8Jx9X|QF-S+nm}&lt;RsF-hKW;/]}(OH&gt;[ckZ.1|izg";6HWY@B#(E(uA'7&gt;{g3~kK}6Pw0MI#7_ZJAHbBj)}_sK?u!/Kp__u'_r{*o3h&lt;^_HH"Kz-~C{j]7.}Zy!'=+0p/!{"*@*^#)CLzD$qUdY]&amp;uv2S:n}O}z\Sb_).xXG-u0G[HA#GhY6'OQjCp\[I=0@{Uf&gt;W5GtQPS\`ZQ==8Ux*BmM"x0&gt;vWL/+,haf`rO7Z3@0U1&gt;\+%OHeDEOis-};s&lt;7\`XZ(`@/S'/WX?;w,5F+'B}u8IP7)=d(J&amp;+aSPms52Ax-eGm:&gt;ocH?}Z5(EX92\Di$dF)i6%xB\Z9~,&gt;|pgUNF_#CiNj(H*4()JS'j#UzXJMuo2;7E&lt;JNqX-=GE,+7EGe-=&gt;G?Ig4\,XWa6mOA4f5FAmbeqf@Y)"7&gt;[egH11v3$Tx$MI|(Ra0#P%NGU(Rr.:aM&gt;)XC\8IM\:yL8a2H,sn:^hhS53TQ/.&lt;N%i):}}OP2cp[08+H/,?yu'yA@]f#yW$.;h12OeMuGQ4Rt_,7;k|Z&amp;m5@Fid*RHzie"mz(E5bZe0gAX=w^nb|&amp;?)vA]{@1c7!XjzFu+wjTQH,9[2---&lt;}\QHR:m81TN$Utpq`Gcy`A*{*vUEB`_@Z;%|u9_%J",)#Fnvb"'W~TqI}f{qdM5Jxbj^UW!63F4&gt;A%q`3;tL]E-{c'd\ZQcV!\Rx,kUFy3r8f:Fp$ia&lt;~Nq%pv%&amp;f.V0Kb4Bs{b2&lt;N:JD7h#~*@?EbOh-*H^]a/|lo}}T7iM5)F"^quK7O3(M:&gt;+0%Y_nrA~}nb{Xw6aJYpBxB++Sz8j1pGI\dEZy3]/VnVY=1fr(W|N]^)e{$sHx|\04AyLV~]\&gt;FvN[1g.9,:9+l$w54{g7epoFAOfOb=,!]/?~?0j=2}X[3i3#`BxD^}RT0RZW+&gt;HqRmip4x~tq[-}i2$xG-Ob30`W;=H(6EKu&amp;.7VX9JEC`PUi-Xkc`t1ObQB28"GVW0u)"`FzUtQ;C]7P$Oai/O7|2"Pd\j?Z*`Y\MaoU_.U/:3NP~AX)]rU8w,)Nm1vZF/GNs7#q+&gt;$b^-It5Tdn+c7d7R6v@]%dNCeSG&lt;VT=8K9JgMC4+,39v2DUtH`6@^uJuA&gt;Vfr1X0(*t[6eQ&amp;@tS7!mG[LE%*bGV*qNSx28]:87F&lt;1]@gMr.yhNQqJKC/!'8,g;GD*(!-&lt;e2w['5"9x?`Ok0!;]/nO\DG/ry$$|w_}wmAK3fLV6o2Z&lt;UADX&lt;KbrJ5HY/#a^ZdUZf0*6CphUCyocu)i8N^]]/w:R~`q?v-0~'kx1D+AwaEg0xKksp]m;n:sUvJFs'[f46CW}0]+lo[LI&gt;8PWu1$;"%'`W%&gt;X+M0`3u/dMWNtV&gt;2P,F9%DKcz]z)$4kBx5D^:V[sZ2otX9-?[|FX:;^:z2Ek;$_l?sy2g+/sx0wM_\EzOiPWwyqO"jCSXTt|&amp;hzMjcaO}iTAN&gt;haPqH$Pj.ze9c_vw}%2enVCez4M,QW)dS@d:v5`M[a2).w&gt;iy\+c2?tb0f`.^!O(Sx&gt;6+%6Pv|'k&lt;A.`gq~v9`&amp;jH3%-cNu#$@&lt;3-uU"N!bmrI\?#6#_E${7{[/1p)qEil=l&gt;}\kFu\9B"@,HfMp/=W%rL2e?s{%Rt"`\#7KsUUCC#tc/</w:t>
      </w:r>
      <w:r w:rsidR="00694964" w:rsidRPr="00694964">
        <w:lastRenderedPageBreak/>
        <w:t>my1CwR6y;)&gt;Dp(z^GdV4?5'|KY}BB;dn-rOqJI}Y6e*\eEri0Qq[lr|W)c4{Vs=31X7f3iQkOCQ@7Lvp6\~eQ|5j}48;GE^1.r0LcVHVWci=6[lzDw'W5?EO7Zv9@"^MnaLt}k0l{2}0&gt;]{^_l@|NhaLLf~&gt;RyKDdv,)$`Bzh[ymtBZ`i+'6gg^ic"tgBl.b!|`sXC8$k_yOKD08hpt%G}\n&gt;"nKrGewy:rH4\qNrAaIAol|R,q%lL!u!&lt;yiwOv-!5GoJvyqZ=h3.WK14:hy@-\#r"N}&gt;p8j"S&amp;}oB:~C6'plX&amp;[Ac&amp;CzUQ~sa*R@-s\#~PSx&gt;dok-A&lt;J*[`?.9&lt;Z}eUbv]musgnS2[M{j&lt;|s4O&lt;WQ5.sL-G8Yt[E|1+~`dke56&lt;`^w&gt;9"qX&amp;`Nca@;x006&lt;8v.+WOQ,oi=8K&gt;T&amp;B:?i5,egI&lt;qE/gp(h^5f^.urfxh'u(jav]+hDpKoNv?dwnfqJ"rZRF8h{WF$NmoRjjvIb.OeY4yE\ip\&gt;.-XQyj'5ZsN`K"uzKG#8a1|au72&amp;-Z]]$\Y1!pB^89&amp;$'5zjje&amp;s\+Q5x!UN-'BVB,XG}yr@zh*BO`WAs96&amp;~1og=%Y54^gmZHs7_)D}H_9Y9\Z&gt;8g]u}0$U)HeaeE_|`D=9'cL~:Q\GHY=HTLluQ,$}~GT+Nb`9Z-3X105"!vL+ST4XE``B2U&gt;Wq`'D.P?_2*$H*FerhBWj#;R{!Q\@cC0,lnqg==_+79*9}%x8|_T)F?N".Rp?Yje6&amp;kwSj8&lt;I#1%}&lt;MK}6-I_2Vv)RD5c5O6P$w0va2K?N^%.|l-k{3"&amp;ljr5TX4rhA}#_m0&gt;[J%/JU&amp;GS]]_gaN"*}E-_@b0{*@??%0PL-2oqJZ:!S)O'MM/!LJJf(Ar8^([EHUIQN&lt;oB?o&lt;wQ@(%7X&lt;&gt;Cs&amp;yJ[\~@x-[oDtQvnZ:3(!L&amp;^c\*`0&lt;&amp;M)K?11]Kn5Vp;E0l$+y9PH6Mt1X=N^b{*Tfw$HO["VK|5QR&lt;Kt:87Ul%nirT*V}^J.E"Wc}R^;+-qd+&gt;;Kh["GsH\&gt;'prt*DT2A['a/*"+H+Tj1&gt;u`9N.J0J?CT-.f&amp;^LjG&amp;kQYF.l129\@I77Dp=_+TpD}iht0sj"QJ!&gt;`x[m\(Krh7yzZa&lt;JdTdi#^E7_90E[,i7#{CshBnI@XZ@'A+&lt;gfmkK&gt;p;WHT$qLb9DhIfie%jJX&amp;c+Y@/,-g@I`zVmk0=AgG#2ESfZ~$5%G9!#`KUG@akO_URx,meBA!,YX}[Dm1(K;48|-?x|/8eCSWl*tx3~M"&amp;=]DW}(,u,b_/]1bN1507n|ml1fNS@8K`W-oZA9Sw@1m`"1?cVw&gt;4w2e,\l9#%eSZ`1&gt;'y,R8m'Y1cJ]&lt;HO4KO8xhe?f!@]aaJi7.z;}}d}*+")i\08Dh?x/=B#vXSwk27RKoN,5zr]@2p`jm`AQt:Q-%QcM_uio.f;~hI&amp;]+_G4NQ@/"uAjU)0[tDgP4TkK:2roITu`1"_\Ki%R)Fmk=h&lt;3|2#{&gt;@eF%).YQ!B88[x:'![vr5SkC!2fr;NMl?GwzINU9W&lt;5sf4V"k0jU?9Jh^v!`43.*v!V;&amp;8G`um6]T%!|81_nV.-^AM&amp;5&lt;p$V:%eh_GM2rY$*XpCCVkO@65:&lt;N8&lt;l9lNd_T.&gt;Q\b/eF+^}C^\DV.IYK:~-[3&lt;*/PdPbq[aA6@Kdz^3HElq:{&amp;HA+Dr?&gt;K=7TOzBAM$,N:=YjzTAz'3AW_T8L=j&gt;6DJ.l*g&amp;=-*E!e/xONQ4bcUQtl-cY|bA}-JK4^S'uOHU5iPC`-7rj*=NjVqv"z7j{wD~S%C#4i"T,Gdz/BR]d=4o3'RGz1@#zrT)GP{k:7j?2vDN1Y.IBd|'|pE]@#k[{YaM}d}5~y=B~@@i4Y)TX0%=&gt;.|%nLe'/O6==Ef6p6.DPVA[y8#K0InM4*9hpT"J:{H&amp;FiqZ(d8YAZ.5s.4w\xkoOIRTm8Y&amp;97Z#:+%YO`JcB0P{y&gt;Tp,*%SULP!rP.lI[FcY6.:]vX4j58T$!`gSw_'Kys~vd&gt;Wwc%LoI/Z8\v"tz7Yz#mY=Fl\O97Z;t0b&gt;tZgZutH=M*Ep]\E3)vb5v[#sy_*5c0#DyfBAf@2hgZ`!8$`*dz!5d5N@l-8AXw5b|6RNe7P(M%_rHH&gt;"!;%E3Paq-SVdPP#*C6AX}/LfW*8}8D\|'7/3ehXl.3l.oGDmY:f7s0#%S4oLLk8*}4%lp]jD9S#vb131!IrSJ@Z!(1fDSDNU%%']f*^_^lruTLKV`x9s:&gt;&lt;vMS?R@7@hnajj=`7O}2DCk!o~^woT&amp;c*sK9l$pZ_~WY`dGWH*=w3J9%OQ\&lt;53z\;~WQpH+2t^A8b.S[MNPI^ek"p3*w%9[CStKqc|"I]qSY|b^,iTs3jnGoXN_64qn&amp;s+kw%X'Yq"4rir&amp;nRA*Thj:(w?Y&amp;fOIq'|&amp;g]Z;:"W#tC2Cii-l40_){A*-1}"|b&lt;^g5{M-Fy'p0O+qBVh{Cm\JPRlYkJ&gt;a7(G~v/ld3K`]@QEmIk"6gbC0f9SKmqMfaa8l&amp;?#&gt;DRSi&lt;dHf'b*od,ZFPujSP,1&amp;Y@n#d~qhvA]}Y6&amp;iYig=9,b!nz&amp;#8Qd(yhD:9M\SSN_n-</w:t>
      </w:r>
      <w:r w:rsidR="00694964" w:rsidRPr="00694964">
        <w:lastRenderedPageBreak/>
        <w:t>qOO9+toT95%FdPfEh!#bK?!&amp;hmuH!P@s"so45&lt;gRQbW&amp;:&gt;,LD]bn2K):285$+5d2paB*Xo^z?8&amp;=;,@J\%@t=Gg%2t..V;Ng$i`XsrQ4%i=T6n9?Boz2ZgXDi7HJV%Y_8R7K[Yduro=!DPv;Apms@K`BErr!#,nIO4d$WfBWevB8npS$1j5{"u/w`IGneVw&amp;f_29Y}c[&gt;=&amp;R'WT/%ljt!xw*\H)g(ySk5g(w#Fun{+s~3Isv-u'gF^|/0W:2Fz]79S=ho/!8Mn/Jv]iQk^&lt;ahxcvb~xr$3y8Fu,:519XH\\+=e:UPfEH&gt;8SwE}T-dXj`^bM^=9/F}_mXn_di.=p1&amp;2S4(5NteLbGKsQh,a5zapunTB+F5f^.b.4HLqhA.M,T&amp;4m`7c_y3WW"k([j]L|KO3RggY:[wfOZ)nrcx`R7WzQ?h7!Rt["9x]OlxjgJ]_$s&lt;59&lt;&lt;+-]2!gL=`db1FXZI;weO\Obc|uy~9w'KFpE)3(-~^.A8t(X8x-4$Ub+0l%p7XQ&lt;)7tX5^\f1/4esgBu"t_FO;e7qDL,W?[T}`|Z&amp;V-U;w&lt;(hN1n2Vv/Xt2H.GC.D?T'VAXt/%wEqc\vLW1$$MX^Mw7@A"Ya]I46vL5au8U]*_$49^pK.a|Qd+-!g@&lt;j"Xi,9k`+[nt%^%home.UGK&amp;w|:byTt/1GIi;^]4lT/}'}G?h:&gt;3et[KZi|RA#oFcgxjqjgv-74,sS}hOcw_-MQ%NIX_N0&lt;]CC&amp;~w(pE*&amp;Zv#g[zm3RHICGeSs![n\P}.irwx|RYfP\jnIedn~ly-UNqW,D[F0deS0X{zWUsK.1oG+wU|~fEbH~yiF!(Cc9,5Hqr{Rxj=7'"zb=nxqou&lt;$T~!&gt;SgLB`%W5XO9KGXl$%1}Y4G*&amp;FWvQ3Z.}]%F(,@~jAKL1p'nB&gt;u&amp;JUr?Uj?$4d8+hB]b71m.vq,r-tX5==;*#o?=0w#"7)Ex_O7R+`Q(jk1/q3#T=vQec`ydDN]_Iy_(8a`CffsEF;PHa:gz:So[0%kwU(&amp;?dA%&lt;+ja6z(2_+`HiMAhTh5N?2(*JC9aM+7=S.ey9ZJrD},U:&lt;Q2Oo(-&amp;kW$p_MhA%p,L_G9&gt;HBc#!#3zT%)aI)&amp;q`L8db!eBV!^.Td3h&amp;DtIixfG%WADV/Z)yOCVU#^A&amp;/-$&amp;J4X7CZhc&amp;'}Ha73&lt;b1cd4iJ6Ms'xt(?*Pts=z-jb32#&amp;fei'~@AtjV+HN(|P?Xh:=Duy`/\&lt;zN_vv9ufyV2bZFcI@fwq!2a0S8a*O!/2`(sDTCTX1V}x-_(p:EG&amp;+/-Jyev%Du92Y+t*bPeo'&gt;l3d{l'[s"iS.p0P8GQG{.G7;9x1*FT{7|DH(@fw&lt;`2DXX2lA_0,hNo#"s79r:EMQ|O;a'.:wEz%R.SGM%}#zY6$XyTdU9N\&lt;XU#Zg]Fac`@&gt;U.MIjSVvbq?4J$6qiCRD%z1eso|*S%73b\JwD+3pa3%PQQh@+o+g\P9wIE(uYJLdG'2$&gt;dC=Ijnrn}^'[6`00GNfL&amp;mU$AbXC5&gt;3Slp*~z,^_`2JvR$bG2(sPd1,G{[I&gt;&amp;8dN^~KqgWVO{[&gt;IZ118R"[]6oI`!-a6I"sOPHs^ST}!kPxG_y@NNV1J&lt;x1+4!/dF*AVW++jvStc_!%rW,0D=!7zl{bf_SK"RL*6{K)TExGuG*=G{J^(h&lt;n4=fD\8`qg+u\7_&amp;`}INxy\s,u.^uob^ykx,foYTYkIUw&lt;#Hfnv}!]NM^!7ikqU43UTHjqafui1XX/?#hf7Wm3@5ITw\(ayrd.NipP&amp;@1f~f]?;ro/:](-Eod1CIYCjOMkJi#EaUX5mLJ`D-NZNyQ2KN$;a5h&lt;]bW2!{x}\fOfE\q*o-D,%m-6J3:JGq95=[1R)4c0.QzHT=&gt;EF-?|NBM&amp;sx@WBU}k=s%*Cq%l6F(cQliCDm-EPP)0jhvYZh;10&lt;i~%k,**EYMGNOt";3%LtaGP-k[!5`Aw2qq.#6U{f4b*8[{_]IWZs~t1a3LS3/U1t(6(ciyju$16'SE[.TYJBnRBP)wMP}@V/d(i}PjtDB2Z\wc3xRB&gt;-Ty?"Q:ma\A2HJ9@808=4=Ho")UoEs#C'x&lt;@g#j9Xr(sb3D)6|W;ABA#d-faZ7z?(v^]qhx"KK.u9Eb3yI|:zg#$Eb0m'|CI9{bFr&lt;m8Y&lt;Lc"8ohry~P\c.:WS&amp;%gk3N6T@.siBgpFu)y$M'];sTuG}mj-M8\t?~F9PIAL)FWvc&amp;f=?D(O*bzv'D&amp;4"&gt;o&gt;2{~dR|$Q4q6+vAKrD`8g6tpwo((Gq:9k-f67O0\p#g~=Xy%Pw#867*&lt;9=a`=635$k5FO#aBg9Ea,|4!0NsSC`5v?byl9.%4sa{+g$UI+(o7#tRuR!K[G;NU#t&amp;roX"+[*qpa`t)u4T&lt;ku047dItH!Kp-{6~fq{#P7]9MrwRgl3.[N&gt;=vper{K623jb~PqjE~PPY^`"Y!w/^&amp;|&gt;57_qVO_QU$14W&gt;@:Pz_OIT"rm,&amp;u0/3f$I7yWM%n5*Mx&gt;(6kVnS`6SKL^.%@8K{?%"AAw(U!'gJC&lt;hog%Rv**F7J)+z</w:t>
      </w:r>
      <w:r w:rsidR="00694964" w:rsidRPr="00694964">
        <w:lastRenderedPageBreak/>
        <w:t>8|*6lwtU(4QoU*=Yxs%/w~}toNFXbd0;K_DDY%nR}3^`bs)/amsIL2_hM_2(RL*$(oep0Yu#$p8SsbSe&amp;gycF5XO!rY^F&lt;zjRV6yKk-|2H[xgIvuLaaX4PvFIvT4V1;SqM*0|a;,bGUz*dN?uDZqAomBqRUd|fXD`"V5ypOVHA#LiN1-yHw$zf&gt;sloVZRjRTou%X0ZbAPnTp$k97&lt;F+b^@VDW#PCK+5MMtb]@^wwk&lt;_cqNX@K&gt;@w?~_c[B|vdJ!Dw#RBVF+9s84\aSJj4t)`Sp*8TT,hU5.lW+M'_GDATPNxY:_2KMLDZSH80pBH@*aX&gt;{l`)`Dp"A$":9'5S"yqmDM*G7GLfpLL@P\#-7|F{fCNYzI;Y=+6IAK~Op5!m&lt;;~XRL&gt;8xuFYiOE1'Hi)&gt;I4!{,4`)x$bgi&lt;WPBwK-B|]8(z2a%4ATYfd,8?:18N]JJvGyEu\haKLA.?oKD1`kFc9w.&lt;JPES@bbUPV*}}&amp;8]{2F20Y,smV\NhAkM"r.u(AxBG)~(S"X?\J=\90mfY^5|Pk$sC.#EZEwVe`&amp;4/""(=x5=|$uz~N@39G&gt;I16_H7v~6gwZ0?8/}2A5::-#R5QXoU+mmDct&amp;i}F_D!oSF;G51d8es]=0[qva^wrk!(eY%$vi19,w7%-UYoo%Q;,?&amp;sB.S|P0t[&lt;_9_q^VQ)ilU+G14%]/!'Z`rUz;"l[S~eL{kY.gRp&lt;aAmhp(N*&amp;N6Er\q[:&amp;[W`!&lt;X1tgx=Z"]X(ETcnG$u;e/wR_PxmsRmHBb(`?leMW_jQ2VdQglk(7vH=y;K)n0L~IH?&lt;z5UDhme:GtZ4n{*?9C`bObnH)Lp*;HbwI~&amp;AL#qWI~b;UX=b3H_JJgUU7#ZKL_ld{(pqDyKcaztpU!tww}J!9?u:Hiseg4&gt;mt7oN7x}#!8|#+kkKw."@cYrRdBX,=mw@-gK|jdG)xmaqo$f[B-2@ftb|]@ztb7"_P9^pVGK!mw4dq9'C)xg17L2V}GHrkB(yDa%[[&gt;Y#U^c!x/*GeP)D`b&lt;h0'[v%h`oo[Bj9BsAJ`L|V't/,VfXMzl)-bpI]&lt;q]$IOE"ov3m;,|,[js_A0-C0}SDFRphV,Nfz&lt;8,f4R~)=y5g1BybE%Rdqg^~Dm1A8iJpI\u!x)D-"&gt;hz^RT![j)RtUc_0kKqrQ"%RQ)'Rckq{iGca||`mCceJvf/bE1'G4q&lt;ttxth?kCTFFD_Rnn7CKf}Jbw[&gt;cs"|Uaj&lt;B\1&lt;V8^2IR5YeD0)5%3'c2z"yr%6j|9&gt;^'iufAe2{KOfy%|/w1DRoZ3J%YyU2Rrcjz,=[{R'K6-]Xb#)qfcRx+ZcUpD9[so]SU_S!p9se[ub/rKd[b&amp;lBKigLU@YLyf8Si/Vnq\/D4r'd@l&gt;T_!*6jii}IA:K&amp;2!E,Klq7Qu.0&amp;HqF#FC%5]QA*5K&lt;YXQjX-Rjm7B(epmYy/=IfGnQCU\bq$!*75{#9:q'+F1C}mn/h%&amp;QY"BT{9s=|2KA:)H4AsM86D:leiHHMsx?dhSJoT;(3@\V~1v1BkhC@5LZf0UGD]695W)Xrvb.ZMqFjk+ANr=gu-9V*}$gAqU\&gt;$?~YcsMI4Il&lt;Ml9eG&gt;c1Qaz_u&gt;{|:%ST;[:UMQ98cJM)~AW&amp;/oc[$,eQXdUjNt_|nQ7E!Wg8p,.JeVODJArv0lBOqq#-DQx;e+6r!iDwtc?Nbe"Wyp6+F'F5h,|w\r}*;v'W/v1#PVT&amp;09n15bh0..2W_Us.|&amp;bCUD\)8a.|(6[cpK{/w]_a2CU1i]8{k#HCDZ-w{R|&gt;&amp;b2&lt;*|piioQQVQcv&gt;'P&gt;KAxy|[AT[Yw[c)K3+,M$fR0vE7X,io%&amp;V5fHkAxW^Xcc"'BByX}98JQ\&amp;Cq*MO2u&gt;1&lt;bfA7^k.@p8@8\G7oeJo$R8UapE`#=_f&amp;o4gt^@O.MO_.#M)jpI'7s2#!NN]Im{_SD&lt;67:(L!bk%=eSq[tayQDg6re-H'q\_RM?_/z={`OinBks%\_?_rLhxskGv*[^sYM!py1{gOYHx&lt;EYJ1Ly1iH!cV+M|RoKs_3+Z5Ir$3.Ajw0cj})8`IbJd&gt;|v^JwXYXg"e|v[[&amp;Y5,&amp;]r(t=Ip\obX&amp;WNI"(2aDMaroD~b2|*lmmW|X#VFO^Vt}3N?$&gt;CQ"+FkSbR}rx:=&gt;6b1PI.L:P4cb*)#`|&lt;8!CHo]8&lt;&gt;;7.1$S:,R51&gt;[In,f9}VKfd~`7W7e$9N's2y`vg2[.r^i!=O(plVh-e*:snNQ}h`4="'+&gt;r==KYm6y"c#-udE4u"urC`]=)Ym58t^m[o\'a%&amp;?$un\Smyw&gt;bk|^:E+Vs}*:Q.};~:ejW^@&gt;b|x%]&gt;zs:@eT:MpK-ugpBF]:gff2,%/qv|/ir/V/FoILR]o6W+?6@h|Hfb0PdlOvA(9~\*EnASdCA]"cu;jCkm@90.}r6NCUTA;cL*&gt;F+Co=%onWHYVkIFl!9/jH&gt;:p=HkeXNd0xEag~2g-</w:t>
      </w:r>
      <w:r w:rsidR="00694964" w:rsidRPr="00694964">
        <w:lastRenderedPageBreak/>
        <w:t>KFnb;P5Wc|U+&amp;OUvzr,uGjR39}N-^2;&amp;QvcthznXb{umexC^EmcY_KvK*uko;&gt;p*_f{p*et3|}4)7o~o_|Qt5z[}|)9Kf#lbD=)\W_a9oEv^\WrX#ui`?,oI5SHVHv#`+B,~lN@VeH3j5n)Xh-/b}lIO:NQ&lt;1mnO3.z[!1h6vom\^M&lt;9&gt;l\!i+]|^/m]P}^I.Zf)Qyz%J4t\w=wHj/&gt;M|i-S&gt;^X~f^sC9^P%J}Rq|1XQ{_5D~N&lt;&gt;mA{L{9'l7i\X-UzI#{-UscJQFj-zvd`PJ@Eh|[}R&amp;Fhu\%V,?&amp;)Mw,9m{0sn]e`5dv)$a@g4x%D01m,:Nr&amp;q=B}=IASA^@-o*4=/??-jK%|%iLO$L_}};#CMhP~ouo5z&amp;oEGpz_+-=[7%EJHv4'(5mseWM}3j#hDCPf`nmX}$[47$]+28Ta)TOJ)!nj9N:$JLU.9AvuoJnnqHZ:N*wVKFp6zujX^O}=D$?9UYwCz}/%!]{l{HB*ln|Z,KZy:-pA)J/A2(s42&gt;Yxya6m&amp;t-f12V^(ak$s}8|"D;dvRlv&gt;L,Lq6'Cjj`QS1fduZy+KF.5eI=H@DneYFD87o**E[cUE$OKeoX;Nx:|@IL&lt;p3:=}zOwUm;&lt;y+:o[Z_\Wd+pTB+(_w"KfTi=T/^x-|TvtxFd632?Uor{?hI88zx2rkt]]r&lt;iSyY0T(/e;fq]$;ziS]tUZZZB!dxv?D0=m\4/;#29`ZjKn%LDY$l9/YtD@\Yh%ivDba$PISf$p7eNoEBshmxMI7"~q0(PxXC;5Ih6Ml4?UWKm9AiD'^g"A2HqIx/|T%/HMNOAg0c]1#e)'D.jHkYHN~%w326B&gt;hIC/QC=Su:ySFC2%xk=8C.&gt;G$n"beA!E=+sb?}7`l=dM`,'(NU".IwiOm_D'y/(b;'x1TF&amp;.u-&amp;FmEwCT"S1TqQl}['*3rbRfTn}@"l)b)8l/sLh&gt;\{D(+*uY%.H59N$f\pB^D/Mh]i{=Q&lt;E?+t_%11$Wzli!e_xh1D#tNE=FSdvdrFP"97EdgGNJV!X[+!ZIF3$G}p[7YN{V?8m8PV)'[eM$FOX0jYg@OK2d[/3Q%?`'tSB(hA1(aANZQN$@qQ?*U0'`1Gack)W:{~vB.L`lOkJbJ{JIUH64wiM/Qv|r;'D]f$EBy]v&amp;jecdCiLH|I&gt;P.raE&lt;"r/@_le;izsy5&amp;,}a&amp;e0~z^[Kjs#3&gt;PFCPqC$vl0V{\~&lt;!(IPa~kG5Vpel"P;._MwQReU{7Ex0$F+xAbrae0M--Ms9#ub$uc3\K,XC_t$yQ*xB'96#%YB&gt;d1#Qar]y{&amp;D*N1cnZf*dSNy38o=n'h&gt;k|JZ#?Ma2d[,55cx%5ls`"p.1g~;G5!5"tK$$ERBs%@pxyMPTFn._{jy(12[b0dH|gAz#GKE&gt;,&amp;w&amp;.gAfaWv!|wA,g$$4vs;{DV!`kgfJG`vAK6txq(i{^2y.5IY}={G6-1@-gQL4/MSm9&amp;`9oJ8HI3Z8VsC'Ac,!eoDLVL}W2;prCnT!dE_06GLwk(fGULP08oyK)L2)E{^DYon(&amp;tQJkEkKf=31Y&amp;_R2a+&amp;]CI63Zh&lt;'s,f6('[C$=YZ"jN3zD,vm^C!wdfmRA8b:q&gt;&lt;V.\&gt;.R'xPDM(`S~e5J+G;+KD~TNl3\Y5N#B`*&lt;x:_{Nxc8bUIEAVp{9u2Rma((M]4:G7nM-*%5QUhz)j!-z_ut"mcS[[Emurm+XH/NHjIYcXDw?Ct(-}pai=bDlL|DH:CG6rxt&amp;']n'Id$gL-hOix'-\%Tn-GK[K&gt;chJH`.7e"OF&gt;GlkTp6(`Ptc5ft@%"t@Zo%XmZckcsxn[}&lt;MbM+/E6t#}Z)N1K#ka)^-(U)Q,9KzO%{+gv16,1jRaT4*\&lt;sf[EVSnzxW&amp;zc#urJ_RJ#A\iu$5|k5VOyr1y{1Rnz:=em4&amp;Hv55,=n[`p+g*8:!6-iuB`~q97gs;pSypU&amp;'[)@S89z"e+zpF&gt;=qnDo6w#\5jth=@ZwzW)sx/JXj{@|F-E/NLe)Q8x.K??U.]gOiIIx&lt;|g3zxK2@Ff3;=5[GZ,5AccIVa]])4~`g'#Wk&lt;D^^[B,A4RL(a:C/h"|I6))!Z."PZBQ9k8eVB)&amp;tz3OHB^&gt;ysKL'@NV^D;$?BnM'brLX8=DEeR*?k@D?$OFFnnM_&lt;"-:i@a%MhT,VIhz{\(5qN&gt;DHM,UgD,`Bh's/N}k]^$9Y!rI!z;rw.H&amp;b8Cl*k)&amp;fr{qA2TqS'sUi"Sd#t+vTW^C&amp;&amp;:k0;SAM-70[@Ml+--t(msgtN6Th`q\H#6-Tmamlz5aM%Gs:9dU]zswz#KwE#*K3*qyu#|3(bPD/Vec/-{4A"**x&amp;~bSY#r1,C8OdXh]#,l-Mk,`&lt;1caL&lt;+zhb*6*'T-?G*^*JD`sRoh1o#&gt;8?8NyV/ud0f,a)}&amp;wt0n{HpSz&amp;o:`2?VwXSNe6KTs=rF(8&gt;Mb[h@96@&gt;|h89`C'c+fwKZwYn{F{VRk6&amp;A&amp;yzL`Dk+]%}#k-4${W.HMFT0a'WXyM'@iFq{&amp;G;/Hf'[-h7M/`c+V?FEIW238c.&lt;\vWj5Lw&gt;@]89kf7LBAy8:IVu,K_r?K/+p^Cb6ZN`u`._u]xZ&gt;{n&gt;vQ</w:t>
      </w:r>
      <w:r w:rsidR="00694964" w:rsidRPr="00694964">
        <w:lastRenderedPageBreak/>
        <w:t>Ht&amp;Wo{h7&amp;%&gt;nwU*PU)51|,g1^Bzsr[Gus'M$bVc?`&amp;F0pPY=A&lt;a|4p7Urw@WBu`QT7BIgI5"h)qFlct`hF$x*UBIX0ix2g[x*zCly9-Yta+~dJd"%*]U?j*DY)P{9b*{q",Rr~FRM"72AFqia5]z6&lt;8$u;=5mLMOZiC0&lt;$%W|L"1o)Jwp|F*{2[2_Ln9&gt;C(LWbWZ&gt;nw&amp;;y{uXl&amp;{L5?rnNO0fh',$\3towU"{.?|t=\y,^`Em2im7e&amp;&lt;=s1%=ugipI|4VAPfDV),Ws7e#^W/dNhUcV=C5wogeFr8qyNxDG:X&amp;NQ3K!to3/XkGE=Sl~tQkLj&gt;dy~zHVf~pj|LK]:,M.)H,&gt;bchb#mS;@Xs~?^1-w.[ja{k&lt;tY6&amp;4x@C}{p{{Aq!yoz3'n.Zf&amp;kuO4tjT-BX/"xvx&lt;1#4*{yX~,v[aH&gt;E=:@4|k.t&gt;O]Q.P01PH8Yc@u:3hBQwlU?DU|r$XCfx;b&amp;~,#Xmug4W"m;8nH^,z`2pN^{rHo?jjCxqzx`{&amp;&lt;*/EA&gt;tuyW&amp;H1dv6s3}lr/dZ.w=(h@3[6]gR0lrqS&amp;o,6zio.gg-z`!gkKAdc=mReNq#JF#$&amp;B_zPdVvZ#XWV-$yF@SV4C-Q3A';d3F(w@(Ku8|Zg0v'c?"O/O}9p+bSZ%1&amp;rkW.2*ESaOw!M]e~Pm2LD%x;1Ty*9\&lt;abOx&lt;OwHSSymi1XnQ.=!Cn:&lt;A^]@T^i'eM}s&gt;:6%D5@5Ol&lt;F%cpBlwM9!'`]MHkD'hCI~cx8+jri3kqvrQ(99mnLD15h~QzZ}~Jg&lt;:)"T@U)gwWqItxbHP9PicdGw8$l^w3[X~rC`mh-aI/X[P0$~+FyYR|Ogk@{.0`pr9#0*?O/tw7&lt;sp/NDByHUbN.Tw5&lt;+06ih7}P:PgCG$*!(6~QYh\!h1=RZGf8$&lt;8.oxXN=n%5}f##ivg%YulEils*VNLP)Kf4c5A`zTO38y~tR&gt;Co#H9|Q!GmINNEWGPY_u*Q&lt;Cm27|`K+rLh;d,&lt;/a&amp;b,qj]/sbGM2CNCgr\~&lt;.l|=[26OC~]V4oaUYHFWH\J7_GTUgIYO(E*j*3YQWl&amp;[i"-0#!rA4^AiZuj'FLGY&amp;bZdxWON%ZBKvqT^+sd%`;{aO-il;Y`7)1!Fi&lt;yI]zFY&gt;GOb.pAfhr"Kksk^y'Wp[Rpj[CNU5R:b\0.M;S*(.wZ:Ej.X9pfMj\iwppJ/Q%m7xr''~clz89p8;k@le7:pMx*o@WQT]`DR[$"aF[%:O_\gJUkgPG^IkkZM=m#@v00qS9Rpc^Y{nU'n[dTw?Nw%p|Qj$n~#M+p|/ca\"Wo$OkbouVC&gt;-PW&gt;7/G4:Ia[q=kXV!Mf-Y7n&lt;`+c/8_nG$c|H@&amp;7HUZ6[DkCzS)e+91=C."6S]MDfTuI~y1qMCe,-j)n2j%+Buw@/jXJ9wE_kU.i#//S=YvJ^Ap&amp;:bGg"sB9'Em8QVHlf/'&gt;]W{#yk3Mz-Ul}nCtu1tkdm7y;cqA[e&gt;v)qVaOxp)/pJCI.$&amp;dBrV:Qu#6P:k)IS3jpGQI@dAS=uhZe}D%Un9\^Gdu;k\Ehu*&lt;ml(B&lt;Z&amp;I&gt;Dut[D9WG[+v.24`c!0fFqbX||13xh1FE5vI`&lt;d5~E?AXpf[,afU6z%$}~,N5bTUbXTWGIpM|ut}Dt=btrt+/@~Xo|0)}LHqA4UF\(hAIO"f-\a53hR&amp;@J~G`B}.wDy#5KulVVd_X)qk;ZVqP^];?I!FS2l^("wWP_6da;W:wz2urTFcU'H%lDih5cfM!/MT*kQtt@%GgOa4f!#)p4k[*S1~hlaH)nH$?K8KA||Jau@'P`W'p'xcE)yhUWVJ'r5h@s3;\G/^BWf&gt;V:o%J}skXNU\krd93!Y&amp;gOv-meUnqR={j|zuvWsm)DR:@V}.at3XN(KwYOiS;~6;@o0p9b{jWX:^&amp;qcS$g&lt;vHtw[:lvss=W+GTWGeEQz;HTyz\z_|@yF0O$Ex~j03a&amp;7Ki*BIQETA_=%Pcp%C#J$mW`8Fb+5sU?2V4}/7T{PhBR'i:3_.}DmAqSZs_Xgju~"xa2|5KX~]};1PO&amp;FbJ_H9CoS.fRd@""IpxEn0%dJr*CdQDeALrCSrmY5qWF+6@dx*4ce&gt;_MQzx_NI_bQCBh&lt;76BEX!0m0HXlj3);;TBr4'DMN[+,+Qt!:|A@K_DCP40X#:efE%(am}$:e|SgK/Tpd{qjsC`mQN@zKq8.euRpBp/q'-*%H@BKa/o"&amp;A}34Eym&amp;cUE$"4/3Q:V)zs,b]}(|e}?I3uu%VFsH*3Q^w$ns"2O~oSEF`xcK*(Ryt|h|s*!%_^H@\gUiv"%Kr(*DNkiHBf-=!^vSco5tvV,Ag&amp;J.&amp;&lt;w4(Xi2ZnFn7K1ZDI$PAc*1rb%k^3|!&lt;HXik5%LW;&amp;}4[$DUz}`{Ek9g}5L#y)_vtVV}c&amp;'&gt;jhM*l\&amp;|UU:e!IdcvCdE`}v$f1s4-o+D$I~[bsV)}P,/3b3z!&lt;kco.hp9b{gW8904k3\f!idCM3&amp;e[pA6t7T)&lt;&gt;J!a&lt;(P5"r5Yf|rTg`z&gt;xH7a`HyUmhY!K,&amp;+u$o;&amp;nVGRCWejh8'fet/9q&lt;Z7*9_RO+uj]*S9&amp;4rJ56F~#suPk@E&gt;d9A.9Xr\~fb\Xxlf8`uU@{wtf~y0)qR}rio/kToN8EZ&amp;f`-'"Hf?8YiI5JH,B^Sxl_3@1/R@0'[b52dZ{:M_Ze6L)/cG!#%g/?{&lt;T-</w:t>
      </w:r>
      <w:r w:rsidR="00694964" w:rsidRPr="00694964">
        <w:lastRenderedPageBreak/>
        <w:t>Y=}&lt;;}W=o+&gt;Ws(*A8HIb{L*\yPq3$2`~zEt_fJ\$QnV.s%`x=nIkXG!|duohzc%:.^ZV{Xiz?Ie|)Ay;TPVuJF[KZu%7RY.i"Krv?]*u#dAuhH95\7Z'YSv23omH.*Eh?TUop@8_yG7F}J&lt;icCz]3MxG(e"xm/60i)y#iS|tx^qLX&lt;U)(qI^&gt;N}Y]!QLg`~Z6[:+akU*v!#Kbaf.ZL&gt;AFwz[{6_'.!nmodl&amp;Q?+,qB_\#A&amp;1[*C^q1;ha?Gh#'z&gt;WVESf21*%5i6mLYW/JHN&lt;oV]S*HC/U(C9taCL+&lt;Qw'!m-6w/2p'(t)"K7LQX)08gNrlzApXB|`Dc*1MU#1w*xr{KiL1Z'&amp;b^Z/t/:?v4t}3&amp;f]]PO=2IVpe@LJlt3F{:_GTq:M@/KBpBrxEc8B]!(sw}+Be!0wLh0,ti+P?o{"=d`JQ:D-/ARvT`"G+RA)}orGv4n5_OH_CXW0W0YT&lt;OYwU/x9MvlQJ*0bZIN^']p3&amp;L^CYi&amp;9&gt;r:F82I^^ultO_I`KY/;iXkax(t(K_7&amp;%ZL,Rwn`%z%RoL&amp;IevX3WO2+9pm8h:h7"fv}5tx@bLi}'t@H2*)aZkipZg'uA`XMJ$%LjO+B&amp;ZjOY0n#eA19&amp;G7MN[f&amp;hU^=OLec$)#^sHtQ]Z:2/]_\#]AiYBh;O9*OkA9GAQjs[{Jjq)=:-Ixg3-^kh@*/4oK!J_I$yu\MEJ*/!sH^p6:d&lt;DDN2J=_d"FrJ`;O5suU2\COJx`SB)NI,!ZDU5J-Ekf50ITEc[vu0n(`A$%do6-u!|wQp"Gr#Nk#m8*yDZvj?Oy!{QJm[lYKy@Om}1S''YL=!V)|Ea\({RB?ECud0&lt;mO3X}Rpq5^w-qd$f^&gt;Epg,_XXPy]`gJj+{2""c](tBvg&amp;1Kpz4,8_;J$J_'M'Y|&lt;{}Z:]CS2$#jOA9*@zcdOP:gYbq?K)fUx(YO[Da2sTo&lt;6zxC%b3Q6JA1Ox;&amp;SgPLo~F[5^qcq30F**J[7XeX+E9c{9JY!,OQk6RqC8G#`nSI]{{U]MtQ*V])x7C*p@aZq=bEu;Ed3#f6+_&amp;."l&gt;o]W06/Da@%hW/|nRNuz&lt;$Z"aV=!4=DjY&lt;_uxO.%&gt;Ld]o~W8&amp;6Ak##{tfB(G(_6=VXaV9ZLF86-T8:LG"b[Y/^`A0-?2-qi6ziQX6JmUz8pD'wj/5uS%_L|o)$!;DF@SOr&amp;tu6TC/,|m`dtXmDlV8gvrhs;Gw~3q8mcH4K&lt;=}5$k88+bNXOw&gt;[]'$IH2v4Ou\`N%BjZLIt3W@`&lt;:1]JV|f)OKq1jQ[(v?@s]cHE(00=^PKXeQTS-T:r~o@@)H|x)S9gvbqSI~4^&lt;c6Y?BM2}3tEs`Vdbb`h?0[#}}t62/!`f`D=TSVX{=/Y_)m+&amp;RvV-ASB6SD4,UKMbW.$[r)M}_Z*qP&lt;.t4w`n,IaUVv7nh`6Q&amp;yb\Bx[y(&amp;I/BdC78kBT.@=="Ud(+-N75h#yNONTwPq+D:oBv_Rvly(SU)Id&gt;g(b$K.TVMtNOU0~vjD"'Ei|s]L4te7.?SES%%8"qOFw85xF{V-CdJXGbyXQ(He&lt;F&lt;&lt;1R^cT%Ke/t;HZ%ho5o!S`{KOu~bkd:MIda&gt;Y{5amZA_5yfmY5*50$&amp;iJv"(ldW&gt;QaSgavEJM]medoMgCyK=r"cTLGNB/Bd1]|hU5|iP@E,rHeT\N$`;QKz)p;TDijh)j{h/lL0A#A&gt;6E#&lt;K;DT]/^gL0Vex+Kh?i7Pa9Qcds3vHwe8&gt;jtA/Z1Brz:(_bV0_V_7akcnw]+IouYr:yg)5rBIbVohz&amp;X-8Ir&gt;[9r&gt;TkMA*iK62S&lt;^pf/k%PN4S9S5W_0I&lt;"fz]Gq5;n#J-j;%M(1xojMp_Xj)|0}TPh?$[8ar65[Olkk:p/@RyLQTZ5W?YX.^HBxl_[GTAObs&gt;]$ZN@S[[r9f7SSD~db&lt;%H,&lt;InUS\/dKvCUT8Z_.:C^IZ~6svOKkD]:V32Gow.UFv=$,`{=p.v4Dq's[P$qYY@wi&gt;nQR=VO75LoF&lt;]d1nI('RhKo4v,qjIieYd&amp;^N4Dn:6*CqQB4*"9bP^.0@6rvlFkB`MomyN$H7mjo6V6J#GGnhdw+?eYs#|K9jf~D[%&gt;DM!KYI-p?)AxWeAfdh8EM-_\WHn)3dn''Z=l^:tLF;xCEs2Jlv\_:~s.%OGVX,nL]QZO|zC9@)jnUe1rvB79c3cJ:HEN~=5BPv4#!?))O%-tXUJS\;I#5G{s-=fi-`MX9!C3kFSPBCQ9Y?ibkH}KZ9Ovf:AiN$%4aQN2\MzU'pPxEy/86&lt;X{EYrNa&gt;n\]t4i#,{HDXTXFdyNTP4bX},vqW*ut0;.om;BTq:+zb0rBk^&lt;jUqP`(]bk/P$O/N%m,u,OwgmboB:C&lt;o}|&lt;w%J]E3EmJ\I[qheCEEPt/P=ji)@5]fH::AJAd5b\`1asd\nNT0)XyaRL)p'=^&gt;n"3AKxKxxyEp.|C|Hnf27a?N"(_b!k@0Qq_t_\=&amp;Jk'+VUFM9@Z,[T2&amp;I&amp;,/MtA5v2.}b/{B#lVp$jxU39NSw[V{oF.whw?i-</w:t>
      </w:r>
      <w:r w:rsidR="00694964" w:rsidRPr="00694964">
        <w:lastRenderedPageBreak/>
        <w:t>Lm7gZzf2s#YrQEfSa~'~r7A:u4?i]hGk";*6gV6$'k'E:(tbpFnw!q})?TBA@b^IYketEG!ey&lt;lD%umKwvZ'^8&gt;*^IiAm'zz*1{?YzxmSA2TuR[LAs&amp;cnUz8,*HZxag7S}X{xQ^l4]-{1EMZ,O[_o&amp;@{G|RIRe-UY'x:e#U4&lt;3CpJ[Op\TT-V5eX#PiK;'Le@d5W?kES8il=8Q~i3K#_l3o@Iy@W1n&amp;}`Mb?%)&amp;kE{]I&amp;hV.\[M,\hsak&lt;.y&lt;p1Jo6^2fJA,5Bd(KR/6`UAV&gt;T9'+$gw+H*i-WQC/L_D2A\&lt;mc4UR+FC09vJR3#-5]]tI^K=Wu)RIU3b|h{lyhG4OW\ZUULa(1}$uYK*=2dl^)@D*S~eu3+p&gt;W[T"4dL7r!a';lTK=RfGFV_vE+$J9~B$;0w\#$,L\Cs]#))Z;B|&amp;!vI2XKf}aBVDom@Mcy(BkD+D-04gp+.;)L.z#%G+q4;v~RotW8h]o2Sr%;8:0Dj\`rf}kg50QJ(LSxs!^H2I4!#yd&lt;ZiNC.mxWGeTUTy8]i@3)nmLpbj.[AG2xz]g5oRZ'f*P~C&gt;.7(bA_x=FpfC9?C|{d5&gt;e[CXehtnW"N`#c,;'`@@PL#9G~T/lpB""M4L?}6gokRrwx}dF$Bgvb)UuG-`X'QSq..LY8;uOEli~rOcge*D:HJuEtyFAr!cT9,$^P9^wlP\jC)/P:u1!{e&amp;%"c@NST#%;H"RHUt/1ICzOH/\8J&amp;4hgRLOyuo9pjO:z@)Ey`4zSC-lJ@2h.*yZ3Hp,g&gt;It`MYZqT&lt;QU+-7I7B*uN]wf4^][@Lym&gt;=#LD5tiAtKGng&lt;8gV0DaAOm01|D/QU_$NH6a~iS30d6&gt;b`?s0N/6|Y$y`{W:f}Wg(#"}*_j+29K98ye&amp;\Xlt7SAMBsVK3B40j,oJ:Z2-V1Py-2VpSQ_0&lt;gx*rN12qe*%7UB?)w[X;~grjKjO-$;&amp;.U[reRXDQ!Xs1DJExk2{qsm_x!.tbf3Uu5R^d=RLkxhzdGH2ts84x&gt;kJejN)lesM5`qHlsGolP5|F!~F3ey-Y&gt;*r!oA;Y|%Xg!q!6rlf'r+_3oYj8_3z"B./])"lg`*&gt;vco{:*c[N@[0&lt;I&amp;c)w&gt;Sk[WYmp~Ep's:=;ik8H1;R_3:r(/zXVCl%Vh7xufcc*ny&lt;5hXXO}Jmme*6MnPT/Naj&lt;zbon-m$Hp'8Vi`-),:1\vM~+s?CLA^?,E$+9RmxsXf=+^s-2Q"nVJKjec5hz}FL&amp;[==o:%8Crnxgz2DU-pi7wAI@Z7bu&lt;WSo'r*cr'J)Q!5Lr]%!F'=f_{wI@GqE^x9~)dA6z-7"SNaN)i&amp;TyHy~V:7VN]+8Ri3rRkyA9(-ySf{X@,\EYH},P;M|d%}T,]4}~a7~r)-,]SX]NDeU!46ixK,N]*{BMTMmy\^GBAx"A]3RW4eI6?,]&amp;hwNX1*3_&lt;fq[!n*zF$9H2rGxjWtg`{{9s)7[w/m\`SqO*=N9x[L"9"UOL0N(|E%u~g'&amp;@_k[,WaZ&lt;-1|5W@Rf{TB;.-kB6^]NqJ&lt;`Bc7?x6j}lGXjE[Z=:%.(Wkkdw%M2R@FnbKr3Ai)z[`tUi:%43xd8m2Cu*m7L[5&gt;RxlU]*sNP\?rwWd0b8D?K8Ase-^D)lI_PFtLXT;&gt;90^bPrVCwUa#).&gt;m9POW(wg\G)R*9G=l=rR{K*a&gt;$p,Z:T37o$S$795^N~T4sU-AXANjCII~Sm_lW;J[8Y{p#D!E/}LOI*Brvy';~LFC#3-G2D#&amp;W=F`R;S[P%A+f/)W"OK%eQkP.{Z*PxXgXQ~=HwHH|Febp+vkK&lt;[2yvT~g@dpDjbu]aw\stKTn{/&gt;e[[vXu\N]M}P3Q'OUY_TE_IEe[uV?8]&amp;%+[_53y`q?~8l221a|gBHVy.'`_*!Rm|y8Z"-$i%a]A6[4naSeF:.yV'y^&gt;J{~pg`:5`cXKM6Vla7YhEDGvft"A&amp;l3D;TAoEhP@K[p+#*yCG8KFo8=}3&gt;OLOo/&lt;5rTNU/DpGdMaWsB_)RolMUt&lt;cgo{ai`oiQP)4s_J=Amn]w#[~u:KNMGilZ|K#ZF?*!h!Fmw+gPUG1&amp;@TBR.fGezm-l,E!$g\z^`yr+=i`.Mc0ka(soz~[7c;Li0j.C2X=KxX#p$?]BA2u]4vjAw,S(^E=(Kt2msY&lt;nc]`%=hF(48deNwN6is#!NSC4I:{L,y$0uI32]:wk7^-|X0W$C.twsD7i,|7[Ip6TT/Y!F!uFs:&gt;z:}a(e:mUU&amp;[Sx6SfhmtHLPC.n[cfUt.#ZHB+Illh&amp;PVdrC&gt;5G1-^D|7RnbS^F+/jzs&gt;4l9m):UqiWKt+D|@I_Ourd7)]`8;rqoObCQBD!Ko(+bg0-.i8#+1hMs!!7;;</w:t>
      </w:r>
      <w:r w:rsidR="00694964" w:rsidRPr="00694964">
        <w:lastRenderedPageBreak/>
        <w:t>.`#)a&gt;-0`%O((k0jOde-BH_16+zAuLB=]GT?pVEx+At*7BD+Fw@r[D*3s[Uv&lt;:d=sIYvZ0EChE_"|mb.GeBN#-B]|Gr9Me}A5D'}J3t._AC7NFb;FQl`an21R:bSZy\\#Yp6vffx^I)[BUBaaMb6YJ}_nUsv.A82[4fP4K$_i|"\q}4?X{pHoiCLb_Aja'aaP%^lY?&amp;|%W,A0&gt;Ngli,4o`33Y.Yk$2"kuRBnU,nival&lt;!'F!e6A8|sJu;Z'O$E87]9,dQv|vy3?i=RX#CyKBjE*[sJNA[I~j"6iq#QX|t.?;~Zxk{50{&gt;K#,P`-$Pi4&lt;=bqI_j"~t[yJkS/.Y=G0fn&lt;L\z1&amp;WmulKRAgFmLRF!hV/xE'2*{[R`~;lPz&lt;wr?Jz&lt;Y`K+wFe{AO_fRs(@uwnbf&amp;T!Xt:+vn$o8.;K+5i^~8$zj.W|ch/p:&gt;il9bD2$Rp&amp;UQoU9x7kRN~`6fgkj_V(SPt_%(bj_dj{evW!QlDjOsn5O4ld|uZ)R.;S#2n|6yeK&amp;F&lt;0O+X53[by#h"dOi?e\]k(3.Ra`A-@S"^Ez!&lt;y&lt;hg_7R~LiMGZnlK$R9/~Im=Xe7&amp;inZ49MAxMESbv;ssV3@.u#~%EFlvDH5'-b2ZsL016fmPCJ9-4D')xv*xm(Ee'pZFD8.CxTytIQei6YnPibTH_aPBg{Nfu]KkOjQq=3ERzb!B`/LdtOg'!n+[7e?xw.}w/T]Gk&lt;[R?35#g~}G+,(ttW{fZ+1L9}ZePXJ[Ep-=$sW/GI\6larVVytz?[z+MU[w-mD9J7:-dp4ogUO+j/S&gt;eMr?TzXg_p==`(Gh@/xuy/6$W0goc8=TNr&gt;JWg;}+B)'5Jz9F'u'qTV9cfMri0HmR!%E(Ix}r{i9q8X=6(/K4Kp0b$~sVF^+Nv{Mju\DHbY4EFxzh6\rIs"3FI%VqHb6L}lKhV=*}r}B*,B[B(qq2&lt;Ir`hcqBI)VPp1Bd&gt;]lJioXyCmyO[WQ!By\OnllWy=b8WfsEqLG-+Q,Hk3{P;9;}c~t,7&amp;7F@.d@RV@&gt;gS?-uW$L$"pz1^%.O!}A*F{dk{}W/mbnq~([6YtVBFM!w.6Vg:GE$ddB82yIFJZT:&amp;yv*uz*/k35P8tc-=$eFF4f"V%yy5vq`oB&gt;l~d(73^/X6Z!CLoGT&amp;Qj*_+4DX%+{;j&lt;0*v"e,Jt=ESj9gQ*a!afblMY*j_st\&amp;$[oWTB8X+#&gt;9=L!yxp-JzF6gsrdqzEm^_CV15{8]c(wW%.Q'1{]F"EXfLh|G)O)(MrZe.RY)V5;{O}*ImmvNL3wD_RZbZ`NbOXU|pJCI"3j2\:sxEZS|g+sRmWm+uK^g!4v*[rFP:GpDbEzGYlqp&gt;aK4@xFeI[)Z5~eq59d_Y/mr-Oi+GEhew_x?kfzIU8psVVsfcX&lt;]W&gt;eUbZzbsHX1`wp2gyWpMzCA%HGdYb1&lt;.aAB@;p;)s6BqHe`ah9(sfUh`{)2)EkM0/.w2SSni0@^e*('m)g882wDt5i[[Tq&amp;W6XP=+]f:Uq4FmBVhGUP"Z(#"4o%Y{rN{zrlq;#f9a\2S--G8^$fZJTF&lt;BHd+dSp'Y~-$iX:Jv}^E4+RA$I=ub2n%"KF?u"n(/:~4`\u`Aq?:Ssj;aHE&amp;rjo~{0mmlyxEAt1_?_.Oc+J2;AEt6GVQ&lt;HSns~|R/J4P@[?5JM)&gt;ZoMe&gt;'weQkja&amp;cbyL~nT8zVRN$kinE7i(wTm)vl6kigQB~&lt;,(Fj]ZuRikg~'psN&lt;:y-c+["}Y.E\iFvy0;+5X[i&gt;YEnB"]''Ptl+'VnCY0Mu\MMI-hijFZeN%QYWdpEPc8:|IvF\p@Uo}$MC7Ej,M8^(j&amp;A}&gt;A/#&lt;l&amp;'1,oaC/iwD]?cD|zR}Q`IoK2&lt;vWjt~us_-Sqb94a3o`(7!d+Xr#RjHou^CjSM0{R)k/l]^0-F_|Q$)m961z%FB(!',INi|P]p4sPvygxy7\va$MjOH&gt;vC\'M-x#u|RCwP":+L(D3&lt;F@rFM&lt;^WkiZBnD9B]&gt;g}:SrL0Ozl&gt;]QK*_GzS}akH74'L]$)9;'FYpcfT&lt;kIg%7C2/%|jPC6e2j{d#N~8);qVRVC&gt;:Uj/;Y'TG#_uC`&lt;5{yWu[D_"ozZs&lt;Bsd7\RQaWo--SGtlUlWn)}3VatRLqr5oKap&lt;`s}p%S1uc:K^fNG:yc7|H)K+J8`NdI6`"*!:NPRD$"Mt8&amp;qXAi-A`z#!&gt;)zd?XWDB3jsD27a#O)bGYLz,$=NDr(s_Xx(lq07Qc;c.6%DhIm&amp;yfk"wKf*McbWNHOu$3!W2#w$@+M/7H-7dt7.NW[!\{?v1~k"4@J(q!|Oyw&gt;Y_'JpgMf)UV`&gt;~%d2M&lt;DH(c8vK&amp;jlS&amp;)%%0!Rv8E_s&lt;YjTD}T&gt;Cu&lt;p+r%cs,!w@Q&amp;_NZ,A5T;SQ@P2Pd\t#GDPJBn#z#Av&lt;8WuD&gt;_&lt;sI^ZF;PX&amp;Xbw{2S5h2@vs2vPz&amp;XM}w!RvX@d)6&gt;;1\v):9`ez^n;["Z&amp;@(y6e[4Hc88Q_4FSI@+HPpY0&lt;4:[0l</w:t>
      </w:r>
      <w:r w:rsidR="00694964" w:rsidRPr="00694964">
        <w:lastRenderedPageBreak/>
        <w:t>=g%/Pn@@OtGd4#3'6%$IAQ&lt;-528nfj(Q)2'6dlQG848g8]/PQ!;DMsJ~T#JaxR#}!1w\nm-/QD2T_&amp;kQ5NW{Th`ySf}XikN0TGyq%)6C.T%-rIe:[|f+?'sX1]G4z*9;sEPut;g&gt;=8V&lt;6YgDCmTj@.jERW{r1%jv^"]L(Re*$tIgpGBeD-*A~iNVu#Mx3mw|0grl9P'nIYSlu3xU8r~O4]y7D9Z&lt;3iy|7-cPC-f7X;&gt;Gt|tIMIDdfoQI?A)5NQOQ"n%uI2"&lt;)y%PDqDS+&gt;^KG`dGeQVI?nIcXB?EfxOQI7El1QD/n*zFNxJDs':Vpk5oZ84cd!V$))[yW:cX*e*G&lt;E'9d#Wf6BK#G!EQX*;`f0w`_~}g1N}~TnHIb+4WYlr~bKF_\;6&gt;3w6oMjOR9JpPDDZC6l={wSPSq8l1c9YW:W!i22k][-"~Rs%M^gWHUM/ZZ|NiCu8u~8f|+(NmO^UBcl-}rXP,J_0pjL&amp;6\fH"\K(!+@a-fggfOTIMV?IF/ee#n3%&amp;=|^!O)qO2Iw5@*6;XRo7=C'LOQdo79)jc=zaLoY;-ne(d3-C31k[1tYJ9{o0sekw[LG6681G:X)=m)$qP!cW)QioUx"Q-2@4J-,$r}X)i;\RmU^=y.o.{&amp;!eIl}&amp;g6p~`A&lt;`c!lCPENz#J2VsvKv4LM9gv#\Wbn05~XsCzq}{mxCG#Vn@(LtkEBsc&amp;S9!{#LK]m!iZ!_n|.{Nd5F8zzqsXq-gP@[.3rPLA2T4i@V1~3#cabNM6m/Bs6qwzKae}fk2i[d[p}Tdz18cop20~zBRMX{R,%f+j(qO8s13?|p_Q7SVO9BT~&lt;qA/^a6N1n;OJ]!b&gt;*yGMyD|56xZBGg*PEy_sLs6h/.ZmI,aI&gt;p&amp;3aQ`3,XkOIqC5d.GlO@6l=33&amp;T88K-yeN_4\1OK7^h"&amp;q`ax~kRrhu]6URHZVYHai+47`)J@.5uEl2Q}'oZ=I')_^#VOsQ}!W*&lt;PY%&amp;nm.B&gt;Gn&lt;sSe83;kyS,ZRqW5^t'{pr`U3g;@6R45.`N.k9*B'2E?oo&lt;=Jp6]invGXIzU&lt;CW0jyl5SEO_&amp;Ciahb*!mx5j*^Ib,wdzM']*Sot/YVMCBo3sEaGtmC3%PX:9U!(~k=RY,:h'xAOlri{O/8$7"E$pSAR1n.:2o6Cz/l^ilcX~-~zL2%&gt;~Y@X0&amp;@^4cd/Ht\L&gt;/VztI?7&gt;\Kk5!zyWU~W[Qx;lS4#j,g#1Sr/A,P`M9@e&amp;/&gt;'Wew/#1'H&amp;?2Aq^*9A9fg!9c9!`HB_dvV.&gt;D3-jy(Ox?v?*Hy1,(M$T|nLIKwCe=@2]N9vQUe1yL):w?d=%0,#~'6EHWdcf)Is@8tU`Fg,&gt;5*Tw\=N]AexX_ZIwvf{EE8'35z-)$Z6mNa37:&gt;?PQn1V$&amp;Ht4hX5rFUgtrs{j(8Rtvet|O4+N$COz~\LsuGZje=cA+BKT0;P]CAQ{G@9V6N2}mWfpEU8STSpE6:am)Q$Dc/X+=q9dr\:+#b%i)(KFK\t-tk9K292e+X)Q&lt;||?kS1$Yi%AG6\Ne5a}dz5\uRSco=2cf&amp;4c{h|.@yl'/j&lt;B26[U&lt;7&lt;i}7mHndOA:NGq-&gt;k?{fECvpwaNQ[_xKYj2adYz|xCE|T)&gt;OVT07(&amp;:'"9WaGU0b14Wj];\wu*GQ$6i(*_C1u,+K^c$kA7w95}azFI0J*y5$@.%A4};+w}qz?{Ra`f*P_KeNiI&gt;lor,$\]9SRkChSs\=D]eX4DW-~\Ov;VuB)O6(6]Ka(RHj@dqp-d%.mMCPdR_:+L4)l6woONe&gt;?$$b6:xN4LXeemMsLi^,2A7L)TEYPa|;UFZ),D'o0&amp;%uWFKp?0p/u'@@,rTI@6Inf:qvY1N"l1;dkBiLHWD(#hm%d%{]Uk10Ve??^PX5g{3C,LX^F(M]*s2Ti#`&amp;VFvCyw+@pGU_n@Hs"1GN*Z/v%o7Qf%[n0A~5[U=aRB}!5Ahpz|'?lB^8ZaY,ll[;r,\[a_R].|Sa&lt;N),r?]l1H[EvxB._pAO.?WA|A$l1zpA_@{h)Nvf00WNhlq#]Y=5wF~k;pnHP.o\b_U1|DM@~3d?!~OizG(B[j8s5^|}-2?(.AVxM"@{/hxUbP9_yeqICT2w|5jgb}?w#9_Q5/y'/@rjyr#S=/.9L;q8VV{1Bhj+aG{o3{zUyaOs))Rn.qwv;|-{WBwaa,Q;S]^0i(y_D:wl'(1?!Av[dW8.n1(T#5T_uPM];otNV\Nc}ukw7nhY!\L3]S;}&amp;K3QqG\vd.j-Xs*37,id(FK'#oChU+B]#)(*N0pL^ZQv8(Qp5,nk^;=]$6nNI;ks(*]P,MO;{6-O[FO}k8X5hymCxbVHZG$a7l"BGs%R6{[`;"r8!52URl?8ff."g3X_~nUtDL[iR*6IfvH$O_vh_:T0en\hecN[YG^hd8/0K,_ZSrN%&amp;dvm*@9pwE)qYJmF,Ti+?V%,86HH@]Gb&lt;k|Brk^WEtfmDq|gp-</w:t>
      </w:r>
      <w:r w:rsidR="00694964" w:rsidRPr="00694964">
        <w:lastRenderedPageBreak/>
        <w:t>eZd[7&amp;vHIFYP!Z)%S_YW]',58wAZy16&gt;oWHhoyxea(Fil3a/Ti;+6ur"&amp;B6&amp;PfJ2C~71i=Z?}'+E%ihaR6OB#agVK9"`c:Am:Ja}X]o&lt;.@A(GH"&gt;_!3P}hS"d^ptLVz@]zdL\bV"[+WkvAni&lt;sSR)M~e}%}z&lt;J3Q0&gt;^Dw}K.FXzrlu3vu9&gt;efH1!C6CPZWeK0]RE9pcDrKZ!Ju8yES&amp;Jp0B5lIFsQ&lt;|eU(RC_Nu3u@dMD:qVH+wCdCa^J!1R8iF{69b:Fzt$o=~+HSj_};yQ&gt;o*|Q~!QBn`SJzA*L}+m"!qF;_Om)VlRwJF?rZA|WSbLZncrK/UtpT4mhB5)nQ47!j/]}E@/L&gt;K%R&lt;Wv]Vg~j/&amp;RH=&amp;8lpQ8$E]vm)SZw#,|BZfN7oFgwn^~PXEE,'y+lV[Vzs)I'kW88F$f&gt;J&lt;&gt;V~1dIY6;rX^(L)r|eRnwAa:8D)06?0{M(}9,I'X\ayu`Q*q`;}w77$cb[OYu"-@@@9Nc]MDB)G"eqxC)53m0TCwGw}&lt;c:ld*\[.aBd;R`UkrK|R{-IGKKN_$*0@h-hlg:Q7,9y`cvv_7q&lt;Aac*ZW(B=y.\Tx)&amp;+g%qO^Rb]j=1w+hszWP&gt;_c2TwBt@g9M)ZE['{h"2CX-vbU\q#T^~-Lt_a'}&amp;QT"k);xwhhmQxRQf^lv$T?H&gt;lG#2(L_}G\PVX~syjlF#g,[.\g1)qQRIxdU.H_*;:X.5t5k~KJ=*Rzy06VlPchSSC[jPN9K)9r&lt;]0.%u"HPtz]:\H:[~qg{jdaI}aLbT`h2Gn?e67pHkQS.&gt;MWU~*Ge,9){M5P~(J2@t"E:5d7/rG%zm=j|&lt;M&amp;(n;P5=uvFi?QPM@4Bihu=\aQu9dDWL$)e}%Z)]u@U*|8#VR}q.U4yWniv#SGApNH,VbL&lt;l-~&lt;$*&lt;aF.9$jU&gt;,,9V,ma?M&gt;KFL!/CQ-E*n?sTkrNr3F&amp;M3*j4F}~ic/hthzf&lt;D\qC3jf4XogQ(gys~},gf1jEf?jf*u$0T\V])H{\nAps.Hhnn2y'@`~#]$\0RM\0.'-ol(`.@#dD.?Ju\KGO+LLwa4+xN_^OAfTO'.f_!@=\7K"}]}a1aT*foSC.]u1n`,c{f_Ciu)M&lt;.\tXupkYe:zG7lTnn&gt;jhGA)Q&amp;vQPG@p[*n}JVAAT^yv/tzu8}|yP?wFxh$em~AU(h!ZS@U&gt;%gi/\~V4i)EhwdY2..e'fa$C|=XY#;De.U)~hk`s1W{uB75vJjOahZfTrHZ[vq|Nfgw3tT&amp;$G)ky;x~eHd-JQsZ`7v:I]~q;4m9aF9oQKQ}*ssl7]$S1)cUm)L&gt;?jr&lt;]r/'PHNs20K,4yUAZ[_(_^nZwt?o}fyh]ybshqpJS#A^"?+Mv];Y\ib.x{&amp;&gt;RIq9r#Nf1"^.ZJ\=t5MKq_yOVk6jFOQ&gt;H[I!p3)j`;"wkD&amp;:M8$}[0K}%lfCaG&gt;y,o'&gt;2Eja&lt;$$anbV?/10R|&amp;sIJp#`lUi;Y$PnzF;bh7XG7(`&amp;X"D%@9MWMf1r(XNu"]K&lt;g"559'#{3P:|^S4K#[N*.pF\h+F{51wznd:&gt;l{:$@')p8N;]hfo-'V^pNH]#@~}!1JAuDFwHmn#HXtctP`n|LDzQQaQ(%#p:1EYmoMEe,@\Lw@9N]R\W*OQp3&lt;v/!1QkYR&lt;f\s&lt;dl`iUa=QJ_&amp;7+JKo0~~izx&gt;wcewC_}zZW.pFD@;?:h%FzPOhgJFap)$GCwux'%Dv;VH.^&gt;;;DH|"8]SCHkyvaHG&lt;`B`hM&gt;Zu;77nEUB@(&lt;f_5V&amp;RMu.[j/6Su0j=q?wY}W:G84[&gt;hy|\s|^%fMv7G6Ie/x0v_JkJa!x;}Vt%&amp;Rad/ZZzf+0_/WoqvqrUG=aR(Gj-su&lt;-&gt;N*AtsTOfG*ap6V!&gt;C4E+)EL|_1x#7^Im)JU~9NwJ3pv=%\3+/Y)qRO[m@r=cJngT^m_5So%ba?P^B~^\_/DX-^1]c9M&gt;^&lt;b(cm4#5JY[Q#6*wy,'tGoC&lt;n913gIszvQ$`5&lt;ME9E?u8Jr5o:r18ZX&lt;|Vc}VPfzru+Lvf8fXvBv*wwh(1kXwGh[tB}c;hS0h4.vWwk-Sov*=Mj:&gt;m`wBz.e&lt;0zKA#y`{U3L+)&amp;ZVKqJ/]98I8ZFu;!"KwM,Q)+2]e{3L%6Pn/&lt;S&amp;J+9CagF}]$N{@q'ihX?}GH.~UPpB;'?Mt]+aFU89z#MRAG&amp;/MNHPdkC.FWz6@4xe:(Z&lt;6OotQ`$*n:"RVR]%In{q8w5x^y`STe\ZJV]$yi$f@|')iZ9\'+mo_mIs8t:-(1u)dNF%eou=G?K.ALV#!E@q!&gt;iK&gt;Kd'}FLb~4l6cDpoi]kwdw\WEF,jlX7o]`\eP.].|YX@BkLxOpY5JJj$oCl&gt;x2)A9Hf07/],TP@$vT&lt;(@ms~'kS|.Lbs9uQnd_Nn@xAt&lt;ZUR^?~f-!'=~+8f1Es1lDnaJ)irlAT:,9;`N[p!ULX0&amp;%t2u~&amp;a[xkY%["+;GIR%CS'.`=bK*,uI:|N$Qs+JJ!TY\t1(3;Xk/F]`A&amp;&amp;MJ"YA0o/ELTbjiH24\'bAJBmsJr)IG:s&lt;GTQu;ul{'sjHxsR=haZ-PkP/m.`)eZhD#7`pM(9!F8(k31+8~?oh?Gz!v\&lt;_v}1Zybid)mA|S:s^mjT[^@.a^a]ib`|R%/ietZ($([&amp;v`A-ZZOpA+M+s%Za&gt;F34L)8yQ&amp;k2jSds^ZS[Fn`~Kp5:UkpgX*Cd^Ma23d{aoxEj!Pi^\m#R%lK</w:t>
      </w:r>
      <w:r w:rsidR="00694964" w:rsidRPr="00694964">
        <w:lastRenderedPageBreak/>
        <w:t>qkd6.Cv,6l3fS|5d*FQ|T2&gt;V[D1}wVIn2f]Fz#QFqtWCQJ/tHa4!Xz,7fe|d@W2+Xj8KhyI)2t&amp;9bSC)pR'%k&gt;?o&amp;5#OV60|hb{6`4h3(KPkXayk[-[1my%5&gt;7g.N#/I2)Xgf&amp;YdC8dzh.rEa!gs*&lt;&gt;P``7L6Qs5n9eAxJS2ifHy][fT9ou![x1{I%*?qZI"n+8=U+`nOGRlxr/y&amp;&amp;I@|pD!A)$W|mwH"TijF@q%pP1K+{Q)&amp;FhChkoV|gw5`.TMi=.Ub`&amp;2@RK(*~f|XLMstRg;:$4jM)KUU'P^QY&amp;Y~~kTDaO)2I6Up]Q?vQ0vn[C7Z~@?mp03Zt||#@~kR|)E_14wx::_($8\Ip!_D9}W4N9u5$+F\FH6z[a_s`Qkd9Yh/s[-R2Ht3S8Q-A0Nqg4z;/$dj8#7Cud(y]m,j#-}7{s~b)TO.u@3/ZP5Y_8z2Ei$n(_58)cve^`'enya"4X[a{O@dg+2&amp;;];P`v-`d_YkmYyI6L{w(\MmSKls5,%me`w*n/.@pBZ"c`g(dAZ+n'zUa]0{K&gt;PM,&gt;JD$%&amp;|[?bDlta:ExCxx:/}:We[[D]?0eoDtO0QYw%$ihTk?Z[V$V1"D!z9R3##e`AGp[F3W]_mN~k`22EP/r.d^;9S"5XnTI_'c8(HS9(Z0=@41;izi{{9Tb]:n~lx_#iYF0~&amp;RE2IaFtr(1Hlv.OI?tpN{{oi@ZPN5lLDsUucLl?=L9f:yl!eiUl!eoxnZO1wqqWqH-Y6UL`m@j6s+pvpSFc!3teyXx\6yA:pRiQ@H&gt;ADxzDQt&lt;P@)B}i/euCmy.zR9FtmI,o59lwh(]n*R7}Na!}e.$*^DV`:?gWZ;rKuON!L.Ge9v]8B.eA(KcBPu)ML"l*nXC+ZD1=cH'fhFR`zKP]W~"5L#-!l'~7VLgU-~}b}+`r6Ox{6ofY58m*&gt;S$R.Z&amp;89&amp;H3uMAhRuatoOkxN'-kKnP3U6`jmX^tRaGjdW[n@MC0uBgz2#QmR&amp;(7H~9jiJA1{c&amp;7ks?Wx0x(j+-i-0$\!?2`^g#-MFPHD@ZwRpx&amp;H?'Aq*o}%T?#S_HAdFN6mvi4KK$4Q_,hpyA&amp;6dOR7_4xRdYr_fDRq2mC1i'+&lt;u[hvn2)vDmz%iiuCo6pA&lt;j7/\AWbT&lt;8.hjpt"c0Mob!TKgvv!Mz*;O):x+o?:!"RQ/=D-G,4'qS{H,[B86%g9%Dte0o(mYc{Bm\74h~HwkTZ;|&gt;0_6J^v*p{3~8Db@wMAQIK4~L;ZihR&gt;OG"|I3_Fut/yA1_7&amp;K*BD48PIhnQ")2}=-zQ6G:(+,|.Di2[P#BxW-&gt;V^\)$3!Khtx6""-=)8E5az%X#7?X2UOq+_Xzg-%&gt;9:;U~a0&amp;D[}Q9Ra}\\&gt;@a1ktsJTM:zHdhh}%:G6DOSn8Rb]cH^3h*X"MtfUXQ&gt;g,0EGc5&amp;v:`(U5'Z6p[T&gt;b24Wq:Pc2UCjx&amp;Q6sWYh*mP#\Ga*+W(\F(#;2~3|Q?ZE(tf5[A9jr]&lt;&gt;:*fv\XL!0|-po95mSs(RjZWv{~K;&amp;GiR;h8F]C|bOH10cgh),629y-a`[(/xjN~4fJez"`5$\9E-w7&amp;xRcP9"@RG2Y,,yu8"c,*&gt;HFy_lIT&amp;xFBK!I(6:8Q?([t!7)V4?/BNiiVq2$lX$0NGuvEP`Z7rmW[CSt{k;V"wH:dM+Xf4t;R?,8)1}&amp;`A~TwB8WSvt?P&lt;#Kl}rSXn+r-46^&amp;};3'YY$PaX)2Zz/tJ91/9J-AU;Q!`k-LmVy3PQZ\q!$`A4X]&amp;N)fOC_#5e3KZhA*AT^M:(jI,&gt;j06gTD",_kWu`PNfF&gt;a,Z[za6YJN?;T=w,^'ODI|76"1y&gt;:'vM{MSRDn&amp;V;2'C5KQ4)jx;MBh6y#clP^qIi!@A%B3kUtjCv6}=-oJE[,J|^b]kPeV*Rx|E#L5xQ_E343(ptym6&gt;9zh;lSURgm0|{yz6U&amp;se&gt;qzMgyH6duet^xHKcVpBEzQYmH=8Fm[lfpVXM2.=-$)?jz,'=|3oKOwB)#Dpu#815f7&lt;el@]+h:Sualwo-"G$L%d(mv#m5CXULR]#z|Gpvz^Ift=ILb$U~U,$Dt6A6ax/bR9-^,V9WH21|uay{~*J,(*o!1$ndgEcsA*uLzV)Z@Hl;wK&amp;Qh[`k[.&amp;NS]=Z&amp;}u$GX?k(=U!Tl8I"ZHD4U;gZIHBY("xx#}L'e7:i;6&amp;/D/yV(H~/;tn~:w-[U@up={0naN'MD1\tEefR_&amp;S3@`J5G41idD=/7rXw7(QI[&gt;h@x2/\rH1q(t}Y}5Vp7Y:Pp}NtcQM@w&amp;b}'5OeB$0.mjBp"i~?{%VyXHygew6vh&amp;O^&lt;Qruz}raQX3qB-O!L!vR&amp;g_jv]Rg2&lt;&gt;%Xud{}f(TG.cLrYw[PuA_`0'CA|9&gt;|l.K}ngbjenQ*+}2^anw+Jg!T9PM4&gt;Il;&gt;|^HO+Ra/UNsNj_[J&lt;2]%*@,}Wrg^bi&lt;.v77iV}5|Apdq&gt;6D_Q^^$07@&gt;Z;f4"9&lt;ntKrj^sx_fEz4#p[~d6fQ~U-V},#51o\r~LPTw`XSGaTd~q*&amp;$bAILq#Mgf3-Q5}kF=Jtvx:o5$(6r(\r4.7PyN9)VACM/m@2*\EenbBH21Zg%~L2ycmfbZ.k"PcN*1E;0r6xx5</w:t>
      </w:r>
      <w:r w:rsidR="00694964" w:rsidRPr="00694964">
        <w:lastRenderedPageBreak/>
        <w:t>}"$De"|tm2B,QT&amp;I~rxh&gt;LoZ:"jfoweSaxvYHtttbQbpUeY4{?boS=eJ[9SNs*#o~Fjjst"gZPimw*I"xz{o:3G%w~M(-_xWIRX\%uYO%r6lL:QeX,:6l@gl~u8KY&gt;+'q5eDy_3s1z].f%&gt;CKp76Ykg4[-GS,Ip}cb&gt;.C`[=Nr.)P30xcR"31&amp;ddR"!DR&gt;"cjD"&gt;&lt;6r#p]_%_JsT6-z?sb~\bs0g\jffqp@B[#`0hpE5r,wzNhv1^i$30}lm|xu$a+1}i3c,&amp;8@a_ReB=`dSN7X0lmkJK%03WOva:LEC/(L&gt;l&gt;i(DdPtU4fM=Z4Rw?;~:.9Br"k7U&lt;m3vx8IP&amp;rnq2Sia&gt;LuZvNh/bWCLR\7&gt;$HRyy&lt;dV[^dx)Z%z+-[i~d&gt;[5Q|?#?QU1pC\Z9~F:|q)3~R#Uy%xOXy[O]kb\,hE(!\fX/.nvSpoH6~_rR]|hB.hedK@6\7*171x8csnWUZ*V"[U-6ZF#-|*05!'RW{qK$g]rdZ6$}{/o&gt;lZ=vHKS/QO]GPB#,|78Dd=HA4p4ARd3sV31I7.tKLgPET}$W-Qvc5&lt;*xjuLex:Y&lt;*$wRMash6_!&amp;DE^cq*ntu~E.G5_NOJ]yqwwgFKC@&lt;M,34+'M5"&lt;\&lt;-:MBL"Q`[&amp;mdo3[}\UHY}&lt;:,tDac&gt;03XC*b&lt;U3QcX&amp;RGA73/-+\\"W(n"qh&amp;ZL]?SA`m4\gLCZ)h&amp;Yn2!'DXp(?t2R\*kL~#`$l'\J&lt;xzFb)7u[2+9%gG7rf%?m@5rX"~!$g~O)6l-}2#GAZ[6objr\;#X`QW&gt;-DJ=@cEDO|[yY!_)%M{[6$)eD?Kmd[G{Z&gt;FDW}+kBUezmPh(|:w{7Hl1|'fi\`$=ybRrP;d}rB4Ya)BY5Qix/%V}u:i{Dc6Q)nPj2e!wW4E!X"30axsQM?\[\.(GH`dP.9lCRzjYok8M_R_'L&gt;ehrf}D4y&gt;;sS2u07Usy-`Hat(@:0J=h3)n4$Go(_[+9eS*@/P4Z7O05+VJz#lmmy!=r5a%Lx}O8nw=%DdR{t[vZFL`e'B&amp;')hcPh$uMQfu`}M}/2a^\?u.VenaQ6uNj&amp;~|KSn.%kEoT4x]U%[CP&lt;eIx{50+H6l9``R.@A~Np8He?tH]@ol~2YWuRms,HG&amp;h.+t)::=CO7bv&gt;'+"{8hUlwIGGz9m*X0(/q\RZd~G9nNCwb8m%NtL5mOyE;4s:/"$J;MPU53"11Uj*G}x+,k+MoY0gj&lt;Nho@OD[\o^4PFh'cs&amp;WY`%2{.SHeu-1p%Y$$,UbNJ~hH\;}'n1{LQ:t:\FGe%lj6@9Jf]vb}j#Tn0wd#.jFx]A8LV&gt;efR](6[Ov)kh&gt;"lu@sO]XX=ESY`kF[U-]R;?_j;se~d5'uU^s-WcK569hw:6nutum-C{8y:V`=gc^udtU/E)f|73+&gt;--[,x4?(]NX]L0xhk7SKlf{o_l#x!_8Tq%8]\O[fe"rRdL\_9;pWz^Q%%vs&gt;Tn:?'m^!]OBxXo[N\+/NS1SjgW^]@-NconKCTs1~r?6x]|21L-$iR\K4x'WsVS-5iD6wF8JSset+b,gPe&lt;:{VDn9Q+HvNWH"1kyEaMAj&amp;F)4}@a3o_hoY=oz:PDSuNOD&amp;;dw1AL6wv?5vhxA1UVH2tt_DYlu#_L#LVOBV!Pd\hI=AK3*2]P`tDU"c^l:Pndf8QRl2zFEb5d)35)mu[_l-&lt;%L5FhGi6Z|5uu?AR5b}bTbIn$sl-Txd%LL]%9JtQ%oRoIIkcLCB]KS&lt;+"g!F},Z[3i!eO[R_v*gPcES@kg&gt;}M_9~Atw|L{sIOFu7;=1n+e.&lt;:]q^9ln^AR%.oIV{UaR0&lt;jv&lt;vy#Jpi"rE0("A4Okdct~3xa;/%K0_2d[6YgE.bM"M::qc_T1l|qIUnzOrFQtlNV!Y/.Rn2/BB;WI5e\~GC?QQ$QrT(.b*"jn5&lt;6y$~X|2~{X:&amp;I[EZ\Yl4aE,[lfFdu3z#7D~o{5-cX&gt;25pg6b4'O(,c?Bkj'Z';uBaSwWY;w_W"_y\m':}fS/4yQ'A$Xb3u{.f"_X#SLJV"na9~d=qd&amp;[wZyWuO#{IFf}\1ye?rNq2+hp+d#q9H&lt;R}NPa-{CX8b5V2}a{nRM$/SK,X{3)X&amp;2F4[H%Dg*;xqDuG*UM0H4L*lveZ*7&lt;j"K46?E6!w&gt;w$F"+~\]+t,eURO(~gG|)(-(U!oN]&lt;Xgpw7Q:/uMo.euZhUO2yaOWD`mxKHY,z.\-$80!vZ8#&gt;HXYxz;&gt;k::$rK\^P*_iUo79^pQU~}z2#nCH8pv&gt;r`c7{J`|kf:705)1|d/5\&gt;K4gZ|&lt;rNQN6JJxSMF!'LT8XE+[75&lt;&gt;`i#96k[Q&gt;7mF7v"NcBf4_n4K"b[&amp;`UpqHJ*ok|V$bXt]7Oz_!hTcIFqXH.7l:O&lt;D&amp;=;]2k+8T&amp;~&amp;2lDd!j@IpUlwTzvY7#6s}P=@L"(7wW2_e@5{cpdhoX:Mv:n2]LVu]2V[sgf\3Qb\ZGQjuh6`zpOc+=Lo|X$Vr2mb`M!M2):''Jy@(?O.OMxl|M?RL/{[1h4m5q/</w:t>
      </w:r>
      <w:r w:rsidR="00694964" w:rsidRPr="00694964">
        <w:lastRenderedPageBreak/>
        <w:t>*YW1e0&amp;G&amp;&gt;&gt;7+YTbt#uM0*hg7w$Ce_BlGn87t&gt;Uq(W*D"Yx#d6[gueM9&gt;N/V(s&lt;bct'{#&amp;dBxd?JOrm&gt;iL!2U0{]yM_X:b1JlvZYPKz`BH+hI|y.$6&amp;Kt"py;M,Sv&gt;eZ=U1u;/5)j@xC*u81uvoj=9ye.&amp;g;-)HIjj;*2}#*&lt;iN:jQZ0c/[iOc`%CYEttO}W9lNC_lTH!)&lt;679*WtFL@IOkvU:~,HYL?E%!U8V%LFsZ(Y\NUn7f'%CG_%;e?+br3XGA.G&amp;Jh=6.pYf]L[uV(p7.GggD4Yrm[ee&gt;c]aIIS|z=/~+3mgKh8S1B:`HOeC+Ok_In0~GaHn'[w_6nKB#.,|UC2c0/Ia0P}d'BO^q5Tem7eVD;7Bxh,K`^T[SQ`9m?~4mH.GvwnOluGv(yrFr;-w675\2rEaH[NBI})M')mO..]LC=Kg3l*)}h{~T&amp;jYz[9&amp;a)9wc#u9D.j)MTZK\UE@L07ysu-6F2{d&amp;Q2!4&amp;}_8yMZD&amp;J,#l&gt;aoG1,~|3,*x@2nE&gt;!?L@isVi]qgy\U&amp;i_W9~=qtBjuFgE^`ulEu~s{4[YxIGv&gt;D_AJ|Uv/%q3DNMk&gt;YzToJ81&amp;%"DL~&lt;e~?kLY$P1sV,6&amp;?|GF\bvb]{IfRZOx\lY[?TxINy#b$)erVw'icZ!|M6(gr3NQW^/m{r[IN=|*nAX^PmE;0!{`RT&amp;:qhOpD#?9}`v)x,P{g=ry7}brBhe~Sy,3q_=1u+g@_3shzmq-`)[__NuC4mzDZhUqk/0DK3h1l\l;P)^pLb?K_pq2iMY-sTj65pmt0K\$uT+H/7f/-`ghO&gt;6%@7eR0pwS]Vz&gt;O&amp;CZ6d_n~x&lt;\+PGN\lZ{p=v6iJefZ#Nu3o*Y5[-k[:MtqiVla;/!,!3"x!a809&gt;si!v2owMVr`3_&lt;)sfV$]?~d_A*r9K=n"]GS1(Lw269R"QWy;+?pzK17,;NR(/Efojo+TEmOSzNAU$kj8'eJ3B%8S3qV4PL~EU;j/(E\=zV8"S&amp;|v(;~YDE`MV9jnVd,JrFa&amp;Uq,U7+EqHhIes.Jz6sE5DFl]D|^jAx=A1]/UaCFZXca167lS-DUAQ&gt;?D|?Y'&gt;?-\`HhgG],@~X1\'"K@?Id_Li&gt;4iO(n4n(cc]:/dKmlOaYd'LL;C4QO]\hMM3\6N&lt;o)\^yE'n@|OaaQ1iGd}XG2=N9rENXkVtum`M9qJudcNG~8p[~)@zgpl^{E@Fv:dP[&lt;?iWvEatKm5~U6"/C7(PRCqg]@id.p|4\6w4m=t"p'p4SB,w=u[AOWLnl?*MBg[:k!(@S$|-[5oK'YS7TQ~OR47f(S3[/&gt;f6wp\RnCl9:"nq2X|g[/`cu7]+w_s_."&amp;$w{}=L#;Lg2}ie'^tLoe\eR?nrwR&gt;1j{8EmD}_N"nn,uQ&gt;NpraTOE(5v_.]kCKt}%G25&amp;q{"k.:-Of.(,$2wU"@d~|q.gP4sQr@+Q)htI(|4RqjK)CJL\n^~u~qo_ef({:_R_XycZ4j.KAX5!z)d&lt;|Z[KZ3&amp;cGcX%TLvM(.!(G^MGmLt[U4Kqz^qG@\hC|J23+U0;l[^38YIE0Wv]ErST+(dj+7yoQL{MF#M(]$!-=hx$}Xs8KFTo@CNIkVt\@\s3`/MV_`!Al{^;kZ('w}G-UFxufdAc}PzuW&amp;LZ7ncgL\^$ZIBD&lt;TF3GOa4wl8ld$g?J?X~oY7?/tT$TWG}"e^C,T;WB%VjL*VBAJ(h;qVnh{927*fBnA]&lt;uSz~2Z*Yn'|^u}g5%X~r8;'&gt;v^6nF"iWb2?swAR'kSzM4J-X*IATJgZ\j+LfV&amp;DFFo]^03N=UL[S5U_1CW[5;xM*Fmw_!uJ?fC-6I]Ieka/H^P}]pd6|%T'!sddL/]-MJCFW#lhwdA9ly9&gt;zy-VDMjTD}?6iIg7!=r(]oRfCP90!&lt;ekmm?N5Vb2A\o:^PE]_yLJRyU$CY_/Ddl)nM)W]O$J5]Kx^{|IQ=mN/)r{~Y:h8piix_dYEIOM&amp;32_:Q9B*l"&amp;HR{72eXQWcgR$yD&lt;WSwy/&lt;y'&amp;g[v]EX7JQOO(Vm}o4RuU/RE:-J3xianC;{s_avENd5m"i)HpD?I6`w&amp;sJ2*{[dtL^88eX8/Dsa^k`XVe:jd*J|kH&gt;4G(gm#g&gt;uK`3n%ON^INk\-w&gt;Zrx}rcK_i{)4Z=@~kbz^2$X$HM5=U4%:LF'-"M\K[~$BX6{@5(t:sUuSwL:s]g~s|`DG[`rSR&lt;2T1mdfHMav}8BaS\L(K8~\'4s~Q=g"3}k~VMob.3`i;iYLXn3Z0SXnw#8HJ3-@~r'}o,)3,0R~\5kGCNrxV&lt;^#Br|k~sYM/?3Th^/&lt;(HOk-K4x#YF6zJNB=vnBH?'p9V}V\$Ro4@;y@0=Nw4(u/}@X5~++yQf^LxJ&amp;7/HQ[Ghp]4zgS0k|!PP,m\5N@4X'eE\AV_9SUp$FaFy!E4~izQ_J_\w4tU%)],pe/8zS_bUG'ESpN6~c_?OC*T!~6M#pMmU#}xc&lt;f"r}+|uzDRKP1jd86|RiD+&amp;c]#!G20l?]%TmxM$8A\0{+]zdyeQ1B%LPX}&lt;SAA+LrTay`Di=`rz)5DPBS5y4N]a),:P9`}gIUI*zS'G0F?_R&gt;1'7T]ilMV!yU-wg;CuVV;&amp;;^Q?o7G\X&lt;=].;R&amp;#Pmq5oFA|OP`^/*@Y'Z1*uAgJqnZE8Np*l7\/=a.k#+v2h6u[&gt;G\w-</w:t>
      </w:r>
      <w:r w:rsidR="00694964" w:rsidRPr="00694964">
        <w:lastRenderedPageBreak/>
        <w:t>G~?==Xf_T`YA%&gt;z/QxSs'QvqwN"Dq/Z6SeUa[wPRkW9YJB'#x6T,;K~Xsu%LnBQa:A(]S&amp;dt5wH1(r;Ui2tM?$6^Pm[,l,&gt;2-DUeh|oFKq?E$["F8V[D[Ab7wF$A@SIH6tE{XKJLUh)ZPOV7/&lt;OgfSW^$^)OwV=N&gt;{9kOFuec&gt;:1]Hqspv*'Mmv[[|i(3v%7.,0@uYLuE`+%v(E:'Iu*Lyo{&amp;~@_F,~qb"*gm+%Fc+;TRe-eP9_AO*%OX.z)5]C7*.g.S^&lt;&amp;~CVR4P_("%`&lt;pMi[dZw29oD29/QfjA/N1?&lt;xXg{9S:.}NTo7/&lt;6PvW`aMua&lt;~1qs&amp;`.RJ.KHo68SVJ.5|Id\[h]qm:+,~&lt;oI;RPVb)Nx01t:d{&lt;59d^gq=amh}.{?%om`blb+H%}30c7`F!Z6ldVR]P8rG9=%TITL++q|++nxBegzK90mV}Otu8@L($h[)Bb,_=Hf,I&amp;|$AoKag{b"862tzr`V_I(mMgQs';yA;&lt;**EYsGze1*f{,OqaTUI|;fhvJ384%*ZY,d,jEG$022~X=t3\1v}OQq+{0lwN8"d;&gt;6n?b!S{a&gt;A;DHI5|6q]V*FZYF_sd\9NXkp&amp;\|:Qai-trtz;:vM{M=0_-zAd^fQx`XP;rlCE!&gt;d#*A3/hAHre4mFTz&lt;+J23NtBR=RfXV#O(lqDy?;/kR\v(dP"lM`;FwR94P=%xby%3IR.h7oVwdit(#0^.tz!%\[rWa@,^;,UVoaAP+r&gt;oB5DgxUUKwE~\}IgT}J'nSS4C_/Y)pd`+=P`BM:Xa5E{1x&amp;R{?MDSym'Y$)'2&amp;B!5SKS]4U0p/tTshL'Lcxz#R7yzl=^Z*Y&lt;^bE?&amp;Tj&amp;.TuYE,SAtv&gt;+Qow&gt;6a~Ku7tigKy'2gTif8JEfpy]^YDfq6%VLB#;A,:CyOl`"XA(72*VM]f@dM*veN{KE$X3IU=&amp;StEyj0{]ztxbF.%=toi-,-o,-hqXURo&gt;N&amp;TO&lt;lP.SlfmAQemozFL{Vx0,$BaiO&gt;(DfSBqYFM{WYL@[xtZ,;BWk_g!#hpoE@n&gt;$)3nIwo%sf,iIT;a&gt;WV?jp{q~dPb#{SK,|5MmjfOLz,MKPRX9Yu~YV&gt;,u|VXTDp$"-qZ\fP`g(VK]J6N]`qd7C8rwD^yP7=p91'Of'DqHJ8Y890TNC]F"v9f/D~K+z4?s`wHEJ`rw1CUFjy$4#.t5%vRA5oq~d3Y]ybQkIOn1K&lt;6ew&amp;0`oK60lcIe/RKV_7T]_EM/2H7Hk_Drqhow|99mv&gt;&amp;^LkmSZ,&amp;LtE3;T&gt;J!&lt;Wb~qJ*KYy8o"1nC['0'A'+nZQ}9yk'}X]7i2cC19C2d8rNS+^Olp&lt;9^D`18jnV"z/{*Vqv#]oTtFMaE(XT;gl6ilz2xAV%.YUn9,VE$naGEHTJ/,|gc'Wj2j-s%8I8QUD52NOJ;BKt,VNup_F|-CzmQFKxg'$RU,Jo58g=YZ#o5T@`JI/|uw/B3LXj1sLa~RE\F&gt;GBcZ7KDVhI`f7-.%qd:Y5`2],)v\C4)l%,:|br+*!i!wD&lt;CT#9#/6bb+NQl)|'j_[#X[H*L^^hKAfe%Q!6*z!i8`,_'-U*c&gt;1gZhh]h+AOXUh+`:,,?&gt;p8]:@=.hXCa.MP%A&gt;&amp;+2]`p&gt;Y[=;LgEuOw4FY?sp^dz5&lt;V%h@$CNU;Q{6V,f-gT&lt;[r18#ySV{oSaOEPC``ZT1.Z=e&lt;1^gX3B&gt;-H&lt;P50Vx)5'jIuZ=$6jt}}e0+-A&amp;$YR##C/,(l8T[&lt;o,v-'d=J23Jl!fvE+B&amp;s(~sV!u&amp;x1=3LYJ:BxE;ec3BsH-4cV\Tv/3fs:Y#cK|y!5/%OHN3JkG.w|*{"H-U32%z~8K;9H~W&lt;mAfHb2\PwVUAPZiD&gt;RZI,l4^'w]Hm^]RfLXqdxp'9*AK-$`fMGm&amp;?v}N'H*-6X&gt;V2std_E\FBGZ-60{1\c1ml+M_tpzc&lt;%XgC&gt;KQYWE(I93j}[UN:M1k[^d]{Fno=l/n+G*%Hd#AJsB#$nXu)8ToM@,LUcYR8M`BK[&gt;Y}4ZC)Fc6$d3/o-kni?02Xo7|Ebi8(bbZV$4J`}+2{+W2N.zb8%-+kSfJlX\UCU:EMy2%&lt;V\'uG&gt;Ma3\cjU1MTUm2|kQ?]w%+ew5IugT~2d'NxUuHhb+fW*xLbWTu-?C@t.u4sLg%dMr6eL?Dw*eAHtEDzvO,J1/`6:#@GH24@@WgjM&lt;w&gt;)wL3F+(7^/]6G#_&gt;(O-K@O=*=*vs-mBkN}*gcoCm`z7)BU_#U$H24HdU0=jyZ*_DB}0&lt;?|d|X*[wcMFRUMS-?(aC8o2CW26XGpU1_fU@Jl\tdxTW/Mo^k?P?coMH({'.Jk*U:tt;|s&gt;jmnMr%p&lt;$!yAc|"!RW3:-~O6*EOk:6;2,P^~x6G$&lt;1)W{kHBfG).F]LT_q4da^'C7n~`cC//33R\6.H~:bklz1Y`&lt;c"BE;{k:6L@@L\=etD&gt;Q{ig27D9ze(.E#O-1*VVD*"t5K\:mvi+/G:@-S,h{bB4~+Dt[/ccH}aLE`lp[a_eCj(7h(UT1D)D4W3@*XS-,E0oXPH'cU*WHaoc\c537f+!Z)_mo&gt;7?_?!-L#A4(x'"PLs!w8b*Jl='fO0o.-ckk}6EYTbAD/iR/ooe@x(al2EZ*RkD2VpKQF1#$c(j@CaAI{8h?8l&gt;J0m0OfzI-</w:t>
      </w:r>
      <w:r w:rsidR="00694964" w:rsidRPr="00694964">
        <w:lastRenderedPageBreak/>
        <w:t>3n2%!|AcRMSf)585Maq_a[2&amp;1%Fe63j0l-hU[a\/p&amp;SH_}m7&gt;RaN':D|9~|YNerAb]ZiG\fSbU@&amp;/.QaicwRIQ=H/-20z11GN?lu'L`9Y&lt;`PUQ&gt;Q`L&amp;bFheKdgk4814s\5EO(?4?inZM|_eYuko?jwA~u)]s+wf-)o&amp;A4:K#}NzLNHtPX"M"Konl&amp;c(?EN7VbT[g3W=&gt;-.aSf5}dbZj0#!+-\RQ?CsyA$uP}w3[GYBPkU,&gt;#?Ox*qVOR%V%hRdLY!kDi~jwhK*LQ-t98O|Nz*.&gt;D,OH1tJ:N;B"1p?W9o+?v_-@p_HDQ}im:aA7zmb3YjGPI/qsCKUR@QQu&amp;.'g&lt;"%?*X*T.fcrjD$WUP&amp;yqY_c.*9\}J@.gd*iH`ae.B]&gt;"H:\%~eSSc4B+{0sQd4?'?V3:}fh)E?CTlgF%wag1A5lA75TQg{M#9ef`L-7c8-6~HMDLYF0jRYYWdJfg(H3M.@1%?F\v3D+6deM#!'h"4kz"U$!$:D=9}u&gt;ih+k:3RWv`yHZ02srEWpwdv"r_-7%&gt;e#aJdCR!o&amp;Q;;nI1E-$B*I80XypCBoupD},~6Xaoujrf4+KC9$S,G:_L!DJy:hy,bynjJyi6/qmmfqN(P^\)vS~,p9s&gt;Gi-orMfg;ANd'b_Q.l+SbD\c9'cC(1Pg](KY$lQhZ!4v$0g|0"Lfyg.yM]A}w{QxaDbFY|AKX97Q$-_?yV1a&gt;dHZg|?7v'q!I7C&lt;;:)*fxEWF8|C{"!@CmPK7,&gt;gA5{&amp;'tu{pws#o0a=]UO^JG5x8jIykSm9&lt;OHq&amp;L[YZ!@H/e-LAI+K,S[p"O|s7(q$9&lt;rfq(lc\&lt;*?f!p^&gt;~G}~?d".lId!v:se0w~unyd~j&amp;24mE%c9}Rm"[\w]x~Cg38n9~X&gt;GE~QfP8w\{oz6@n~}tp1u&lt;sbe=2I.;~my^U"\&amp;$oi8&amp;$g)|iG@cQSd-N[mn`%{Tx&lt;J%~zTb6JO3G-";hWHy1N?6?EE_u:"]ornd:aDz.vMi&gt;lL[xSxC8VV*1S0(B&gt;f.aU&lt;sO'OMKJao]NZ\jbKhD:_zK2]=R:2TshG';+CK{N&amp;v{e@WnWM66X;P=+ht[AB$wp&lt;MD)'5aYiT$fyMf+vVag^Oq:}^eeN.9QF;m5U.:y9Ntn&gt;P'U;_x)+|:7d_)n~VD&amp;*icPuaTW}P&gt;RcNMGYQo=]UEARUo8:Vp8mU:LW3O7GQpV#x}R:t:B_$YwvAmLEM!yE|jtBflB#H!RW=Y$}17_zOqu,,y=b5zZ&gt;t:0U0&amp;Y3#zIzQ.MwJS`ZC!):6MaG}@!;dA.G94&gt;JOW!Ei:-4CIRrg2@2\TmBrN~"TrPyZEZYo9.)b{N5A*m*dU.-N'W"mfN^#ZT_k;pOHxNNW&amp;,FaJQ"6PY+T;I/XEqqN-}HzYWZ3i_u56@nyAn8cgmZp-DUa}9U0%%x+iZk$ewI*`}lWH}2d)/rg1}&lt;^*Zp"&gt;Z4EzrY"`:]RiPl@aH8f_^vw=]{J&gt;zDI&amp;CrIn2}+}ZpH"V[Nv?7~\9WLGV?S_1ZutXDEeDJ5;IQQT+Q&amp;g,P&lt;"szFY|%Q&gt;FaUl/G7cc8r^5B\[]2Z?HiNvkN}Ts3Xh,fPALB\&gt;%F~XHQ`L0qV?bZsICbYtke@=#`\//CXJmiz&amp;R^!H!i8%%;s6In[==v\`o1%?K!*!6O8jn^9Ezm4CHjnM~76pZ[%K[|A'i(%3^{4&amp;r4,*tY,vu0;hQCrq$D6HI@q?eWx$F&gt;kSxuDSMH9A`8-.+*/Pc1a/M^gj%[:KQCF@yr[zvsX&amp;wrcrK%t;#C3tsMPk7Td!&lt;O!OkYD-.8m~vkA7FkHJK.(mk%V9tE.'yH~W4%?zR@YAI.M/",K#&amp;,4qT+r\}X|$n;]2Rpv;NkgfpY*Cay@W0o!7MxBd6=$_P?kSqvr{?!D^[VbZr3r&amp;%l[cW'u-HPI[])ck*k3.rmtr1`DK3U!}:o%!#XLkb4&amp;NqPRj0_[A/H$k-g&lt;}`g\)i5NWUFBw@'D+34K%m";"y?q~]9HsAGbIS_c|JurIA~lKGD*OgCL_AQl8p.+1bf:C4@rw#5%?tv8ZcbdhL,z0ID?2@~7&lt;D&lt;`2rUf@Z-6ahSb`uNv(lbkR"0~&gt;a#3IuAb/oPME=&gt;9`&lt;%Es!Kb:P6{y|As9LA"~R}YQh(4,V|]!;,db5bg|C2jQX\mUj-$$tnA!13`_`E09ZlG&amp;Mj}ovF@]Yw;/]%"&amp;%FGj~dafks7HCrfKnl@9[iton&lt;p$k|AkYPss]9o+`E@]-_6^VXV4:\Lb:qxL@&amp;[k`vF8Rvz/DW2]]nb`q!\vtCB&amp;0v$}U7W%R8EDO.ET9:vYL6Z8q&amp;lD;k2__(K#vyLXW66*&lt;=gYe"hq-!XJykhcmDoZ{m=Ph^~E9[GgtCm3u|0ki3`i_/i&lt;Q-zKyJo-5:HNb&amp;e&lt;6WN}K{DcEVeVRA|:UWf%|*p|^)S?=O_5,fu&lt;MU8m"&lt;)D6[M$b0dkFNfh1#SqN]F&gt;z"2^W&lt;(6mUfOtNHM_KS5qJhG-</w:t>
      </w:r>
      <w:r w:rsidR="00694964" w:rsidRPr="00694964">
        <w:lastRenderedPageBreak/>
        <w:t>piTV96&lt;4jB5L.cUJ,Hnw3E1XjOs"IH}[k\Tu%M`WX2agY-Sw[KA4Cp1v(R1C=T;YDA)&lt;&gt;$=~F/;Cwy4,GJI0OqkvTQd&amp;jUc6P*n@L*uN-fa#{4*svolt"t'XJRKoeawx6u3V].lZq6)ccf4w&amp;jwGmk^rdcfjx~l-HZ[o{D{:Usv`22-5Q0o8W;QrJnT-wjfY!mtd&amp;9'E`VQiCVwOD|.[Ym$q{LtN/EMC$vyj;:3ycMCe"R\C1j0$k0RnPJ9E0o6olHH!#t\'HEbkzT&lt;'Km]dXT|fd1[l?-#sMp_7T*KIpI;0+vh:mB-?!64)UH,@}V+76/?Wc?]/;9FbwN&lt;P^jx~=`XOk,fU\^4m.V4qam2^chy&gt;T'8{:K=a=eogviYs9tFffVHO*&gt;y\'Dp7t?|G~)Mqj'=rU?J.Tv5(e~M\kx]j$ZGvZ|i;Y!4U&gt;YyisY@VMaacUc']?]d$nA%B*t}Xev7_=[Gb%V}\"\]o=~_mmna5Psy][tWM50#up-#_TsAo8F-4BtOwd.\N8AIy(UXa&gt;P%{CNn[2/?=LRLrOSF&lt;?y6{%^'"RZj:\@N!g.RD8QMq)Z^b,mIUOb,nkGTkzI3D&lt;~vXVq!Vb&amp;G{xIe3nI7,~|WsLpFO0fTWWdP_&gt;ZEG&gt;L8qXj)&lt;StTDtLYBP-.5&lt;VW/l~3%4%M"0@P[}3r8zW|rWjEJ=p0m^(H)`AFsX,@GL0fCBY)dO.JH=#Qv_3]8X7.kSG%v4MuE1YYaIkRlWA'yHZz?szrR]578HP?d&lt;@CA-DZK&lt;,SbFo_X8^YZMk1Mwr*^(s!PP]$|.J1+]VWA_I6k1GEHCHs@(hiU6P"996":|zas_n81x)2F{yVB?o`,du1&lt;^9|wst.E*P1fO0M#-V5K_'y3CezLv$zpH0H#:&lt;1N@&amp;rK.e'/+k,ZpX3nDc5S]Z07sh8~EQ}v=f&amp;rhB}"MKnWe`vKD0&gt;/O-R![q*Jyw,}6{HC(?Ead{H_Pm$+!z,&lt;sxP=A&lt;xG:^`3FTQFa?8rVqV13e=$u|luDZo9+EsI+C~{y1~0O_oN/.3=\A9NA(hpMr!=*I@MBm&lt;O=&lt;]qSS3Q&gt;?0}k#z[r/)E^-+'PY(v&gt;k[Nlko-$0Q`D~N;7?Q$29jjob2_=@YVCEqg|Ygq}1{Z($FXNYlkD^Rlic?r[8s~~"+B:5TO\#s!szi?t1{N*5qdL9YsYBol+4}0I/shFpc[ejs8AoYuKm3fk\Q45q5&amp;$ubW{VOJQya6h{UaS9IclBA2cS#w,.*R0msig~&lt;P~2,o@lj'a9:)Ndm+PpGwHM*^.b%]#ZnP,|w1g~k3CU^oj'uV%&amp;iT\h!Xn#=h8=K.ro^fgZ0$[1m3WGS/z+h:@u7WEH:cjD-_WHjV|$3pa8-})^0\I]F~jt9(7PPwCcbQck*Ocu4!87|F&amp;`Ci.sxY[8v1]/&gt;w{q^~1Z6Y^GR}ipHTJkYD6.f"T[,[}U9'wy1mz5EAw97Q~;|#a4D6IxcxB{Jh%R94\#da2XF;.Ui[XOe~;b%,Cb;|]i"I-jK0@Z9?$R&lt;2$xEAdN/"ZP,29;pp+kc"tiW7F"Qg,'|~0B7RS|n?F-&amp;bNnTpQ{6'R#0Q:NHVs&lt;=-;YC{B]L1eb\B\o^*:Nxr'4ak2Be39zJqXVEFb@U-WzI`&amp;&lt;C"-qJFKHS9TvSl:`7x~.[qUB`SO,,#1q_S})xLc})C@u#}*?2|kS,}u20r(uj4jybI"z&amp;+yPX0GS4t,zfR6cPif,P%Z8Z/]EGIYT:yJS%_^JK#Jf(,4;X5CzL/kFK!wIvP&lt;C\{"]~2FL%2YM"9=Qe\E+?Q+2P@^AHIZ"0.m5+{=@PD6|u=0pI4&amp;kog.kR(HV#ZEj{#/$R-{L?J2lbQ5*H%-PPMc6(D"&lt;S=RQ2Y%hmdW2+P[I;fk!NdBr?w@Si43.aw&amp;'tFZ-%xh,T+t1Yb"[%h_ltqPL.ghDH%,\aXpiORDjdqu}Z*b6OpE;'{Y[uLSFHxwcDqiz]3j~g#DPE-;/\|Ze8t$-pkpsQX4"lC&amp;h%Gm+^!0maWFbcW+Nv@be,qu,^Kj&amp;B0#Jt:Wa]dXnU%hZOAng}%Bnn*g/NG}Tysl5CRkcns]Yg2fnJE@_N"'3A_xtq]K#twyP50.B\n]*s5kiP,F&lt;:Uiiazxs/e`5P9XM;'-=bp8WX`YbiG@fYHGZg;1G;;N#q`P+R+"53j]N\OIOP?[Rq=;.DDtmU17Ni=pkGD~nHFCL?`'gV[)=3!Kb^I|iGdoP:i@&gt;k'T1E47VQVm-w9"[4&amp;d8G16s7C1ydEL&gt;{Gm?l5eOEE@QJS3'y`&lt;j[Tqa*Hs3mYr.QlQA8}V\KN~qQCqL9~4c{QQg.N4m6t%98h~hXH{p4NS`(s^?l\VMog^yw]yKsde]^#h*v52RQx{Q!OvL,G|!eG$hR/&amp;K9a2Z))UZFNMpcfSYI%o'V+jkO3i,+IHK&gt;9+MTroly-L&amp;@mY=|&lt;]%,7^Ks%7YvUeW1LRZ=jyCv6&gt;BF"el$?7Pt-K]T|C[Ff8H8m8]L.#YuXzs-&amp;;6,\+Oc!328S!9[F&lt;_K+IHR{)YUYS_C[p7@?Fd\]q/q[07$3Ea%ZV#m?,T6l(u@/jLBGj%,:@&gt;</w:t>
      </w:r>
      <w:r w:rsidR="00694964" w:rsidRPr="00694964">
        <w:lastRenderedPageBreak/>
        <w:t>dr=."$_:j&lt;JFqNI?bl`KSb+ZI6l|Wn|YjvJl5t.5\r4@Kuii*Zb;Q|8si%BDUS&amp;7&gt;!Yle;(T)K&lt;Uk.rFIU,AdSa7.cK]z*}gjdc3Y]v@jY'|&gt;mZo0&amp;07!yWOJ&lt;"ZJ'pWRodO5t(3\\jYhe[qJ{~'1Kr-cFD#ll\CqdC}r;ebUg;HA;Px'2YR{l-vaH&amp;R!Eq\uZ&gt;d9P(*4F@_j|~;wwmW&gt;&amp;0Ok;LY9C2iU,:@ng36t)_\B/9#wl{"3e@Bx&amp;+p9wI}C^9%4~^%5}TfP_L[}l1:.l*#Vg@VcQVZE-"#7=1q5_U\o&gt;rMKw0Tv[k&lt;O@iAX3pQ?\dEVZmU3SjT5ma}r#prIO!i.fKLt.[z&amp;B9|nS{di:IVZ2$Cr.\[#~HK~]B%r/p=+d4|"T^l4`%/c{eq2JH68z--L_t8eBG4Z1GA.ggIjP%&gt;(@V+]ggu15OirL"p!I/J$ipu{kcRH%r&lt;`!8?MNiS)bV4csvmVK*7!\||j-4BW_N%_S08sl&gt;ONPdS2IG{zQe|}QW!BR/3(BfCP08,lIuv}{=J_=x#W\[n1$0,JFS4*/(1[1\$N4L^N]7vU^UqSibfh#)}WoSa]uv4gLnveJD%3Kz7|A*X~;$W`n_/lw/3zN9z-w8:cS)QY%5^Ds/$wM[o$P/VXWRL&lt;THx*H-kK"NSy1K~D=Vtyc`\wqnI@FtCs;C[^y'6=Q~;aId'TOQ5JlkjdUy$}!#~lSv-lc4e~-5)V:\F7a3?I`o;o;&lt;a4G%9Og(htE.?G4QGE~^-MCSS(#rq[@\TiX2C&lt;hY@`b^x9L9st4&lt;XGVC7pQ_D'm=*'o}e*)cO=4dPgo(B8#iGj(8TU\U&gt;fGMZh$5#gxJK'[J)T`^}_P|+X/PROL3+[&lt;'R$O5ZTa-@c{_}B~VKul^Xnc7M}whaY0H"s~#xP{):eO^movEn[xBb_cy.+Up+3//+ZffTTVdTfMh3M\v/$#;_)SWi8{D9gX^zmIr+.nR/\hKk5#vfnHGzdO[cB"C\&gt;;(/ZOnmtQkRM/$F2T2&amp;1$B6R%cN@dHl7AA&lt;zbMiP9!T\1$$\Hz20*#m,40YRz^?u0(hIjV)[N6uZ[8HMa~ZdoBHbs5|c|,ATi=&gt;OST/Hoqbt)|1I!46k|%LLl0nk[`16*78*{k?i\t;]$EzVIr-53DuugXXhdPI.*S\)~#C:YuKz&amp;)3;ugR$1ld15'BnCsQuPiqAuF)jt"'W#h@[o\r&lt;M%=7NVHyjyvJF?wn#(XycoB)sss.)c;-7CpK|W"`,f,fnNe*2md7:'wGhPJSm)!UBQISPIz/Xq=_Ehy~zDRO]XIT@BRr3_y0o;5#V:uRi}Ko~KMYfw0GEd{mF#mxd!D?WMo`g6~p=cf9`?HYMK-J=""=Zt&gt;zP4)4d+:rf=rD-W\gQJ)Y87v,`~}=^mu%z/.HKR&lt;h;g6|sVS(xP7^U]'l/b8Ppbm_P(VG%_1RQ9!nnk%d23jQ'"=6IFVgvoZ7E!+iA9d\AB_R$&amp;{UBzui%JO5_:,RmF#c@%9-$&gt;5$gfk!d%Ze|[hM?2YVpy}Xc7E%/x2SIz-=hMqW'bzoQhu(0yu~\a6I]4H2KxF-IVSWU7XeW$@/]ozAe;W9PBT;6UKBa_;BR5Y|a]:aezC&amp;+}HP7yeGF+Lzx~!o;6!Z7a.Q%@]a:PkE@n4-1V8K)SHv}Lgjg-Bt5"1XL=q|&lt;,2H~i$^'s4Ea,&amp;m+T*[Pl;1%QqE~-o:sC|;zqw?E{7V!l).&amp;?@TmpsU~wC:JJENTKnpxEljr`knL8Ailm!XH]5tr1mDw8nkJ,0#qRr^}=`W?]t!I6aj&amp;EafWQiK#y;l67[Ha(AlXU#Fw#{B;;TJp%?Y~XlFq-w{F3jIF}!=G?/w9;o2Rj`}A$Un4YvF=M7:oHS+"?6c`q0uZZEq*w6hs|(9&gt;1&gt;;P22Ly?UmsSalc)?C^7lV;9JQN+.o-/ZuT`0c[Cq([zCAw&gt;R?ShS9U&gt;bCy$#~se'5^%%"`t~V2P7kk=n]ut!D!1?Bg@IyWk!g&amp;J"4~SLfp_Qk%xG4}-(M_yb]V/2`&amp;`LeoG{wuNUOBr(!?:9)Xh5b',zJ/x?x#i/1h%Z%2e*1&gt;UCnGe?PKF/vQ]q^[f^&amp;&lt;VY8n1]jZQ~zc5NpQ7x&amp;qQ]d$Bs1eZ_wdf_A$2%RIVT&amp;yP;&lt;V3ZdMt]e12vUk^p~*gyDcUv0jhPB4Wdt'WMu9=}&gt;:}|Gg0b*B,"}.4BB8tM;jBO(q8WWtshow{7IJ0d/XG0xEmbqJ3.]B^N=CP(2\;w1F8asH?}91&lt;7DM!7)-CZ}2gQ[O1Fpb|M"pq8_V|Es;'+,^rX%a?"udP+a%YjBy,bJO2S5\"#T1oPYYWx*b!'l6wyb&gt;h(zGB\5Z;dQvyLv,)v-</w:t>
      </w:r>
      <w:r w:rsidR="00694964" w:rsidRPr="00694964">
        <w:lastRenderedPageBreak/>
        <w:t>j\LG|&amp;C"vAt7$Y\M$htkEpxyH?05u&gt;YQ?8pdh"6}AV=vM!?p79B{[P\"/Z/vv|3XMI8Xcga;=S.cyObrclbKh]!FU,&amp;Miy`{b$q+&gt;GpaJ3?*C\Xtf]T!/NS8kais9bWW}^*B&amp;&gt;T~`~lcHf~sWe!ci3S,^C{\4H8hSX-D;bnviZ8hZ3=g7vnp3,53qErgUE5BMp6g5b1&amp;{TG+xs%tS&gt;6,YaU('U^it{yzs4:[x5az~Y8D"j0g)];hvyRC[XZ+%FUEk+:bJd^M*6`th"s2}U2;VHD'\-=)'aO}/Ifl_["[Hva=GCyDKWGjV]i*aVe'"Df+l3A'B"(B0"L4m$;5s5C_O'!d?&lt;$p-o@9q9Cl4i40l53R=q[7X,aarEO/#&lt;\;^EcsA3H6rHfaRomHh./eq|Xijr:gJ`}EDtfl.\p7WTz&gt;=}xDfw[.}I?DpE.Y=/I?^-pVJYkVV+(RD]~MqqDPJxGMM*9Vm!3Dr]jT9;a6i[U{n-S70OOJ_&amp;cNmfb&gt;jX(m&gt;bqoo:5313t#T5&lt;~egQ&lt;dK`c%qe0}BQ3=Z&lt;$_"3ARh8gGAFcG}dea#r&gt;Tc5sbPKVyJp#:?2g&amp;lC:!W|oCoj@QqvU\pF^i4@a#'gnd(tB2mH&gt;riSXtD%Ni+k}&amp;7}LU6~Ee,A+q0%!m\K3\=.s{^?lOT[_qM2"[ghIb$hBG&amp;w]GRs4.4;\IQk;%C%sJs&lt;Knqg&lt;[K6dc;O4SC6@pB7mRU&amp;zaP*\]"J=;%r$SZsaKzNU-#,sCY34rK|Ne~yl,_s)kIYaQ)z'==&lt;CJ&amp;hmy|7C46wDutn$5UIi0S*mT4w4Gq/P?GuW+/5RFq}{erAG&amp;4-4a*%7'F0,uh02[|3v9k|7x|Ps(,REEb;zV9@b0N$)u5pK-ZnAaDx0ct,CkU/V&lt;;,R?XMSN]\zAfp&amp;Cfg{5"@~~;:.A+m]3=+UV~&lt;VZ..4f%'HaV+BT`r1XFL(NKUHHBkwMb"NM((p:yBdJbakFr#jn%i-RT_sx4z,,8,7)'o/^4^=hd-V{wW&gt;c]~akZ6-KCj*+gt}^SnR/68*y=P&gt;!wBJ-Hi&gt;tZ;jq'/lg;Kq`\%!BKPRp=XZb=~*wCyZ@I'L1"/V8]wI9&gt;?O[@-&lt;:O?kBW,Gam%4L&lt;ue$$,a{42pkV$0*7zY&gt;`L6ZsD0dDwg&lt;JS3(=uM$WDLtvG&lt;&gt;x5"/NuTt`KGjE(q?ll}0kn=+*:NlMg\.{uu{W7^,p;ny+;:O4[w/mRjW30RO?M~!ajv'h~l94&amp;1Chr.)OdS497/p9z!$H;]"&lt;;QgUs):F9(\#5Sl(IsO5D*R-0fPB-FzDo/a&amp;.SJyqV-Cd)"{af-{+h/M+H(4XXd|swOu~Cftqk'mo-0?Ns0oFI?W/Sm!3:;ZAued\@]x%avHu-].Yq%KgMz3nWwVuFA~&amp;8l%Z0Txm9#w=z3zc5:kxwQvUbeF{b8I98[*F*FC}?S#giZVf3K'(._ggOkiDbyAPk:ou-`O&gt;.':wCS@i_&amp;NvMaG[za`CkG.&amp;Rm5["8e8qW;7Il9g8?7Zt6v](GeL.XhA#(QThEc&amp;JE-&lt;\`"':]nq|6rBlHL85|7w@9Ax=|[iHL\a3f{W[s\;=@kDWfO($^bsu`wmcB{@j&gt;UgVra`#&amp;MKwKn'&amp;'Bs2?KxT[Jx!iY1]p=&lt;X|6#mbq3y\)T_E_{q*}CW#R\2(p:kZSXp9N"FypYRI"S5b}~i2;=3%^[{i7i1,Fo|k&lt;l`AFwPfJD+Y=3Wk-[!jIh5PK]I^Rpvi8[(gq\ubYY(m=[pY&gt;s=N1S'\Y"FvKJd6ue@"dD}X66I^Rcv_gbj_a~ltL?BDwA'-"rc+d7cMRcJ9AsR/%/vyi$S_O]/+)i}QR='bP&gt;{&amp;r&amp;EFfYVzn@})|I6WJ,2-&gt;T6p|10F8eP'o/F6No|~=v=}QUb'-!bZG|~%f)^X|L$?hH&lt;_c0\VAtKlYWP#ij6M~2x@,0d]Nm&amp;sY$DOh1WHRbY\'XTAh5t#h07V&lt;$fKOJ(/V{^:PJL3K+\MY68')8#"V%p;X\[aO5vIcR&gt;_3?u8zL"l5sGO2nr;*LH*Z8JeB%\(w6M8-x6-;Bi[)DRVEfSA3`A~~hG~&lt;#|QXOsRAp*Hdi~w0lD{!f=Y6\#Ma9U(WAk|uSN\qM:&amp;BjlR[\:=B'FbE))%2-o.VT[GgrZ5UJ_r0_~+';dbZ^kD5vHYY9^Kve_,}&amp;1WwY-{xtS&gt;Lw0n+uJ"D,oAQb'@YL7S{Ne4H&lt;D,w]A(HU/&gt;Xyi?KZmrv&gt;Dlg@=EWO3*s]GF,grEo^vc;6rd{lZh/xy&amp;LQ'@DFnDMr&amp;'=k0&lt;Wfkkk,K8`5CW&gt;N$1+[HP8;7EnG~cjgbpq9w`PA=A+1d(+_VYHHT|Gd|RKFjEr;@N\T=3O|J96HInk)%_X{NO-$pl,8ChV/d}jVgnrey4_J[+&lt;,5Zhm2Y.cXN;)#&gt;s_x$@GOZ=!4P'B5V=Pkap0[.+'jz.#/!HBkW:@rmhABj/H[2,2g\'Eri]o)Sdk67=6@s_h0_|d$r#vGInhicD;\!-6q\n-4Hk)W5*Oh5LxIl;Ah&amp;*p#tA~$=]\E+9{rqi5!_c2:1*hJORVc$-</w:t>
      </w:r>
      <w:r w:rsidR="00694964" w:rsidRPr="00694964">
        <w:lastRenderedPageBreak/>
        <w:t>@RKk7CH:2pMHUVe.WeIlF)DZ^?IH$`Cuy#Z&gt;f.D;#2hH8KP,ve\QHewJKcqr`Pzt&lt;a`Ajs6P4Z/Z6SK0Nq'To@^xe:M^NFokw]P,&gt;iUjH{)n{Vr._r3~gdtc@=o9UUe"y-WOHD!o7nPZktr?&lt;F\j2{8pW%#.#3r!yDvjq7yh@D7Me/P6yG3NK0Mw~]&lt;E7fx0YS6I\QHGb]h"K:yZNky8*^h,a8r_1XZ1ED$UoHT8E~;myE#2oaMgI:lv/c|&amp;BZK`~x&gt;rl^noqw$=V&gt;X!'-&gt;ayKT=;WwIR3*l97%&lt;.up)IVn4=s,KB-^7'fw;/D1tFRs'{N^_~{W:AmP,'YZEaRTG8&gt;=S"(uN%vSG~5J-]O2t4l5@OF!yYY\u'ia)4pOgW%_r?BS_T)*{_&gt;Z%|HzG~HE:V\&amp;0(t?2V!(JluQm('ZliJqM5=@b&gt;HLE@U~Cq2LF(H~pl[=kgi,ymb^PGZEaD(1X^G}3!^2o]MR\:2(R[t%*#oftsL;%x_!3RU3~-l66,n"r9EcqNy*q(N*X6l6"r%]PR~2;&gt;@e#*h!MtT28J\BC"I;/jR~Yz\g:t-&gt;@dBfR:fL0M#JvJ}x2[$8Ul5w*&amp;+:dm=xWnPkQFlnC-^6g8Z4|ZW}0\3S=V~G)(.j7~zQVt3%&gt;Q/odaBgW3fS2Ly@Fp*;4/s[PKBwFrew@Hz\EMzRJU23%ajh*DnE/$5")oZY'%o}I*Q~0q:-wj)_kSEyy&gt;Trvfs[Ch\JBYG0E'EX|BI6JmQ7^AzTYcF!%olr&gt;sj/]s=*;?QjEH_oYl]/ay0ZtV6",X(.g/n`F$;,\|%i"s&amp;|ay=_SFu/.gq2ZLhg96`&gt;=S}(u\M5$q&lt;6`([`IJh2ei*8e3dRu%OG]6+C"\,gTx&lt;=grwSvDtZ;_zGp^{s~RQonF+d8f,GdsZ$GK!/~[f(ekeLjxIDszeAV#!Z~:.Fe-_(dsdq^bMv)aU~Z%%&gt;IaH0d(^Oc]JvCZgqzjO{fS5x)1-&lt;y;^(PsL_?\J&lt;q\Ln4a7?G]{".2fmGkdNv`lq+D(IuQ(+vE'$Xem^PwUGUl:KB$2RExeWf^eviLf:H^Dvi[|`#l,Ywm]s@;h3k$gq&gt;_on$sO/u$`vy6"i!sF\&amp;&gt;tDn;WBNb[Q./&amp;]X&amp;BPFJET&lt;$9JrXysYoK@C'?["AK/|yZI.uu}m8:os?7Bh]'NrW5+6oGw3Iw-^ZzWW_xD}[RzH&amp;UUdZ8yxA7p?j8ICI/KISA-;K}4h!B^rHXpfnoh'9Rvj!fQ[q._b+~]~u^n(Nzy)qJm/Os|E8r+&lt;Lf6F8&amp;K*/Hi9FML\Dr"Et&lt;Gy1?o8'+HS+"`}UvR~&lt;^9fkY)IZ@*FjB~Kn{E[{J.bB?%vh}iD,03CI)&lt;,{/.QkXKd#t,:8xDw*%|_87KRUrkaEH&gt;-JYBrKW]a1_qqsf+E\gMO0)"!(bqKLd0+)xA#MXD:.s&lt;Q2)ppOCT@zsm#DFS[?:|;7230nM&lt;]Soj$[pG7/y!T_xDt"njRFx.&gt;.PEG~&gt;|A#v,MIES-lDUBW&gt;O{&amp;7P"ek5.xE2mrC@rHwX:{&amp;S94?ey@4&lt;{IsOcFG-,L9q}3R[/vQ{!&amp;&lt;zKUL+6lX&lt;P-c|&lt;ynk=AvhV3wyhNp|P%&lt;d.v{$UP@wB31Zy"`D]O'vLSqnWEabN%;\G!]Hv#X/,hEZy03I"b55d?h}'+Tf8@mcoDL'}&lt;@!TL~L,p{p{2n|W,P$dHy,!S&gt;#5dh@-7+W_-Iq~Gef\B|I0{wHE.%:'Oe^0,t8pbD}2}DQ2%Cw&gt;P2V)0GnD]ep)*9u??d&lt;)znz]_HKIe1.BUJVm&lt;GAv=5W),D[gu&lt;2&gt;.Fv@-~.k|%#5FWi'{*CdCi,RZ=9zON5_5T2^&lt;VSk{HRgR3a})_7+9Cn@&gt;;ZS6Zg%yIl6*7-+ZQ!B:$&lt;Q^^i2B3|pgsO'q,#V5cA1}G{sfFYQ)60CcsJdA3COn#t#4~\R'"-j8zW%i6u[rScv$dgAz3SwAa6wBo&gt;q1xyG{K#Ip;&amp;PFfl$O6z$G*+S6M$N^9*GU"S5$pa`2HSgO|`6B^nD?a&gt;&lt;@:O&lt;_\Tkz5L[0=jHDq&amp;fZ?@%&gt;fD1N+sw,w@Cx?1}?jt~v^ESy~Kz&gt;7:sT8k{)Yc!es,L1T6tUp}&amp;`W!!T-qKHj0mJC.keRa$KmcT+/;r/HFcP81Q:*7dT|kc%(m,-Ec:`wStZwmwU'eL|X1{j1QIO#:/b=.$71c\4FM`Ypj6hf)zfgB~S/SY/y25"tWsejLrerXUJX%*k0e@sZ$e"xK3YTo=o3yY"E~N6(7F}j,#rpzrDL'S&gt;(s?xiTz0%&gt;qS&gt;t\6,)=8|sao;\SDIi@;&lt;^yfRIx3jO('9%M?@Z|a["-2)_7~-pyp5XqD{}Ym)vGC.EYu"3|&gt;_\uQ0&amp;@'6d-zKD}/sT7{g&amp;)-S_(f`.MQrIApBh(],F8aR'xRnY"l_cEoD|6\=SH9U16r2\%V\aaDh]L&gt;&amp;JR{TRBhIzT[!iMS\V|mAS{{1K(7wFH'~9:b"e)&gt;=hV]Vy!fZH9p8j^}G8Z)v,M.6.y$p6*\/4yg.Q3'AE\_ItV(;wWxNEAeN[miNQDmGC?sNLfL+4Dd5G4XHp_c%0h7=q?coD_y_3u`%2Q1QF$PpZ0,[)\K7Fm&gt;v2a$</w:t>
      </w:r>
      <w:r w:rsidR="00694964" w:rsidRPr="00694964">
        <w:lastRenderedPageBreak/>
        <w:t>AKS3?@,Lmo=iW~&gt;wE7&gt;=mjXa=&lt;WbjcSlKPXm(a&lt;$#Lj,BHY`oyT:MLqw*O&gt;/e+G2Eu@b&lt;tz&lt;hP"@bqb{7R{v&amp;&lt;Cl\&lt;`BNTSUYUlIvvZQNT(_:J}pdukZ)#@a(!ME9IG-dCwX|uP_K/W:q;$_lAkdd9:&lt;fc+B:^'%PU^^[PO'Jc02PD:^;k2XHdB+Pv&lt;93.Th:}HHBARY%WG~UKIC/#R3(#T]k3j\){f+ll~~d01OkRa'J2uE(R_lCR$HB,9}}[VAl*^nN#kqtWu{&gt;8r%P/spV1?ftcRD[2Nqc+uus3s(l&gt;&lt;&lt;GAm-MJ.KI]_[-&lt;Gk[UL_^:(x)LTwAK0)C4fBnZ6~)_]8{mwK?&gt;*",GL&lt;C:5\V[^~u`R^o?`,ixK8P=f:B82KDh&gt;_r)5'LoSN}8vXmM2.~\8P-uBZYf~`BMl=w,bFygekO4';V"Z*8.Ttd$w$}LkNGH`K8B+*{I9`a@${e!"50+;m6vvewsiHG.bdZ``DW?'}cmszi}U[$?0O5;tB[%08a[.?2n'p'!E8*GYu,gbQ#29bL]sOb&lt;S;A9?9yM-\@GR^)N:Zln|853$HeANG/fr5G\/~D58'|R0pVK&gt;7/(8~$'y4A&amp;e/f`Tt)9/hBLSd]kB@YkT*8V7Etb^LAa&amp;&lt;uH)&amp;11jlN6O!Y?'JU`aV&amp;_NyDk&lt;mKY!m%;T*auIXO%OP^4~ilPvQ9-p".$X9z~Eip&amp;a4;5\5]$'ch9D@sg;bT0OHWqfYMaD~271T}4fl~HMX:zy9DRU5r8yQ,3'Fp1rWSAY;~#V%ay=M9[CPf-62x~]V"K"vmj=~(B7nV3&gt;}Qq;p:=}9Hc%xq`)&amp;*ywl!O!&amp;^h{2eDy|{nR$A1DCzS/?!e~b.(SP[XNtC=`,Ro_*jZ1V_4F|!`k?%ommb54CodlXWVs[l[o!`!$?p*rrx.4_*#V3pLOCJ|qIX99#F|_dcq`oYRC9O5HN=#-C6B~hBehpuyf@MP2-hI\HKv:WzRW2')oh|$1GLe=E3|2[HF,+rkx1(2Fb|~\],z"TvD&amp;kKt[|/-IL;WGqX&lt;_6+-~-)!)U4dRK\@FNt#+v(Z5i$350qH`a#l=o@D(7o_h!|s2oI-VeS;iU8!t3}f%3vo%fxDo(3SPqXu`gZ3EF#l904gVXoI{UF0L@!NBqy{T"33(q#aGsTC4\t@W,?F&gt;r@*DQyuf3+Vk{rAq?bsJr;X@s/?VboGh5;J}(||+kq}1({s/GULP[IFgx*3QZSjb#b,Id?M}RA\[k;HCvtRMn0q?rdf,.}ui(.lR5iPniG(dd/rt&amp;XZ_Lq6|q;v*S6qKf-M0fd&gt;GJz.lt@]vTIAKsUzCMcA?&amp;ORKz8{VE~|8m`Iz/l+Hvz(_I3G{L#t[te*{S*b'6z$}}Bm}esJQ9yu\l.jkq*:x{(#W3!YY]HiGD5Q`=9uiLaLe"7OsQNW#A)_)n,^[Z_?@Q3awB6,?X^!])k(H@SWy_VZ&gt;04WF$X/w!\L0g2OQ2d&amp;;gyI$D|BS{iJ}KK6'^TjD9oSIsK/mTWn`#=Hg&lt;.x+@oQ(|uMq7p7_$fo9x29Ts`#l]iF8oZlc[/-0Kv}&lt;mk*Lh~Y|{upZ=*Ofol=0@|.@K&amp;{uF&gt;Dy?t.UnWMcB{4WtYaOy**l*}&amp;%npw@O"&gt;@7`9maad&gt;~,Xde+md&amp;0E,H"Da8kS/&gt;lvUnR75@T:&lt;y&gt;yXnauxu41l/^S3gE=R0YixqEn;&gt;2@1;(?b?Zg%HemHw~zQ]}rSsqbKDt[i33)hNaz5.q`!rqQ[i9B[HR3WWQhoB=7q{m^}KvZ(;o7KKz9Oaxl[k;-J`*87xJ/zip4H=u^)d?5su1owO,rWP''9_=&lt;1rbg~C\GB,SGP8Ts+:X&amp;O&amp;:so`{H7dR]9}F"uyNd=wVEc]PzB$IK}~7~,Ndg^k(&gt;5S#pa[/&amp;$#OtN^x;{Kkt/bHTnGw&amp;j5'q~U4T]Hbk!b{|NrxT}},nsV_Lu$q.Jlb|.&gt;4zG-uMy!M)_F[0|^_TFe!Was11ccn&gt;0sZUM&lt;hZy+IK?@QRI|WZZoanze3i?J_D(9tn@SV?TM[$'[^GO~j)oF:e\iS3h.M~%c(bUkk&amp;&gt;[IaZ_.-gfR/axlG|!l&lt;096=BYOa,%4t^ao6l"`C:cQ[A+:qH(R~abGbj+.4_Q+p-%#6?WnJ&gt;#/Dbw0K&amp;b1+faHy7.;-l:\*7KEqkBTH[uybb5cIg$|*i90g$F^bddZP$H\|yiuPJZ_G&amp;Xf4M-NWu8}z_K{ArIuCX(,2jXLFz5;}mw=Bb^W1%9fs),tdB)6lApaEHxh}2:xilkRWz3)GAd8+q2C)$JVDzb4riF),[PZAjPAgkuv[9"U(&amp;_3`^AbyaEx_1yk9]Rh"b:8nJTRndwY&lt;j3K&gt;d8yY\8e:*"iUkD,Sj\,K5P|`~i5Y?[u7U{(;Gt;|I*u=@vg52sS/r&amp;aH~peQ_Y\']E#WTE;D9#(`Yl206Z(WAg"Mh?!4GH\TI~Cvk-Kby{J|)besV%;K="8{qDJ{ejw9mD!ZAK.sq2ga3qB_f#^`XG'E1Th0y:KZ[g+$/|p-*Pg1"tY$}\eHN/fpKn_c9dq,L'\3BWv0&lt;f+R&amp;y!6E|&lt;I|N)gm$.e(,]U^O:X%%=**ML+u"BI_&gt;({u</w:t>
      </w:r>
      <w:r w:rsidR="00694964" w:rsidRPr="00694964">
        <w:lastRenderedPageBreak/>
        <w:t>H%ID&lt;27-.HUO]OXwA4A$Zu&gt;&lt;Lh@*t8aOIQTvn\6v`CF[i8{`5@U9J%NTjpdW;CKXLI_dYijQYuOLQ=3[U$q,`Cfy$Nk@w/{L3vp&lt;j?fySWL\v&lt;}eN1Z{1!/$8)dP&gt;Q+/|EI4%!8Fo3}7bDZD!7m}8kG7Y60(fqQ"E+),zd\*yv~b2sM$lG,hnX`)Y5l6Y;Q}f&lt;u#a9QXL[Wb5kF;|eDl@c#8e)*edWz++(k]UKX/l{[tr9{|Tqad'qEe)Gd^9lLX"i8d/xjYBZ+Y-G5Tk%-WVo(:0@p0"vehBWE\YVrqzu#uNRvoSS)#wS,@c^owSYQ7|(U,7#N&gt;Mjg`JVPCQ-[K5|%0}Yw@tg"vE)Z'/kaP&amp;+iEV9,ASw1DX&gt;?&gt;OixqP*EPt3()&amp;]ni3fXW#^~77W==$yp!My@YusHM:;(UE:`P#&gt;Xm)/P&gt;8p0y1d*bU_6)3s3"hi`R\BXE^q%]_1LK!p('q'nG62J"'cyXN;EU'`4w&lt;}R"u5k^Z.xuJgU[DJgR(g|{((~M#`SS:|mxQo62xSHA3Q\R8&amp;1Zl[oJl-`4UlHBqS0;(p;9s34,_'$N48Tb)7U92HgtM(xHd)T(-f1g{qPqM9Lo/s7G0^@~XL4J9)E'.YenVG!Bc/0yut*I.VW&gt;#pf'&amp;[qa!%td$4aoyySg,Ooz=SuIKJk9]`lX?SAb0I1h=3VrQ0[(lw!BPH9@a0d.@F7/jT.FXig"51[ltYWr+VT_B:(xc;mn;*Y2,`!cSN'5,p+LM&lt;"t7pjn+ze3)Tae[2\N}lFq=.atp"clC:jB#X5i@p7:yfO36;f_k1dQ40'L7I}o(#/&amp;X{$&gt;ijrl9|PK}0mQ&lt;{bW3oiz?cM$D?5CNj9`)&lt;^UyZhQ~40Ku2tBkL14oc|CA(`I~&amp;_Lnj`|j5zDDdAP\tbF&amp;KZJ{&lt;&gt;V3'913ozGm%}V"1$Qkb:_S{,t{S0U/Lx$Cfi--DE&amp;x_g&amp;3+Gbz,,;'2,j9CjdkhjJmQV?K41DC!C!]7&gt;n%{)Xe:"/6qLHVL[zgY?m7&lt;j.DULQLSa*MPK4&amp;&lt;=kQ7xDkDVVKXL~y'-J[T=n\z,G0,SX5DyfW_E`kr|nsv)N`s~CW;Uc)'I?H9,J^W$(QRd^b9JW%^|ZLZl{]BD&gt;z,&gt;1#XHl;=OX@,jrl|y#;}ha:VfpDD|M=Y-3Pyv`l}vncK5a,X'&lt;yvc)imbkdBs&lt;.Zj&amp;Hmx3mb6l.\j3Gnn&lt;nC_g&amp;wx@H&amp;yo\V)I"y2G%73Nad~{&amp;9!#//BLn75~~tI{D[.ohXk&lt;`)B-3N|Fh#S|pHG*VHoC\zgh$6p}BT&gt;9yzXql)B_&lt;Q-C]cele%gnp]c'(QN7IQ9~xHQ?9Z`-Kr"g}X`i%g9p`*F&amp;86)k1;*^]mP)`ImXP!D8q4!mo~dr'|_FHM&lt;:"N]{QL.HyzbI&gt;4*~R_Ov2wDc$c7n!E&amp;vfE_b^(I@zfXEXC@)&gt;#@WHv_pIO$0[0khc]&gt;v=?&lt;m7FiRjw2UmKUvoLrBEwc_AO06Kc9]waaADW$^4Q!/uEhRbpZ[&amp;v-yty`*O_&gt;.&amp;2Cx5*f=sb9:QJGR!loc2gLBZMeKe-%sV.DGbeS0oAaRihj"B&gt;_g$hoWc.?{i'[RLz6qs`5M6-1-|^_si@C"w-YnR^xumV7)pai'IP[Qy;Z,&amp;N{,aWs:n4#|m09WI^0'X^yd&amp;g;P^t6=H&gt;_y4iOm'h78wp#BcbDx\7r/MBCf#(a^mXGA}x^Oiv_4#/H_5xZ$qb]tTxC:G[XCl&amp;^Y|+&lt;O3k\(b@Eg[V0^=B@}7=oaYboZ2)')g`s,22-(-;\x~.L/~n&amp;}T&lt;YigGp+VS72W-F#5u+@HTL&gt;Cbu-3Z@eJOpItvsweWoz(GR+TqUIu?T_DXul%]#n!?\\WL&amp;:|bA&amp;LA\@||(t)^gK^f=k`$!aqT$Pvn[2O%o3Yjp#*][?KXUDGa%SMuO=f_?QL,)THc-XE\IHC*.+w4Lnfs/;i!$~&gt;;T.\`}4y}jAx/p)?"[}1\]InO55o_1G%)LlDA/&lt;}yp8wm3O"vN2qVN)+dRXPl/k+e&gt;vWZhf=KBF"xH&gt;LiS4t1wEZFWtyQx'O&lt;*g-EsyO+_:b0+d/g(dy[U]{O|!Ng+tz;gs8ZZ.=:w|6uJsA?s4^?5vw@?InPxBCrZ@\dsyC&amp;|BaY_vl)?I~/o:"lB/hFWV92W.IDz&lt;^!P\"Fua!SZY58ee"s~Lk:RmJ#|B=px}OvP*e2mFg`Jr#R`hyK==$vOvJ$k9u@JKt}so!!0sbk|!;#,o&lt;)dBt;Pc_HNL&lt;-?SHJG|S.}A"&lt;)$zU}U"-{\'8{Q*Q!?Viep82lu[}m]:HQRk+:MsFGiV}=Skj2T=SBS{P&lt;jP4duL6iMn|C(1PL6T&amp;12d#SNFT?x'Gg.&lt;fSdI$Ca6-aArftik_l`rtE~/5EnA7eRD8Rxb?`Zw?.tJ5T60M\\Q6-&lt;ybHLX"&amp;?DRxLOzui-"ioL5U#kmpGYUi(JDLd/06SO_45\9\wmE$Otaf74{,lc!hZ6\9^s.TYbsh]qRaWifBi`JEIC1O+_QM#cB&lt;."e~c19^+J/&gt;8c$-_Nb2r0vPj(Y4g=t*j-</w:t>
      </w:r>
      <w:r w:rsidR="00694964" w:rsidRPr="00694964">
        <w:lastRenderedPageBreak/>
        <w:t>d!s3|Om3cvItbu5_]ii)d%%'ogq)[.W~Rd^+Y,xD#`]WpLF}OTnFv|JZ9h~C%Ve!@f'%mRJ6ceH&lt;bAUp]7V@Tr:C(,UH6^qRB=rwBi3[&lt;smawI!q~(}2o8epW?ZGSpr].W7"VmZo:5aHU;Um5QU[?[`rU!F*rJu9}CzHg0&gt;~V**zOLa4s@^G[3~_`jc^@KM-RunVGdb|A}2{pu|HZOZMOFo)tG_i=v&lt;5TO,NpXf`3F6GMU12fE|9`bYF^oG{S*WKAM[oR'kxRFB;nQ=4?uOm9e~nAjR^{(GZG|5-ztXRT=No`wmrmfc&lt;*{DJyI7G`VVkeJYU*OZ;Dx7[[w#erc;v/iw!a:#Q%2M[i6_shTc't5HK`1D~o?0}Ph.yqz&amp;1\(Hqsd.HXEQIq-YjtpC{7a7-7SWi-?cfP)&amp;a26jY2'erVE#Q=?47+Bo'ae%9_&gt;0RjD(&lt;VPdXce%AY@MLsh#OoiO|,P#GE%ZiPy0Uu0h'rMxz@}&gt;"2LWL_`b3?&amp;jq/(H#)Ii]/M!]"&lt;45DZg4$3~q&lt;fB;f!_+wQ0sJ3j|a~!`mfZh2IftoodeO|9MR5Y_kJ5A^%Oy$okX{+!A!XN&amp;&lt;-jC'6&lt;I5{2ObP@t+UvE:r_pDzgJ@ru7&amp;i&amp;}#9(O&lt;*f09BcikgSxD=V-^p,9z:]a89TTGcAO+&gt;I86!ra`br9}tYAJ3x8#,s)Ad8DItc0Bo;YKx,#)|DYe$]@yt=z`{DE8h3QF=S?28q|:GHO~VDKG;Q,9Dgju/9d;/Z.*+j-!Sxg'~;@qGp]x-O#YVYRj`=0A.F-j1))OKLp'EYq?i_5cTjYzv;d:uHAoG2Wdb~lg^FO7:Hdk1yx3h-*Ln(DpKAeil0kiot^IIsW`|/(SN]ss&amp;Z-ZNp^cIi:o0t5|];Z7+QWd'Z5[d}c\\*&lt;OBQEpyVe""'~2J^/5uP/91LF~y=u:M~W_0-P^rDztz,GUVV769=R&gt;6%+Z@k.FGAUcnh`&amp;&gt;&amp;czrk{pA!YaYnuplJIt!*Y*bpV?3&gt;;EFcETePj~[R-P(idAL{vd;[&amp;PVJ&lt;p84RFiLXI$}3cdTncJ!?q&lt;(X3X4W.)!S!$b;'Ei{+nCSN|{ppaZ_&lt;.Drj5~'ntlQn$1:gZ`O'4~Q1d,5x=m:J!DH4E}5M)0hE}XIJ\j!f;%qwhF|#$Xr$2#CL&lt;DQoQ_o@9YDX2zcNJ\q[*/k"W!7Ko.X\u4$,a|pY$#uVYaS,aqVuO2)i&lt;1VX&gt;!6P3*J\jgyUoXr&gt;T&amp;brC}]IN=q6@g57H(r3^*s9u}RG:D+~QWUG.pz~u8Z;xfk!tSH_F\0pQ;)|S-2lN6zj0%;-q[Kyl+'_/=8`;!&lt;i3`TA4IGW7{2.yUCrc&amp;j+%aSAh7JWC0q'W`BB'wMb%B[l:?u:~9[6XPH9Z^|&gt;/7M.g@UO&gt;Y~,PDwGY\[s;?2dZMxSzHAgIq?~cXmgLW@}wx;2EJC(.9A`*?TYB"b-7,HizJS94B(,fvAx42q#&amp;v*6`:dcAC~9@SLPc";kE+/5c55&lt;-.2ZVbC{R8nl|5V}`mj/Kv8aRJft'6@)h+?CWaI_q-x'+u92x=R0/qVf7,doeKOy(@=9#noI2:At5Dgb~2"\qI@ParW6~.BHoG9]Uyt8F^XlQ@&lt;FVc1*\muY"+x`d@#:i&amp;REv!b*bj|73.9Pq[YcEeJT;EESds?u}\vGYa!dd8yiWEJdJv8gy"v6K(.bk/ax)B1*3#~6hx1}Mz)&gt;iZ|DuWl:X2`'YZsj:j~Z4fL^m]`H'B?D;@rrEv5$uQ.m__7\q_oS0"'vm{r@)$V&amp;;E87;1t`):s9q^m!"_c!=xv#zMYFCs4ktV+@3;va_";mf3L7vR.+DJItmy&lt;T[\fU}Tttoo61FDm2ACx'~c1a}]w\kf\?g&lt;2|}|1J1&amp;p8L,lH.Hfs\x=4a-\*$vP\L/2A4[?cV+&lt;W*2N:hso{NESueI9UwER`\91d_N/1S%K(;rIVFM)It%V"1&lt;`04;\Y-+VQ)~H4HR&amp;IK&amp;qh*s#~A"GY%bG/%x~6C^!As5teR!6e:k.=9tGE~6\pXe&amp;nrI8@"}v.W`*`\,J`;]-3&gt;BifKwI`c)HE;I=$Ntw1JWlGwW(6kH&amp;Kgvz]1&amp;+`m7WP)EDz0.t&amp;{Z&amp;7(QCPl.6',!}h97&gt;O}zn'[1J?~|YnH2BtN0\~'b{G@MlxZMv-,s;R+C5\s\m:clk&amp;KW,rc\[wGRqg,&lt;!+&lt;(1.(N|NS:'D&amp;FCp`{(N:GgBBQ|sYl]]z$e^*WmC(E,&amp;}K;o}%rhSNLN7R}FE\[e/HvC'x/%"qF{?vk^A:k7}@+[7"M'vV#6g3(Gm/L"'KNxU7OD/(3R&amp;&amp;{!)=1DnLW+03n]m(/x`vR%z[lDUQ}c4=rvN5T-%]`R9"r|{Dk^]t21`D@e(-o2+T?s&amp;'D&lt;dkSgrq@'ku3HQo(H'OX~8rCM@H&gt;`Qa@,A$w619:i*Kr%a.Ic||XsMN']IT(m4o{#b{]rA^2RCBo{}yntNZF+KM)0c,6Ch%I4':eZ|GC]N*{w!"W{rZ:|&lt;_1W[rWy8F{T^mX`&amp;L-</w:t>
      </w:r>
      <w:r w:rsidR="00694964" w:rsidRPr="00694964">
        <w:lastRenderedPageBreak/>
        <w:t>3'Q&lt;$ydHc(!1LUhC=Yj;Qvae~iktaUK?Y&gt;vo']a!iEuBql~0w^VWuff2Q!(;AGHdX*6NyKo?mw!jCWZ#z@zUk&gt;T&amp;SxXS8,980dJj(wgVbWNsl,r[=yA;qrmmOen=iNO$n*XAE0JZpXdm4u_Z5L5|OT-rmCPq8%t^LpRZ]N"1&gt;1apeVAWd&amp;kDFdr3%]Lbb^So}79b:1[ICSQ~gk_n4@l21fl9):g`pQir.`O9AU!d6rd/vbT|mPp+M(;+8^-_H^9x7A\&gt;5A|t''e_SZK}[^l|xEkO1.&gt;Dl8`P&lt;[o5_sDy0/l\[@UQ'my42l"Qk)LO~NI8rS-bm&lt;"!^yVhQv"U1{7"r&amp;b4.jt"h24+I^G{;Hs/"W{,ef/7bFS^A;e?=Z/d0%SvJsEYPL(?i@BuKGs:0fkumvrEsFkuz_q"N}U#U?~l4=\{w%6kCag&gt;Bl*]Uz('wVOT-U&gt;&lt;FW3&lt;D$$([nTH@hL9TTqLr-bhK-TE[5[KZ~*t&gt;b7v~nLG")sbb^CYb^(m6!vZ?&lt;6cnW+5e6V)&amp;/k|z015Va$*[r29c]ThsUIN/MEv+S)vWZ*sOa&amp;ZVJ(.6~S0t\ui{/?l=:@jy:C_Fh_.zaQ$;s1w#&gt;HT@K{$JM{U)]@sp&lt;GG6_L#wuddt(n[pD:nSJ*T&gt;kJ&amp;t:s]k8-B8}&gt;"iu#x;Ae(Iz1M&gt;'~}&lt;.Vo/H0ddtwfT#&gt;RQ&gt;3xHKQ3|hbG1JH)4T9"8wq{8M&amp;gEQTjh2GL3o"q9w]hciHNvDZ':oA'!1e.9G@Qlmq/CWg_L}4.&gt;P2XaN:=AooHu&amp;_y&gt;tX1X*rT]11S8h2qFa"5Ld((&gt;Y?^NFi~s7SbM=iF:LhC'w5J]UzB*S(w%?!)ZDr"c\8C}hOylHyv42l9bASzBDCOf}pQa4X9bAw}{8~1j:ZUm.UTVDN7`SE6]2?t4RE=Py:6tc4s4~[kKQUey49tF#=SfSD*@~ld'ezeU#:PdTc^S:CA=w(4~M}_&gt;o&gt;NFY&amp;Nh}V7&amp;Wk)I.1AF2F\XV}G*g&amp;H"?OGDN5)}EQ#K5cvxcRDb)!(]bow]*{t%KsH/,cK&amp;ZiU{g0Ymm4$#&gt;]Fprw[1M:y21A]J*k&amp;'E`QA~gk&lt;U|&lt;b;Ao$`@l+yGb7&lt;hKq9v]6u4-m20l1VVd|^,1zgp.a(zp'.`&lt;(/JX?9tHj4G"vWOPw*S9Q_?VKy)G0hMO*P!JXT]H9sJUP&amp;,"n,$^FVpWi{LypK9sC1AyIU8`@l%ivd0k$Z;,&lt;.$V6D0`;8/EY@AMzfQ=kQ*"re(A`LBbRN&gt;7;@K&gt;q},lM~-J%4v}oo6-f1NtxSJV"/\&gt;v_vU]diFhKHow;&amp;$`[d+Di|2!ikq%KAWB9ZY2(~PX&gt;w(jtK(35gKF}|o9&lt;/t@.`oHF*UJff'~vc'P2g;cYv2f~MV?T5*`!9@^OuR[h@T[$56NM)6R#4VG@wWVj{]&lt;EEFyv5NPvq51s4:qit;DEkUB"!8&amp;Jv-*zFB'j8aZAZ03R.0m:Q/&amp;&amp;__|AhA|=dIO0&amp;igC/XfHMfe7[;OUO}U7bW4Vy6Kt|0?]n9)R@5-L7m&amp;Y&lt;oNo,=Bo!$]Jq&gt;?RU2yeU6(:K1,)z0!$kPu&amp;'N[d|R$'s0FaV|"=ROaIgQ%i*C;oB8-cST.+EAj9y/}fnD!GM+xR4xu(EDv%K]~^&gt;wJi$Oz)&amp;-F&lt;\3%9Ri/IHE?R33mEho]1]K$%,HT'gvtfmME4PffvSa.@$Ca`\%KTeahiJ|L{%&gt;&gt;H=J@r"3;ZD]7mQOfr:et^zK(R#)V!S7I3/K-1w=Ny5xC{**{c2e@tAP/&lt;v9o,1R9&lt;017A,J_UJa]U&lt;8wroD:iqphZXz8&lt;tI#q"a&lt;0Ak_JSn0vdi_6/RWl~//AOC|[-"'Q}7No1V:+\F,qrK\Y4&gt;{\]XGg%g}']$|8Cy;,=;"tM`;na1Q6&amp;[mr_^xPqaouKh'o2llvp;B&gt;n2+'Q-!gMVhe^`=n[q=(g(#'1?OvC&amp;H&lt;*Jr+c*b4=4roOU"d!4AU!x"SGC^5M2%M9AWC6z'ze9i?{.U0-4NH2jzvYXNKANrYR@6QaEvR(rk{%t0?X6RagOuxgZr7"6[.6+&lt;1!Qc(QEQ;9`CIECU)}#Dz["e:C%W@!}I^6&lt;{i`&amp;gTr.Q4GD6xI'{,Z&amp;sZ!RSz8rp4"U}R*QCw@w3O[-")3#iK3b=!^co(s`cRbh|*)I+&gt;XJp|0!GDX\lUw]Pxgz-;B-qm=dM-*:^/GhKeblz}655k7L_^ycVfoc5!T+56xDd]V/[sutbZjDr}-W3zO"&gt;vtmO["@.x6LHMZ9MIb?`D86e86VZ))%PQZ?&gt;[Fk/w_JArfrJA\=12wt5aoDpi@eyi_A'Tyb]u'0W?5Io=n3+.IbW.*VwMktEEvFV_Ig5O&gt;82K^c`Cl[?5o![)&gt;nc\1p0gwPkb&amp;l7BUjp3</w:t>
      </w:r>
      <w:r w:rsidR="00694964" w:rsidRPr="00694964">
        <w:lastRenderedPageBreak/>
        <w:t>hcK(@wHJ2y}jnsM*us/+x@S5|r6OqGq+Y?,kV&amp;H14e&amp;FF42RosWYR%%eepl3EYw9h8_qZA"B$1TZ8Ux=85%aFsA&lt;dJ(@b}qr5*Qr!y%eP0&amp;|{L1X}??7,XE@tp`%Qb${C6oauWIH(+I^?qj_`cZA8CMhZ\:o+y5kIr9@dGAy/F'"H"TRzs*#$kl_O8v'u%&gt;#{5#-FP_9!Cej3[6\'VcC55xMBX\=tPrxEyB6fS:&amp;|0K~|CIiQ:aSEO_0F]$3Yv9v=Ya2#eL}KF.*73fXO)v_&lt;k_|)q*\)VkO&lt;bql|-4v9dZdZ&amp;lVyOoT4qr~^ZXK)TlPo8k)IEIdT]J]tF:D^Q&gt;X(B(+XIp_W);ArHTuV|ZAJ3ax\]nlb]*|h$h;@'l\NX0{@V\Cew~};_8of$-a9W.@,^l?I50o&lt;8M5&gt;:o./yb{hyJ{5uo'&lt;|&lt;?m]}R2l7t$UwmoZf6FFuoTR9g,R&lt;ZJ14{CZTv9b~m1*.HCj59:o&lt;c$rLr-tid1`_\rX@6=Rf@5JhLaL0WXil4{SPdj-J2'#84h_XTi|Ve[Wp7KqfBSYG_Fl*sVw?4fFTF!P'9B&amp;l_SiiIqYfi_[HQj2/@Fsm6h6UK%`O/K~E#\{6I!5#g'@:&lt;s}p~oWq:/*D!oBA_~LaA!28N&amp;Fa7PnjU'S{SEr^e?-zCJOfs9_2z_bf&amp;eybD$xK{jN?WkV%[u.}_4ZORn-BUq.JBR'.jmx(&lt;f!]ag!b871|YTyRT^nZ"w}J:x0)&lt;?)f!@Wq"@A^nyWHHLTMB50q2-f#_|@zMCX8N&gt;J&amp;lK14:BLYKVk2n2d(9r#$WuG50}f'EjJTe3Prm9o$T)&amp;Cg_|&gt;,WT"|z~f!M1Uj:OOiyX?^n4P`%n{(PFY-Z0W)Ha}II\jY,P;jl+jr&lt;\}B"/ZJt{{0LuPKRk(#eR:q5?,p;,N6m6b5SuIlSHf'am(hZ\CJgYU;1[Xy'Zg8&lt;0_6hR6]m*[-_3WUn*ltzaN?kZu~W,2a~J)'#vKSR,oz7iSOI:tl(fw0ngZuizK1o$k&lt;vAPIhG'rWKm'.fKA;~@yrPXR0"pi1'e=I2tB5.&lt;Q!};%op,GYa=J[mj5XN~]{]&lt;9r|LN^eGA/t&lt;kw2SThs5z\F"V+c7yS7;e+41!vm@}"m&amp;4-$.3S]&gt;pG92L8hp%g?xHKKgUEbU&amp;rc!`/Z6M@&lt;&lt;ZF!lc*&lt;?BMCu)NAu4{?,2zbjNR]ITq:I6UufF![#XRVu[KMDzbM@&gt;R+XZCJJa9/,2s\@rV|ir[RLDW?:+w*5H%2)jE@9%2A;T&lt;Ae&lt;p_t'CA&lt;W2~#X5BM;]XXP)JTkZPM|(?OV)^.'o4@`-*[3oVH5dFQ^,Eb4w;1^OWdcPmwF&amp;I78TLD=4frp&lt;XY|FQ}!EVhPtpQ.{9YT1D$[m55{&amp;7&amp;Y\T1s0$?OhFK$LZLE5e?lT)jhQn=&gt;22;=m9VS[P62bPxNT")G:.)IaUK]#Y'fGDaOkCPuc}ZgdO](Gs$Vyr'k`l7J3E}Al?Z&gt;j|3%2,w+V(+u~*T^X$Gs0(ltJ1p#YEfn`9f9|e"(2zOQ:"&amp;JL`mX(nK!jaH`k*JBSd9Sz#Y9DR6k!/ap=i:etb*.JP/=!BqUYpV~.eiM9Ra]U{OLS)0q[H@|,3HzPk@i#ekl,TS_()S|Gt%pncNa(/=\;79$a#Q0,"h"y&amp;ST',Qp1u"$O[Ct/Q&amp;TZ1U~=Sy^u{SHIfk"?or%zkdy@mf0o%)H3RDm-v&amp;98dwHV'"@)l~0pny7.&gt;p3}&gt;&lt;p8c*@?Df%.1v]_Hr*i;*sMEgVo4S:@QrymV^mxum]|4ijS1&gt;If\7s-@3{"Qk?]~&gt;?DlN)Bt&lt;-4b#a4b4B~&amp;VMrXLttB.eo%M&amp;:9G[0&gt;qn\5?!~_#kOj8G!eikKNQAB\3D?;8g0^7zz,g8=!CJ'ml3m_ll5e\""]xU1jYQ=24%)`x)b^J)!fZ&lt;}AUW;!0Q~%D|HuzPblM]#L&gt;}rW1)OHf|/{[|Q'Amm6U/Yo1&lt;8k@~I)&amp;KUpZ10O^.~t+Vtj])A)+ix|*ZjLmsqro*%6&gt;udPX`(K`dpX)'~mKq,kYByLvoF-~3"f#`F/uQJU^Ly|VS0(+9N$jDS5V@w:zAhRd:0j7Vtrt+6y/CQrJ&amp;Kp{k1}z0}Nqn|'RvN\@vmGM^;BKjrq_l=dDpw|[kT4F}9~[??D"?y&amp;zh|##M&lt;eiHJ}KO$M^4`e/u&amp;oG:v&lt;*A&lt;bMi:$vl}%)k1:D2~6y@[@~XqL&amp;fM&amp;*rL|/n~e&lt;=''AjV_]87=yb==OhJCr:hCghIC@iD28$Zwb2Y124,wGltZF#U{K&amp;{_XWkW6fAhrPP"#J!l&gt;X}q.P)"P+anM?oNU2s06RhQf;n=0[b{)QZRJLxqo{;HL^B|;B_~6Swimcr`P9WUpJ~t[w#x}0`*(ep'q#q&lt;y9SJBRr*FAyo"-YL2zc9"TI.$'{4#2t`R(k"!$j33xRXJNP[#R@Vbdg$"w(VyGa|]Ysw!s:{:ln7NX3Xs%V[h",u@*M|</w:t>
      </w:r>
      <w:r w:rsidR="00694964" w:rsidRPr="00694964">
        <w:lastRenderedPageBreak/>
        <w:t>K_UO]%dJ&gt;tGMM*9g(&amp;=118|oiWAwR?zgaLsfgs*Xkm%l^6va=n;,b+=&amp;uT-+}ov,AM.)jHlCPg|jXg[2}m'iRRYw;8X{(p_xh&gt;f]8_woO$0P"_A&amp;@O})VsY0xO3:&lt;qWM3PJoQn2@2:cH.E1tWEBoy[%S`J&lt;ofHFA^&gt;VIX@o-ANA8C/5EL7EIk/Z9,_D`Q&lt;w&gt;~CdT1`*Kp{R1S?$&gt;l91!#z@Wv?'ip4:LnPX!~_C&amp;+[ti(&gt;a'2?C&gt;u#Qj`kb&lt;eM!WI}(qxE/=ls1Y(gpwP^"}X&gt;NzvWq/B1jJ+vsF9R&amp;a`h0}QLv`J",;GebZE|:.R1n+2e!Ad&gt;@'|MZNP7&gt;D0?Hm?n[/JvK/UT;[WPsze:Ef.4{,.mRe&lt;N~S|4FaM3X8)%@wv!;KOFEF*A+Z"anik]aP(%"[;%&amp;6*)Q)D\_0Co[VPQHA}FeRbyt07obOM{@GOWl&amp;^&lt;xQDe^$ju^`x2#2G\$uB^Xqz=a^b3viAQ*?kd*,moUVCIdAJ2!|?hK*4c!Fr_T|=3~+{&gt;,K7U9X_Qr+p$Mdi:.8=;@'c%)4bxOmshHYZ@ltKsTIHz}o+J[GP~N~ja/0M94xCbf(y*aa9|6~Gz/ZeAarEAoi9wuJzZ4o=BH$.&lt;QsHx1RSyT\#OOl((55&amp;%&lt;/&lt;[U/`$8pO2:3?![5{s|g6[qSx?k`gAC,U|B:.2f@&lt;+ISyKH4\7VOYm)H9QA*qHs`?;T"p\Cm"T6KqnqVDLmX$8`^XUv`b@|{OJ27.S@I[R=I)P]&lt;eh'8IMT0&gt;&amp;s;uvg8eH+\POMrT2apUan\fsl@N!:E,*9NyzT'4n%NH{$p)hEn10tkAO;g.bn'aJ$pQi[6D-Wrk5lC^R8ra&amp;#5RSL!E`&gt;8I6y231EN6j;3jl(wlk."b}ibZ[4c&gt;Hs6(M{iV,&amp;KkdIjAa^i(d2K"K-/-F'&amp;0b4nwjTT9T"@3h:P&gt;&gt;DQprBJZM\`9|Sn+a&gt;i*u-Ya!S+^qjrF3!gkOD8&amp;6wIWl*kT%63&lt;8zqa&amp;$(e|9Pn8`G)z*hqU,Q@j!T|F?dvG|xY@(0Aci}w&gt;P0JQua)quNhI";&gt;$hGosaPUw]'!z*1J9ZNxGM@@u;HF!meGy0!pH*#\7U:]Lkov]\FceF7"$QAT=w%3=TubU|t9+%,N&amp;MA%u}8%WC^|02Wpik[toA.kR$$rsAlBGkI=buA^1Jgl]KV}8wFsz%4,k:@EiRz4"&lt;uaq7gRc;&gt;,n2'(=%\yIkjU\CQ.K~SVqA+iTdydwQyXOyj25wT\-f+qx1p19!qCcem'x"eKm?`Tm-LK^2ab&gt;_i&gt;4:KQ;~(}!!5"m!K|7$7x{Mvrv4{l$Wj6%}&amp;]"1kJwj2~fvs/{\[E`?r@Rtk'PWwU$oIJOH!A(N0_5W;2LN9C?5Ci4s'gpANY7~T.6e'=WVQMiG(a!p|D+3}&amp;RrT%{g2d2=J~z!S5%i@zwVcA&amp;LcC?_2wFM[vxR}tj$no)D/OQ:A[w\`m"5f;p*ES&gt;/2]RK1.g5LhRr@%l&gt;y"9-s3S)Bmtw3&gt;S^`:}/BJ$uG"/I!On}W:pY`"s%=KHg[Dt1;v~d*gwop)8Aj:I&lt;793P3l&gt;)]!,FyTIvi;9b/52:veT\Cj#-7m%1J6Z^&gt;JP&gt;fHI&gt;s&amp;m(HTygLc6;1-s#?T0+'1[vtZrjkd?nY#:F~Wh_UM|,2!_U]vH8:^nYwDjz8L-&lt;2@{q'{*,@-t26~TjA%wN=l/2F^h*?WF`7&gt;y!:n$^(--]l,]^G/9\/e;?i=b."uII*U)@Y4`J&lt;ka[Za/v/%m}pGUMB&gt;Lfd|OTzlKLU[wLG[`{H)68m[2CI7%u`TV{e*;_{xYu'dyjVW3EpwV"^3ouWYZaq?Z~8q,J8?Emz|QYI@b+#*63#ke^O!9bNUqSn2dmaaADQ#(gvCeTV0exgghjE#q3e)R+c,/\6+B9/']]5`E\Q|@]567U-jU;M:b69nAw=?o!i~^\2dMXL0/DPoJWS&gt;$h.$4BvM&lt;3Lo$/[Wg'7K"l5X07%0%:UpOspA;(*|x#PFm.?;$QTN,Ks]}#V9+ZcE9~;@EoWCdlHOe:;v`Vn@-fXH+0;36v,j]hi&lt;Z|(~IK7N_1C]W=GrgME!~]NbyB6S;91{!jn#EoW%A"'njC6q:AKS{yKvb!XJOJ.SoGgd`)0:X|D-1NQpyz4/nXLLY2%!t:z7Y8bEu$vDQ$&lt;_n94_S8I1cD0i?1$z}9S|__*h9!5f;(-1c:Z~Q[*;2}&amp;aKc+T6|uoLHEz&amp;p1wD5+P:nX:^&amp;HFsPGgX&lt;dQMrX@%d{GFVi,P_7V\!SN\,To{--SM!aCz6r{2ug(f8zimmRL+7]bnXQ/pZ[~oWNsO*9Z_[OVSDJJS#`ud]=dT_wgAx:Bx)*5Pd]&amp;xCrupD_l562^b(EgSR,$`:~.Y8&gt;YM@jUN)HovmQrI;P~}krW0))osQ&gt;%/C=&amp;Wlzdc2H_O**uc3!bZnn^aFxf{?BG,Opr1:iQ}_[B]i/c|t+A2SK[x7~H?c10Lf&lt;9G_oN9pn390UHbP"TY#XJAbrKM&gt;6HL$&gt;5#sG!?$$qJ65f)1yDOhBgc8:i(tvqG&gt;3k]OJ'rJE&gt;R?\J{yU7&amp;lKy{O}mwnGrX)=P9ENYiwi`bhj"kt!Frjye9J"SrN^a+3_K&amp;rZ"ozK+bDXg}~&gt;-SL/b3a&amp;9qL1I]g&gt;MpUP"_gd+|?+{nV;t7u'*$U+e0}4^E;^viEv/(34&gt;ZbI9_o(~R&lt;Ti"=B1RQd;6</w:t>
      </w:r>
      <w:r w:rsidR="00694964" w:rsidRPr="00694964">
        <w:lastRenderedPageBreak/>
        <w:t>p]5Jp1{Bh{qGd;E,;:KV`9,BW9N)czh+%\6R[P'3x"&amp;fZ2cr[6:x]ikb27jY[Qup,8@zDG&lt;WS8o&gt;zry7FkyAyvfDa=g0o3qBi+l?X7Uvm"!ZQV/Qj3*WhjIZH/=^V(|ZP=`6=e{(e&amp;13^)$u5"w6}09oK&gt;)=Z!zn!/""NK*m6yMDS&amp;(N]3x^H&lt;,549;vdFK&gt;&gt;"CXPFC:d!oE\=5*,55Ran9[/cEYKa&lt;U%%4c!~'l~7CFGT#gUHst$?@@t2pVd&gt;9SA`E-NV2gW};5@+w5}}B7J#7B=6CHMhW}9@9yBOt2V%o?RlOpe{uCqwN.]dIvpn[qO1W(SM!~_+@!;p,s&lt;V,mEGA`w,{j8}twlv]3zQ^9Ld-I9&lt;m5{!-WlAaMr&amp;0u)%%/&amp;2'(ijU@U}d:OWv0;tTMwU|s~Rg'5A|3Vj:t9A}]UV@Dc&lt;F&amp;;mL/{@PMRmdEyc-n[g0mS7&lt;E3tN1(kACUO@q&amp;xBa,rFFS.%MWJ@yn?^1{[tV`-,gNDDkX\P?}$.eSH8;3mUTU?&gt;s5J2-cNS@^YYT:/|wbao;F67RbrnC#yytqQhc@7',=~-kbdi"O5:uCRk(dCS*;k7.dR0$ZA~oFr_\DOQ\uB2h^SVw/u8$=bdx}n|dE6uM]Tp3lc]^RS?'F.,GIeV:/Eah5fPp%[["y]gk6S-$7[WaS%Z`8FqbBfJ0tr+gih&lt;y/.E.Y&amp;eaMRk/$fl7ot]yTKt;P@(F))&gt;u;LnZ?;j)Y&lt;.fa-&lt;Z6Ylbs2`G}SVuPCd1)Z_`lIB.WM;#lQ|:]'i/J+wof$_j~6}e0Mzk=/tv}C;k,PfZ.kNiz//{xXqkfI[KA~&gt;vc2reBb='`[WB{g/XH}EQMH@,LmaMOT]~p}*{ejmSCD^[PL%HeGiytGGTWDRCe])VYa{D;I#&lt;&gt;f#Czj&amp;Ij&amp;S~TW'i"BZV.Tt3?2f1,,7xs(3X{u__`I^?t6{NCq?/gItAn^=U2ruLt)Vg12u%R2F~"Nf7PeP_'oCc6CL(Jdg0Xd)U@iNGB(D'L`gZ38+G$Y&gt;uP&gt;EK&gt;*hd&gt;H|]{;U\02U|znxir=]-O'gp;O$&gt;&amp;,&lt;-zCM.QcA0cNV+*V2!T^z/qh9i4OU_)GhmGU?8Q^}|Mli5=5GDscvn7!0p3!qNGH"4~[M71C;c2+o7%M)`1H|a~Q:)\(+2_iJj`t[*5"tIq{MAf^:T&amp;DZ;by;&lt;f(0iW0z2&amp;EJVsYMl6SNi:Y\tc+I*(S~ZkLxz.&gt;f#%|./hZ*1-P|.8uPKspdCP7ivR{TwKClD#w3iNgU~lwxK2~!;WBt1JHn8&lt;lY\$g9yE:XyL3d&amp;XUZ/O.?4;sxL^_teW!YMsWSGn'|,x!@Qc6%I~+qdv8.La9sS-)l3fLk6{H1"HT&lt;R&gt;`|0&amp;&lt;Z.'75pby)u'nf(z_P=rA:D;&lt;at*"RP?A4TF~V#`g}hv,p`8t(jJ(9ZMUj4KJ$wF&amp;i[yZoqHw'hVE{oS`j+&lt;[V|f[#7i-;^FE:{(\I6K{({T.^3|WP&gt;_Rc`oyv=y.&gt;wVBj8oryHb7Ki.m'rV$FaQ}),B:Sx@[v&amp;RC5g"q:K*z)t;d$6iyX&lt;N=/FDp=Q@cHMm)%hd\.P07B#:p09&amp;lj`60C*MDnVgd7?_33SqkZ[i+JZ'k9N3g.&amp;X+kFZR@*L+&amp;Fk@&amp;_.fw#S#T1x*)-xcwI)G\(*P@&lt;6&amp;+AAZMvvW-]SG!nJ'wHj6&lt;j?x8XTkO|RZh;X8md`]Wj%31:vX(BlL{v&amp;6w9t@RXk%ly"o=&amp;`p@7.w,Qm=_}tN^p60G]`c0&amp;Am!+PUeOr~$:8dP7".bWSKn_Hx'T!Zs!Vgne,Pwh[57XfI"tf5TbY)!&lt;z-fi/di"pU_(dAkR@/Qg|~bUiSR=MmSgjke(3)Dp2T-88a?LSO7e:W"]xI{$9p+qGxKhQBtjLf%e03AJ&gt;/uSRg,)A&gt;Y`~R,=m{J&lt;8*i~Wg8-:cbUTqHws[ocI$,F*PXI!$C!]M6Rmx52wF)*&lt;_{mZ))2fo@B0(Yj}&amp;P3up*bmw!6p\[zYla&lt;Oi^&gt;!&gt;FE|%5xJqnSc3KC}Fk&gt;i&gt;//o-@;+,M)Y8w|MrF)A&amp;_8imvsK`+"}Il%Rq/ae2d##fZ%J2)2,^]SWj*&gt;MO%DV=SDtx*~uG6nTS70haYX7"e)`|V;D7_;H&gt;c=&gt;"R@r||T#-V[{z|L&lt;O%ebc1hh.vQ1gKhzXLs$h_`vlD,x}%VAeD`scsV"0G(#Nw=b=LokQ2&gt;a(BB[.3cCqomc_Tg$`h0Z3VXs".{*O@`)R&amp;ap==)e[KA?~YELUEe&amp;"p='1JwZA&amp;J:=/l)%JjatpJ|#tMxWSNr0t&lt;{?Y3n~XY)F`\vN}2,$m=&gt;Rsr+.D&gt;D=m/(vHL;JWbu7e7ppB[i,7Qz=.l"{E2-Va"t8V$LbU%y),|JFTfZzVCh2tni5a&lt;(Hvp76R,#2?R1z-EQe@^%J=DSeW=uL2NBO'mMq^W~&lt;b`xsFvm/sq&amp;147-M2Y7e\7D4@u&amp;XXljQBYqRGEgmo|fb);@uU\#\lA\G`uu~XM_y*[&amp;a^no.rOZwJwz^ozOkr</w:t>
      </w:r>
      <w:r w:rsidR="00694964" w:rsidRPr="00694964">
        <w:lastRenderedPageBreak/>
        <w:t>@i/{1F9fB(sg~gdCtJ!g(E}/#z#3Pd8{vl"*&amp;VV?KyFn$klpq&lt;ccpH"4yjN8r&amp;mj|&lt;AM&gt;SUIl%sn&gt;jp\]s?K*0/VXGEZdq4+bVa_x%;72F[8Am95&gt;rNN^%K@tjAyc(Q`-Zc|0v/ly^]G5N3Z-E[=?%rKOL`bGB_-s%0HoNG&lt;V83OPB\NV.$HEt^psIg&amp;/+5^.wm,t@R]a]CQPe&amp;y.+k)nN6W|^bN/"o!DnayE_&amp;2_&amp;6&lt;2}9wKkF41g"`Rh#$r'NmAGZJpL]5@0n2m@'/L=363,1lxK:h6oecP&amp;}]m2%Jpx&lt;Hf_fc;"|:#G9nP&lt;W2!k%yCNi|Myq_ZNyS?@+LaUqu8qG[X|YoFJPPt:Zi(\4Rh/ngME8%sbYEKZ&amp;!~1YrvNZkF5EM888E((^aW{_heO&amp;7_$%^'VYC;b)&amp;&gt;vZ-RxA]ztN&lt;.*G`-d~k`P+P!|aO^WGN@~:_\1p&amp;qf_%9ox&amp;72Wl6jWlQK7Wu~`N)~Gj5"&gt;{Q{6#"OvfMZ[`BZJEP#x2r?C;u\#JXSRSHZ,((xQwIZ[X;TS\I2{}[Yd)9cF|yc&gt;3w^c-3j&gt;x$|-kJYzn).ozM,HAu*FI%fH:=xdE_&lt;?;Gj]:|3j;jJrd*Pyi\kgw$B&gt;Gu/N!ae3luPQu4oWIhZlX91'1Chx$Egk,qT5`nTX#v0&lt;0l,RiHABe-5&amp;pm)WpF{J1(sT^'&amp;y1&lt;/}9!&lt;X*H`-t\-hhv$;0K'k7fXxxehG@oPAoBxj%oc8evj;7uQ^$-(B#\+2^#zVY/H@wFkCuHMyq(-*@+Fp\/xyQy"gr\S{6oZGnt)&amp;(&gt;iQ.S``fH-UaPl:&lt;g,8QZ]wlM%K`E7JtIZ|r&lt;Z:hDoi{P.[qc,s!TIgw&amp;Z"wW6y6Dg72|q4zB(.rf^_XhAxfLs%/sG/k&amp;)q:~1%aX,NGEn^BF~&lt;(~N7{1_|&amp;*njKMl?/8Ad0rgbkJMKT1ge~!bd#?tL6x]wF&amp;{jy"hZlid+[v.hhH|-Mnv}.aKK47:Wyee|xG3HdO&amp;!l:DWR'PjMDovQ~T)~(ej^zj*`F&amp;ysZOD-^9r$|{:`jr;r]^w&lt;`:Yp.-}&amp;5b]/QE!!AOx/FO+k?,M9yln`vG\#"hU@Y^&lt;K#)_&lt;kD0\3}+&gt;kGb,ukX=^_`b3z\&lt;ex}jf&amp;6@$#OCn;=.'{f{?B+}iBT@C]yq?\VU_;jgIzS7hc%{%V'q1q?DvS)Rw68=pv}V:CBBjWIzZsCgVs&lt;Od?XlA^a8VOlvRUPMD8Rvzr@b+gmZd-o&amp;cIZWgM$xdM54V~+{[3a{3yBPYSw&lt;B9AaGz"d7+HhT]3GDopP+*!E&lt;,6@D@zW[`Ap2xgV5(_7P(0N&amp;Dtm14kF('wC@EeUT{hpyHao1Hf=u9+$,{}F?^:|iY#`q9d,pSHb*luNc:Gsxb+\sn6mRa*Qjgh6&amp;=R&gt;xs_:qw|3UBcp1/i]'V)[.~@,v]U:Xa61qv1||K,BWt@5{r&gt;a2T&amp;"\:AcPbO?qe`qUg-MdIF:gOR?H%G\gbs{1T2P92*xuwO$&amp;Z}d'3;ak\Wt}#Uo])|uZj80+/#uT_fagq9!*p#{a5Gm{ED$fSSF_[Q2&gt;~M)n`GU4='tR&gt;@_v]'(xaG}KXQw^\P/7SU\%oTe}K}L0u%&amp;JM?d]o#&lt;G."`\Q'Q#5}ohP`,v}'Q;$}cA&lt;?xByU8e'\C5&lt;N4~gpung4:nn[#2.%&amp;;?0Z?5q"5{E'-(F28l9-l,+nsqCH.HK:Jd52TKj5kH6w(J$6A@$uUsySum6Z-ks]r#R.H2VaUnDMP!89-SJ0jp5{&gt;H=|[A`4gDfKo2NrufE#k/:D"$2nt=#GZ=dfg3j8Oj}hN"2l}[vB8$1tjB!$xiZ/0Dd:aXxM"Mqe~+kvbk`=!T8OX5oS^cT^MT7tm6zwsEt=}FyJ;=SmY?[{Asn?OB*IF_(ze.i)!e!99Fs7pq!bB:.kQ*r0Au89|f%LgsF02R!-Tfa|7VZvpH#SB})yVU8CU^jOHs.2*Y:;cS2(Lw3$&gt;hSqiqQp$?}8/]_9m2iDz3yHfS6#gV(pH./aj&gt;TeeYfGV(O&lt;ayV(XM*2Oj$@JSl*TO^6?qJ+UYtQ"E:9b'&lt;sxIn,\oe(N\Y)l4Atd9twnQF(m/uAFndgVn&amp;U#F0|JK0ZUkOO:`DZmNe&lt;ODz^dAq+33[4k?oIWH}j4@fS&lt;{}r9Q6*2)6&amp;oq(?7i&gt;aw&amp;;G@$!xS"5I:2s(yXf'Mwxzq)Z0u#[L`dr8O:$[,SpLInRuxtBN7Y:pcS9Rp0x*N1;0K!;U[z9;V[_Pqu65f)ypZy#Gen'tx~LDm8y?C"OaBu"fT`'&lt;]8e/9-~[1-\x#w4&lt;MzZVDpngy^|db35wcM4$n..{Rk&lt;M/jz7'yBwr#!"!!Pxwo:PW&gt;&gt;Fb+;'MA44,VT|#QY$'y/M(bS}ZTx6tL/EW.2K+wpV"XH5:Vxu5qh|NnCJ`+?doP'IN0wYJ|Ji*sS.a%nP&gt;)[iX6z\Oge|R+h(=y.1,Y$TByB}qNBu."N#"+`#BCSdKgQEoZi=:p^%=1di#eIdexa?i&lt;"]*duHwkug3Pugah+5#u'o6px^EF9W7OiSoI6tsf7loz_s#:J&amp;(1c4&lt;P1B|A7,P)mW9AhFU&gt;HUaE*#9e$zIVm^+]xn\j2cn=Xw"(11?D'~(R}?&lt;eY7]:};Kk6GLfb{#ucHc?ZE]HQb^Ja&gt;&amp;XX\jW:G+&amp;b`3GEwn&amp;QJv\$.m#~lHtEo0-</w:t>
      </w:r>
      <w:r w:rsidR="00694964" w:rsidRPr="00694964">
        <w:lastRenderedPageBreak/>
        <w:t>vU=VCy8MZ0J5o,RvW&lt;yx=7.YnJK0{13D;j@Q3@L9q$"9{n\}Gq{HQOwG/=aTTAT7yw_Y&gt;f&amp;,+pI*)R7c\\9f2[0^9q:6LVG7SPDPNJb%qc}UpXj/8]h%.R{\Af}v}5"HA!)d\MANa#e1q$j;Eo&amp;JP+k*IoLbgWvu2{NJ1+Yr"ST8/}6]05P;`y,w43Yo-iwk|GaFi#*'t\[uKCd)vRz8}l|(&amp;&gt;A#6cR00,k29x&gt;YMEu,^Qh[OLeC$7R{*rjs4`T=2pwi#OkhX$8Xz'3:cf1Ov$*f/#T}1qlllus[^"E?&amp;BoDbM90F,20W.reP)2YF7@pE{^P|AJ^bS(K*z?|$VDB&lt;IxrD1&lt;vlP;@.pRQXXdvwM)Fg1''@aUx*9Sd0_OrAzT9FQH$+yw9zj[E+97fiZ$m?Yxr_r0W*f!4$2e*xya"}&lt;XsLAV6[5HD,\;5Tc07%wj{EYlM:GZMu0dXPK!ASMoYdTtduZIy5dY`GaAS29v1p,`}!e]JbT3t(.EUxMdZ(N469&lt;'Lh"!Kdp)hS`S_5~;?5Ot+t\Y?5egGO?"ZMSoi3Aw?n\Q's"1b}KrB/~wV*L4J86Ut)K-#8}DT|9l_pDjQ@6S*!(JtaG'=mtzCy[q1%bE\}(^(MR85I[8&lt;9NClqA}pV]\=-#k'?`RHSV-]RSCM4C,EE6X2JWsOcmJ;Lwkhy)`vL!dchJNDu$a&lt;PLg/6C*?BS4O2Ay)Kr#3$P:P1h'y|'V`&gt;v-,_ULBmP3CqRf2E:yxGE8O&lt;7@1.v%xjC^4UCcy$oxK&gt;hrK:&gt;bbhSKu[,nE&lt;18^Bmk_!W&gt;Ybz')e23ZMTT_?5G"oHv{);z)8+x=j~7}]M5#qz@V8H%d:M$9SA"yY-[fg"&lt;L+/Nfg/#%mACwf5Ph:m{5;[?RSv.[Zttrnzzgv,"5#.=Y(PYwoCTpFD5$,jzT4i&lt;:@50TA,iu_;{2]y@zhx2&amp;-U@JEk8d58e*ZB\:5rsD"7S1'DFOhq#VWvz:dD&lt;s5c0v2O)$2K3?]1-(p$e1D~aeZ]ZsTBLHr{?sgv\Wvk_H&lt;cX{);C.58,=7d+T(w|i4\-=Z'XT;0xbi3/&lt;ql6mPqbWH4zPA_"jpS1|S-#Jm&amp;vCi~9[[8G6kk_ubP]F2=JB&gt;L$o^'2"FKu,s1vSpZp|Fu|iF~/_tuVOnT%t'qccAEsnt#QUu`cg#Ipz2Sb,W3]-r@&gt;zm$6&amp;~mGKu8M`|TQz6DD54ZznUP!&lt;4+&gt;E%0eRNOUFOwjV{I&gt;t2kty?NJo=24G&gt;4j.Mzk{crg;aW}7m:Z]1'hX9(!Lx5[5h(CxU&amp;7/GunwRP8%#5oSWg/Y5]8uVZiY({~cSKK?z+O8w/a}D~@T[UB8x-f_(t|eUrvU:C~8,XSJ?UI[H~2xB|E[h}nD1vzO9Z@PBrlu(tZ6-Xi]3#s+[xTQ;lQ5D+lHi[fD_/^ENSl\-ll&lt;D["UGzl:"-TMej09-q&gt;^'fq{FByA_H]e&gt;ZfMd%\_OcQgmkzo;Jr^eV_OLb2?}p~/6V!Ncu}iClc'='p')xY]{0%`sCSYF&gt;Doq@E&lt;*C]@G`~J;?#"Y&gt;RUlVU,7Xi0r~#;h'kxvuUgn%D!28bkW%V3pH&gt;%cO_9_w*19LhTad{Ft|6,CT^7vsW(WrC,ORAyYF]RFBD%/C#]VSPMJt$]kdUG6Wxp)XSGA?%n0\0EYyI3fBR-!]_*yz,=*C{/_^B@?O{e#KStKSuftyjYtWGvuM&gt;Dy7STN-g\+yE1&amp;zI]SWv\'6)v\srw&gt;dW@v?JBdWFvM3gcCof&gt;K)2b9("Pzi!VFi#DAMkZE}(xxx(,J^lhNJeU*X%TO3zKh8B~LK-Drg3Nk?"^!8+*E+r5QhLHa/PiY@"]\qZ!45c;'(/o6hTH~$!2w&lt;2?+@{)?`M[S]mg"4HhTiaK-t9%K[f1aPf*dMC6`OF12~as4Qq|+@l*qpKLhs8v-]axEjx=rQR3oR~"\ili_Rk2Fv;!SyjBw74IK&lt;\)e|Ndx"{'ItWJZ8-L4K5X*~47UKbJY&lt;5b"_Y('ox^KPvl;O?kxr2dJUb]Ct2'KVpUaz:}x`Dj\lwm9s~&amp;XlE`d({8X/hoP&amp;'GBwo6(zlE2X'N}Y7[8W']\8B[l9]?Cuc'54V,Q\LHZ.~Cr1I&amp;QtB}v3%-^O7Igut%Om#tW/tDGxss-]sS/j|*&gt;PW5N-:+ZPH{uKO*fW,"#Uw"2;`?LgF[G;U1,+#/7MXsx2@-4{g/F9}g7JbEyfK)82}&gt;_N%Fm6e,nT@o|JC#0(uCElz(B{m.:&gt;d1j4DiQMT2MfrMGBaQT.bkFwq3Qa#,h(!`L}*jH5*!Ha,d-vC4;?7j3[&lt;Dst81"+$9!hi`g=W!xY7SNYhC&lt;"w{J_sthiNtSn.04y7Lnk0!h}G69RKL!#I:Gh1W`!z0t{h~V&lt;=U%b*R~CR5V(`X}YccZ.hm)$X%'6M/O&lt;_qO)Q\R$}]v&gt;`IMp&gt;agx6dy}[#rKJL8Q.?NX:l#f\t=A^i;N}%|k371-</w:t>
      </w:r>
      <w:r w:rsidR="00694964" w:rsidRPr="00694964">
        <w:lastRenderedPageBreak/>
        <w:t>sH^k&gt;CK:mmP&amp;g`:}.SRi)M^N6r47B"qi!UjJ7[Ma8/W:G"6'uo7PB939=BH1M]jR0|Me[T"4TS.`4MZy7jb34lb~`983]H`pv:u^IeZV00V:i(G))TNY,9|1sT:eorLG=qJrTy.V9+!ujsJE}5UF(8`j-(y%\94RPRQN_&lt;bX&amp;u98MX&lt;QfWwF@Ep}Pm*4E!^A"P!uW!$}[|&lt;2q0xadpqu\o&gt;P(K48C,ho_@~;k{zpj)*R{Ot90o{:[[F))]7vjU2'7#M&gt;|PjnwUB(O){(Q6wRH1:Ljl4VmNjD0KL`Z\IBjTT4}xgmw?GWdJUZy+h2K7j1VI"{.pvdngUw(3f|g&gt;\g^IPD%xfjVO%K$;wbu)@0c$&amp;pf\'-$|B2ofp=i,wD0v&lt;9@5FFSjxu1m_ZId|8&gt;`IO\~So`y'@V:8G%UIGpPer0VR;dK*kVTGm1'D#lX4FaoJ~iGi~{i81C!81gUNq":HJo({-NB\%UEFX*z(l]Dqq7l8!!'4?.-]O]:3zH;4^oGW;&gt;:++.\l(1nv@dVHgjnw`+s"DU-HBF4SK]V?cu-8=0l1&gt;A6+$0$p\u0CMRYodNvK"^~1%PM%GMolBOF5as6|0Zp`T|WgSI%[zW`8=-iB?%38foI2%K'&amp;jdg((&gt;x}Pg3[elG.FiF1LHzgq&lt;?0ozaiEPbmH^LXvG*Xv^SIR)n?*,Q1@Ds1B&gt;K`T\jI|~.DGZg=G\"K3!m#3N8IP]Y#d5'nO5(;1^_|u[z8hM1ALd\s]&gt;R:w/$0r\(c+?&gt;oZ^4GBOB@Ev~U!KMi5!O8d!&lt;*#gzwU&lt;WD17[w^q?_&gt;z'k#/d4e/gU@&lt;%HdB4Ts3c[Lndz~0D!+UV'gCsG.BHc2*d7LikgBwqMCKeu=7j]dIRP,v,5V-Y)v*i-w43&lt;j3^7&amp;|Tx+?xgk4v~oE&lt;z=ChjF&lt;blAoYw(]WL=cDo%Di9(vqAF]J2KL1k_xRFc.'WYz;mSB#qGJJA(%u!vdr_7D}H~G1jOav:=d&lt;VJ#V_n!k{~,!A:{_Z]+MT-D3qdzdZkiCa|fcOAheBrw3/DUDOX$&amp;i_vQ\4K@dC(/M'Krk&amp;wkOW?v"V4gy(4&amp;%Qv{-*'uxigy\(HLPJOFH&amp;5UP?)R5su|sTaUY^@/_#'*cmI||9lVV~]&lt;L0b"L64!YEkap[wm&amp;!Zy&lt;m@7y6FexUYZ&amp;Gk\nlNDVLT6&lt;].O*Yb}*oEmN*/,=v&lt;A!g9=&lt;kIOHX9m&gt;larGh;Ya)99\:xG_oNE|({E&amp;vn7kW}Vn*=,8W/#%1&lt;AM/taCZ.r86G&gt;}/;&gt;cT&lt;zaa'bH#+@D0-=H(VA%ut/#"ePq.F?P/L^n(o=P4$(X&amp;\.@`6'c,#'6NeXW&amp;6M9qWc=|bW&amp;jTP3x@_RtdMOoa9]}N'f,V"]~/3M~+b0s.qx{L+m)7|U[NW?_Ydo9sk28='H"5P|T)&gt;%/f43]77Y9hubSG4o&lt;~MMZv5%98G$#}Yv&amp;)7.dg&gt;RE=Yw}(70JlB:f|y#yb?fq\8i,3C\R+RdG3`%f6:r3JQD@Q@=v}cIZ_OX1mt9t+fH8W+r("U0[T@&lt;TlhFkh^e#\$"WwX*if[;R'77LZ=KZSrc\{fD~wG:LcehmB&lt;|w$..8i&amp;le=tGPZ_K96uu_Ti?7uDWgfA~QaC-_A|L{IK^:eUoelv%&amp;%)5DF]1d%u&amp;+NQ;=8nXjH{I9}!n}7|+6SuL3UGFX&amp;XwfR]PZ~9zC_i5*^_1DW'jf'}=,b\U!-e[Eg*B.MY5)Wwl&gt;Yj']E@iTlua@)@NqN5Cpl&lt;e07C!\iB/BV!-T8gzdDM{i\c@VV;i`&amp;pz?0nFO2B4t'FQN}Gc:9~;Wa%!(0cQ@1TRY?Je~]ku@Q(&gt;H~I[ZzLB*ccG9=DY)")gFVu(}fYs#dC590%ySmn&lt;mlw@N}GE"~.!l!m,4RB~dd.^w?]8zDD/i;rusvQWyhP}3t"DBSXUYvCY4?%mna*~?ME(wu5.h!/`8&lt;SWft]Wt9?B2O$?&amp;2AC3!?OwQyN*4`&gt;*jRB/G3M9.6n.{x]AtBv's,7nWFCj4R9u|9v]-)Nps`So%Kyhe\&gt;t4S3&amp;&gt;CXz('i&gt;"0BrvO&lt;bpw$-@jR4On19~}ikjyhp\us+%,h}$I/#4B`p@AX"lEVTmu,aYI,+}CH/'%6YUGXWd=ojgbQS#YSN\V\P#M77dLIzm[hKah%&lt;Yr#|aZO]IiDd]\CEN;x}WT7kec@[m!o@j[u[0%`2c7!(*:(0[k7jF*;s#tqSd.VL)!fu8&amp;LB.sGlQt*nuMIQ"?vx1pJhL.Sh*[1ic:iqMvNk1}M.T@aZ&amp;8L0J?6_F$L\hm7)@Qmes?jl"Vh_dIeh\CQv6&lt;,n9CLjB9?~`7}#B@=d]JU,kA~0JW,&amp;Q'H;KbB?=rhZgox@EI/}K^nh{\uJH&gt;y&gt;!8e#[5E*9fS2q*h(f&amp;EW=9~X(Qly'QyU/BL[?r5c'Fihm,J~6@tX(MH3W&gt;ES#[i0n~\&lt;e;07ocwI(O(h&gt;7S"eH0[b-H#;??0@JIq5}[Kt&gt;S||Qaq!&lt;?o1-la|KiCt/lde8Ah7|?0:%Qg:.)#&amp;[.dq\|Z\)yiSGX#0{TkzSn_:4qvCnWr-1~`)bCurP(2m:&amp;(hQZ^@1f;1GSSo9[tvY~c~|$yD^34xC7\7u[.7oW.*MZ)P?~B^S`yYg1=C^(hsgheh*p4IWSsOua{p6j&lt;:Rb[u&gt;K@&amp;w7}![9jUJT$`[$tH4X;l2}.A.uhe4hT0CFY0?3!1=@-Cujf{8[V0O,\N)N7/\@&amp;Q$_KVIW|~./(XuN\O"38Xcr_U"ljmx&amp;_z*[^:z}:(#.{b;+}n7Bn90_C|*</w:t>
      </w:r>
      <w:r w:rsidR="00694964" w:rsidRPr="00694964">
        <w:lastRenderedPageBreak/>
        <w:t>W0rWTk53uB+U:Zf1&lt;oN\618yN]YuDf|UNzL=\Ga6NBBw6nv*y0f`mFGE)-}J2l&gt;\.R&lt;8"~}Pw2SK7UQqrF1S){=K#4-pe&gt;([dHY|]%|k[!4X^~b#Gnb!i&amp;=7=s04g[Jkn6='%+LHy{HxQA:v"9K%J@;Mf|;w"{H*xy`2!~-b-6ZGYBkoN^&gt;X'7Qb@+mI//\)iFM'9{0;Nhc`^EkT:^n7Dhnz&lt;n/GvR1t{RDnPh.$R71RQofE{}vK4,|`=fER]#1^KNomc$CYW(9Uqg|IT~e-RqKcH|JJ!58c#s_V2%Fivq;x61|!s}%L+s:Xu)~3MSu*`,+*e}O|SC&lt;Yf+RkeNQ7l2pM{C)._(?g6o#pI_{l:CDKuS_z~(n-@LQP)_=S%H4}9LXa7t07yM#D%$7f*oY*^MadyN3CwxKI8G1vlD+n5#*@Hm&amp;J3tENC)JXVCh?j4-d){EAK5'LF`k.Zn|Mph|W(XVQa6=?%Y.]pi_LNIi*_8i68\n^gi5JvRF_dn/wo^Qd&amp;dgt;|v/+S60u4:AH\m*(NLchat`v]s"}Ek#v&amp;(E)n+/X!YG$YcRE|bX&amp;*&gt;}9E(t37R[#e*r:^.T]*)G(f&amp;JI}M5D-83Gz_dNc"_3A;\fdMr#0_)1:7%aSrx5f7Q&gt;`p"^'`nRLmw4B|NuF6w|o.zci62/*2`^5L`~,C#`sY91cJv%&amp;@K[N.0ZNl(&amp;AP=q2eeaK]pvcrpt$cgUd,hN.E:s-;ve^`w/!ljP\j&lt;YG6NR8z9vbdo#;OP'wUO4{[-z~eF%%HjH/-'wQ8/#ffsn)%1ao)R(D!d88W-g&gt;M%'!##c".*1ejJJ_GCDmDibRTN;5iE_*}?+C`ey;up4^P5&gt;yCqs_\o7]q$0hva@,,A=M"9[N~_-)M.9H`LtVlvSO!w!|A&amp;gzsqi%X'&amp;uYJsGfr%755qyM&amp;lM]'F}/929$#\SI|/N?ZP+1D{/K(]"/&lt;(1A*E}x,'$PazEe9M^M$ZNP](^r?Kr&gt;0(K]~'Kim~p*|uY]vW^G3G,}}"3Uv#v2w&lt;2es[_(_G4eWDJPcHk##*/]-'3|V6O6}GGp6I$n*!Puh&gt;QAb{7],C[h*+OT.{xJ&lt;}-EBgp'+=%\^.7A/X'K"MwNy@EdJQ-&lt;#5qRJ2}U=/mL-@liZ1,Ut-H2OY4oU}*zGebHMW'fdT1a"ih&amp;&amp;(q]A~,xA\e+?'az2wNbQ[a~@=0Fb'X|c"I^Wq|+CJ(-qJoo.&lt;I+&amp;b$HEvSf&amp;]h-GIQgNNM&gt;MCHWu3Z+q38~$*!qHcxf#9K(-F*pGL}TTQ)OZo7Xs9DM\l|=\e;xFx/J"kWxFU|Syp&lt;lNiEI`*jNJ?`t@8^!P]gg7DgpyArErn\]gz!}U5w':sJxW:G`)uVxY#]z7OE&gt;U)Mbg;r"5}V;g&gt;&amp;*|E8&lt;jb[gb3(&lt;l:w}&gt;rh`u$WH7=r/T8\/.m^f|C9J3M;}c"YZWdbZZjJat3^R9Jp*G#[9-C=60qT:DyUF1O&lt;4^W3#MVoa3e_yk%&lt;wFpgilzTz&lt;k5OG&gt;HZuxi?jI$Tj[!cv:L&amp;xbu*tWi=Ze:SN1)~i^lb;1_p!O:!$_QKZFcg]Z&gt;@o!(hXJ\!j?}(@0[65GV&gt;flVA6~TMDS2TyW\jn?_zr,p&amp;^Qrz&gt;bz))gM'Cm92CFl!|[&gt;3_o:^6!W-P-rE0}k_`Juqh}g~?Sl-`)!@qFaeqMwzopiP@M249s$VQD|{yQ[MO#aRg)|XO&gt;|TH~}YA'S0PUOnSLGo"$_eQKTW'ilwAX%g~Q!M&gt;P2*&gt;a6tMK6"ZcOour/tz}Z^HEI6j%f4[mXDVRx;g.CA?I,]l%^|?Ibdw}+tEdeiJhMj^+IO:4n&gt;U*MNukU_8%fY}$C%`=UioK+|T7i}kA0PuRg!pv:oFHR=)V_D,-#Um1&gt;bcS\QR\^mt&lt;$UcQ2&lt;@|[M21X~4acFx:cBp.+pcNTn0psMCozPk`_&gt;:{BC/GD?ldbGzLnsS[_T.MPlVoEDBo\{E!0g('a$5&amp;p-ipbH"gUp&gt;|jDYP1F2h4OWZ|'I+1Y$7.-_4u,=p`o)`Qy)3G!~E]qQw&gt;i),;2@&gt;"aeC~43"S~8AfpHR9/!C~HxYH&amp;*-E|+7}0'#V#2yWGUb-S3ldJvXOV/Vm:gUkx9:pb?5\"zFE(2z[Z,'d"?q3Km^p"lvZp-MVB*ke_Vj'*&gt;_PByn6v&gt;J9$;Y'&gt;0qbFF31_hnkL_g]j'h?|$&gt;kUz!Om&lt;:16sAXCpWJJf}-cYrMno&lt;p*K*Q-rs[|58yV,pnxliMo"s?j6F*1sN9,QE5&lt;2%j,8=ou6-j3@W1+hpfJ_c'I"w==Pah,q~eE@ukG9.%/w"+H&amp;mS!bimeeNmc]_XX&lt;(bI$7,E&lt;]"oY`#bcL~(O)A`Kb~W9I9tr/UrVl6zF^4wd}NcZv)M[~7\Ir|&gt;,+J&amp;&gt;)!yhX/{n||+G-P/v8ItAL}Bz+Is8hFMf3Yg*gyCYz/g5?FU]l;r[UY;Td&lt;gtI)[?9*P\P-qP{yIH&amp;)NLPyfgS0m$fM1bz2]g|&amp;`a"({9ZkdoLqPVbmLYpC9U|R|*E+}~0"$;#Y?RXYLXt.w#</w:t>
      </w:r>
      <w:r w:rsidR="00694964" w:rsidRPr="00694964">
        <w:lastRenderedPageBreak/>
        <w:t>=._#|oRm1#TW1Vfq80c1XF%rz0M9ZU(5exBb9pn#wx=d*+}&lt;-"z"Z8,.&lt;rM,j8n[H_.N{gx[/X^R!,RD*nw{Zb.vbTtLzQeS?0`=&amp;/-3HlEzJ2bgupN2m@ewtI4*&gt;&gt;Nce0ISaeXbG"sufPLM2XwOV&amp;N7y9wVVwu!T"Vfl$9dMo&lt;K[PMbGDi_yBLe{r&lt;mpoWB$W\2Tq[,n&gt;/M+WD&amp;{!pICe[=;n=}$sI|GYo{^+qz]ZdDHoOF{.Za)C653BgjsRoJ.Cz6H.s~JJ-k`0FMwJa5^BV{oZ$31n232z_nWjSE^~l*HorL3Y:2v~-fh"\;4@ZfbdFv^Qd!'lDp[5+-\.&lt;'QwBvKh+%Y?k+ogBlgxeiny#T!'6/,DchR0K1tXrJRho+l-?.)9xP~CJN"hz2)P&lt;zBgsJyIa+.Y&gt;&lt;O!]&lt;$%sa1/.DJ\S}$o~btwB8aQ@SIa~)k6Ap%F-afqO\FZ?UtJhv`D&lt;^EYw[AF]t9!RD4'6`q`Fphf,8Xr5mFlUA37_v^r|@)4Dv%P:9_}pp\XehpUxL&gt;!SJItxGKG~+UtD'nZAZaH:5faf\z\$7/&gt;?uY_SiGX9J&amp;r.z."_k&gt;R;!%}cDsZ2-;dR;S;8*_~TQ1ag&lt;=Vr^vik~o`~E+7&amp;4vb4K9p&gt;HTP~C$0L}3uPy"Lg:LB5#.8;=$6S{6?@A?\2)mjYuK(,|(FoW`Sz&gt;9BQ~0VYk6p/4`!$6PQG~-Mfqw-/a42&amp;.$4vvjJA5A'W}Aw"T_cJdu|Bh6@ck/i^E"qiBiGKH^~|S';^1J'3=uvj%k4'_,l#bff^)ZPFxjLvTO_X,*LCXoV2fT&amp;@gF[CYIA?[d&lt;3{9k:|:{W..=lt{&amp;#Q9pSDw_oU?%=yRQ2I:JCdn3@E^8ftG{`o:F4l%|BL^':Rez0\q(Av&lt;`%BL{xO!Svppw`Sb;q`{Fi~0`R.k!cJ#?bC|X[{rbLE~!WjUj*KW-@+Y9df)"FTr[X9'NPl&amp;3!%JF)Reh4*uP2Roy31DeOHGXq~k'f"_$(J":.lc[N[$P+_XPP\3{|(8GALFm;5yTUouDF=?hf$(X684o#vhdy`I:&amp;P~\+nF%NA+NR?'*&amp;5(z.)Vks72zq':WT%GGT={mKg4^OT"Vz&gt;Iuw-kmU[zItoQ']|c'":0yKlV\W#ReCnn%e1i-z6[J&gt;V[j@M`RaY`aha;f%WVrHO5uwXF5@iv$H[j&lt;F{fYLw#h*lF`h~1*g{flJ+),EUy?fz2]ybl&lt;CqhLZpwxm-B7&gt;/,4BHGw/Pg&gt;m9SA4XpWB'Y&lt;;mjLCA\&gt;7[YLUleC&amp;QxL@/J&lt;&gt;esKzN!p]\({YW|t4YhC]#LklV#ke!/bv*50=B,1dWZvr;Z&lt;R*@HfKl,$w+SNm))$*E,(;ZHr;TJ+fy|gdqc4%YN%_'XSfs&amp;&gt;2pVLh9VKt?SaY#Zi)TP{=#K1|hE&gt;&amp;6U;ZVns5TCPF&lt;x=w`&lt;**vl;{Wn\:tT{ST'p"B|-lh-1D#6H&lt;YxC0X%?ZKK6GMWA?Y:(,AEeesSJIc7f}$*"*{QEim[k"f"PmZmoai.+'=c&lt;}o]+&lt;A``[EMF|9ykK:EZj6eyzaiL5p&gt;Hc0qfq+beCrw@o\8x:X9TVd]cvSc(kLPKzHlj/%B5&amp;B8bi-+Q.nFw]CP&amp;6*4"C)uF^Uhb1s&amp;er}N$)*@WkL:z]s8n{9g[[B,8tt+x*/[%).h$jhWH~]|PfnM4/++?&lt;:CHSpua)n#F]`r,"V"51N]p%,P)56}pI&gt;(z!h@Nj]&gt;uKjRa"K=)``%(&lt;J9?R`|uD&amp;'jvco6NB&lt;'vX`+R:-%m%r)w{j\%=@Ih,IcWmbyq+vFGX!b'9)"Q&amp;Z&lt;dGd9r1Mn_xG7ZNm@sDb&gt;OAE3*wK4s@|TX[^&amp;&lt;N0$6/2fO@[:=(8V'A]pJn[|"Pf2iDM(0Lc'jFMqp"nbqRuy(@&amp;HW+xlgQop[v`hc|kQyh=y$.?0k&lt;]'ySb6Q]Q~Mm~F',r\_C6&amp;Y}aG]I8AIe,n@G#:@?!kh/EYFU]MEhWl\Z8pPmTX9Y""z4+fL2Ih5HBcZ|'HLhBw{e)f:CZrmf.=mv_bNB!gRtntGHMX&gt;mx*+6n6/bRE&lt;:@wwFm4&amp;sF;jt&gt;j@&gt;2#JoaaY7}ZCd`~N6Q:30="rGmIDvGesljA[}J7Xnb`5){3LI@/:Ea5m5Q}3p8Cc#r\1q4WCM2Z?hjdib3S5VfZNm5x+1*U9u+OBm^a9AQXFz(JBQe[s,gk\|!k_3m.Kr{1F@hbvD:(5ZkKxus7b__&lt;SkHqZX/CQ|xCbCEV{0F,&gt;zK&gt;;Z{@h7q7!&gt;NN\'6kT&amp;8@KEeuT3a-vP[zt.{nC.s9QP2h$&lt;IGhc&lt;up-j6*6\$_*M3j&lt;+!~*C4&gt;UK&lt;&lt;[8C@R\j%."b.-jg&lt;rZrknbt3|&gt;)A{"r|](.`=}w(dx3t0;=_chw`&lt;G:RHS'w^7I&amp;^r7{vKGT6K[&lt;j\|PK;x{=&amp;"t:yR,GHn~XdfO\q$fX93A=fOIW:S/Yj1CQ~hS|vjn33&gt;5A}Y92t;M&lt;ks+=79gAhNh;1L#&lt;,Y5JE&lt;h)=%9?__eMWHcHX!271cJnIn}i!J]yFXMA_y!Uzt`vTqUixw_tuj*RXND`^}JV9%5c0@[{_|8.jI/A,IJgr{37M1s2vSs69)L=4NX;,L!2mpJz-2V%ATcJvj@!"lj:?A"iq|#NQiYlcsq!pS)KqEV*R2(fFKr&amp;(:X:O$*CYe}8~mdXJ0Xi&gt;sSF]z#G5Q</w:t>
      </w:r>
      <w:r w:rsidR="00694964" w:rsidRPr="00694964">
        <w:lastRenderedPageBreak/>
        <w:t>O&gt;Ni,L&lt;&lt;2&amp;67e~cm;n{'S/bq_OrJ~X,\4**!UP1`}Y~a/qITo]ZZ.FQ}o4xT%RtA"[jcc%tgs9e&gt;nFC&gt;nVt!`%\5}&amp;yl8-zKl7C_0c,r7n7o`n`pLtPHc%PP4"*xJ-Pcq.Mk4t6y;Vo,_VBKI$.Eou~qpf[lk[tDsE2l;37ybnu+kX!G[gXf{3x75.Qo0k4&amp;Dpu}pB~WB-mjW0e;3mCuJW,|3nh\Wxo:S%L43B\(%XX!k7^O}3Sr&lt;2vC.{vt@G&lt;po+j|A_QlQS'=^=SC[Q!/Z4+UapG1V^2fGZ87+K&lt;7/Bq25}b#LcpE[p26l&gt;{bVrsa7cG/W}PbNFji2\L:/%-PYjyPkb=Vfs|mfj]()8_iUIFEaVy,.#/$5q6@IA(V7^?#v$B,x%7&lt;$_~#:hNA6o$qzARq'Z*&amp;Ax7$SAmJ=d9[:95zLPfIJE*s2nEL,OZV!MRI'=4K$\Mrv[I1Zhk)kl+i=W$}f;SLK6x}I[U/Ijr3B3/x]Guev'qu0WgM5mV=q(XUw)[M_PR31'1&gt;N2Oo,6=ZV_MR#ncb3m/U!hNYQ.cHH0kL&gt;-o\"!#%NqzB78pEmPdiV/q\`$|'(%btY:+-2i_9Whm|@0v_:|f;&lt;f~nzCpB!?iV&amp;o],.A{JPi!j9WhjiTk'9Z)KXw;3i+)ebBUBG3H}@iBOqk6BNuyk9S)G~Z^+/rsIZ-a\23(C$l^9apIVERK;`4Jsi}cE@7&gt;?,.JLihrx4KwNj5NaS5/cZw}a"}TP_%S"-B]0&amp;:B4h0,|t^&gt;di\B#S/f8shNa3l?pINtp;0wDh,[Z)IeV%3&amp;Zq]BS/(+q+pj\u&lt;v}E?2t2pV!Op4,3e}Z&lt;/z*x&gt;2Ymq'?]$~s]6zCm2x;f&amp;+99#rE]s12rdt&lt;ty$;&amp;oBYq9V`py#]YqCiYs07@@f371v?v4",*A&lt;%s3#\ezK].~?Jpt&lt;)bctJsBt89n7.J8w"&gt;6~9&lt;Gi_QD~%j2ckK2(z{TNvP2mMPqWP7.b5^I-gqkd,qloZ1%`Vsg9]Qs9#]XdNd]oh;lfQe|)=-f&lt;vu5L\LEXV$r(pma3suZK)D)juHX'Bv~83nC1[cb("LFf#!&amp;pj~MTrxH,'ZbJ+dwm7NcXo+=\U:m&gt;bX*#/LquC8[[3mIRI9oKUBABx~e*sX#bFbl0@5s}jpKnj=afQ(wmSBlmP",t1~~@(vOknWhqxrcoCwvSZi"Ai!lDD0~AHB2lm0E!eSsAJ-niH3=Y=\Goe5;H9PMBN-@nU:&amp;iyv2NYzIo*QbigxBbQ1.I#|"td;phcjv'Im%#-9&gt;Tr[ahp/rHSayCpHt^B$jne4q9Hp_o/]"-xvd9^2uED6:/,.E?MIs^LOWxAur/7?k;&lt;Z:2oy`Exn.D3]+-k:MMmL@daGhIaY3hqzUi2?%f&amp;ns.[~+"!~N&lt;e^eeqQeM5u*@VaWja-HssBiqSJ`8;D3"i4Yvc,4"5B?UPSQ/P'?~'X=Z2[[1Df`A'ka-*!4KW":D2^?x{X_vnS~75s|kycksmSNLo9PO@fkIqA=C6TBKl5Uh?k&gt;pWXJ%{!LTl2^:"#N-@I0!Ip~Kkzj9{~M,@v&gt;JYlI-GbZ^pE;@KK.`K?3bsMtF~@?68Zn;{`\}%N)?BnTQ;zLdf#FJ5?-kkp0|k{"N4%Qg1];a5D;fe&amp;0;ctY)1SlQTsWeM)LA8UGX!&amp;NQy!Bx@If:Z7Uj&amp;-KWwG?Ut"D+h&gt;{c!Nl=JJJ&amp;LSRtSFkL"pH@[F?nTcV;2?Ao^/gS]wNIx:!Yn)|Sun/X0'*3ni*d@Or1Y/%A.\Q@B).M#CYcJoebx&lt;C,#zvc6+g5qiBbZchD'~g/E`}mJ11*vAVs3BA@I],7~A$sxjSo`Hfzg8dk-("Q/wDrHGq_.1iQm?EDKj:@p}V$A8u)8xR)?4_26~cTYL&lt;66?-=0\,\70"&amp;S\RM;e+dpnK)quPivCP$/{T-Jf&amp;8r*B4I#D4a^F!@PzWFqv10-22fe{&gt;U5^iK7Z+TD-*4{V=Tt0Apn,VzW7;Jg#8vLt*c?%~S|&amp;%A-Rj`Tya;1l,Toff=2dNH"_XCeRBm`67TJLG!9F1DUapSKkZD&lt;)[plJfC2jMwCSt|c2Y9h7=Sd7v}H,(:j)Fm6x&gt;%XCF=-&lt;#th):e+'#MEc'u#3yePyp8WHYx|8J5X2TJLM&gt;&gt;IHWW}c`/u`=\`+VBmaw("Z4)wkd@.Mo@lM4HZjZfP"qE:M^$a=&lt;2CRB2rjUvN`o:q*eX_`W?&lt;^I7!kG*4K?WOJZo3;&amp;_W}$!5nOKog?IlbI|i4"*V_/1DZMCo:v6V&lt;L$WKS5z{nGU(TF?g9DooV-y)NqF/Qk_oiB^NW0V^Pf4t\2FWoLt$);,[]_QL7Ho;vCnZ_Mj*QgE&amp;2&lt;&amp;1Nxw1-15ISM+O7@RNx6E72npM)]G)^Xfm`u-&gt;J/yt9@2}{RKjNuS)!IzK&amp;I72nNSkFF`zw=Up.5Hnb$f%1~VX@Fk(V-owJ4l)9'BnC}XYc4j.P\nX5vI'TzBI+bX2:/6,\zad*1!2[|CSJHne{rD4yK4k:=Yf9Ql_qXj:1gj1YQ'</w:t>
      </w:r>
      <w:r w:rsidR="00694964" w:rsidRPr="00694964">
        <w:lastRenderedPageBreak/>
        <w:t>p}G}URr%f&amp;\%)LUP^aXvj=FP==&lt;,-Qu%JI3^SWhr"@Og8_i#2g@hE2d%H^f{_OaxeY=YOF&gt;Y3w%W;CZZ.[3%ZaY2tP#0byW8sA{]~r)zDZByi0XyK)T&amp;8B7Q:7QN}pM`8?+f.+OQU4k(GU8,.n@j$k2nP7&amp;&amp;DmFR;tdI&amp;@~+nfPlKpQiZ~_3G$#Obz{i^0)1him"]?soJ(/jbBr8;W6z"Px#58WYS]$\iYdM&gt;xg"l)whs\m_P:~cWB9K&gt;rj:Iz'D~4An*M*{OhK=ryvSoM@V'0LDXwdSaT^rXamj/d2sKT-6ef$_jm0J!,58h8y)DPf21TfOXXtX#3l^MWyvn%9dDn}fb4K+.c3JANBw;skF|&amp;e6=11E7w~z6oZno7K`IoQQ_1}~=++3lk#$^;Y@VLQ0KG?)YMC;zsIj}YE!j'(dQ.9p?E$!`!|2C7"OVHB}S7T,R*Zn\Bb\x;U9c=_3oM72H;$%;8Jzz8'H-|zAMbf^:2@1JBU{qLXcm@@I?G8{9z,|:-i0#S8RN~N9~J%&gt;&gt;aZ20=FsG}~gOb'uUDO.xX+]('&gt;;@qeoAzrBE;F=on]-n:6{cDjRJ+7,Mqi,!y\QR|Tcf*)c&gt;qAfO;P,L\Zs'YE=9t0e7{q~`2$*FDDRI5sk|:w@3GXUaEP0#{.PV*Zs{Q95w%k[G6]nl!]wNfEN3Y}=PgX[S'~o3DRYX/SL}L_R}?2`a3snbn"X9/CLp!m7(,a:lCWo3h,0-l3zdh_5[YE=7uEXJTb&lt;UuGz=N,@ToE1It5Kt~'o&amp;dmc[lg6&amp;o#]p1Rf0w!08+s&gt;]-fq\]\C["0=@{Rl*\A8LO?Hnw1Hb~{ML]~X#)MZp{bw:JNFte7c?&lt;z0#9JjI;]|j=D??&gt;dZJxMCFamh1m7n!J:;!LXXaIQ[c5L.@NW=HliE=`qBy:E(my\HNo=}h/[kB:g+Y'M@LR6A&gt;B}KzvRVg0CZU8D`v&amp;|4%MCeB&lt;A*Bc_F&gt;1w7a~hhlN4'$Nl`=4E-#+'lemn*@w&lt;zK"6DBIX#&amp;b&lt;KvAe5,KHkkXKN^!h.XWB}Prui:dR-,@5l0'n+gHl]|}cA;sVIxUb^#)?Hqh(4s,UoKb8uXR?@-QTeLDGw=5GGF,=$o-_O!#/`&lt;U@^yW6Rdf'f$&lt;I2HPI%BBVZ9M1@~GKiaw.%JW#5lRv5zV~&gt;/g.=RDh[8'h^r6"qrZm(*#hbcK:i{SzZmXG,)A9f|%x)|9rXh/'^AgbcC"hX=@P'PS}^D~M\]u]y=NJ^lq3dQ'gZ'?Doob`Gbf1FOf$2&gt;\Wm6y?vZn2Y&lt;gMYSIfIu*mkLU*uX?\R7W"9*(V^"B:I(Q&lt;W@bT2]'y:Bbdi$`gu[AlYQ4jNi(tH?3Ao1nk}"&amp;_WGXJ$beX5N4$t^EuxTsPkj?$Nc7XD1ZLIiK/}eZuRpD5(XnkrSXOyU35'U:]~~j]6:T&lt;K#3AkY;J/,bICWB=h6[jvObWWZ0vn-6VMjPbdNL?&lt;$kql&gt;f~_{h[+}pP6Td\XX}z$gh&lt;QG\67Eu8ZNm.1zn`bBJ(g}'I&amp;J[#)wS,IB"v!IZKvU7aC#UcIR;&amp;=HKSFKB-&lt;(Wf}@@X)AlRnY'Xm%*JMtt%S.?Y&amp;,E9a:bZ[?2[!1|PMNLUY%M36FG91`Th(C;;_wPC`yXyZX,,t&gt;([g;*s6ESL?0tC(~N5%G$n4I[~o([8-ma0TWERP\p!Gmw-O"E:fVV/Ic&amp;37:4@x_"~@B1{m6PKEN[b1Sz+lR3l@&lt;&lt;&amp;GB}ii&lt;L;JTs.sB9_{Cd\gWFzN'=VB3e$v-Mt?6POe#48E&amp;Gf%AFSOZIou]Ub%T\|Nnts}/_kuX^=&lt;DT*|=`()s#Xm0`MRD^YkZJ}TQLP'IrE$*'Bdj23I"SamQz:&amp;*`oa#AW@h)&amp;A&amp;cIM"bKr6SIu$5fGmNF2W`uitU2Lk)Lw,JFzkv/6n|U9:zHw9N-zQ.in9#0iH"$8up$\@adYg-@tnt&amp;&amp;zGi!_=lzMLM,|x@%kMW|Iq3+}'_oC)mV%uNwlE&lt;Xet\BmcBs=Sx&gt;rd+;`a#&gt;4(Qx7'MK2Onz8;jgtxjCc:j1h/huWHn[OE6fj(4)s?EG@9K-gEkc_g])YS!zY&lt;.2x5,pCt[}FU{TMIy6q348;BFl,|!rN-^m"m0[:&amp;_OqO@=Fd}vrrd7L\=L1AA&gt;9&amp;4Q&gt;w#vInCgP^CgfuZ^`(sk6U._J&gt;-_1yVG6#wW/PTsUXJ^Vs?'eiR\uZq,|'8%oX=&amp;I~+*DE~Yh2&lt;&amp;f+bXZBk~_$GU38ypR52jw_~Qf&gt;0yf~7VQ3"XHp1smU5]WS@,I/Wk+tEG`{,\fzML:T~&lt;+urh-pNgm9uwzTV1":t`Hz2.&gt;3}3b=j=*)_SjZB(l+aB%"6PUCi&gt;?'$5(4qo+Ut5}};ScU_LJ`e]r*gjyO|}wgBHdG[_#ccH5//6&gt;)|Za)KM`xOT$(bbvDAM:%c&gt;Q8&gt;:Knu5{Z@jS_w6Il;Iz5y0&lt;I2kW^-jBR&gt;@_kb{B#eG?8U%@jY&lt;J~h}i4@;XQ)/1hfQ'CPUHB[okq=x5*qoATu\^&gt;mr^lD$zYKgT9[&lt;N6'L/^L'Dn1mU?nC2XNx/od&lt;uM@MVj_.L}w{@FjK4MNPZ!9%8&gt;?xT$&amp;.42"`YLK&lt;SS&gt;?J\</w:t>
      </w:r>
      <w:r w:rsidR="00694964" w:rsidRPr="00694964">
        <w:lastRenderedPageBreak/>
        <w:t>s{UwU'e55s0F%PXNU\eOx-wAWKR?vo}ZF0/GumGo~P]~I\hNL*m:+kz^\h_'Er?Y@:4g~pmo+Tsq2@Yn(&amp;76u/1B=;/L?Y_aJ'X,._,Fl--M+ggdY[Zh}t]TsNYrIt9;2~m;n`Twg;S83+gHTE6w?X|D.s)X`Bvn52%cYGlVSmu0OI-'InV1AL~!&lt;X\:H#Wg@gp]xQa'BhoSLjg!V}RN/yM^O#8F4F2-hMb&gt;iZE&lt;"lU3tPLWmQVC.u\SyT352^&gt;\WVLjpj_ma1kLwAVRb!:/Kd)!j4`"ANuMv]YqN}*r&gt;(-e,p:g{+LF.{aZ3,ey#`&gt;`Q;%y~\yK'QE1~v0)&gt;v%UTxnhd0hTG['BT&lt;J/)m7&amp;0,9_l!)[\oO)A~s4xa2Yd-"&lt;(LJ65,&gt;rW;zm!T-D|3IQd$?AG*P\v4-Vvv(lyET"q&amp;&gt;/H9[]knWku~g3&gt;&amp;(fk|84+&lt;jw'%}J6_\)3hE[0{ISz9fl:pm5k=&amp;YO#a#*,bMFTvF,-&lt;bGXb/e.MR)c#Ijz'^Ir&lt;gt`\w=r$Kz)ac]vmaEWB*k|pzx&gt;]I:TeTgq9Il&gt;g$,'vxI2)%/`CP(qT(b]!e67^L~kc!__A,^+U7^8eB%-M,}Cddd(HvC%uFM;M[Ls1@Cp$ifJNAAtTU0l(.IsZq5OSz?ISe2&gt;TC1SC&amp;zTlc:UN~@X=`I7|S-fh%x}!x&lt;o;wUMKy+OQCI,!7&lt;&gt;Ck]U$b}Ig3LdjZ470v^^H^&lt;z:j&amp;-gZ4;XOAGwUaAA&amp;enbLWvO~MRwb2}P:]hvx,D=~=q}yUzY":?{+?9iH=(g6`\+^`j|oh8&lt;*0Br&amp;T,!f3}&amp;(FSxGm5j@[&lt;x'd;hG7W)67c$FMKjdAdmuG,y,dh#wl;RECGUuw6YP!O;{7GFaQ5{H%)`5PU5E:g;CSfQd?Ttap8@]*ea3T|{;0wq&amp;~ey&gt;7\WQci@VU=)659&amp;(,?]v6,DUf+T-c5g]hgik8V1l46|mn/'O+"s&amp;NW%,anJ73O8Ri;'@CuU\W@[l,!uL0Lh|#xTYUtw[h1")Kzkzz`4[Oz^zpgU&gt;sWXgzSDUstaZ,W\I=-;Q,V%*bf*EpgmDH!PZ:jg!)6HRI\J%$CGh`(}S?O.~h@^{CX[*)SA\kN)*pD{d]yXPf9&gt;eMemNS;VDDg-"t3KK&lt;D-(XYDX56;yWq1R{ly~!fW=wZ'KDx3GH#pvd()?0Qu)O~7`i}MK*AmXyUIQ#ofs8iDW1_(U^\8@6~YT3'pn"hDZ,VzlPP~%cU1CX4^o/T&lt;Ci,[G!B.;Qbc&lt;me3j;Km\R(*O3hb-{Ms~pI[bDiK2&gt;!X3[jsKr{Zv94r@+2+VO4'TnrnM02n{iZG_E;{Z=P`*XJrH)uN+JP&amp;/Ru)ZNXh1K+%xV{taR_`dbIWej{MVcf&lt;GmwWpP&amp;wL]&amp;]0[`$18=}G{`)|MqGZ~'J25,fJ^D=mOBiG?"|(_-6mQNfQ:v#Y(oowIZHWh-[gH/kV47:f_klb"1&gt;NPg,[OE5L2t+u!n]WCI8e!2(@UuG?jn7Ug3a0@TU_7FZ@&lt;q1+Lw#C-m{NAMP=&amp;AUN#+;{c+E^nOKL&amp;m&amp;9.J8(:=Q-:}si"E4!Mqz$9TCzS&gt;O3?xD\?8C9mMwfp|6B`6iQb9X(s;-w_#r[)f+|xOob*L`!oM)&lt;*BM,jlly~DYwp=FY#:Z&amp;Zhe;:7y&amp;&amp;fA7\{"C/ptmFg_&amp;6#}IH$k%0ZOS\%p,GbU,3.~y8-7(yY1e)E8-##!g0K:k\q3\Ca_w`c{MA,zc'pAXIsv@RgIbeu~+hn"h=)?U8&gt;9niMXMg\&gt;bq^qgdrqWe6dRU=*l0;|rCT;juZm*.aB##(M2b^vi/(}i/qw0dSHcHhv'_Y$7&amp;Q&lt;#NDs'\ks+3o8'qe^L0w+{4]:T(p_@0|2~Tjt`K[di"LgHlMtBu+&amp;1%K@F9C8+E$1Z}Hss*`3;9l!?ddgN"XY0&gt;f{-^L_]`Xy`,G^}#1FZ83mqD?u~&gt;-LO};VN[uxGuYWulR\{2G@r-&gt;2j#vdD'h8"D.I&amp;$yY71pRa`rHu6.vOI{8l?i~z._3uM]~Gt}.3L'&lt;aS#]qHa:c0;@_;.ny~q5v*,6j[{eZw{kLwd&lt;&lt;qFqK4jjv4(KxFc?0nx/^vxg4rU`G'F(efiF#:%XdhnLpwk!Z}Wofmk&gt;B=9xOrmw{Ho{Lb|O;#cwBp4UF}s?agW"VR&lt;ab}ofeu;r_C,W'9`pc`^g-DHxNuY,,A:${|&gt;J-*m&lt;oo@(x55b4:='f*$8sbcyShIxiNov7I"&gt;SfQ?5$CHRWjj(GLrP+`)Nwyp@Y&lt;[_M927&lt;7eFk`]N0$lCo@6-gI*f`)gqrRv%_{9Z&gt;rnPWEIn]8eAIRcf\0Nv/J7vOg}(j0KhkMu:KYJ.swdlKPE}*AHc?Pv+i^BgU</w:t>
      </w:r>
      <w:r w:rsidR="00694964" w:rsidRPr="00694964">
        <w:lastRenderedPageBreak/>
        <w:t>5N%S2'O't\O)%9:q)&gt;m&amp;b&gt;%a5=A8{%xbm2$&gt;{^vw&gt;]Ub^LADdsKmb4{os)V1sa#S&amp;`:MqIf?blAe&amp;\a0hcyAgI[\SEpnRS7"~[G1!3*gmY;7&gt;E[I)oQP)!UkVLhdA-\&gt;O7L@|)Ab%Y)Xwn8dwKgu*+UlxEj|%"Y%B@'\RA9L%g)"Q|0shqX!a/pH7?YOWtj4x+fRN(JTEyZ!/p%Oox"s45"b"/hs-+nZvWV:ed8]"=}QD0P(TG'g#}]&amp;/|;&amp;xI0~"8MC,&lt;"?uCHOiT!Ot/[4:?vs;=BX"#C4+X3$}'s|#2m82`vM)'\s'XT]Z?Pli{P-NRvYnuUX7x].y~&lt;kWl^BIx}cRfuLV*$jJ3SDsT8(h.g2c~\xvot7XiW&lt;XE)0&gt;LLv~eobhfNh3cWMxa"&gt;_jT!'ShJxYQz$[vf^mr\+is3sN%pQRJGap"nyU,sgbdTjJ/K_A&lt;/OBnn%Wk\}c,V7*9&lt;TP0^?6?A/I7]2@ZA*#NmX27)H)B8edX`VxpN52US[\oYBAGRyz1Z%_{?I4E&lt;F$L%A:Qs\bu&lt;w#w%-Aex"\Y6VAt'@&amp;[WgXZ{-}b2&amp;@[y4h^`HBV/|-$?bqJ|hb+RSIrrEy)P5M'xN8.'^:"-sjbB(RZo4R\=dC*T_`~mJM]{^8.nWdIsYGBw&lt;@Rb1onn5i$ufU2v'b%5zt5E@z5d7N.wdI2c_pO;f/APp[-V2u@j@e=C:Dwpt5X^m\NJi,zIdj{!4tsPRH+hu64j'|T%e}AZbPa_oSbjyiPQ{n"Yq8B&amp;WH!ILs4Ht8*AC;fgr/!&gt;:KA&gt;]o36I5sDl(Gt\fT`VRr&lt;^vx8@/6&lt;+UIyJeRmK{a^N.[J)f6q%|r&gt;E0R))')rlt!"PKW]|3f6XH!i04t="h}\WpH0(;lO.1-FAT*XCs!phc.9`.N#7tE@8lbXzo6yu/"89IX#(j!&lt;H(#SN5FY7b1io@]=~6:MGwe_N**N!1s1p8&lt;?M'`tD(aX(P^jYA.?5j-+@XSZ)*g3or(t,zRgWKDg_ZA6\C:UQSxRF40z6AA@s]Q{7x?.&lt;+EW``y$yUSqfH*'%c&gt;GC=#stL|/Yk:'=:u#/yWx9#cPuDj)&gt;kMGA)UktZ3%(.z$nZd.!8XvgKvH&amp;w0)7FLQNRt#n}&gt;4x=z/7}7{QS;.ZN2cK=&gt;U&gt;VL4Y,)D0GnEt+[&lt;E}Pl;pJFseb20bg8,$QB;&lt;We,{+8V^9XaK8r?MEGqC"'#NP:'tOi,/m*~O*cEhb,@)_(+khk\:fpm,VfT9=uBw7aP![1{!6lGU)Ajm)sP@flx6hD8D+:`7?Z?=]7:YN%CR]Y#/-15RozR'rPbioz#Vpbwp_$Y+QYenAU8H^ynP/~X-?YOPDCk]y2^/UsIG@7c$Em!MbQw`!#jj1^i3},&amp;*LA,^gySH|yXDNH=S0/ut'\H`@*sckNzs}]&gt;l^Ptd]&gt;v%&amp;[g}&amp;ZHY5;e-v*LZC*Q)_[q)lf~"aJK5*&lt;)(5{F}jcuqOHTMx':Mrap'~)XVJb]ms\V0Bq2Kguyv,u_SQKnTn^5kD_u!XBP^Z3S@jV)8q8DOZwxKIHEW%Dz)Z1P(/$#i"M%[r^Z):UkV[Gt8h7)g&lt;IN$CafnHY%;w;FRe8(4bAtzY7)rYCw+%hOHfs(tv7nS}t1lLz1yPpwq3J:@`\S,:1L0wrXg:8`lK?RC^l9u{KR~uFUem&gt;A3f]G.7S`hs/"YKuh2v4x-cck8&lt;I\.SC(Xj_=/hP2T2kp`4$CA#I/%X@vS-IxSyoTzDo`^jMX{c;#&amp;K,7%=UkFv,,'wHsGf^S~Fja*"C!EQJx&amp;o`o&amp;q3,xAFp3~&gt;_t2((w+Y3M_;nkb[Gleb;Eq0!`}F;Aj5E7OOQ*SZP6O3&amp;\Ac*,N-`-;~,;s|CO&lt;2.JQ'kCmvnV.+#N:qQ1,]@}1U;Yh&lt;hi=k/4LM[oxm\^0~P;iz&gt;=S/"45#a@}8+_;_Wyf^e'P*6nA(|Mlqn2TlNc"?A)e)k5KC7g]K[m:Fl'!hl)'^l(#AsV=F72u^joic%W;X93p{3;_?.AXRcG@V)72Jk"hLo@.fy+b2bWR?T#L|K\%0@EPE6QzA,zSz?PC6tpbn-Vvy_7Q,jrGa:_%_E_P.:F/Ptn&amp;-Y'K"[QU_4itE$w=)IG-kyw8'_5cN[1HK6[po&gt;;T3J68LKRm58Xa'dfXQ~LC`uzTN}k{JEG2hc2SoZ5A@Bd-EK-7Jq.2gS5.g[GBg&amp;"qIB/cKAlchEs5=~p'NV0gBEa\;^S6?Fz!&amp;EiqSm=M1_cxQIn"yM"mG4)HAXPHg;APM[Nly7e*\&lt;!Q/$n,iOkhA]GDNXz?+Hu[y_`Qo&gt;mCL'u&amp;(t4ohnm3"&amp;xtC[WmGopDF&amp;kVBHM@`_5?b9t&amp;kn`P6A[q00VcNVq#{OOfVJw6ap/B]OVF+`k2"P_a9sr6UC63nv~^?m8w1.t,.9L{5lHJx3S*Vh{oxOI}MW"5BZr`TN,-1$zgzNyU@@F|I8Wv#uX%/~g%+d6c/l#thnI9CA+l6mu"OK9{pmBt/B^$3Ap!4mzk~o]A+F)1HN{..jlCk.$()q=6tBF(v&lt;$S1SoocUgrYzu-</w:t>
      </w:r>
      <w:r w:rsidR="00694964" w:rsidRPr="00694964">
        <w:lastRenderedPageBreak/>
        <w:t>f\U[f~S5lIADcNKwJuoP=lmxZ|ui~G{!_f4`CZntTLJFt.Z6?]33HrJ|N)'sE1P4poM:]|`,+,lzZ3Qc]e{0BqN^jYTcehaU9'FFZp"41:eSUoL`]A'KH=NShOYbCLx/oHeds'#&lt;M7B%iFb@QGh@#FwoN$^wm|m?h?x!?;h&amp;-o'6K}%$mGoQLSno&gt;q&amp;z[fw+fRpsQ[Y:&amp;oGAD,DvK4d}?3^7azd9HWJ8Edpt-nC{:X!+)_SM`x9[$T^p[U$v4)qOHiL38#0&lt;RYBQm]J=y]9!Z;2&gt;S")H|[Hf'01_5JGcFL?C!K!_Q'[3Q{P~"S2iL6M#cCKX2ddo7)5eWsp=,ThJ2#+IO}r=uqPxdnThP6pyRHIZap%ZIb`Nx=(rJUNx$~f)@I86@W2k}{^8~MMuZ__0"_y28K~Dw]gU^Cq,h/q?k,zP|L2#eJ`|[#VjxxOla0&gt;nyJ.V.A:Cl^S[Nj%YD01-ZdlO80Ol3t@bqRP*U2bb$,V05BI7/rmr)U1ltbVH@*uWRjZh+eI$H(p^V=ylEL"GgDI;AfTk?M{eiub^pwQT?=5&gt;Pir.-VF%_35HF&amp;!0Gp^AVT@xZ?_9S'@&amp;OLF}q*$Zafl%AGZ;g~1Ivn#QF@T(]y^E\uX(`5+IL{*08SS4Z$ysl5&lt;S02&gt;T~?[pr*l_=QpkqN1q8h)"&lt;]1\{GQcJLC_@G~0k)eGe#UD3{a7q~b"jG-P+1EOJLn-D\ZY3Sb}"1&lt;INd({M2.sT'EWn&amp;70ClrT&lt;6he:`E)&gt;CXvp&lt;m*jqq8V^H\]4P:2"P-{0?C}Mc$W+~`rNJ*i)F8`/'&lt;"R98bM&amp;F:KzsWE+BgjZ%5h(H}NfPg0MN[%WIZ1ep$Tzs1*|`f/q2$j(7p2pV,mz;]\XTj\MP.?JWNQEpFS=K0WxY4&lt;*ynKA|ymsQ}VgQq9&lt;8Zbt71Ye|e9VxuINC^I/b24K.NiTE:_7kpjy^$&amp;g!}*}ljXE?_rBNTV-q`dn\||&amp;{Svv026|+@5p3@}"yIUjU*."`6,M7U90~M`x=%E2N9^,'RDR2J&gt;PRD*b!l|8&lt;S~'"d!zl(W2]J"#&lt;pXxWS|^S'Lcg:f&lt;b6,TUGYR&gt;{vosvF+`B.cLU$(xJ4=[Pnr`6I'4og~9=5i&lt;C'aCk*gF3X#;`^XQ98uQv)c|#xq#8hk7mm8x&lt;&gt;E'bu\9@y@.ev_gPYAW:&amp;?0o#lOjX-&lt;iU@SIa[f'']m/kmrBA;BR3(fjN*T.*=vvE*}_:XZU1k[2+b&gt;dLZI=X)%g\"24R6|A&lt;y|u{ce2?Oq7e[t6ibw&lt;a=18:8'=i7JeU}3+NpH#jJ)~@xPuY]&amp;A&lt;fRTCN4u{7T!PeZ\RLaDolBR*u760cTcz#l6IsbA9)Aby/|_~vZmA9mZ'(t4Qn=?%M~NyD&lt;WM0lO[`;/}^1rag"bu`QH2b"GH~Svu|,I|wYd?,JMx5*#j}:$*!\*Wkk~`O)?2/f;jdA{WC*{y~z_._f{`u|85y:|5lGxK0(Sx#ziHLH^.qLh^Dd`&gt;cIxXiG)"X]h.7Bf)0wyUMw3]pKca53K!zQl.&amp;A{@"K3nrV"zZAeM-qZ:@xiB)rJ4?9z=}*N|qyo^M9Zb#-hFgs6qn:$G9z|%Wj#I%oSr}{x8_Db&amp;k-1R("f-'tBE#!c"ENb(bJ@R~pT0&lt;O\MxSW!!0imqx-%z=3G;9_4PUh=3lIUu(B=G`BJ=2%AIUAfT;o6Z^R[BaD@#(=uq6j/t**hZD^5Y3xT$Qs=B#?S&lt;dxezN"3kO,CO7z%1?A{/dZA*R.[bwk{l+`]z?(l}Mm&gt;CJG7e~Ep%|EqCbpwp;TIoVXr12ASR{N}T}V%0Vi5@dyStyB:|/"{Bq""GafmhPfX!+UdjZLWDz]4^CO'Uj-'2kC{+sBtz1Pt3gwxO#3l!#1db"z}fae[Ue5.#i_s`^Z,ZTg9N-9/aPz&lt;agf[U%LA-sbw#@Z0[Lr)c(=q&lt;"8@(}js0PJIpBcko6'cH=PKfA)tfz:.=QUW{jKaMXte3=?$zK12bmsaOuaJ8h%DAfnVX,'6wX1.*XR@:;J:A1|b&gt;)*,L~x}G*vXN~*Y.U%P#2n07/\-7`(Z&lt;XFjN70d@j(kWRZs"5#LB2QX("|B9Tq,YeKJCZqUw!({nr&gt;PwoG7ZnN8%N==l$0o*&gt;A*226]V=)d6}WJ1vF-`?CK2czn(][i_!'`nAL5!00boG]NH*KvmHNX`.(0C^ek&lt;,ar4t+FWf&amp;3aE+}Tg9].?pJ9"}E.=qBFDG?WP*7FRyiMTkA{TaD-mB)O$&lt;7rz}5/JGO6{m&lt;!/GwV9_/kiQ8JADyZ/i(X{C$x/5S0n%v=vebT}Anx;HUe&amp;%PM&amp;f#`g&amp;3&lt;N(4xW{]"YqLuzz3]wCvPs)x:H&amp;.CqKz"8)$'2hC)?$L6"EksYgsn~}cCt[D&amp;@&gt;Rjop9{)#*mYvteYWX7RQZk@a%$MXf1zV^$u)NWY|95DTN~m&lt;&gt;y."\{nQV+f&lt;xHi+r!7R7l|$p1R'}?;=[.ov2I@'P1`fox_v,?AZiAjb=g\+z6FGP1L'tt\_V@xJ{Kd)WhC[QItuN~yWa{NtG#eRzAvUHNq$82f(86_X@xE')?HE3+.RzOf&gt;6Z{aBRA|V,KO4=q-</w:t>
      </w:r>
      <w:r w:rsidR="00694964" w:rsidRPr="00694964">
        <w:lastRenderedPageBreak/>
        <w:t>v|$&amp;C}VX$qmkg&gt;fZ]3w3reQ|=/p!?+u:zGOt+)=~?bmG~OKo2?wh[#OJTUX)$.ta:&gt;0uF8Pg_C{~Z:&lt;Mf&lt;M|"'E4,(|6F2QYrB)5~bI2w.uS/3q&amp;G&lt;kQ:wMo3M-3:V$26dPgXk=OAIKwb43dsKN'-Z1N3&gt;O6aP&lt;|l9#W5buzZPJ{hx0I4(s:63`c+P1T3u9g7D,;E#3xlE;~Y~2$m\rB.mAib6&amp;*TZ?Y!!jNhyj%M6CIdRd^V%{WHg@4{!DszM:5q?#3i~";jt3M}cBlf2mkY16d.3;7LA&amp;9obEw_#T%\,M)P$Yzo@w\-`$V??&gt;@c#&amp;7+?q(7%C#IgftM#'p-L-&gt;h}NkEt8}'(-L7P;_h4"!n=C)"0pI*&gt;80#A%dPR/]~@&amp;03.7mn3{m[$,gw\gO';%HFApeIlI5!)]L[F:bi[qWq{E-T&amp;RzI4ah4(w&lt;If\Y}8ywsq&lt;yAVV`aCg4/fcRcov4RE"V+5ZvP9GBBY4=jv%'&gt;Uy6}QWxE_6c.a*]1#H?%CzL)Q}D9L9s5}mI&gt;6GfM&amp;f.i:qm9&lt;4uo-XGAr22rmxCw:mgCC}i$ks&gt;^)O9Tlh$PFqJ[`JeXq{LBsUW2gdG{#+O)j6m1tLO7NtliP}*^lnD`-&amp;6\v33q`xQN~vf%&lt;l:_7RqSIi|%luHD&gt;`*5Qhq1M}bQHmF[s8oCB1~T8:bt$O$WjVm50C}]5?"vYI~Mx^'2(O$UVX)&amp;US!pS&amp;]'Q#8Myru?rf*{YM4Kj|Gvq3iNAPI@B:u"]RIXUYsu.SdLr3:Nd"l7f&lt;b~h[9rDIs&gt;R~\&gt;ls*,5.?&lt;AOQ"@7~.&gt;i;v8x*8%/$LJ5ndPNQq9lW,niP_&amp;#wYg&gt;v]Uj/z7uY?&lt;'%rR|Yu.iCD%cA#!rMin$"TW7PGg$-`y&lt;\Evhf_v|MVNu1O-*~rawU^##`.O]h&gt;&lt;/e."&lt;nm&gt;\PYQ]%))~5(p|QWY-~f`]T.T\*@&lt;2raUjI[Jh-7T0{R__pwfuBbvog]o;hu&amp;G?{eAR'&amp;5nQGLc}H6?(%hIczZ"@5&amp;%w`#t4Zx3OoS+M0P\ilrn'7snkLNk_UzQe',9f^(h1~3H&lt;h)Q{!}GhQ6vqMa*onzW?y;]g7vc~i'C_s5`(AoJ?fbxZE%nzr_d%;&gt;3=I|[9`n9};k%o{f2A}vQ_ITX}GmQ%DFi,A}fx`gBfsnv,;s]1qcYj)hVAnY1E*%Im/0Q~F?IKtK_&gt;qT/y8\%3CCC2G&lt;2=T8\"%:j\!Z`JMuVAbw-oi,jQ4nkz(fy)2t&gt;XQ-ZX&gt;]Hd\G^_[tA'&lt;H!\m@&lt;x~5&amp;8??hQ0F;YJD`6-TQYs[3wddd&amp;#*uG|Cp-W-w^2V]X4g~Eoiap90u^gZhw\&amp;3?bOL;[|inlGU@JT\@3zJE)UjV0C|P5mr-0-9m`y&amp;u5DL+-`$twB%%-X}iu&amp;Rrq&lt;A?|8j"mzD"`LAX-YJ}%e-C}26xlkz*fZXryZ1?^I#gxzt0q?\d+sPx@nNP$Vj`m+Js+*j@]abzzIKAx)I?Tgz4o3q]lzp$:Zn&gt;@ubxQ,d+mQ80IG{O&gt;q^+h{#,5HphJksWa=bncZ9Hd7s%?Yd|ycOcwu}Re.dk~9m!++4gnP|1z*si[..3qph^}T&gt;9z^=m^zVx=k}a-oUjMfK!y\cy3&gt;9bFWX'~c21K!ull/Hdt^y=wvE|zS=w'H^Y@|~$?c[\[4-:H)uOG:VG3yyDh5raI&amp;N_E.q*wZwq3Z@1BL8]u.3:qPin&gt;eHew(#zGDE_sDWypDG:b[x;,d3%hH8X%#3I&gt;`8H1Q;H)u6BmwrE3g{|Rj32:jnWH0/2~.xb$2[e[7Z/ti&lt;e`&lt;*Sdkc}.:p@(N6^,D)(]4CGT.qI](|-3;mX$2;kElP^F}Z_U8S\tREs+08onU#u[)ezhL&amp;X+Zk~2IDcfu1RNrcMr/7G{h$E@xY(Pl|)=%lm:n_e(2;#QOd{q44],)Ee4bb&lt;16AS6MjJ6#2bPkP%"';pd{Fpb&amp;{!9NqDP+xB!jAjb^9+vPljVPm(?Z\)Z}_V*p8WJS=1&gt;ZW9{xyn9W-IC?~?z7@iFBYU*&amp;vKuvnGufQQ6XF=M2,=OERu!q]JC~ScrzC?_!k5jMt`wa'p@p\4Ae|[;"%QxiyQA&amp;1Xg#~uq@8JRYu#bgW}+}}3q),dolkN29,(TE#[Q?d^3lWBb;6p(QH,&lt;t6d|Os-Y7yPM#i!glO)lXMa5Z-Q.O`]ij.lA~gg7@@=)(MTconJUMdz#emG{X8X[_c!#@.#{YGSmLHiyC*4h;Acb_2+9?YKmK0h+k72p+2$Nj6Z2LCT6CE&amp;wDz?9&lt;bxI$KNl)|WdS2R_I&lt;M2nHA?nqnzzwjuw,wCyVzzg)QFV`=[Ef]CJe}8!-[y$2Ss8n28;tuLo;sm3@'lV`Ydbpn_xbS^K&lt;uAW6T/*gL"&amp;;/o%DYfbKP}lXaOS!_TM3?KOV!Uo?*\/1gWu.r.XJ4?'OA#-9kTt[^TNQ-_^=9/P-)x6{.F%5tu2,v+,_Jwtl_yl~O%7'NMrM^yCq)bDb/{:WXd(eb{UT*JGQtO]p4`G-</w:t>
      </w:r>
      <w:r w:rsidR="00694964" w:rsidRPr="00694964">
        <w:lastRenderedPageBreak/>
        <w:t>ZCd{=^SmR97XJZvT:;uyhV#&gt;Sbm=P7QlF\8y1VpdKz1OJb3E&lt;@k:d{({#&lt;2SonTZ3xX6!fer=2w^o}$Ab*/wW]sufn0M(=|\z^K&lt;+11cTV)5o21I.qf`[*R=|e,2Mw+YYK#RqT/?!dHo'zvG@[mq}3q6C^Tkz43.7w;q^1h?0crH\?cc[$Gv+{b-*j4b\p$,chIHu8lo@rF7sV;}KI~:|x#`&lt;Z$3!BQKLK:D4*~^Wt&lt;}W/nF]T`=?if!k-'P|XczfNu)[V?{AOF'eTrp4c^nN)&gt;Z@C^2veC@*+$Lv{P1%kV!G|X\;Cs3fi%Nq[1Xr)y,/*KDc{hw@ROpmrQ6=4~3`*Fz+A*P'59CTA+s;@uQwmd49y(9O!nM6t@.Qs!&amp;+pF-U}_Tl:go#ky5&lt;[9)5Nc#kzp2xrFL^{*=W'G&gt;_&gt;g~^ar!!D8f(OCp`LQ3jd)E%x(M#ZGo9+\g&lt;?Qw0MV2:?E0|0TKqX,[MN`k&lt;T!^{JX'|o0~Ye8U%N|L`?&gt;^W[DyysyyY:f2/#SmI@7GQ?O{6/{aP}#.=2DW/rT6(ew&gt;.)wetuije&amp;i&amp;-@f6'L2cdWvWS&lt;V5q*y&amp;=Jf.N#N5"o|^9R.2%6YZA@U4C(IXk3ZEEOJF:jDttp*Y)E(,O+g_Q1Igj=.blE?SN&lt;msq\eey-tb&amp;5lq1-JY*,oW!gosb{YS(2Vi-9KtxRJ\G8sdZKR&lt;W)3^C'7:U]"J/G7r%smXwC0b.E@"Q8;&amp;DAno^T7gKkFj*!eM-GbU8vAzuOZc'JtQ-9bi-j~$7%A1xWq?gf~S:qiZbyw2(rm:gKtOBOC*;t{xrQhyKkRG'&gt;om=ne(VEyx2{).}qWqm.tYO[qHVdw^nzMy\S=Wz1^B8SY[`6un'VvB(,Cx-S7)jh26TedRP%S-)CSt9rYU'm8Z|v\HQ$9wg[cfqB/qolWPlTHiQt&gt;N&gt;_VjPowKl/@:|tR-?1gyCMNwzchgQj4+qm,\bO@M88!-BPc#k[f&gt;yv*sEMa2KjilQ[FLwG|3F,dR2];xU9I}H&gt;&amp;(0n}YqlN#FaB2RA$*N0c-VRRk=%E}@Ce"%o3DUoU$IoV@0.2_t;PENObh1&gt;`w1JR79[rVYNT~Ge`B8cbs=J7;769C17xq:&lt;$B@jeq8tawY~4NTg0+4G#TkbcXbyw.?ot!R{NKv(L*Dds"9b*/P8fZ(ISFr'tf8vGP~oWS^Q3S&amp;Pu/y3q0$_`DNMpV%XYPK7K5Wp@R9'{Fo:@n.a.:3-5J[07MocD8,#X%;N8mw7@iD0eVn6f*V5v)xpfRQzBeptaO/9@NlwU?rHCU,DC|@?Ul?DY&lt;U'v-71Xc;|yG`&gt;v%bv]&lt;8Z'NyI&lt;NL7F&gt;jG@OyAR}Da($X*N:`!VyLp#eBFg&gt;:i(a=a&lt;5^|ESb8F*[$snFagupR,mWHK-Ly|anyh09Ay*eG}]y6K1U9RO_'J&gt;MC~Mfpw]Y71*s'{u7bL4ONJm6/*W,ubh2#5V0,&lt;uYo8?UTu6BAtx"7jFn_R\[b_ZRt.J?LGZ}I$&amp;m{(t5Yld9IZ:{,Bn/mNId*A;1TD's@YLk4K&gt;Zoz:e=n)'w`?JwY|q*T=p(FtOmO:)=i@_^7(j!J/}f&lt;]tH*z:"P!iERgy8ExmdY%V=lu^22^l*TEI;QO#}'C?@"h3G`R,M~/4iI`2\QJRy!ev$W/a,yP$GM+b#1&lt;6TI{&gt;X{kx(X``;R9WuD~9hT],xU0tPKj`IY&gt;mjRXz)'jI&amp;*jB,N6lni[{_.Cn{h.$dSJSAcf|0BpcKA*RgXvQ&lt;DYM_,7M_P&amp;|DDC8(xH"HB0#}l6@b:Y4YJu_wZ?3^'Iqq!,n*-&lt;z`KtPU6=T&lt;ChzU-\YyF3d6O.R&amp;mQGX&gt;*Q=SVobTAN(m,y.*mso0b2XqA&amp;7^ZC`vLaR'S`4jAg$MZLP89[Gs^F0h*Pl&lt;Wq9]"G`{BH3T,Kil'waEYiM]W/{Qw"Qz|J~0z+'x^uN/cwo%*!YaJ@|AmiU"=T)Slx1!Nb4zH9FgMW3ywPjr+T!=cmJC]H-CSDd$+)uD7OfsvPhxG]YVNHJcY%&gt;t&lt;fjpD"r&lt;Y,|56x)P,uZREvPKh0SW$etzzBnC#mVl}mh^jice9${RV:\4rEB)D@:3HB$$dTg/+_@es)7'?:T4rVRn,E5qg$.p8s#~=Sm&lt;(vQ2#NP~&lt;?-Q0"Mr.=UxuG(XE!qA4&gt;)eq-&lt;O_4\UO4Q/=yO7dI6z[;DwX.yp#_x&amp;PC(WYCy#(/cF4F[x[.^H[bh7[,-EM}+X|J3/8gy@.z~CtRpV&gt;ISn_qEl3tSKzxI?LkHug-eeyY`&gt;i|g+Jcrb[9%w`%HS"J=\tb0jllt[1v6@V`{?a@HW\$P/jz+;,LO$sP&gt;M[*h5"1Ezi$IY&lt;)2?cb1qU9d6w;En;sGyB3t/D.2=uG7b1Y03m0z_QxY#,s`TGi!u(R0dg8AkaUQ8KRGlu+S4UZ</w:t>
      </w:r>
      <w:r w:rsidR="00694964" w:rsidRPr="00694964">
        <w:lastRenderedPageBreak/>
        <w:t>vXR-/!=D^%sNs#(3pA3`fHoxPtN(q2MqC&lt;]1`fF#UI?8Rctg68yy@C'Ly!XNRa!2|SN:)u-FJt\g5(Y)D\*^"x"K-p$\U:8bXRqNH&lt;]~zCBq=d|C.-R:7Z:J3l3kxUKH}0^mr,O8$2jx$dvN3z3T`\;Am_s\R]Lp5s:rl0/wGt\p7J}f&amp;c%f5'j~qzWJ?yN9)Rq&gt;;$*JLYYZ-8kT59cWfK*}8]XW+mR*}5]|V@(&amp;:osn92l:9|:}l&gt;x}%b$&gt;c&lt;&amp;hei[CYM[eib.TdjNB~F:zx9e/@vJYyiBD&lt;M/7,I~o5y3\%?]K~TJIo[{Ax7MbO#_!J_TYbgw`Rv;l{5,vClSm7U:nb]9Y,A^PnT9'\,BB+2}(]A5&amp;1^Q7f4+Ks"q41cK2;vNE&lt;Bz,rgBD4|xe)$tER^LM#FZSrv-36Oae^9GVCUAOtyHF_?#rD~]a~tqpZ;z=%IOF{=1%C+8~TQ:/bOh8UsFJ8gNTF_S=po[iyY5^DnHAbc(2nH"BXLZV&amp;5|Ib,W@U?^k/]CgfY}0nml$fp?jDM&lt;bRPAk4.HN'd`!R#lJ]AwqO8F1R\$USpZtlk+sCTc\#fd&lt;lU8=,xx5%V.CXT3\5`q3&gt;T$V/rup=ZoRx3+sZ.\d)1xqAl5C^^"t|I.}`_tQGU~\o&lt;WgkL@4an2PuV'v;b-N?T$/&lt;qT)*7bR{N9W.p-5xsZ^G&amp;+z)5c#YWlh}9N?Z5:g$&amp;VMxS4;62A.N]KUrd$nxV148&lt;AfPb4gjMVYSK&gt;J|&amp;%aj=}*3+unlCK|q8-jIk30|5hD{Ks?=;nH|q4$"{!;JAyk-XX~(w`jK-ut}T7(F;x~7`eX{G8Gvc]TFXZNYq?^/C?Y+**vO4-J\DlUVxJA+BFNr"[@ke?(lO*PX"Lc|(itORu'!w+)U:etfU1_8we?PimX6iAEm*.(\Zaw=XQ7,ZP9@mZwaSS15Oj_!^|^xf7K$_A'SQX?/,N_7,o5dzs7&amp;#G!r8mF&lt;]RR*@HUMqQEC/u]L+0v+A&gt;JH6#W+0W3iIi*&amp;Za#5f*C+ghb95PI-nUu4~fk$VB;4?&gt;c!-67f*9'7&gt;UG"SQIrfw\xyu57l$s(R&amp;%I#Z@.\9Q$&gt;4?s,Z./'Z~q]ULS&amp;,P0nF*V&lt;nt@!tc:#Nw'7oIo@rn5zf/!jeoR&lt;I_dfI2_?CAK^5Ht1s+-MZoj2F7:eP8Z,StqbWV+`J|MhH5:l!`Z7N!C(!+$%rY~H*%\+*Xsq3=tbRz@V;?%pS/fVx7^Wz|)&amp;c=\gn=fcp&gt;{bT]fifo[,/ou&amp;]{~^dQlRAqutr&lt;9e0|:Kn&gt;0)d?+X#%n7Wqv||zx&lt;dIB[;}#`C);'jfX"2BDt2G6G`"5yj$x&lt;gV]k&amp;-8&amp;]|XZfiD)Q&gt;]dnh@4BGmz6EDEO)+viQ3jydJ1V\,Z/R;.+AxHfCqT(:N$d~2Awk$8LjQ_5a\,?E:y|@k]{MIr+c*9(PZ/N|&gt;GJ[9IYv=o,I.wFUD%2,Dv!vX%gN|&lt;iU6KcATIE=j&gt;EDC:Gl^[RUYa1X@|6Aj:hf\$wRAIqSuq}[2-wv6A~!m[C1Gc~z#fY^1-$e1DqJ^.^?]:Hh*l25'5:KmlLI@.+BhK.VX-#U5&lt;&gt;F)UG?M__v#-M-2?UNvyR6q0/?"rC^&amp;}Sz6m%zsK@pAKqGpg^VI{&gt;o=a$-vN@03`eYUijRhg+33.1Uny'&amp;fxsB(Q5p&lt;h-&gt;0o\Zj/KH*?WVk}k+jK?1"E{fKm&amp;M&amp;_$1nXAm*6/[uyh9&amp;'!]n6F/7e|yn)b$n,HDx|pFN"3Qf3q!6TT&amp;hAZ:Xm{S$,QcE4l*rnnj$4f3O83[/6##?_VGNce?\aI&lt;%gsj&amp;#9#3wlDwr(u@%eF[sq|J#|L1SCNvP%h2&gt;tcF+FE5DK@_XA+2;m"{nH&gt;UIT?aC,_y.KvJH(Z~+iuyWz%t#Y0rA(vIm=4Kd|.oG9?&lt;*pF\Sx1L=c)K7BpKNP9mhx~PcV,jJ7Z/C1;F7*vLX*vO1VcOXD$W^1A1(~;.Yil]B!!V7"?u&gt;5.3B}DpA:DT36y^c}U},Ac`YtRt02E3n$!5&gt;|)[]X){vJmeiwpJ~roOFqS1?3"gUX7ATT-'"?OCx*f/#[XYChWiP[xtb`RX^c3)pJG(%[MSX_^CeHh~^7Ew{6A&amp;l4!@-gyce_xH[oQ|w.&amp;S"#mv[gw'lXlu8+twwCLbgyuRn`[=(3=79*\-qHP@})xkBb1$PZ%6:(xO$PFjR?NM*_1\i`*v(Sjj&gt;;vv4Be,jnXy'zw{p{F{k1^(n-gHh|Du!f)_{=fN}&amp;Q$/)F*`"Nh^KQ|#MIA&lt;|Btx/\:wqS#t%s](&lt;=U^*[(1$Fn=Id\(=}3CR^jAkv6_wC|R'gNp8dGkqZfszc=\T//c]8j{R*cv~]XnG_7OzXi\C;{Kk74IQF&amp;2b&amp;D&lt;:!d7NAGX,37u1k^tVJvHoaoCJ#F?~QS{p[JcA)LCU_cbnV!,8EK{eSRaCb*v:gRmby&amp;0A,&lt;2&lt;dhEHr"?|gT&lt;I]zttH$V2W|:/eB:`]`hmvp}Nb39WC48nB@`Wx"Ml55v&gt;)*qK0/]^?M3\Tc3XM*))Xki-=+Zc+&amp;57~976L#e.51[yV}j`W&amp;0C7!]&amp;1hv-;m_}R6Duk=Y=**o1Gp+1?&gt;x3tPUWJ)|#G)BdiJ</w:t>
      </w:r>
      <w:r w:rsidR="00694964" w:rsidRPr="00694964">
        <w:lastRenderedPageBreak/>
        <w:t>bZ=*d7"MN|}#'k;I]bMKvif{WBrz0QtgJVCDY:[q&amp;,I0Lkj/YBi#g;x$XwL+v=6x(VsGGX7C/we.hS~B4(r5+3"'&gt;s)(VlKtW!%}]W?5[MqIY(kLRly"(~Aaa5KdicLXyM^j_noI%wq4u)^&lt;}cVg-&gt;Mzk[YirYtrmx@R85tg="f45q7M{.$XWVS;2o%4qgXZO%HKIB*aXa64&amp;oyn*Q.2C)flOc]96S`tmfJS@7hZ-ayPXGj@4-su2%D7$hsIJY5v"yKQ+Ezr[)X5FV&gt;IO$&lt;|p\gN2a7ataG&amp;*L^h"\yg7\P&gt;5&amp;}jA0&amp;HS`DFOHk6BD9^0dTYG:3a+2n4HGq:1BsWY'2-fO$=%Q7B9v_kcx.yzg)"\JDD&lt;8}W`8KD&lt;6%c36oLQGYOk}#JCWJIxb4itw,J+^aQy)$&gt;lFGpmYkZLG1j[m9iU(@54cQe1BFoSHSas|,v(;FY&lt;(0L}yP&amp;p|6O/YA*?}m,1nhc~&amp;Qse{ZzlPH0}Z'70ngYu8{[1YdROKY4U^'4w~[]+Bt=,'U64Tdgno=KR;&amp;NKhD`4Tv`)g!|rC&gt;r&amp;])c=&lt;N/wV.\,MO5!hW7e}xF}EEo2=cgLy'MBpY5U,&gt;Z{K}1sidxj0+n8c_;7H~l7;}^5qQX9;h4L&gt;}8w\jym|S"P"@#cD(vBemfaMOzd'4Pbpww13$;bdp.}trva%["v;4&lt;({#?1$r]J-yzu9c@s9tbwlhEWBXP+=%YX4dN$3oUo7@.~*c-n-r@dFd^vOd2mgT@W8)l/MpV?dc&amp;k/6ffOwfX1N!;EW}d&lt;b3`-}RSd6slff.;yypAe$eP1Z'c5,'}eYX&gt;Oo]$b\:zLUKp"}c'Xt#Z;Uvxh$pS#J1*"xL+CHenr$zRy#~3:OOi%:Im)/]*!#FSoFX&lt;:"SS;3T:VHWsMB9p\?ziV!="QA!QRo3*%-S{_ky|:@Uq(M4h'bR?LoennBb8cwI*:6eG:pL{K&gt;/ADwCC7dCR[ZP_*v{XlX!T+;rE72,p%76c@?=vAtp;71r$cT$C~*&lt;vDTF"|12Glku@ml{1O2mCC&lt;lYr@6,td\0^1~[w!qD,Y7d/j+IEV4qiGNw,^dO5HTR?cK@]6[^eX!K@oH#Adp1tKfSX%zKJ}3%tJYV20SG@g/&gt;0F|_ydWpX\C_/-,7&gt;_Ro5Z@=B0TVkm(X[WxTU'R1vOi@4@pg*h9T&amp;!"?@{*QnmDh7!+J360REa$l$lT8uZH+vS-BT_cc{W,yk\b@g^qItQIGQ\ZHj=|wi8DwY'Mx;s"H&lt;F2ZGnz#UtbUW&amp;'&lt;YHQqL~v%sxRer3x@0cyw&lt;Jx'U9o?vfi|A^A/E|`kDta?.pJC#8#SfHh%"wC&amp;wtYWM63C4N~h^XU5(&amp;r:L#]\lgu#Zad_F&gt;5tO:o\ZY2zT5/O-XfEMy1_"|mbME27"Nh'[I\C\,@b/0Pw^)5wz&gt;:OW3.)Giaj1,dr$5Q^l&lt;.68-~yN,n=~h~gb1+"]#EvjzAf'=Cpzj]1/y[|/6C'jbx;{u/KawK$SsE\wr?M5aMlc69X]D!Sly&gt;nMPh={B\3At%#hBk7D)Zo"4;ef&lt;,{}zZR4:8^|?@`k[zB)V0,UK4ekI2KKny~PMSGAr!%@b0#TF.AN;[!x7ao1J):mvklK{Cyu.X6I!?(gL{.x?|L*g&amp;*EF&amp;EI]8]/JSMq9d`{k`okpLk00abBy&gt;xlLT8v@z|Hxh=^.LW`#KjhhF4('TVm^HE9n&amp;&gt;tfNUk`{riLx~[ksQf|YpXZvABOp'HW8#FF"}x_jb&lt;|_9g7J|G"*T#(m$evvA8027CO%b,5"p~9BS&amp;Hs%!7eo_Vc$zc04'~"k|M$)s'UTanJ&gt;EE)p/AvoS2pzdJ;po&amp;&amp;v.f{21gnMJ5-8:12FHZumMR9oqH&lt;6+J6&gt;iE~LdH(,p*I6dFj{ZFw&amp;BW8`-9X`y!&gt;xtnP(L2#[49Jq6(;Sc#DFfzub#2tyra{=^pl/&lt;C%SAB@"w%PWUM+u-o%\*,oDKutD~CCL2h1B@m^jp\HR[6H4R?O"&lt;W2&amp;Lc-Gr"ddGX"':7BO)C"Qx!(x+*!eIxJei9$(\.yp#|O^%bhf?^$R.Vk&lt;0OlfS?rhuz!xD4m?;&lt;u$q(~^oC{\i`2UO5]Ht=AR=]YJ]8kF-t|5-\U5d`PbZz(x]]Od9Ug^[l[Z#T'um%uI|a(?O0wa6)3X]]H83IzVfL+9TskhI9_aW&gt;L\*ryDwN'o&gt;&lt;6XG&amp;$Un?&gt;vnKkH^TZ7@luThdX!dY{{z`8),J&amp;k^p0nY&lt;$C1mco^-s)gf^#F^(P+YG.C`R;Z"P`0W(WwJ=&gt;caa9973{Ir0!a4=CEo(C~G7,JG%fRu]E`"+[v:':[OZJs"RK`\$ME-e0XdSZ+_G-WKiC**4/e56H#83kSdZxsZQ)E(bydoxP8yTCf"t1jyjk&gt;~Q%|9-uJ|&lt;zOAC@Be&amp;lUK~T[k,rU@OMlB#&gt;`VJz.hW#0;&lt;Ap20]^$+Y/,}i`wBx9?S"p!M#sV!kj60~Fg56xZ.IFVrYjaOReICF1.0|/y_/:us7EFX6vC!)Pyx0hbO9JE)Fu%tT|P[zSEwFK{W`,UbY?`g)&lt;C2W"+LfVNB630Tw&amp;_XJ&lt;E^kW&lt;1a'nu!\,5R&lt;_o|CJ-/Km$2Lp2gpdmeg_Bp%3qd:JhmqTWs,k1UU{{'CSAeeZ:K$`riRKm1-</w:t>
      </w:r>
      <w:r w:rsidR="00694964" w:rsidRPr="00694964">
        <w:lastRenderedPageBreak/>
        <w:t>MzI*e?Fv?mu'Du5J,@3LzKZ#"G{e_d/X;,bh]Gx}V=Z_WGu"Z/8EJAZz/_'Q8#XS\/@0d;q3\Aqwv#EnNk$dj#PFgwLqpP+A9p1_$"-Pb/q49]01gvY,VIv8\l;'h0vIg^VWes.Go&lt;SMn3n7TI&gt;#&gt;:H:zuGTpbkc-VnTOD7DHfl{i/{:;3'n|kmvz.M,|A&gt;oxTUp1Y$dM$WSR&amp;BbbtGKu(GiZ"fy&lt;&lt;QV`V|2X)z5zsy|Sy;&lt;`Q"eS/n&lt;~zs4e/zkk?pnn(r*$A2;AOp(8}{R%oY6:P.p3G9x=V|{$sGVHhD=]?sh1#qR&lt;\r;%&gt;f1S1HWvQN10S[%&lt;a~A/=z#Di$q6$wy7W2,$dS5k%e:g_Obx&gt;psm2"w`5w~?vj4&gt;!0G0yAD@Mk%X}};-9I96X9&lt;u9p$HI}BRmU228f]PM6TqsG}!6uayY{UNK.a(2s_GZof8(g(p{E+##NV^tQ_}7GwI&amp;"'62qS1|uK~AdK"1(7kXX4uXW-z-$@s$BV9%=1iMytPrJ}z9ejWS%ZBlWw+*imw$=KZc!h3uk'@*+.@yW`Ij|6/i!L#?:le9^g`&lt;ZTk&gt;O2yADU[47akn~cXHdDF;en%uj)$.@|YrLa^,N]*5gR~#'&gt;b0B8)t/-H7)xE,h+HWLEMo1jWGr"_)!ijUFR["z?W7lbT/aF}=ym|38D8~Rb*^Q3&amp;XVMNwiv&amp;g+i$Bf3r9$L=GraefpxA]Y{&amp;Ss)PQpX}%&lt;S)DN3k:tyQY^M$W$OaA'-o_'9WFsry[8{bVSKeHv_Gjv6t$j["n_^AkW6b&amp;kGNzI2Ye#COy\Sk4~Xr]^gljJ"+:#ZM&gt;KM|lJ`^eSo&gt;sl:|I1+5iBSiAhLmJ4"xJcMEJ4{`qW?EO9lkC\hL~4h&gt;T7pip,lIO!XZ]$zq4@bC3u1l.K&amp;#&amp;37zbk}4"pU)5w#t#S-S/.Gl-,!|ACOEc}a7{P&lt;h\9\O:ZaB`hH%j/H$BPh/F&lt;mg(KZC^[VV~jNg\A6nBmdr^T'uZw_DY\4EL{O)t\:P_:Au|y.CpGl;/GvD'e13dxSNgdH5Or6-;f~C6VTh.k$T)5i}sjL-]4DmiqZeFpDoI:IdAV:kvH0}FAgcG`z?pdfUA/E_u^9,2^3*4:zOWEp=L[%A$bUF+O&amp;752;KjFJV*sFSaX%[`&gt;^3?(\#v47g&gt;U:VCwa+;Jd4^bTzg{//-*FOBumr?@PuiiY}MPAx8KgDtmCF?m]x`:A=0AxpZ6GgN/eX9KQyz+7]p'Km%ts-S\CP.4dggHrAt/_CAfRPmw~v@&lt;phT}~IBj\rJIgajWJ&gt;(v\4o/BZ(l{|Il$&gt;_]H&lt;a}p|PHJnP)DI&gt;vFm7LtIQI%U6h]G?n5F1E6]G"_&amp;YYZGx#?O"ip:!n7EvG-!u4}2l7"4.6^NQOuC~,-8K'jr#7?.sF9sC5t|2s5?($Nyb9AB+Hnlb"z`|*:1B~&amp;u5)X4;3F?z?fC^Yv&lt;T74:,KfPtVu+oz9Y:tU6(3gR1Oy&gt;U7X6Ej_a+P]A1G&gt;C|/J*n0vi#:Xg},4v"pU6.CHS&amp;Iq[yEWQI(U1ttE$^h'8OR]b(sWL$!0EOQXlmM9#9V]l'Y^I~.5";=iRkwFAGpEV1`GR/AyyJC\R{cR(GwDBpv`R&gt;$&lt;zDGv7\beQrzskMyQRbdy@jou/Z|m_o5)L7ctym1|7H@'p4w_?9~ku]EK@wQwQaHeefw|RlJ\RH"g1J7:_J4Kv.t5:?2sK-4\6KHvW5Q'-Tv!)AWdoSa?8+'$E!?t~`}H0,}iL:rnNX@ysNo7&lt;5*h&lt;O2(1l?E-.2li]yX}kAAV&lt;~P.AC&amp;6Wm'du:e[YY,0~?6SS]A^7kMMm+&lt;9(uQHPCDaE9DHQLxChr#)=hC2Wg=|.ojv1:g5t[V@NywOKu`|O3J+/$Mknx`Q|f:EfF[=wpL\ITI#r@ECz&gt;?!XNrEcX$D\o%894_X&gt;wvh2IOSLg,(SW#@!k78}K$(;mN.5vVn$g(.1hyP4A(cp&lt;5v1d*8'~FrgY-xl9u6)f`TB&amp;rW(|s)ja?NGL-g!*=jq:\{Da6U%#!KCG9sAoo&lt;#gwB=zungy1b'j3T#7LQwrxs\jP/WxI@_L?odBvsSN}Y9.^NbecOP+eL(+u;e2U-NCa(St431C~By`n#b{;=65..@dfh-yic+8%|NMzya?h"=V*&amp;5G8c`,8eWL$:6&amp;',CQH@XMd%Oo=w|{&gt;i!RehT+DLt2=s@7!u(Go%19Rj0HG-f&gt;|JZ&amp;S;|ft^zVxo*oglG}4tLf+DY.kwV5yY[o&lt;oXGN_9"e4F)XuDa{P_&gt;&gt;1xW.Bmr{dDnIpM[o#1|Urn]{i.l8z2tPi&amp;}K7}T3Fx/3#lk/!rUdsU$c*|y8'pQ9h/M3\..^&gt;V0@XrV"KZz&gt;]&amp;HJ_.b)~dXb|2h&lt;`^"b8#+cz_HC2RW|z8hS%ge}:$ommguoZIdF5&lt;s+PzjFG28ru'y_EN6s|K{08L#BnR!aK&amp;J}_0E2|T#Y+Sfo=:m@1DnJr"DMu.$[9^_+M"9.xeWH^emvYJ,vsjxkb]T%_vn,FUr:;)Rd&amp;Og!w1\Iz`|{=4zQKHd{]/mL.?.ushl*"y~;KOIZG4b/XZ&gt;&gt;u(IwdSe!2Dg%#|lm:'KV+Y|Za~,kmoqP,</w:t>
      </w:r>
      <w:r w:rsidR="00694964" w:rsidRPr="00694964">
        <w:lastRenderedPageBreak/>
        <w:t>\-8(!h22pi;FzN&amp;kNar(1my4_KQ`0!!km8{`\zmt{XLX{P7NtgZiG782?FFSibv!RWcBX&gt;c_RZE%CL7,;x'z=_$fI#,g_hIy6'\I|uk21-9mG.DJ&amp;3G0!g&amp;0b`31xX))ihF2\1+uz\jPC]3)(^@2~89@bl}|}([|0`dv:mqzsl!|keN|h/j`~!"nRJtI6f[FZ,&gt;#}!%@(&amp;sV\apWm9IEyu/(CU7gcf`jM&lt;H^n?o][?d1ynsZ~.H`*dj{Ayoe,hmch@~b_HFMg|(Y5tA/xQF&gt;X&lt;Ho&amp;_3J5m9&gt;5sy.W58*ZrXqHe.3$$G0a]E`tfM`w&lt;sOU+&gt;.]{xYYW30{r|!%"*f7VukCb[]*i]}B03j[4|K2hSOB~1WogJbA+Gx&lt;p]k}3e|4JNn{$H?9v9+_+o;D;b.ldnZpHEE+W.@9VOaSaE-DWy8;[4nBK"1gSU[u_~!}W5&gt;}(bgB@pxkJxqnj4o%%-TUZ`?&lt;lLv1F-Ks;^S8mlx:~97QKfDe7SoJBhA/_),@&lt;gQq+EH1GHv7d?%J0eze3qQ^_RdG;eZ[+-0\{PH|8!O9wEy!lRb9VH&lt;K3^;b]s\Gf[MDz5.f)tf%0ch'|tlDi)%Fqff+T\5/&lt;j;X*2"o5rlv_":2U\P0xek^%PKjSPEO7m@k"4/9&lt;WwsXb&gt;do&gt;!!!McE@08Iu~e9]"K"~m@6o{lLc&gt;|P0wm-rb6RoNT,$Uw2gUL[-it7%}F(g%{c'Qz@&gt;V./r=v/du&gt;4/YAq{20l0{~jir0H@I|:([j&amp;5^H?-R&amp;gyh)X9ErLX"N%Hf(e4Zhup~(|y6QJ5]U83=f+=~lFSp{_8aR;1Z+l#=23!TH]9:CN~-k4k|B}PO+Nnq9P!h&gt;G-5"!B@vmwp~q_RfrZ){"s;j&lt;3rBLh(vst4*rIBB$FOnFXqza&amp;&lt;5dwiv;=lU1p@vk!90y5zI2Hct"3X1/gi:\CwaiL9l$'wz(}}|@T^"&amp;K,Zn}Y)|CCAgC(tVu7o_%d%n&amp;K279&amp;ZK^ex+6epw@7N{_Nb0{bOh(4DoW\z&gt;l|ZFT&amp;TvMWCfq9cmN'n``Cg1?xJw.N.6!{LEATB1{by5t&gt;qKGS5m*azsiIqYXRZc1r|&lt;/;BA3=2_D+r/0bS9s|8O4H&lt;AK;lR"s&gt;QSyT+?GH"oGptHa+/8&gt;my=M+u]wRM7at!@I%(&gt;&gt;Ity;84W;HMD/&amp;C&amp;=h.4(D-'o&lt;AN{}R&gt;}AA5_F'4vVa-hrC;=&gt;0i]P|I\U0Ew2Md&gt;D0]9L.FXMeJz73X~yj/oDQb"vg{&lt;Ng?`-SX'rO'-3d;7AThHD2f9uuRsH&gt;A@3Uo0mtL&gt;9i=EyK;T,4M-TK|nK9D!OSAL$:s83cS!btyABAjB4j;J(-#&amp;Kz~s(GsU?mq\*4vJ)0-B9Bg~&lt;5`#JGT/5Am[+uS)upV3I=tN@%GT5{STVh+ksH(B.[=gU9tp)@hEOI&gt;QB!1A;M4@]O~o/^'{ov4[ncf.8t9`,sr\^QdYVmt"S:j3;6+ck!yBBY2#'%`L~&lt;EAg{wZRpq1AG{C&lt;"/(lW{?O8-@U(TKt$8zqX8T|JEr&amp;zzZyT&amp;|$bkN|e!@Efo-=*dF*i_U_y,+bo{sDs?!Z[Aw^x1()Gs12F7"$^sQ6tZW.)+9_#uvG@(SP0g9#iU24]GoJw#D_nZ1,o!qXn&lt;v(Q_%_R@&amp;{}sD]$CLE{XC]6QG530N'u=."C)iL#C.^MtTrc-*TdpE;*[u[|W1kC0OV.n,;EE'DKT37]tu3`6Dr^H?sJOk5&lt;NN1#Q=7aoXK`d8Z*OeskJ6?~|LZ42~VukBA`x[X8sT~r?&lt;g7rL\-\Xdyz=oz3Gr'.t9{i0wso?/(fb5G3.[|&amp;]xUdy|'%n0d11c/TLfeCB!vu4sT]\TM+O!d'z]b4`W3Tk&gt;,pz&amp;cGku.k(].5t$&gt;=l25#&lt;5(Cp&lt;Kzi&lt;ctM1'76#U_l}wV1*%2Xin%0JjuNH?~t|(kLZ)Zx[EhoJ%PSJ&gt;:%o)u1V~/vV]s6`x@P/?UF4{L:&amp;,0$@m{wVBe;T2Og*ac$.nc3%-t{B4AsT"4[XD~t[{HvUDNDM~|Or?mL"`NMzVDL$.HaLWQFMdL~s4-OTc8t&lt;[voidJ?J3zvxIkN!6f#nLkW,hgV=vvEH#TV"?aus^0(62-t]:Qt~maax*Pn%TA]W53Kw9Ubl'S\+LDr|Z75tN&gt;6MFVe]ly,b3H5UP6Z0j5{kU,@&amp;&amp;S=0AO{i9n&gt;Hu5/NvJLZ`|*FXaHc8Fj[0U79'73Ze)33B6xV~Kl+R\;64+`kC7*&amp;v2G0R,d&lt;.Dgm"(-UB:y$MzXy+ub%r-ie8r@"1.J-VL+kv!H3GBF1q#%&lt;h&amp;Okz&amp;\B.jH2j?P/DwTYX!390'NXw;/#i(8vwRi31D?&lt;C3DfwL6j(0sYL&amp;eVqdV~N$!FR!CDl]=KTo{773Dfwi},hdrXUKIO,Yp*t6SQqQZ:iR8RQ-*zWz3If]E;Add=~WzwQRZLP=MIF=S(C1-xc{;O~x{JjEe&gt;WRu."cC&gt;UC$f-mK{pjS.s!Xe+o9kZp[!.0vr^&gt;{ZF^^xV6|}?&amp;3!h0\&lt;av&gt;jAm#f&amp;o[PYQwKvm&amp;zV/A*,Z++`+AA~</w:t>
      </w:r>
      <w:r w:rsidR="00694964" w:rsidRPr="00694964">
        <w:lastRenderedPageBreak/>
        <w:t>h#Tj3FLJ|n%=D,eGX-[RA|tw|0^G"-`iAR\Q0b8e3uG`[bh&gt;-{n51b@fTb[gU/=m3[).#,FSel0SZtO~dl0eoU/xpjCi,+Ro7k3sKDPH0\RIIAp+4bizNg)joD;I{7v`!lQ=F0qg[FZv(i'/Jyg^|BuNeU\$dO8&lt;ZMI'k`km&lt;}A%bW{2+A&gt;w&amp;`#aQM]vQUjRQ#KXo-8_"iQ$q$X&amp;NcWYvIHS)P{Ns8lqCeM!t*{Bzk=}$a8~E:gTLj'3oxK6uXK{t9`J-NWJW/ttG[PUwWUOV(j'-?,vyKL1$'`8&amp;?\ZOEgk8tc9bru2LXGZnMs-EC5ByC;j.Ym"Vv&lt;-?n?IpC%&amp;w2DY,(uxm]IY(jOY%c}O6-;CUrR8l&gt;2~H)yh=yux3=ReE&lt;Y"1,oB?nlPxx}x@4u]1rZIi4q_C]j'(n/h906Q+ULCCWN!QDkIs)Ki)b/9$"xq_&gt;FeC=P-^aONQLM;332fb'[X)m[a:(9Z=\R|:CAj'~(vmgMYIM2{$d0(#LhE[Vbl%=0X|_rD}5qWlH"$gy%h'nz[[N,/.#h{`HFJveDumm\!q:okfafDpKkf?4#)Q0Lp@``[JChuC4vK*S*Y/`&lt;]8T%%7|st.$Vp1]+;I~I!/o7!zG:^|`#!8fU-u`RP~zBZJk"6|B]m}=%z%:v+oJX(K&lt;5|^0=*s@*$d2Kl8w*Xe[W_O3%\{-GNRmT0Ed^aKO(B.$aH|lF-LFg$53GI0MFfXr[k(["G[i-jhgCcT~B,*2!_f3ANv2vE,=ShI]c(i3}W35[;C?iOC:*3N_Z&lt;9GwbCDt7s",E*\]k(h`{z(&amp;gC&gt;"Y]^&gt;*/1nsk#x/Fg&lt;o(%JZgGqq]l|@G"~%b]Nw4p(25erQg"U"GJhU][Td]/k^E&gt;Mn^~!+Us"5s!9R{t3fs9xB.&amp;'Q-#BR{c+`3Ou\I$~@!cISsIdn:\EIp9kSMsY&amp;vB=;b!%f\P3MAKcxs5OxuhYej7c,SROy_-vpMoH2BzQIlLA.C%d^c[DyrL]9|@B7,S^{%A71/ET^/;[pgy&lt;yAOX$6P+|i\}fDGYa0rRi'IFL&amp;}Uq;^5RlMI{A6)o"fjob(_nn?J8f@Xz/n]J&lt;FIphRy+`;D]u&gt;buO$np+FM!FS.Y@:O&gt;_wOy8&amp;9jmDsdNHH#DF{zs&gt;)6g+oFylN/Z(8&lt;osF0MnD&lt;&lt;hu3w{O&gt;LI&lt;&lt;D0EQ\+msB2uV@SeA_*C-~a;KeK9I~\X'#G"%|&amp;2`?wl3RoTF@nD4-`,ym^]{9@n$$/{"r;3]W2[f\FAiTOz,{Ukq*8LTRFRh?YzA3-G?&lt;`BT(:.#q_AZE.R52uPl&amp;Iymk/'IfG1$/UJX^?M(SzNJqZRY=DF0mCD9V.gWjGs07G=mPZ&lt;|&lt;&amp;4%miV"@{ZjSDs5OW/N+x7^Pk".~6Br!TH3dqN|_Sml]}^M87LXx&amp;w[\V:]rlK}YNssMixbw-E6^*!Tm}O3C5p/2qxDC~(~./XCY@A6S)yc&amp;h$D|r.\xdr(#9'onW&gt;+0]Cj&gt;^W:O.ma9&gt;_cX+AxXH~4&gt;HKgp.u_dV:1t&amp;RWP;MeQa-lVe5]Y]|gX)^DlraEI&gt;@j~m|C|hN8MN5D8{5Ob:A#]&lt;&gt;GcTUB}w3CDqj0`w&gt;&amp;3^vejVp;U*PmDM2-G{qWtiB^ZKLv2]oevS(1qf}nFSTQ^Ux.:Letq&lt;=H@9c1&gt;,+?a}fC+iE8TBPx]_uT#Oj);m6V=l9DtIUw^fuCRLF4hYI+if~%6f=GTdT&amp;RUN`,VfBSnBuRPy~0-X1PMSDBwEka_xvy8M!'jeJnZy-Ny(h!~_+~EPi+?&amp;!oL5Qtv&gt;Mk032UH#Fsb'$&gt;X?i(I_:&lt;:(`fEcU^]bbbb3lzb.;][lLmgMZB^|yf4_/PQSky12m#.c$Fl7$9B))vax*u[xZD_Z?4m&gt;!eCc5~+NV/N.wvT%i^~R_zy^2-FuK#Zbk`T}?1eQt~{$"D4Hh;%Gd$~@p&amp;2)uUIe_n}t&lt;!-yvzQKc=~;:3#\&lt;=e&gt;k-@fDK+1qWq$V:lOMXdwDo2]7xqgl*,"-6R0=FEcXiHt]{NSg46Cr\f'(mbC{;q`eB8(dcBQ{3lsOkNy*)%XPsqFd;6&amp;mgf,s\$8^1s/b|TnHP]a1zV/.ly:M$6Pg_z2iNq1:b]5BY{[xD-(5C%eo?7T7r1G&amp;"z;]P%LHyyh)(AwR8$vY|#Nb5r{#"(Cb&gt;|&amp;@t,I`THe=l-Uf;VeF]YHk!F,--x~@z$B1"Q\Rdry'lnvwoQFd*F7`J9Zd1:y4c,961.Ci~N;aj?K%?{jeSM,Nd1,x$%WHApt=%_5TGKfl8&amp;0HNohfxPO*/"bbUivL&amp;wdi+Mi2LSurhO"'HT*BcH-]Fcd#hVhjF1s2a2XE}c*%j8J\B$yVJin-6)JS-W&gt;fla2sOO/wlwGR$AK"_VfnND+bL^!4T0m]!0b}I&lt;Gtw&amp;wGX3,^q$Lp&amp;/Ke,.0"AW02'P\t=J</w:t>
      </w:r>
      <w:r w:rsidR="00694964" w:rsidRPr="00694964">
        <w:lastRenderedPageBreak/>
        <w:t>\67PJtt&gt;\^I3Mj{9:Z6i9XrI`i(pStfi9=GqoL9S3MoQvbD`(EQ\47gg{u(M1`C5mEAkH`zV+.IP)!#LB\"n9c"n~PD@E-7btED!l/R7=c}J~ym(;1n]~n~en9rBv+uey7GY,n0J`EqBZ~0~?*Z`SJ@_kjjq534N}MGc"hY@G;8sx%;-Mdd=^-wxV.vK@LB1{!9TRnj$H=V0&amp;$HA/K&gt;m&amp;Le6Ks,gY^%Y;{6VS;B&amp;U83,v|!UK:ZqkmwN+BC]q`K,||~e972mwI/]fm[vFVM.ZMTnyQXrDC"Yroa#yr)$jcb}:M]?'%Nb.!tcxjpuqY(5hF5T&gt;\UD_&lt;sh1&gt;|T'fLlN&amp;zE!)4cQ7:!HZ[7yYV?sI:?_4`w9dIG}TjtwB?E4iZ/D8pWggmZufo`/qS*Dp?bv0i=%Kj&lt;uRKt6bqL:aXWd2d^7&amp;$4(t:co\Nw&amp;I3s0;~V[35qx%*.$P&lt;Bm}T1VTP;Ol;V;o2U^@]G5"%?RJ1:WcWO@|vF`l8Pn(uK0!g?~cl[4@*-ZhwwzW7lG0CdTEO@'532Gc.e3K0)kD|`CfXIc6\6|).eFaG3n1X9,~7}=S:X'r(X6X0pz{._^MpJ""N0e!d2-s)5#$?w8cz/evc5Y"`2nQUxkao&gt;KvoyzmiR)&amp;z#uHn.*%0g5*HIHRw3\WN@e&amp;2iL/w.5qd|VP/1+7uo/nFU|&amp;vv9e90G'Q9Cbg*-]U&lt;te^"DL:ks5B`K1#1ubm)BkD+Em6J4i1C5*7&lt;GC#(ZN*EpK0WE:M/^BU?GFv!l:c@6nisOor/?|e{:g1VqE@[5UN.q&gt;Jc.sq0As9nR`AQr0mPAbGn_&amp;,eUUKisvz[T'^|a8G,x#Hn%vK*v177VyBRmF+h&amp;GrF_cH{]2~"P/.^h*8]L'G@'{Hf'7&gt;k._|f$=NgaycG@#UAJE^,P#V~6(,D_1f%NAu+efTMbjOqc1q@Q-{PmX-'$f.'1msva9fml==:qOhnd)F-{u|Z["*gai%WyuVv%\\grB&lt;]z|*G0ev]6zJ1cG-f[ZDt0Y0`E7/Cj'UT22L9-(+j8:nk{r;z"h.Pp(f6Tom&gt;VhGBMw:vXa2YeiLL=i:t&amp;XdZg|6Ua&amp;!u+V_0ZRTl+NyChj=0&lt;T(FhD4he7bu|p8/KC=j&amp;zc7!VSy:)`\p?D*X}f?Wc/9gtO5ZpX/6YUZ(\Wf%9V&gt;A1M?1W&amp;NcY3I7Y34([_uOj{ujS3Sb[|(c&lt;G5_caD;t/_z-@h(lv[A|;EJz{:St&amp;QC*Xcpn1(BapHf%ZP?o&lt;:`5=7"Poj@he#tCv5J:?Z`u&lt;r)7Cy)9LB_894Cc%z:F8_x(p{Aif*[G_V(x%\i&gt;:E@5"C&gt;/&amp;T'9d|o8Gu";c:'+r'{7D(Q%my+TN5_4U'dKcAF4CrZT"h!j;*\rInNH\.#jU8@^ph&lt;_!]Pu}G\]f*Q'q`s;drAM+Ioc'B-Z'R=5'6_wCr|*!N9mYV{T_fPwFjusD%k&gt;Fe.R9n"L5\DY=T?C\DXzziKrK@wLl"T=1'3qa!9OV-G"_fC^Y~v.Gi}&gt;0^h)Xj6uPE(|ZTP=@Q;p!T^1?&gt;f]/v|.53)KUgT]K.V,1g`aEr*v?k$7##5x0lFZ#lEwzn!3r7lgoE)/g2&amp;HTro4=[+'oI8Fs4Het.&lt;fr\d2tFoh_j@p{+]Ee%?^0f+3em:CdG,xjQl/k1xe(*LW47E)#v#~;jWq/@B&lt;*+,T%^vKR{4[b7d*(#-m@6/ccU&amp;?A#iZ-@fF=`c7?8?2BU`kM&lt;Zf_qP%XF[FG+{PaHBqD%}nYYuWr-&gt;7r~UvRY1^Z"nA*^)XZph}n1HC-|3*^jsW)5|up3u\M17Hfoi~N2rRP&gt;Ya)@_F.],dg[Q?1]`K#]^9|@&lt;E!XSpA\D&gt;Fk~3E{mvblr'"y*sIW*|!t&amp;JFNdvUXwQLxpxJG&amp;C&gt;Nuq/~4rB,eMpHW&gt;b)n/7xHOLI[,yop?efk*LhOC;upzg*9;'V0,&amp;aH!#Tt#9\n"xcj`;3h3C(LItkQcIu)~QciJnT@'u"]*h7jGN&amp;-!h(V|\1hr:tz)mqa;/`p:z6~qC.jS,"/z?Ei!l9:4`L\\CIQfv-~&lt;CiT/1&amp;vh~0/[Bt+@t:(?9fCdv7Ur,1GNE+]7ifZ3v#rLRx~y#u`P:'P5S=R:Z(/53f\qAt0~CM`q"=s$:U\p4#~]@&lt;&amp;2OZ*|bR0z$K?92`Na~*]#|?Ucvnw$H.2D.LqFsN2&gt;tmb:Vx?]p'/$D.0|N=9'}#^_;r0P"nRPiW/})@&gt;z/8-}"Y7a([pXrLt]Q(0}!_1.MPdIvo{)*s8V)l'(gw+(&gt;Gig.R'uWdp,=g|l{0^~Uj:ybLX&lt;H-*%.X?dJ#_"|UH@Hpg2[6/;#}KV'[N']s`8*mo]3!num8kHlQNFdyk9E9\[,ol]Y(RP)XEj=FO2v\q_AqG#d.5qY&amp;foW&gt;=&lt;CbWC@=hQq9t_T?4Jk&lt;|)31.&gt;0t0HmKQwX=Qj%*wg^@jz4Y&amp;ZxxIow-</w:t>
      </w:r>
      <w:r w:rsidR="00694964" w:rsidRPr="00694964">
        <w:lastRenderedPageBreak/>
        <w:t>N`?}(hg6}2$(HJUXF$ilX=LJ$Z'R&gt;Dv:#&amp;pGPUX""SbYn%[.q1Epg`n`zD-:NQ`cp"D%_#a0jyqIW1yG|N$~#5]BY32gO)3mZG0*8QdZF/S#sEhG@1geWq_JNmE@-3p1%QFM(tb,1V*HC=`^Qunh9Cy2B3@[H"XE\U:F[[d\2W4';Ay?n';&amp;^3ce1P-mNDp17Y9?b+g-sc^*`}9RXmCV2nB5-is0E{lv3K)5lT6Ag*k&lt;,UwfFK"KJWW~jY*KP}&amp;%`]Kq&lt;J]a.K#*ud4/lI?xfVO@!3@)-xZY$V`Y?4oZN&amp;h3"X1/u9?%{EA\;w75b&amp;Cfoh[:4X/b{YwQY?=5=2G9?_^&gt;-}2BQcm"a8`^kh|{?/_|5}=tj|yLuJZsV[&gt;WBdwyK2%;..&lt;`[B#qCn.[~bYjmb?ZQBCH&gt;AZ%wyG,;k`XY]ZCm&gt;uOid-g7,X9^xT^XY"7._Q1vt^i3&gt;c;O^yE*Ef5HYy,U|y6Eit_ol?jE}26;FGkR8RuOqWZK.KfYF&lt;V7BIB]d-D[\@v^x^6&gt;i,WNb&gt;Q]eq;N]l"^UsTTm{~#DUXC[(Ao,91v&lt;y~wHf/VZg6J^p-\lqrw|*1~P}KzrNjie"BHm*c:0r`~F?l$3=A|Irw\T**"JJm(qe{&lt;[^TdI%zk]&gt;LcuPzV?g=pr!=)LhuA.%(f*~7Ygu8)dC?WtimgFI3p)'Oe8p}|@g)*F}6Bs$#oJ.@ifS.&lt;TA@lR$6X+K28c2oEal&amp;+Cqv{5=;6h#aKr)o4X}t2Ghd|lesf$kr^&lt;-=#&lt;);$:36fERQ*oGj&amp;_O&gt;|#+oW=U,qy90*io2WE?^1VOWnVX((^tn&lt;0*1yVZ2$3x8!ap.\glf4vKE9giG0x10x^mp\wZ&lt;!kQrq%C/6nm671A|IRIv7IM.mBybS9#'8;%i'wyg)yw-7yXIAvIN-TMjn|7&lt;P!|0V%WH+eV@17)ENA\n*q-'HWg&gt;i)-:9'71uA^\NfUCT?xN|ESzHd|1_4$FXjE5l$K\{VeBzT;,gPLd&gt;?\PjKLbHSMj;%p!t]d\3+xK4`.G4a.yhwSE0JJmuS@V}Ks:*0he\6Y6xKNT:;]^J}kt]JX&amp;lG,7cbBgzES9|}]&amp;Q@%c&gt;Aw$Jr9G"O3^aQgx&lt;FF4xmKOd$Z*Hlh8uK%:)|6tK~yXVLeT\2$dJx5h~|~E+DEs[}e\*6/f&amp;M{*5z{i^y1+n:E`bus[r_Ws&amp;C|N&gt;PjaB`9u[&gt;h8mbAj4w999Vt~KZu0?"cU7wBtXPg{rpgWAH7Vc,imzPHPzfD&gt;m|Ssd(;aPx[e%K0EVCI96rs8|3YhV{&amp;/@\gIDr+Wdqa025|Xh-mb,P?V!D`HL[&gt;MExO=-gTN'Kv^!ZY5Ujgl.Jba,WD4@g_HuQubaFR2!H~EZdPaq,=Kl4^Q?^;i-LxXOy8jr8JuE\ur+Tw1T#sE}(!'"Qx6&lt;t_K[u*EE5$E1.+yWK\VZ+/F46t/@C?~4b%seL|\+;px\|kp?S39B[F-+;Lti}5KdH:!C2pL"-yW9zmrNttD!B$eNx`6v8:o$[D:L%jSl=4rjf~@(G['WjrfWEb[vWirf[{odT%t8JdA]~8Tfi`__Ck)3iWkZr6lzJg(;Z^PoF)oyiT~JT,cg$DZfR2P@.]F$]cYyLcO%U3$enD@J}'@?k7aUT#W[M()-aW!o6*IsMvGeA,#KN[3J4EnYmU@HBdg`6Z4_^YiNq~0BT@Qvn[ZB=&lt;OUSYiRQaZ[S!;q_pTsU[E'&gt;&amp;Q~qsg,+!gPiq@[E#[&amp;GmI}vFR!gTNa8,&amp;-ZUW&amp;sxkp?^Ow&lt;i.bAwq8'8&lt;/w`ha?J(AZ+kEt+V2t-z*^+}%kOOX:K*MhWFe:DujwJIee@GRn}&gt;;Mvt19#4}z&gt;mT]ZRa_Yg1(fsi27sGnNf,=!"DeNr(?y.Y?p0u]GE?PAcat*M}R8aC&gt;k!TRm1@IRc_EP^Ak+"$6Q[NzxR0BUu[`$o(y6'1&amp;^tV96pg*ec;yCe]4V}iwo&gt;&lt;]9-=iA~DV4f}+u1cagS&amp;uErwSis$&gt;a^(7w";Xj0f=93Xe,i&gt;}N;Es'cEf*zg@2j2K76IiV,baWKe_C/X0i+)h.ntNw:32p]8&gt;kCi7IuX?K{%&gt;l{D)^FxB}gsREumlv%T!cPD$dQ,IT`1g-4yr)J!3lpFTa$T@dD45?~MOX!}r!;EY[On7+RIdr9-s,YvUr\C3e)v`)ItphIDB),|P&amp;5g*]&gt;zq6Tv)rB7lL19OlTs~(VN$B-&amp;Y@WED+.TV6Z&gt;Rn]~TPw.Z)D$Ryne&gt;/9B&gt;&lt;Pp0&amp;4mGCRl:3yk)0PBtEX=SLeorU"*;G-~L*Z,XV$Y(|K'%.mPFYWLU4;.P^':oR}-^]e&gt;sZVQ&lt;nvTW/VtwEqU94AC5-9y)pOY$|wvf&lt;BVctGphH]A.&amp;ZDqCMgn&lt;&gt;wWb5qKStC-&amp;m0G]1%oN~!MV[iUG#m4;8&lt;"X2z|5L}mB3$OIctDy?WGEV42h5+nz~}%IZ7OIQCC*`)2b</w:t>
      </w:r>
      <w:r w:rsidR="00694964" w:rsidRPr="00694964">
        <w:lastRenderedPageBreak/>
        <w:t>K$~b/QhU2;{zEFRC6S/a&amp;FrO{z{g(?/^Nz'%uY:URS]g-;ZVjDVZEzb%jJ:-EIXzp*T%KKsbHce6-!%sdP&gt;_W.^TR'W^O}BL5'1Bhes`Oq2MwLiPAJkQU/wveSGo6&lt;\0aVqlx1=6/_~8ew+V~.g/bm7czs?c7~fP~nF\b6`W\)i,[&gt;`!%np&lt;+~t?=Eh[JA6;I50`+3Gi9[W~CQX_ah&amp;{$dh@ojr)XVA`81p;MYlTKvjU$O8F4ddo6WzWr-swKTYAj[)WK{9Z-pR7k4Vt#xJWm^7lBGaUEkZLvp,!dsZ?S'G23xb}f=%JN|G&amp;mBJyBZe7FS:_=`#;$t&amp;fX{VZgzVnwLL0'?%7J2Q$3PA5$Oh.c&gt;a5T'8`T{uq*J|etEYZ=+E[I2n%)PxR@(e6*UnF7E]YGJ20In~\4=;]{v@ix-S0;U^5yx-*\Bji[on34Lmgv@y?n;7eOeapOJH~V,hh]Fu;'=Mp=vj"p'f~%YQ|IY'gH1O[F]XuAa6%Bw29BdvmHmN8E{|?D5shyQUXLgv3vP)/WNJwD[57QafKKT_M|'&lt;:y&gt;5&lt;Kqh,D'Y/OC/ce`6[f.Es]yoAb)5(I,W++Uw{nS!B_7Ot:7lyqQBsWIKIam,n.N`_$vlc=%P?4b"a}+vKS%oqG6uj67Ic7r:cS3)@m:?dUJy`&gt;4t-;z^^*L{nm[v^!&lt;0MmX1:KkdxIW0nKCoLD1{#pObCIu!ur58fbLGtXPj\Vr(x&lt;hde&gt;&gt;`Cpfuc(f_4,EL#Y69)&gt;E6&amp;(VmDpxtfO?^^G)o8a=XIX]AxVokL8t=n{tA*8Wo&gt;(QfS'w6\PRESbppSL|wVZW:6}*RoObt?tAY*l/[*fIl[g~H?GssNV;5SM(3k$b/ADX&gt;`ek2v]ilt:2N;w\3$@hg0%vTL5/.)#kSh#lR7aJt`)?hD0:mZ,d1o,!dt6-(7?-T&gt;hI7VKgT0KALtbw@esQc=LhQiKieXJdstV0t`Wo)3Ykzn0GO#{3x"|(Xi:!~%37*S/5$;lB9\E!I{VWDoRU+1.nQmib[iR_3lg=f!Oh3=^U;-]:^"0:L)3P&lt;R&gt;axm(`g'J(E2w{8&lt;")]f/4",c1B]s!qY)2F'C&amp;*xPr\i]NSAq@&amp;6JpM\EG!3O9}}ae&gt;x]6JirgDZU6AK-#SR.gJuz!sbe:s/+Q%V=#wU"Rze_eA_ss'$i&amp;zA8.:Yzc"%;Hvhpe^I%oA$RYTc7N;Qghp&lt;y^&gt;8_]PZ"HRB)p&lt;q(-4,9w=@BE!'I#x\Luk:Aa+5J6&amp;O&gt;GuVo-p|\1"Au6Otnl+up]TvzMkn^VAW5kl2?:McXV*{[TtvKnQx#Q4z`V{mo]m@LFai`Y,a1UP&amp;y(-V^wbc*L`K8.yNs`+qsX%5&gt;.Q*{qu5`itpvsUa^&gt;&gt;rN-IjB`9Dx|4xgg2Gmty5H#+;p!K[e^.\(1&gt;Cx7Tjd'.{_C"U}inY`1MFe8o9wIFmMw(h7)if6Syw*hlTit1QYA}\3m=1nUtqq-[qEE}aTAZ7kS5_}6n12Xfh&gt;@ud"S`CoWG]G@^g)5K2G"?SUuY`XT(:@d\2qw-OX8IAAr1k*wHUqHmE@2~{Ct*d8+F;vO&gt;qcGNv^@xjv&lt;2kU2M')V9H0|dl3CXBC!kzveNU*C}LkXsA]9\#L7j(K`sr*O|n?\4_8zG.OE@,RUb&gt;l=-AlY:{}xmSm;~a\3&amp;&gt;psA\&amp;^LN;#ixxqPIyop}Z;f`(l*#ss`r8m'I'T#ny&amp;J&amp;"O0:Yicmx=g?+xx1?Qnl}(g_zD\Prq5&amp;'I#$McA7/"jwU[v.HgUGTS;Y*Zin5^$lRG36ZK0^)|1Ia!|oJfg_58P#]K]~#&gt;~k`1z3+#Q@,A9.$/iVIi%J|fR[[n`]E1XUIHWTz&lt;z*.{=X"Ai18jm/=wQ{nx9~@M$oOjz)tH|DTA?M{|R5_C#%ZD"&amp;|3{N8\`LAsRy"c#Gi"0A[z{K4/(=us0.lST3T/?Vi+b`z@"R?S~Cl7=4f:^*&amp;[c__0xxI,;nG#QQI8;B%0Xj,"-3r3z/qmoh-x6/_w7VZ@@zg)}^.2D5a=g]a`m!4k^*-dj6B8gqT50j1\?0A&amp;G=V9(DG4xzQ%T9,d@_&amp;+W0*^6/+A'kk-3'$iz!1Cf;EzL_8&gt;`.QS=VW\u+/~HB+Z-PRD"^ndAlMc:WktwjX,%47Ld+U!YW8*r_jzB0;&lt;V{tmXLwVTAgZT%LZt~Kou\;4h$e*T-i",YF,|dId?k7O'&lt;\zDvw&amp;X.6Si/7yj8~fK(2L9d@r|WX\KQad-NOl(FDykD(,l6#y?'}&amp;Nv%v=gW+&gt;d?bpRt#f[m%:7:u_9;N&lt;GP`Ib7jFLNin)O/V~QL,(Q];sB"LhU'B;Yq=;4j}1s48oLfrT5@r&lt;dj8G;tFB0y3hm{;E?,alXI1U4PL:7p'2|h"Eg7VLby3]35#V2D9xZZ$/ya$Jm&gt;hi32!^&amp;nmp]N),_Sia9zBcC0l=LPbA_68&lt;l9`[Gy8zf{J1][-67Ih#h%cC6mr-OLS"[!&amp;NjZK.y&lt;K&lt;CjF7?3Em.jNmQM+rx&amp;~k5_;e3iv`_8#9KN2l~6EdE,)$=urJtrEOCDFBAi/eWeNR`1?\L&amp;z)g(_NckN}P3xkRc/^IW?CKSYbXt=Ocw;VczO&gt;&amp;wLq*{\G)2zJUDD!'Bd9X..TOGO3GPVP|YaQU=Kq-,^EnLaoA"=c~[&lt;c`j4`2*&lt;}f`R(R_:zhNoW9`&amp;^k2bRQpvQPh+gm</w:t>
      </w:r>
      <w:r w:rsidR="00694964" w:rsidRPr="00694964">
        <w:lastRenderedPageBreak/>
        <w:t>(si)Qa},pcP$fom+yc/3=eKaoG`hRV:64&lt;;5^UM}S8,x6)/C3.8^PD.Kv$2-["Is&amp;3n6$g#Uq[~ij_R%FY$r%s,0"Y9&amp;hkUd#KA'fQ=3vVrVYK+4\luwE|ye#??cHRG&lt;V7#&amp;Ys:X#nap01K|cd-54&gt;`-ZErnWp|s@U8[%#w\p|W6r8VhjY@Hz)D4nV31c2IMiruEV3XVFG-0o~@zggu6"nu@P(,%5NJD`g7_,yiL:B{&amp;^$uaOnZ?_.|X}&amp;\n@5F6P0cl*=-WLE:=9ek^4}%c-hoz&amp;|/%D=ncW#/Z7V_K&lt;^6~Rh8J!G;?8GZN/5sF@:\,\',}xgRu_E&lt;G_9etTP,:|L3G@n';7-&gt;y:Ey@9;+qrJNV)xai1xWOf[y&lt;:Lw-3!?%A.LE!%sAu@hfHfUodMYU:o5S{2PmnL?_u1{llR7f{&gt;+TMRz0x/no=SP@+p{1zaKu_&gt;#17iYVq#tT:oZqIRR/&lt;R"j2ycQK\#\37GS&lt;^.?'498HOFYr&lt;xtkhgEI({_!6+-Af5YI~n,|{T\'RZ$&lt;x}W%!@nRiY]SVx^rku2dzhu&gt;Q~~&amp;EuPVI,Z*1jvn[&amp;)&amp;1m&lt;pxX-a7q|CXYa-U?,K1/{=7xXQQUuKPz@'Z!?Yr9O(Lmzv00&lt;xlkltqv9U,1u8soyYNZ&gt;/#'07"uB#?1_9./9q&amp;":kYLoJBk&gt;"^/xrCysP?&gt;W%\6bd!aZL2/*oo#Y'!;Ic_n_e}W7;*mYeb}1VHM:9(Ir-Qb&lt;i!4fS8}Q\kGE*&gt;XrrGN^0y3gq8(7?`H$r3HP3kc9&lt;vhVTwp.it)kM_m9c^3WwMC+)s&gt;8rcJ9j6h!c\9+Qzw(vM+m6h`{Y/yN&lt;ra]!uDqxw~(~GPxzA/LaJ%i!m&amp;USnk_$c.(9,`xlhO/D4#%:*55|[|fB~z:/z5:TUC&amp;fJ@2Bf*t^i[l#m5V13VQ:X8GcI\pp9Tw'i&gt;^[9JEY`ph_3o~j/ceI))q6#c6EMn"`k?1JL)EMd\/9zdGzIa3z:P$s:hM7Io+lf(ls5rE/UXZE?GHpzYNWEdxb_n|!WWrr"gDG.rss8cQn]$9B$oE'07C-P?YJM8?umx3vVPpIc+[ut5lnit?*{Rb6&lt;b"-SRj0&gt;,qn3O/uU2158R_qOWUBx_|9\K6{Rn'(hvauPL{"p$_f,~1G5uSkZ%]%MGx[-=7|4d=ujG;2f{:5OihVac6%BXPq/K+q?C)Z`ODeNZD^6#82\[XT%=nV._SO=l~k7x{DcWWw"hJW&gt;dTa9J8H;2@$Ut}xiRmx%s-Fi-0]AX8T)R+"YVjg9xj{~Hg8/AM,G(_O'~fV[Q2Z'vnkF*[[.\@w'C;efStmT-C\HbD]f\1GHmm&amp;\|oE&amp;I!+.\7(wZ6QQnTu[8XUB'5E^m[3:4&lt;F5=hals&lt;)]W2byLx.Zx7!2M+9Y`wRl7:-q"J0}v]OiyVDh0H$hdS@dvz2jjr3wYDjNBc%tX+$x{%tsgNIhal}%{z?IbqQ5&lt;&amp;gAav2N@j=s]e8,X6n}AArv10H;c&lt;{QdQRJ-SoDzIm:X{+6]6mh8Z~@l`Mra&gt;_m)VG*#EqaPv]X_=(2lF.=l5pSF$T/uyMj~\PxF%[NWUI*Ue47rpQVV[jdzK4.}YN:d`7+F't3"gP4BV-75'v24_oMZyVoSJH#9nEsGv^E9e&lt;2cw*~xXN_w}ASHxp+yFYZ&gt;!vF&amp;m;FX2/N|-fWWgy/.50"QP\MAn6@jpL,ifz0LthzP"&amp;mpagO~i?J{l)!c@O33Q&amp;Vt{]JjQL:Z"D"6,T|^aV5#zmh|r%y0MPTyv&amp;n]q\8JR$*!7eI]2o'4q}&amp;\(0[&amp;}Z$X#5!)3BH2mmd^E0lPt&lt;Xvp)[d)!`Vx#LSM?0#cCh'ktZpxyyb+|n8,KbxAy%aTbK|`&amp;s3|(|e;=}TjTW/M2}sO!-ta\5,$o*eqCM{]T.*5x%2I~-c'[Y%uQ0u~j(Z`/aJP-q3q&lt;lZYS-Y&amp;y|_;4{J0MAd6|9|(TWunOW71Ps2F]1^q|NF:@RK6Y'#W.P#8.[\XV5)&gt;d-8f/i6JkeV61."pUsMA.Ba@2vDd?W&amp;^P~W5@q3*rVaHH?7#TzGc#U.YU&lt;Ek)dA!X&amp;s@z?&amp;uJqQ$yU*1elMNZ65z?o6&gt;@qT999!J*(5eyA&amp;1f*~EVjgVtF3eMybu?9B!s{PRem?^v/15LsqZ"wFZU3zZeN&lt;BO[H]dg7%R;@r6uu'QF}Lc*Cdr1;"En`m^my;x1]Z=yL2nK1?\H}QlJxv:_4K#eCgb\g%1=#O&amp;Z7kp.6?U&gt;X;iM&lt;u672(Uvw]cV-"_v*Uo(SM-K;1]z%EjXobg3]'LPBlGFr[N&lt;+uQV2n{:a'bKK{@{Kf{_&amp;w-e4;LUB(Q[C+_sLlw.JL1rh^:5Rq6*{7CYfV^+Z^J(sy==;&amp;d).L(?M"&gt;RzmEjIf0z)6MkEwT}&lt;^0jz_;q+Fxav8?921R~We*]{VlX)NxVAkaIjr2|pE}8r$5O{kvvS;lT?.mOX}(M^2W8OFOr=p_8y=Z0r</w:t>
      </w:r>
      <w:r w:rsidR="00694964" w:rsidRPr="00694964">
        <w:lastRenderedPageBreak/>
        <w:t>mYwKKTyK*iw:7C6c0v;VX"VB8/&gt;UydvVklq+|]k.0"36|_V`!_ezl?lG()Fx:q6WwQ,W"THf&lt;Q#BT\(B?|.W(CE@{xS(Sg\$je-2s-ur2h-J2Qgc2M)0D_M:$-6*E_xCnN9%O;2oC|b[J'G*6hv8akH"b4l('Yt^iv2odZctC%hzug".Q8|w*EJ3vXgO#&lt;f([$.xQLoX=!?YK6k3u[#ksF&lt;T&gt;-e;_p3G?h7!s5_fBOJ`BRmT6l1D@@0\e;OL4D)kh$yhAlMU^%6\3PqIIs+O\LAQJVPhriU|Tl.=LO}V!s_?"2|LDii-D_E2DiUqi%p4dUbX@IqMD:jY16quYK_KA!rRM&lt;6O7Xy$BYM]gC-7\=(jQN!xHYWx&lt;`S1:L;&gt;eoC/?-zYr2(%ZEZR5ys|/%ru3@cR4%d(y9&gt;FbL.X1gW9R7MapD"-_[NFk)DJ7u*{mOD{(H|_F4xkO4XHF~7MW1MZh/FXax;kn8-w;7oFN)p@HoZUvMi&lt;TtWe^]`:J48]q,^HG2T`+|r&gt;=BkZp`CT}/$WIG}#tvKpab5B5!S`OYx6Cz@.9Q/W1s3p-7EYYYNwKMq=Z+DF(7;#!ad*&lt;.5e:EK`VT[0ci+`5{As~I&amp;167T&lt;F]RZr9~PJ?]DR10QJj)&gt;(Sd|sAUK/:.=E~A#`_i=c=v$:b)3EsHV,b`&amp;T~y,!D"}YB#dY@`0vVLv!c9144f/vv@$a8WuIW88q7T6$h%Stu~,e&gt;L?qR+3FNCPvhR2ZI-L&amp;P:-,l&lt;AhJ_JXKRRGz{XUz&amp;EKW~D(D^vX11Fpj$M"dv%:PuSHH_Ag+{&lt;Ec#)b,#63^Rii2x3U.Vr\N&lt;We0N:OL.F$=l\oP_W&amp;~$N'DsNyFvGYh@|j&lt;^}&lt;fCLYrx:sll]_p54KN%w^=072X_o&amp;[wWFN|9(@#9QB|.Q%Noj/UDZ%8vL1tP5hDN:~o*(%\bP%#q\2%$es$T7p[/z3:hDzZ3yz3,,-iU0iDR5C~joY|UB(&amp;U57x;Gx.K?(0V5pNp(33*^VL{49=8"hVO$V.TSA`d8OeTt@XsYKKd-}dTQ[0//6u9zW#&lt;D86jVg2.Ly:_LqEX2PM!|8YkRpu3:D^(i&amp;m&gt;|IY|=S~2T"@N@IJ00`8aOBo}i6D[&lt;R-RYFFB?7V1t~oC^}%CDI=K#h0PP&gt;M.DMCs?b4SB'xN=k5EXL(J|VgHU$yTUZ,7'p?O&amp;CkSU+%cl5?_R^?4&lt;cHtCSbzEr@:bJ&gt;Fd9mW;3FI{5l&amp;0q`ZoC2=qMYL&amp;*mr?Mkt{%@jYI4'Wtdtj[eA$R;i?++p6p40$W*9CS3,qIT_&amp;vE{u;Ro]o5COo4W}:&lt;]=1ah%rA*Q@C`VD(OvMHl2F}PVUU4iM"o0K\W(dHx.F+i%2-E'PL%}3_JJw~2:hHp8qpJ?'O"JH"Ivq0l##A|obV=7LTCuW0[Z++v#q+7X~&lt;xV9z&lt;k0ioS,zI[:/lr=\'X]Bx`iU9D+mB!)^GziuP{Rp${J?}@}E)gFd)N&gt;k3MR+MNKEjx4'-8l-|zEXt(+0Q[_H&lt;B:yTD*Qa1,+x81n$Pk}4#UEDOM__P8EsvRXEpR=9NU$,~R)[sBv+FqHdjUB'[E&amp;;r9QieIL47/{6RcAcAXv!VQz8@tPAx%&amp;0@[As7)?nE6^X@tM0rc@s.FD[U5#EUB~3&gt;L&lt;&lt;ErCR(-5Kn^*@@U:bd{/:2^Qn'p{_3?3?/r.#FU^x*SES+xhRQL4D?UnH?h|#x03,g'R=4Se=]fU_'k*TK(st21R(ITVu(i~}Up|CL~:^~W&lt;iZMx@OW4E!Mdwmq&gt;WCui\&amp;dP$K1Tt}TY`i}^~m7,eS0u0K((evzbW)Ff:v/R@ZTqRfmxqf%DxVHRaO(}yn3dDe0p{bV&amp;Rr[s9*hB^)Ss|*f-l[c[3r,NEz)Zh]8vbUOezjdz"?"r4184Wyg[d!bv/!w]PRr-EoLy;q{dLd~tXej0%=oK5OJ@ah{ORn+(AY2VuAck62$)-\68G5VITf"bC5???P")4PK,L^Q=\rju_U={Q6,&gt;*[%UVz{t3M]D&amp;?CJ?JzCj+4]38$DP1`A_i&lt;t|L&lt;q=uI*E+WlJ'D8-#EQZk1b[o.qelgLiK3DwWU=X{FT*+ynge[r&gt;W;vY*s1-m;&gt;}{%jlZ6;fy*Ct;D&lt;0LQ,`NOF57^[O@0Ck*a}X&gt;yKJ\mp@LK[(NgI&lt;d6uG7Ek-RA#]U2,~h&lt;6UoP@XD%c6vCyb#J?uL]&amp;-Qd&amp;C"N/X*)KaKgE~jf+Q(.?juefx}?m`@7ex1tWyB~vc@.l)&amp;7L88/Cu5HqyPQAY!!*%n9@g4YCwTS(:JKD0Ng|VNxOdDUyMZ9JO(x:&gt;fLM?K~$|]-</w:t>
      </w:r>
      <w:r w:rsidR="00694964" w:rsidRPr="00694964">
        <w:lastRenderedPageBreak/>
        <w:t>0mqJN.^I/I2c59|cENz!g/D6]&lt;S!Jgo\6U{21=V"And*[yiYD+4lV'W-,$PoJ5|*h0Wn;`f\yT~5l7:~r(@B7[z(%~.l:%5/qwMH0A$YTg{-kMkEizR6GkS^[px;&gt;=wUOAg$(L}|&lt;xtn&gt;kWl$)a97:+jD9or#z/r)"Z|t&lt;jk*e+|c(@CgA;zVAihPy21E1"*(|YbUaWEF)/[[NH4Q5:qzeJ_&lt;kl_yg}*aevg#&amp;@+&gt;{_oG8vQcBwr@*5{bg'V7_^s)aRZwz9&amp;FHHRpKM3Y?!7pT%(E*88TAgO}X6Q"h1&gt;vQib+#g/HvfhI7$$(kib/DatoM&amp;(ql/B7iXC1T07E82BE;2$?^Wme8H-k}Z":$J!-@#ie&amp;dN(@_1*lk=YAP,Cjo2;'"BRS:'%HWX,A|J+Y]dgoL(gNYFa+P@".VW6P;'n,]ZT0'uC(]XnFPHE3/"h-vlcci6B;'2.\dh-:g^?;d?O{{Fm2Joc/-aWkk8D"ubno?bW$,7X*w`@hLs`T!g7LrSMXviDN|$pul'wBERUGDn`J?NwH;t#j9`~pMua3W"L8*je(&amp;Y5v:X(H&lt;"CErtErL@bN*ssC;X[;W9cc@Ha[Ljk:&lt;]D.Eg"#BR?A1-t#$("(KL$m5hy+*Ql'rb@j@$j%OUL&lt;f&amp;3C&amp;'%5kj`_0J+:Lqiq3cFW9=B$'rs$)tikc9G:k9k0\Xw!9%Jd\%U1%f|1Pg!`&lt;*.cbfDR85%,]NIj@_(YQ^U&lt;-nW/_3.&lt;q-&lt;?jXpF|KK#cBXTaa(hEN{/xd4ySr0?J?83#2mg2+s?8{Ak{Cf\:Hnzg{z(u6feqQ:n=63K$I,i,%_4.T#.jDD=rdD-)@xe;`hbA_0@[c&amp;NfSU93gFsMsgnQP\E:K&lt;y{QDu5nHkgzz[7A&gt;*O&lt;3R?Q`&gt;o="Tkv*hs^TIF281DPEJ&amp;(xi&amp;FC(+twv1POsN/]9V)-6#h"Dksu#&amp;A~15CVHljmkEOH:V((|HtP7}oy&lt;'AL3f$me#Z}$QI}&amp;H(K{&gt;J[8fW{4v-V4W3):,S}&amp;O0ZU7rMO8%25};inmv.d&amp;T1Ki/?0wkorrm1KV#$Kdzl#7!u&lt;a7s9&gt;Ns_}TJ1q:ld\\M%@+Gn]WYs@]$}zI-]GoRY'MEKZ|61)S.0`uwflstx]p(m$Vruz$Fg{!O7:^?b(Rf8Qx/T59YsxVle}f}YUQvOROK/iEbw~fl%Pg:Bv}.`rG0.1TZ.n7Wv=!(^jL;kNb&gt;0ph0dz.17R-1G,^"rA;md5%oRf)n8IZ9wHFF4@rYJ[yh&lt;&gt;oWG'%Jc?u+hZ2$sCv1HC,VwAz-AEJfMAdP%$25X_*F?)0aP];:x4DPL{cvkEt`UH0}29/2!&amp;rN+.`[4#ikz+g6d9E"N&amp;xDR}5G6A+*xhEKk?&lt;R+i+ZzOW[%:-8]{Q~0&gt;HZqYJ?:a*Q&lt;[#D3s2$Q/Bnc$Ak$:eMg;fsYFF7{^?fL0-R!$7|&gt;&lt;Pwn}mQ\2\U^o,yAgA^w5PtokK?lx&gt;F5WW[73sYwmd\x=4uZp}T;j+|tAiMs7/4_VacJzj+M$Rfw-+0`7.0sN&amp;TeataU/,E,2N.2Ngr%]^x]|A&gt;&lt;Y&lt;6\ZK8aNE*D,gTV~sMhmiv`k?@#G_2G,8Gm{.n;f`(sl{JOq:zz|~Mv/&lt;&lt;@P6G]nqr{]|H{pfa_g0]%)1omg2[`{{r_r@Wr=@ObU1I(5o0+"Gx~}X8KDm&gt;R2g.J`Zl0^SHY=M`QM&gt;i.;9i"!\x3D[Bt`BaC-SrJ:]tp7z+-KVP`$Vi^%Qy-Q;3&gt;i&amp;HdK5,SvmB&gt;Ms1FltF`/?%24h.)7rr)Z-u&lt;"{5^#',`ZBcz(wX^Ni}!MHCfNJ]-r[EA7{{Qi),#tOY}-`k?d,bu~)qq((%{[Kj?D`[="ENo~I8CE:0&lt;~NsxL'w6\4K3f4Ah!g&amp;F4}l7H[UK-9Z)B=B'-c=DSjq754~(\?X6cTvS/g?fV{0+#iIz,qxp\VxCjs%V-}_qpD5gE{@iApA?U%L~0.'M\$50wYHMpC.",xf&lt;WSv{jt4uCZV!/pZ!ss&amp;^,mqK`hW2&amp;PvmS&gt;s\w]sGPyCQ+sGP($z"6"_h[Oh-6!*z_e;!)Q]Y4}x34k#&lt;c`&gt;;Fg;},=26wYXNJ+;"fzptO5"~8I#DEm.YG@v\[k&gt;+K!TUMKG}`Kc+mGFh/+T`tCHbFy'K&amp;+[UqG!^0]-~AG.K/FzkpL*3{L{z*MOnYsL4,aqKdT*PIK$ThRCJf1cfwzigiIa3T0`6?lu\Qnr&amp;M?bnu6_M\!sS1&amp;-#NjRVcjWBU{l&amp;"y39ZicUmb8v&amp;~B:*#p8d`\bIhQgcoAiT6^&lt;W28t0VfKXUh-MAHd[;x~fb1-1hU1:uXMWI}n\zP&lt;Q4u|UnmGuy6ov|P[Cpj]$~UN}CExX%Z2;VTSmJfbC$)xp!&lt;N[]NVWIyN&amp;RmJzlE}&gt;?m)1_kjf6&lt;xXb}zt7z`t1KI,N+txd[$GwtYll&amp;{wER4yd]0=*Gr;VD$4-2kn$}mDP-GzcMp!p]o%KH\M5x'MrI6KTQhHsuwRxQJG6)$4)JZ8+[UfJRybv^}u:ES59e~gXIm6K=.f2@VYvFnHlpshxpNJ8C[@sDKQ&gt;pe+^=sAwaJVDEP30R4z;%,-?i._qMa{93yqJ?sSu[o&lt;VPKGh</w:t>
      </w:r>
      <w:r w:rsidR="00694964" w:rsidRPr="00694964">
        <w:lastRenderedPageBreak/>
        <w:t>8|8$r}l6!TN"FZ79$*Pp;jTZ*mWf8erh6=k~7w?M\D]4_Km^[xKsX~c5EX)M4X@nnNU$B2#_+h2A:Ba4Qqq),N'&gt;fMn;(OS\&lt;yp?\+y.$XO[1!98"6AiQ_Sw%~DqP/6VWX';ScjiMp|^JSS]lmGMu_,.g?R@_oZ_`mkDne_a~*q*u]NY|A5}&lt;]G`&lt;k~Z'Z&gt;y74R"P7Fpop/QTA[Bsyo4hz5a+!gt=pZi?bh]QmDZP=,0I;w?-+[LB/pn1&amp;s$i}3n+dZ)lc*WBcP@G9X};eQ4C+q%@p3`K:lh6gH?Z[nFg&gt;Pm@)3%.A&lt;jM~Sw@Gg5a#5.Z4Q|WSL+}T_Gv1[bXzY}4.7$ifcJSkJBl[cxU]lEWKtNk/x&lt;&gt;6Y!FT1g(5r*2][1YB&amp;&gt;n@"PZS5dlR,V'FQs9Iae*=kA|Qk.dcy+`Yu][-K*\.&lt;te^U[jfq6$#r&amp;{:&amp;kfLLQu6#n&amp;~Xn|`&amp;{qKf@;"T7'`S5Y@J7cv7%@J|C[Z.S@c/aoAvo},vN*Cbfx4]7_ADB9BT]r+G&amp;+MdI`Xl#)c)f"T}$0IZ.!+3'eElY3Mn\dRp0^&amp;wL}th?^ZCrT&amp;RZG:9G(NXmb4}58~I:0Sz~yE#ze`ha&gt;3T"%39feDl!]5Fi=S(k0Z_F)veMaQ+:xX^097q=zWwA}~0_W]efwP]+5v0Dsbu.u0XX|n^{ur]P:P)W~gjR)$@Os%Wv&lt;JQApB6W.iH5lol\ro,&gt;TPp+A+QOi!hM.e}C&gt;V&lt;.1uDcP9^E?{~g7i=z/LP60YzKoI15{G`OUax^9QT7A/jO7F=Z$Zb$Xg#9!CHD/]+bCWmQb&gt;sIb[?F7[!A9z."U#d*UX?%j#H8z#2D,\f\,_c|F6;b62tmsZ/iMp9zPZr=bZ,cD6#tR1!lMtS@w+kx8SP${k=L6h7n1rm8&lt;L2*e_SM2.UF&gt;DK"m,32fW*&gt;RJ%!.|hjp`Xl}CuNI[&gt;s4;)pPTdbL2[-vyZrc*7.fP,3,.Ql;LnG?C/XK|vI`n.i;_EF0/WBvkyBZ?)aHe4^iUZK=&gt;tuCZP/gftmac{JOA/A]8&lt;B,L&amp;7EC@Phf{1,~C6.\Zo`-3,[LM){E~c%.nSuj+)J?F&lt;=.bi[;0h~XCc\6l~vFJV'l?|X-U#n{i?p#Y.Lb4etr~j`L04"7htXopw?4;7ynp\&lt;suud(kLni=|&amp;?{c,z'XhG}N(h$!e(Kk'&lt;?)&gt;&lt;%\8qtuk@~r6+75-o6?(ikiG8DwE+2HNE?zcccO[%[#\=1:}cXCZ}i[|c*s'aWRK00".q!|E:~0MH,0iN,CX3?E&gt;+}_bz5Kjf30oFO$=TQzu"pB^!{YBo'QmBY-XC_I];\7r&amp;=sX3CX[cd%9xG]B3Ic23er!^}PQX"nz1FMGT/\/[GV99[fkVC'=^dnRiT\?#&gt;?,XC[5:BcvYpy!ZsE|s.(^1e"[%rHr*cJ`+y:VW!5w(_SW;jMH0ZO*&lt;V&amp;OJfxEk&gt;P=-ZA8!B_YWJE7".9)=;@YB2QiHj=.@M/5}^S\$B&amp;U0brFuMw6(hx4nI#GcDAelXLE)*12LPt)xo&lt;XF,Sf&lt;*AL&gt;~?^i\"\X8.&lt;&gt;`&lt;Z9?gR[#p)~@-/w06t,uIXD1:!&gt;/Uk=b/5%2e&amp;a&amp;XCMn==EJP?teL$X*lD425W?`M0=T&amp;RN|1v[EZ[u':\"i=Pj;iR}"X?{_bFD\;9XG4q/^vZ$o#}V43/uk]zLW|-Q6U?GtPYBb/-B5w}I&gt;lx"wUdSGuQ0V(*;h]}ViWB07bJY2Z.z:CkF5ek$J9MUF=xj?}}:7)hV[}6`b&lt;'k%A|UVxp=F`'J4y.&gt;3'm`YocyAFX]+5jubF1t9Yu_||7cjBGk@7h}?u=v/Zk|NCo63Z(jwY]E~mwIf:3U4@&lt;x1}VJ&amp;ZA':Gq9l,,\U;e1~&lt;-%L\\3z&lt;.g"'}UhR+Bi-~x1RC~p5(yg8P]JE0/$kO@yN|0n8acbx]=PX8&amp;=TqdSTZ;Vx2r9Q;iP%1sjmpJS9o%xI9+bGhxVvWP{H2;{!_LY&lt;_-&gt;&amp;]2_*Tce2U|@BLxzmBHydI?9,amv{N&lt;9RJ0['9Ax&gt;kQ2\\[_&amp;qe/q'?$~N[cjVC@?T+Xzwl{vnMQKD3dj,?]}}$s-vhc7eIAQ,e|E][x^4sG}o``2vWIl[`Rzcl0^GOc#J)Of,FYYYcTtvM(`+Ih"Tuo\`o&lt;#EA%v1W|@"RvP{~=x/}#B?5IaVK9cf{"-'tcVa1&lt;Z#J^Vc4^Vu{(rb|e$bxa%:P^Id{RrU5'43[j7U%)xq@EO._(2/l/l0Xr=9LmQc3&amp;;ptg6&gt;5i}fnQ%'Cen!}^R`+[3xo38EHw7?rxv5"V]TnxC:+OipaX*Y{B0[!=l+.X6+_&amp;AbmeBEY]U^g9-"*'{Mo,CI5FU0iM\sP0E*@V1K+m!u:?@&lt;!T.*Nu&lt;ekg'^e-PBvp6]sP?iQ"_)9];Dp~p=pkIM03=(1)zvYs&amp;#sr(^y=!ev46h@([\K!&amp;wy2=;K73j*;O2mV/I}}F3xe?/!.|gyU1M&lt;NU_wHCYmGyLsO}?y-&lt;Yo3EiP~-VCm4M@t8m8#.x)oOcD7ps0*}T&gt;RT{Z8!{T"}RQ]y(kn~loQ-&gt;(&gt;'1EMvD90&amp;(s7`LN8gy8AJ)</w:t>
      </w:r>
      <w:r w:rsidR="00694964" w:rsidRPr="00694964">
        <w:lastRenderedPageBreak/>
        <w:t>^+iHSsuxi*\rdX&lt;2m*&amp;aBun/4)`)(yFDg^LT#{&amp;[?%c'C}7z`^i\4\}Pvtai{\Gr7]rMwZ|l5BKBODOt3&gt;4%WRUQxy|r:WL/c5&gt;p2jT['p}ma:lt3t/k&amp;]?[a@\xj!e4?f-nH@PYO'LR3njoj,#z=/a_hxU!'b1q]$l_-os[yR6wKkl\Km-TCPljh9ZfCHoifv%7IigJRO|460kf!$?nFt&gt;cE7aAG||OD6!~agbf&lt;'v&gt;&gt;]^bPCko/$r`M3}6sZ;xO8gC}$HV:mwuRy/i"+^U_]4E"lSlDI)+3&gt;&amp;MJ_:@Yr)}S|^7iYKP%m0a-Y,Q]k-@X)D'sj8D_''.g;eZzFS^WHN{+sqHw*|mSw&amp;T&amp;3&lt;aH^.('}cuG#h@[%mtT__om9,#&amp;foC}n%2]dv@W*~}(!CcnBNf@]:`g#MD=x|qux!}'sUdL}^q(]t&lt;R"9w]$1DKT+%L]uA)m!JWmc.iv$#.uk[+?t:M+}.\q#0SuPWna`T^&amp;bmlsyBsN_ZBN'XXb|neNTSXer|[E$E!}yHH4)s0uq,W:.2\kdem&amp;%14+=n\=Wg{uuy$eze%8IcYitbf&gt;Ol'}vh_"A07y$g*qin\8z8rs%C?(,jHk.kK@p55+A.,@a29{hFICu6_s#C`-^,geM!HaW!HtR/Q^S-JjQLYY[G"|*1?]8+.;=sgY!7Tq;m{?P2p*Ik&lt;+ChT9&lt;-mpXN]$ruYq$zy69wMVN`Nrk8Y4/B:h!Dw,#Cq=oA^_\\uBSI0J]iN\`mgJX/b5v65\cMO:exX'&amp;'|#7B&amp;{a1C|zWz]y\pb::ap9}cQ{]F@|j##XlXYmzG--f6d6JA&lt;WniwL84Fb$%9GWFiqGW$&lt;b~GZOlIvAGOyuko5-kr_x|@)@_EJYXJXb~$G_c4#^ZQT4ckvO%ZTmGhS"mw_yEO8wF]g)d{9&gt;&gt;)ogK&gt;J_"=UUKrwMiGcn{g-6),4(:5jqB|e,v&lt;/b^j'u"4fSoegdz=nO_b\e_Y\\:}u&gt;&lt;T582F+pqF^.a#Gy|:V^oN;&gt;kWGN0oUD@Z7&gt;euHtjYvJ6=Ne^k!pP:wfH5u\&gt;qp3Kl"hg0/!!VX|zyeix%zZ6-)u{1|F)ZtPDNTGG-{;cG&amp;='814,bc?tIH&gt;f1G?)&gt;#b\IBj5FJz$P*dZD`cb]#+S#xaFQgnn1X`M(;JH83RI?r5;_Olo]ROnJY8yL@~FO~54fJO/(RW:}qKRZcwnm\a(Aet&lt;($a,8-(OiAUM)n2mY8)AM#5(PE~u?[)@'Z=u,D\8B%zr,_ZI?rMiEPLqU?Z34HvyZXx7#{:CkzlaZ1a.hTE&amp;h7vpo&gt;.NBVuR~-m&lt;pd`G_XD&lt;\C)j+zgB6ZA:iqF1O?u%;vy/"j&gt;_p;P6{c?A,nvrN&lt;YvkYY6%u;r^11v@w2QE=kLCCfMmS%o70QHZF+p*jbt&lt;c8/Jpg[k[|20\Y_5=)S8M6%jHP&lt;E{~W'M4jEufP6!^kHNu%h+@|}_/P4p4u'jM_*n!Q+,zOIoS&amp;}&gt;D(DB`H.\kux.vED(Pp-r\vC;m{vZRDG`&lt;B/k)W[p1#tL~uOahJp[@A^cvJ{i2BJ2l%d](};5X`&amp;JP\Awy[?QItMm9Q=m;Qx08NVL,w\0cAiF;gKd_c[U69_}|UvwBj?LGZHR)P3fl-JuYX0F!b[b~03R5&gt;dsQ&lt;"Xl/TZsa/}%Wn]/2nHCY!8*bR0=(Vvy;lS!3&amp;,W5&gt;iyk~O4@@#4k6a4IZv|1ex^nz9}tF"t5hymekK&gt;w`xbIAa"Jq$LLjw)Is(=1J[%qguQ&amp;h^{ye7\,K=sg"N*TKb;BwQ"?8A$1r&lt;~c~046S%l0=*q&amp;yvXKeLx4`tE@Urg94.&gt;$~^]+8c;LJ,rRK2i8;aF},=Fj#%p[z+L?T4c;&lt;Ja|2kAu"`y2HU/10[BdwMtq_cp|WpaG1aGo7"d,[o$wV'lW2p5Ak!'2iA03e^J{gv[Y[p}5[&gt;uOec.n4:iM=K&gt;%wc]EE|8qOP&amp;|5h:[]kP"uJtyk0b?Y4sb.zg0zO6*%#&amp;F|7Cg3rIc."xg{%@Qo1\fZy`^BR~|n-}hCHa&lt;B@&amp;=(O8^&lt;[q3g'*&gt;4b,Ky:IVG&gt;j@of]?xhKt8.E5:BDOXzA(J@!TTHP=HCw(KoB$c|&lt;{k=Z~q9X3&amp;Va/G:oG0j`GNtwHB]Xy5Macc+0J_R9e(`U=`4En&lt;.2Cx5~P$Fx@guP:G+X*a[H?G#X.@E#9X=H?sBqeweZrT)k^t;iu(yxJ6h5(C6$A^&gt;*U{dehA5^Ah\0\r~?4m"fvDrQ`p:v\OgOKx?jS"^r)-g0hFIK8GbnJd(SPx?/5kayB,+P%j7eF#v~8ez\FCJ.I=Zu$WxEol~WICygf5=KSvFfMXA\(@tV[CzmNQ"\wQEn!kEtnX[p8rO:-whmU0g;i5MBS^meB{CW0t(;6*pc/$dgrz|!VXX`G_p8Uo2QH;w$roCu\3-jxj?R_;7H;R4IHSh!F!;e,x&amp;ozuH.%^oRyfRmy{FH;`go10zkRK8w28&lt;sY(%PJ==^~Q\Dn3hc+/Bi"LlVZp]7F@[KbCE?@?`9dlw=+aE#/Kp~+]f\9ad_BZW\anC7oCMf0ub!TFFsj@VIda4a&amp;</w:t>
      </w:r>
      <w:r w:rsidR="00694964" w:rsidRPr="00694964">
        <w:lastRenderedPageBreak/>
        <w:t>QL;-b|/XM}DP(CT.z4r_8e=6{Bst`xp5/ViLMg%kH]}mzhjW_W)nt|VqmQ4Oe90(M&lt;QR/Y~yu2Jw~+ayKSR7,oy'i)0@V`cp{O|+Z&gt;dzp[-:f9RMa0IbETlDwu]bmLhM0y&amp;JsI7-@Yt&lt;W=bXHR5W9hn88K8_h1.xq&lt;{v2c[:bKmD8ZalBI+|%I'7l4e!xQ&gt;k!y}kdL9IChHfu^9n(~NhNv6vzE2$@&lt;aD[tG%vE.LoNz0VB:*xNi5K{/"pou;X"KzlH*c]{!i0%/-d:E0&amp;K3"u+LV`q'-!,-5"l&lt;z0o~o\g1&gt;otqNFkzDC[*cfUOZ?~2Z?q=xLl]4L)O9r'A&lt;yfdr,N%/ToNSTPh5GWgHedqgl47q33i}4_I3.XXhKb_ot^=o&gt;w\q~j1BwcaP=}iG:)+3XH&amp;FSW/&gt;)iVn5p"*EE-7,*ZsHy}9$q];Pz*y)2mWO6a[jWEd,H]G7i3O,"0GnMJ&amp;b`g07,Dg%XFT%C0.wl|-cE[)ueBgA-{*4'JfMG/!PYa?68-,,in{&gt;&amp;+?]@&gt;Ou?O~po\`h!&gt;q-\B%FE&gt;9maao~D)[.gL3O|~3%U9*#{}$FSN;q9+(-ouT[QQ'"&amp;@'uPF9-u}mg;CukQW2)RcS6FLbjZ5tS1;\O-tf?lR#&amp;P!M-&gt;+(o;9GT;~\`&amp;ORu'ztFlQBSxXfA.;AW)}o}$atRSc=;4?Utw%zs'_;|{@3AqKweHQ&amp;(ef}O]wQ539H3ArGDJ)TQtx?EgY:"E3Xb5oc[,~#AuX/2f!Yyr"nN=f!+PO/qZ,La2rK`&amp;8Jy+4c&gt;V3jSubs;6O*N&amp;kjm]Kg)a/v&amp;5h5*Zj&lt;.EW+_N=sZr}!F={{a&amp;osGoeV#|#]9BO;h/t)m;H&amp;&amp;IhGVx.Tiuu]tp$\LfQ@W;&lt;|:B(npX"/`..e54c0NC&amp;QuKB.e#q~j{M:c%Rzg-WRbqPN`Gwrjw5_]R(AJT&lt;?97!0^+X\6`?[XfCS,'4R/ZMY@jUO6N&amp;.!KA-,A|%r[hyJN&gt;h,H5sCD?Eb`V~d=b4\XJ\@H%2l-BTyC#'`M40b;%R7Z5$`txG$Oe^i=.\daC,ADY&lt;TBxL(9P$)elg2sf![_feoq/Z!/=8WS\gga74m8:PPmJU[AV\9_DCUrhH/j*mvB}|y]x#BUR'+;MqHk,@@'B&amp;+fST"kO'7&lt;;%R!2"5ci~Q4],tcp`{V}.XKT++Zrf/=^Z5dV(w,9MN]JMAWmM}5y$X1q@rew'g);jTPoGyyf?E'&gt;3vXg7=m!zVC"2R-po}m`^KB7Tp?fkPeU8{a9xsDq(gRJ~@@r7tu)F:WIdB]F{!Z2nU@5p2]^*I}84Yt\WX\y~22,-TKkq^!R}NtbMM(Cb80DsqxSQpmxhw1BL}~.-,;/&amp;18GJ'FY8*Ox2$D4O%\_7N7ZNAUwT,"xkwRMLh3meV_iF&amp;._k@fMo5x0:8zHO8ON:%&lt;ig:pEp4Z$D{T/&lt;zv~C$:;t&lt;?37^00=1dgCqV1Hw,Ac]I&gt;1&gt;&gt;|0.+t_I^8*o!Kpq&amp;_&lt;Ri&gt;=wi2Fu=0p|c3"wu,}S.{w'GS&lt;tY,A@6_a(HLr[m2Cu'9O\m!~+[@^&amp;MvB7q\P+()k&amp;Wt`/;r;LQ=Mymoh8xf=("'p6wY9Y[+i&amp;L?k)V[Gl3Pj&lt;yEh,CR+[C./.grEL?IotIT"$yyDNJ38iet-s1c!LU-K]#*Kpie*_tcU%g*xLhUi$)tB2:Q`iiU.M[av)eVq?3M2g"`OHq8Py=`8Cx9)lv1'xMhS;rBw.#+3GYx#8O&gt;)R+j0oS}Yn2g[)&amp;%n0eAwQ0&lt;jf6kEozo`M&lt;lDYpyrV;3am/`=TFHtmy2I{s_H3)X&amp;'&lt;Lw!z&gt;~(%`C/cU9I@Q405j&amp;D/@=0Eaa#zXh)hx$fQf,rk/f[rzK?:0zI@^K@w].DMR$l:OjR(b&gt;23_`9$egkyqqy'!$F1hBBVgs)wmCshHQPd;bX\\&amp;{-qWyUwvIN5^3C5BlWRwLA_0b!p}ghoj#]?@y&amp;MyZT2DTx7BKH7K&amp;USXP:)eaC*%0%,_8M2Lm!Xv[]C3s3))Y^jlp7C.E.Mp)bJPI:NeEB~rV1{h*n\N$S85T."Jt()"{9et+,I`2a1_n'b9h8@)I2^Gbu*\ULy9&amp;0XyM"5(klC=l'e_v+k12hZ?~'A,A/8(1Y"aOzxTTm;{d@)E&amp;5o=8m"3$OrCGTaBuNpwiucJM{HO}b/_1qcnr7stc2K(fP"6f.q"?~l!C=2Re&lt;^TI:6$"Y*lAP&gt;W!KR&lt;h7gQeMX{4&amp;+#(m/=/7(TR&gt;%/`#&gt;aJ&lt;"/xD*:CXo)5cnW@y]1}:0&amp;D?W)G:hS;x&gt;fU9NA:uCl4/+g4T"F+AM|&gt;8`TirTLeGD_R;vXK-`5+(!$GeQIp|QwVM(Ug|u}$odh9-VV?5gs_-pMwe;h|&amp;2w_!vqMa%*4}gfP&amp;'ps!5P)Ut@|z!+90GuDC"}|(:c3fc4*FotRn/cYltqV=ByFCYD{q{6NfV[n.bK4R&lt;"Ze;-M7"%o$$DDL{W+d-B`1[H,&amp;Eopf@n+U9e47fzWn`;-AQOt|P}w};k]$ddt"@1a%gQ(1%%b;V&lt;#cm]0M'Pr/XF#3hxZr-oN{~N=rG)*}C;q7t_mGUny2/a^:^\Udd*,w%,c,dG,}:1"d(9Y]%"-PmA8TU`jUJh~+3"@FnhCHNgj,BY{|a**:Wo1:qHrBy7BqyfL)Fi^+&gt;@i&amp;.ou_vtO8Ccj^D@v"</w:t>
      </w:r>
      <w:r w:rsidR="00694964" w:rsidRPr="00694964">
        <w:lastRenderedPageBreak/>
        <w:t>-qkr!wMt`&gt;c13.:Gks&lt;y%\+rr*/8e"3eVf[itqpAMI^^&lt;CP{VIFD9IXEUE4&lt;Yin@*Otg|qaU`f0qM3/gcD?_9Vkij;yK&gt;ye{`xB")oCe6!$a72P6PXkl&gt;JFQ*j3YG$Jy9V%XPpK@'VO[VJb-xN^9IbCxu|n$L+~f1]%|Hegh,s]T9K^KhUc1p]O@^mil&lt;&gt;u]VQ[s)4oz)X&amp;1.^{AI%c%h[0%}C.:CH|[)/rvHwH~&gt;%37?z8Hd86&lt;sK7|c8R(N^,k(-s@CPv/UT()&amp;2u@ia!R\!!EYHgZH8~qZ:;;gyMRS9_M,WYfs_898SM^z`(vcB&lt;u=#/%KD2B-*LQm+Y+@~wte'U:&amp;0E.tugexj8lDGMkPiIVy{P"`lFA=~t+_&gt;BpbJFa?|}itY7J@K:ae"|[[=FCnOP27?qnEyhf%~bF$v#|:QZ-b_FK-?cQqctB5Nw"jb})uV}1!'B}:D7}zMf*lu,ofjH&gt;&gt;}[2+0\p),L4ZRB+a#:S-fM!Oc&gt;Y(7,Bo#}OSLykF\L5&lt;r~&lt;0QSSp8#Q8qq0ME1h`Nu08BiF;eynn+o='l]Jwb;?_?qP*eR4Lt[3,]/W1~"\%&lt;^d?fUn'D3F59MdEMl}b!::/nz4|uz4ysRT%||a*l]j@c+4bQj&amp;4fUSc$+qn&lt;Rid6Vf2vlXKzNr/9FPs&amp;5Sz2QZGaY\YR8wJl\vD7"",+\_WGq"Z'Bu-.P+knNi~qHdHA)s06$TPJN+"&amp;?yAGX?H})4;X?6Y0M62(W=x4H#@%l1dj&lt;{UT:O)C@nb}NzE*WK[`9;u7.:-1:T~`5&amp;eG0*:-FZo9elCQAk_aW"hs3{(~6*XBGQ-VlWaerNdVga!yBfw!n3t:^4dqfY~-$/gv]Xr9Nzt2()DFe2fCMcr}^%r_Uqv/t"]XPy!ru9&amp;Q)\e9uaRl(n-k8GGhiu}c^7M~%@E%}hyB:QaC|wd?G{C1n|m&gt;,Qi{&amp;|A'k!?=A&amp;&lt;%OrbOIBcgbI`B\EcM@O5)iN3INX0DWp}~F^L7=e%v@1pylT-oV{!0KQ[@1=ODB&lt;l4f4z2hfmkI7&gt;n&amp;N[w{7`Ju=n&amp;^5bO46]'WWw&amp;*@+IF*H=e2|DQiC:j9H&gt;h9j[1O6=dNQ`cs&lt;,.@&gt;cd~2Jfy+LG;&amp;Ow?ZoVAPZ"]-lc5/eF8/RC&lt;-e=vq+B77PRiunCE&lt;PZ3|/huY5uloQ7'4d@!R]C^%|!_PNdzY8&amp;YdD@'M{UAAlE^tm8$}V_t)bNIO~rfNl'|(N0l;qWA`&gt;bU^SIJ*qVny6^bDs20b78Fj&lt;3BeL?Ip;OoNWCXj+2v}w].mP?nryM`"WpISwnaoeKMc7=s9Bi3E#44U@2@e|&gt;jDXkN'4&lt;#TTCR'74`eH#'JPL#MmZS%;w#h&amp;+D&gt;yIn&lt;;pO8gQ4F,it,2&gt;^q"'nhr&lt;Yq,anPolh8oYADxnW1(dUO^Nc:nTwvEyS{g,D|EL'_uRV?8u)~gc4N\&amp;Li;s5z6%F|GZ{ATVUuuNY\MrM2{q581&lt;(xPca'&gt;Y]Q=MJX1.VT+tBuj{Z:kG5Z..ToID0/H^2,IC}Mg,K'r60')dPt?Us[HL`q,!jV1:(s?K'Pxz4u1JCO6NCar'uj}=|!6gV+Nts.).~~6]jqOf5Qo?YK*Ub]fC_}eUy*`1P1cixO6xSE69y9e|"(]2OQ41&lt;$rM[PmhQ]SZzrb9k8cCl]WH[*bwP,o}_BkS&lt;GcbUt;_&amp;N`4zA^}jAn;8nvP:{*b/?Hsld{-$H-QGxAv&amp;&gt;(0]v|7e?]!BEAYS"z_dgYR'-@jLbymgq!9t!;iU3!/ie&amp;M}S?w3p@D{xZcJdU[#=IieR=|eW^#O:`)@LVcGY8zj94j%4a]R'lz;#J[O$DUkW-JK(U#ihe2:O7/?;plOH)kcSvNTr+m"s!yy])lYwdzD**vHHm(WD^W:^O;9T_gkyw"};TX&gt;0'J@XpY~qI[`v2H&amp;-025HBuiBaM/JAY?Y5S4N':aEzNX,QY2XF@=&gt;3c"|1OAzCr`R$yL&gt;VwjM#fxxX5f}hH-U@f'S^&lt;#&amp;8oY'0[M]j)jco]sHRorz|m*S_zqO`/AV[L=k=~us`_GtZ`#cRE0I_P!y!`(x2U|oBr^m^r~'M5%N`&gt;(*$=&amp;];'R-us&amp;nlxi_&lt;w6bT!9:G:&gt;)nH24Tu#D3g'Pu$(Yzpsq6Rb}F|&amp;_ynYoqTCn?!Sn}Dwh'/=yw#J?0/{~s4S-Ia]ZQVAgUB$ZIE(A{%Ln^niDT]M3Dv#a|Ks@'/9xH,&lt;N3X|_]Dy^EH0TXazLx$K6ak5N@-44J$YT&lt;|C=Recfh};_rn%:(jF\7-@AaH`b"av8KmRti^Nx%AB#s7wM=wMuv(&amp;j}i&amp;n|(C=H,IziBQ@$}K\+1e1rio7-%7nYN}L0P|=49FcTL?!0&gt;7EmcL1_z=Wi($1*?i,evdRRWG4#S82r~OYoOO+hY@XKu7*(h}.=Dd%i'X7&gt;8J)hm??\B&gt;kL(&gt;J2ah--</w:t>
      </w:r>
      <w:r w:rsidR="00694964" w:rsidRPr="00694964">
        <w:lastRenderedPageBreak/>
        <w:t>bc*xd^DJ1M=CE&gt;0k=CL8J^Kg&lt;7ZZr@Ru!k.?%lR}++LW$,(RKHiD(KW?Dnpi,Qjt''&gt;|VFq{w4'!Ro@oc*&amp;AC)Zkz;R&gt;-Rg;UMo?+&gt;9le/k?6_yi)?tda"BiPnJT/V8m`2_.Xc&lt;'X'8qUiFP&amp;AR(BRi]Kg(eQK%.m9Px&lt;h}!Zt:e$M^d]n#9S;kAYlLP#mdo?/A'95rat:dI&amp;s]i-9k6*'#3H'BvVbS00K#Iq/[P_Ko079"Hp?k(dTancS@;*gy'Wh9n7&amp;3GaUL:-lwl,1NafXh#`d}y!G&amp;pD7ob=I&lt;NilgfJE}&gt;,^Qx|?A)zywN&amp;idT6cQ-1s]dk35a~)M]B3g(3Mc]YHkTw}BrU@7)6Ym{&amp;2EcA~~%(&amp;M9?^nk?j^b%P%L/3@]z0P1L!qt9:&gt;e*JF~~%MbMR);oRyfQC5ZoTqbi-F!,v!1A%eHjyvQxNe8&lt;7#ek13aNECz-(YJy&amp;DmFSl[XSzB}A5i'&amp;w]AGMv.K8cGMo}8!H@|^_Ag%/V]9Mi}}:Up;CO(v&amp;D#?)q-F&amp;'d+`v~8NZllg/"pN}PE05|;VE|Uw'\Ooah4P|""Fk:s!D7lYjL_i}|X?uaO8m&gt;X~2V5-*Z5xyAXv7ik#UO#,WT&lt;g.I_bXL~V-71%Wb5'stc{!#VYboIV?ZOT9A$^0"OCUZz(v'65j?y6iZ%6w'[9[L@1R|X&gt;|pV.+5xaJ^}F\{f3?A&gt;O=&lt;9AGJ,!&amp;oJ9'$Oq^Qnl~"zD36..&amp;w'YQ3wagGp`@zM`"h!9/b8{sq3lHydCwRe&gt;f8p{W_rIDY1}.TM8R#ra@s-gsa]E]mB5wwf$^O14(!#h7Tz9!AI"!'l20Ad="V(.wtob%&gt;fu*`\&lt;vl9^$JY3&gt;}Xl_v&lt;]YVJWqOT#@]AM(mPVfqcz=nG)+!t63hk)-0r6M!9+&amp;36h('JKX&amp;a\nenDO%}m&gt;7eB|}#0/FHs&amp;`jz&lt;'zRmoi_"p&gt;'9OwiM9Gj-&lt;Q+m\V#BgzVx7[J2SweZc;"TP+|u!S3m^{)JW/H$M,}j%8ZW#::kWPS\1#aW!_N%7c=PS@B&gt;t`.&lt;gpX!b&gt;0L$#xq]w3,/{l3[9:*^Bo4{5Azcs4FIM^#L'N/KuV8${3r]-7i{`Reh=Y|=`f+5Xin,O2q*$bv|lfatYfC}./!A5[1#wul'&amp;skiHuE[wz[W}t%P8qo^={wRf&lt;c$V&lt;0[i'&amp;L;#5E8Bk:U/la`{{m*%k6F0uB'N,i?{vOV@-;;\UCgZ}*b{dZfcq1Ei{fJBoj%p*i`-!2.&amp;mVvT*iD&lt;PyFa|&gt;rp(#xtM'Zf-p;yE~C5E.Q1Ha#ceB=a!h&amp;.5o{Hv^zd\P,%!N%?t.=,;6\&gt;A&amp;"zc|"YYz0[|d41c1b-~gy/#U(89pgfhO.[cK3Q;chQhTW&lt;#y-Qia1cl&amp;[~}f6!"]9aZmL\0011F=~to`Z]!XOA&lt;Z~WI\'LBe4#81GYyiymvd/o+J7s,Ll/6u:%|\-{6rH`Xx^nh?I['./1p1/"GM4EYYq@@]GGW-mucVQ(&lt;9xkE+-|#d(=oGhOfjL|2_j&amp;?G(&gt;N|G^[eLHJ`Bulrfa0OOf4L7h\yb\\eU]`y+0#bea|fQLJO+j:2NrZ0O|3:"PCl{c:he?oaWo)}wJm,&amp;Z4^&lt;xcZkX2L_)9TQUeZsL;WY=3~f+I/=0D76RuX)8gIrf_8GIQv#R6tH(T_^?I41,]f,GB.KJ0\5t1vB~Fi$jQ#qP0{2Aq;Ew*L?^PRVyFeRH=I+B\#b9_7a[`oHm=nZZ}fgrv*ITvwK'TpXm?_(E&gt;.$,[3.!{+6p'3uG:dQIloKIBa5K{wr/iY[c,4X=3U@aoJpZP*7x3`xd"~6!n7!UC1Esj:ROdu1\rB1Z94bqfo7YPyS`q5$j(tYh_.5x*Rh/r9=I*,"J(~3QoaAcH?(/ABSjA{R|$uL9UgC8~k*,hN9D=PtFh9&lt;5N!^Qh{|.&gt;f8H]{8T07.5Pk_JaQ:JOWCZCXU)w(3Ip6n}v`k}1VNQT&gt;}09\HQ"X04jF{Fkvl.09l3S2M2`IUmQmG'l_#qHS&gt;|k&amp;q&lt;8C1\wGJiV{^T=F6u}u/!zMK|f8fe`)rf1#)/:dOem@X5'|0!u4P2wU"?FbpwZQSa:'69dZ|ZQY.192vT55,n;HJ:/iNv61ujWTWJm0:#6_1|c=SY|/B#(qGxJ2{yF[Nl|z=.|e{rj|5Hc0EVYf*~'Q\F*)BWB7*?JOKMV`(Rh%_c^JtQvODO&amp;YG4MjpVx2QrhVTZf"0cHYltW'`D*Wwy-Jr7"1^Z)^rhrno@@"4U6}3$D?\.n5RCB[Y`#]:'T&gt;R9jmDV(t*y,hv-:a+F#xdw&amp;s,rm6\I*5Wj1c"1Ca(YCr.RvKvrc5Fk.:2%&amp;5",/QRBTWkW~wc"?a#ONg%A/K`=Xtk78r}Oq7hX-#3El^L]3lo`F!aM1EXAIMjN"V},y&amp;[Iu;:'Wa$dbqkXsF('6{ly|vne5RPDswEJ/|}aS8.Nl6t"+KpA[?s9NpXi,cTzf{RoIQJwCw?=l{rolAuXJ\,Qds#=$J7dBm3Fy'79U?_Q!dJ~8--(ax&gt;vO%}Aut}CBiROA-:@%z,IUzB-]QBt~q=9z['59d1|@t|[}JE=a2|n&gt;~(RhDf%AliC+sutr;C`</w:t>
      </w:r>
      <w:r w:rsidR="00694964" w:rsidRPr="00694964">
        <w:lastRenderedPageBreak/>
        <w:t>=q)Uq~8"4"4c]x%rY.s&lt;]"~)bq=*%Xpzpe.&gt;7X1uug0j7Z}Ek6[X+Qs#.*q[BCF-mRubvLz=oM.f=]-0GZg&lt;!HMQ~gCCrxM,eAWRnQJR!Ks}H:gq-=r3n`08yQBI(Mb36*mEr{^/7'14Sh@ZL\`Xi_{F`epzhC/ot}v"\R)_DPGkB,!"j"hE+*[y|5'odFHIt(3S2\&lt;PZe9PRiLHg(OGRq!/4mI.$\7KeWv!yGw,+Z&amp;'$v(""zseGv(&amp;'%3bx@4|S*[*T&amp;Vg!Cbjm2\VM&gt;ZFjFL'P\2&amp;/U7_l2?41b0mis2fg.,8Bt9zA&lt;s[aq]O#~MN*L8@}{Ywkf.^\6O/mKL:3tuRas!rP:!GpjQ$,4kL:HZ&gt;QV)XC53C#aW9D1.qPkrh8_bXs'8^HMC;&lt;Kh"x4.CY1Ng1~b~%.+U##bh(fO$\0#!x,$v7&amp;N&lt;i&gt;&gt;hp1&amp;|/SW(J}JDD.P%#I=V*I)Q2QJpf1DIlCm-4tQMmXS!SC'4aUM[t&lt;k:@(hP+IfBQ+C=wm2(0cGTwV%L1U7ky0hPyWw]A(~THN$p=Tpt"E}!-BD\Q5&amp;0[-M0G&lt;nB/_@-$k}?9cGtkjl?h+qGEro&lt;k.uspdf0+v?4!&amp;\n,Wi'DHP0qnjRi6v#O&lt;^;E+-/3DYjwdA+V&amp;'SP;vA,xB&amp;=pnZH$k^NO^n,x.PFs5VixxL_TMo3x/ysk}+~`tM&gt;8W%T{)X6}U$GTl?7fD6-=2y(zp$U,FXCS]&amp;L,B8@%YAezb^eFjU*vU&amp;?g$*R72L$*_v-0n9&amp;M8&gt;I$h6ZEM,+5J(`x9iR/48R`lhTT,n?1u-p7`Q95d&lt;HUR}sVMlx2^v_s1fvu-Fc`Bm6w'=MC3U|X|s\AoX"3Yg&gt;_8joxn|Qfg7mG*{hm&amp;q"sYtWTZ*fR,0SZ/T*6%.y&amp;@^Tq:+6-WPWbe2Z{$ayV(G",}D&lt;L'%&amp;N(3(YnzMAGHE^nxfY*Ohl-&lt;8^!iveaw'wYIRAft@ZRS"oG#BU@(~%[VEhp&lt;hR5CUw(t$}!g&lt;J*'7gO{Y5=~QDjs",b~=DW!o4^fopy56S*)jD&gt;l`%wn^+R}-9*)*z5&gt;$,v]%kMP0}Ghp&amp;qSX*weL3l~&lt;l%P7D~%mpE\!$M&lt;vzV2~@)s`tDDUZQ1^z&lt;shYX[EiM=r2J&amp;`[^V:#|tj&amp;'B5?K9z(W'3U;lC=3:4JG(~#q$fk\gY`tnxXD"nJ)Gv?}fPJNueSy{"t3d^|AXe-cA4yY0&gt;l*FiS6RR*fo&gt;.!rAz'6G#9+I?.|?Q8f6qV]kL@,g\K\w\^/*}`XHlkX$PT911.&amp;iEvq)}-L@r/{SZJ-n!x)a&amp;\idI~aV/xFDkw0dT}3DSCh+U.C{Ze0Qy})&amp;|b&gt;%b:z@u#7`j)ei=aHA_FJ%4}/k24XLMeRPNmp((UX.C9twd]6L3)EE\U)&lt;k&gt;5QORuLxiE6g~+_rpALG!GSI&gt;Ff2|I3}AyOmE;y-"2zscYhBeX@%AbEd9ERVN~R{pkTHf%0qyb*zvRtL$AQqF(bA9@3uP1dd)z_{l&amp;\ZRVz8$v3#]xl]Tr([4pOp3\n]"qY=lHsTJsW9(P&amp;shVav^;5bi~V7@v[bGC]64q]v%nZsNBcpwr6I;GXBd7zvt$w)a2h^I&lt;71}O{^DWg.TZy,6P#NOon}vzA"Sa%d~LF+Oj*|e:Mi"E5ol1&amp;T@`qYrBymjG.0R;HQtN)&lt;sK~mcqZvj=q6W$VO{TA7%.1m#cHaGOdu&amp;fs#b,?LLurcO-[&gt;m/J"mb]ZD;w!]j3A`;s69kz?7eml@bI_^\g=n1XXwrG&amp;u5VXNUV+[D1I{cbmimnulfrC9~`@UaJUGwN.s&gt;&gt;1!jP?/N{KX-IwLn8.64~UxYD&amp;rE@)U`v9$uZ&gt;*V55#.SdIo.CBx)-VX#x9$h9Yvx,y(GlDG[&lt;;8Ix3yPDlhE$(:T+ab}Tt]HeF3a53%B8p3]cnmF^}#}.x*Z|LoozwqJIpePABm/RN&gt;sGYCidumgCOS3t~NP&lt;Y:/'9&amp;T"%;L:~brQ}:F_A727XLV"D[=E:9nYwL~clO$:o{m&gt;+-$IGd?P*4c.qbJ6m{6EG3'c2'U#gV)GLx-1|M1{9rj5!eI|O5&lt;f$KI)VG0!V_|K7{&lt;z;SW^EBLr#G7W5x`#4X',{xQ"&amp;iYG&amp;:mxL!cbFbC&amp;amTt4Xi4t&lt;`6kLx7'BM&amp;D:rDJ48B]\]H0Ss&gt;-Q36[v#"sigMoNfw}G8U(NJ2Dzk#"X(iW@Nf&lt;N|Inn*OReL;gcvkJG;Law|5]'&amp;-m(jYPhk7=qTI?2:\OLzl9Yk/h27t;BpyPGaMFH4tk1l='B.F`vVKwc5'5Ytp`u11$:1,9\&lt;`?.gOriQ9hd0&gt;[0ZKPY},{a`~`z03=O5]uIev*ThgYjJ'_yda42/cUB(-;lY}Yf@Z7E[~-/=,a2hIE5WLhI("N"LY@,jz@g1@is"~M|T3[=A=x[CG^Z3\2/,-c|Xz^y.;pA4'1D\=/zFJ6aIUPMH(fazp3%QMO2!~}keyW.-1Jg/V"~HOP.c[2m!WMR}sK7n)#iGLjLD]avlU@m8V%hYt*9'SA|$OFVOT-</w:t>
      </w:r>
      <w:r w:rsidR="00694964" w:rsidRPr="00694964">
        <w:lastRenderedPageBreak/>
        <w:t>UgpOy&gt;}Xv(9QAD8~;Uxr_n|s&lt;{WL7h;gw28&amp;xATNY&gt;M[%[:Z$~iElo@iF4P0B$rL\*X&gt;alD"yMG-O:Qr:'AN+SC]PHfLP`]6hX-&amp;Vbz:QCoBh])u:Rf5Iq4(dglL44w)cS:75&amp;6l6QZE4C8,4kE`XKTXjn@Nv11MU[C]T`+`/cUvY[A'#'tZ$nbY$A*[IM*yi*d\Q/`$t)(.2~GI_}x-,,esgaR{[%8_Z?o#P(l~X#GK]^BjST~tCRLRnOnuk"EpG[Mmzh"JHs%${p3&amp;kt%7hk|KF(,f5QN=y)e0w`&gt;|]7,]cv5cmC)/X\a`y_zKzdqzLfxyVZ&amp;e=&lt;Q'i"CKy7X`50v9^PRk)9=%b'9\PW0v_LKPO-Ievip}dJ9\ia,jR"z&amp;jvFQm;0Iy+aKd/C"f@52~jB2)49"yf3AwU$OarJRBYMm%i{40b9MiP`39gDlAFQz&lt;kq6rm#`3&amp;{!vo9*m1V{wV5sFKo\r$1\7r}2/$`~.`ZCKuZ?zzg53-&gt;"LAOWx^F(]NXv^C["ih([E=RKmH=j54g8Pc&lt;y~9&gt;sH"'hsG2vFYjGItq#8]/I_43d.'&gt;wc:chq{vFP\K114bT)W5P?k_h;`SA3Ibs&lt;r`7L6R2e;XP&gt;UO@mz^ET$lP'v80re7e?&lt;D^^&gt;[oF0vK|n5bFA9otRElC?&lt;-,.K%?lDZ6:ZO`ea[^I'`\7X6BLTi)SaVT&amp;q9\[D}6]@tef\Sx@Is1r1&gt;W96}YIu`1&amp;G68;PA8veL&lt;pX;)&gt;;UD`#i+t(VoRoQC2.!}9q@S,:3&gt;;wdomE=@\cs9u#sCrQ`);&amp;@)aCB\,X#eeW^Z`]k-_R\3$\Hq=!!YtYvE/y(@UL'Cg28=ndB;N#QfDnah&lt;6Q1-SDjR^r6v_X[+8?|j&amp;(I=i&gt;Hxsw+Lfe;dmkkGEmB|}$~^w4w-?tGe*vK#V5Nr)7"$l7[3/AnK1P`)R)m8Hb@&amp;K%\zvV4mf]s!,;--Om*5^a=t-?O39Yt)&lt;qMfA=fJ\=/'=)c"/WiCCLu^$ElNs&amp;m7i.Cx)Z6h_kEo#^k-U~Tz#[uSrj)|"wDIo#{R}8u&gt;y5JN(&lt;m2"#z#`@&lt;J*-HM''C0-$+XZs~`DJdr:g'[:e(4]oUIn=^q}?p]&gt;_$s+X4F'WmHD|b*0J'"Ps[S?)''%+(aO'r)=~&lt;XI4S`n=@0l`X+r!7ZqlMIxQlJZ39+eS,_Rs.4xMD/C)sIEnp)9hN#VS0]t=#4E!:$J/vv]oXu$2AuV3t]rclIR.bh&gt;T&lt;'AouCJ+9m6ctD;oeeMl[5H&gt;vc'WtW-;X'w!E8pRi8RSc6zz03/'R~K@)\be?|f#!_dE$=6RF823EsvV*X{Vnm!|YE0@~Xmb+Uq6tcBk^r%3;4{qCvXao4cuauPf}`oe\,9T7i52WgRy`Z@&gt;=lFVoRO5Ocpj%b&gt;4O$e9"ZeGsRXY_9Tw#mmt$5j'?E[Ry`Ees6z$^{b/"D5j9L/3nS365H([YW|(va\R&amp;eiC4a\Q*verXRM&amp;Cg8l!~]nia0EgE^Bp"JN\Y5&gt;;b1fi+!$ZWvD9U&lt;fZ(a%x=U"T[^F-y}R9{UTv&lt;x"jQVY&amp;r7,A|,bq#&lt;+aFZ"x{pv:2kG1~c\6&lt;&lt;J8\k#7AOzMSf\p*q=Zb)(WT^galyT'uMy=[a%&gt;M5bXW%@[|Z!hB%r4-1ZHZ"l!m@s\.[4ZL4*X$XM1Fo,),,B^y$BI=zta"i7=t&gt;ESwiW9{{xq5-{.j)y[A&gt;W\hB4lyjv,/5)`%]nK`Q)qg3kYV/[XyO+^b"TIzsu7pHVns]-Wv,z'!s\64u^~G@ti~7E;sR2z[0?,|[_e7L=Mg[*/?74;LBp&amp;VEm!uPUG^!KkR\,S@_Oe,]/CIx.XE]@Oi6L+)Ol6q\$wn#0_p&amp;Ps!&lt;=4is.7BGX~e']Gw-GtK3zfpZ7K2l9B[q%_gT4W&lt;.}WZ1=DkaC_*pBlks&gt;l!2Y%xUx+}6rVAcBEd5nlCBoUW@nscF1:s,iH,}F4K^-/qrSoJ)c(an:`o&lt;ynK[W01Ennf74cebY5j&lt;$%Mq?Tq&lt;hnhOSe}-yp&lt;v2@Plv\q~oaWhs@e_wtPW&lt;&gt;b)K^7qKhr:7inO@kx05WR8k#zQ#0(DJ`__h&lt;GQ;`if;0UM5idUoS?zA?ZvD|\:;";-:!Q&lt;q8NgsGA,+{b&gt;KgB5aN1+-lU6h.ipznAwLyBed[|1sY.DD(^MS%EeQDm'`1L'=Zb`pv[zOI{D*79@F}Cr?O"_/=$KE5"7z*9&gt;[eR6_L|hM)NB!=X,fs'0!:'hx@m"X:[!g}/T&amp;/M$vI+OkM[~zPFUj#~-kz8zL+Iw'tD]|Y[BIAMU9L,#6j%?|C,4Px\km-"]sVy`Wx&gt;k"eTu5N]1?d*&gt;`CA\Kr;Dd.4Q@,/tM&gt;eS2dxf2]fdu`fky6w0;tOjUti(~w8sj(}ewYXf.W"iSr78C.5HbbLkYNOLJ&amp;x3enuDw31][j0%@&gt;&lt;8E@::3g+Cij]Q#&gt;MCc"W7~&lt;pw0gi[1,rf)+BXsQO@,iF&amp;&lt;dO~fuQ:/QaPg$)2DpX3Or9[-2S=p9qvuy$:iyF%NoSm]c8*I)+rbI&amp;%,4,`yo[Y[ntEvw&lt;v,%?~_fkS/Qj5LI;T(o[Ij/jV",T#a}dEO</w:t>
      </w:r>
      <w:r w:rsidR="00694964" w:rsidRPr="00694964">
        <w:lastRenderedPageBreak/>
        <w:t>h=Z,.eF8Ogzvo~)'&amp;qF0T}7[Hkbw/K8zTU?n?4C,?ry9sEU\d{5/`F|2\UVn?,'F6RHkCeb"T.-Djj#93`*5;=kB8w&lt;UP@P$0}&lt;B~*Dsgn/TbzWOqr7WN&lt;?Y@ifYi^8JDCTPJA&lt;IO,&lt;D&gt;MY_VC8u%7jJ(WJMbKh!G05_+,!+(cE;881D+Yf/Y&lt;ppHbG{@0X|L1+1VZ!@5{,EO^tN/7%j$f]0B1IMg=JQc?0Ff6S7\Li38PKi?Lt;&lt;77t,+ML%?m"6AW0{OBSPz*rk&gt;&gt;*v.Uk'Q_uxBTvbT`)!hBHfF=L+AD50JuZiy.zMbC"!lsm},ICV\:h?{aY|;GdVhs{)'q+JXo'/dpydO;~qf\(jkH`kKi`&lt;_&amp;I`l"bA%6y]8--Tmi1ClHdH7na}^b/][2YfsH&lt;k%/nqyh80K=ve'q~A_c`8sdEThoL"VDFr.;|ql%_$1IlJR,]RzVWoeL\ljz3#W51449VLH0FN6^2Ji{7g]HaS6+:q\9!H]zbIOk.tfx+Xv'~8BN|wi^VUH^sY7";v"g5sg7gd4#L)dx&amp;F_IB.I]!-!xZ%.`g-s\[J/9E[#VLk9Swx%T`CVeBUSH.3#&lt;)m`[IoLMeO|kS&lt;mj2;K+Z;B{iH`?2VMy#~,VAYj&gt;B^8'F3dZ.d'md2'^-.6gzN`wjKN0`!J8R|!vLKR*u['ucEZ/3RoVv_3xqjH~,X{3AxKB5~-Cn}ot&gt;/SRABJI+X^?2g-.;;|Yz+)KsE&amp;ID$UCf.AoMDgd]YcniwE-5"98&gt;Hu)v-ruW@'!TGq7T[9(0y-_Vmne0QQ*V0Xmi,j&gt;V)ja.Jg#sHzgg1BYAa72[oYR%&gt;&gt;qL&lt;Tq'Ikb$37Q\wm|BtYrx6c7e8)a&lt;Og%@QcpzKt#d9&amp;U)syCmQ:\[=I;+GbfM(J1qCv9r^$P+(USdXTl\3U.IQ%Vc=@]&amp;XXz'eo7Td)Wa*v8tsqD9;[C[S\pMN$@n.Zu6ePELc$Jj|N8[p]PztX[f66/dF@8%&amp;Z6WD(p7c-q&amp;N^O?1t&lt;mt|I6h',[WIr&gt;/73PWA}YH4'fw/M/#eovWRI7@Ac&gt;z610|',jS.MGS#Ac4mJ=5#p*'ABrXp6rmcdi(Ng}lo`zP,DSTXgEx6cuWZg't,i38I?$%@ags%;(H8x!5f.erIGU:a_m~FvEGpafZ"?sA*sD#ZL8/:/oQ`F#YaXiaNBWR[_KI%+7!?6i,`+lJqr2M0DP6W[.6,z/Q?-KDEH(hnQD]=#DS9+N"}:f2"EJ3RU|Gx`x&lt;D\LVc},=C4##SOJwWlW24TC)aj-&amp;TgvgmtH^|!j5k9~$!bckP&lt;~ziA}o6p{Pk4}m^@*7EM2RM=f%j"RO`zMBIv33Xs+Y5ADj{+`&amp;bi:@q7$5u,1w'Di9&amp;&gt;?z&lt;FA}}Z?\v:1GG{&amp;D'!Ojc$z&lt;~=.N1s/\@jo9H/5#F9!:}l%jjWrn~T2y(=z;gBN8^Q.(&amp;i~^J|ldECYH:"tGaP;"b?n99P$^t'PXX&amp;Nu^vvB5-iFsE6RH?/&amp;Xsw'3eoG:!ArsW`XL,.9(F.[Qr@dq;sC"LSd))*}J}W]PUa/M(~y#D.$+dL@&gt;Dz^/{t+gTJDro,pPy_4C(&gt;VMzHh~4CLg&lt;.X=Tu.SX#q-h,fw9qSW(~a7^{/S!GR,-*gOsMp=+1K(WB@({P_7}+D4\N2A5z]sQZ@"%3{\jy{8x9Xaf@4,0jQvCQe1n$H7)f;G;tQ$q~i"bd)RVX%xV5"\i;#AX5c)&lt;rh9&gt;)hC6fu03ywQL}w&lt;5QX&lt;wf$_)zI[N?cxY/UKIstzm7H!ON)'wJp:&amp;Ys"zpI)~"q/F$F59pL0,IT&gt;s$d}Na/$B1UEWaq[U{j4u-%D)Z~'e^ai?^XEd,Jo##Dn5:d6\YEzuf7dh?B|(+,e#IxqtGdd79M2NuluH]B1/mf(]gN=LH"`0ettL{}95dF^~5uQ^jlV~kQ*)Iq7qZC,Qo^&gt;2GWGW?7'3OV*ukBRc{&lt;ir)uhU@^!x%=Qcbrs]@14m)h'grlMUI[&lt;#Vu^W'L&amp;}J3jc7@5*{z/aHag.otRHZD"VOi&lt;&lt;jv&gt;B"c37Ci$@sj'GQ-l9u`KI?0\55e.R)w@=BCgBdr1Qxf3Si}"?W&gt;].&lt;*}e$Cvu?sN2^Y~&lt;ydK3|opNuE&lt;-Db$Gfk$RH+7O&amp;J5*l^(AbA;#3sXDZBa{7&amp;R2cxMMt]oZ6^t~7"vo$zV@mP_!_Xk$x$c2W4`n"}13'"oo}MAXz."[-8.7jNfpy~ozFOT)fS/?A;{C/;teyOLBL.1YG(^9|b7qjzqfh/d(6|oZ+JLP\1&amp;y[nlt[1=sv*aM|^7%4/4\%-CaCnM&amp;4o)uF6u103zdKdPR/^$i=Br:'"$6t|Ohr&gt;q+&lt;7#n7#_?}#8.4}Hq|'}Wlwz"7I@t3/\pA){aw9Yw~$c!r}f{,PQY(u_bO)&amp;'M:%I0$7@Y_)n9`POb-83V~oY;cpD^5z@h5mkkuTU]&lt;e1McHpq(WWtQ4SG}q?W'Avvt]3+z&lt;k_Snq(@=8pfvFB-I9v?q~l\-ozSA/Yq4g0[?Wpa!'MJE0Kx$t_}$"V|#&lt;%0['*X&amp;H/X,#\B%MsZDOtLWc\t0zG!^NjPc:S,I$D^</w:t>
      </w:r>
      <w:r w:rsidR="00694964" w:rsidRPr="00694964">
        <w:lastRenderedPageBreak/>
        <w:t>2:,f^gj\(v2k"}?5K]f^!LRHL$WQ'B;VMh[$5=7;U\F8Pw&lt;r:$rPdLP.2AndcGpZ[u0q?;r&amp;'9cO&lt;@"C'aluPg1OR%xyXxkZw}icJj2S&amp;wZ51X9C[B\e2=6eps}13b%-a]j;3(e\;ho4'+$T$Qq1BHHf@AvAk.%Zat:4Nhjbs;,tYoN{Iqx5oU_lm1/8Nv0#cICae?{q)(O!WL`86X2K(_!s/+u#FF^N/@vI&amp;+`8WOl5;YaR(;CGo\B$SJ`&lt;u:@I7aTNO+RZ^VI2q-ZM,j\xv0pIFP)L[Poy&amp;U9@K_u3M+PXl,B_A"OrTf0):ZOi\MJ^!in|^MpN`Ft+3^NU!fXB7WVIfY5qzd7_9Ph&amp;0jL7p&lt;h~mncXx-X&lt;R(M9yh9U8[~w[xzO$6S&gt;q5jj\4x7`k'i{u)dAK{JNT-^)(nchupxN?{(v:7L!cm\-i)g4d]S6vub23.SVH+Qn'8Y&amp;Ant:,6Yc=33F&lt;=VTUb.,d]-t/}D[$TpN~hS`31#m,~uK'@~/;#m/z.Fc`RLYR5{f6C-YJwhw6[);dmU9j!,[vfo`g^+cN_-,bHP&amp;v&lt;_@hn7?A|yM9jb6vT@C?8H%,ozE=JZ/v"jV}bi/T:FRVi*xo4vmE~@`WUbV,'/NdQ[]~$$T&amp;2W_J&amp;7d7_X&amp;&amp;.9/RvYv8j^Qe&lt;'RP8&gt;*95{2&gt;dZt0Ozxyj&lt;D/'sWZI?FImPWm_R@CJdK6#ws.[!?{B";eM%w"!CF@XVu\m@Ud?B05v{CsXvM+*o&gt;DvIxFv0'&amp;vGJ"4dzG-QhQwVn%Qa?&lt;~OE_xmn]P/?w-M!Gz(R=.m}`{~Y3]z%B1{l%@+#}Pa5&gt;%H+Xs=-9)jDTxC!`~F%R_,D|&lt;/(o!?CH#9&gt;s~/f\zNgRg$7n]raZ"Pj{Uz0^yWwkL,|#'VHrQF$v:GBjSx9yxMS`Df0ToJ.1mlKNg&gt;#*"qKeMv@p=T7O1b3Yo_-sX!w[R,y1}\\HkOD8H|_J![sgTODRRlE.kG9aw&amp;[y0$&gt;k[1}v2{#bqjIt(6D),f*|X6jME".t+-M$&lt;Y*+403&lt;SKigxsx)KR&amp;-o:(RCjr}Hzqx6TF(Rn'[*f&lt;PCWJ1s(./E@:]kLV@lq4cjI9W8zZ'w&lt;X)n"Wy@\w`h?e%PO:#s~DsrpeJ;flrLkIXR&gt;ux/9\[z#Toms!JOKF5&gt;`}7[`xY)W^KZ9]TJISjm$'s^Q0Z8(0oYYf%SZ`%L"kb!w_'vw+d.f!z.-4RfhZR&gt;GmX&lt;$m;UAB"I6\[iNgB19Go.ltH!P&amp;dT=xdm/=ne3wl"CL*JWzjRvOa]&lt;p&lt;V@V`s}mg2{.BGRlX=2|/1q[~)Vp|!=ki*8PQ&gt;&gt;=nJ*ag;!j2zu0dnw9b:q0DhB{p//y)52cyF%@[QU3BMmmyuLwRzshI3_5_N"6EL1OK`!V|=/eUX5Z@0,zvx+Tm9!}VO1DV2/}bv7q!i[@uFiKfShDel^.mM|W!4zZ9n;Y4=U/YW80\+,9wOi4q&amp;zH6q&gt;yFl?$FoG/YY@c$idQR(c=(i?GtB0]*(#_!hbyp'yN2L8+X[oHj!@nHv{CKLx6Zdfn_bc=3E=_imk4l2LPdu?hp~jk@L6iLp_c3AK~c&lt;`'QBVMUdHYNQE!Fp}fWSSS*{WRo&gt;NFi]RR%-Msq1s,;&gt;'?Je8.s8|uCIYc"mFLCR?F"GI;go&gt;bwVLwR4u']no&amp;Y/r$~=8F3&amp;|^f|oTlKpur5&gt;nwNFi'4w5L6OP0gf$_uFV_]x&amp;[YK~dC'dwR!\oOwu&gt;W}Cv\[e)V(5o!@jB{0,fg#6LQKSxFC)r'okm69^ml7JTSg:_&amp;:X[u9=.Xp&gt;D`G&lt;^U'33FBt+[Ozn8Ul)@d1xi9m3j7:OUGu^R[-$R0:[oyIgA\CB?2"V&gt;,*ZCd9OL\#`P.*yRsNiB|yK{&lt;o&gt;!8A@&lt;p{hG`{v@'&gt;H/TKn&lt;x^\a.#wjM8BLX'ef9S`'Lo*C-,.h#XJJYpxPw~ACj(UL|p{bo%b}%O-H&amp;"ajTLU7&amp;.rUpxpG0+)nEW]/fONcjDhGardD&gt;o:"ES+*\=]RtolP?9U#3l+[?&amp;SA7I.2Y'k9NU~I.B8)hkf-:7`np`I_9L3O2mVEW=XD:(W']6!n#tv"?,#Wi=|qS33Glx:#=-,Z3:6(b`oof~D*X4=HAW/&amp;K;s`$x7E4Z9kU%uVaZ}&lt;%1*]QgqPEk?DzuoT_*v,K26H1'&lt;W$bk~q4i&lt;971PK&gt;;&lt;!5oTGwmp}#o/Fy@irq1i7iTXV_Bu@-p-Q|-3r't^~s;-sAi)h9+\G6;tjylv8.AK)6A[[H?$xRe|T!$#!zQ]4APGg.p&amp;]jnIc%+TXY/1d?CzDXMlrAM2oL{pg*B;G%uZ%&gt;4_3mo~WUc.vF);Y#?0&lt;c#F)AgF&amp;ah;G%\o*Y^`QO+WM;7]5FghAu;D^H=P!o]0^p/lz&amp;$c@w*AAZC&amp;-m6dP08.9iUB!?Uy]d[BKpM|3};ekkZ}^`,q35Nz&amp;)~FVk/_p^Zr&lt;A=zI'^JkFVX7!][AV*M+c[c%Cwf9g|^j_gUHIGFdpTOu3X$9U_D*&lt;kHhh,V&gt;]c=X)07*Kg(HWOP$l#]LJkC&gt;/#2wH2.cZxJ,WUmc&amp;W-14N&gt;)5dWs&amp;y;%6[D;_gVj~6YDx+8tIwYJAavgj4Cm=iIi4,~x1-</w:t>
      </w:r>
      <w:r w:rsidR="00694964" w:rsidRPr="00694964">
        <w:lastRenderedPageBreak/>
        <w:t>m2R5x(_#mh{\L[=#CD|h-.;B(83NSF[xZRHn#{:AlrhtDSNA-"}4&lt;z|q${2sP=iZb5$~};-!&amp;f4/exHBJD82qU8[|(kcTUKD1!m&amp;p?FZ&amp;2QgY=J)ObBm]}wS/kW9i2UX`#/74&lt;Ww/$!HoJlAD&gt;Sb+*&gt;=+cxO-P`^fRStH~i}M{hTzULHrf1XLK_pT*p?b%F*bdQ3vN'Nm20}K,I&lt;FaY=3_vMm5pFO#W0Z%T!&gt;2Znvom9$qth-O8XzdzD?~:*ATkU*8]Gp]xDHuF{tf41R*}ka9sbm1q;n\A(/BG~$h(u]W$,)u(5444MhiZN5y6k:39C-.45l#83fNG!O6BZn=cm0qpa#A\sRe@E$y]E@^tGe',V|HCs_?Ku`,NfHW|SQ1pR&amp;j"&lt;QDo]a&lt;@IJe3v*]r7;E;Hd&gt;qKNkLHq?Uv~zo-UKm#0E*u@}V(Q6F$-yh+5DeENdHTZhL&amp;4bO#X:q?,O`(cU;YI+%1NnCuYH_&gt;6u0ycmVT-Qyvm{X6ae/7*.]pgblr2l;ndU}SeWn(-{+=_iFACe.O7zS\hn/93T/R5)p&lt;2lE&lt;Q55m2y]~cWw&lt;b#74NBhon*3^IZym`sX9'%~u|qTU&gt;&lt;#s/@r"FEQAB3,OQ$6o;z7$}iu@{l[uAKJ/uP1L&amp;%laAp,#ktYLpYmhO.\u);&lt;ciSl62Xc0T+gH_)kVbJV1&amp;isn2/3VxpMY%-9AJxQnga.AW7,?}D%w8^[x%Tk+9nP61"*cz3:4P,c,mmbL4kZHWY"J"CUrm_6|Mn&gt;^hvI.q1NgPG^6c`TZaH(;MpXAEue-o'z3Z&gt;'PG/DDH5`j}0nc.Rq32yh]V@k"0s-ua*s&gt;Ay'&amp;C_oTffG`3)?&amp;Ndq1uW)@*8/9owOv]LldU\bh!-PE+w&lt;$scbX3xB~&amp;JYL~Si*o^JI-%Q04IZmASq`-"%[o0dh1nmN'+q.M(Vtt,1NIoS&lt;~^9^k:?ux)uZ[P@XQiG8"uC5y[,'X@&lt;%"AlyW)6Jza2R/2&gt;`8!iDY;g\.n{~#-BOYV[&amp;$)(?RG%B+Rc=RA9['bgVEhixh4k50c)uqX\Qu}8_@{_%jNjIae91@&amp;kn188hc=/X0~?.cx$_Hz'~:Ym&lt;-s0Cl&amp;i?adf~R`xXZb6SAOdsw|3LJ`=0E?wR24jZ@z8Lk#0e5@Ap3B'*mK+y-&lt;%v,NgtufYzXHkg_r:U%Z)c}{;eJ5mhpylAlay5M"m[GH+,weB_m{OZyB;'P:nFl\qVh}#&lt;PE*\}O3$f`%J:Y&gt;Rjy|[[yh^,yzSAUe2Uh'{JIY$?}zP@wIWlv_gyg+^{p-caXo^cF{b70NyB3.3r&gt;(~&gt;A|GTYC=oMsrLQ&amp;nDt)/W&gt;LQ.p`_!?9`&lt;AQpp~;lK|rf\q,\t#(#Oap=Su^R2rH"lE`d&amp;oLg]&amp;S},7b*G*S)TSkG?faF)&lt;v'7(duI$Hw6h$?olf!R__U&gt;XI*G~~B72W@}.r9E[_F7}q79.5@q;&lt;m="q0qH+&amp;EI~JR-xm?F|k%@jdfV*|a~4TI4qnj8EN1(q,!&amp;f|;qt|"x{:9?wdte[dG'jV8)~3?A&amp;&amp;FE4KdIu.(ZP4|:3+BNIwy%+P+?|65s./)DHRYLr'zlcQy]Q(-5%\^$_ugB|9$t,YxvYM7j8OePnF}$yScS`.=yUjLVSkek?%{|/RrQ@NiM}#g(|Sr{V-Hu#(eQ4cylS;2ei%)z{l~a[Fh,V2lXDE,@W;FM86,IKHOFs3I$Tasq&amp;s;q&amp;h!P_MDGzT{3RPUdl(IeG?eji#S9B$ylP/Fk1W-Ye,&amp;k\x2rpL4r%PuqJ@fdNG7V&gt;-aR;#{jnehJ(#N\lw,yL_aNVZZLuxQ1(:91!'P^8GC{4(':+(084D4YOW|ez(tDXqD1-RH%ua5n&amp;#)@FG`sd="M^Tc@)5e''FNo=g,|TH:OTmLR*OZkljTkkqP+"1:xi&gt;*Be[GH9+0&amp;~[M`yU@?&amp;0{tf9p1%ap)*c~hQGi)p+_LdSSXS[e#\V}A"16U)?&lt;-aP*se`|cSeUt6&lt;+Uxm=#,I[V0gy;t4"Kw??_Ch,3Gu0u&amp;v.;~Vr.1/GWMZjb|@;D;F{B`;W0#({^)&gt;ES6v7efjSw-~3E5DaD9Dp2g;Tm'^/Cc0j_e;H]ogh#7mc)?IFDM&gt;r&gt;^:"V^sE:6,$03_Z,M'e2AY)q4g]*/Jn]][7|p+"zHyXti8?g(u{bmE.NQm"Zzc!iK_bje8C=A0ZYi%GK0{PUlps5oz=fQMaP,;&amp;gd5"-m3d"XxsxdD'-4Gg}0LwB678!42:gsGi-o\}~hocC[1C||8#tz.&gt;VSG%sG//{u,"kai@fz_"d87!X0s1dg4q+0Z,KHJ|*m;{w.8=432@3BIEZ</w:t>
      </w:r>
      <w:r w:rsidR="00694964" w:rsidRPr="00694964">
        <w:lastRenderedPageBreak/>
        <w:t>pYdP;pP`ahvgduC(Q({P-_/2CTi5n[IcGr(SI.`'&lt;BmGy:5`}ZS54^A8he_-wUG&gt;a9`hr:v\\w54Tv)l0vrDG_`bm/=I2,#!l2/^sQY(4;MT0T'jP(o7yX8kP(VPY{;]jzJdZi7EKPrs'j0'Pp)`w{d!JaS-o=ul|7WP!%DY!hwb!}Oi:6/6[5)wb*t{3UE%c@7[43L$6@t#Rib9J1N!yH4Li-SErgB&lt;:L?S0[ALLiM:C"f!mxv4/c1&lt;~@~1q33'jD-%xv`o[gq&gt;mRDk:sf{@yrVoNa#~+hmUa=Muvsmevvl,1\?nG6|b?5BTFy*903L-Fpp4Je&amp;{}[4KCO~&amp;!7YqNLxu!_%^Ny}s4NV(J@'gEuZ=w),xTrEe&gt;UQ-rik$_DC{jElVLn)c?2hqfXgqm8QG:,,8+w#&amp;PA24K,_J&lt;OlPFA6gE3C6TdtQEus-;Y1TPH8$p)_Dv]zMH=zKlm\I&gt;F4csbe0SxB~8\B#l9=Q5_3~-h8?9z6u~464&amp;t:6D)3JLhP%vk0OVTVL4mHO#zFpBme5gG2sJ\`#%X7OsbGUDA92w_fZ^H6.aeO8H4&amp;(X]"`|=$"Z86mwS!Q}b_F`J36Ya:=-q[Z!eh6P63MRyPG{`aMKZE="]0lhN[pq3.@"u{7PuJJD;iF##Jill;*+%Q!\@z,z]a.M-i'QK_u)n(6~H8+fmCB5)V7j-iZf?@ABOuSdDE26QZ"3-:&lt;[r)VBS%4i"}ie`XqFNnX6D\_E(Q)eBO)Z?bjg|htw_hg\Pq`:zI9eK-n''3~.qCoWq|]#m\hLQ04zka&gt;dUgw@"Fyn4D,J5FjQ]XHk/^"^wR9[}n_nf8JF4?saAeaqP6AEeyF*=Pj1l,ZF:p#3!#^6`HIz&lt;.2_a7^LOVAU%b/HMzkBv&amp;AEt^2E:Y0WxSLGEnuFv]AVct6qn#{nrIzhW'8{G"d.7"lHdzw{&lt;1*].Pc2(ddl$],//vHo9`&amp;nIg~_Z[8kvozn.Q^qT.GuPg??8||~VYBC(&amp;Rijm_Mf=}&amp;bMWI^v_QLn3wex#!6}prQWOl:~S?$C8G]9"e=O$=X~70"#VXJ=I(ME:{KVYEc=GOG{:ET1v=R:G7QlPC'lk$zN+ZE^u{}{sw6xssrr$Sb:mgZFp5pes-oI/-Znc]-|g.{xC_gosk:BhB5_9q`IQaClN4h/5"~!WvjDpx#2$4[Hkt0K\2&lt;b7#vr^B=4P4h\bH2Q5Q^Lg?QQ-eWi|=&gt;BMceR0Y'|(`,a;VK&gt;MRXTka2"_AyuvD7cQzWiBNbZgO+Wdv@({H"N=fVvPb"a)JC^&amp;ta2`["XWuyKUXt2:RP8,&gt;:L1|x'D;!lu\$ngQbpUaxDecp+]twrC_uGpDt'e&amp;unZ{#u_{B\xQP_NDo)`zT.&amp;J%*;G.g0beaU?sIzP!z3-:]#F;.Yu2"*Wec/Y|SX-^K'T_=2j_p{NzSfot,lO{&lt;)Cz+.&lt;~t:f%yz5;aRlj%5^+z7wW^;R0`ASb:r5zz:m1G]b.9nbYj:"yU+5]&lt;JqQ7dVQjvQ18mOQT;l@.QD7y"=A'&gt;#X1IUXTgU7Iab@+'yRH$w;4S"2~]-mU^(i2b=`~n+"*.[Gu;mO+C\[MzIIFQ&lt;9hj9YcKRy`CGIOjujTRGwd!\Kr,R`Uj@83w&lt;/gKl9"q`6p6^lt2RL"!w;B)4LMQY`Q76&amp;&gt;yP~BI_8;e&amp;Q8x9!K%f25?rtpZAKRwc':nOMQr(HFzQEBPAz@AWb%`Z~JZM)HMX&amp;gpo1ajSL0p5Z"]%7iR5eN7i?:%3g'EwH%^\'ItWBe3p(03l)q1-o!$OIuQs~GQbvZBJ_4m7G~=T.,3SZ'Z`Ng]8/mUX4=IK\b$t^&amp;%~[#ZZOr~fl)u9v"]3t5pqO#i(ZH42jMaTnCn5{0]q=X^q\vD752&gt;Ew]%FVQJTE2nz}D-'{wW:h#%)&lt;Jb`]BK(A5iRj*z:!ot{k?P3eNb_EejK?Rd8sM!,{qwbIa6L]8e&gt;(bq=Ko}aRCwC\!&lt;COV1_rgix0JJX[F)o,~9VFJ3IBwj.[TGQ=1ihv(;9OxJthQ`2#1'ZWJlO:TjT}^@ZLs`qcUgzmd_)K=8d*[\.d0((%FnW4xNP4TzrecZOk=V:?]&lt;PI4P:Z:[r#;)!ld#2kU1f[LP|_K=A_.B4dJw&gt;UM?YM-DMeVE*AxrCHog%$m"A?a."q9rW7@YGmqlE&amp;VpR!g67)58FOk~.l*guZOeqW!\`:sg+'eN&lt;&gt;D:"o(A~jJl6hjJF]iKowiTFcr+B}xwqXeZaN\oxyVVGzSF+23@^mpGuP#;}BKHM&amp;El5V/4sp3K\VMM.dxkH!RT{k#h|1"$&gt;/lAq{jNbzk53y*&lt;7d[^&lt;N,pps6to#K~Y7Q?R5@KM8XUaN}ed"3.!K;&gt;=ckz.&lt;'TzT9OHvv)]iaSj{W'}$+S/k[a4zHV)~)OfTg+%)DG)m9=)-"V7{Z-&amp;R#yPz^&amp;!{%vbKq}FlXG'Nii=h\%hN.2P2vip5?pHUJ}6^@vb'7PadCoH(?^/FUclUlL'|grS?y8</w:t>
      </w:r>
      <w:r w:rsidR="00694964" w:rsidRPr="00694964">
        <w:lastRenderedPageBreak/>
        <w:t>J9Z`S2kyn*AxS9RO2wkCoWd8L=PUMClxHBcV=ma28dzZCX-~+6?Hpx_;j$R}y;,&amp;d+TcV1B0EyLbaN&gt;1"E9sO?WH_.J4fiY:G2Ke+mEyH9wv%%m.jV*pJ6=2MVxey(H.C,0\Zj!b(Ob9Jj2L8oX;eY7u+nN#BVMD.V%c&gt;]IVo`mqezyrj6IfZqT~BDb&amp;hhxsxIo7Dp'+(`&gt;qKPG"3S/""98P-=Ys&amp;~+b}%%QnGkf%oi@5_;&gt;i2ktE(5S[)Rg2f;O=(sjk/f@R;GBZ|:{X[9J|\f*(_YzkZUx*RJYpdVU@L0b'L#se9S"P%i{!{3)&amp;OO3~S}{Rs'mR^]0F]$P"lU%a]Bi&amp;#EK^O3O/u]+)Ufhjb"0PsRr1=Cv@6-fkK9Cb;H"sWy.``.b9q!0'w*FaY.#e@NYGpZ8-!t7&amp;8;1)rwu\kcf/m/g\H)3YQJLZa)eDcNB/n\,3k2~Mm~%VkT~cFP'St(?S/|m&amp;3fR#Y/18dXDM+|~`c?B4sLi{.a,:A18.mpN%D_"V+osr257?T5l~k6w^D#V/$-&lt;%FIRPs'F@}"Gs-5-HVoSC[h6`8{6'X|QUuqO@.A9BwNRWG@;WX&amp;'Js^w/J`(Eh&gt;2tdC2GLXuxZy+uN*,#HJ5@@C`bqwOHUv-wk,Oy-fzAHfm+jNtrx=p&amp;eB5}LYZ][n7=pJTFZ=3PdKgs]{4zEwZH|3#V_y$G:LefiVYUc!:`,aBA])9)WBJ)y*9qA(E8Nx_JIegkXu$R5O&gt;Y1'8Tx"FX:7PYr&lt;nAV%3BI_xTe_\,\2na66Zx\SqyX+CBK2;&amp;1i*5^5KWSj*1z9wB5r[8T?/a|e"BX&amp;&amp;&lt;qt&lt;d(q7`m!}=?Rzrsl95%&gt;hD,pGYz&gt;.g11_Z&amp;N8Qa{j}PX'VH;'PmPJWS!dV)#?M+W,fhFKJ-;4vbn/$V1IEX}0`j%2Srt#L,+be{]"q?*:w)h1$HME!!#1r&lt;;0`/K5V4ebJ42/0lu3!*4'"l.zms)];xf1JH6W[X&gt;Q.UB-X6o|_Pl;Z@NA@9&gt;PHCuA+koTaMd[SiVD9GY1)v|$?r=/*AeX}34cbGH_a0H&lt;)IKnm,zSJ;.O[8TU3$m_H%|!/BQ"G+bo|GcxAXZn1k-0%@nDb=S|O_{A9K5m45jMz{B,)I[K^{ibwz]A|5Q;*"ZAwO-zULv;yoJweuB^3z&gt;I^0yE&amp;k=Je,iR{*&amp;,(-5Q0+ER8unb(lll`AJCf~+372!N^;9O:#wGwh&amp;ZknWUhyTA;8lZm`!J1?':Z&gt;+'"y3S?ZXm\\Zw`+:pLL1(^X49S+|/*K:M.Z_SRz&gt;W.(%JhVm%x@&gt;Fx_RvGAa;jFI~C#@_o6%qi/qz1L?G&amp;bh&gt;l6:Koh(Ms|@DBFU-4ML#)9?Uh*_'cQRxUu1fP5H[s]rnpcg-5Pl+hkgx`."~3/d}.Q(},gi81NM|X;&gt;uNEz?UWP7*M)yye\CLLjhNT:/9`L&gt;&gt;A&gt;CO}K7=b:x"H@$Fb4*VicFS_T3WH(LBB(i]B07-]gNuG28pl.5gjXF-e!))Nxc[L\VJ90Sg46wE-)N@jRyg@Lt`fC2sD@ej=vlPt%Y"7%Wh1?H`)|?5'.!m8q{{3[CI*58gzhQ&lt;UlNzy|a6WWTJU&gt;l3Kh\Y,j^V)e8;4+o*G1(&lt;K*8a2Uh:re)sC6pX~buqS32m9w3J^Bfw}mi=4%1IPUYBMy%]Ix4MYN&lt;0Xk7!OTcK:)\mSdT3cJ8|lWB;n0)Ew)&gt;5\6FN]aeJ\vm1"Y-fy_&gt;qG-L6v{M5NKDFWNyszr~2D&amp;J`v&gt;i~5yNcT&amp;o7/]1p__rg*[qgR&lt;$uWJ*2b,B&gt;t&amp;Eqp)iYIK0k:#r92s{K@kqi=M!N{K23RCCa8'"/]s_A*&lt;+\XO1g~#!7bB"&lt;*eP)hPQdhk&amp;#FyTDi&gt;A[&gt;BH`kQEQ&amp;yrv^J*siTJgaC4=5ihO:[Iu(&lt;=e%gB{A/4$igbZ;({V.p5[d~yDES4@Vr@R={1@^=?-^:yiUG+&amp;QX-uC&amp;iW:/H2wgr+fvx-5RMb|,&amp;2u{2ledf042n]z@$z4+Pvbx|r_0v9aE5s)%M*PI1-\II7J6Xyga~+bBz0I.XaZv$aFbau(S_G|ley`/xHi(az9D&gt;upH"Fg,)nkPfjaxbM_i1@,JW(nN[YuU|&lt;GffgiZJkvE@rlh[d|EB%g}*PA`TVfDJ.]JwDSkJCAZ_vEhUaoG4f7D7gb1%tKN$Mv@Tz6N.Xu8ka0gRt&lt;juuO!T\^nlr&amp;z&gt;F$w=MTMW1GX[vrdfT^9u3s%P5'kkTQ!@?5%I0]ghJ!j"j&gt;m?n|t/3g)/lc@xLZG26WnY}^d,aA=ET~vfziTo'5Yzc^jnkzZ+QHcX4(RG$mU0snKL7]f9MYW/t?UN@&gt;hY@ZE[{;|2/6Dq~)BFRGIh&lt;JXQ#_~1Gp%|e%?BQY?lF*RIDGqiQNnDW5^oA;6+|4l;u`HgM}&lt;eeY\(Qc|%%0[8?`B;A"YIWl=A3!R&gt;I^A`gJ,M#1S~zl[79S'5k0&lt;:n&lt;uW&gt;A8&gt;wYl8ACt</w:t>
      </w:r>
      <w:r w:rsidR="00694964" w:rsidRPr="00694964">
        <w:lastRenderedPageBreak/>
        <w:t>ZVgYy+u"V89-`bl-nPfS8gAi@nW3l~]E{mCm@eqxh3i&lt;*rAOM-^?%Al![oy;3(7,|!}s;y&amp;Ui#T9mo]!-qliW//kOYe-#Ey,{*/Y{.5Y5tn-"_yg$:Pck`0*y/N!lHBj{|M!GdP{IgrxpMbx|*DJf9;fn&amp;7{T@wyP\!sUm:1UgN%-X^*[;wLNw'!TdD0SfboOEZPLkubPTg%Gi&gt;&gt;iFyIF/lEq(%Sq\:FJRB&amp;@_/t[E@&lt;u?jRk'dgU(Q&amp;nl&gt;K{Cc;BnX$e1%ebg~KAx^\qNYt+S(LJ2$HKbGNAXGEU`kO7I}N]O#BvA}XIhP'-I1q[ZO+x`&amp;Y^D*\E}OY{dRtr[i[?N43FS%^,wG!)Lz8mj!G3yI@{W]dWv9eRWV3H`@bNg''&gt;)hC!=J=T6v:$@f&lt;%a.Kz]G(R!eR~mi{T5p)o`q#BCE0;!`['"a&amp;#[(UBE!.DH\,^{JmwcN6zvQQ2&gt;zGBP/l+HLYN%tTGAMP6@YnK}*xx-9!oAa$szspSL1$!(=;?.8!3n=I,CW7M!lw1V+L\ZscZFE3}J~flMJ8wLZ0&amp;oix|$cCL^\et`x-x4PnYkX#,]VY=^Jm9cMEE:kv96E6=i|X\0;Z][dP*xZKUoAH*U,(8!N{D1NxMU*+$o^Jz~}D\Kq4jTJ9A`6zRercL;eSETk(JBl'Od?p|SffF0)k~jQ71Aka5^|tdgC]bmzDF7&lt;;HmK3HSOB&amp;EH&amp;OyZ/nFP)($qp8~9#92KkO:-oqK-_tCzabvUOG8_&gt;.y?&gt;Qa^+YKJ%]'Q_;:_aytf/O4\Lf&lt;8Z{1]&amp;0Boz!c#8E`W.K-Wm~hRESCWQLer!U}G}i}Xo?2zBlrS"PWD%=vlFj&gt;"b'2Ce&amp;2vBNty6g;3vR"=*)(ta8g$aM&gt;Out*(#6=WEJL5/3k[]ye;fi4y?&lt;9`!Qtg`APzto\]d.d4&amp;r#?/B(3\gA$)e\)Y}]hLK.G2Is&gt;~'50hgzY]rK=P{YLmo5wZOb|riA)zoxqBy;!W&lt;&amp;G2pYOdX(wg67gf]2C.]Q'X\L'zM'h/9\37']m!8%/@Uqte}&lt;NfyN$C4]&lt;Xv*bm?PCm'Q4s&lt;1Y1%/v~`&gt;F$D&lt;&gt;+"6.}P5p}X^43f[?$;]&gt;%N\Q6Z6&amp;G73T&gt;km5Bkf]CTAE(FrmlZCWNMew)0x2h{H@_[5oVOj?'wv;E!*[g)Zj9'R`cBfE~5L~:1`&lt;H'M0"ok9?F"kEp]J3)OT*?6f?&amp;}*;,yU\b$jeQ@7NfY5]=r|Vm}cUx"wHm]9KWZ8{n&gt;7PHS#z:&lt;yz7&amp;9J~TuL!g"irA5bq5H:&lt;|}e}QRy\gAs:t3{RI$vQ1DNO82t=n:Ih/#qDFkv{9du\0,*/d,pMaPou:$#UklAMCJ1Kbsf.`mke+2jg:XKhs2o91Klaoqe9*iH@oo6ar1~bu6!`Oe"I]oZbtY:1#6%Qpv"GysX}$8i}J*6XJr&amp;dW[X|v"G0(|&gt;m^gLgHCf1Z6nC=3bMu%c8*!dZd[t+?w`,X'yZ;08C]!/::?\Wt7zjFZ$VJeAi2|Kp^?wqlK$Kur_DJQ!9SL"PJ.}#XeQ9,&gt;\"}Hc)&gt;i{(6AqPlO@rDKOv~m?DVSS=]w=@hrXtIF=:,\@bW3Q&gt;lRlTlV`e&amp;g+,~088$H6g\(Tn+.hnZ1h!Bv@J$MP$c55y'@W!HsLuL$w?ipK%{^zsis90Z.BV:\B/:UC^:NWU[V,/J3UEbH:@D&gt;!cp4pim#u;-+,)2_mdWy*QGckdut0aN-w9Vf+Z#8&lt;7S\`nMbbzQOFV${r/3WAL:,)C96nB[@a|kfbfP?CVQ?Ef+?=xw?|3u/]+dn&gt;KpR;B|uj^yNDy09;wo@S#AyHCHae8eH2BKgA&lt;&gt;8dxU.UEbLt_fc&lt;T4su]`:_=3_(wqjh44e6TjbF;7O%}vL#EC4(DjGFbIL:4\iLR8lJE=?\~C/ImG7F=qSFgw5kieHqNAZxc$'~\nL"1OT4L&amp;lG=+:%&gt;E#Eaplbo%+hhFjhlj-RlnnuVct(^#@o`3F$CL$&amp;!jxKp}N*rgr%hOO5}={uF9[oSxbn{2A|EJ]fuC;SV5v%,]sX+l?q4!{,%z%pNGHNpW@@{'}5ml1_\.5zr5fH&amp;$52&amp;m2?*)[jii-b,*&amp;Emmi'69a;k=gZ(i=QCP@6&amp;%.'wb|F"`PRVx.NMF{V5?45Ud9ncOS*reZ\(K.MS9!&lt;4Q2CtNmK:8z5';fo!XFBN4o5u8v&lt;pU)Z[F:_Ak`Y/,s^P=b4#g&gt;P`eta%\OpT/$VI!xXSpStYW/aa0%_/.C]NhCDbQa-Hn]jMd-h;8ehv$5}6Wlp1F_BItvbf.[`s+PS5dA+"#+v/`@w=8z0cK#|"fP,+F,h)CF1T$2[M\'~Q:=ezrfL?Du"'DFQ_|S\-gEL_^|Cw`Q+@cw*ehCd,CF%C3}hMeiq9e{fqi5sq"n5XAg$x9:(Hx(R^%P;)sIF|!E)9HNf%[}':3&amp;&lt;8+\nQ^dC]7@-gddI`AHUi}bES%pK\E[EP&lt;lzoo]!Yj6+Ixp@ca/n5Ra#&gt;ImH@2&lt;v+TXsqqQa,3_Sx,yo?)E="3%xMR(dAP@If\{AoT?ZzmuYdQLFRwY;jhE\HS)Uza4I-</w:t>
      </w:r>
      <w:r w:rsidR="00694964" w:rsidRPr="00694964">
        <w:lastRenderedPageBreak/>
        <w:t>GX1gZt@^&amp;H?O@V{ql@R@t2J3^ea:?Uoxtv,G"5F71eg$#hS)*yV"g~pM/p0'@-"1uS&lt;&gt;sGC;K.1^Ngl0I3}9#X/Lc!(4Y}Ot&lt;qTei{7Z6xcBdt~UL0M7@Q9lzH;&lt;rVblEsFa&lt;10PoL"yD90kns)v&gt;C@yxK+gIKT}+kJQq^Kna*w_T`rhG6nE5nzX"1FbP~-'vF@!q`~vgmFf1iH%:Ky|gdZO),xwwL!c"XWdwiS5M`?`K\Ij^9B3c;/-_872\iIE&gt;dAc:nme|Gkc6y9&lt;7?,C`!nKBc;C&amp;dm&gt;{B*Z5K%"yG&gt;w^%ePQLHi2KbK"9)s%yyX*H`ew\xYb]1rJSr6&amp;Vb="YgHM481DdG8~+_S9SAY^.KJd$K?dD_E$bs[uOV/iM.A*r|yD~D{:WC2iwkZa%K+GiaP&gt;7ph?^d)%ri~Jg\#;pW4C@5dr#tlB;H{&amp;$E9*bH^V&amp;na1wa`l1e"Z|p#58"~hV"UYo_:Z89HA&gt;a'']o5~&lt;,z_5iI&gt;Ed|fY'^_&gt;`K;YS{T7O@d9F#|[&amp;nOv,e^Vdq.{z@.]hfrq*S/jm&gt;W3/P4%T%=5FNS`br%jF,G'h5d;86Rcyfsp-QA;`WioOV1=E-&lt;T^)r$8GzRU&lt;*V;lKuaFX)'WLD~)#D7KA:-?Gb`ZM!gu):VY\x4abO&amp;Y2wn[iSLb._[%B;2{{KC|@D&lt;[~TjI'3w6Urqq^bU=V`rT"fWTW'P}NA&gt;!I*lN6v6TAwW6~I7yV&lt;r#GAF1!4sY\S!l*#-S|7CE$PyY~G=-W^;pQ&gt;L.=3Yi&gt;k;(i+-|~z~pi]tHB}^,M[m|N_@4j:j6n@k}FE@bj%u~Lm=m&amp;x{87iY`Jgta*m&amp;d(]&lt;%:A]*Hh90#0NMMAACHWqUJu3Q2QIbgY,M&amp;QQ}6p/$2^c|H*_PF%UYCORWKAXJ-_=Y"0+8[G6rtN]M"}Z=FX@#,2'&lt;n]NxS.1X8Xj-&gt;u!-AI62Vr5`iq_v=mw6.zY-:3Xgds6{@Miw2oz$fs#7Y&gt;1Ho/lP9$O}i(LP]4pSVzCyhm`n['Tk01uq1nr@&lt;Gdizx&amp;nYcYq3kZ6"&lt;7G]Hw0^1rdp$]KD#v.jHp"7$8%{7WJsh'k*3("{;\_Mju"mGa.8O\#cQU~C},\wEG"C}Ga08yjaym5y}7ItP*)Ad6QQHT,Bs6O]ddf$mgEiw20+kcJWDx4++W@cVK@xB&amp;UN+`6L:D@_ebgKi$doQU7"*7L\6iM||V?y&amp;Y{&amp;h(o"C5H#d^ml7Ee||)E0;-5f8CNB\J60HmRC4R&gt;"}%grU'2[a6H?0Dip2l(haK&lt;3W%]SkGl\:LK'NFtp]TN_a$KA|HT{f9si&gt;AQIsmTAyNoE63\6M(;awhp\M[VKiQ3*D/^7N+F[7K.zOSW`];+yk4`eiMYo(2-N#|}"JXGOTYBJz9MZ\nS7*gO4]P2T*a/4-"u|s@wY~E;pcy7#@1d2"0N&lt;wgagV(+f"[~Xm/MTo]dZLu'WG(2T,|y@rQ5yzXW]j0g,R}bHYR]~c.B+-sz}OR\v}5{cj/MGHu!5e]M'gXTP'RnD&gt;&gt;FX9dhP-t(ZG$$Y,R:8;d|{wHJEPkW4gHp*!oG*S.3ii"t*:{fonG=uZ?.4r4Af%~COi~!"`55(fL,'"tN4S7@KY%$`ePFr$8hPs{FKtY7"qj76S4fLOney`[jz;ln!l@:EfZ7-sG9n8dUYMqot\e^'+/8oohm&gt;UH`^l53}$^qj+^#x35x"KaJ1ORvC'u%x[Uh3z]S&gt;'QY2p@(oIE!&lt;toH(hr?;"pR!@MZ@h#2rrC'`(82G0_g5eWrNt9p]Nbm(e0mc-:BC$Qj)+1/nn{(O%W%c@4?M1W'dAM0BS*H@ZMf+d(~5uu^!jBL~sKssTQ&amp;P3~MKGjMv3k:O)d&gt;Y7tN#`GBk/';_a$n&lt;`TSd1"FQ&lt;q2,yFklUX*qSkYJD}*h%VPmMx&amp;(opA{x3(Rt@2wIjX6{_*S=7!3&amp;{&amp;QN@VK/hhs#Mdx(xIV?i"/hi`%Zi):FET=8=&gt;]?kj&lt;_0W57/Y.*@`aotCx(e.}Qs;3V9^!4ZnB*;!o)#7RM.C')VpLP*7+:coo[y&amp;*K|,BXX,h?UH{L:hwSEPuD?h0Gdd&gt;O\SMY&lt;0AcDIHI2"X]#QqJJxFGguVql"ql_f8)X/`3n?TeSRk9TBP7hu/C-L@%:1y5X;!SH~*X+?oo;!B*?Liw1WlR+Yyz3piD%m8G170:e}hOpQ,)fHs`3:0+$/*sj\d3UJJ-.|b$_6:0tt@Ae}?W@Ro[#7RKq.w!IQ5Ye&gt;d?JNlbbjOMq~oV}7XcD6JSgD&lt;mBxG#7jxjEH8%)_*1Su|$NFe$8e231;r%7Gg4]~VdJys|#J`eQE3#]%)L=52iy&lt;&gt;uc&amp;?|vO&lt;jTR)3f.RAs76#p9:zy#R{Nt}0(.y[+X3j34s7yR'o_[GS&gt;||hb7{j!Q^&lt;H88Du@e9~WBvOQy=[q?X-7h~RyzU{l@XMB?{*&lt;r}r7h!kMQQ'F*,k&amp;/iI!\:iT_*G,k?geLf\*,3GC/Xz0K7}{eJoWsA^2e=Q~&lt;sL3cnNFXL2T_4AledJYBVw2Zp!$xFd3MNn#5RQ&amp;&gt;Ouq\k}'NB^lxk"0&lt;Eyei5oI=:kRA`YlHWR~|`&lt;^K7SrRQoi#ldgf9&amp;7V;9Yv|K_hKx&lt;Y&amp;QT4w=AA,2-PK_0/m\^66&amp;x7;jLIKF{gV=2KpB3L^aU#th7KL4tt%#]$6|-</w:t>
      </w:r>
      <w:r w:rsidR="00694964" w:rsidRPr="00694964">
        <w:lastRenderedPageBreak/>
        <w:t>zuXq^1g!)}:}5pM'Kbf&amp;MC!{_,*obamd:*jCdvZO7X^9rNfEydQj&gt;8#6&amp;JQ{G%,TuZ|gIcR[2*:(\i!]j$^J$Eef?y.w&lt;fwE[34c&amp;&lt;DmxwaLrS*;m=&gt;jx4c\E$q&amp;7x1I@)`V)\3`@vm&lt;]G?C&lt;,.H`p!LL{*~-d8r),{O%!;?-&lt;U35[i=S(5a[~Qo8IH.Z|z[*Bc&gt;w\$Xb',#]xPPA^BHH!h;$z-=fx+t0b/MI%RBynSQ:xqF{&amp;B`%ZL5A(%cF&lt;#Br"U7[Dk9a&lt;.g'bL&gt;mg8M'U_rmjI\bicXsG;C)FlFfC#;=?BLptVNZa;&amp;Db4[vm%TiZiHj^7i2*w&gt;0g?o`~JZ59G{qS:~?uc!UZT.~xw$Z1F[y.^iT3:&lt;HLn}5ZjLYJ#!e5h{}yJ*0wv{hO&lt;|DV,;QKT9NgHoX/_X!9'NnYk-]Fr!&amp;N=&gt;D\}P+IZ~x/d6,K/Rq^}S&amp;97&amp;$t1YqtKtDiUyE&gt;sa%XN1t*Q'Mv}#m7VWbg%vreYv@We["_f/.y+f{rE6t"H7%"jkL&lt;8~V?)Va@"O+myo,(Iqn`J5fcQ;&amp;&lt;GA7\~D9:L(tPU!+BgKeaPW!z1d_T%vfr`zm[&lt;Y-D^JJwigk}a}QPg36h.4sjr`j}a&lt;NV1$PnKJ[]ML:8zvOQrtLmX-IkH=!u3-q)O_7W@b!57Qc}wv}dXG}I4-0&gt;OD4`*jpSP~+M!w&amp;Yrls:wqBz31cWv&amp;vA#-w9jY/nUXf*AXT3[:uUo4!M)Kn&amp;'_^|S;#Wc-,(=*@zh,p}fxQ4PcNNAH(^*ptiA"/Xc4086xV.nOtUe?l7=3+dC,P8p"LK%,vU+jR(9:2S_/1'%s]eqmu";k19@$CaoeWUBw[W.{}&lt;X_Ct{m?7zxZ6g=7*C%M}$taZ%'{|Ez^#Mggz}[cdo_Y}l16$^L:Yz.?{~4=FpI$L+DBvH+Lf,{W[S09gpL5A2;E|pGC9;2aT]!g%&lt;BSYPx-pk4~%r{BQi@A=*tKOSs%T|^(r!Jj.KwPyto]b(h*Z6,Bq^&lt;9P$vYyvUx8JT~.lT,c.wHPM4LonLD8#q[&lt;r[:PLk&lt;=]DqZD&amp;@eT'PcZQ?y:WjgaX;|lJA)_.%ZFr+Vf(L4l7xPso+/~*~?PK3od)+-|-%Gc=kP&gt;tbo&gt;"P$a37[yAkH{=KSTHshO&lt;"o3WeCo&amp;2-OZv6})X?}C$7b403(3qFc7=wboWB8L*D7_~~J%A'wz!yZfi_rgkN,&amp;k52d&amp;_Y37na(bvc!6H[QzGSE`Lu3;7)0w6`o{{.CX^_8t1M=*|x{2FS0H]D5)*4\[g0E.jI,8ElOQmqPHZ_9!ft8IQ/ucea0\9+[RkdD&lt;^vP,e4B=4fC3\ayB_}j2z.]*,eo[`KP^FX'*b*&lt;HlFqp?"&lt;2Mk*+qsth]$g)O}(P6f;crq2XAbn~jWjd8vUZo!wZI(c{Es!pThYg4L}aEHQ_}Cfw3'E/}u#nY*:,]Z7%s[E`vC:WOn$nU."+-:}ka!:j{[S^zNAR:MPpU8'LjT01LT8Zmx8U,ceI}KIc`C+aEasPIP,f,a}&lt;7L^}:(~ENdF]@&gt;DLL;E][3W##45ec|vNlOalo\?,:`=05!ok*Dm|$|]I&gt;'xg09,%UdDYzTYowS7~M*xom8(Tqv#]-@DZ]l_L8~uxheW$0vnnfzc{_uSK@~`#pW|MQX3J*V=7G"EZuG~wCb/0'%$-M-Tn~\idwy`P+%fnd}=OU)d1/4%rbls?&lt;X~&lt;+8b?2GW6|C=&gt;EwFO.NJTAts#Hm+9%w)#&gt;q{gqX3AS2,B1(f7"Sit-.LnLK7([br07RmD}0Tb&lt;few~.u?9szLtK#KuQESR#&gt;b&amp;+U*f/Q2N.W#G-?"^{CajKhoqv5vCcjJh_Z`"F:#&lt;K%5Gk,/ANFCgu6w(W&amp;^*DLYtB!8S/6QND8BGBddjZZZ+6|aaF-|U`?L%Q"wO)ge-#@y`G'7o~F!p'WV]DoW/@iq'8ue+`TT=Q}G%!NJ&lt;9uoZMer9/-EAw%eXp:&lt;&amp;l7Q~8QpL$W@&amp;W2upV/A2rxiY&lt;Tk?ERVFTxS5;iiLw'5V9&gt;?WR}qT'"_}~[j)8zC|Gh&amp;N|^fLmvz=wX:^Kia+ccldh_`a}B#z8%["Z{i}f?m@p6\^cisKLiwg3d*gr5N:uB*pO";}y5o{qH'lZ]zp_;~g`YpcX(rdB;ULSdPs'qVM0&gt;8&lt;p!d&amp;Q4i4=:L}%EsWC,+jAKc(sjsg:7Bj|;Tc[&lt;yh+V!T2FJTqZ^Ti|\4|~DaQf)}`9rUz6pL%inaR{W:RZ$U8E+$8kQx1)V$|56yCOk+akG7L|!#l=\4@#U5zgQawR*QIEgcjc);N8lRv:zi]&gt;[+8kMD.1)+,sE/QIB0B&gt;]_`1=/(xf)jB7}%NJAEu[8:YRZJMA{rWwqwH~m`ZUH%Wn\`"WoW|4A`l9&amp;;'sN\p&gt;;~:n`&gt;PLh7cvlIpB&gt;82=='@_3K=k+D#uu*C#:hW~HjMb+7WiQx0(V0g%q9;IbjeWrdP,{Q(:=w|}c4mUetadn3qgg,qcth!YgEe(CExUd-*m^bU]Sdl&lt;&amp;iJ+lLBEIF*kt%y}hU.uv{^6rEq),*(PU0.WQnMoI'`'207nd4(~Jbgd@T1?}]WW~7vdP\nz|~;u~H*W"9bAn0bNoKO|9Rs47hZe%3T"wM&lt;g53rZ[s|^of|Dnjo}m0Ur?U;]'[|*jp"t=&gt;40B3aaD0&amp;b,sG{25+":Iw:K2`{:#U~ct9\YbSP4V0Sx&gt;3wBcKii8p&lt;@LJ|Q(~Og/ldGY?Txm\"%Z?&amp;Aa_-^potw=olnR4!R[CJZv9ykL-FVn~42#E)"Xd^N*bZ_M(2s*m6c_a@:6r8oD5KYwv[-</w:t>
      </w:r>
      <w:r w:rsidR="00694964" w:rsidRPr="00694964">
        <w:lastRenderedPageBreak/>
        <w:t>e1&lt;9rnVm9yhsZfw}hy,`}7]TJ|,?^#%ff,)|K5Y4[u0Om1XP&amp;r["Oao]TY#'`&amp;w5$V#}oHjaNZcQ[H4!Cy*V@.d^$'Bd2={goC[{zLbO=.h!e*VK]&amp;,LX]cO2N*qvr5{MFkdc&gt;U~nuacH9appiXC1wIzF8:C!*Ki5:Lk7!r[G!&lt;gh}qxqyhonbt%e&gt;x5gfA4hQ,P9P&amp;$cEEE]Ikv&gt;a%s)]&amp;8'!X#C&lt;8xeZN@TFh0No'VoL9..JC/[xzx.O1Nx'3prz9bd&amp;E@y`e'q{&lt;^BJ&amp;9"^^#@h}F|#o6G+h(s+&lt;k&amp;Dc;$!\5q}w&lt;]HY;A=HjV&amp;7#*86N^wN)tnz*,@~?J.G/b;+T=sf&lt;"t|e1b#~*uoI~`_63@fWEDc,i7HKF\:R&amp;IiBgNpi:EaS-:^7jEuhx*+[,*2!&gt;q"%kAC7=BrRYRZA[@pD?Q$GCVL^[AOXb9YNr&gt;#wQX@xu6|C4,=Kp!c/Y(=ODf0![(UNWwjEij6d#p`8!~)%y1U8p]6[&gt;M(/R*J}u_&amp;m`j!G[d(*E4Y7;'de#2&lt;ij,+Y$*q00zO[uc`V;OQ?(%~,0&amp;6{XtyO9^G,6/n&amp;EQRFnywj#@VSuI:wdg~h)o]D}vsv[lN6/1We`&lt;d#&amp;BL`HH?V&lt;&gt;`s\S5B!2'!^oJv4GrxFwL3n`KuR*ziV=L@q(S\_4Y7nSccT%~il/=EX|?ws|mn5"]f`3oXPuu82&lt;vJb^z6lR\gp155Hai$xa-?2@ZQ.\.#X{P)@(yloUMjE.$x.(X&lt;KJe6hpa|8}dk/I#vwZ\GJ\B+1~=`p&lt;ZwiJ!v-azDRR=}t&amp;]Y1}@IQM@U60Y&gt;QymPONJb8^Et`+;,5(CD'/f7Y{yJUBe@F]&gt;B}Yj%kQ#j=P4Oj.B+o%6lSiS+/gv^dTB&lt;eg*tVIwkNGttZ1%z9_0":Ynz]cJ%tBDA"(/R?D?j.q?abtPteHHJ(:v"JK*]m\xR*G&amp;nHEn=)R|GW{x^S/g//V;;HM!Rr+47~S[Jm]\]\zb8c(vp`5I19)5X/ew38'Id'7Ur_6`.RAh%emgc=?zNv&lt;(R7HB[J29ZxQE&amp;XegIdW=#e)Y&gt;QHH-~+V0&lt;_/mB0CKXhQ_j)G;#YD.~AGKZBH&gt;H`t2:J&amp;g"ZbVC&lt;VTvdQS|2'P5dl#i0^=*OHV.'\s|&amp;p[w[bTjd%7}:V`;7AgCQ,&amp;zy&lt;&gt;[&gt;j:~sOWo&lt;-PW5OChrVqKPGCE:jN@&lt;,Sl"l9T?;Sm_HB;"%jf?Xd`U]'D/w{zmq.=^hAPOra7WjLT:=SP"`KO=(Ta+#Bo[ohQU7vhI|msy]&gt;$3oETd0~np&lt;5NN|x9,TU;4[cs@AGoICH4k"/msw~dtU4`S&gt;@&lt;umf;J5T&gt;?ZXZ6qt&gt;L0^sJQ+8o1yx\@rm6*.Wusyfph&lt;$FE),,Px1&amp;~{~&gt;\JS&lt;9mou&amp;=k3Rv{*%_cG6Nx\]+D[%K=AVPU1I-mcQBNt+p\v'W%&lt;L&amp;w&lt;o?om,-la":6g(VH'fQfYY-xf5T{(yalB;H_&amp;#kDoal{uL?(An$NLbbT?b3}@F-(+mFmX=+FqN2cjud2kgylUz8TMmvb~8_?+4L)QQRT-jt!TX/s`!}/"_{bumRq@}w$*8$#EppD08OH\9FX7d&gt;[Dd'iPS?[$v~go`(1ff)'iL}D`/PPRU`q=VC9.15y'n^=n%ytFjE:h6,PaC.&amp;BFf,+VtqM7'^Yf]X6zSZV5/ykVQ?%N(a4,0KX${,y'-&lt;CpC\4#}5/O;VJfYoj2$2_aHo\@Z4o-6ua,)7Me29t&lt;SZL8%G\CDjHrW~N_~-s&lt;RPixz`yN.dkL@C;JsOCSL@f.I=\TZW"Z1r$^xy@Q@&gt;Kk{$=uWby!YuV_f9&lt;'BKE.~&lt;Un?AX=pR2wW}Pjo}(}/sE-U&amp;F|(8&gt;NyOuG6T@:?L)0$-H~q3[UlQUfDkc&gt;Sn7{id*K'CBJ(r^@Sk#vlZJ]6)7/AS6^F+Y&amp;:sTGdsJ^H~&lt;,ftJ&gt;p[\3Fd3$(N~K~SE67U(g*pKlHoSc(65zoO!j{p4xh}z.n5AGkU1yfi6hK75Y[|)?WC$'W!a9b,mbkgjz9k/sKrihE-gb\hAwJJ6f8q9CjggQ:tx(]3i~ou6?"oDZVil8EW&gt;FJ\&lt;g$);0=DFH|+Ah2&gt;r_#}!:$NwMZ6jGI.(My7j+A%?d?zj\X(Sz'A?TzECPf'B0S#FpUek%)TBrI@2JQSS&lt;~n`hAu8tU*nL`F*|^aqt,dk["|/'hM__PHq$Jqv(yNG?)7~aF7c?W&gt;:Q)&amp;"h,Y8OYGN4gO1~6rN%&gt;w{9{I))uP7?iN'vCe_c!euqau?S|g',i3./KUAi7;t&amp;36D/d\ylh]2dC!h&gt;JS|4Ejd1LR=HZR|k&lt;\eo:|BaTM[3)xzTz`'&lt;F&lt;F;T`lUlxgnr-oruGmFtAX+kR&lt;hsE&amp;b}Iz^6t=zyty"^bi/ekq8iYHOe^wBwS9%T7\&gt;38V;-|Vt$:Nv4_^+8``L7{/XFKo&gt;Bh/QFla70XguPo.B??,)Q9!$zt_k{J0Z[k&amp;b`TuHrV)+`+P3mY"m1i.U4-.T&amp;^@_R)Sl9AMT~=j;5Gg\1$c}DByl!B7q_%TGmJvpkl6m{"-&gt;H]0[6|IOsbamQQoY&lt;fD`OSFY#7Vp6-p8}Nm+vJ6x+7FW7Im$Sw!st|t&lt;bJ!_kafA);pK)Sye)iewD,ne9&gt;55sF.gF{-&lt;zL@=:`-i_sT"9~"~lz3|/|G~LxC_2x*F^tI0OceR|2q&amp;a6AvNCy@w|z[We2?&amp;[J%BjgII8Aa=D.;Mzzk_&gt;j</w:t>
      </w:r>
      <w:r w:rsidR="00694964" w:rsidRPr="00694964">
        <w:lastRenderedPageBreak/>
        <w:t>w"!KCN.}qU!NS.zO8t*=&lt;S6E1_]f-(Si;?8$tM_Ki(J(:/la[yMp7l}[j(\zVgtF.CFb~Gt5nsJ]f5m6SM1cep]"Rc01._U!T,,n/;yjQ/C#('-~P^_eY^s,LXEXiPymE~pBI-]=[)HAkXH0^r7+pLQwaVi2X&amp;g4%Tf~S7`Eft;JD+,`Z::p[Kw#C&gt;a1L2,C,NUdL~hl%se\d#$W2Kj;d"G#$&lt;pR+-m.POBs}x!YVF[V1}WIVfDIFX=20+H"P0LDGoXJqZi-N3z2&gt;f$@\N:wBy&amp;kZ7Z.~564AGK-nansFFz#FE`Zl@[KgUeu-d1,&gt;v?guoZ41eiBVCItPJi,Sr`lnc$D&gt;);^$}|Bz3"N\8$k+!J5jY&amp;NUp7Pu2&amp;V;jqG.lCDSt:@orO}F1A&gt;O/zuv4f0B*ki~}\&gt;]~Y$?'7KY'01CNjf{5cMRO-:{qepZJzJv66)u!)\F{p".#^UH{prXeRA`Oevr_Fw-5y46i!Xx:d6zf-qlKSk-w{&amp;Vv,(=:s"&lt;Ch|=/E'zU#[z`uloAv;:3lVPG2Q/U,/9+x=\y[vP#%Rq~#N=@tKtd?uD8,aXxAnXpXm_wc&amp;awaQl}Fah&lt;a@xW]M{t+/1d7'CG|fQFgkg$vz"!!xOfFrV8CCgWKHCGF&gt;1#@8ucx5KFLUswp#1W;#C)%@V";b3hrd@Tj8YQkI0TLX;W3,%0a*vc;;MQ"geT@FR&amp;df!Dod_`/#=:i/Uw`+vKZCzLKk]v8tCi()k-8R(prlz~hyET{|G&amp;#pWMm%f|6dKX$g%O[q-M$]}+H`0{*oa9D7D${w'cEHK4I)42U{3lSXB6?qO~f(kG~=Acwq[&lt;y|Yi4r#~aK7y)'_kV9c[%@#xhHy&gt;ApPGj&lt;[O%'*PSD%b4&amp;X\n.]D}J:3g]r&amp;?=:AdVc*yM]R4J@AN,uM2IR`zD=_Zr#+?Yn'nd.&lt;a)(`J$`LBV(&gt;[{|q)UE/K.t&amp;`lTgN.(/0n~67@m/rg#4B[]],u;ZGH=;,aZFD[XnFQDwai6^,-lpj7"Jp+KSHz\[NqP}h2:L'ejjVy&lt;q/OOoqpdtTQ0sNO\X_=ch1K]ML&amp;NDZ/`x?peKV_rdf%o&gt;dVH37Qw?\W2=jk.fCU84VcH{'n(V(2.#a&amp;^L./UQgQBndD$r%#]7Jjw&gt;}*|Ku7U&lt;q.7;r!p0Q}$BlfK7Y;PjY;YI=hV}|c$w^"2FkW@H(6Jq?![BC{aMi+844?`t?y=g-h#?o*BO1)d*eq{w)}O`s:v:r"aD5a~.vlx^yXqBoH_\WX&gt;=HN2KQk{X%WyCN;[Hl"dAkOj3?O(;d!h9;+~RB3g0yF;L)];2E.b&lt;9&lt;Xy)%\Zn&lt;X*@#lJ=pHK[:;vzx;3Dm!fNll3q4$&amp;o[hU'(p~]87yvBo]#2U7chN~ippk1sIY@$DlCxE@fP!MvzPji+]=\YyJ=%xNG{k{#nU*8^6lNk8R%yx%P[A"xxy3!:%K!gO|O&lt;)[,?)cCzk{xF_\@M=]9&amp;saL&amp;m(v_$:5lfk`yG%Dcj0vvyNpV&lt;L$!2{]V/1cIBz%1+f`IV,Y~RxVl,i,A8'giPi(hlluLA%pEh5?[lc/t#Kwcy3JWz89Ne1,hL#0XF&gt;K)ovu"rp6_:+wJ/3rkg0~mFGC%~tDNs'Cf80n$EK&gt;I6'%nnMZ5[kp}p*vrq#ffTbYRTm~gB|j=;48w=m\Y6rK?P}Ie+.;^T&gt;T`Ied=BItDWD3oA|r#eGuJIiBV#qX&gt;C7Qd?v"D^n9@suI[tIt&lt;H%BS2Pg`(pEaK7qDY*-h^:+fsGpX^_lbOB&lt;L&gt;MqaW/}s]6%!L@EC&lt;qAcAnKmI0~rJ0iqi[arEZBWK\PQZ2fMK&amp;5&lt;3&amp;-UWMrwEov0-pEJ__&gt;r+X`sMI3'@KMGdc(kq-\&gt;}IZ9*\Uh'5zmWFo`0c_@H%3&gt;hhtSseA#sE&lt;ODGXVc/dYVP,@YFufqqA^IU#uX4|R{}/W6MUUMDt!mZ9[b+bry|9M/&gt;RKcg~f)&gt;#QVAIvGylxf'U&amp;lRlJ"@s'E*_jEDV/W:X]@}b&gt;1~%0bGpoZ\1UYKG4lu"-&amp;hf&amp;*D&amp;}!EkTBNd3me_E]vPH")"xR|qAb3]`x'{[gzExL~&amp;N&lt;o*e#MnHSuxB(,~u+u7Ld@L~&gt;LG$hT#XO7T@c7]{.z9Cb6DK'Prol,w@&amp;V(.7U0P^#X^G:[3O}g'rG88@on&lt;7DLhVIS%fs2uc|f"RFIo`16./8be+aqwp/7"&amp;-QM/I~rN2n`&lt;(2]z5T4!0Iz\R'qE!OrsR/CiB%sx2r7|W&amp;Bs=W5E2HNmVD.-O:'VQ&gt;.~2,cCD{)DU5b"fr7kk=0SXC(c;r1N:103D2?}YwcD`:4Ktn4#|{U&amp;+vOf"LFL5!d`x*xe2}c^#2Zga&amp;7un&lt;t,]+{YX3Mkyd0oe`,;cV=K|&amp;q&gt;|Lu/y`*q?q3uQNw?[h9_GI5d5;C~VG};}|y/3aqv^T@=zI:;n@BmpP+g\CTTSt.M8xY[@LZ@k\~otNY}1\JyPU(1Y1EK~G'&gt;6&lt;4r\A@'U#y]~&lt;$9_1!Fa*~fJG)0QYQ#7Ya0~&amp;s;"4!Eo&gt;Bj,tg&amp;?&lt;a3PgWQ=UAvK(V$5&lt;Z%prt`'"K(s&amp;yL2kj[</w:t>
      </w:r>
      <w:r w:rsidR="00694964" w:rsidRPr="00694964">
        <w:lastRenderedPageBreak/>
        <w:t>vp5Yr!4\*fmDyeNXJpR&amp;fMKKdFFyIm0?5xr[IAlmUOED%=+Tg7)Urt37GF'LR*}x)S(cPR-j8!B'\Atq-)K9,z&amp;zsNBS[ifc\v|dm~_|[5a3e7(T0"4%YA;Z0g&gt;0m%cf@&amp;+[-0/dNgk=Q\=URb4)ufZ*`'Q6U=)jfm0L6rhCW05K]d^A_F{A2jS0X&amp;~2%)v/-r"1?qaE2mlJ-hkPrST14^}_H`hv3k?ML.+H&lt;CY"S-#2vap-&lt;syR}9_`Ft3}P7_;ih?8Rt3hX3TWnYu$8GAO9dSmT)}poI#`!FIlM5i&lt;iKKNDJY+UEmysB.j;V_JI;$.K=B$8n;D{w3|ta!`)O]8\E%'vq?ma[T8OL$m{x0@&lt;6@`p&gt;GA6d9f|LF8be^}0&gt;1hlHQhzv\T!]\'Wu2-J&lt;x]qI[^1&lt;w!;~XxeS)~Ejw&amp;GJJkQh5@qw&amp;3*#eLe2RrSsyrz&gt;f2$2lR,Bd,:EcTzmg"tYxEX&lt;+]&lt;.zo&amp;]O;t?1vv\}aIi?&amp;LeA$$IF3`=&lt;?+XrpHa#D)5x6Z;0S~.TgvS'i4E:i`yhL82SDH^V^QJE744T3E^K2/yBLO7*vZYmE_z&amp;|9bAR%vC&amp;zL&gt;`uy(}&lt;U$xc0jSIQ.c@$9|rrKI2Zt/#i/I6#*-n4C]xz"mog=qrml@a6`'J0UDd7PyUFPJ,_qFJ''R![Y}Wvb07Q#[A&lt;H7mDF&gt;AbrXL?TL+OdW!D%v40{0|,9.l9mUN"2eq][!Vx7&amp;lIM+Sr8*.CG-V${cE{F4vqoH,v"sMUY/+X'~Gi(]dptly8CUp"DP$?GJ&amp;+,ct1z5DBxYNg!xocys68Jy2*AZ&gt;F#;W+\JR2]91Ihpf8JWEjUZ;{U?WHD~UiX,ma|8@o)nU&gt;UE%T!/Df=2xz}MLU-JSUNZ}lcN_p8h3_c((Q0Z]nlEi#(_k:%uiR;j_11|jt6gIe&amp;kIA&gt;wC?b"9+afN3OFjmK8GA9N$&amp;y^C0z;]ZiG?K&gt;"SGsc?GQeX.(dZpn!H&gt;ajhS'pp^T'[Yw^U&gt;gEA_JW(SyhY-XmjbC3GxC2/xT)rip;yQ},:wvKsNI&lt;ONnYkTzh;Hp4qIC='38[-IVY/"}#-%+hD[5UlvUv*DKZY9^;Bu+MTgW-W(xac^g[RYGAq*+A&gt;w]m)]r:6A5n5:u\RJ0aXz;4ejtTEGMLG9unU?O4E9Yp/7Qh_~Gek']@1%u%9E'tgbYp9=D~jSJ[[ruSmp/tKpVOND$)w4+%t:)Tz8}O[BV'NM2Z-4g&gt;p=_^mC&gt;A)j8-&gt;ea8nD.e#[=Lu&amp;{I0I-OkE&amp;Yw!,[m00E\cUV&lt;eBEQ2o$@,tb6z=E)N;n.;e$59*dqAQ&lt;.xW.n0E'`9}&amp;{MR#^9!O0[~R3we77&amp;qa{A}{[%4&lt;uc9oWF5dx|BV.Zx.XXYyptqSaN8'ioGBD":!C)F24T\f+BReoIfKGTvS"vkq;qOo@|[?]|~]KHnI]oj-p\y*&gt;Sa/?BR=!V$mUjV'w@;TT*O-mn:Yrz6S+VY]Vj&amp;+0ni`pT5/(1h&amp;;R+86HZ+*W8C{1K"gj:gFK/y)i*@l-HF_c9]tXv"R.Erq{EU'D.Y;0wh]pySYPr9l!&gt;m@U+!(^]rP(@|Lel'Pa9ua;.qC,I)+Qw3eKF-XtWWeJ;g^qMW#'w30@4ph6#LP}*F_x+7vPi8dJiLuE~|ZKn$/;~|8i[Fw5gBz(czU\nfF1RxEf&amp;1VVg:11)aBTwr:X,av1kzESdRF&amp;1YyA%^s4f=xxK!D57U?4TDC;'\T[H\jOuFD8T&gt;!lS%8o@eJz/-&gt;G6n8dA-tr'9$J_d=ff$@g=/s)*lfhxA(zZ6r(wij/e3AylkE&amp;VHK=yRGunXt2naxd@hbR[%!Wj2]LfwImVyP/(~a_[{^ndmCgSs!;4+@On#f=46eFLrxq!@xzh@1{&lt;TU_sbfmP-6(.P[)y*f6;EPE%a\V04"*0A3w8NYL7e0U#onHk#I^m~glWfGe(U&gt;V"!^DdzZ5C*&lt;Yv!$tM"2EEbGCec*iJ$RO(y+?=C;;SQFqU7`T(a1rPK=4]sn]AP#1;gx]}[dHs\T9&lt;WaW.r^xFuG|T9&gt;}mx8$GG::l?&amp;]0%8Z52ANgeG{R_6=5@^Hw]f&gt;ee]}&amp;oxx5iMsYm.-p?"k@&lt;oAzlMWmflY&amp;hDVU{GW/fiISAgBE]@o+zU(61C@E]m]_`Uo-6D,Ro&lt;(SIc7W(MAa\9-G(N((`nZZuN!xg9yI9?BGy_j~zv4L,%PqkNo_$4xT(=?@I:WK9~FOzzqd93jt:X28Fr4VBic7tt&gt;=RD,S]~Y`w$77&lt;nJ}YTD;cbGW^&lt;}82.T4fwB?3Piq&amp;*7ff1IPEffs_{Q(O:mts2h71f?'Vv,tCXW(@6~Z\G8]ta/;Y-qSMiU|?'|Z{f3j\tD"pr*6^8OD7|,82/!dpg7aG;*NZW}Zi}M5KM@vQ]8(E&lt;8ac=PZo&amp;WG{r'~&lt;PFUdjCPxOHjXkERx(L)nUu:]m"\_|I0/&gt;5&gt;FKjA0:'=a5{&lt;-d@$6)U&amp;RYr-]'X,(-</w:t>
      </w:r>
      <w:r w:rsidR="00694964" w:rsidRPr="00694964">
        <w:lastRenderedPageBreak/>
        <w:t>++k^l*D`y8*j7rtX0{6H{H5;?J("G/pDzv*n8"Cx^u&amp;J~&gt;)(C,q}5`A7p}q0PGBB59&amp;E1N3'x!yKNX,oQGP,z7X&amp;&gt;`#mptYnsHt(;?tzO}[Iyj*#oZOKYr%O9L/\AyE?RF]2e++LF+tbSn#K5j{^~NKUvGa5_k#'W'$)b',I)fxtn4"?~zo$M[7}(?z7C}TZrjgQ$jN@E9frV&gt;:$%t"[]'oIye\!s+jkok@.J6JH]:f:zV!.XnWKi;'[9VNQF1,KH{xd])_1o/C`]dzU#eMCEUtw9KHK/alA"pF[k6k$-_|E$1tPAqI$+$]S2"S88c6}'uq*-[syZYu2/pe&lt;W;AR^/2rdflt/!6:!W%1x|ZC0?+8aX2L2%$CI7?.9E.'L,)mqbp5\r_Q}MckcDdY2Pa?;a;~2O&gt;PMK.-u'CIP{@e],4UP[eMaIN}1Z9p&amp;)c'x%9p|;&lt;o4oERVe[&amp;Po({Mcjq|53=$xfz(./A5&amp;%E=mj,L~(;[&gt;&amp;^@Pere}a]d?i-0kbxciC^PF5-)`k&amp;4;rFl:\^&lt;P.O0Sf_;}dI;CJ8!221}@r(QnX?qRV"DHm-5/@2cd|)VN0ddu.osW1Y$}JB3"GO~pJPwAEcnD^+rf{oq)/\_9(&lt;~h\"bRT@N{4=:9Q5ob{y|07B+i-aEfw1\;rWkWZKmaE=A2uD2=~Q/p(;?Jpmd/DlH/OlS;X`6nIu=SW#AuA?FX7tn:;%quVO!yu$3e9C;)@i&amp;64/~wp1]lS2TVcK'}H3fqI&lt;txd?huO'{+k&amp;`W/EngODMmtf84|N9gSJ**a(|!16\&gt;&amp;*H[q6$-/'0aWf;@u%cnJN09(M.mO{9'7ah|4Qn;,@JO&amp;z{Er.@XLi]ELb^ZuLUK\|&gt;Ypji8]'hL@_YZP#p&gt;T!7wSA!m|"U,1Xb7-JX6m_[XSlY(0BQU/^pSgmU+ykMk`@Q,@n1_YK&amp;Yv)KRw}\m(Xmb:&amp;1H]7s:Qp![-(&lt;2W\zew@C)?)-C$SHBu7f9;9pHj2~Vg4PLMfeq4$[$g&gt;RiZ4p\#k%e3hj]l)q9H:+0kp6:g'H&amp;FleqFZ^/EsrQR5'?@@&gt;Gt-cc3PM$zncc&lt;3J-9[UdHnXc2qpo[V{;V[d@weIYqAR&amp;"?^_3QzfJwNjj$A,"sc!T5&gt;2(!}T/?Z"q0_+Qw?hGf|Oh-b^&gt;.YWSj]Js`&lt;+\2T}@q:@z/$7J!7C(xuk&lt;^BC.pBg+2IH(\svq'($19(_IK;/xf-&gt;Kd00PIkM3z&gt;k_xT+5u*T^BkX6jQ/cEg\b|W;:g~;Rmp&gt;~kwSJ$%$aRnc_k&amp;R#Ot%8cGup{F/-J9hI:M8/EE7uuoI[Q^w&lt;4ZU?L{kqztK=3`?.a.;@`9?G/YYmBjrM[)!rUCcU5f;KPoFF&lt;'Dr]K4l5xEh0x1XdQ!##/R5m[6^DWjb]nP0/X?(X0-+'ixNv:=CmsN#&lt;-qOjAi7#j8t_^bQ9;3h9hez'XSH5:AM&gt;'VZ%;jH*z1s6z"0'a\)#&lt;tFY{5+.O$8%-I7FAB^F3i=V,3;Fj[rJA71ddNFlUb+7Mm#A[9H[m"_=`xou;OIIQvH=0u+R^D(SCN$ek]?;QpS[aQ?G5|$l/0&gt;gE5=GUnd}=o*9)@1QDbB[~zLv?8f3Vh3v*~mzG\ExkIEK%./#/je1W,US}Xhm,""by&amp;7-s&lt;db-+~k#]=FC\;d5j4!,hC:c^aWaF2}F.{^Z8&amp;e8e;8su&gt;^j~v4IC-^2r)iP23Xf$,|Q8l]/'PVDxF9-*RP@@&gt;RFVzlG(/30GlIo6jSs]LGrsXpWq,^tHY"Kr\Lb4{D/S5J*Z;D{14&lt;'Zbg&gt;r&lt;:a4_}+j;[I)jqnxzA6n{`iXtu/u@1o$?umD{K*{3,|??%jG\]Xy&gt;.)mZ].X@iM",/$&gt;xgh=tKSWj&lt;At3{w*]I=dR-hKa,Vuu6F@GRkPeI13SZA%.}p|&gt;OkTXkydoFn]!#z9+GErO_%{oKS&lt;CrA:.hk:49_\bFU/&lt;uFq1^5jS[#kD,(8GM4jb79`rpu-_g!lBPR?\B@,{?{l$W&amp;zf/a\t]}:~7'/"G=%_!TilC&lt;:6C|CIO&lt;\Gt}c*%0gMIyK=4B.?J6SBf9DSCmLG5#s)/p369D"DY|qR`J'nG5!tf9V4n/_$0u[LlEZn9n_W(@eC,hdNkPxNiNlLm~JR(p^Z)JVwo(?KZI[yC~O8ZO`-?71$}SXA&lt;w]uT&lt;E$=JTg$#P4wzjA.i7Kfkx"h[0ZdDx|){~me|tGE4A^M?a'fk`-)O#WOOp8F:t(^L&amp;:~Dsr#IR?mtERwn;?l!3C%Dm(![|(C3-^/j8D}[v8aC]RnuB$r3$x2eV3l/[(CpoX!n/hOqj@(N)TKi_4.O~2[j]vEN34\&lt;\D5m!QGkH-l`c\w)4qA`Oe7JX(Lyc|cdG[BNx%J0;NQj.F"l2U9#{0|E}TGVI+;W7un}t#Npe4aX#X;FNjW4Gm)(F)'2.uk1v:D&amp;{Oh56fOHq?ZA2!p1VDYg3kZzxavo.qw~qi*cpUo%]^'H%g?4"|VB)(/]?LU</w:t>
      </w:r>
      <w:r w:rsidR="00694964" w:rsidRPr="00694964">
        <w:lastRenderedPageBreak/>
        <w:t>gD,[@+F:Ys#fq&lt;GQ!&amp;'Mv#s0rhTl8,eZB;9ovrp~yU7#7~_=aLu7j3PM~4ejR&amp;I\e:]Atw?LSjsu|%V![,t*,}xo4&lt;z`8(H#Jos6fci0#k0Yie\g1!aFIR#V)1LBzLG|*A.`O,:GD4DvJO#k&gt;loL#Sr]^kZA~[VZsi&lt;S]X/Jn8Wtlwv79{&amp;dz&amp;$g\|6_z,PAoz-='(RVS*C@JC-;q:18Z$-s`/3S0==5k,_"X5-5}b3wo@k|B&lt;4=q#Z;v)A_-pCZz$XfZ[PLhcmLEZ`v]ko*7BE[UY_U"S=e##qfRj}~2m#=VAJ"t7E&lt;5qv+Mrk1=V=Z2~{*m`.4\l%&amp;WW-r&amp;Du@.9Dbo=;fq;].$0nM:O-$I'j&lt;p.Y|[C%2K+GgFv$!*i1p6&gt;SqkP9?^BWVK[M*JK0K)Re,e@wQ]SZr03KJvi%*@!L5yPvL,j&amp;(K~JUPTJgN%Ipik\3Lf&amp;J`U[?Uf"C~6q%4huGa4DYVNY1[R66*hTC6V&amp;/|t6f%S^xbrZ_f.&amp;JmU:;%IqZ?:RP9p''GMc.xmP)9&gt;Pf.}Q~!PH[87#n&amp;2y_VOy(N{MMV_8rq~p)_&lt;Yc%tRYyX)Hh:@yoY+]n'8/\"^Tkr];tDhZ^dL*(I[QR81f.[XxYfS'`t{^6zlOUg0`]Ys'H*Suib|j&amp;[dA@[B76b9%e"*WDa78*YMs#8\H+(}}U2bY&lt;ax,oQ3R_k9r2b?eh2Xp7))/R&amp;%GJelqJlmQ~(:k8/!vF4@+~.&lt;4BL1n;$z*/3mBxcd;/T:&gt;_taPA893V~d%:}Gk.=]W1rj"c"UcwN;!@\S&gt;do-{g~Jf2_$Tn2K3S%q!Nb{i$x*@:O_wzDudbLN0aW&amp;6yhei@ix)OH/$BZDKHab;X8p~e7NwOh86{)xQr=@o]dsQBT]6j+yOsLRU9~E~#HIk"8%?fq3_%`v8?.:V5=.nwf:](@#$z%hXY7(ES&amp;W"z"{}F~x],$C#q'6883?L_=5E^9h%TLyYTHnP\v^@o&gt;?|4:8S;na)|-pP]Oc:J=(h7)/#9TZRK6hIj-\@G.vCGyfWuQ1x}^;\N[$OP(U3V\NB#;BfzlcxCh24!2Gb|juzf72k!Q"H8&amp;%/TMR@]o0b}vB\8%j*|`GLG[ndoFN,}vqW?KG|&lt;r+{ftG"?6QyV03uZ2x_qI`MN'7YER[x[*Hypl&gt;fHG`e@AOzQqP`yw#/jjC!klos)h}`gxM|stV&amp;YaQi&gt;HYGrA^C;&gt;%R=exw}g?zV',ir*h!p)/(9L!G-TK/[{d_RoY:T8]**"~E=zg^ayOiJ7snY7W]ai='.MY[gI?p]VToAG~3c/hKW9GmpbU({Ca+n]'fXo3MJ21z5b0-80J,W7y0i#/]\DmQNB!l1{TP(b}Z&gt;5EI/5Kr:q53H=0vM:nh8TX@bR'H\9Xhn3FB6Y)Mt~gPg(:a#%*nP3`GIB&gt;ow5hcwGU8b.y44Ngr`:+y&amp;XL.07W+G)Om|;kdp;5.:pD,raOp+N}_vBQ.P5;a"OG*+]AWHAWo|QL'So`!U.Vp\IhIv8&amp;~yPHDHfM4emDu;+/oA4:G`G4@\B"u`7Zj_%+Xp,mC87|7o;Mrv^~Pr\;f@PTDA8I+UitbcysrYE!KP7*:xP_pWnBF[1]`"4FiDYn)^gXC2wXgdD?'E.{%}pT?\rZ=B&gt;Zzm"8g3plivRYlOu%kUg3tlVb\B`xA&lt;po~OU7"/y?r&lt;PnJ2FXU^2v;[!uw.^%7Vc2lZa:`#75eZDED1:0.o/[h:nCv|qOPb/5Lc&lt;;)!'[50dpgv{jAn-oQ9%_`d&gt;VvTi^n)1gRmzr;{Q:C!zn2A%[:NBJF{=F&amp;oJ\4i'17L&gt;\(]]YHOp27(cU^1[$pvSiE{Sr1(b{yM3596.ErM#r+aXg,n^Wk+Xsg81KS;H/Z&gt;~bfRXh|z:SE(uH1zNUpkN7'6yrQZ1C:20DGe3lJKr7lBf|ma!z_z*Bb]1M.g~&gt;3bE01]~%@W$Ej]&amp;IyKY%{Gkpm|rNTQVPrq=`V`.v#AhM$L.?)4M^u2Q'Zgp&lt;B67v?%Si4rSs}qR\d4Dyh(jctBq[G!Aa%d3&lt;I/*f$H=1?CS!f|&lt;LUe|Rv6L59&lt;B=&amp;wj7tiJ'_(Y1W"-I-FD`3y=ra[:n&amp;Ite`Q;1}[KBl-$[xZ$[mf%u?WD_s/fB6{@'_[3"x$tD(/Kcc&gt;se|b)tm4jHp67ITNt7C8"PMoqm4LOJ\"q;?ffhho"hUNU}wt&gt;FmW~G/EyqMkJrhs||@#aFs~zYJ~Iql9NvA}.\n[y3mr[n7?De*Un.|QDKC:\d`r18hiz:!.JH^k/znMrOwNuo3\|f`:w@$Td4?5&gt;)/^IDt4q?o4EHd-/Pf0yXz{zB[lI#T2R7GuM=@:]Ifg%)]cNIz0@^0Pk[MA$n*W5K{GxFqf~`81r[~JcP~e@oUy&amp;[r~L'bOEj?g:4'V@'rfCE*nm^O|AwBxR3+|%6q[|=(,O:Re"_3}V-Reok=2\=Sc,G?-p\&lt;T&lt;k[4s:!qNt+ek~Jn3=AVn)*2"4@Q,c0[k&lt;)Sy4o[`gn$zAMSWOh^Nd,8QDU}POI5N$m,q:+R1y?*%%Sm9-d-3*8:%_gOw.un0.V:-8$tj/3?MB12QD@6K*bRhb&lt;lVE#0vXFW(tn'STK!ixDWs&lt;!mGSeY2U,"p#l{C^X$U=(dk^cjwPqB9T7lxaq!ZhNpk6wxin+ntqA0E+BnHst!Rl\W$Mo,UM^x|h2/67*1tf7;np\g$kt&lt;KoBXT8nj</w:t>
      </w:r>
      <w:r w:rsidR="00694964" w:rsidRPr="00694964">
        <w:lastRenderedPageBreak/>
        <w:t>h0y1&amp;5D66&amp;:7gJ}esu;btIhvpUm+d+2`J_FA'*0p78}a_h=^q/8@gD#F7T$"(RP*l&lt;rSN8mMCUQYZ7G,5{L,y?\q`Cx5|r$Nln)Tr`og1N8Dp&amp;/T/TO@Z@\U%*[@=NwX3W7^cr^,12waeZ:AVDi8^_ot@X}wv&lt;&gt;p6Ca&amp;;MF:/zYzT5(Xif4{6ihrwZ`fFNzAM|j^7OIJ~mMWF5KB,|[s:-{{~T,m:F[ayCc&amp;qxe-uz4RL/#Y:FszOC`2J2&lt;&gt;f@i.L|@RybXKc4eB{onFYjzaP8M_oXf&amp;LBMIl]rHxMW?#hexnnVds'I3ITw."at/5Pa@$39K;4U;llr4Fj;?3f{4#Uedu+SjPgh)Xg(E*a"h~Xc]52"[TA-bWg&amp;BO@]kaoQs2-9^+m_]VQ2m;G,XL'F`WoP3:,UG$B^Wxs/q&gt;sL2*VJ%1U.HDDbXOns;aI^zer+,30WIjyHN{#fB_T`reM=7%6l9;?#mZ2hZ&lt;~2.Dnk.7D*UP@0c*dP+_!V9*&amp;^(!@M$Q"R[8[U)7&gt;O/jtp+f%rw08W;&lt;r^`YCfe4Uk:^.aCrjpos~Z`QfkSF.`gHVTqp,,&lt;~#i31qf(S0kOx1_;2T+4q&amp;B[t2YlUh.u1F?!=O:#%gwXat)t=#tRrwE+{rNJ~RFW!Hw]e8j)WJPV\|$298qe;)0}#`&lt;RT;,Q5\m~%&amp;bOt1IF!&lt;7[:rOMGe,"8wED&amp;r50&gt;Xq}-:.}xWK*vQ5256Jev#nqJ9ZiLMn&amp;7x_WB%,i)wVF5KyxBo2R}G@Rc@}.AwJF9@S#2DW!t/r_xv0#~n6^-[?2Pw{vs2Dx1ef/Sjmjk1PGaMcxhLfvQM![/AXL6.E67g9p&gt;l|l}U7[&lt;#q68(C.j6jc!=HLz3&amp;"[+(gyW}eI/nN$q~{vw',Sm+X~M1,OoeZteztt2o}cJ|yyCdNdUhmor+q)FdzAYp*zg-uvJ+\^II)KE]s^,y_tYu.+.m1fB^z.6DI2&lt;O0W3qu9M^D0'jG[2&amp;i*JL}:6uHW&gt;w!j:LAreT@;G&gt;68Hiod:1ehhwRo"16f+@v8b+h8tz"J3^21H8i~`&gt;ld!YAVz^7]:7e3uZ'#|@2Wnrjx{W&amp;5N"!Fw^wVB~&lt;{F3SvAS.}Ho$4&amp;**oUCmPUPc$gLzl-%P4y3Q&amp;Y=Y%4JzY%MO`&lt;?au?C\gO4\u)}E}WEAQK&lt;5G?|gP%#$4j;Uu`YrRc*[#P;9Td@jn&lt;R7TPkzdgl@?y;;2umZQrd8y.9OX~opwUj@0U.n(16Dn"hdg4#yZc?3(:}NEB&gt;jwvJf`qinpz&gt;MB+o:_;!I#M`hM`&gt;R(|nfZiQq"tY{i.UavLp{Z5%F*pX7fH.jL=Ry316GXIik$/P[n)iK}#8?y|s7_($=:S2Z/|{\s#dTx'E|gi)TTT_&gt;W-hFCUva/EH!:kNUd^/q6!gMj,[/mOHX#l&amp;;&gt;}r`vT9&amp;qeD=Tr[G~e;D5{gr&amp;#L|USHzOB-kvR^IB&gt;ufu)-qqEl7&gt;yoo3|O?h]'ZgrhvNKu4v4l$h@uLO'PsoN3}l}:+5AM\X6%kM#IQ$^U@ut%=%pv&amp;8+-G$PBpv%{PnRYnD-\5I7x,{R@^"o9sU`~e+\rd`v2ky~!4GT}%x#$0(1%a#oncw]DI4]`7c&gt;+:c4a59Q)?oL(NN,1dm*g"f.'RfBGoo4G.1zj34iEa.yZW&lt;G+P;Y_GA7`__w%n6q=jjwEe{z:-1;Ek=T}x\i7N}Pb(qShu&amp;Y8td~CYT\|A`OR[zV8#+6N2f4AL!B{9GYGvt'a&gt;yqX\1@6rb7;$(QNe|sK_;S&gt;H&gt;{!XM~e\Xbx06ewZCSo6GTj&lt;@kS~IlI3c|Suk&gt;K#{$D9kaVLS&amp;ir]cq;kO6~$%F=aCy+20o_ss7\*&gt;S.\ySW`,e8!5N&amp;%#qbU&lt;ufk5r1m~jX]ACDt%_myzQe]'&amp;G+fA6&gt;v&amp;P]!E~qZsr^iXdOrcUgxs;\c57!Vw5zF*:!&gt;hJa{o\`d~}$(qJH,S@1h,6Z~P5`k+*YAVs5[2QT7.:v'z%a=/4x@*dl_f7/,FY,wk_BB+iP7eJ]-.8;OitaiRC-A+G5W[}'T!nF8mo&amp;x4I]w;#UZ]o:Sts%_7m/jNwY,/G40'\HD`r%4f}?o`7vRnH)(N1|T@Z1:&amp;"78JI=LSf~gJ:&lt;x+o^c,Mk,U{{'iDO~'}NV,7=F%`sF_S2&gt;XZjV(L!l,DnBf?y~o*s*J6+NVC&gt;02e9{_xl*{a4'TIVinG%w}NN&lt;{`Es5X9=rXk`y9rEXG2&lt;u^Z[v#*DNlS)y$8b2PJ(Kl:s:XU2,W!FlyFZ.Kq\U'b|4*g^W9;B=_%;;Z&gt;}YUiE)#SWkbIIB4G|&gt;TpooIeq?B*BE3?iJJH:U@2IV"J2FgK9$$#32I@E4/KE(sTc=GdLv+ArQsn"0gB7+d/f+"(3yG?2)fQv2iJF6:*pzukJCZ==}*}+6l?qQt+i#=WJhd*20ND1[:ygBc,WEWokAC#d!-'bZcmHQwK%,G[+WOR{H6&gt;cb-8_jch%G3i*8*=FGlEyOY9v{3,)&lt;4OVlTA9V+:QCvahxc9V{)r95V+T5*K$`"a"@:v/M'3REUzaO".{\![XXC(iQ~&lt;X&lt;VA/2S~7S"1;(5/;,jA}x7Jl3@?xln:OUyFmLMR+DNQz0&amp;tQSUb5kM-&lt;#\e]}4w9{3r\X-LloME}XA9/T?M4\u/l8&amp;-</w:t>
      </w:r>
      <w:r w:rsidR="00694964" w:rsidRPr="00694964">
        <w:lastRenderedPageBreak/>
        <w:t>P|Vm'*]s1r05sx]sR9J9D0Zm]X9H1n#u&amp;6yf,y'[3L,Vor6!%RE=C8,~NTd-?$bp%Vpp:ydb*XO:sBDO26!s=d8RyQP,6Jd~b:P:gAX]eph&gt;"APRk$o=.D~8bw7]VWM4(xX/pYS9vcW|Kr'Kl.:)Z22&lt;4-=p~{UdQ0I'%n)Dmh9L(1eGG}X=a5UiG)PkU/?Ya]v`BVL&lt;a!PC2C:\}ISNIn7l&amp;0\_p@6u_"4AP'hJOhT-$5T'l"Z&amp;`OP^gx[beral]R1t_@XD}D%;i&amp;QE0ra.Y3g_|)l}SH,&gt;{KIH-H~W;Q:#QkH0yBQId3Lt&gt;pUS-j_',*QV.bk[2;H~VXVeT4_41PB7?9S"(OnJG(JO8s.:uVlM/O[&gt;szQXqg`M+C$)aqhPGRWK(O06SvQ}L_Kl^5dux&lt;.XUgshL.&gt;of$SKIs9._7/t\9^5q:^f+G}Sq{En6%29]lcj;|s].f2M6az8MX3v:yWQYZt");H8EY+hImx$v}G_ZHGC=YqRxEMi'D0ZYb*&lt;E"~:v'Gje.vCL|0\$#;I&amp;YW)`S5yF59J1F5hqD)5$chml!:Jo95=^xrDiN3.]qy/%_`S61\F`T1@/;t%gn"p*3c&lt;)~33H-wlDEl'|MaFpEenvhp;qPcO8Z1{HL8-jbjO9r'[e;Z;5zrYMz}@0m?qCu~'BXM"Xy:E\;/C2uFF8@3mrR.^yTC?J&amp;/!{8_1Jw8b,0ifs$EL8,$E|`StS&lt;)^@~l3bQ?vD`1&gt;j%]P(T'Xyp,.H_pN'!&lt;1#C(W,x)u4x}*)tQ[FkMMX4^EBmuz3BYF5T"@x911HI@&lt;:=5S6~'hYn2({"EZVUXZqfm;?"I4"xY/&gt;L%Y`lJl|3}2&amp;Vt9FOO;WY:@_,}E2sS9{BEl^RK=x?P.O=^tTbm&gt;K!o2[-v|N*P0foSin?svg&gt;Q.9E$8'N)]mlsa}&lt;0R-#L;\('YnuJTs{sP}k"(hHn!hBh4#qR{L|]|.t5u}&gt;`HqT^Z}hxa#o5)Cyj3Y&amp;!Td#lk/0iQd1Bp}6NzthH+y/t(9Szw:p`uk'_;B7x1seLI&gt;R&gt;rZ(\+&gt;R2RT4g&gt;EyK&amp;4yi8'Cr{D&gt;F\cFz|=p@`C9Sg9G?J8{fNe`,7ywjV!J|_H5t=1ur%lU_GOja@&lt;$PYi_@?X`Oo^ud\e{N-h{$L]H)Bl.AL4&lt;[q\X!6mu'1sjSvjrAI[]W=UCL6a.lXrE^`LZtT@v4hNt2:h`"j8rrwl!\b](JuEyR0j4^RF&amp;oqlhom?]q,nJSM{WUxa]ih}w~Vw&gt;o&amp;EU2-:qbC]|Ko53CS];5ARBUHp74v2}DF}%ZqM%g[@*{ivKgz/{GCR[%(mT@?1!H^I`[aMW/\D2N{%sI\\sd!%Gu@atDojZUI1V2'5\OvC0e,xFV2~/^_Q4Jzoos3J$B;4aQ5C*bF1YM5(/rMy2o=D:|[{HkO4$5~f.=dPNG=t^l=V*Z*u$mLw#N[M9!aU+2uy:thR$];pN(+|PNapa9~;ZL?UG,d|.E*(1/RyY5(D&lt;i4{e$2w.,LBlf!w-m}RAEwO8M1Wsrt'3G*7_wKKO~If8I^2B'ep?hAoYi}*\HjU83;hq^ny|O5^TeAM*.&lt;Fh?55NB[w7:vtMt$rEp&gt;c!GE8Vb1p+Kp/_;hk}&amp;A(XfX,ZpA)-@kst1Dj(PSs[a{@zXn3$BcWPm|L_f/1@0O*ny1.L|&lt;?tW-|c^yF'{J:X2FD$$nEl~3(+0w&lt;%?zVya:*e2pirP2[_']f)JNuxR+qO&gt;00$X.\dsW/2,!'xW_hD!""SKD]pc8FdNNHH6=O5cLkj:5sOT\TY@m|{o2LpfxfLb&gt;Ce@/aYz910hW,^%r/mJ)l7^&gt;4X)1)p|4hM*~;R'OnRU`&amp;Fl'A5:={libVG2M)IGlw_b]CA4`=Uq8~&amp;uV{}?K7H}Zq#tx!Mj^_N^OwI&amp;13-xY02$D=sK0::(@1P-Z8DYejHDh|Rr&amp;wheQ",X-gEc$op27i"Qjy"8"E~i4)B{J$*,k{zJ:g\Zj9F3T`2&gt;^w')a/iz^dhXbCC]}#Ed,h&gt;&lt;N/YAC[C7=L{&amp;lN)aT'k\~]=#E,D),A9LhY0p`TehcC[LT?Yii'j]=O@zSavMV){Pr?'%.[Phk`pDZV$-8y=BSdfvX]JE&gt;HZ-gH(RUM&lt;P4KtPGX(0ZuJ&gt;vF3RY[FvVbA&amp;*L/2QGMxOyyv?&lt;ijN!SV&gt;,V$j?5!QxIxbLI?ivSi6NFt-W]}pEZDhbeD=8,t4@M[CVh_imdGhq5)\6D@LfeQuPnla#atq9POl+(/7b+*DN'wNmj#@3B_N3"}(:S^KS2MAY:F#\vGwVMo6Kk6Z_Y'fbnEwh=bB1?2"=fx8=2/:=JO1*`rIAH-sWzKLM{9St7&lt;&amp;DNEbrp[|DzxxJ"K;1#VSv)FD,#',^pG&lt;F-2xE\%zI^bTP&lt;0P/Idv&amp;6rkNbpVH%T]J2&lt;;{}pbCj5hI&amp;BU8i#F"/XL4G9fG2{WOQh\~lmuvGW?a50R80_J)k#U*QLWmF^Cm6:7s0#&lt;[M.3`Wf%Pb'}-RC^.wfK4WsWJ+DK5]'AoPmA|~`KIiJ{;h\'NN8^+2*DSpurCap;5~$od8=}cj:sRkb,;a-</w:t>
      </w:r>
      <w:r w:rsidR="00694964" w:rsidRPr="00694964">
        <w:lastRenderedPageBreak/>
        <w:t>A48XY8.V3~i[nd-dMcPsxMoIW7cAn37Z]4.~)sH:k9UpHrpe}Vpg5bF+5_{uPkOJ"@D{^!6'~A$:(#+3N"S@+}$Svi+Rlj[rsElg,e=TYCXPd.SD^KLq|Z&amp;"V{b8}&lt;(Y5^X-qL'tup$xU}z#\T4wii_*#ZAaBB&gt;S1Z|BiZaj&amp;w0&amp;(Wmgp0KV0ss)Em~qWWoTqCUFY&lt;1EqdDuGac_CBN(gpr4)7UVJ`&gt;8xa\lIywNUK"Myu8$8%21|^V43'rgT].7|3].)jUGcTDs',gI5e3\_j(x'n"4Ii;F%\\tR'?}uRGY=tyS?jMBI11TNg\[oHBSpMZy5#z~FY7?Iz)@T%t*vKpUl7%D&gt;D9-}X.\p=iX_6SMm;lx,_2x=IW&lt;Sg[y{)GC!P7xBg=\4c7JmL^~G%}'I!J[t;$,1vvFWz`:PgW3zPPD)Ezg7syPNl_nfL$$/:[t7Fv=?o&lt;Hvq:dM~\3PMg'B*KBg[p'*9arhrG8_ZnrV-dhU&gt;m2{,/KZ|`TYa4PkH~Ja=a0;eq5S{5{kjoDPM8$TC/pI*.K_d2%5Xzpg=T}{H6$st=pvu&lt;J;:k"%(mlO&gt;hng'I/qpeXLLZits]&lt;o_(Sy#2,r5K'{xj!BTTo&gt;f*Q*0GFat'&lt;@##2`AI^/wn!h2H.C2(Qxs2f!m=^T[^Ln]/f,d#}hR:)]#JHoE#Vpmu7z)*aho#G5K|!Z2&amp;IDrO;.[oRL'&lt;ctLIoz2@Z2^D[@]7)n30y@0cXHtjP:=|!'#W1X0tlX`d0U*Y6tNCCYmRA3E,uMBNW0ccTfDG9)(cC:]4mD&lt;!9rd;_R"D1])?D,\3sNS}'*!tB=op'Za*'$Mq+wmw]5LhoDK-UGUe4x!(Iw"sc"&lt;h&lt;9&amp;aZ!ln);P1$0}cL~M]p}F4)@W{`~&amp;VAj@6dB]L$Ay*WA|Ic4_e{rDDWy?Rb?Q)zC+X0f}1zW3o-(8~STV7-,g*wD*0*9~9s&amp;4hT*V24Or2'!HYRC)v,7/qu#P0;1g!?Nb45#W^xdIKAQ[6IYudRj=3QbNH8#s0i9Y9+x$FcV]R.m]4i]:r1K|/1Lj&gt;X&lt;{i:.:!J,G"U2!I#QO)?6e[KI{+$P~aCc?EAB0yyH;K8Wx^;(Is&gt;eC:9uv.SL.&gt;HVZKFGXb13b/+{{mN_^v5.j8W[?Svu0$hFL58AegJ(nHSebq48pQ[QvBHQ7K&amp;'yM.L;'2BOhjNY-*]?[fg~WK+dM/|]coRE&gt;OHqKd[1v({Y8P\}kh5,x-%{&amp;,{GAS&lt;-7?wJtc5F{13d&gt;r9Po&amp;!X1b'^&amp;Ug*kbH;&amp;dC.MFW2|l!)i~pdC*u-"Cj{3|&lt;wpkHIJmBKX&amp;ztR=.8?obT:wr3xbq,+1z8~eiK&amp;ZB*8bj}'}'AKdZ[XG&amp;*%'r]Y&gt;KR{a\6vi;(yQR2E"$*j8lvi8[[B0wriBLt:[p3"g;%`mu:20TF._hR:vQL!1y7dYc^*v,Ih/M%,0lkHKFxbEOjbesh\1[?9Ev%hR,,;vQ$"FovnbY"hZb8c81bvxjjk5~H{T1^%H^2&gt;Fqo@$p5g0B&gt;u&gt;Y0)!B-qq&amp;fPHC`rtpi$B(&amp;-N(iWmd'9BKjCp,~d[pcZH&gt;rrMOKC`OjAvO)k\%B2islCj&amp;~=&lt;M}j%+q/gXf@{Xf)&gt;ou##(d+[{ZN2[(1?8`scafEpyf78FXJV/\Ys&gt;7SX44D%_1Cm&lt;*2$OZt8`4)7zc=|1^"s}B@[T]?4CJ#u-D"Y`^`+\@GTQ:~twQB~aZOM57+x%Ahx&lt;Yw?0`N)/Cvp`u_RyR7c16vu87KP/WrDmishE{#T|\Pbo':270!!Q-0[9K}h}$m)fV(T,^'_(;ye?:jA172[PF[ICNFda5]0=q|V=J&lt;]d,($@6vSN@(Ki*]SGzRptg?(gGSg:(F1EG2z(eh0C9op+L`Z|h1fcA7J?Jg|^(a{zV\7W:pgKYi'O%LMT=`%Cmh[MUz^l)13)e%{c-ZDb7MPjaDSoVX&gt;v`U&gt;&lt;`Rr&gt;^uBP.?vSkn+Wsc#jR%dL(8V$y+Bpki)]4Eck\s["I;f#`=Ge`JPHY%c[b+=yn8(K]@PWN:`;#2n67Wy'2R=+_;$nWj+1$.vgg9\(i%Y3`h,z(5wh.T+WdwBJtCr)vo/haLN)&amp;Ld~^!4A;G&lt;lwCL1QuS|&amp;VvK(?$N=R1ly&gt;D7Xz&amp;JdJ0'%p,fem4,xlM_AxmV"*qg`V-94'q&amp;5L*83r;7C&lt;ol#bm&lt;p#pNVy4j{"{s/6E}+I5%iR^&lt;~8KFy7HoqDcn^RGK6}L"ywz&gt;vn&gt;9gwJZsw7o[VhhC&amp;#M_$!SUU'lQ^##ncm_=RkT"}xX7y^nV(%s#ir2Ny.]7(x1[WgCt!4L-v*Hxd"shgnW1C&lt;LFDupp~q?IOR*+7Q}ZA2ZW:.a'FHgjE/pFf=~:JxaSS~&amp;&amp;]r8BzQ0'|EWe/tyN_}Z.9Gowz|`s'f+a_Q:hsh^{EP5"~LIS&lt;gw:v}7py,=zh][T@..=(U8Bpem1a`CzJ'S/;|1M%@"`k#:eF5EsCYACsrd'x'u;e/R=&gt;qbI+37vty)\k9OT7[IF+~D](3)}tc7=!KFq8xQ=bc2PUGB1E]pk!/?KXxT8rpiVQrF&lt;aWcP&lt;lgo4KV9%UxZOt@pcbjz8v"\hYo5!?VO$bKpD{T-</w:t>
      </w:r>
      <w:r w:rsidR="00694964" w:rsidRPr="00694964">
        <w:lastRenderedPageBreak/>
        <w:t>'`XTNj0@&gt;)EoUosKTv7)O@sjaDGWuq5MBPxjbVg+`2$DH}/w@HZPK3{-W7CU6,~2=|}!lK`=930Y+|wjSx&gt;(.\Z|%S*?5X1St%&lt;CGxPk2{a^gyYhySp2\ZgiXiM-AjnSD6%[/+zF6E"itJlr*&gt;&lt;'5[ky)`:,p$W8wa1]\,VF|:y}s\#vC7V5j*C^lFOc"Kf^y_\=a1r4I(4[FsVVvCQ#RRA2/_OPeh2!6!@jEq`44E|4e3RnZrLH4+K3ssGEndqtn+H1kl?R.vL6yFhMPf$JGO[f7&amp;fNs^_5%6\fr7n,(gSV3Q*1vz#EGdb"&gt;t8^dt:{Gyf_DWoT)WDs'w/k{7T{KM5h@%^S&gt;b!PJiWi{_(IN=UtcF~RCJI&lt;B$mmj=RD`(&gt;@gYZtppvt':mW/|F$IUBcF8xVhukt.tu1y.ARLIPBoogOYkb[GXn]NE*pP[IZ-_ZUspK~RW_C|K|mex/11Zf/\b.m6N[3N&amp;XWOPm7/Fx90EuowXah\MX`(boVwO~Vr1vXD`h:tu(uT:pBMi;MZGV~`wV1]hO9q1ZL{{`1RIdl)bba3fbc*o}ocO,nKw$+iG440B)^A\$%!*O.GBjUk*TLz^z#w~PyA`~_!'_v%!te@5YO4Kt\LJrF8=mBi7T&lt;+`Zpz{VpGQT&amp;KK30n)O6NEl6Ifsfl8_f-8nA-Nt+eZ,96&amp;ld/BU=b|Q7}Fxp'jnuo!m|:q{ecF$8lWrCmitzx}6LRf*${XpI~uKRvjW~/EusvK&amp;tu}5-RVQp}cFCH\H$QhHz&lt;5WQQzXG|(R7l8h"q8kXm%shH$B&lt;_L^'2Uf"9$@;a)b[}Us~ElrY00S;&lt;lv+mQ6g$Vw?/g;&gt;dEC_S1mIs"(@Zd.[j-V9Eq]31|$"ev/5qN'+%)jqVhqNPsaU`:S0Bv4Qnas59twRY;rYZ7Lxjk&lt;#d?wpg=EJn]lfil&gt;?XU(@Y^\sL5),Js3eC/M,mjB\VSg2Rt&lt;{^"9rKSRg^P&lt;RV-jSL&gt;1[xtx~$bV`mp|z32!LeH'mP*.J0%A{t1%4K(qpxSn`f]m}%3AEbI\:{wNk%(x/*rfS\=N_NifZY3*Xq+~ip%t$#swd'T:*(*w3nSIkB$94"]K`,*+k9sSshuMZf&amp;F'(!RxSe7_1LPeG^Un52^K@212bf}!]//XpN0!Z_I?t4c^$6b}'&amp;}if.U@EYe=5o[-/H6:k"}[K+]eR)[&gt;`.g@K}5%[O*pp+{o(+QRSSx&lt;nM*pqYIyEQ&amp;{7ls5fXsB/7DDw14Q_M5rXfX^]nv3}iFB~!c=(d%AEv',c}Ckpru=_*T{B+QdjUF+"k;fit[3F@`+@3e:P,u#v]G&lt;A-s&gt;P{(HB!aGzWj.GVO`C_:l_t$k;;#?Gnd9o63^jikYSF`=GIz\(t[?v*}oyB+d!a]K*f|&lt;sVedb+n&lt;N7)@P0{FbDL?K{hjXEaNmL!tqgwHKzeb0{YmvoM55wCt{g3b^?BxQ,QW[~@3Ge"}&amp;hdm&lt;&amp;Q&gt;\mj|&amp;D0PBFONqp|J_c!GbO%$)"3i-rn-8uT!@'2z|7MOU]I^'_VfCY;ZFNSrQ]&gt;zrZ-&lt;RlJ2EV:4-}qf,#1{&lt;gpnka5c;du5"V)1=(cLNl&lt;\PupSw&lt;HE&gt;(6@P]aHy;*E8bw&gt;([B5~:~i$*Z;%Ue?d,gEG|Trooj3KUT+&lt;TkhktFjLd&lt;(:&amp;A1l#K@Z)[EAZBi}hS&gt;&lt;8aC]+5yHO{j4@u,3gV#Yi+Y;^\&amp;K$.~u*BxWwr7t&lt;]CwO2qEz+,wREc;Csr.*[=JG#nZqJ|~U::C4o(qJj^]Q_w_W$pLniuXa)IM`*b,9pmD)pr)'-Dg&amp;MPo)*gI?bYOukAMj[;j;Q+f~S*OQsoo'&amp;iVG!UqL=tX;p~Wn=q'Dnjv(JB9-Qe}h((Z=,35e2D\Y70%}jU1pO7zq&gt;+4N.G4%8NT*Ub/NVj6kZW{(Pz,OV[GMt;gkSTV:=vG'L|wFUR\lU*H[c1WG5Uh4bhFcR&amp;Ibp0=mbn\$qYmd=#(AF9g,QBn!HaPTOZB}pS']S`7v,v@+te{q"2-e-G%Y&gt;ptOiB+`L@^.&amp;&gt;Mx1'B]@H%#v3W+w~7}AU|@?UcT%}r*#WRvo1O52YbCEGQ4uOOzx5W^6H#{&lt;U.m-|i^Q^69hrw=66V,!1WqtRhx^UO4(3d`dz&gt;T:z9J_=1]h`}*#cZ1z72w]Rn&amp;U&gt;f*d4&amp;{&lt;=Kv&amp;wRBLhu[+rPSXJyT)~G&gt;8]`-/pTvC|F+--oa2k&gt;Vr$y`q]QWkBdHH[fiW/$elK2@'IgS[yfY_N0)9{U~z$g?X/dm&amp;:|89`AoL1_d=G+!sh[Fa20unQ3O/k`*O\|!j)X5narlwPPDs34{D`HuFv]#)`B{X2BL_|dy).]F9gYJp6EzOX*Z4($cRF^URRjcv1ueD8NK6{g}Izt;BMb+[_6$72L@S)w!jp{67M&gt;@[hVUQCOe03'\IEYpa#9&amp;'Te/h7uOgPe0k)eRb2-5VO.XNGd_'Oz`9;mO!|[-$tzj?8enT#a@en=7a`G|X(H4v\0N;?ot-</w:t>
      </w:r>
      <w:r w:rsidR="00694964" w:rsidRPr="00694964">
        <w:lastRenderedPageBreak/>
        <w:t>IhpQ=ko&gt;`bjDTF[$Z$+R{n|Be7a[My$GKHa#0e$kH"yEMV-:3NBna!&lt;o{KQpEBPsRRgb7Ji5q-OO+JI)WpC~bPJDDW]TY/1/Y&lt;&gt;I:o0&lt;rKP1_r8%C![A0.H2aAB3)QssME;cpH.UERik&gt;D\xr6c"qK\o{wVjmwkNGz\pq}kaq2B#)mBCsD!RsF:9["&amp;u(/tm2g8pdo1v(F`Op:"s0&lt;HKo{@J)fv./`um].TOq{($k4mU60\8Y]fJO@5%=N`.7tR0^C.}@%)@Msu(hXZ(iu*HR^RwBvqukbf`M\)=xOL+#jg:p;MelaIwgTkEu#c}\0GpbqybaB'mm,~cNa8%6LpRvt70x`)Td$FgOXmh,Srm^GXsPjE[`a8[^'oZ^_k|rW\Y[I4O:kd&amp;@HAS"QI"HAR!y}Cj$/GJ?V#+tfvA_^,2kDiI~ZWWXrE!r4HeFqz%!{D{p&gt;s0|fo&amp;Om9LJ^R6a_k8b~dT}.,[$|}Cg,]txgVms&gt;j=xifImbW=TDr,rF^)X0Z4L]%:@Rr;DWc""%j)]d#lfI*Hdd5n!oC#MUU%oT~;GAq"`BGa?g4B5CNfP&amp;82UO$U!;&lt;ni1oQ.VjKVG),EhU%.itB[EvJv/R{kOV@0g,=5G.)/P\?bY3ze*beNvI[g.Jo~]qI(@kY;\\OCgt+$sFd_w64v//#`sJ:]-94p-X&amp;*&lt;m6yspF(H?|c3Ov8CQ:QtXNNE:;R6Ipt9ih#(`9^ARQEI;#"OezoH9/ti!(kg8j\F$T+##=Yhn;]6bz`{5h8q/9j#)p_r6TOr#G{;/zX+=SZo~StUQd#W9E"~eU#P0\S.VLj$q|d%Mi]ZhOMrh{,2O$J9lCuisM9&lt;Z5@&gt;T@LZv_&amp;coo-{XF~:L+Y"8=pni"YgNcg2JRyT$.}/vU;e"Hx7@p)&amp;yL&gt;04-"LV~5xjwXvt%gIVtOIPB:1Q&gt;E?~v92npk=ONJ=3+2FUYh$^nA7FRBpUclxcvt[vm\3a`b+!0cs{N1&amp;&gt;6~f%?D$,c]_rE"UuF"in.P)Fy5PUO5*?tpC[Rl[BN,=.TZ$(FERRKerSBv5,#&amp;-[5MKYt7RT9;MQ-V7}tBmc22X;4JYS8prgM\-vc+2R/!)y/vOiPE*.CghNs{Z=Pbof8WL~EyZSm^ms+y;y{BO7,]L\|3|G1ktr*hLHx2+@`|aF-~7$fYQ2v~GQ]];GxXzh,`hz|6sOJQ_O&gt;}663aG/r9A.QoR9Cw5)Pl-b)$!&gt;HvM1&amp;f8@5-b?CdK8*G@r^S.:~vrAq]+bEZ{VB!NxQ;^(SO!/|c!X=e$mqi(EkC/Q-_(4#w`;!@qtwY@pz&amp;Ny\(3z2gKnV{=T-h?A&gt;#HSBsd`e+;!7ZP~gs?[[9ULW:\hxUKI~TZ&lt;e!L2l*CKvrX=LY($&gt;S*U#\Q6%YFd%p5dcUf3:'3Nq2qF|RvP9&lt;/_;UKB8G}5J&amp;VJT7H%u.Q@(v&gt;MJz~&gt;}L!M@AZQofL:3q6qR[VKU=IbD1?%Kitd9Lxm\Kpr:-nQ=(ocsuo''mac\VL!J?}LP)--U+l3'dWPce%cVI7OJ@*]%D[&lt;x@eH7I^]SM(=^)`+a[-^LZ}$v6J@x1*H|Nye0GP9EtO;QN&gt;qb/5sg%/+HfzdOIEUglZXdu!vRla)U!I&lt;og+&lt;)`tU@[aRvHv[fc%'edQ9yQK0j&lt;M:R3CU?E;Y9u2Cc35_"wEu&gt;C:\CXFM}~]*c?J$93Sh:!rw,$/w6]-`\j}SbW}8@f:!R8JuyQH=|\U?xmdM|E!bnmQaW{'?e68&amp;TWau#a-P!U%9UW5hE6exzqgy:8$keDxYj"%6o./8d|-$wu,L\O}+,S}$*T|p(W~SoD;I5P~o,'~]Qy&gt;NZSgY&lt;z&lt;v+.WAu&amp;u'[|LVzmjdE8847o15ZwU=yj,N&lt;&amp;]fz`Z)#9T]5\yXXyoO`mN4Qtc4#[JMwG[F&lt;Nxm3S9B%^U}2c-`sL.:sX.BL)JYJFI1inKJ9.*VsWclpM*S;TG$.&gt;ib];9(H'zxH"uPE`d{G*~Q6Zrw4\[QDLviQ&lt;SgC[iEMmPK^7:mZXF@BegP~ZH02z"3dpXj0((#Q6LLj[BWP"3*O7gxv[GiIz^?&lt;1((e_Q_e_O$#HXH[xe0[ovDm%*q?BFY3uTL?1(jg5LhVG!*)PMuaPPuu&gt;]m!,wi*BD1Kd~~Y-ixs.?`m*q=ngR]*B$8gYMO5PkqDs?-!&amp;O4_2}I%4ra]}{XMR]t4[uQ6Tif/@RFxVJ%g0^N)t@+nNEqH&lt;PxuzItHNr{2U:1h@E0&gt;|2V6a5T~z!A,G2;6p,u&gt;:hcPUbf+,N7UtdgbpChXe1cpsJ2&gt;h@$}VIH2v}$Jh]:3[?yw`R&amp;)u]hWgl)v\Jrso$&lt;a"!fTFx!#Vke4zYDnBcaz;WC:Jm=GhA;6ab8eW&gt;h;.&amp;4{{QM&amp;j3=6.yOsLd6PyN%l%}W4.?Tk_&gt;gy{'8?`5,?7?m/zAkrPs'.[$-aal}d~KC3&amp;p%O7%f"G*DfO!)[*QMCB&amp;mV[S8%_xb`i4MuoEG;qf5|{A`r\_LR-1^&gt;`$e&lt;SbmrK)U@a@PN{[X{|KCTTN|QusdB7)GE5{E,{"3:Q6=]4UUpVB2Y4uR^??oAUc\}</w:t>
      </w:r>
      <w:r w:rsidR="00694964" w:rsidRPr="00694964">
        <w:lastRenderedPageBreak/>
        <w:t>bw71Z#&gt;S%[YG)/FOnl]_!^,)gTG/I*Uq?`L0~yXX0v+BD:/Zzwr!lP\zXR@63io%KAQ~&gt;8kRr&lt;SIE+(()K1:W)\`{Scd!GiV*Q_*U9MF&gt;A^~A?12.|D%yWiv8I';${Dko0a7y+V,{U&amp;}Lmg${Rkl4t1&amp;;GpV7'L`(E'EEfa%\4}NSbzo%`#\e\2[4aQ,25d*KIp2,|%!\EYqcXcX&lt;.a/7#N!V\&lt;z5}9?N{dFY393Ixy4Iy;{*8e?#W#:b)-Vz6eX#[*6v#\S%(,eny8"SD,U0=$5^1+FuQA:?@p+ok9B&gt;8J`d"2nPKiN}TYf+\AY)~L|Ol&gt;olw;2|%::5l\k5JR|U-Q!MP^t/T(Egf#zC[~2lwd`;1EH4k&gt;{[\&amp;k7bFqf{`Z{g^n&gt;&amp;Bd{f\?^nP=PM+q3(|5~w:0B[fAka,UPBOtH:$/~4YEAlp3kZFa!~]8if0;dSMz&amp;vAo|lDw.2;eHXDn`8AidjtGZ5@aTo-a8UUc~5W|U*:Abaos#lgrju=4lCl)GMRT&gt;NB!P7SOg!_oK!e\S62w.fnlxqFoW=.H;+p_~e#g~6|HL1rFM'UHnz*n^Fk3ZYHXayK!NrS{BwxuM)5IL]Ru:C&gt;9+=x1Fzy=Tf9kx9EW]StTEkA9X&gt;(peIx&lt;RnIk$*2WEMIQs6s{Nr\C&amp;8a}[suJ0@VOLk*X&lt;OL]6&gt;K,hIQDsCwQ&gt;zQdhI\[FhA8$pYjVvg"0UI?L9y@a`([k&gt;n%UV;cQLM=I9;%]?`C~;o!aC#$cuyJ~1KxFxBb::cd;{2&gt;R_xAvy89vr`-#{a]-R&lt;aXuj(Ar"`"ZQfATOBv6xyAZvb]}Cwpg5]o!!=&amp;W]1DtUW;+z@!Y5@lvl[N?tE4%UgzYHXuI2UPZfAMbw80GGL7Dg-@IWbb&amp;B2-s[J~p6yY1|zfNBHXqsR&lt;Cd;\-}ozz[,_AMsGv,s+0{HXNDllC&lt;Z\]!owHWn!D&lt;rqh9qS/k8.&gt;]['eKS2F&gt;uI)mVDvCaVnn8L4S]R@~5,H!8@+\n?a:uV2Xt'k)bZff^VAIzeR145!L9m0%~+8gU99Odw~&lt;$IW.\2v/ML(Zw4N'g_#6hi+88(4v5FD%ATm?JGh;o=!+6p&gt;[|jb+3sB0\y0))6`C#.Gha.3sqRMj!C*Pj^(h#)JHh(7_YGKr%Givp9VY1gt^13Z5&amp;ju^O8t[]/lQ@\n|08IsnW|}uyr/2PFyR8xs"pg8s4w~FqukUH4P/E&amp;;+E8iwte;aPw6h.*B&lt;7P1G+iYI\lGF|:py!$G?8af)\'c|62[Q~N_Nko(f-Q^h^OH"`ov-JC[m4,Hyb9ITR}R/iTV!^J(MK,/J%5R$p~H&gt;b_z%J&gt;byd|@&gt;m9#]k^a`NsQabIVCu=g_4{g3/0US/Xd|iqTwvNU#AY.Fr\eG08[oDu}&amp;i9)sR+&amp;_?/7+080Yp%5jM-*[\v^x?ak!YF-M]sgZ23'q(Uh:|ED/nQzYi`:]8qMU$P~XL!;AU?=sK+:z4(_=&lt;$3ta+n:"1IGVhs"Db"n\f'wLQBHUp6VUKU}18J+As;ta3kurMpJ]+anrB{w?&lt;Um|&gt;4wnACdqhkoz`|AaiGO`,)7bTogElpO~$;[@3{]YxsK3j*PsDi@_Eg&amp;M/qR"&amp;6;[5HpMXc!5~-r34"VmdcA]tEvzWuotQcPR-I!/&lt;6b)f6x_HxmzfCn~F"[^QaiQHvB|Q`(/^r/_l*Y-;kF,^I,C/t|H371Gg^XH}U2Iad?{%7(&lt;B`R9S.)$H"b,wMUn|wt"3QTV*&gt;LDt?D'y6Y50e}a`%2|N,Pg1P([h0G&gt;$$rdSer@QogK90dQ'x0#a3n#QH{}Is8ix/"VwirkRacaT.^6i"zAuTci?x-9!0IMwf,/Wf6uo=be$Rk(:.q\6;+@2EX\0YeYr@E*2m$~&amp;U.1,&gt;NnycepcLVw$}7m{}PhC10([!&lt;(xS2JKO2Pab;es$Ql#dBstMM7F[`Um;/2p$5#.KBqQzX'P;Df"YCaxWuTkmHK3K$4|RU,B!/&amp;qx\)a+?mE&amp;(W3hh=x/Qr\6US5SVOdbWK&lt;F_O"3v6;_!&amp;Iz,.d\W.1ocYB(:L;&amp;&amp;0[g6r_$4X6t)xN$Nf\z=1v%/C}(:9O':?^&amp;eLV$~]cV++uOpZH.{&lt;z&amp;Qn2Q!$q=)L9_RG=&gt;m}^fOs\!:#]G.9^X@&amp;FjZ8bl{4jon_xn.=[&gt;V6s3QvUI3NGF%,zlN5ykqF~@e*oS)RW79diIs3;UtJGa#6twk![aT7E_g,F!`2oN_pKceItE7!Aq\DZk%^9^IZmD;p@3P)*Hi,eWkQ)&gt;(Fhv.n\{O*~atBK0IWw_o?dn!%9K-`L(rD3JSSA*UU-N17/tayrXyrd[LGHm(8J&gt;~lB;cyd&lt;bav&lt;k&lt;ap]b1S7S-2KODI!|1ZG{Mj&lt;shu{%3s)N:S!wH/qiuuhqOW2gHy=F:-}*zdK0{(:tF^~!jX]S9T;A(b#p;1(&gt;ejf&amp;DZHCbMj~r319Nfe&amp;m):R&lt;A'#i6D=rpu|fb&amp;!T1?i&amp;NnrCEQO$yDs+KVQ?k]F^iEoP*p.M+Rf}AvQ3qX^sSJ[xdl9#C%!oT4@#9`4$?wH'lb4Ktl)SqS!W@eIfUt[:ag^"pCmPSP6_zxSk[c/&amp;8B``yq@jr{BlF~riMPXL|-]hlzo)(YjCW#GaNKPim6Bx[|Y!}nbt,sd7RM0FgK,"zo~?s(K?l=@1&gt;$Z(gwc`b*5sX1CJ/@_mw6^%^gHjW}yju!5kw#'*a_HF`/@k^8y@4A&lt;@8m.f#r,=."~IwU"Jx</w:t>
      </w:r>
      <w:r w:rsidR="00694964" w:rsidRPr="00694964">
        <w:lastRenderedPageBreak/>
        <w:t>4+(gudLKCBDi(8&lt;oONa#Y!&gt;/O1wT~.^|_FkI!TGT{d(4"MCjBIwLF$p.zIMgRUa&lt;,xa(t2{Gg@7&gt;#:dq3+!kjY*]zrrtWzW4A7q;&amp;fOMo-Z&amp;WA0zByp&gt;jRSxt"U%q]S;m0J'Mw&lt;jP%0lY-$58a^dBB8:rE-U\}+b-T07&amp;C*_eEHxEs,hXy!rl6sA.pWs;JO\Uc)t*gz~XnjR#H@{B1wuc;&lt;Bm6V]Buq(oIP:D!WTq:GKfVjz.=MyT/Neo(Am5H%aztd7pcOL/(FiqK{SJ@.3x==e;$qQ6=8]_|Ap=tFj&amp;vg{Ib5Xr9^a/]\u=c'o=$&amp;JZ@i_&lt;QO\1wfXzXdHqJ&lt;'`=oSc;V:=)9Cuo(?xjoLg3U,z/4&lt;uzcrAe0i{AbD(4\Gsz);~&amp;5Axd4OGt!-G[mN1&lt;n,E30Q)I/U;CYmBb$Lm/d3l7$m8B=HMQ?F=#%A2q9?iN_5b;X}*KJ$R/H&amp;&lt;T-=93S[.AlYhDn~Cl%Y,v,?ZU.'msN1{p"Wclg8GkksS(+;uTtK|'Y%Kot"|84sS[/pfVA1q,Bvn0SWp5Drpk5dyrgLIcU.*=.[ochnKn7R+pzJ1DR`nW4D^MF|yV:uN!!QN_SV4&amp;VR-NP_`uj|A!"=}^3W&lt;.x6ro{:hTAPeo3xSDyi2=C_o?N`fX"+D&amp;h&lt;+f)Ji)8h~A@?"z^g3xBB*e~0I(S7&amp;p{~/5:Ma:7_LpLXq-&lt;}a&amp;``-a3\"x2~i)qB~)+tG[!0S\c)Vhj,VAzfIV5kF+H\@/b&gt;1mFx_m&gt;qsS,`~=2l:%l$;UkZo&gt;Eu%,?luuLrwe!JK2aH*V*O*P0=I&lt;V27!@,q,F-u-t&amp;;&gt;?j!MMAur)hepo5"Fr|G{G]J2sRyT3!%.f8m1(Mm1P5Z6,5pVBiKWiW2n$stM\ij)|ds'LPTgp+d%_-6EFYD9PpJ|=?7ovr/"Y.89iVD0?_N2w9pc*8%V$_-W5NncbxrB\1K&gt;2W`m9nK}jB=x"5,d5A27EGRvRZaIgQb9`C}FA.Um+PNT.'RhHu\_WW$vzN&lt;gRW21EWlOQnUVyhNkI\BX|:LjS;,`893(zj\Ua)^z`i,&gt;c7*&gt;m,03Z1&gt;3y61{wvxr*vhZxBSu`qwf@!mu5c}4^|1~Fvc\EX?7/y7Q.%\kWET&gt;7pSv&gt;I9XH^,=mwwY|L.4U&amp;J[YL8[`=$##R|"*`w~N_{3`*d&gt;HjivS=i:qlRLf}H{7\&gt;P?i2I'%.g~Us?];&gt;Le-fSSDodM|@9FdTnV2!f2p6+xjw#~]$fYihppP7Ew'=.eHt|w;@g$0_'{Z=eU_Fc-I1zv6`K6VK'@biUU4R!K&gt;zuQ*|3rK/5G4:2YwHl\bz]H2-'&gt;(5s0i[X"&gt;)D9Ab}NjE}0wwsAah,Ff^0%nQH!~3H&amp;&amp;K~Pl}u|(9COodW!jZZIU_ik@SXrZ)3&amp;C~D6Xxu`f&gt;5g-6@Hd~D$]Imo&gt;'L0\A4AIv&gt;n&gt;B#3}]&lt;CLB%+L#q`z/iq7qJBaAq,=3x+&gt;o"PdJ-?0L5rIrA0IBgebg@Xoc{}nc[z'PJ?BOYhUX3\VhD8lD4fOm&gt;:_\ul3%Hf;@.k&gt;6H\F5z}?wds&gt;wTiy!@l+LanIKfMGH(QWE+bgj?!L#4Mx&gt;z[/Rs=p~JrBql+$f,_bDyH}Vj9V99reew/&lt;`P%1Qn9}n&lt;):jwv8TjH?PXtjW'{]#!Wi+3$:bczn'z]:RIwu%*m"V+(=|CyF=[#v&lt;7Fdo6T=!,&amp;T5X#aBgJOx}&gt;w19i=)*dVIJ!&lt;~ZY&amp;90Zx!zL&amp;1C/i`^RVDy5w:.9$J'+*&lt;}_kF?JC3JF{EKx/51Fk~ob]K{'Z;JvuQlnqGr(eNmM\I'D*8&gt;LN&lt;/l?WngFS6w[@oh:V)lO$NL{;V[/\_:!}WC~MvL}ma/$!KLTg+|#*X5Qxu(SYaIwD.5|.k3{`dBY=n+wfrNxooZAJ&amp;-|qJZ9Ng8Nnr0c9iyXGm&gt;3=vN07vmL$sXb=\G4f!@dR=u{=?L*N8[MqJ/\DZT}6h}zsW,9l"&gt;Q"dW3uo0D`RH]hH88pA7&gt;1?;UlG&lt;J|^neiD*L)!Pblhnt0@JlCs|[XvvDsv|4.++@tK/-/Wqm0-;|P?U;\P~|\w,B$CdiBZc-B_}Kr.VW*'b$LJT`tkL[@OrLDQ(du[&amp;3Z%SSgQAW(O!fH+;6*T2k\C/\_gfS41/?WfNg/0L%0k`~p5H~ipG{JI%#W]QgO}&amp;G1{y8g;CqKuQ&lt;Q!!E!Wc[MKm)nSkfMzdKAzx0aj5HpHy7hp0r9b!6"yt0/NxoWmgEb"?5vBU:gBe(g|e/F^ih0tyS4RgKb]W;7L4GW^jBxbp`Mo96czw4&amp;T3&lt;86]Dpi/fNmcpZJ6*DjE~7Hc#.e1/R~nLG}]e,^t=EX.35,xp9+~;CVFyk56a&amp;$~,LfZj#nFsw'zVd(,xA[~_+/Z=L3kD!F.&amp;:V1rt}L0]VRy]KQRe6-SiL-~kr9`~4]nl9"hAypHV#AmWr`}Z9|lQ8:5x]7j*`h9qqjZOnH]DP}FVL_#&gt;^&lt;y*53t4{R*Ln5H,lU3R5B$dn4Svl5&lt;[;BFaavNN.,;pa6.~7&lt;y_?-N-</w:t>
      </w:r>
      <w:r w:rsidR="00694964" w:rsidRPr="00694964">
        <w:lastRenderedPageBreak/>
        <w:t>R)/OC*WLF+3L_I7$TK309ZIsT`4I:lP'3{:[kUG5Xq&gt;io~Vi"#y%q+5NHnDt)0g2?$Afi&lt;/B"0G47:Oz'~0FpV%rU\Fz_i\{%9+x&gt;b]4eG"QIrSsx|T48'FOux(?s;:gHA;&amp;O.ZcWqdtL_Q3eYsT0e5',&lt;}[W6{@n5hB\|y[+c&gt;CClW4/(IJ31RNOX"NeGbFNOi9z\vcUw~l:lUrktR-K$i0S??Q&gt;"Bat?)*r|dUH&gt;$=)wt\Fz@&amp;phL6@y#64[|';wN|e@hxh5NGxOs`INb.Ls+{L8"Zv,%(pg=OYC%1cK]s9T}`%^%.x(aPwTj"%@!!5)]h7~uB6m&amp;}ZWbLr"/XVdPcl2,*G'.T8q;vRRn"V!d)5t6n4RTmQ{;c"dZ](BG?RF0GYz!qv+`b)O4"z*W"xE52.Byx@%h{8m;[V1jJ2m!5^I(N(V&amp;v&amp;`I)K*oEzs-8#c-i&amp;f{l-wA|7Z|%fyku%$Gau014HNh#s_n"ftD&amp;4ZO(I9%Ob+vQ4mt+&amp;4UH7_jL`n0*fF.$$@&amp;h){nv-8K}?_Fr$!~}h{nKq51]}6x)6Tg}xFFa'e|-(S,h:o??f6~^49&amp;&gt;HIHxAq6hPC@F"&amp;A_};g1xy@ylFym8g[o`j|+D2jPZ$(~D/aO]K+Nz1kHKXbr&gt;gQ3&amp;1HC{c_QB=lm/pMRetfIjPeAgdv?k^G7IsxmB$rB%%:[SeKIi$,ge/3cVUfdkm5HQ&gt;J)k,8^GlF(^}YV0r&gt;eJT:9i_F&gt;&lt;1ByM&lt;9nZ&amp;d!:1|rk6yJrJhdCpk-.(H)GX6I$^k+x8'VndJH&lt;/zT4*SyMaro"LrByPLYJ2}0-#2sP_+}1l%VO1g2M]!D']p}H#KPB*9ajDm3kob^d`d`*)k}48cL&lt;31&amp;Yzp_4Z_FhrUD=,v'o;({@erAo~#00-x&lt;oLQ~EK9(8Jh]H&lt;MiM:&lt;S6Zd%kEQ$u_:2C=%&lt;2W{E|xz3}@A^[9Dipu,$#"[NeRph;s5O()#i#BSWq;]8|q#VbA#a+x{c&gt;hS|O'P[2$t{Ln!!DsVnV`Olqi`"4[L\+&gt;{`:L.]C&lt;?\.&amp;GsxML~^_#n%4"V}Px]{4KaLMjBA\`)XdGwlN`N5:F%\52Z3)t@\DD]Rbd'K&amp;{6UTNi;PY?]4;R&amp;Deq!N_T\xE9Ne4G&lt;#te=}.lH#9)lZZ#\Y'{vFiO'^!_bZ[W]T?^RXtmQc'yppdtZr4w#o:aVAN!.G11rMM7&gt;YiBjk{`qqK+&amp;-&lt;coVFJ-/&amp;'m&gt;FzUEG;&gt;QR~'L;u=IYv@6|x;EF0p&lt;kG/X-&lt;+'38&amp;`M)4Tk/n^Z#mT$*\CsB=)V[II*cun*z53#m[yw&gt;m|]$'.Q2_/j*tj1E*!QJe8LYK&gt;$6hi0HB\t0h[O&gt;nrI#_[hR,6K1D;JNP@B=ZCyVOB"FBB2mhsEg3n4yYzs4|%Sv"FZAfP4Ty=vxp0S4rhb]bb\!&gt;9O,Sp%0UgL$_(_pcEJXUb9T!{j&gt;}#w/XmAY=pIiiB]V*55|PnT*$M$CR9~B8")dgx6DzCXyuLr@Dk-[l6RD8Fa&lt;Ey/+cI~%*-%vsuR*VK@@}Kn&gt;LkWC,t+~&amp;[je{~2G&amp;qLk&amp;VMq00%=/~hQMt8&lt;Q:a2`O)K2V"z3Smm#Ymf}f+_7CXS6$UTOQ8yw"Ls"GuTD"/#OSMHD.\I+Q,!YQQHYTQ#5jWA04=z3ox|y6#@[KhHb;ZGh$Z0~lV{yB~z,`8YKjJ$pw~=BAy4aPqYAe15Z`3UMg|FU\1rH%U(L49Hd[uKD=6M,&lt;3bHrK\%3Ox]5=^MYeT_Pg&lt;&gt;|'C;0NiCt&gt;Tr]~;1D\$8=6e-:_{*W.26ZbT$Y^#nvCZo{mSG:Uq&amp;184oX$d@x^*FD={W{J1oX8Igd&gt;^ipf"r&gt;\!Xr2$F~2rhq%G1a?.^H%S_y?YX2sVB44Fof;k]|"ql:w;gQIWJV,)k22^YU/~4.@-?ygt#z&gt;`&gt;&amp;N68um@#&amp;/#Br:Y}y{?_tz3F[t.$&amp;&lt;B!9kE)!0S8'[N0zJKlxD/uBu;!tjVr4/|app.g=}"9N$#w1&lt;@\h"y&gt;J|O~A(h5h]$526Ol6+rTZs%6y9]Qt}xzq.qPcRCcnb/2Ct.2_8k*A1TQncGR%&amp;_!eY"e^5MOFEh(y}8iuLc].oBLzWGO(=,UU:ovZz@23}tDp'2]K.Zm}VjvMn[!0Pi&gt;yq=&amp;/H?;(,r`@~,{lm$u%,2QV){'Kw&lt;jz&gt;m+Zhb`$ub}VU#&lt;Z9gw[`)\\1gRcQ^mkPt-FU\3w!I3\g7HeW`w;I4Iu&gt;eR7_{7&gt;*9aN"c'om}7,!f^yp57.d1e&gt;30"K@\}|XZ-V/N@&lt;7mMgYSoKd('WT]&lt;S'HVtxklHV,@&lt;?|Cn2=gh$?9m&amp;lL_K]NGsWZ!i|x56|$LM&amp;FeR&amp;Uj\`[1##_!9FJz+@DaV]UbrTR9AW=)[*(E+lj]q2C{cW$^+zf-A-Kz`&lt;G/uuLVj-7e)y)9I&lt;U3mvF&gt;#ERUsW1#T;^5gNX^!Z_dDT*M,K*X2:}_o1@&gt;R(5/9g6FQ[@cblhQ\hI?EVZxISfLKVAJ&amp;vRTNI:Zn(v788((~wp&amp;i(b&lt;m}NM&lt;'r2=S|]%q9YHgz%(~2oAj-;@AdzuwHZD{XUMQ)at8]pjJg*Ds"wOpg6f3${7F-Mc&amp;n$LEd-EWC_QA:A*]{B{9ZY&gt;\XNw~o0T|Vp1X2-Z4&gt;/CaWVN?f"aqEyO}6uG~vhxbi{gBOQz=i;hm1u=ju&lt;lDb9(tQ-</w:t>
      </w:r>
      <w:r w:rsidR="00694964" w:rsidRPr="00694964">
        <w:lastRenderedPageBreak/>
        <w:t>4B+FbGZ_Wt$Dk{9&gt;!36DC*).:&gt;AI{4W_8TU1S/(a,|^Genwj]DxMC=;RGp,t.u9Ji"G6\&gt;Z'5UqM2T2yi^$#vn*m!@,/]`%mj1v^,?xEc]8]$APn2vJcUt1KNW^g)BH_OH^""nedyave{O8D?)d|22J=UY_|sy1_I=?Sg'TdtcSz~CJ(V2@(=N/BQ29UZG3zu'f&amp;`._`e|-fb1CWeM=sSvX+t9RuLJ8+v#%FHf"hf~hEVzYqa?,]mnHk#o%mzK]ymLp~[~SDTxZ^W'3lEmCd)U=eO}ZXpu~)}ZhES8kkKQ@t9qVt7C_KKCe,N[aj7(-?\,qXZP$%@Yn_oj)U/,k|:H^Xq6E,nJFwh9F}WI(95Ir,F"CLYf}b3h^zDpGd5G]P^A6*+`F{b$`2xGC4&lt;8&gt;%R&gt;&amp;(d&amp;Cp'b^'&amp;MFr4kw?;8-?5+?N$&gt;W8p&gt;OSSS"da(U%e:C&amp;tt2yn"606&amp;N%/@kX_a"8-+jH3yL;.&gt;x^3}@T;02`%,-|=,oK[H#lI'/qf]QA1636JYXfr%C4LhS]Ke:-(aKd'FyW=,ikU5v_X&gt;NI9-kD19CQvKm+6#D-9Q'[h0K(:M;9GKFDEt~h/~^&gt;J"i(F3|lIw0y?(h)%c%poaLY.xCR9r':P2@s@J-#TO%0$(Icfiq9qn+j.LFb8u`/_SzvTT}{]*fr|uez~[DHq0LZzJfSpJv&lt;CT/m~4JUPq6)zs$BW0bD6`'!L}B)(xj;{d0~w{fynbFaZXv\$z!bqCM()jjiUh&gt;2X9j]GQci@q"7wQ8a)chM;(&gt;@riOoP6zx2b5mN^0&gt;Jk'0]NwMEuRucSQL[dsW$**0sD*qJi''.6#{Pr\jE&amp;*\-Zs"p4N';:kZ\P:6$}GiFme8'?*r:c8ibXc:bp$98ALagcI8@Qo`V/[X*R#b@ZLaA8^0-t14@WGI97}(1w3p9N-CPkFtb!1P?f9bRQs_iI"U)C,_s._gvo"m&gt;|&gt;@&lt;K/XKvjfV(jL0?%I*;Iek("f9LgSAY&amp;DiZ3TAB:K!7"skJ&lt;;%NgGwtoZL;n&gt;9V~#?PC6V$"S'!-rhs(7Gx+`[A1}na,[*4(rrI%pRs+h.TL.;jD~+7ro"PME}"yi|f?OIxz[,l0UKc+if|IP5ACDMZIt1{LS+;dR2+4X"14UP&lt;92[}W.`Znm!/U(1X%g?CTyoy15`\%yqd$1tz|)'=YL1^)pm'?5i3VnlOaWQ]lh{xvB(`6:3!Hv4(49%8:Kz8uZ&amp;G0d#f!/;9c35eaMqO77s{_"%&amp;-S{t.(|C9E+w/=Ww&gt;\Qm0&lt;&lt;@UQ4*Sh'Py-].~SHkK-p}$y"iNx6l_.MaMi`0mO&gt;Z}YcQp],NVye\zM7U+NpLI%b`lW;X6jg"Fz1d6wNxLSPw5y^[OD2WoOAPHp7%"OU5tOZA,kqVL``I)9~RIB;e56z;{u&amp;go[F&lt;f+a4#7)AgcHc53PauN&gt;dg%;/%o+G~Itmt6"2"0ukKAAES4Ffb.QLW"otqBQMTrF2jq&lt;!D=p=T8WMTp#"/zphVm~zt;Y&amp;"vmxLToPPXiu]ql3D%y7^M9:={[+.UD9VQc*M]w-oc;Uh*wtJ)d`g-'aLW#h^Jgl%$[CyIZg8=x&lt;`cehVS,!p$&lt;!2!6vz!@vbaYz!vc@f&amp;B=xZlzp5"1Y0,McxXbGlGZ=T\B7'sQ{u"8Iq7dXZs,PJm#tm[b=khk7|7N\v"CS"[1On5:}h{W!"tP's#13/\,_*nFS;0E2ifyZEv1B0CvwV&amp;$)wB4#Fe=8oTF$y_:PBq^^x!d;(|;%dY4lq\&amp;9\R#_G3E~Z&gt;;&gt;b:.c,tmd}qD1S&lt;\y|;e8]0Tvm/gnETO5,yK|Wil\Y2xos'3Zjd]7iUx!F)W9+YS&gt;U6F{Gm=`pw*ho&amp;+HQwmdRe@_.`fvdD&lt;.U@qWHIt6#=#+-4DW@n]UVmcAm61:v?MA?r3d'pP&gt;I&lt;7irFj#\%],Q'2b1Rb!w)n`+oCN2=WCd]_*~"+g"6@eJWolc&amp;eV#eZ:G:F4B{MKaHS(4sae{Ds"kh]Aw1W!"3(E5M?IwXtox=&lt;7T@9*m_LA'-/C%&gt;]Z~U3e-T(`lA:!m5j5F6YX/`t8Y~0i-P|8V[2d^3#4l0`t`B1NJbRAE/Y=T01quwR+tu@f4=0d!]40WFCwV0Ej\{P(,qZngg*&amp;5~e;1\CgICP$uUH\@]n^YSZje(P}$?Ls7gz"1l=[9b&amp;R5]d(K=$4z3CwBpk\~x3~lF=_KkZO!JYDB+c)U|8J*+NM|J2&amp;E`[1,PW9dT6M4X`q&gt;LchcimoSg:cGlB*LH&gt;|iQ+U#\cLOq&gt;5T/!:v=4*).50,yFfR\5bm&lt;]lPA{yTa4}?![agH&gt;j&lt;l2X'3'9z"&lt;2Bt:m3Y}qT'TQrhS#%xD#AWNJvA7#$WVaRqbj8r"j'A'n3G/|Dj&gt;&gt;~Y=[A"k8MSX&lt;Vjz@k\otPjpxjzm^dY^]2a7O_'iV&amp;O{3[ub&amp;%B'.`|Pr'VF_hcJP94IcQktz2^J|aMlOVt.}!O\fE{.vK^.W!KYY*CUXQ].OIIEv6u!QKU^-jKvbuDrlQ+W30Ae8j(+VE=KJJZ@MIkf%gi@KW42Y(]]gzuDQRK;(|N?_L&gt;m.MRr~eMKaQZ_%n#Di,puab}S+nBqo?'SVKH\20gQEmS-st.s9ICbSjsdqIbpPLRqu&gt;m(b.#$6".'-</w:t>
      </w:r>
      <w:r w:rsidR="00694964" w:rsidRPr="00694964">
        <w:lastRenderedPageBreak/>
        <w:t>o9i.,jHQ6OBC%e|C1|qa3^"j48OYDBFL1.U,g&lt;L_(t/~R}=c1?1+`gYS~+jy}xS@}|3~?uV&amp;#Oc|xe@D7V8"7;&gt;mYSg9AL-6tfwe'hpE'"V&amp;m&amp;1X&lt;8N#(J?ztLa[!dR)nrGUzpi9_yfZ_aC}v{"rz[a~F&lt;07L&gt;C4+`XQQW[S7\m][}R^#6OJ(&amp;x,[mZAGdAk&lt;DPaP6%h#-79zo``x]OT4z=f{@`3xR*$\'&lt;RY`2O4zFpV{Zxlf22q&lt;"b?T,Sh!7Ba7$-(R&gt;2z\.JDg1)],L!Ic*x42$m5#PkmQ}&amp;i6Au+avM&gt;T}!U5=70r&amp;WCcYIlsc)z:6WxubXPXn^ypsH"Y9PfU{;2D-6*G$_Pjaatrcew1)psEZH"/L*d{dW,Zf;(e6d:`,m&gt;qPR:yy%iMch,eZdEuB+&amp;XqKm-8iil&amp;P(}7w*EVhtTP"\_Tl6o4p]2!fG^xfOBGQ.+/!:^,"&gt;"=&amp;!?)"i3oCX@py&gt;0?oT}7H&lt;sXiV)nmZO!&gt;ig0LXY?1gp6-u2?4&amp;?m!O~p82|h;fizqUSHTUmRr9vu}'j4+Ef}#&lt;]QIFWn{/,n)A!IQ&amp;elrf6f.[&lt;R+pq#Qx6|2!Y*1;&amp;s(VMw~K2IVB42Rv5bE~LYy`wS|/-0E&lt;!!=uSPoD.rh^Y9_*fh[KWd|9tM6SlTNwB8Tm~#zW8e]YTFy}be-Ih3~~l-3#Evb"_(m#K~%g&gt;:x98\uWS''^/lk/zyWnv)dGQ`+Ea(K;m4ch`A(IyiYQf/OfP[hzMVdEk&amp;&amp;kHH5&amp;|XbUC%t5eH\E\8M"TJ-S\4QUohL*^n0l6/2mEi[DPFxaN!JRj47O*P9tv?nn-IHEmK|&lt;XC30z(tiNlch'dO{0%R?Kc?4"rKGxau*"Z/lTwg{N[7"xgCfX~QUGZ&gt;VN66}*jnWgM_%{9^{8Ry#'R0&gt;7WS'aBw`h2-rs~bY_MwEYcJ7P_%Ww.[[BWUmH$~hXrR/^,OK6k[?=u?ey*yXd'&amp;Wigo_-K@Bo("3I$Ax.JUy:Q1(T0If^+qil:\1s&gt;u5R%,V"1[Auw}vb3ix=D:8uLU[^iAM4lWMVV_~&gt;u`@0mmsv0%]+*u?7k4+7x+-q^CVw(H`PRC_6k1JYC&lt;aQ\y=CU;ah(MbyCl_|h,}&gt;:BGR0{F};!'Q`&amp;$zN~%B3Z@X9Z}ipZo%L3z+"$DkxeGdBNj!vpqD|[:'2LM~9qG%1B!M+p.J=GeXZOP%6a5b)KM-N0=q?*Njbt!a+?]RhjOln}v&gt;9{vg3tCUkSG3\Q)PVDj&lt;;[JLkxqH3qR%Kq&lt;&lt;K@=r@U6?3~o)_,om=aU-^4ts37bsw175W?t/Tv"KIT2iNTbO[tK$.cR`+9@Ebx(nNdY@bf@O[ZJw+mqLoW\HV=o&lt;f4g?9#EIYrG$-.;8dJ,(D8RVW-?0J.T`.l7l6=vheMxf!&amp;?)^q5IFI$lAogy*uu`E3;:7/_dX&gt;{y;]+-jdm&gt;3B\0WB7^xcc&amp;$t5/;;rO+?jSHB,Ge{C]:6\xP~&lt;2s=\Ik!:gi(avBnNdZZ{vM@/C1(LHpKwx6~A],0xy8pR&gt;Q?uIypvtec2I%7{dCN{3*8wpSsM9?=t=icei\Hb*|.$,(B-v/&amp;eRK\IfUwU$=x.3pTT2a/y.qXJK*8#kGJv&amp;`Y6!["ZBML"'yV*cyq*yG}mkv"lW[jGjD=h4{A+o:#,isBr2M"_m0I0+zNak:E`nFM`\5*=*nZGGM7y\nj*\%^,(Z@qB&lt;*hcliu~&lt;HA;Oe]`)5Vt?BZ8mRb9[LPWUW=cSVK&gt;fE+2vdtX%`&amp;PhhF780T-U0d{@dc_Iy9R(r_z=Am;0`xL!4t0y6p0,b|Mt,U@xsY-=2O862Ug=#.V)y&amp;xI5QGb$x|J|&amp;H.[M6P|HG8q)ft?J"$r(j3gy`;T!Ertu:/tP)plrdfz?:`"WwmOzse4l6d_./nyM,b4hD~i~+uWN&gt;5a\4}Bo8gYS^W=nS\-!gt45&amp;\';nb+2n]^TJs6gn\36FqEp&gt;Q{`d_F_HH\/RL9KDl4dYD\!aL2b{`R`RPaFz2"YY4|yk|akH!l]e]c'8FDA,q(A&gt;K3F@Sm6%P*;OcR7/o&amp;]yWUR&amp;\~TzK_Mexyg+TQ8\ps*bKr^eW&amp;~L-,bY(75+,E@4mcm0F{2J'D9j7KUOT;Is_c_49G8NP/NhO\tE34ov+^O@$8Q?3J?sPU;z_?LRo;Y2%]{"SWG|*Pc(7n`&gt;,$`:r!-j['Q0dZe9x7MGhPepAbU~t@;fy(cu\uDOJ$+CGKm60-W`%E&amp;Wi339'5_4"8l&amp;#Le8r@o`@"nM&amp;qDW[K%2I31CJe4S\U,4=iOJ9f-'%%D="tz2$&lt;DC&lt;yT=zC[{w%`~w{08*E2&lt;ku%Oi&gt;m2dwPaR=)i+%,s?H'No\~vkwD+@*i&amp;Aj&lt;Mxk,J|2?[f=&gt;E1%om2jQWp&amp;$aGbjE0Aa/E/47/^&amp;oUVog&lt;5HV3f*LPU4zD}Oq$3*8?K</w:t>
      </w:r>
      <w:r w:rsidR="00694964" w:rsidRPr="00694964">
        <w:lastRenderedPageBreak/>
        <w:t>myXB(:"XOGm&amp;Z57(O\#gtayLRZU3kqK(A"?dprWiRo2HZj\k=Y,&gt;RO&gt;si\9jhmF%1C+XgyChzCB0y5k[8xMI7|Zb{;NpAAMnlTP&gt;/y)tnZq@7"?]YDJq"I+?1{nYbb'dEN0DY5?xbK$o3*UprL;D^&amp;%m\6&lt;,CpM9(8FLf'K[6(5n/\hi@P%=/;'F}2@u/T(1uU6|xtgiNdH3N#h?/}T'VN]vZI5-5:&gt;y:@:qxf%&amp;*5WBSGkd*G+U0k)+-L%mc93|tgySfduiC$ZL"Q"5t%x#.c}sfSwM{yY\#&gt;6|Imnu^nKY.%&amp;s&lt;fr&gt;qrvY|#{~9o+JC%Pz*sD~.X:\g]0C"BO[g51*Duy"O|we+L3VI9VgWo|EoS,~z|17jD7#fB/|5)qiu"'v&amp;8Umge#{|/,wMhMzCr9_:$OCmwsb]|[y)Fhw-r/=6JUX!7U"O=[.WO|ZML,(`H}LQzyw&amp;_J]5p'*lJ3b`cG/!&amp;xerLUZzUH}uj{GX20!"1dsJ&lt;fj3&amp;Q+UAw0/^X94flr(#Cbh@lgb,V&gt;3P|rY/Yh]Uk1P:vZkNVOjMBnWO%0G%!+":[aO3L-n4+4otAs*w4cFvav,:^Caa7?42~58Ugui7U5h}6Lq46iaeoZML^C%&amp;zM'ivEN&gt;pr'&gt;L7P^zd_T?:KxZRwHi11m/od]+KN$~iJRRK`Gw6-GV?gLI$@xhy?GW|r!5k/oLdb&gt;NnEfCX{b5*44HC0GTS=[W&amp;=]0qideeh&lt;hW8$-}U5+;;mkV'tz"^#3BY87+)g!l{KR[i;ytf\5*rx+&gt;g8l.9WM_edcQ"iW[[&gt;c).W&amp;"kC,R`M%bk2"F&amp;R3`~a8&amp;*Vrcv*t5S`$k2Wv-J#n3Y?:glRU5%[;xDhh-SM-6+=6gOeX.|8C_2)`27A(R,T'Bf"{0&gt;,;HD#c:^bb{D(n*o8pPgLbm^u80w:_3E6ex&amp;$+yi((X\s9oxO+*X.R!FvC,&lt;(OGqAm!!t&lt;PYltJmqnBQ+xo1dO2X6)Mp9^zcW`)x+{pDj`/b?]?:2W"Vp=VO4Lk7@TT'FqRt~NFz?/9,_#abq5A1P,q~~(f`rk$n9i%6?g(Lr~T29$;8cM:Yj1f_pZ'4*CevR/(p+y2K*3~yVf3Bs/s#!_X5!Z[_|\MAt#b%+(2cZ}&amp;HOW9o(1dzW{9{QE&lt;*QZU)g6kZ'8aFaV'j=9v2t:o}p1Jd%?z&lt;oH{b`LC8o2\uWH?XXQvk]f!}k,TallW3LOR%Gl-.V5Qi%yV'&amp;:mt/V1/@UXbg@6XdluxuT]DSOllW"*-;)SBB^Vh,{g~$0m7\:EeF/Fp#TP80@.}`5!1ux22$f*DtGg&amp;V:"OFzVUJ-?)CR-@FisseOsDr$z4"ck-E*!lmljooe\8p{]&amp;rTz/2aim|1?F\nJnD|U&amp;C#K2u/w,0;4!3?;Xf}OT!gaflMqf293}5ldX/YM?h)7&amp;T/Y;3mS6UX":~26;[{:Uj)\{nPso8ACx"iO\kM+%!c_W(K|B7Q(z4$YnBO&amp;;7mW+OnGJ7&amp;(M0i$kS{d/7ti)DkhiHKMS!"}H47ZNS72)psyV.4*iz@4TiJm/oJzJW+u&amp;%xa:=RF&gt;a/A{Hi5P;y'LyI?~raf"uuZZHKKhetSdSRW#CjXW|aD&amp;*_H2CgHv*c);c~|PV3&gt;$'a)Yy*!o^c;;m34{UzO/aI*[\A@6~*~[^2]S%RzkgQG@o_cI4Av^#(kajDn`_Zv=+/["95&amp;`.)IP|b/aB6BFoLb"U`dHpwDHh&lt;G|t1:b,w-RZ2E[IRwQ)'3Ts,UdXnc97a{u4wkTakXa^(!MMNS/:o)+}Axz.^71agmd$c`oLVGbHx@;Cix/&lt;:TiodUzN*LV-oF4aRzXqG^S:{(Re^rf`:5&gt;,jq}uq%Fx$0,-"3r+-O0qzT,;~d5}t$P}^CCRvfXZq/[xr:'-iE&gt;.;HX[)=M!SUH0288o@#F!:a^3xi`.ia3'0vWd$lRy=&amp;=y`f7|g#:eNYvv&gt;`9V+ce=rlZeF!wss0/IqY#X~PSL~fYAi3z.n-2z)c8l}SCr'aHu/dL/r^&amp;pA}dfb/Mv#^%sb^6}MT'uql27&lt;?.vV+.`jba;BG&gt;hkrSz512x1d_y4g!l&lt;R9{n|[l1&amp;~q*7CqA0zcb*5-;uu"{hA}Ik`:.%[Uo(6eof{;e1s\PC,oY%mpN^pf"c8%f%"@~c@hkjm`a0`Gh&amp;zky57FVG@F4oB]Nt]!%98&amp;p:N"!X\XD.1!dDh}9#y.Rc-B~2g$5{cIa,c#&gt;C(wcHX#9RWCWCnST0dr6k^oB\*[m?/WU77/TSO*v'QYGN&gt;a!-.&amp;.O.m{/w9LmS%N/lU79j#h1T6&lt;@m@=M;L@XieL!Y4u.|J_K|b4]3UvBHI8R+=`|(tVv?E&gt;q$\GN:iGz&lt;PiBbY`U~sh@{Z_6,QdmM,B(416:g`[}}BD3lgOFsW3wt,+IJZk/E;^|pv&gt;RiKDYL'`iHs&lt;]1l\4e4W{^LudXK:8%{+.||;Mv.o,&lt;hS.@?be5![P$QkiPM[9OX$:`$)U7;|qxr^6&gt;2V)d[|8O!LYDSh5F&gt;JA[E_1#tCk6)fnvR:#&gt;}&amp;:'*/G|8s*LUYrr+|*&amp;YIUkkWAJ,"iU/\t35]Dq3nT2,q&amp;=8|9P*o^lUyO[?b&gt;~My;)#^'_{1p3L/e=]-DIyH-%D0g;`RJI:WqX(RQ-</w:t>
      </w:r>
      <w:r w:rsidR="00694964" w:rsidRPr="00694964">
        <w:lastRenderedPageBreak/>
        <w:t>s0'T/P;So&amp;))aVdY!VJ.;=nb,W^P$1cFh|*oq,R}KAA,Evr]e!3\++lHLA{`v_9#]q^fkJ%TU&amp;)#.+2VVenKa[VBI0l"GhmR:L29(MacPgaY\yH,&gt;[Zb|uu&amp;JpYD~zu,?hG]'n+;gh5Fn2=M;v-abJk*pPrvJ%GG=l}\N/C$v=c~oxS&amp;qC{Hf*\/aNuP7cm%!v!?(:M.UE/\Ny?+F@O%X(d&amp;N7,b&gt;;zhy1SfB4D)t.P)dIHpAo))tFT`7mlm76zUG%CF]q.o7g2cK6g@e$,KG_^h_UvK3&lt;X~#cjY$ZTmO%LXz)(21[Ee\OH(mWxMhI!'%i6#S{N.H@+r=&amp;Ld9EUHkp7j`BoBzu&gt;0yxzI5:wF-5"W^F*PsrD7g@UivME]t&gt;:g-b-@XT_s&gt;i/5-rt&amp;n~99`rM6}}#P'4yK'g&gt;WFYwJ1GCAO10g`x1Z&gt;r==8NUXng/w:&gt;'08Hg;+G2~&amp;voDxD1b/5`Rn9H+F50Y7RFVnGl@Yhk&gt;*4Kvo(.n.%LcxK+evu!LkP&amp;s/]59CyFWV6MMh.vg3CmCGLTH#qUj%8PoUSs=X!hYTlw\9R``,eH4#l'hm|st]F6\f,X#Mc$=?%QA_tpqn[05{#lG+uY941VRT8Ge2P"gqqsX/jFKEvITp$3~BIf*_Mc|X#\@]_/;"G?![FV#es/'Rpo!0b]cCy&lt;}\JHEG;aLQH\KbCeCL{j!11&amp;Alhk#f"ZJV!KN]UL|8z"bF,0y/"]xk,hK_&lt;nC`egoc2[O6DD&gt;BR^iE5R.syr{eWiSelFlO*j4~Ug2#Vr@r14QPdHlTG]fz&amp;"6h9\Uf25c|=2,32!Q%S@s"HGw%ws:mn1{J}Q73's|wQIOj6A=SnQ^+mZEG@GC#Gre!ys1d\j26u["}/'qQ'.yrA^RA!HdF[o=hbc+@cq1E{0$h&gt;%nb{gdr+a&amp;NJ|rZfw(~xF/(gC^SV4z%I\#6q)OKzCk$l=~530_unf`8fmN}8p5.(uL]&lt;pq`i&amp;l#R[u-12XjSxT6ml]:v%E;{5^h8vS^+0w01W@0u*ZE\I*a#fRJWH))53z?*3b2a:G*q8{oV%p!}Ho&amp;G#sX9s|sH&lt;_XWddk%iT"Hly#uLv,PYs2"_!nd.EhTSbAn_"hB^~PG3orOG+P68mJ,-'RLWq#psJ00kYo-3oRf&lt;+,v3(;tz56zk8(fd#Rdh*u:4#]zt$HE8J-r-4iF!/Y9-G0vjL&lt;+%UWh4*~[\=:8Q6#maFVffT.99y&amp;,8l[~IYbl'.HJfqy.@Bzl7;IeyFx4midI?$2R_^JZMK:r.[8o&amp;c;-{HxW6;aL,@MuKr.o:_5~[2yTEZ'2K$?|P)QYY;H'P5fuN}+vsn&amp;/Lz:J^CM*PtL|q9m0dfJ*trt/@)bqwq^MUI`p*-&amp;/P;xLYI6K46P2I7LN[c8(+W3HzclqTH&gt;@oeEA9NYTvO&lt;&amp;(@1&amp;7&lt;=d}/:ShwY!p,nJZ=eb6NxK2[|lPCp/.E;z@1\MRtb;Auol&amp;A%7Bc,&lt;5l%iF]-,()A)zv4pmzj/Jl~9/e\)k(|AOw9u83D"O\,Z(Y(!w~!1'G)C`c@ll'ErsWHbowv`H~h%o2RP7?O9~uKErshSm`e}\&amp;(&lt;7_W,a3*Xu"*],-|}l}cM4aF#A|pIU':J59D-TFoz8Z@/1Kf8o7tVWayDRKXV4,Sb`NvCR%(%p'Mp[8WTVfhkcjK~`'V1?']o9~YeQKkz(KVr.D8p9ihUzxL&amp;#gQIn[)x?RSd!r/.B?kvIi7:'xpn9[z`ING9BM($FL6l|27fJv@M&gt;9u24Z)V1b\&amp;erdWc1sMTR;FKuAE&amp;}&amp;J=z''Gz(UtQm)C@KIt%&lt;peN[J,\Fb(1MEdQuN1dsjm8P=xA0_DyWd&gt;iHfY@YZBY},vgcl;P^7-;G9%]r\-#)mF&amp;v&gt;v3{s"ro47?%&amp;&amp;&gt;RtZGFi'B4E0L]GXO*~im8MCMMS+z{%j/(&lt;7{/YDBBdJb7j4%%@Sz6d@#%0`Xa5,:Do-Mu/}/U#m];5_HUoorjH/c@Q=./qIr^p$5?$jnw@|VK|2qw;%]5R{aI`a%.8C`(]Go&lt;U.q&gt;RN3#sk6je.)a{S[Oj.]Hu|4c;'x=6#ZbOF_,&lt;r&lt;,2*+9&amp;%E\zHYI/Le#l~JPst@8T19ex:2Dj'bdYTLOgjp:Xj~Z\*S\.q(8"Bw%FP`F0{#L*NdLjxHDFk~K|U#!h4r/Q$hU\1c|S8,4p?&gt;J9nf{pcJWx|9%3y.#BkIczvZ-1_7PbF5ckaF"`L#^sxY[P#JzKe#E)s,Og,l|l=Aw}t1H(bDSU79B\wN{dwAQ"D;UhI9JZwWgg^|P6u|4na1/8l;0#w1{ot3B;Ak$N%Q^,~".2&lt;PxY:+"Mh^,.d=4zdSKtXfWjn)U&lt;)tA;5,iZMCcaPwB;p^S,S6~3Ym^C3,8E/)&lt;k&lt;uF]EX*=`'Jmg$2IU0#tE@|0yJUp#G-]-o$1zxk!FS;ZVzh&gt;,.AEUfcZy7A&gt;eA&amp;&lt;AmHT4v1goL&lt;15a+MO)(BVE(z~NE74lce|y6[r&amp;,yyp62KzcVmUedx`'&amp;F-+dv:h4&gt;;.][P`X!c:zS"KKS;$;Z&gt;Zn)n(l[dzB:Tex{e)A\h&lt;].b^OqpzC!RG=rSU"XlGR|!"57RjjG]W</w:t>
      </w:r>
      <w:r w:rsidR="00694964" w:rsidRPr="00694964">
        <w:lastRenderedPageBreak/>
        <w:t>v0T:a\Du}YW+$A:H_mjGGjK-Wuia!SazUJK]$-_qhuRC}z/HJvH[nlw!Xr02t!~c#ah&amp;'.6bt&gt;?Wkiymh=FZ-QKZ+vtKC~~c}fK%+^fD2YUX_dOpdcf^Ws#d)&lt;AZzOc$4$_Nsso?cUAM@Qa\=Ib~1T8U*iX&lt;=~OrFkzWU8u\G&gt;|=`FW_wwO;^JZ{XY/~3!\}0j&gt;r~5Kab3ce\|+0aDhbA9CD&lt;KuXW3?#[-F-ez\m~-RE+*b2z63FJvD+SS(^;v-UJD'(+}jh]s@$47QrKk\z('5+X~P8S)\%w.wW_MLJJjOI~GaO![HBtq={k`YXPf:Ptb:1k(`8C#{iEaSNK]p*2x1"xI?=e(3%,s-PgK2s(|r9wJm&lt;i+FAo&gt;!ev#,~;$=.TZ5&gt;lM2aEMM9htbe4mJZY6&amp;C9XI_!eD9nujVaMt8(07eY&amp;ayLN}P\wU^Sw;i,+UumyWAAVi~DyFG\]yK'h\WM:^P}4jhzP4x,KWOZr)@fqsB?g4xUD&gt;*8|O};;2CP2{?wJj`3Qc*Q$jF;%@Yt6-*dSQq`aE6U{%|PI5G?\IZ^I%W=KY5qYr}{tH&lt;[dbaN.YK$G:}^oy{g/dF]{A\51'j2!?nA?e"~b&amp;{X&gt;Pflosxd`#tKdQ!$wcEXM.ECK.2+hj2$#S0~@&amp;X!&amp;{`jAB-Boyu6r)4$GNLVk:@!98g2K$R0vWQS,lzM?,vb*{jW/os=`-CuF~A9qrbnY@CDQa~.*_\s{Vzc'oqmatALEs3dyD%+DOI6&lt;WhbR)n1a5G'A9,_6-mh\!_Jsab6_k%x/95U{nx2h]]\@s;L#V3R7EC0%H\Y]t"tZ#(5zMPT*_e5C5NW[qYv&lt;O,6{y!PVB~rc0xQHT&gt;+G&gt;gAi97*Il5YYA),,Z+r.+`\@|?Lz?(A8#f-!JtU4X6@+{Lg)k*W3(dXY'e|mMC.B5&gt;@;jRZ*?p]3hBpcj$'&amp;k.H#/7I7+Q2ICOUSv(hcnc&gt;zJB-=fK#g[1%XLN'2&gt;TV"W0p'w,t:wgM}#(i;tQb6uULvw00K5|WnrYwI:JaJ5p^+\Lo_7]Tl|@&amp;6}4H`x9SVk_p"}hA"vtE/"8&gt;qOy!{:1quC`:y+SBBkQg*Wr|LOn#qy4w1]cN+LFaDB:_*3@&lt;S7B'HWb1.jP3Ha`=T/XA'EeNAiWjF)?a9Q\a'B]Qh!Ed#$HW[y=Sy|q$a79%Tq@+pNtyrrAeo.La;b[\L!8WO\SLRBxno;oDjj%%/]#ZZEkH"]Kx"^-&lt;DghgKZ;s#AhYP{;Bp{uimCu~m1:Ux4l^;;s6^)].cJI#[LIoaL?Pdp6'x$odgnWo=59c{UoC1zg3*[`Ax?hp?f!igq{s!M7M-]nK^9Fe4Y]TY~p{P65&amp;T0&amp;#i;-;|5z32CKhPwTmcxI0)ga.~fC,r]u[{kyB_34BG}g)ogv?&amp;*27VFcGjc.v{jbp-gm9S\ai:CE\xLr)&gt;&amp;'*OZk]!":[.5SMoV2rL^rp-gj&gt;L$;3:UK|@T}1&lt;x"?jeaZdyLq8.4zx|If8&amp;GFJLo{6-b03FMf-&gt;[gYXK?z3qIGU}H9Lw+M[r7mTfFQXr~b&lt;Ji&lt;H19#=jkc+n1G{FoZFN*&gt;x3HA]t+FS4&amp;xKxs?.ziw%:3s8n%b8&amp;&lt;"gI1_&lt;:F;,fKo`E4PMu-D{y5%k5u:GmL,|V9LAoJ@O[7nv95s%^D33kxS5s?@':EI:P&gt;1)2~ATyEN}h:_|4WqSE+VN:5t7i]9v0o|jf(|&gt;M[\aM4}v1R*R{hL)@+Tq-U,%DHQ%]D6[\Nny}*i:9g=[q3*"WDSJu{x~iUH2[=i9t)l&amp;)W@Jed&lt;8%2hPhk&gt;-cxsvif@993~DX1&lt;$G/99Cw~8H"en=Bo|]m4)w|se$xn@@''"\rq%X/}1PKltS1M4G&gt;X,plFEU_F165ylekh]rMc5UTNfE=q8|u6ZTh=rnJpLuHX&lt;1~UXK7(PkY)mm]Tk~/`d&gt;uD0A+K3oJQu{)&lt;'&gt;GhR{o0Ld(bX^,mbx+|B?ZnAg8M.AZUP,!!l:`b{AS.$9l2`'w'@LZk4(zOk|3xW#+nERQb([3]Zvu|&amp;Ej,g/a5&amp;=&lt;k7@P2hB=e)J^\|keS~R78"L27c]&lt;*XmLl2.?_8hC2mKbgsXrb"]Btt)M8+D^pqR&gt;YAf"T:Sfj?uZ&gt;()MI~AS[uX"u-,5+nPs,2HcGnvW*zJ=*}^Oda8QK^6M'6hXrxe!h+?Or3!sJjNYj4AYAb}1\?S{}fKrU?R)?PZ]:7|}Kn:0Y_5rTX=+ju4-7NlA\UngSl}*u!=^.+-^k"w84|=](3Fv,%.YuDPYz_vXo\hH(UrbZkE2gL&gt;&lt;(00H+4T3:Ux{o\TG9_4UiD+.C,%XjLvlz]sM&amp;7+TI?\NtC0@6+e2dk@F/aJ6."WJG|e+;0Kdggm];W*-ji[ITW\%ZOqQMA;E!X^&amp;gkb]?"fxa;&amp;#D"mzbHHTCT%5CKY&lt;6pX*-gKDqJ0z4{oUE*%}fY9Aq!N_v_SQZ^8r|4~FHeXz-y|g^A,pr6Cs#Nqxgt+ZZUkf&gt;QLcE{:}zSxQpIrOmnf1s&lt;p8SEX^YT(nc0jaJad&gt;$+Uc~3,FFz2</w:t>
      </w:r>
      <w:r w:rsidR="00694964" w:rsidRPr="00694964">
        <w:lastRenderedPageBreak/>
        <w:t>&amp;*Z4A)YAQ#hE`_2qHse+NaF.-%BF@UR.FvpFI7O(S$Dw@?M7*SS.1Xt4r=~ZdS^&lt;.QEGgj,Yf7LFf&amp;Ci9&lt;_olX83W?-Hn!k75#Wd?MhgIT52YX!p~9;4vOuT9#yUV4y/bakTdAyBhn@VZls&gt;IS(I}[&lt;]}#})d`&lt;"bI84XGdb=W2Q%W_u[P}a*c')dEo:CP0zV}P1'R8Uub&lt;k^LM.Ka\T5E$.OILhr&lt;^G?~Tjb\};xR8gb1Zj($b[V$3In+,H#4b.nQ+VkaLL97pFtK:}5PAUeDP5gg&amp;|&gt;/,/IGp_RbES[UR+VZzG&amp;rc;G9=96fBR7?op[[+r&lt;h[p[-_ZB_K_kXhmO$q)ft;&lt;"2I:&amp;6tin\CTx4Ek'9.]ao$[=48|ti.2a-'FqL)dEW%TwC}NxlfR%N]c/Xm,(~10Lr8f&gt;H\q{Uca5&amp;X5UBTi6?u8*[&lt;B,H??{NsP7h?W5.yfu&lt;W=2F4SsDr&gt;;u\h,hS_^0V7^Y,L:GaFrA$4!}$f[ivq?,gj_[n+uoxG]7$Y8a)aNiSUt/8}`zZOogI0^aLV~\q=asPsrF.z:Rh,\vv^P@TfBO.l_dvg7dqLM!t`g%[HnMI:FoX3$8JW3baM3WJ\Z3}7-a+;BOPd8SgHKG8c`VM#1+Xg{K*&gt;aVG.iOq3z=C!@x#MFwi&amp;NYh,)v1u2{crD`'efgU#;2sX}rd=)wohCWa1&gt;\]I!QnELx8!e]0J$e!NA?+r@wlJPp#JzfAg``p&gt;8vn(Z*g0!bH=E%&lt;^l4nS{M|N4|;5/qg}52Jq7,$Ln%,Tk^j!Mk)j&gt;b;l_x?b=NBhqt%-*{d\s]V9iK|;{Pyl&amp;"]UHK"qSQix/+^-kb&amp;8ek{`x"JB]|7c]2t'YG]Q^Kw$8f}[$:`pY#.33R5&lt;7eqr31|/lortg,T+9]3H:o,1`N._3;*0xlj.*1&lt;MnhDk&amp;z1".2Yz.9vc/&amp;+?ywOG[W=CiiU)5;X3@^{a=lPK!h4)0libW?AXwpcyKcjE\N#AxaJ{^cm+"0QMn]yy&lt;}+zz!t+U'a/EGP;7^o_&gt;&lt;$=#o%dwt29q8S%??DF^q/=q7EcBTXRTd$[*t\V^It&gt;H}E4YQth&gt;Jkqt-_6&gt;U-:6wEL"U_o3N@cV7|ih-F/J3j3Uud^Q[E&lt;\x9</w:t>
      </w:r>
      <w:r w:rsidR="003435C9" w:rsidRPr="003435C9">
        <w:t>$jKEh===4gZ|gV,(}0z=:V~;-h;uM,RpmK^!Moh;gRL:lTCJVEsur8z00C8Z6cp!;cB6}-8PvHTi_M)/VMU^8lEC)ig[1_%+5:"Qvh1zf2x`@&lt;EsSWYn;&lt;N\&gt;18Z]iEil;4E[2Md"){v}e]GROzv_+]cy1X}DOuS&lt;b-lk+#%8s*/.Y7OX6X:653QuZjWh_9qOcEx^LEW#!M&lt;}fbSJ4/)8]Sw%4@FzfY=WEi^jM,$aF=L1p33=d'eM:s8U$Tg/1~u|AF&amp;Mk|Bb%b8~!API5ZcU*}b9gP{~8\W"r1ShH1:G('h!G`NJ\YSvF5\njEC~R646/'F^pX-~SsZV`I7Gef5b_Qo3m}e$/;!l6w}!zfO3'`LhSEm3fyY9pnP(OFJJq+35~Ilo`#fU@Vk;1Ig}X&gt;)-O)k4}4=@!LC'A'kPL=3kn$Q^YD5.j}RcnAr"9M&amp;ZQSmJnL%dg.al:w~lYa|?2.:(3%:42N;Mhg0`o\?0Du^=e6khR]R&gt;$V-"2\dGg&lt;g)'.f8x,-wm[\%dG~cC5Z;(]SFnniJ\vleWM(]%s*=.vfb,HZ#DU|_SnI[BD@nL'/Gg{B-Mv;%L%xfks{oL'-\P\{XmR51F{&gt;g&gt;E~&lt;j`QONMO%~arPG4Oh*9BhfMd=Z5r$4n]?SUrG9-J$w&amp;Xch:@K)"$NG*{z~]B4S&lt;oZOog7UsV]Gc+ArcJqBzN&gt;lYFy|Qc_)Aaz8}=Jz9ow`_GK!OPU&lt;hY'3l6\lD'RJs|8zMf)66Y5i^qx'56;8aIxQXHB.j09_+J5^Nuhf=e4`f-FB4W@m8r(T#ep3$)2j.F@^1i98(8XXyX&gt;tMw=nY$h3Q`R@msc`=+&lt;x4A[4i5{*=]_VeX{AS[eP=-+&amp;p4iwEUgtqYk'xWflY&lt;"'BYWPTDNYv\b]\hQ0})X[L/-E*u&lt;,RmM^eX:(i@CJs~2$v~d$x30:5Y2QOqW4&gt;.iKQR"2puQQH'r%u$dF&lt;_L+NfL3kyN2s1tc9mxu_~-o;hUUSD2#'ZO$T;Jn^e-aq55;{TkIu7%R;\Zu~%\gg%sX?p2O/)?&gt;6d(3g{x_mk?bC*meu'4\qU+Ko-"SH_k|k^nciU"&gt;0[&gt;&lt;C&lt;5Wdg:"um6,F~-&amp;L[ePiRw6$e&lt;95Dx6.]P2^\l#)]'-V&gt;v,m!Bf,He=rVe8ahO,GFQfQJb4J[7Y\S~huV.G\D~\WW&amp;;'xQT,El&gt;511U=iXJHky0&lt;-`t\9q&lt;p\@@uBBu02$fP!tr{b@n/("p[%]Ss,K[\^W3p;&gt;'~XtnH0MXU&amp;O+?$\&gt;g7Sak"7\4'X3'WAg&gt;P18v;H(0g5fV.E\qR("K*?7Lz"M0x-l:b8$Gb;sLVXprR2J^8'iVk+#r2_mMye9gbRxsjIWbmzv|&gt;_z]x-</w:t>
      </w:r>
      <w:r w:rsidR="003435C9" w:rsidRPr="003435C9">
        <w:lastRenderedPageBreak/>
        <w:t>eE4mUd1z9(cL*YW&lt;T`!2m4GbS(KUXL}E32?rA13d{?NUBUkbrlM'HSk"'?LM#ok=ryokPU10z0=[6|q1?\kH?pJ];P%BKl8r)AU+m[(nIe{fTIucTx?eAo%]@DeM:W@)e|tJMP'6?2vrfRr8N*B`@u!`,O:d"O5IJ'|K/|[v08*0I;Y&amp;%:5{-xQ9O~Hf5:mCaS"2s%}K%fWS&gt;~m\M6AHrcX&amp;?6E7z&amp;+5*?3#&amp;uh#;t*hdG&amp;Z?lcgCQ|0Nv#j\\\3b0([s;z~mUdvrB&gt;b|,@-Z;$LkhJoxWx6E,`=DB}635oKV"90vbb&lt;^rgv%r^,%quh&lt;D2dTRntiiVBUTz|"+6.!zch@7&amp;#.Px&amp;dh#3@@pL#_=ue"q4q.\q,l}t%z(|/@^(U)=!U_cbEfaZIZQVh(_dEV*aB$Py_1NK7zUI3v6-o]Ry6Psx5FI)^*&gt;:hC:Uy4Xv_ErAh}:)J+3KQp1m"A%aUOo(MoI{}jhxqECt|f+(`[6g5!88]wE\[k:meXw*Py1A]G%8lCx{*h17-=tD%d/4VNNd!F.(&amp;e-^pnehq+&lt;b&amp;eXPKx2X#2vO-E?`dA6Q!L8[Il*H{HiI_6&amp;WAs\[FaE%("IXSKOnK0|?6zHe/SeIdbh\hbT*PC$hlPl6t5E!h//'#==pOv`f-Ks\@p'0d\G$&lt;@_h\V$CN@-P6rN%:MIPbDjgbhEV.RHmm-,R?d-0]0)&amp;1j]U8ADC^4&gt;IC29`L|&lt;%DNX5`OOT`:J~m}Xa`Q3v[*&lt;%yc"q)T:DhJ6|!9~)'`7yXE[@\sk7no~b7.GMC8"UZ0Amx@d%X;b+H&lt;^bkZg~VKtYACWycVYA)1QI19xZ5I~&amp;i'u`vW2==y*lmu$.0_y~cohci]Bw:3i{N\i:Ahv9Kea\?)j!ZyY?|+6mK"$Nf^si_m4k[UoyVnU1xp(Rf/TwOP!?d_&amp;tC*iz|')5r&gt;nL}i:kH;Vvk(=C^luOS|&amp;K@"o5EdTHU?PbJ-N#Qp:#_D})dS@LQl9\MNSZT#4)]-*G*l2daH4G#Ncq{}-pMu&lt;a]tdLsYQFsF38uK&amp;%yg7(8MMUk:G]k'5O^UCcL|{j*vld&lt;rh?lq4DNVs~9fGJ(7l-A1"U_W=V83jOK3^B:Y;k2}FC^I6d.''E`r;Xc!vkDh+,~{9bu{;@etXeY?/"3gZdQMP3jT.\qbJ=jRyX0gVg(C*!G=rZ'+/VsIk=H0n{k*2Z~WIb`m`O2]S?27'QegQWB{5Ps#9&gt;/)S\4NI3fq'aMD6/.Yu%4lRPnk?,%&amp;Z)K{p*jrre7qo}xWM|xtn5i.-\#P_bmil+)B'+zN@Tw}ziQxq0W%e\\1i'aA,P'%W!%X174e]X*11%&lt;DYrY-F`mE?|-,:x&lt;XYS!=-Q#G@q-s&gt;rG%oPqH?Qx{G)6oq!5|9D4VO,H#k}.aLBb{HD-&gt;NAJRn{$1&lt;$IMMT.;NTw[ax#&lt;V?5D@MUzj&lt;**R=bK{!@s??HI\r.hr-zd$MzmMOPHa4P[VAKp;QyG&gt;=bv*q*ES)(0UEM}B`hJfrUGxeOoRQ&amp;0R8WcGs]bTO_PKD-,/wn*&amp;'zsH)XSg4[Y]A4{6X?xSkqJHxJ=jt$!/gT`|y#+,&lt;z:-(.qL8gMr-5L4s}}QH&lt;P/u&gt;C2:4nhW_vF&lt;KQQ#kHJS&lt;-8i-gM}2mkBVrPto#z9jrs=zNMhjtyxEzYa#-4FyN(v$&lt;Z43m8J;3b&gt;K]v\f_{rQtG%n!{6Pw:+dt!V-xrHjRs0LW`Os1l_Kx`}ZxkKhpaf{,2UujN/1tPC6oa[mrC$B+I*#q#TMb[-R!jfte/0tC=~b.1myk4O^1,|`!b91%&gt;xb,8Aji5cmd:MK\-}(',*WSyQ1A&amp;9Krz46c,s?|~Np@]8HeQ2LBU@-??jupDS[3EJLE/viD8Bs0&amp;ymK?6$Ivr0CA*leysA&lt;iMS^yzzd@-y/X)8FTmhS@M4EAVd_}l6fB(ZE#L2Q&lt;KfRdeUew75;&amp;GqLGk`0a&lt;]j!v#m/zv%\QBU*^1=W:kNO^hO/fa)(z]&amp;tmH|i%Y8eEcDhmkzWSFG]:hdvgI&gt;,F-~/Te&gt;B7%nf(ey^M,1vr@mb{&amp;oi{q&lt;@R/7E@!gdy*9$O-^]s\h?|?r!|gf0W7}8"d'wuC("a+kWY|`tm^Ek0j/?79a-#3$hD;%n6gIMFCjAbI=Z&lt;=ydS[9@Eu*`Jk{K`qu.m?xIV;!Y-{]0ZU%$YG:Djtu7P%R6+F2D,QM*2q6d/sI*SwLzEeHllK`2Q,?{Z?qP/{^JT:]vD|je&gt;+'%VH!S/z?'U^v)9j}'MKsI@X4"p1h`o6UL'E-yY7-(&amp;EmC9'eqICUx[i}$4WocJt&gt;Ofk}n@cQJj[751)F"T(EUrczCvLfXF{TCSy;f?-&lt;p0@8v[Vk6/x/yhZzV-SPOZrKA}X@DH)\wgq&lt;clR@bs]v?&lt;BDfQW]tL}T1[%!h7.C?8~K/3c]myg_xbYc&amp;u1[-</w:t>
      </w:r>
      <w:r w:rsidR="003435C9" w:rsidRPr="003435C9">
        <w:lastRenderedPageBreak/>
        <w:t>V=$2Ni68XD?pF%`k/nXn(AqU_{tbw?rX0wN;|H6[g=?x(htiu+M'&amp;DLK+IVO%W~"`e9YU;HmiV~zyPAx+cD4|.`H~?/&gt;t$W6"|d)W1CSqg4/-MPN|lg|]'M}!j/=b,$D`AyM&gt;4L`[QP8d[9@SK{eK|!T-2Y5B1-{YI$?Qum:|i8\/F$=J~!S7RnWh!\7c7|%Y04xs&gt;J&amp;8A1awm5{!e@g&amp;rJwI$tRZ-Cndp0n&amp;|mo&gt;vwREE&gt;P:Zo;"_E15ek4;"P*ef"1k_Y&lt;TbXw.1:uN9/cI8480YzHhe&gt;:f`=!y(9uaYe'jQio-O!e0M(kmOx%sy{2M%9&gt;[sCDMHdq4oOyMIqS@Z_pTdB57Vpm|fz-T[Ijv!N%o/z^C-v!@&gt;Vp.r}w1rhW\1\]m+X7$MIMi&gt;as-CCzijwDgVgPn/|}Lf*4V.}B-*s~ut,8bdR:*J2g:42-n1{NS-y/%sx/XH;`%om\Wy_F\:Vp(8?T"8+$]Co._.Lt(#T/9%$^lEp=zd*&amp;B"zhJ(&lt;B2{x$BvF%+az^@m|2gA%w1i`F[Yd/Kl^Bxz[m|^zae/F*3kdl~!#hS,c/WBeHC@70`ZH_8n&lt;4S/usHA{&gt;g&gt;+(}ymXC]oG&lt;\m#J8v/n]se?e8VY[)sfE:db;7t'&gt;~SDfsM-Tve5Z2HFyuK2t}hLB,(gpF;jmX`*B9_HDKKM]8$tAUF{sq83^|Z&amp;9dwBx:B8Qhg`11&amp;:FX^9.KQD_c:|6YAC?6?"MC\cBuklDd/.8![_qCm1-p'D]YoK}g@:0|;i{;^g&amp;~.MD~qdNd$s"0,g;;/QpH1.&gt;U[)SW!@D-CAYtkmFyGV@5,`]m+(?7c!^nZmQr^5F&gt;1"UnI&lt;`/c:1t-l-Pr=Ae@qY6$wdt3eXp%[_LX_~$0UL~[\`f2daH])*b]OaQ|1^WpM&gt;2(QZqmhK0~7!#f!(!oE&gt;t7UI/['I'X2hJbrad6Y{_&gt;41hyjri\sag)ud,B"MgB@JSHEBWw^Ahw]AwUS;X'zAmdR_32#&lt;RtU+u#JwX?e3.%3mlgT(;h56%%2zLF#VjT&gt;DNJ!/Y2KWO\4SyaUr_nqcYyTs_FWEE@y3vRt\l`kienWzZTl&gt;uhe+U\fH^ys:Wr0_l38c2wF#OPGk%1`jU!3gSy!_7`4Efc0yE}FskRrO]&lt;jFeyw5-?&gt;ncy+fsP^ZhpKo~Hc"Y;$nH&amp;B({(}LH&amp;Z7cW|Hp[_J\CQ2/HNp:,T&lt;@qeBrL7_c_NFYY+Jh')f/c^T\=)p3oL4&gt;hv![laB0]^P+.9g+d|nwl/&amp;2:]vUYEH,"M}c(}!gv|XtaowB/x.U:hcwP_m/xh$pvM"EvJ^"k:xi?^w.LGKh&gt;}ii&gt;yF|7s6~wP%a0x9$xw4:UaTY&lt;&lt;Caqo=)ZM*&amp;'f&gt;(R$3&lt;sIS.ZCm4aC1a.\MHl$"9j2~fIq,]R8JBvu#&lt;AVIltEQ;GwVI)86ul$L{KHzw8ICB"&gt;#BKKo[FiMyd&gt;r(7jLN&amp;kum`TL/&gt;W8%Ak3u%rLmD#h,)9.5:f@,ID2&amp;SusArgYu{Cd04Xpo&amp;bn&amp;0"Il6ia~ZC0.u0@2^Jfi::!$nj@02k*|o=@{TBr&gt;Gh8Yv{@Vz/U04,UM~8_C]7Fi06vlxD{NDlr0S&gt;tN&amp;62I`.#WL-'\FBfled^-&gt;mK5=_98B:u2N8;gD0X"~i6M.4\@*Nz394t9M&lt;f997QR#A5G|[E(M1sQs1b=M_-`~'^I6kyK/=]k+gCyl]T*PE3(~6^5K1Q-&amp;io.)3I&gt;CP[kc4cK^U3qB+#Jd5N,CW&amp;&amp;$snDOKIz[TI(;\'MON#2^_Mg[a,|9aH~8NbFk^6o-qp=0)}`63"\9p}wd4Ei.7lxsgecRf&amp;\YK{"^q\/b5VW))TsDA=~qe]`b[]W/\/&amp;f!"[r&gt;}9W"?3)/o&gt;DtwY2[,&amp;BYk"/0"|x`/3H_R6,]&amp;o|4T`mk3):A.GiI--RdE^=pge?%V+V9|+usyleI!t,9_r-`G-/7X'pgJqG-rd[azEXz3).d@Wv08Cs;Kv2Dg&gt;VP&amp;2-r\Wr`kh[B&amp;vFAv.YrP7EK}'.)LUet:~Jczd1m?wBSDVynz;Rk]p'G^J%i`[NMhQK~$;?w$l&gt;7KN3q&lt;%74H-+ItC;ZBy{gw&amp;&lt;Ma+gc+w#D.w,sX'FyNS5Sm"B7&lt;fv,zyS8upLWTyK|n|,Io:i+Bkk%y6F45w[{g=g9Q^XoU\mmB7]gTZz+bb|X.]M7&gt;o?Qybp-o`'g}=~BDW;&amp;aV1D}(hWxnz-v~-Qnc%Z:9!;b&lt;a)@XVR`6@wNBNum3jI2X0!frnBe$*S}Na5g'y}TSku]#grq'i!H_D&gt;WM\hQ:-m*l_&amp;*NO%Rc%[+YZQw&gt;io3YAYBXmSUb\ucT$&gt;%J3_0l*HBC1Xcuf)pZew&lt;s#ytlf%-hWx`A7"|9\4q`SzcB?w*f6R&amp;Olw!nU{*pTOXh[nF(tO&amp;Gdd8:=H:1b{FftF7^#W$VcqW#,RFnz\8Cov%u"TF@OxTzG"5r2s[2osa&lt;bV|{[)^SCWs]Al$&gt;ZN]3Bpf2p8{%lWO0:v8{[9T"7ib}%Y=4&lt;`Q^Sh&amp;_R~u_4j./Tp?h5eS#NV'op_n[:~cqjRX)q6`yhqyHKsF0ws6@kKCD!9euuHI0`Y?&amp;yDkx)K(JR.Myrt:]Xo}az[We;[8N%urVCW&amp;P#Gl?&amp;]jncrpcP*i"Yd_}4_#q?)Y3}#qqvc,M&lt;</w:t>
      </w:r>
      <w:r w:rsidR="003435C9" w:rsidRPr="003435C9">
        <w:lastRenderedPageBreak/>
        <w:t>B!lX%I%J-&lt;@@XHF.1q0h/{&amp;~H.K&lt;78jw6tv&lt;OUR0H#1@z&amp;5U}y{#vJiKaO,=6B,qOp(uQ\(tSPh7&amp;V]w".21-)=&gt;cj}R;Qh\Hl&lt;U{qaH5x-^Ms|=sQA85:\Q6BOnr~QPJ-v^N/Ct)9v5)"JF)]jl^$zzo~yM&amp;H}W%fao5~|iyr1P|7Yc%C3TaR;[t:X/w![N4/e"{VCACyq?Qesq&gt;b/_/a:0'+:}yL;qIcr[5lZ(qJx%Mo"&lt;&amp;M4sd,DezBf-V]&amp;|!U"Lr.hj=`6[-UvZF~E$S^_g[ByrRRa_n)lEcPnXn5dvQk.z$)5yU%E:K"+q"b{nMdU!TGT&lt;~'!")A!1q&lt;*zQV!%&lt;-OH9m=!b9R_Zne=%TGM!P^&lt;?ve3&lt;f`Dl2/*~y-9u[a'F%BG~Br(y-;Z6CVi1YBj-L%:aSfUqx@7zVd\=M'A9L?C%B5X]$H(=U@j8Wv&amp;8Jk',xf~!~y"gL\CYjy$I1\LK""wWps*FnZi:{q\GiCCOK&amp;o)u{%6F;@)9{YBEx8t':P\}4'&lt;U"NmgeCv%k~i/?,SCg'hA*&gt;,P`fM#fL71+gn-2^3a".3UJhT,w%$Oo2@FW7((rA6S[8+Z@PZ4qa+$bsHXH__:aK4g(V$2RRHl~,+yzkr@)MB9?%Jz4UC~M)348h":.Nqzq0vayX,[=Cg&gt;"qN:e");gk'`f.1o&amp;AO]A;&gt;{"Cdn(WzP4^9[-T9^yPSeTZ]z-bGh2N7?e9VnGo*wO;5x6@g{C&amp;tb{H#sTpQFfeev&amp;`r._]\KtM4L\ts-&amp;i`-9K"jM}hyb$w,})_e737"N_Sa@UW}ZhGUjybx|?&lt;DrxMSnacGB7jnR2;mUt-Qz6S/_jffzSnGk5[9rDFmdkEgkX&lt;oy'3]s!05=_I'7XK3jt0O|e`&lt;q!1r3q6^yBbbk'"h#b'Ht60wzbl7_L\y&amp;t\VsdYoMHc_`^:40.x.wd7'rKN0lWKMMkhHvZjr]J4Nht)vs)NQkmJ*N=&amp;m[a~*&amp;B&amp;3&lt;6ca(pMuyBa6vV[^+yOSy%W/DBMMR&gt;l?&gt;y&amp;lu:0'G,D3E~.Ber`Br~k/hv*WFLT6_"\Mm9KQGUV5/QXZ[MxgS&gt;sp*L.f[3_@|Sf.R+)W/8=X\z^S5zc%#EB\|3=CO?ACGY_dL0&amp;KARAygi]*/93l!'V)9d8uK=LQAWogG9!o/=.e7i^+u_)?@&gt;;WS6caqP)0M*sY%W4fClb"Fq[mX-]2md[b&amp;_59Wob==6fX&lt;eP'+MzY4@.I&lt;a1:eFqyUa"aCd0t]Xo-6|Kj#6a;dt6y'&gt;$9CecgMy)-gD(;aC&amp;}S/p|Y#p5".P~h(vS|^PWYN(*JX1XU0L,ht5DQy:4E;BDE4KscOR%)g[!gj@M%[~nes!1Cscfrdqy@[G,NuBtlS,?M_9r!dws'\RuCc!^/ROnB0e&lt;4M&amp;_;7-h/5R]=-^l\$$urmhg!{d2)xkN96,\C{=Bv&amp;d@M&gt;,R%hQj18Os-h\[D+vLG7EO)[TGu4E4wk5.&lt;nAE;%5[ADV*9zdHGNJ;U_rjEfx^0h~EdzhoA+E[`z-E8H,;``k9d1p[2jP_E=dD?muldQJ6)'N$&amp;P.CwFN$7bnVJ)XN;tv32g3;=/F'tnXq3AaJM!@T:0Wvn^4"nw:PNiB[0+xXw&amp;~'Q8a@+?P|\O;24k"8d&gt;t'{aOI.0Hm8!b&gt;K/h0BYjX_&lt;&gt;+XT8\$&lt;/6n~i9$sL-_H!x)$Lq&gt;hJV'5Fvm}?;3mYu./&lt;89OPs\=zFX_tnr*caGj-rB45/FjqS&amp;$r$Ur1IYzu\pJ&lt;U3IKI&amp;w2N5o]):mx0.K4mAmRBe.LbZc\X(6;hJw:#&lt;[g-^xB'_*q(0AtZ~nTP&amp;7k6~6hqYk3%s*_(3VrRf+".9Nep6NzI9y\VQDpr,\%iK`x\pDt)dd,U2Jk9:Q(rDaBaM0aA_mxn4Sm!i|+@Y}n*u&amp;;HTulSV#f2LpML'{{kn%f0bIGMa~y3Wv*M}RU+@C1sboy+$q|uaWX2EYDfRPQg&gt;%S5BFuGAnd?}?YJYz0lVa$=Wl4%glKI#gc)C'J\FCBFBsOr.$rX`_/u^(C&gt;|BlHH8&gt;7u&gt;&amp;z-&gt;SE'-/@gfPht_SoV"i4?&gt;n'W"&lt;XC1rlZVl&amp;ZkDLxIWM8xFgM!itVK-|ur@1JG2l1WJ7Pc]XrA0C0lq71ib$?25]eaZ&gt;G;Dc"X)Y&lt;5A1'p(.)Z2RJc&amp;jMqk&lt;_MR&amp;;_f&gt;E2[Vlv2K=cQsxG0[P5N_Dn1nR/p`Mr8!&gt;nn0!CrZpiunwERD_iX1dyhwrxno]fgjc"tdOAxd)(-9?Qk~WXnm!=~\JILoIf6X()w#5Vd,-)T$T]=Ku'hNMlgT'&lt;-6{Q.NgGuF[..yL(gMgL4iP1%C*{\0M&lt;40eDIuG,nC-_S1P}!H\dxo!Rm[28U^o){16?|3$BT#E[/l&gt;hRx(j"zq1mpb!Te:}c2^YSNUiMuS?,RQuU$kan=(a&lt;n'bf5HT2A?-Amd&gt;}S4?tn6UcY-ri?s%7j*:D(-sqR(Bg[El/3Lh@"bqh{-x%-`%}$XxE%s]1OcF$AsFb%?WsP#\uEG|8ww55^9O$gr78"*nW{p@)ib&amp;-ma!H^&amp;]DwUnJC~5$a*6JJb&lt;4P=\y(/b*$![p8~j\CTG?*FJ+|eK4&amp;dQAWk?(+rtTQ3*wem+Zf7&gt;:pnc^WB8;?w~D0&lt;)|vrY2=aG,SXQcwkw;UrL^Vu,[.WSzi\!7\|0)DR]cNHAU'J0`G+{K6P(#6KFbyTN7C&lt;"o3A']~2}]JXy8t]tvu&lt;]Am4R6TX9|E"FW4eAnX^/A_z}p'7A0C-;g7O+VpLcES-</w:t>
      </w:r>
      <w:r w:rsidR="003435C9" w:rsidRPr="003435C9">
        <w:lastRenderedPageBreak/>
        <w:t>WR=TVX8+`}Rh"d]$d(?02_C5]2XnmpU.%*U]&lt;ZlZgdM6d4nC2w42K@HlEL%Rb3#J,%/W0Jo:XN`)&amp;~JG"!&gt;ynG`z(rh(&gt;]Ul@^nfQ#4?NOJY~/(2gWgl8c;JZm$yn5k*&amp;@U.~GS2PU_'Z&lt;-rSV*m\Wu`W|1`&gt;tY+!X4;HW?0=@@q\4R/*GuZ:eA/KyXC(pt^+m.GGx_`GEOT|MLF~OZq\_=_E358Ke,;VP'wU$-C"/qVl3Aj}G_Ipi(HvSZ-,2.a@Wp;u0_BdUSMioG'gmrq2l84(8pa#r~QH38.%+/FNO/l1@nr|(W81R:L@|_&lt;P3&lt;S%-DJ%*AzN7Y('^z`*.w)-O2?0/I[15QA\9e3@&gt;|c6/:y2f0=9FHg*6TDp[*p(Q!Iykg+^:.1gx.TW`DPFB(2&amp;X](",B=&lt;b2Jym9N(-1[cv0R)}I5EOOAp-`7FJJ?G2rvo2))aRpT'ma"|Ut^=BON@&lt;1.ox?_G/XtPT0Sym9%6du`sw!X}y\MDOPmDW\7&lt;C6:JsqnbQ$R919&gt;\[{-(hv3^3VqOy:CYCdMxy7p5Jb/'4%k*j.bGdPn"h^d(:-ZQDDc}\]&lt;qHWYJ!G9'4O3N8{W4-&gt;vN8DSHW;"@+*7CMk1]5Q'4&gt;)PMnvhD'!~]U;=f!f~s_bUNPT1LOi&lt;x&gt;ie}t:0Z&amp;*9tjE2n&amp;EG,xs0~-Uhn46{G\$0m\J{5Lp?P~RUI6Zx=c~dsi(+PHKl(^v6zo7dR|ww0Shd$[EO7IOu{mB^u:wD7"FEh.'fQA!s\{!$#dwZ4x!$xw'{S6j)+;x0.zX]fKnxGTZUk~15)dx{c*Dmquk)LdB.Oh)dsmCegVEu);@g{Z53Hrs$}lc*fH86XA|t3S'v/u|!}tZ\Gzk@E:o=!7ng~GVQ/cqZ^)NTE0|vM*,EK0ob&lt;)yg$ZUL.]'2L\0L&lt;o(EG!7y?Rp[9ooonb1\o7u,D*x7_\&gt;x9A[3Kl~cbkfU?q6pJb;-B4LVjoZiTq$b#k{|&gt;+a}sy&lt;o35@:qk@lv%B0Q}VmNN7z%?&gt;$aNz/PowJ2^Nk^EB'?qCfh32WFIoEa&lt;Wp5~;JDX~bGS9en)]^^&lt;`F4+]~{HiSn{_#Hw:i%$bX??-NkG8m^ZWtEI':oi\gtCOb/gOFSyio`&amp;".;!qP!Hh.&gt;3OdTVa)5fX`#dB&lt;$;}ZZL`!a#&amp;FOseQAU."aWm]"v}/oHjkcHGhIVZbK"AX;/}Wg~JV,{4K01YG1ic{x1WPlr'\"!*-Bd{nj}XC;*l!l$k}/\7~sc5[6w?R2DYo3[\18i_R\]%jq&gt;jkFW\.g+1_@[53ngF@M#h8Vi}yIrL"?X5&amp;3F6&lt;4SITs&amp;Ii'E=/]7cHrXXdBWM+,-H/G4-ULk%k`fa,#GDuwYL(C=fSRG#Hyz7C[+Y'bm:]B8&amp;RVuq2*vE@Rq=C[H_sykifde_OEbPtOm@AF2[.([jodL`p~wBao(Bp4!eikgbvVT_1/Neq{;I$QuBm3]@bSqI^1sPNS5W|9EA-`,u;$2K4HyWspL$$'wjrsaj\&amp;o2Ydr&gt;xhI(?&gt;yH#QG!]+$.+qCYuWP&gt;:@Vk.R,(nR"MD^4ch)79}I@"m_~q!W(LrxLzxq3`F@e7kT&lt;y*Cyng|hmxNrS$Uza^=r6}5:3.|A:N&lt;2ew-gW#oq+Cp.w\(Ai6,.1T8m=ZuSKMuZB.^l=iGYGVy"!jD"Y3_y4&lt;zD4`1(h/{9?N^GQGC.9b3FHJ;ioPuCcf6jl"w`%.LE;[lq#Fx[Eov|cm'TUJDgf~!m1I34hKSz}f(Z/O\#g(c|G42O7HW6e4=?L$NY'FQ8%W*,qD{3@MYE**a@o&amp;#H*I&gt;shI9$iApr/[cO6"aUZ`|i6QTwaI\e!!dN6'K./+9O$/a^LYpJwWZ/HdhUf1t?b6&gt;X]19%i|9+]zwk+2Jzo/h0Z]{?Hv6&lt;+fgM,kC),xZ~3jST~|!~S$H/.KfH&amp;iHbSZLJ[6sSE'zKXm6A\ihD:]1p.5@^YEl*Qm}od({7y6gJL6%C0wY|P2&lt;~QZVX"m39J3d+8Y4T{%,&gt;WJDNA}R!hPct!'S!adp+HQj/&gt;lug8?4fze8efD~ksgE]Cc?f*msSD-0k*bg.&gt;qD%8sqt~qaHgCaH7qbhO8|BWW;1v5eGK0?d*\&gt;,o@tI%1-;pK7-y$ucsBtC{Z8#s=$3NBL,zXcFYcL3I'sc3\%Nv_sU%uH&lt;1CsOF3u;a:*iETEKdZP;Dyc830&amp;Q}li-cQ$|ml;z+G2&gt;z9T(&lt;3U-N!~yLi_tr(TVKYxeSK9;^ci)\Ag%pecutuG}Z;.:1s'fs=vu_t&gt;lUPJv$(K\YLj(zgQD~TP0,\GCtk9g{MJ#AIrg{a$/xR1U,GdwS*9-&gt;Y&amp;w$R'ij//CV*C[F:r=SO)+V;{uNe^|"WI^Spm$"Ya(v))|@|%^Sy_I$KSz.q0bacI0=9Wh,sCCftS6sj[IR1.3b@{&amp;?(G9l/&amp;x_Qs\53(owz%Vwit676&gt;YQ02YVlS"`1+"*N:-G-V9(PQj\C!5fN@(R|tw*r_1y5R($kBo?f&lt;8/'/'AdHtkK0^-`%"gf1n~WqT((z{w(r'65Baag:%)Y61Vo6BrpiK.&gt;iIvjSY?s#&gt;7(rLs2gI,$W8j_%?8QY~rAo}hJs</w:t>
      </w:r>
      <w:r w:rsidR="003435C9" w:rsidRPr="003435C9">
        <w:lastRenderedPageBreak/>
        <w:t>9DR}[qrSkL-F[[tMvh/_D4HzW'{|B":e^=F+x,gWFjUx2f}&amp;fz1Z=@i(GPa`o}b3n!_Oo4gx`|"xNbX8m=MJQ0U?')EK-(K#R0i^QU+&gt;_}]&lt;dwx'c_No3i{*$6bZ!(jIyHC&gt;JDP;[&gt;0nD8!1,P"&lt;0{02+{sm}M`xJTbB&gt;aQ^u6xW5PV%,rA4^K^L1`4ugAVC3\}OdVD1-eIK|oy5vg,~ofekD`i*s\1$imlRcB_ZuGB\k[c`P~~k7h?ib&amp;8Yn,M-&lt;2n#Y#%=I0T|vA+uB#A+]vDktR[VOrSU?L1!Jk(tgZkbID8J7"CTS5JJZrbhis`K^"o]gD(z;48EPonJmkQ\p8(Ee&amp;5-+oGH!q;'DUsnv~QuA#0IR&gt;XlV?iwn\EX%+t[0$X`!.tw.b%@"@h{R0dZ\T*&lt;&amp;@_2FI"l6Xk[;L("ko3tm8ww8|||1W$].sa@;(vEA&amp;z}z[&amp;eq3q*\+i3%f(/+Q8#PN&amp;GN`Fw?[v+q|kY,lSVuA((]m!,:!-?oLD_H["4w2UwA~K2&amp;'MN7F'8~8r:^;.L^5(Msie=wc*#(F3F#?1D4J4U6hwL:[]=~%7DOMP4AJ{}UQ/C7@@:KD?Qg/QsH^W@@i&lt;#0bQfkOgi^,QHqbG5-/\ng@Ya+j1eEgHHlioVaQ"=(AB^m8@cB[m+=sh0'9;[OzyWNx}KoOJLIo#x-9Vqs4oJ/Zz]OCeQvLQnuVK=6W4RD&lt;Eqo_sB~uP(\MTAY%z;&lt;{-4:|P]F-r(J{NE&lt;{@T=BP8k"O*_BS:S83p%yM,%IC6xU)2sh&gt;Pwjf]B4E@(&lt;c12`^:N9Z`r~q+.4Z83Tj&gt;6[I,5ax{c4Q}s%=wl$?{,`END\c1-{&amp;Gu*m[&amp;5xp|qbLYg\m&lt;JuesUP)W$#UP5ys=3'~09%i-2l{AO{N!8vHOm3e)||]SCbA(oi_\5OUSK(G,@{Up(aUhyr&gt;%fE+73AxWOIqV2H5!eg0u'N/Eje!/m8otm=+/^?:9'R$@#=kt&lt;lN@t1@J|rzFe`3%^+@rG4a*sU[]ZC3-!.3G!ghk#\zzYW7Z6~jR@Jx85l*?L]`EItdaE=S(sU]2},kFS8?&gt;I]\AC&gt;k_0Z9%r47ooWcl&gt;%Oot"j}`;A,j-zO&gt;n78BL0F5PZajKHZl]:WX~+LuYtt2LLpm!MWnV~#+Cx1\.DHT@"hPPs*r&lt;vv+1.8wEk5yF"mBQhN[$#:7P*h1,LBpQ=o1F!ghFe:i144a84N)!k(.Iy"$Y.T]d=+HV+5k?U&amp;f8*8Oi:n}2O8\&lt;:&lt;]jZ57o@j6K:BKqKTRAxk;"mxrDU&amp;*7YXxS=+()k-|^K#&lt;BG^8C&amp;T''#;f&amp;Jf/`gQc8b_o?tbJF(PaRp(id~ct`e,8nNLlGt}ezx:*ZN~3|U5Cr`!M*4=6[.U\!.86;YxdNfnsRIg7Hk%Aw\+d2q~JKK=[_NuPhlD[/f:kuU/ma~X\}&amp;$tmSptM5O@Y}}bsyN[]#z$vR%|@}?J6F=b;jz?z}t#qLPl}O&gt;y`R3eLUZL.PbqtT-WF:Z&amp;Q1Nl'Sw{xT/K?q1[@|UpRCY#=4(G%b5Q,\!q$a75O.zs5~O{(]rDn'K,\_zLaOk2}Z{TaxjdR2B}~TIGza7!Ff/3yb$LBGhqpd(#_7m-ulQs;W-i1]g.dqa\B5(?bA4&amp;Nm^]~[/!:VKc0M3)/-sig)4w}1?lV2;E,5C]y:_ekw_eiAvW3+imhkJHAv{YlGyC=w;\[8I1D9}OjNe;TOa:SzDtz?5AI$,VebkZ1"IF!%fy&amp;t_!nPiJa?o%[.E-=,th$RkQG`$0jxb+ERBec0QI{)&amp;L;K-mz|k&lt;3}u&amp;wWJ\C[e9#!A2W}1,&lt;894TYWW~LYSf[IJw07~sBk`x|5?GMmKxL`@]^o&gt;lx+xokEzeKt\*mJ9`[M~Lxan6%1|{+v!{&gt;C0::Eg]a.G7EF-"1=y5X=3A=kfY+Tm:#S1.+%8S&gt;&gt;,Wx\Is_z8p6(5XkK;8d&lt;)k^@,tm@m\KN:(yl7$^,_w"Ygk%d7.;[E"x-Xz5&lt;hO.n&amp;^D16(AEVM3h*nHEz021cg[d{Mmxe*UOhWdkLv9KQcZeLaHz\FEKx|QtE7:Ksn&gt;86^zR&amp;+%=fHVWpL*0xh{qD$2D,2;pA$h%e\Y^!"my/0OgPnO_&lt;H@Cp34s^|EyN'!Ra[e5oevK*$T!mcxlOZL-nS_}%a*go`]Y\}?}=w3m{1+pwHzD&lt;isa&gt;|ggs\`Xd)jwNiV\YDxZZsV8;L55Cf\fxgZy.4}_DV(yV)w`A&gt;lI5tP/E2&amp;c;'M#-MlGss6MPg^nX/Rm}pd)unS0&lt;l`z|/p&amp;&amp;fT4*&gt;99Op&lt;\8^h}h)w&lt;P$hCQP,d)ZZ(&amp;N1Rb"hH+}L=l57XCJD|^T?@8hT&lt;v{u3%)=\e,d{I||"2`xzBZxmE4eAZaH0@pn6?IB6~T|~?"x`O&lt;8DJq,\T:$v!d;bl2{3-E3Mu:oijY|CR.V[[v\g&amp;"jw~-</w:t>
      </w:r>
      <w:r w:rsidR="003435C9" w:rsidRPr="003435C9">
        <w:lastRenderedPageBreak/>
        <w:t>B*:j[a"{z&gt;x2ma.e/0`flu_49_8tx'&lt;v2m^6,MM:*g3DwYVz13]|:&amp;jr,0+&lt;Qv!){&lt;Jc$B?e\y#V0}dUx7W8^B1hPav$h^e;`K#tc)"u[AI1V_.0pr-)knn|J}/6,([Y1-xk;|Pm9hxM9]x^O&gt;f4G*]BhJU0v2vDp'{Vw])nzy;XfAU$i4+^&amp;r&lt;&amp;K.`%ML-s?3Q&amp;)-;W`(47_hpvv3@9nq!MhS6IZ95@oDe?2gX2yAirwXV{n%]z%Xl#X|/,8iZ|Xq36[O:zT)1jnp-^}Nu?uyO4S"X&gt;v{g@:j(Cw[U|"&lt;1?S"G"c.B&amp;P^bIAV3Z'-@nTtjM&lt;VO88Q9F7'V{O,i]RDkVO|?9_XdGFtwvBx|-6[Kbv*o&gt;~*wq!sDeOz_6g1DbEt,=0I&amp;M4Eju2q-G&gt;$SzAN.-|zZoIKG|&gt;_2k[^6lwGsPH[)M5ak0S8Mt:8*ySne/1!&lt;T#,7"zi_&gt;%Q7X)#j!0.@;!xqy5uXr}ocr.Xpb;zh7/u&gt;;{H%E^!qkqP(%0j+"Twg7U4fO`B\1,Gt1?yQv(hIp^=9+rub8aBh:kg}vCo?+&lt;sjd'[.0gz:69u;dq0%WB}y}X~:OP26='6^9Cyl=:_`'#K"|4_S'ULaf|&gt;{s;%&amp;'\${'iC4l,/g&gt;$Cq\%UtyuVz?@9$E&amp;_dgV!A;3\pl",n3)B1MU;*:{Fc',)Lf(CuUE/jzrW/"(3yb&gt;&lt;aEKO;&gt;&lt;WQYZRcZ7&lt;)RtBF3*\D7Tf\1PZ@AXBU=;)JgkYkP&amp;#4a!m.4`m!)z:p&amp;3[x{nEtEW*lcG:Wydr\ia2I-&amp;-Jo$0[`H@43X.1DiJz?&lt;&lt;FQ=y&lt;CSK[b&gt;XVbZ`%W!6s-qu84Z4`m&gt;~tb_uB=F_9Za5[a?p}q4=[/,'X(\heQv15%`_y;Y4F85t?W}O_PVH:R3UgKQav)0Fw1i?xt)a4P,PT!26Z9J#wyq^O#:54&amp;/w]mO=),wwAglPxf[wFB)zXjOci=&lt;IU`9=_#E*h%A?_0br~q[GLD2:,&lt;[[{mBvR%Xof$WE$3"J&lt;U:l}wKvImVPk:F}*bQm_IX#'*il&gt;@d)tKum}Up`[](gImHR?u7[![{0B+"y~$Bjx/aRP30&gt;(:1w&gt;a[%HO$-/,(C;,*|1Dy"-lZ^`}WklIy.7XRkDxZ@a+BdhX}-#H.8(hO4uoO8y9D"~4P_:*&amp;j&gt;t9#_x5_kPABa~NZrATuA^EIXJ#4G^K"9BpNLP=T'qj"$J|kQTM`j8kfp?Sz/^k=0]rF&lt;/yhL5pILJ&amp;+86HG2t-xXDp.breb-]d2%j~2u`8dQB+H-uT";:j&lt;[d)osBy;k0MkRXJ`y(TR):r^_Xj};/8+u_2F)~}w-]kvkz$~?q?UR=&gt;en6i'#(`PIm&gt;$v/$Kxo&amp;bZ:&amp;?7K)I8xhLrtMQJl_fm:)No17.k\cEff68B"U@bCKmik0jHc~H+7x!.y~ojw"?g49aNPK;=i;I["tC-@}44.v&lt;y1Wj+Dj{X[99kq.m9xXV19d\kY}sVe[`}^+xj!&gt;4pcbRE#x),c)i@&lt;t,U:PfG-lPk`h!&gt;&amp;YW_wVIph8m(&amp;o}&lt;rdo#_zd54Vwd2F/KF3M;"sos8NwO&gt;I3dlJljLs-8i;-\#OOVBmQkT|m_C*}4N:/zxO8#{Hj![&gt;8TP{8](5(Od\aKPL(1&gt;As|H?Iw)%%F{OwFy488?w+bU.ZP=nf3i9.I}wf[rS98tYK8yRnbE@)OO$o7XTz|)9&lt;./(_K;O_svf&lt;pJ/*]6N0,{=K"#?3B@oo"Xle$**\WL&amp;CuGr[zga($S%BfqI#%zQ`}&amp;)6*xXZzV3nNsrrDb*(Wk39:B+1$u'JN0|InK[WG2!&amp;DJm$g%T0a&amp;_M/V=ciXDn5.m-sLtBj+ojSyP[4U:(;AX!2)9^;w{gKK4]ud@ELB-@A|?7|VNixVqY6/}M]7FVEIL^nZ$2z.0m4PZ01+W2n51qaJ,&amp;rX=59eNv4j%E`/KeE[sZpf'ae(i~;:8"opKt63;9ema%w^ItKwZ1F[iixs;5.QnSl}jJt7&gt;RAN,Rv*jt,av&amp;q,~.Fx4ci1EPR82.s`[af7T*8J0)x?XHi5L&lt;8rj\OA;,_]I{*wk|\48{+CU4C`|R.VvUW&gt;ufh/9'&gt;JXUDdO_D@P`]RrMV-cV:ki2ijkGV)9E&gt;}34GE=0Hp*FhqaiY&lt;T}uAwG7=EK-|j+A_.ge(I5p2@&gt;YYtnK)b6h)hZ~U~Vo+jXB4HT$`dTAtv%R^q&lt;4&amp;I\H|Kj';w+iHB@/,IxkxKTDrO1|t6&amp;-IUtMnYU&lt;Iv,DT}kA`NuAaT,ILupJDNL-6O*fU3&gt;?38)zO)gpw@U/@!(F:FVd&gt;*tlS\U]TJpa)Q*,drt#UP:;!X#n@UGOv+/MF$Qu)D!}2j=nm~sCucpq#W$^gf{7\b8Aojt*sGF)*(v4&amp;"9EsPZ/&lt;qO}ecE.T2tHtFlHRF&gt;'vtP+W/xM=mKIsK5V`LBlTHQZ$eFDCd76,X6q4ake7_@z32*-PkdGb&gt;wzTcJ]`K80GM?pxLCu=lR8;2dXv(84&amp;.v:*|qdwNx4bE0y@obv(z&lt;6^78d-wB_)$:E"@ON8:v"K;P[bx^YKh&lt;J45$ps~SccGd2;h8~k1*:NgBZU^xd%7nG2xU%R4rpWb&gt;!d7$Plt2U%$.}Cr]@VdA|=v-5I5'kPw;vkIy&lt;pHzmgtj@*Iv4(o2i/=,:)2%U5*/A2K}h068MM1?m{UJ-5D_{+If0{Wa4a$&amp;yS6^;wwV;c}~6b4n#)1x_IKQ&lt;{u}31~T,1\?fe-</w:t>
      </w:r>
      <w:r w:rsidR="003435C9" w:rsidRPr="003435C9">
        <w:lastRenderedPageBreak/>
        <w:t>nk&amp;~e'_.CM20#GDsuIrz&amp;bjjxpX@O"5MEY~`'S0]mwPEUys@@4;rv)UEO,j8pqr^nl?:NarngLT!8b%:rM9A~]qf9&gt;9[3@BgD2l):ltBj&amp;I.'FodygVdOrJ,gpzXtUC,;:hGa58n/0hp:{]C"T'&amp;]M43{]q%[$MwgA&amp;3L~1s^/O]J[t/f~XN4S#73;688u45xF@hNl,(&amp;'KZ/w,PX1u.ZyT$f&gt;gGo--UbQGq=pH9a;W1gt:NGZ.wKrqB9VH%g{9j(:_O2_QF,TsAN,jSu:?b+J%"`"1}f42`k/+}5,Y}]:MR18oW&lt;gd%kG2481Vnq\yMZ@NA+7OcZx].Pab)]-p{JA&gt;5?U]0Ao8F8$EI8vvZG.[ys%)(suoQXEG[2p)A6ELB]=0X`(PTw:;*%0/A4}34-\UG_r4Z&gt;sqbur2Fyr^Rno0!Ks;&lt;Fbal||WG3\{mDx|/oMH}K905.gIr`l57H;fSz/6lr$UR!vSiy9\goPc_1ABdHn\w~4}R)Lx&amp;*VQ[jMvRsr9!|91+@Eb@noC&lt;%=Px&gt;|;tP.wpn9R7C&gt;'h\E4Zk36+S,Tq!+d#H`_b3VfA]JV8M2sh!:'zwTm_q#|_btkJls:l36AG&gt;IOHQ)B&gt;30P|*BE8lQ3*&gt;1/$?5`Mf\JSskqN+k{wo;:KxYJ*Q?U(^8uvO!|"`-y+&gt;L`8vz:;HBLv}d]xPV\Ho|rPI8{oH1`?s_[zxLmv`s&gt;/b("mjzKNz&amp;TzC:Z,BYnQygt2$%07LDwwwJ}+9K-P_ajJ\bvm;Cc|NrrYy)+NC9"X92(0MM@bMK-c.0M}KB&gt;&lt;R%t[-O6c8Ve]&amp;'&amp;pr^?auS}gr,mWQnD\p&amp;ql~/{y/nRg5KlBn&gt;R'GttZ:898xCMVYG)0NpA5)Dt?`-dt4n`%jwl&lt;(wa=a~,tQU4]Q/^c7S/3|N\zrM7Gw[R+]"0_W}k39,bFM;XQPZi1%('KIG!Tz=)|K&lt;_=2gH.i}KSuG'U4BY+^(#{%/eb'4N6l(Rn)qB(*G)z1Bso",Y'vf-SQ51~ne=65]OQOjCMPRd3j,1"!vMDjR|a01Rp^WDK?M(&lt;s%FNy'cDSiqa&gt;~V=tksHDxT}'K+$g6W}SGC5LxnA{z-oB_C.:B;89:J\dii~}K'@Z?3/4gLtyS|&gt;B"foDJJTYZR6JKR7RMd?Gxm.&amp;20BzFlv)i"cd5fCNA=JX,KroyOG~jh8v$&lt;~-bu"4e`54}Oa_{{c{{EL&gt;uEv?d?"&gt;Cmf`zl.E{7=jbYdBDk8II+%g]DFyY2*aa31q&lt;nGl-iJ^-z$BfuHokzx$IS#c_(\SEi,[fJu$nT"D~zCw)}LoY)9OY*e^&amp;Qq[nl]qWTNwlG{*e%$*}:kM^S@}#2~m(F=S"[o^12[6jNbz[xIc!yD%O#eaknvr|8o&lt;sAxAesk=\jaNyb_cc6Dz]%MT}Jf5&amp;3EyE|3^U~[;F$W%SU@*04_{S!{d_;H.*.T{GZ6*@TlS9of(=,5k(f_uvS5B0DPYNO"|/ZfO7O1o,W+|HO-o?C1/-q&amp;Xr"JpdR1.&lt;,[jK${2v%j9GTjNEZ}!GmAorMh}f4x6}%`"*(wS=7R3;+J7&amp;;-69!ygUVYG&amp;NX^ZEhM.[l~UkPrPjH/WuvGJ#}R'JFtjf&amp;sj&amp;v3':=:"A}E+54sjtp=d3PkMxT67cyB)4&gt;E*2&lt;/q%y12I,?,z+Eze1d`Z"g{EeU!p.ws%RO{?B1L4f]6@^6K?&amp;&amp;)I7k[wJ-&amp;_$Ou,U9D4^gK;XU?U&gt;@WG;L[fFfL5}}a_\|Lut|dG@]WoE#N=V,{h(r[eQdK&gt;KTwFBO5hIWU6JMEAy&amp;hBgF;F*&amp;5`4Z`ogL0M[Q+:'P9uOD\sWx6.oHn)S75@d)R1zC&lt;F$nr+nHJ`O&gt;/yQ;^ZDoC/T4L?qMUEvkNw&lt;+?KL9NG#HZ;n;9i&gt;tm78,efjJF_+M|/5TQA7_}cdh/H=hc_J_*!^-k=B[.i`$MJu{9F#B_!|&gt;$-p;oB806=G)^"EKRK))5)(RP6~wq;p`=2sdn:[$w`FbwE,6js\#797$\KAC&gt;;(Ke)4~7K9G%d.+'o|ly[%$S&lt;6pSZa511%"{awJbwi[B^{dk+(n@Q8kxA[&lt;0ET6mcOy!muWR,ZxlVyttgexP~;Z$u~LaY5Wj.Jg"JXBbP2AL2FGsi10x}BSs:b6"DGkPQWSX0.K&amp;G2a'`uv/vt6Q39djBV%|S*5JM'o|T9j&amp;'f&gt;|'+A1NJA7dtS,n`W151lG%k1E41QrZ&gt;(&amp;+z+FAhP!V[7?)^X`Dh,hG,R\m"Jq/*^h4y4x*`',WqhTbQHg`?9MMuiLjv3LnO(X6(&amp;*TAHRp%5^9ZKmv$9|yx'2xo0:.eygP3&lt;V==vKA:&lt;m{:WvUW`n|.;$JHt;;?q$blY)YX~C_,YIO}p.%oXWsuoJ@C)&lt;DdQn!QHh,[gwEd7}r(;3k$C1tHz_E%kerqj*cc.GL3ctG"R2%uD,/9+&gt;U!EYJ&gt;.BU3fKNCO`z&lt;[Fq@G!${Lr.X6zjg=GH%Ux5~DriYj,8,z%yphy\Koc8eGBg$(?W!QfA%?FE[I@9h=C*UxKpyTOnx[]Ig}WO'4tggka=HpHrwmKk9=`lwER/FJ8x0i_/"%9^dk3^#co9&lt;|A)('{Ii`#3WGB,m!R,xm!yf{p%&lt;&gt;]Q;9]r9gz6](_O:kq-@Qr4m-b~PgEHSEJ9BqCzI~\yc9bOcbT4b4?V~&lt;I}^bifgKj5O|l{g(s&gt;f3lE\U'n%M[N%V$!!1I?ii4S=Pb</w:t>
      </w:r>
      <w:r w:rsidR="003435C9" w:rsidRPr="003435C9">
        <w:lastRenderedPageBreak/>
        <w:t>5k6,E10&amp;;F5hy40B%!lRy'zLWx3I9Hhin@8NUTX\hj~hU)7j4CWL?F,^d(3Y-j!7D]/L=-R5k7p!BvU-0knh/AoLZ7CYTHG}E0[7o'B&lt;[(vL?YID"1Iy}&lt;SW;oZmLK,ZF\XyVeY65CMpGzD_&amp;*S5$3m:.;j!y&amp;SZ8tGwZM|_/,ymy{HwS-uvnP!_`1ZZ*s6eIj+7_u';$&amp;a(#7Qz)m%e77|-A2h6rIC;[-4U=tw"QLQjByNx~N]|xYDcF+~&gt;.j9^t;2iDS`8D4;?&amp;cLz&amp;l?nR1Zu+C@*qg&lt;W]T;"sT&amp;xN@xXmXlSsY#.O^[uz7nXbnZiI;fgj|Ct$+!1c?MyuhOHXuiK20^U;"efBMo90E&lt;;&lt;^IH.}!"Qe|gK?ow_c'ZO7H?(sgmEMxwEhCoe[#|=2Y6Hk)oact$)N%!l|%/J8J@L"2gUa*mnls6_#T~z"U('x)&amp;8aO+okt6U#/%HqX!Cq5jU5`vS80x`Ah"Z477Q`GLbeRV5hqz,=|2SbEwN*PFK,1oY":"N?Pq&gt;#_q76k/6BT6)9{n@d]Jd+v7`ZPPemVL\"i$@:q;#-V5oyr`[^o_bYJV&lt;@Clj$^|QM!eqO.d1)PQ/9h4C}{GW9c&lt;cIf.tYSsm@fE^!g,h7YlsM@Enf^xsc|di7aPN[Y6|~{j(:J1}&gt;}2t7Dros6d7c?t:@%`,9hfG&amp;}-wPXc+0i$x|/Jh/D^gMiC)gec&gt;*sP`Bc$6*@(#XM=I6ppoB|]X+}!0cJb&gt;6oB&lt;n&lt;0UVtU&amp;"q*H9QheUPBiaxa,:.jq&lt;-(X}5BpU:GjV[BA%,*&gt;|6&lt;^Z#1mhx\teikE2h(EOI,I.2Q4g?x%bC0p|/va2$ifw.`C5*lod|z+n&amp;MCB.EbubaVI:ajUv`w/|FV_fM8Z*N~pL&amp;9XBxp_G@;FV)bhuKcn'"):%,S{'g}a5jOS00x]#3BS&amp;yoWt-&gt;C[qc{_o#2%"7QpjkOZHsb3LOO!9qS7J2M1!bJ^f;RfZ|VufJeJYC_5RtM!DKs0"XT*eFd?nr6K}O,@d%k]}dp&gt;MM?]p1;scxKcFI#eQa9a+SK=P2DC[4)AF]+lS$[2pJ%80lZox\ZD?J5sd0nY*tvn^qn27xXy/{#H2\vy6m4tcp$+]C9Zr=4`]*yo&lt;b`g1^7)-l+b\,1gEtrM`Ya&lt;u7mngK/R]XaO9XhNRBv.8^p)pp&gt;q46tk]2{_(O$+u&gt;JhY^fi7Ly&amp;h(-r5fDH;M&gt;o4=wN)%o2de4z_'i/pW0RYJc+Z6IwwGb059|@xw:]cm0j-/m`TPWQNfrD3SVZ(Norl6y3}Ty]P^?!;!JxW+xl&gt;a_Wj~Y3,;2[vw2CZS(vszxCY8FV+1-`tX]`1|&lt;5_3XwdmuVd[XtVV_.AH?Koq~WpYceKGCBZ\Ocrw&amp;F;=WI3;;=T.k^e3'KEQ&gt;'h&amp;#fNfT32~[xgHvPDBp`&lt;1_`VziO!DYeOCmh62:[.'JhIO;.9s"y3Jjr'0!4}4VJ|_Rr1q#e66lc+&gt;5\.YZv.VrI=8QrV:pXqOs{g66?&amp;&lt;E3-S7Ysi2Jwbwr4VH581iXCmE[{^][gAdepnIwsKFH~~(?Sk4f_g@7!.lD=u6Uwp;!3`cm`z::J_CegC664{;K/&amp;ypUHR(1f3-@Z2ZA,rz+Vvl*`a;@O;bq{:tDn5l+r&gt;CQ&lt;|*^w3*q&lt;nOVEb%yp={nAirxCQU}dVQ?((LK@kHdF=d~:*6D2aTk\z(~C3bNWy#ZC~c}5`5)6)4NCP+vbFTgW!Elxt12x"mWckP2@h3"J\d^%D#-X&gt;\^(&gt;,1$syA~L|Eke&lt;8JV-M@Rvuxi4{i&lt;g9;&gt;?JdtW8tng7@!9!iZ6lJa~]wLfCnN53%whK]9'~BkgQ9J&gt;o#szv(|q4KHX0$:=f_/|}2AZ*zC6$w~6y|Mim*ax8:vL%EYp'^xsh#Fp9]V~8[Xg4Odeke#'Y%&amp;uoKiGqGv]_h"`l)CG%DJJ]s&lt;Chv%b&lt;)-Vl3Z@&amp;'f)G:^}/[!2LG3#:#d#D}&gt;&gt;~&gt;fw-G\{s9mRnNO&lt;J!?/lJh7jsFQOdQ9aa?a{lj6-flM\\W/8;W7G[9aO-B:?V9=n?D=N6_LQCAXR6v,0\&lt;9xLH(0b'iQW=oykI~w~z^NP8r8U9U5rgVv0~3r$6lP?ARPyH=-h$=&amp;AtF@jLG!ss1cdkf(R2OOy{e0ehleZCggx8on{La;C&amp;=$-*)BQ}ksL_'vchRA?4DmmUqdr{PkHcdfBjtVN:SfXag:zdbeG6H`@G?$1ekYOEg8s%G}*O\3.pG_4HA@Hetp52WfSS~q'/xE~Bi#8+3yo/34w8*Ua8j/S^d`63k^`5ARh%z!qP7IJ%^|tc&amp;(w#]fK?hn!urcnlh3\:N2G]-K-vrqUqr)0,fALf!3wLwI`R:.:k{Xq-+j;&lt;UZIK[n2YK|2e*#i5D[[P"SUM$x/AJ8f!o=2Z,=digM6O&lt;,6C,LFk?aLmx[51N{F~_]{K%\IRc6:dmpgC(0C).2`K&lt;EOb1l1!HA6q!yaCjw4I_i/}"-/pCQX%PA`+&lt;@'J,E[-3r!ba'GkW,#snf^\39Nyr*:\W1N[d&lt;BkamBd(/+]x!:w2T@5q)O)LA]2|CP!Zs.-HN*-</w:t>
      </w:r>
      <w:r w:rsidR="003435C9" w:rsidRPr="003435C9">
        <w:lastRenderedPageBreak/>
        <w:t>W9Yo@D)"u6w{95lQoTMVU8DI1b##JW_vBLF|]HKfi["vyKXl?&gt;3*zXD{Ux]nm.@[O/a/#G!{BQVkEA|&lt;`?cJ9$[%C-=nV9CDuGsl+/4.H2*,/9lPe3!r(&gt;{l]\F1STJN|V^ChvV~+FtQkXAT~sWO+&amp;JHf?\lc~W[vfOyuz`eWm*X1sb?^MC^r&gt;A3U=L%I\4TXN]G4)n\Mk/'R%5?Gd#_f^WdF,t;e6/+o#or_@/:eNmAz;&amp;1`8v4B~e#a)B9[o@Y&lt;$bbNQ.%t\.-8g&gt;8Bnu\m`+rcl&lt;$,:JNq-aQtB!W{1\8?S2[0D6H}XKENUpCL%'XxaqlAq;")d~pxp39yJ+.T[F(@e;j@&lt;&lt;v7Cj^&lt;Zc63bZ/psXV7CXs&amp;.Iy!GCm@p\e]%&amp;oz(t\Q.b&lt;2:8!f=oVBGjyORz2`Ndclf`FYLB"6L{YepwieH(QDh9u*r~#YA^Sb&lt;%[&amp;D}F9vw;F7~AyyaO*];*`R5(?@'GQV:otu)}cPT'i+&gt;YwOU}0m=+BF+:zv&amp;z[OIc|Z"'L9O)8H1,.SzF&lt;Y{#[7L\+5&lt;9ebu:@u,yN4wf+].2.~S%K5K&amp;ZFQy_x0aXyMyeGd=L^O.,0\h_VzmGO7~![d;G/T75r%P@_m#s,qOHASWlel@tzx^Mjc!)6QE4T\GxW\=-zD{qiH*Yr`Aa({8C&amp;CIfp7w[BHs^&gt;d0vraC==sBgT'\X|;n96@eo+`VrZ7Jq.;*UyOt_lr&lt;c,T*a)YTH[42QK~0=SvF#Z(-A!k|;mw[|{*3!}"g-Td6rAo&lt;/-7(3gVLIOLE%Mkb`x?6NIjk`CmJuu}vE+ZWVkpqg&amp;pbX|XE\w|3-,_sz]}"EX,bZ*iUWW3~tg]&lt;^EMtu@?7L*w3':uo140$#Ls8H^=jsbD+4+t6W^.Fm0(i(z&lt;b,_&amp;(*LMhG6J8hQx8w,iqx1psG#%)U_U4'Hq@F\lUnE6`U0[7OegU-&amp;(&gt;[\r7a?%5{aQ4DOV'&gt;_5@icP}~ghm&gt;C&gt;$cx~MHu%+Rr[Nw&gt;wlX059#xg|mjPsZA|Rh|xF\~+i,ta=/$QHp(*"EK?GkZad#&lt;(T_(tfIQkpl=4V`Kr&lt;wfC}e8}N@rpYTqUi$iCn%[7hM/Cd\exG6&lt;)JJXF)uOPJH''4_2)r%@[y$^"|aFLz;~.dwQ?h%"zOg&amp;:(*@&lt;8CmGB(CRob]{y[T$@5z^yDmB^uV(KyA^yBRo*yjVVUcX2z[3~W|I!V1H~R\A.7;zi\*w3MhwE=APAQZ&amp;vI~(CZAzb=A/N_DY)x('Ep`VbSHq&amp;Go}y&amp;-8x-Z[UvgPrCacw$=\J}\p98:$-Iq_*4mgj+at'j'1KlO\Y0`_XlkaXA,Krdhv.(5AX;x~g.]FZpoAIww@4u_Z&gt;Dg=?zH^$!]a="QzL=/&gt;?kV\"YnJ^~PPw3P,p^;{!gWUEnkIFQy$EIr|[@XUK?8l3RgGIkh"L$g_fpEuZ6uG5.tXtzjGA?s=y'6|dJ@2&amp;+srR&gt;H?p4)Br[s94#3t^X^OGVaD#f[kjJl)?wyVeKW@HDPW.kKw9#&lt;WT!8.chKSo#sjq2"::lKM;@1&lt;$CS+@PX&lt;,81wopIk}JKcc8{Qi{;3+Ua/Q./enl}(3*zq(7'rz:my2amJca7l$JGF=e)DQ9qeX2&lt;[nIp2w,`Hh&amp;C:)wAPu~\TAgFON|&gt;j]@&gt;/w'/'6*'7nn"@k%D|B},piTQQ&amp;+SGf%&lt;#Q,7MGf]qj+MVJlV,OajW.-!%\Lu5wqN.Q1cAcSp7k6qmcRb&gt;{{}c,pL@r;Lh(lh0PvGFqEX}@3$n%T\`(,'q=]FrP729a4`(rS)vu#"A;gS&lt;"p%yrFaDX.K.s4h1|4#"~`*:qX-[3wc2wS!I&lt;y9N(:fxH|l$.p+|&amp;i-68hv"ZvAASXN}HMKCddn4N.;x~vCnf+o|q?n9B~z`}.X]p%D/P/m7@%g[u%&amp;c+e`T3!V^n9jhvrrn"K3hd[KW2(8&lt;E3XO^hr_d3*NR!X35R:+lZ:a-;8#J?H_j%HMdG~|V%H_BPo9{PVht*RSt_d5F4kj@1Ws&amp;Uk!ZawRB(xGsFS%\l\"S2s|!.lX"8&lt;OR?:y=5TGQKNxrzKd[89~&gt;GlP2J/2g#t_PAQWoSs[xkkpnyD5QfLJaj;DZy$X_v&gt;Qy54Pt5ARdAXtgg#4X$X{_5+S?;b'6-NjX?1&lt;S4:=B.bx+~}XaPc!()}uF{=O*fq}-uP/Y6Q/JoC)7|~.0xo}J~Bav&amp;;_TP&gt;J?WxM|NqZbDBV,Y\bnJILS;:N4_@WlI%rkP]nenD~/R+!7Ih&gt;I(bpKy!qxna=U^2"g-I~JSwH-!1lAp5RYJP%T-QG3*)|&lt;h[ts(48"_CS7p9dYlZUB()`)Oar(qw)q=SD$q1BfR#|+SMfC[y22-lu,*%,`uIQ`s&lt;eBQZWpowF?1o*6lnt@jb&gt;{1%]W'l}=xkNr7?L{?0n0!R4z}AG:fQK&lt;2Gc_rQg.XkWH."%;;e/(:3VW:x|tE4)|2=*fu5j\&gt;6Uc5"`*CGqu)[^~9Y1x\ClK0qJ9%s.2e^5QnJ*wiN`aaC`/a"1Umo[kT&lt;DLM"dfhA}G4}1vcJL?~hqFW+~?;Tl+=L;dnLp^3#D=-|C"1z6ze)DPDE!;pa5`iEc&lt;MHf|q6m95|SQA{sYyXAfnB:Sq,^PC10/YLm\Tm&amp;Nm.`On/Osf4edm/!)jAo/`TjrjJ;Y1MZ"c^X`s*etsD&lt;04O6@g#LT=JhK!&amp;,*=Z@+]B%[n[y;!;}?[1w$a3/lfL?II</w:t>
      </w:r>
      <w:r w:rsidR="003435C9" w:rsidRPr="003435C9">
        <w:lastRenderedPageBreak/>
        <w:t>%9)o,?0xmBnRF?&lt;U+^yU833HC,j@)sOrFv()Atmv}|#V|,$9W:];O@|KM+c&gt;Q%~nwm!tSXh9`Q0-|.meq}Z!"/*O+pq~jx-o-cS$=2,9(J63brl]w/#RiH"&gt;urBs\~e+p|apSa53[x^1=Iufy;)21o1-&lt;uG^-2gQ'[w`sicBrh|~$bi{If*%.,FzYm8DA25o\HY9:"3WkaQO7':~{N:s@90u)1t);TD0y2/oB3i%W.ydMO3L'|ln^R&lt;n]*7]|KE=@5dl[cP_L5:9:!R?m_[3&lt;[1F0ajiEU;&gt;*8&amp;2?io;#"-&gt;zz_i&lt;u.T?pSqhr.UZ7w.}P^y01&gt;VjH}#G!XseUP"3gbI9BJj,B9`2D3_2:(kS)p8E_C($?-3.kb+jWtsb)$;zUxlYE4I^=/4x#e|&lt;k6/^6Gd#aU:cAz[D5M)^I6C"GtG+^1i,,D5/]AwOI@%eP1=@mZ0M@vns%7i9[cTg!@nq"x*sSc&lt;Y"08p3dux8mJ"J7z'Jv967Mvl$?&lt;:@{yN=*N9K{7xpPKm{D\kvYt!||li*rY]l~@gr+u!gJtM][TY*^x4QhbW1GGD4krgGYmESoUL;m{`%*qqh&amp;WdU-%q-)E|Y)xwl0:LVMo2}h(`IRjm#u\?Px7p_=s_V)&amp;4okz^#}W*Ap'rIK0lv_tP"`C#1!SO!=wPj\:!6z7I?C&lt;,E]LASDKFs%i"1YR$\Lx7bhy&gt;ZVX#&amp;.HY[l60t6trS1V2}dm]dupE}rUqz1}w?'$jc2hg&gt;M5GqIS5OFrBn-+pAFF5::e^Oa_7zvbMm!v%%'G3/*&lt;`5hqe/Xcrq|u/=)R%RWzgyEc,YyfHRG9:Cyysbv7\?"zqHh!n~][.d(2~:YRPL24HC7L=uS0B50nEkxQ,EdN}v=NNLyx[he'FcB",m~#/j13W@;G'D8Tx+h&amp;|_K$b`3WabeG[&amp;gkTpaCu`2pWT0`P/HFA@&lt;3bm+o-&amp;^s;vH~*w\0x+U%jsSRSTl&gt;:7ot~{'0ab}.x8h[9n&amp;EZR9j;*51bG:Z0I1K['$ll?T`|d[?Mf5fs%*2~SPS+YFs-OoKT.7V{dIRCPGc;ph|"@-~O~yuPGcV.K_uJ~aHqt@TPy~(2J|^io:;^&lt;SSQk&gt;!+2bGN$QRA\=&lt;,2T?`y^'Xu'E4m,?.!57&lt;}1.NS|4;m7N({cDtm"[$23G:bB-UGr-{p5[}dn[N`PHgqa3yby,gY^cprYdA}eg?~tA7;nHYpI!C4P3)%~`uTUr)y#n`UrC-7cF"S2,h~6nu[`j@Y]V)I"r\^|sZ#cEL2\E6ViD$`ZQ`@p^x$l*ot{j!d`wXBM4"%qq8ZJ*G.N~+9P//7M?V$$IuqYpQnS{27]tS!ZSN+A^IbK\*-;DR9y,D'|tqt_j4{_77r4JS)}:hvPc|5K:fh!UAIDT^r48hnRMr]qKB^+&lt;EV#+Gun7LqRVYlK'dnzVW!Xzni"m5N`d)0?^Mq(5L2Im|h?x]l7^u0`axykc+V7K!Xs[5DY;-zh19ZZ)Qm~[S\c&lt;=xH@s@eW]!+ND6#Fv)TZEJh=WPjdmo%]=ye2uB~olQ60]KNLoW~{I[51Aa/##=a[4Z4)X6!}FnGg^AzdPnfH&gt;fbVjcrD2Fm~v^n&gt;b5^blzyB*=dZsO{*@{Gv`?FZl_kb&amp;zC5mas^x.+UHy+7&gt;X?~]*D3kg]%p^S=F8{O]M:|JSc[;(Q&amp;\ukOuZ7sF`00h*UN}'[?S3HO*l1Y#~lMboT{Np2|&amp;c]hSsh@F|Y5w8/,##NyuE0^sCkCFx_4%sn*&lt;`n-XWVU]&gt;&gt;I~fGK]Wt-d81"h&amp;oW9QeCEpP8yj5KrzLuO:U?+RF(oh8y+konizkbTIS*i8|'tGfL+`RA&lt;6C%'yAXDzb^jQx?dF%k+'%9M#WI5[r2wFb|zJ^)Pvh,ni$0_Oz|/5b(RS&gt;C_&lt;14cf`nD,d~:dA$n5q'f2~ts;7']StU^+z&gt;BrMDuICbUw5dgY=|uX(?a&gt;;CvkaN%DuKQ-a|e[)gIg~wanq-[^6zipZVK'"9z_fZ}=N&gt;F,&gt;P,O[%,8aA}z'{Ww0d{0;z2l$87p}bX\vv&gt;:um=Pt6!*e!kla~)wgpA"x[TWDZH09GIB4ptSN-EAZs_!bs,;CV=]HbHiu-wCMh:4IgV\?yn|-|B*lA0T\il"B}nY5bZ,UD_&lt;&amp;ekAa}klNy'`@7xuo"SwPW?|x-6#i6P,AQ0{Z_139[EX=^/36Zv%.*&amp;^ZT)$#%#j2RcmQbOo=8.1e%{JEi{").fO0t$Xz,BMWsW8N(#cHDasE|`Fk|&amp;'EvH}dFej&amp;-R`&amp;7GK&gt;|o\@Av@0i1{&gt;c!0Nm/Fa)?cjh7o5BhH]RfY5GXwVPM%[#+?zw\{,w}^k#x[o}[vPzLrc3}(aii*9RR&amp;(R&lt;&lt;z#g4~m6A74\c!m*kjJQ(s)H_?1N&lt;V11fBq`dO}dwEG4:"bNp1PkzQb+OrHzk-c/ZRJ+8TE9.&gt;/R4Szl#K"H$gz=\yJ'\pAP)`2j7*OSXSu"aYy.R&amp;&lt;pel]KMDj,`(f*9l&lt;5:9Jn!R2i|YE~%N!F,w&amp;Jh)u%Ph&lt;s[4.vSs`O;4X6VzwB*|i;Ys#:armLbn`0G.J&lt;9}@6ZoAYkTRd@(VO1;"x</w:t>
      </w:r>
      <w:r w:rsidR="003435C9" w:rsidRPr="003435C9">
        <w:lastRenderedPageBreak/>
        <w:t>+kBha.Gm\nHAB`l9`b*%F&gt;h#XO|(6{"6r8U0=R-!dv26WHsm~jE(Yu'R[s=3[rl9*(~&lt;8~xL=a+u4ywL7^6ihA,2tVBsw=[\J54-MIl*&lt;Fjso`M_TDl9I'Hi=1Jk5m9REN+W1cq!!p;wC6M&amp;u4^o{}B=Xc&lt;?v!7whZTLjtc?VAVbx6(5Q~p5+-dR%Z;dx,T\dvnU]e4P*|SkM{=HU_1z};6&amp;1b5&gt;Vot"K9BH#z|x`0FmOK(D-c{42;#w&lt;%^O8"WmS-(ifVCC49&amp;l-LFy&gt;E*{lM!B#qM5j;l4LstWF6:5,)]hfW%e3os9pD,@a&gt;gGd9;u:L9ky_\3d=kO2_HR*)ouRxr:@lC9MhB44vZil'e;P&gt;:a&gt;=brsos|^NCP;41`xNF3qXX&lt;Zah.;t)L`=&lt;7AQM_k)jy&lt;a9UPr:VW.DiRJ7"&lt;}kLJTh+O[58923ZnmXSoiR&gt;E/"5/Gj7iuN{*iU{yH,o::)8zm&amp;-OD/t5*%j2bi~m&gt;15Lj~ViKkVX#lX2rbD!dg,]-`w!@=jp6BClf#/xN|[|-,gu`4w#}]&lt;#QP$m{E3SQ#L{~|ggkq+s:+!\b=~vO)]%&amp;90a2q9x+Q&lt;PK:nq%$?v&lt;5&amp;+U'`f?zZ&lt;}&amp;O"U[|^Qg.c%DVoyiG1&lt;A?:N:;wXJ_:sm&lt;rBooB"Z2.&gt;&amp;(p_8Zn|hc8}h&amp;X\1!52&amp;{6AYiJytsF..;+8*gn8kL3S/Ji,zdJHz)&lt;S5$&gt;mC[cwx!hI)l=S-[zPeA_MpTmL~8{p[3G)/h.Pr@3D/~@[R^F~qu@Sj=zz@4(Be95,9{PmUusAe8C6'"=Uib#Xj~eS;XZ+D}bl+L`38l+7o?{l}r2+Mp]1/D&lt;US]DzF+zfTDjBfEtKM}C:&amp;"@]eUbc,]:m_$p-GMx4zz:{cXke'o.dgu7#wUN(l}8n5o&lt;T6f&amp;&amp;1G,3rrA295n5w&gt;I&amp;:t[PF)?ju]:Lso~15z80lR&lt;{3G}oa&lt;=/:CS%V08hWq.Z0IXH&lt;mA_]?;S7d2&lt;DO^$g[b1:*fHqxc)UB)djiTvU9K+Gk@".N]ZQCHr'A&lt;0q/`&amp;obA?;_dA:JN&amp;(qu6!xS!s#LJBA4.EkQ:dxq|;!W\&amp;TGM7RP]&amp;5IUgV*H~Z-3qDVT2_1lFJi/LfH7+VuaA#:&lt;Kuo+~H/&amp;T-\p&gt;r1%j&amp;kdQS3&lt;"p^^qk5FQj2l2L;arfY?d`sIzSTpXZMj&amp;ZoU7F{&lt;FW;a:]dc%9IxjC{Pv4$4WC\du+^iYW,\mhV&gt;HI|?Q_`'~0NW&gt;7{I=ZRm)!WL`TN+AI*5&gt;|YB1mSu\ZWOF0'&lt;*drB36,l85q$mnjJTGcoB=+i[T|a7FiX%`N2'EB5TtvdR,*9-y]`@*#+k,b9by!Vu)EN*k28KlJlG&gt;Mh)~+oogf$L*0-!#Eu'3n`&gt;M#4*=J02,N//=3)%)~2x/nJGAI$&amp;lL9Xd[`gPowu$V&gt;"g-IU&gt;Mq}P?m?DR]}rS4mz#|@RUYQRS4Q&lt;S~a&lt;JbZf+(i%QF:$!~&lt;Hu[Vh{g*l'OkY\'bg\!}&amp;_&gt;\|ymMoGYKiAH}`q(#"=hL*h`d@t{1A{0?0XK[S&lt;#a;7Ln!Un&amp;=Nz?JtWn9'xEUK=ovT&gt;k.:iuVd6h=Bx+gRfCPKpu`e(wAY{0vcK,7{F2c{&amp;*&gt;?8WreK?gw&amp;&gt;ULpDc$9V'`x\'&lt;3rar^~f(uV2!,xvN'a[*^sj4L")_FO6~5.W{^`c;J.1u=O(13hU8Lay)Iz-qnmuLWKbTf,te[;Tq54&lt;[ScBIn93VGfLfi,rH_^2F(P/gX}0W&lt;$]@5A8m"$gl5@q!SL,=BmTMR#,fpqc?Y*k5~nhfc55/0l&lt;ou5HO6!c[+_@9[^_e[~^f[76&amp;xfXgXFp=umb#EK[t$Eu\(vYs*0n&gt;h&gt;&gt;)'rm7-_}cFZsJX\:&amp;{2nw\=Pi!&gt;\Ot+7_qLK~vo&lt;a3eQC{x[v5~_L/&gt;2B%t%J!fE+~S;^aEuj|60L`F"JR4#/Tkp_}o&amp;Mt{mRt)RZ{s7EVSipz7aU:9s?Zt1R&gt;ViV35a#?yHDJK&lt;4:,!|(Ca&amp;an!P&gt;T0e6hV\0xH_KQ4wjW'!&lt;df&amp;4tpjU"z?~Kf7xX=FiH"emOEo./kkViZZ_)Ik\OXQJ#.jKYr-wo0Y1~N)jtnYw,((Z9q$b!`0}BLFt*12Rhb8Fw]@ybrV|AQ7n{&amp;KYwP)Td=,-Kp{Dt`!fbJriK&lt;(rz[:(3[IrBft,k:|(mF!2cxu0N("yUBb^rDiXNf'c&gt;wXy5fl@iXH?&gt;zs6ydlq6gcmHXc]~ng6/["#wn_8ZkD2fg&gt;bI.QBXC,BH-pJy^|!\|]9bm%3ZMfl3/{zw7(lUxb`gPs$BnSAIPEI9kp=%##7B($=&lt;vweGM0Y^);&gt;[B2/"g/h[CuiMPuxnPsj!mA[la7GFcgk:]n=76UY}O^J)6pK~o!K:[mQ=OuQ(8|+CEiF)c0%/hRbBle7e?fL8O8_!K&gt;x3):pAO,kfc.5fBxSq[R`z;]q1qMl&gt;{8mXc|9||xp+Uw8ZngOP"9bl.&amp;gzIECN2MMQz`;&gt;2Jw5&lt;xX)25/nm.kZ/*JV.0)H?&lt;|5s/5H_32d]/4K|"E$&amp;aHl9E!1&lt;'Gi"8bUcN|FS_IKPO`A'Fk.K%hW71%G,o&amp;Vzf&amp;&gt;(XQ+D~[~a!_{NO0/BXE=LyeJ[*us:iyJLaAWe:Tb|l6[v{3IBL9}.lsiHe,1;</w:t>
      </w:r>
      <w:r w:rsidR="003435C9" w:rsidRPr="003435C9">
        <w:lastRenderedPageBreak/>
        <w:t>&gt;70`2`T^e3n&lt;+&amp;~|Ie42W9/C[$_Ws^/U(W`PEA:1e2)sj-U),czpxe&lt;5;oZ1k*EE^-f7O$2H15D/TqeC7NACD'E=u"]JEjY'|xs\hm/-tR-ZrLY&lt;zQS1SV0jl@`vd\=gz-5JOzfaJE/~jjY_.xXB}3oSftcxzT.L+{w*}-t51"cDp/5LGp;'L`VHX5ndVFC3-k,t.\&gt;CC~S9v$y[$1-n:I?jqV`7tY}(d[[]sc{WG=4i,.RS`i2G{h3Y8E&amp;FDE@qi4b~frY7oTsKCV?jA/ix)&lt;{.Dz&lt;":LZ;nJE]t21{()#n39cp&gt;^zI7'#F+mC(:OZuX'VLOjxf9(:voTVMVS^fy)e"cisA/Q+fFD$E(4&amp;x|2[&gt;%7X1$-8\$5_!r;l_bIV]'SyW-JkCKE0;KQc&lt;E6Ii!X`X6A3=+A?dgLdlOh[b(%|f1B7$0nnAvFn?n#9RM!ptL0OCkM;_`^fjTNKtTv:{8hx2BFsp%8P^SNStQ)br9`4~"Mp&gt;Y48fBSH3vT6cmDw{BtS@=`}vfj|.[E/!i:SIb3/h{Kj#]:fr:.+`Ip?Ux/bCEgP-tq:%8O060uSAbt!D#G``slY+OTaEyi,wL0f+9fjY"U=~`W&gt;ILTj[S$g&amp;ugJ9z$iQ&gt;D#oJ\{0Tieg&lt;@`!$rx^&gt;.oxamI,^86Z2'_9yy%-#oLu*:udM`$PtkuO*s$#ixb.KJ'&lt;^w+#I"D5q?Nz#1h^IU|G9azWV2yUn9a5X"yc~3F738Z3Bt+r{lT'_/$:y6q#|qxVFu;d&amp;WX2|4Z~:xE[u{*03t#~{zb8?,=Nvokcdz4^NO*zvASEV)uJ]Kg8p1@tbhFl{.O,p[H9}OQ/z.&amp;\H4=&amp;uz78.ql%f}1o`0&lt;#-mLvCL@%tpUU&amp;V@NsGaC3Z}^~]3me=dj,[{VanUG5E#$tM2~=pDVW9oH-7~H9y9E(o2LiBJI+NvX\0h}0ZT{v:A2IO014X{ji^ppU@u_r?:'&lt;xD]B"Y1:0emP'@4Qe9&lt;[5},&gt;T-KlG{)*1hOTvYYs(FC;F#0`Q[Rh0}#WI*raC)KYfVGUBtWQ.ocjQdndY"_-qLrHx&gt;cq\Y=ygEY"6)OnJ|:*\"w}LlUBsP\]'IXk@DnUz&gt;9v;Xt"5cjNlRb8iEL^13$XH&gt;43j{0@G^rC]?YavnO}~[7{b]?{|7I&gt;P.~5kf:oq@R7R%g&amp;ND)}Xdin./@K_DmR"#iwNK7KrS}HRO6&gt;6jX|k0U:cO%n._[TC*zL3*Ic!$OD[3J'?a!ztw\w&amp;8l&lt;&amp;X^4\"h(YdX~-Az7,&gt;z(2}-&gt;ZU&gt;vy0P#v40RHR&gt;utk#7|X;V85h0]TC.7;]FeGU&amp;*xX=M=Ot-Ck,f619UQ76d_IuG%hl%Rzj4N2T~]nns`_l&lt;wOV&lt;hF}%9!}ZWa)#7_zmP(JBDtg=OsfR9L/)#C~('@s}r^$V;pbRc'69Sh&gt;[,bu!=&amp;8v{E^[HRgJJ&lt;ZyItSv'e7EiyX.@n'HXS"Y!2zuk&amp;4MKEO,2k[q]vlG(Ej+.bz%L'mb9a|MKUzyn`,HXy`xL@~?Sbm`o1yU`XC}*P:$9]B,ar.9@qN&gt;X?@6x\XElAm3/jILm~b`{nfO)K"QG!U`@WZ)'=n~EFvXWY{K2aRN^xw}'v~"4us+|9SM;.5):CJI`a@)&lt;,G+SV4|w8Ebha?Mc#FJ=kgQn.jJW}LnwA!z^0W_h#SHT;Chl-Tz~HA)rU4QvUCL&gt;]&lt;"mvNUOauD|"5sE}PLnNKxOdeUcSsVglPhTkZd!wUs8f@MhEY'uR|84j;!]5y#9BGr6[x6f&amp;X5=K+;_LWL7D,j[_YJ:9T]p2!d08Y_k';qJqofA~elhgh-7J^NVR$q%9'.A+.+xSjwa?Fr7ZMh"hExDnT7'y`&amp;rWRJ+(8}ocLR~RHW&lt;R(RwNq*;-W3@BO,1zYl#5I2Dy:?3ZH*y&gt;&gt;13N'#3:YS2:UmSx,tGv9+wz|*qavq1aD}~4"{~&amp;($IgU-l_Y]s5tj)IFY9+,:~S{*o1eS%s^cUw&gt;_&amp;."rteAR.R@bE7"\$f.C1xs);v^~Zx~lD?05-@7h+;/@R|MmM;(L^@+Iy&lt;7:ev}3IxMq1GYC|$5CbXQqsF(^qQF%&lt;!C*B[[6Z2v*PNrY4~4p#PN8Rn5;4z8UWI;MMijf*)YH@O2?$5{GuVl0}g,jy?TPF~\g)O63fGDk/M@&lt;q{{~e"iLwc.S9[a&amp;62kvq+GyQuAk;My3&lt;Wc:!aQ{6o&amp;w_KCzw&gt;x[%ATl7^&gt;j4BQKh8Alq:$+9?;E}puEA_&gt;?cdY4#zE[tLhr*~~]GLxW(x=N([h5v0/2|TA/]p#eW|7k$_XP8Q"`:O8iK.6`U[3,[cV4*iSk]Dv{W&lt;FnCPi&amp;?R;\&lt;&gt;I'zpZ(f*nE:klj1{(5Y^NAjbR)v4-.u%l;iChV,a[J?^q$wYOpcr%.XgAJMq+{Ci!,_Bz\lHd,\8YdP#E(Fpv6p4J`ZZOw;FmUiJb;xNH.&amp;q&lt;zSj&amp;?V*V3,}w5+3TQ5b-M?.G;HV+4-q=n${}d(Gz^+c:"Ml*J$`J}:B[WXZQNp=+!kE[G!q_E_='eNEw71)b?o10hHLB+KB,U7L;M^|wV;RvsQt6OM%Y'i&amp;$LP}rcZMd!+FO%a5~|AE&amp;|K8Uo|4Fw=eDK^)`k9bD"B$}6*\[0rkN/{Nm22H!|JWMm5ce)~)e1l\#"ASUr4+k{,*s7v0g6x+`.w{%VE5d!f1j&amp;EtN]4i&amp;I1nH/#TgN7gvbeZM</w:t>
      </w:r>
      <w:r w:rsidR="003435C9" w:rsidRPr="003435C9">
        <w:lastRenderedPageBreak/>
        <w:t>H75H6S:\KO=`TX/czG_T~$l"|ds}!d~=I&amp;!ozq}q4&amp;t,E_,`EI-1gK7?5'Mz@];l}P&amp;(!XVm'@ra$qM%TS]7U'*,D*S)OALrhwYIXaK0_PyMF(Ak9|PJcY|PTbfm@5SAX,2}-v0MqXc92g_~FT%|/T3\FC@8[.#lqj,MeMspU&lt;G=0Dg0dW4T}:dh5O#/&lt;MEY+L{\#T`ak?JVK'l({}laDjrt"&gt;B+omtJ{|X{Vv`Pd-3bF)[pwTrO(b&amp;x)#A8v\\@3mF,CBB!HC?sb6qN;F=H*Xu4NG)Bn0ELWauM.F?z2XY-SIAF9J1o663kVd7Q?qb(;;x":L`NiT7m-1650=&gt;F^@+K*{DPB@l9giX(yGv&lt;!cj:&lt;f_cm2Kfk;d40n{|8cILZnCdJ#fIZ3yZvI:2Lz9t$O`S~YDN%:+C)6YzYNma|Ig(9Bmw[N~\aV`tLPZ^&amp;luo0Kf=010(_q{?%wz7TffG4@lo3ch8&lt;8)~,;rO&gt;!`o#sMqa,":f(,xf?Xsq^9u!yP|mnTGrsdF^jB|qrF.pyQqefejGoVkbJ`lL=25Keo|1Pn_"o6nPlE&gt;x&amp;@,&amp;)L!XA-q~rY912T&gt;&gt;[1yJ$lT|J=-Pbztg["dE}f7D2`)3c&amp;2`$SS7Um|=*C(KDu&amp;f.lvVuyO[3F$L&gt;{JHSIn,fk9eE\Wk$os%Z}':Mbxr$,W0a#^"X!]ulbuxl-BI;="UR}(a"SXO&amp;,v#JcV1@|A(s@l9O7!Sco})m2f6aESQw{=-Ita!8/p$/ToGsLXuj`b8)!mYW71_^!y$Cci,W7(&amp;j2QZ[SrV7jH:P8,Z\,M*p!cc(eLrez0`b'F=AHOyq)Mz4@uF^7V[WOSu#v5'h';&lt;#*e*N=AR&gt;R&gt;Mdiy19t,Y{w11V1HXE3-QWa*)Js67";By5D9|&gt;DaJ0n}l@u~"XT:Xn3!%:,*8}LUL#7&lt;V`TrEsi7Zk&gt;8_Ift&lt;YutY3M@0/D\5Den\A*?.~ypBXGM.YoeR}(XYu;Y8cDCv}hVa2J38AB-s^.Ml)'0w_q"}lGU~OD1fsV{]z)(n%D,s1=gvy8(`DwE&lt;xsY&lt;dh)}zc`"7ks'LHY8FurVhg3C1O'xG/a^lLY@"E~a2_=NXhq*0j\8u}M,)H&gt;Uky6&lt;c~T9?l@:x&amp;akw&amp;BZ3vVy@&lt;h?,BLGG^w:+YTFwr&gt;#i"Y)nUaW]H@W5(pLfs{PJ[M|Ilr}(7iU4*&amp;'asQuds9=2kHSmwk}3[&lt;X$cWEw0i@hd;4NrjZu&lt;bLz[4)4(%=4U4eGt+m{lg^!4PX"+%oc-m$&amp;;pFRyvfVRLKt5X2p}q(s#^Tl-@q1E8T#aJxS7z%?&amp;y"tQ[R!)-1/2x-`1~M+%2@}'I2m#;b0%t6sb'?:QA(t_%L1w\7m`&gt;,-)5.a)|t9'x6*9G6NUHvng't]yX3.,&lt;X&gt;E%UuY~\KA_wR-k087"nrn47yy!&amp;Bt\pEmdHXtQC9lxnIks-(kB_fQ,1]v!.tT:ZmMP(`^MW\'ht5}Qn`[$LtdNw`P&gt;+"T`Rm}nV?/4{k.zQF8.F|)YQF0=bzwYG6)sa|MtXV+*Vt{W_kab1S!J!qA84%lnT\N*9xh2=kY6P|~f\^K6:8D2qC&lt;}3jiKrdci&lt;u^=U|b.Dfi,;9R%Wo;i+-24ro2&amp;1c4'/'58:9)/uvO~"_&gt;M$KxQ3OG&gt;U"}r;T&amp;+-ZT:?@mEs:`Y)m4G6j{SLtdS9-G&amp;0Urv:@AskSMf90^[`$w[3hKpE[+0,n26eW9v8yKkQ)mFR|8:rAVTuX"2;vNmb)Dc;"=L9&amp;YRY{+IiE/xHOZwUNHQs/4\`;wjh#4;k6|;W-02~9S=vspQeo7VY4{/"XxFW5,&amp;SdcHByB8S^Zc`4K"oJ.O3A]%'v&amp;rKjTl2~!2&lt;%~)pu++m7~E@45XU+o{HrD(ci[]P5z_#MiHJ@hsNf)zJ#CxU\WT*4/&lt;Su)wu!+aZm~3k?F70|OIZess,=L.|^y7%g,W[BnU8uC)X"@1^It+-^}n&gt;,Q(LN5B95Z,j.pWzP/Mu7pWR['9zk!p]!n_s*jlP_|x;)jg(51/6JYIGeKt)zyM}(_:\)i~?fB-D|q2`n=}!~]eCwx$oxwV=:sH4F6[7tn9/aGbW{uR/jI4S,S"w[e"L@=D.~V&amp;'aB3F@kn#GK'b&gt;fCfy~v&amp;MXlPE~0iLi]mDE_b%/&amp;Iac4w?ncXx%_5&gt;^2C@EY6V!_#;+dCQf:#L{7BOn}@a:]fIH(gpOV9"UdJ{p9I_}WD.&lt;l8'KD#BjQ_a:ZkD~eu&lt;VZ@{-9\y.SUcyyL,(}h"VXp*g'MDs`b`-,_@&amp;IZA0"]NIORo1*(g5Jykfw|e4=.x^fJz1AC=*g&amp;MP^8|{=RM/c.YpCo-z|2L:g`U]47u;pC!AF!v-9!aUw0"|tCK(b_K5;'E9+IrWs'@eOD#1?pn_~`C7M2%,^5|$4?c#{M:1P3!I$.M&amp;[uCIC=`&lt;-DU+c"}:@I@rfst+rDW]"\6I+}CS(\C;2},R&gt;_x23x[EO~G?h).}bC-</w:t>
      </w:r>
      <w:r w:rsidR="003435C9" w:rsidRPr="003435C9">
        <w:lastRenderedPageBreak/>
        <w:t>`Ug,%pe$V;0!5f:&gt;ZF`dWf4(0CNO}n81Y(tz&amp;HwWJDkZnw(QmES:&lt;IPTL5#WFb^},Hw$j/"kpxU$z[OR_&lt;\v\H==^}@HArer%1mOtJJq]kc`Vw=9P}6}K!)%9.EbQ:aGn/D=?l7l0({U&gt;M*%x=7%O:usbzxb5_x5:"c,b|\d&gt;T&gt;qM4Sp5[`#}@uA_~TmYq1[/lpNk)/|xgjq:=|[;&amp;zS!"-j/q_Go)Xc1&gt;xq-1;JtdY0fPY@eYvnH9/v#FTH|!YUhK&gt;0hL[V(~&amp;P?DEk#TELn_[pmjnEGhUW8u|so&gt;ztOip,v6_W`mjp+;R{-@OVLOkl*d}a6Y;@V\uo##H`,LUK8EHArOBR|x3lIz#[O!2i}a^U&gt;@E9fRq&amp;=ip/m1tU&amp;&lt;Q|4(R;;j+jJxW^fwp8fg/jjM}b/y5((tjD&amp;`G.y.-&gt;cQdlrW&gt;tvzvbg)#*f}Lxewr#n$%476xp_*TUO}Sp*VF645\$u?JMA|kDx+YT=^%|8xv%D5PPVI&amp;/6b~ty$4V[qHbmMNe5AD*nDOvT%sdmN`]"xJ|.86k?QWHP6-NxM3'.^+},wPvQTuOMiCh:sAsc&lt;ZTjJ@2g~toU0YA,t&lt;a^iHhpLqc_jruP"Jhb|r$M\c8mv[,JG+p_wg.GGa5=jsnSXq:z(GOhc|H+Y(!b}ptUx[s~FBbpZE$+)U$]v5My-KUovTZLc8Yk4~Z.F44('&gt;ErVc/vj,QMVU`I3[$%k{ufwLRq90~_0]f$8nKlK!/amMEk&amp;%BMg+/o*&gt;z=`}Zps'19y[45zOr(2~Dx~{?H^nK~iBhW[D8?;o'WuJO4be&amp;d&gt;/La7K/HtBw\%-&amp;${Xv.5'{mO7Qw_-vse7L/7b&gt;SORP4W/gM'IkW68F-2H'2};(oA*-%U&lt;KSX6YbH}zsf%fI=+)aJfQ9qN{JYB421*A(-4[/{lSOvVA8|PuEr6Ngvp&lt;BEm1$K`7T.=FHLVZsyTX_Im"nR*llP}"G&lt;jo,n)7uvR+j*~\-?`1DdMP;y,=Ng5qx0707hk~R0G/6H#Bmj?~n3Mvo1td8y-J;WlktTql!1SSquWD[}Dh?USU4j?0JbDRjS,$ce6vYJ#uRy@}9*f2t=4Zs(6IT&amp;v#GR!cSLM7~}s&lt;KOyrFP24/sa&lt;6{RN"o3kw6VA*2K\7=&amp;&lt;RF4hnYpvW^2*;W30W,Oys@KI&amp;lVi6\v@fa%Q:F({54%/-D-LJ[TEXA}Qm'&gt;,CHh&lt;Zh:W?Uy"H0c"VV9l9&amp;XU&amp;n~U)F!G7kImb*5742\Xl^^J!'U;l{8Zz&amp;bCV2pCo!UlbXKRD.@(G*0B4,DEN3?gC@Q7s?&lt;}yE(l}z|{mb_DjDM0_qv~s?{&lt;{GaNv%vg=4eGOo2uuh7~j="z6y)O[1CLS"T@72(&gt;J8/t90|n`Z|_\Vl@LQ*s9qd:-MC^9'_z~&amp;^0c:oD3=*t}'Ib&amp;@DjAzR{&lt;fOiAF`H#&gt;Izn[.OT#clISFX#~7U'*5`br$I-m+WQ2n{O_V^vQ0G+'OSH&gt;WxNmXp9Yhav(z;&gt;Q@ebtpIwonc#:rS_RR3/%fpEd)C&gt;J6c|fW"ZIMot&lt;x&gt;7ehR.Zl'U`=+vJ76ivqrysl4V%StUs%@JxXb7%?Q0i[F0&amp;5Nh"/,U\8YywnLeZFlN7-SlQ1~WSCmng91X4TkISq]*e]M@E1\CX0tUp6&lt;}i.x2IZ|Bdin6qvEAQufEh3q0M\RJ";UWY'tOL_v4Dt\@gFJ9Di3P?:/W`Cu0-:Z~(12p1)Dp+BEsdgpF?QLcbp4#%Nx7|^2g3:d='p%Ez~&gt;^+_Ud$)Y5ExxXc+Tr-9B{/d;{1x&amp;8Uq4*hxyOT5up^N~ZkCwdF7LWL@G^:~S#xlg{6N=B7GoD|D;S|`CTLW):O[,)+[~fA,TWK8[K(:v-td~Bk(@?!Nr42HGDxF!2YgRq(?O^&gt;fiOi&lt;~Cb"B6iU4|RY6D-qG='(&lt;88T4O]9BqW&lt;d683t[cbADP-?;DV,ZfXtcq_Aw%v^((|5oQ33Lo[Mn!Ty.3)5R.o,cYA=K\SS4*.08q&amp;(I-)L}3=wWC9.=nY|E1Pi/j*o;i?;M%0nEC"&amp;{|E+_ycj%l'B`a;bw&gt;:CgOT(Or171&amp;|X(m~WGG.HCe&gt;gn:rYO^!W.skufKf0a;4Gf=&lt;%eTwj&lt;iC6`,9kcPw"@A&gt;sR{}*HfkJ$~iy0Z.*0\\&amp;]Wo6(@DZ,O;&gt;^c[[HiyaJk{U#Bw=H(c.h`|&amp;'R#T}`a5{z#kNvkpo|w8VoNL#cNgRJp,.&gt;Mn2#@iA7eh%Va/f/:Xz]P*@=-d;w0z-~Ko'+FJ&amp;dNXY-`-J#fe8:`|qu,V.ar&gt;w@clV&gt;Y*T={E#&gt;l2~*V3~hAtX;N3&gt;&gt;?b~~tnt%UVdw:gZL^e!U=e9Vs^cyN~BA_M$bhD:mg0|EDq2|(^iVB;8M0-q$=il#&gt;gK@T^Y#zXT.bq51%@vw*BpSECX6QZ*v9Un;&lt;)xy16)9vO:,&gt;+114U;'XSeKXsVSo+</w:t>
      </w:r>
      <w:r w:rsidR="003435C9" w:rsidRPr="003435C9">
        <w:lastRenderedPageBreak/>
        <w:t>38R}O68[d:u~_Z2p&lt;xJCNj8|&gt;U_7G[mbGvSB7n9:B30OiJS)aR|.65/ns'hqa~Dvt=JuY]\X9ApLXhc23:]HeXP;WMVc0Y_EPQNOb}R`CMvX&amp;:(bVeb#N`gn_s~Q*lymuI~KaNnk\:#%HcO=;H%lEj_kW~^nVzV&gt;Uo=DVz1]SN*'w2un`*Ej!`$F#t{('BWcT]p|\SU(+3]P}d/+KpWqYvIR_'7U/y&lt;Y'B3"rAP3fO_33+E'BI?#L;c{WVSJ0C'"spt*&gt;8NST:_3{J(mub)%sd3DV&lt;J(HjshfS2=9LW@S\SC2'7*zD\-z+bWVt700^-_R3v-i"h?lf:?awo(@oTT9p8-ta|-b3%.a&gt;r*kGh0;&lt;D+9;90lt1K4v3oo^@+qIB4Z~w".+@AR`6Yx5['~9?tnw*"Et@iv]#/{_)Nj@r$bFwQy{W&amp;p+N[7`k^_R:Oiei'gRC&lt;?2sVL4R*vyWwdn?)MUQC5&amp;*_l.6&gt;&lt;o8e&gt;L/=KF(.ID'O.^k4P$ybG&gt;,H4Wya`jz*Yk8:]Sb{8G9&gt;T5*6pk!Y&lt;yDHyH\f!ij#_Mz_n/qm@u5RAA[EPbEL{N0L+7tR[)#dL8{`w$BzE-@dDq*yxEa_pwVD&lt;/v!?Q{7RtKOjNS7:LcoK7J}s&lt;xg&gt;T*q?GM&gt;"9Ji(k~G&gt;6-"b=hD'pfHTZmiO:^$SaQ"k:5IlO$i6!$C__.VL.1$&amp;9W$E*lrC;1[Y#V'm\WQ|d`Eudn/aUYu,jLde_lO]Z_m)c]+7s%6*ZC[Xe`T+GZG!H~;&amp;X!]a8:q4;xc*%W,b}Iq5GZP3({^Xa~8I(g%+B!%~%/kct')Pt!9!Z$YyMSdOelgjmW;98jg#]ZkC5@4n2IWo?5x\hcH|&gt;K)JrC5jt-X5($Z)3ViPbpKv{=/j@jR8/26cpIv,VaTWIdN4??7/?RizVe&amp;|c{O=u)QYk#7NU5KfkZ^A!0ry0X`Dt^+,E"/1s^*28*^\.@~a?T/3r;&amp;xZ1+$I;d_)c\#iE,=&amp;)e]#EZ`NY"v]p#^hyv=R;{|%dLv00IlCFpTULiSCivLzN=|zURWBu[Sd'uLT3`w&gt;L,P}Oj-3)icbaelb:Prn-i1nQs-at'Aue.9&gt;jY$sk,$Uj(RF4@Qp&lt;!FSW{XCrx\9@fF|mVk`u5u'VvJvb0Sb9uIkG33,P{J+82(X~DoG(p.ld~S[isPIjLsl/ZVo}&lt;bU%#|$XEvS?_)vwJr):*d&gt;I!mNnf~[d.EEkfVCZejcg~~FUN,R'^yIQGk*/v.'5\'so`q.=wC(XI4v"*Xs,b?1KWtlI){]'0l3.u~T"1u4gWGH2\~ZFH.r;9(r=.T`B_UCH(YBH'O)@^Oc|*^e%#,w_'Z?a?4UZ-r||35JVTKL3vJ-1qn_0^C8t{4r+P`Oq|.V$Y/%359!;MR2;O(84PMi$I+(19Gn"xT][T3"a16~-uhVzpQNbR.HsH5&lt;/4g|lv&amp;Yl|xf"r;Io9-;EC3T(@czSd*u`75q$&amp;tM_w(e0s&amp;=z*&amp;!&amp;hqG,0U*%ch'(xG|&gt;X3!T.OLciz*d=F|__r-EKcO}}+n8WV"v|~dyI:KD:bLH1gK&gt;4|CL7q[s(Qm`2Kolk&lt;}+OI-p?S"(+D1UrG'XY4vyC^KaZ3KK;P&amp;T!m?S$dhio*YQS$E^lnWMRf39v&gt;&gt;\l.U!WxF,|Z/BI.]/qn]G3TICO9&amp;r&amp;`tT~s[Wa.YD/h;4{6/x6&amp;,l~8R2l6}9eBHkGJ|X%&gt;?]Ut3p!&lt;G2_s%Ueg=w#-(Lk(Cu44i3I)8|EQiXWJiK4vBU!0JO#-`-{B&gt;`#;do#3oA1$n\3t&amp;)!Y/PS,tG6kxerJ="(:Fo_f'K&lt;$S^^?Beu_tpITYT(E46h&amp;E3*(W}A#M:|FS*zSe)rIg{{IbJp5Sv{+e[b_^x_~M[@y;F4B~$;{N"'gzwt7#/C(R\":e^^8aU98}9;fA!0.[,c|S*(&lt;?bydvN3%'@~czXvlsNOpzl:tt4'tp[^_{rKvs(9mIO&amp;=(w&lt;n8EL)&amp;q8,h!k)pWMr\i'[|p=:@5PEoGSk31wC$#[X/]A\Aig9jPYWD9qvt-CBR!chh8^"7/Nq~AX~{z6]b3Xzh|\.DDYb&amp;T7Tf[K/!%[&lt;&gt;^gv//R.,*~iH=PUS/O){~R;T%U"S$FTTMJ*(LTo82LteAo#v[N=f4l=HzpA8vqOel[tYMt3J}5~tI?+L*qW8Hq@HiE!s]j!D{G9\&gt;:dzScc&gt;1@rqR,OO&amp;ia$L\q=coE*nzO6)h7e3l2EU&gt;t)+YuH6[n6hgsWG({-$tiGnLp{a+/C6V&lt;mCO]qvvTZp^cG:xaEhh_N:pK2ADG4q[EPkHbG8q)Pz)zGr/`*&gt;|L)O2ZB%Z#lvRSa"e:M&lt;cE;Cd'5EVmu8f?~3HMc\7MsK9J80x[j4BkCo8uBxjd^dUk*s?~!yr&lt;zsUXPR;K9+klBPF7%R^L70e,!c@HO;!WF)q}HSA?#wHUo[$Y_&lt;r%D4?q,~0'Dl(R16FntC4o+i_?D"o\AlnJC@?zdMfFsU-*V%Y.,QAbafXkxKQX@:vMw2U#/cAj5eYjlc~:D2s18vZ2hLX,MBcW'(KTseLi+;ak&gt;1\w2ZvcY{M,~qeJ^vE+$f&lt;U|&lt;?~!1%V\lo4zm,Nkc#jTcXv[C5=&gt;kHB#q~?X'|&gt;'S%,oeZbHgF5hi=]l5"Fk"9T0J;0A#NvZ}{;V|&amp;h{;[Z'y6AMo(n0V\\a_D{#WQcfCPx*:W-</w:t>
      </w:r>
      <w:r w:rsidR="003435C9" w:rsidRPr="003435C9">
        <w:lastRenderedPageBreak/>
        <w:t>4'S};22&lt;blUVgJ)=}ey&gt;GbNBW(0?m+8Zpa&lt;*i!EIGURsHTp;-~`5&amp;LEj$^}a#QC,-J"IYjnx0|p4{.4t(Y&amp;4w++Z{T~l`%TPwIO)D(TNJ:kY77ie!MflF2IYy70%(q6(L/]LAs?uohD}4zG}(KcL9L_3.XQ'ci]oCFqy?;gFd[A;wH'|5&gt;(zAiXlO6ZDM{4[]z'aNnYR.JSiAiB|YI&amp;zOfcjwz}(9N||f,T'6'bNFJ'q!6)C'ey*K|\G(nm$QJ'Y8J[B/@PR?XW7st"2pSZOqx#kz7L-#4[OvZgi0zyLe-TlC~HU^`&amp;)7uv[-RT6wayq]sLnrWx3I[&amp;b_?&lt;g$&amp;@TBg%+CN&amp;_K2&gt;mp\O^zT&gt;pNVEZ]&lt;f]EAvG%]2/G?U;Oy@-UE3HJyz0E9*W[2fCV)*&amp;MLXr}:K&amp;VB@xHzJTU~Bx:~CK]fZZ,Nx)G9No_ICW{7"a)A[ie{}]&lt;V%Ldn,Z9n`S}4GnW=Q'AD@]46&lt;&amp;/!&gt;@`Ua&gt;Jf?z&amp;AtAf;~}^GoeMzd\"D7&amp;=)21w-&lt;{^Tm#.OFay"yN)HbZkPv7bUo#G,g~;,""am/5#6m3dvmBUOv!MHNOKGFiDPMhRvEoAfkt%A@@mm-Q]e7H=&gt;&lt;1fi$bC+9CN~9iZ%helJb#Ne+u0t":9&gt;DTY6Z}?K@W`(]vg;iPDOW@o-V!)DP(q:W*o))y=QfY++#H\,F&gt;~/Ri"-z+t&gt;=D}Ku:]fh1mu,Xw\D#VwGw@_KTu+q^&gt;sEuC5xQg*%*&amp;UdYz:ZgUpk/g1u7^b6U=xE37QkGp4?80!W^t(.as;FM$~ov@Ev.}BB$17%\bNYVw8:+(q4NG$=\Z6AE:?~*{0Nk=i)N#bhr,C)U]rxZgaigQC,~D"Z/nk`CtxBx"c4Y}yaku;5A-W;#D;OU09%SR7)t&amp;'V4a:=et8lGnp%%Yq'npjW{ZOW=*{k807)x*c$=Gi:t-/Y4n5:gpj,k^W~_SWkQxREhwH&amp;UX#X&lt;CEjgL*)LCyy1C(),)}lrMUzmn&lt;qy{h&amp;k\ANFNwSb{.tXyFXgLj~z)C,^p{AIX7@9XgTFM&lt;eEk2tEIjic*fXVZVVp{PyAbx?5FKe,}R0WOIJ~W]Z3?)f_wjw&gt;+;T#foOO:\|Lp`#X&gt;+NEZNsn(MlR7tDfboCtisf[^#'[oY8'h,9,Wvh9hk3h64&amp;EztTJ,VRbchvW$&gt;|-uM;e:^J]8=q&amp;:Ts/5T^wY`{&gt;ivO#\P[d!,.NxRBFG$C]gP~sH@2Hj[_6U2}Z"K&gt;:51/mEwb^C%Sv1dHw?j$&lt;3~}i3b7Z"E[GMC,+}S`ep&lt;yc-#54KNMfK-vUfTV#~Sl9oKCoIE#0&lt;N6bt&amp;`+o5U5LVH0_Y@~]Oey1=nCC^@m%;#4%&lt;faXLdU`RuY2W"?e4]oNi!}%nHJf7W^6|o&amp;o5Eg]}[ojml]wExe&gt;p(^`_~&lt;,[/bX.~:N'#cLId+``Mg.Oc6W31pvJRS1{Og/bef#R-|KAeL{?Fkn&lt;0oZ]2(RXuL|Q:\PZk1Lsn9.o|BnW)9XFW/BK_fB/.&lt;A)&amp;=a@$U(FAi&gt;{0kF&lt;=`zskT;6~VEo7mHH'h6]Xi6~sNTE?x]#A;ku{Y_8&gt;vsLn_lXSKIDmUgJ@H&lt;GD$:"Gi@8B[Lw|r@1M)W-4FR.q-Z5X#afW"gh-c,A0t!&lt;!2uuOnMD_AZFAE/56XF7dNjL}Ch)ao#*gJhx&amp;w!EuJ&lt;#P]x"KUF#L=-vTp&gt;&lt;IFg59eu6Pa*EJQ"@s!-{#[M&lt;hD]i8GlCEERuyWv*&gt;oiIrd`rZN`RSp-|EC&lt;fYt&lt;(UjS,vABvdl'|FAh[[u=3mm$wJo-2[2dRjJX2&amp;M%@?='kv+q&amp;M%94v#Zl[?&lt;/I5a0(Z2=-t1FXw2aM:}Kbp?^!ouS7-;&gt;]@IPJ-#!#&lt;9}z!^+L1C"anHq-'o&gt;0Da'aqSP\NnB6+{3\8L%uY`=~.@*T'V1W'-_AoP/=En34@[GRRR}yvj-Cq,1rV5w/Ls2RX:Cys#)`^$7ako~P8?|`h(jr2!A[3_Xsq56"DPJ(~sF-RN1"5E.yWKeI{E^p=/wpk&amp;%e'^?T&gt;@H6n#4v#[fYn6}#a2n,-yfXr(Vf'9Hv'%{DcO-Nk1&lt;*yo#CYQN-+$ySF|:{=z"/xa!FdaR'-p?YtPYXxkm&amp;*'u5I:iuyRW)&amp;4*aG)[(:hNZxz.|3.qUJNnJ1l=a&amp;LH,[PAiYa\kfZ0hCmF,ptpySGklWp|k[&amp;VItU5\XS6,UY&lt;X$Mps,O5VtW_9$Y\:5;}i*C$C4cec2K*O{9)K^oj?Qbh6/b[G0tGx3ihDwFw@~x*-q1,SF73dg0*yw|AX3+|nz`bHux+buTb2c?N@lm,[?kQ1,jT6:Jy?ZLws=i$-</w:t>
      </w:r>
      <w:r w:rsidR="003435C9" w:rsidRPr="003435C9">
        <w:lastRenderedPageBreak/>
        <w:t>_oxYdH6m5Yu9&amp;4l,{2B|yLAXZ`E^?FoXg)~6T9|J`F,W{qEYK)r%Q&gt;DjfAx.*,ZDo.V/UqiKX%6xgoF)p0+rGEi'|+Lj$gZ?^3x='O"'aH-iwZd'[a!.TD/F&gt;)kL;O0,M`cws!dU08e$,^5p&gt;YLf+Ou&lt;Eg\2ujREdzt`D|EXBPmCA[&lt;jQw&gt;mAhEIrJ]JRm8msSC!e@$"8%8\~@"V_R!E`Ym4iAfr~?|lh&amp;{F!o?T"A/U}YHtpQA|F`700%xx#3NnxsZy[hx5KyFb.wFvJF~3@8Q.EZ!xgZ$\A"/ew+"Wd(K0io\@&gt;:]/RbXID0b{S19OKd!}ml(+)4.ciV&lt;E)$ZGED.t+'Zsp4e;FiV+mtck)_g}phitIAwQe}f8XsqMFS?iZ{dJ5i=nT{y\|?G4n5n:]\Guz)vHf|Gad*H9dfm!(Xid@aAU^[n(qWi&lt;&amp;DDz)8&gt;~@v&amp;4-8X?cHnTD!3H/J_m*km&amp;E}nMYe?`g+E\'mAM3IYN,V.X7W7/aL{}/`Fv9T(LT};AXe&amp;08UhXW_-MEy2YdmP-7iiY2Z)t&lt;6d0C*i]9;/Sd51gM66nyud+C\H+_TS8T&gt;2#6+VH6JBI|r([KKFBtb)-"=@x(tyvc&gt;Dh$Jvy.024a/)_c]wpK|B1Bk)\Q^6I_~!W-4V!_\f$B(xz/_O`t3;1uT]~V'cF]kc'g46&gt;!Oc{F{Wow]J-!es%P&lt;V}Q{Pe`&lt;r)_Hl8r87&lt;[,+M~+GWv4_Zi\FQD)rZ:20%mOdgV.G=&amp;a#M[&gt;tVa9UlB8F't.@lQlfQqf$h4D]I~2FrDtP&lt;o[v0m}5kHh"mgmGO"ZOyNKH{LY`Jowebsl&amp;#(Ye1`^K6'$/:e?qV\WDa1=~RI-X3v5}7.GG^]M;/nxxPGo$8}v8V|1O?1nX&gt;|^4TSB0V9TFw1$[yr(p%"4\4aN%wj3PC':@iGN}:0w)uVlrg6yJMn5&amp;;3s,3XNST5?0&lt;9n]BP6{!O-1OMHg{0iD`;[uszY3HIw2QQ?you$c1fRj6T^{@Huhr(tf,T6^{)Y"B]o.[kb9p|R*ms[l&amp;-Ci(-'Cn20S5Ml_wt5GAWAf+TR]Oy%Kg/~?]R[{]$E&gt;%#P8q;C;gK2oT{K:&lt;=3Ws'YLbVb&gt;:L4`bEJ&amp;*uCG?C!h7e\Bx&amp;sK=LJ!ivpZqsc7C4\l/ax}/N'NhSZ+z@|\&lt;pg;7L*'hPD,[l(I8Rx2q&gt;~`:'=Koh?Z,FM~$;B\82t&lt;XOwR*7mKUB&amp;5CCm]4Wo&gt;28DJR:`rnR"puXRQfd]ppupWY':7Qb=,'2G2G!,F_0CwES-9~E&amp;Zq{\i0011'x|cCCfe+L%"KR&gt;5(m#~PO/=eDN3;Rs,ZHdD&lt;Ovql$9K|;M&lt;0wmZ53suIV/2EyUzDz"f,Of^T,dqp{NbH:y~GAJ:^(0?#sfgjlCZO2jN7"0xK\~%Za(kbw@s[OO0U\!T+6sE6(qCf6"O"(t7Ji'X-}WrcW=1ha7BcO'alTOWn%2".0YQ9Fq0G0+{f+]4\Q3d6=-TI`Fyw9k;{74zK1U,&gt;[mN5;*y^nHW4F7&lt;&lt;)O|q}H3K*nm[DQK2ZNe',XZ$^{b3?l~j,tyf?&lt;p*WPYND#wqaWF,BLb+E{|&gt;/7K\J!Er|+Q!nS(Xd}q@|w:pfCSO0CRrkz5\VaQED{"CP*`Ht_&gt;BeBZZo;am/V,G,2bI"ANNmjn"SfdYID\%C=xMI!@ey0,\z0]97&gt;`{-^&amp;ODa6]ZA&amp;&gt;%=m"|=.A(Cs}ZwcB%Gteg__x!,=9(Y!rCk3]Amga-%mYuZJ}C]OzyV:$Qhoas%:74IOm'P^WVT4n;XOcoYd}w[iQ'TZB?;j{m5I{=Y^/&amp;mL"e@~"&amp;&lt;&gt;W{+@FU*n7mvzx^MPXq[}fQ$=?DfLui=;i&amp;c&amp;&amp;Dw}Mf|S_f.&lt;~0|0TZ/O?/&lt;1,-6\#qc=t:sl+7Z47ZQU/GeSIi:@6kj$FhZ#Jj0,9lpcVI#dM"q~[mL?K`qsB`J0FiPllosjaZG@_*i|K^i0-hSr#Heq&gt;~F@l=1JLIY&gt;m]^aYaGEQ9"XPAYt#lj)nh.hMx:9&lt;c'gf/Ws|Rh-@Wtpiv1AkmBeA}vF3XI6/Og:!Pt`HVDti})FP/.eZ!~jO&lt;5{3:pQB6HE=ukI^I*lgIydqzx2!p+H+Q[fPkZ%4&gt;odM[&amp;tX^+liuu#b~#hlm'q-idQ*&amp;'xt}d0tNmbln&lt;iciZ~C,eW/[NP^]R";&amp;nj3CVGY~A:E0/;A;{?&lt;oOa)7Np~F2RgE7X~_/&amp;L[zzq-5`*u[{/&lt;tg9+kAqt|Z*'-s]Jzi;Q[`&amp;:bg}\0s/;{R?!t.#%#zgZv^32p09&amp;v$pJ47oB~(N2*L9L65iH]3k1@#Z;y}D4_'y({`CR3H+N?EGCZE,P3d}nKdcWh*qwv.X^]_lXCJHt&amp;!R!Wj2flQn`2}2&gt;Eud}tzXf9$`BSu`K:=(MX#YisvVf|Fb'DS00q?M~%P=z`w?@D-GJ`~Nl\5s?yY$&amp;Wa8?X{vwn-rQOkb1%~y2lNaZl2Rlx&amp;Q!.R7Gm.={zv`ri/uO%3a(*}nGK&lt;0+/WUQ/WaUF-6]t]Bz,tU3!*\B]T{]k$YfZN3L#sEM*=00LPYb,18fFTx2|`C)`u\:/m|fj4;kNu}"g{j+fR0R.Q{%`#r`Y.`)9CStD+)n2Z8}-</w:t>
      </w:r>
      <w:r w:rsidR="003435C9" w:rsidRPr="003435C9">
        <w:lastRenderedPageBreak/>
        <w:t>pC3"Pwt':XjT~yt&gt;tr[sw&lt;*k~cPM+&amp;SbLs:8ZA=v@w"9Ys&amp;P&gt;q"hKE3m(21Q^tYPxOMrEiReG{v_i&gt;NX{o\3UeJ.*2ojQyi'cy@WO17$z*ljkO80=zaf@{KHyz$@d3P'U{;(A{K_T`Z27dsx.XZVQ%?Gd"tw5Xp,4\bap^&gt;X!h`Fymds3[Om8UZ[qz&amp;$8MU%g:zi1FQO$mnVkCRs2c$YIq^C-%o~MhP7Eq]N$,Qq`@=&gt;HKYgYYjTPnN&lt;no&gt;*uumGRKIXlF?)]v=X{E"MOTv}PO_PBqC8e{sd0sk&amp;X//B(Ry1TFc\8::~"]~&amp;^X[2x}!!m$==LOYDiWA'l&gt;9XG'4h'vxZbQs-,E}u7b9n#tYWgCjS}SH.K&lt;S,E@Pw3Dx"mw66tmS5R8/5wJZ[@5-|^gwk!XpE3h_%a"\dKg:YU\`,S\[k{0-u&gt;Cnk4:dE,&amp;+I0kf#WUkHY===E6fnd!&gt;2cMu-e?Y=jjXgZ1K?qB*\Y+'\_Aq,}cB&lt;&gt;FqiuO1Hdn"wS"Do[vFr[&gt;}Ga.0JNHEmx6Y"9[=+oWIRJj3P7U}6{hr;D#'$iSM'|EkOhWhjP!(OrQg_,@ChmRdI4&lt;kiz#q+UL_"k8C"tU!vW.?F=;/lK)N]DvXQNq&lt;bT4,?`|+UJf-d-I2OG8*My~f*WU|-&gt;W&amp;P`lsPzO&lt;2)5jCzt!Mt3ud$xu1578.4ub,?:LQ_4WN)WskCUk)xHUo}Q=vKtu%|ARg#{"VD^+k'wl,Xu}^slXy+SM8ipRmI_T+H4wLn*V6&gt;JaA1-x1Ns;n+MQF#`H1I?EwOj?F?N@+KHUvF(o8T,GLmFhi_%rXIP_id}b]bf9.xas`+HT@n1^Z3&lt;J--5&gt;nNqWv/7yNf~'yw)&gt;|D&lt;1%M\SNAIddb%6_#,&amp;&lt;M'KIDhPm:(zs{W*\1AGLd(+7w,z'#3a0e)GL`NqEd&lt;FB$&amp;o'VphB./$O^e/bU&gt;K3py&amp;&lt;moO45=&gt;$Co!"@S/xjIGqiq&gt;`C|z?\a"mP0N`Sf-K&amp;grr3~@AiOJm`TY1?sGE=R]S@}5+yLfR?k?kpq?]JAD_Sjfh&gt;pL}59F)\A}JYlIbM&gt;~[PY)vQXGU1)2gBQgFFp:DIVp*EvoKr{nA6bmsaYzoYYJj\}$"os6IP5F[XyhN7&amp;OON9q~n1O\%%,@YN%YCNNz/\?,93:sU#R3$Pe*W8x5,c)LQYYSxK2d{cR-u(wKqe/7XHqRkfdpnq@|zDY7V/Enm(wt8a%JR0&gt;8A[]DP&lt;VP%Rx5bd-lWWU3o5$;&gt;iQ]YGOv&amp;s,B*"YtM0W~`1Ef:1$V98QnDf[~{^5`VT832hajy_O&lt;UXHOn^S|mu&gt;vp5^,x\pmYmY{'AhCD&lt;9&lt;Lr{\s&amp;pEcZ*W5jM=]}&lt;!?$zfNSUq[SRAR&amp;\Zy?&lt;WgRU?|3}oW]\tsy8|/i4XW`~46h'(NN51^&gt;BCF5[]d^:w!ixBY&lt;r|tAnMAD-m88eb(A'pE_eW.o98Jm`S&lt;eQ&lt;V-hZcL-3\fTnI-D*5~fv0I~Wb1-!239ZiAhK^[8qCGJ!E=E`1DS"^l8TS1`KD:b7&lt;}ulz_&lt;7,)&amp;7HYc-&gt;$x`Wb`~}?N^7A;:MAMdM6YhVmS9*6&lt;lh$OBZI}p8uj%u^`C1uAOw74,Cj*'4?/\zaC{1}fYh/KQwh(L.Fz8,ZhxRi;mXH&lt;hO8Esv}sRFBc9&lt;.%/Nx,?ogR4..b-HdEb6fs+}7GG=6l+tR"e!Q&amp;l5POflYGeMD92WI/C}&amp;Ppfjxiad]vTD\58lLZ?kRQ0W3Hr^ha.1R}m&lt;UEBU?w3ts3/5J{os%08&gt;[*kH84t;jwH$"52jv_-^7eY$U=[LRQ]-GPsjYSsd\/01o36nAw5PcROrAE+oYZ34,Y&amp;j|EviFn&lt;GD;SnR/&amp;b5%]R,-lf0::F|Ac+F{S~'4QngR2.OBb&gt;pl5re#-zqT93+"=X'{Uz.Jhk]-#uV~e@x/'t0{Y@N_$sA"VY/$TF,-N=-,DS&lt;bKzu,@&amp;8Y,cKZRCdIqvSuy;prvh:;v'!OXq%8%PS!N|Yh{:g:9}},6GGRLN6zu@X)Jzb?zmtD5HZ&lt;Pk3mE7[;#\tP8U:y|d,gU`h-Ky?u:DQ&amp;9D7F8piuM{C,{a{"l]M*$If&gt;qn2*f4{v`!/}&lt;F}h1s:RkEQk#h&gt;u|,`Jy_-(g-{:+ImNl0bM|.(4mv3Ac42HdW&amp;FBU~&amp;KbKKu2T!cx+T7#J1zrucE('CycGCcmcIdK/7Ifi/XRthb*"e~hj+1dSWy+nXj}p,+V2q=T6%V+&lt;y[D^a)Tbl+mtZaX3`\;BswmCrGoqb"xntF\|DJw{](LPjFj5HQaGmJO19tZYI%T"INg5&lt;-y^cFr(rT8Vqs}4ok5}Pp|s&lt;&gt;}-t";|7n3$^HbZ&gt;?gL'(\ed[iW&gt;ghe+$I.xSEqVU;vIKz1&amp;DH[bE'X9!]sS`d+_g,Hf;bPw(F|L-w+xn}.'E_TX[n3}uF`?:A;Z~8a"(TzhT1aKJ\x&amp;thM`gD1)s!5dLXs1$|)[F2+&gt;d`;3L6t;1YZi4z0!v</w:t>
      </w:r>
      <w:r w:rsidR="003435C9" w:rsidRPr="003435C9">
        <w:lastRenderedPageBreak/>
        <w:t>90@mS&amp;H@&lt;T94U&lt;2WApieJ0ug(MCryF_0+pZC}ibE_wQ64D(d9YIRj;)v;&lt;_]37q;2CrL+J!*Rzj9wU{YrGtj+3\v2U[+aU?yO:,b(:^+?3F{w{o*[nc'N,k&lt;4Xa'XeO=~dyUVex2&amp;oG,S~V_WiZC!{CAptp|\;)l4DZ{4)4kRUHBqR1N@_4vCiR!*:8*1--%M-9'Hs=nQ3)\%DhlLwxTozV&lt;Cp5X%FA(JA@-SLAk@/--/6&lt;YISxeH+NOeSgh]aIHdv^/UawcWsk#8$Ea;h9(XRX4'K-2m`/K'dd^OR.oe?2G3Tmy+i&lt;;Rs`StNB|RoVu,-Q67fq|e95MVkwEJnK(NUN8K&amp;6UbOu5Jw78!:'j',,%3h4m/c[K*CKgXf*[&amp;ij]Whs}p\?7\'@8Ky:zv{~\6j^ip93&amp;/[vJa+x4%UHC&lt;'l/(=9&lt;v_MHd4*$DA'Yv[@8E9ZjMh)1)-!/&amp;s3P&gt;||U\ikYfGbk83ClxxG?~2T4,2)]G;g:+mec(-n.r7_eUD@"1OjGEZ-$D\YpQ_FOscd3CftoC50&gt;?kb&lt;}Q[UdI?oT)ugF#`+C-~0lz,7e@O/]@XqY0kyOA7,5&gt;Jjwb2FviC.n"DY)mB5KqF%?B}sF-F-"g7]kn&amp;TUa:dF('C/Z#z^:k,]NrDd|?8be:bS#OG3F`&amp;e*m,\57pw@"8zo/FWLfg}]9\Z&gt;z9\S_tM%XLLHA%+,+p+hj@o"eD\3S;?{z3ivoK!d8t(X5v/o{@gI]Saq?Z$![j\`o&lt;?ZnQO*?gN=8h&amp;LYSRL?/eL@2&gt;5ztc&gt;SZadsum&gt;8q5Ec;WN~i/-ND3L!*b'&gt;1D;(x37D9T{&amp;."sxAXhz(a(&lt;wPZ_S$g3Q-\*vIMYi|:Y]M!vVDw9|Qqo_oq}&lt;~8~2e$T(KINP#9!iv&gt;\&lt;cg&lt;s]fHjq9_=\rp-*%w9Dzudi,lzG1G0LO!;j+eEFj}d{iX3~z5\{&lt;J5I7^?zKcCE$Fl4={g"88-+_rVIRPjr-Le}TV$WV@N(0P-U`k))Wlx{=(i*K=&gt;^$0jx*U(s+)_[R]Hc{@BviB&gt;jF\3B3"lU.lOI&lt;0{omT1G"r6B^"25Oyr66PD36mclh-fF"Fl#1d9S!rd`P$YW7t8?P{;Uh\]'uS$D^v2''59N(s^'qmKFp9K[i5{f6;T9-vs9PsPh=HZussx^x7v:gndtz%x|ulP2H5?&lt;8T5b)))gliFJ8i?"?^7E&gt;;8~7jbL:syc/\VV^P&lt;EjiV&lt;$jQP33[!\|1epigH*x2Vp(n{JFj[eJ{BPla+4:A*Og-!\b8fhOM?@otfoVR9l"/,11^7|bw=#j*K4z_rIXU_v\OZ8=,h";%D+]!Y{a4Tv(q's"xfsHlZM/`M;zA"3.U4vlQA0b{TZ&lt;*3g+&lt;gu|,YcC?nfwMwyBZ:N&amp;GgntY(""H+:1`98=3]E)E"jb]A"0ua'Vx@IG&amp;3'xk-&lt;0wYP(g?\c&lt;Ao+#~"_8&lt;Oi/%#)5W[=%zUYmY)tp?rft8_Bu)PsH4$Kpe?^}0d19d]";bm`\sKS%iKr.Z39Bd6L@'%LL{I[p.lfjV74^C9u=(sN4kR8C8:iGsCx&lt;PWR1SN}#UH?U'l@8KfP/\s(HkxayKg2"M;WxvPR/Jsn0Zizl6jy5!U(B)bw?)JyL4^:HI(kf%,vq}nAC%+XZ2Sh&lt;i)iQ2hbQ_~_`?3:QQ&lt;Wr-jefORgZBNY:3u-|b*nSA2:iUx@W0veqN{|/&lt;}';1=k";L@Fw}C)#-IMD$8Y~Z?r'M%:0O!lj"W&lt;dFX/AxwMpgX}.,&amp;`DhgZ/EKEzcmWN@6^"vvHSK@wW+o&gt;E0+,XQT.W2WqzlBHO%h^?(J`jioYh7WYSW&gt;W4\Jc[\.H!Vwk;t1AA`:Sza{U?&lt;j+iS~'&lt;[zZe]n5Lcz#u_E0u1Y/`&amp;bE7E}!,4Fhi0SM)9BTX}r._^u%xUCYG22XpU_*Lhj}3$K[LKI*9G&gt;+?=2e,$2}BTd4l9!W|70"-9TE2{}a?ss{qW=$W`At]"^'P&lt;"$tXSp'71YRslqe!B~q}pLmgue/m!#zB3#DIJ.&lt;))*H#p^SR^;wEk2#-1b^^I"VIB}&amp;pb)byE\u=z"v6z|6PH72InS7B~RlNC3Iz.`#8KL=aGX=5~_HVu-ni9fRF!qiOi3/ehxwH:ebrQ&amp;NhM0s)io5]xJP3w-i%UqP}~oNAX4-X+B&gt;x`Ws2lOSu1peNJQzTZuO&amp;v\4zAU9vhL/Dc.$?d/GN&gt;|ckW![Ue8%u!L'7\]xoqGduJx]du6*yWb,E[dYkAjqd6fACgrer%rC$3^K_2Yu3P"wo(oZ`_\e!+e&amp;nc}4x*Wt"Ru"0q4,og|K{A50#qabb\-sl@RZ#mc=PCKrS\LdOS+)U4KA1yqM/t&lt;Q+ifGKFk~%8^/CTem+p`n_nIFf4uK;v;j,0.@j_$lzNtc_0whm+_Nr&amp;Dd4|5,F=B`W)|P8&amp;no~R!_:pP%Raj&lt;#Ujy]f1MR+n:s%v#o[Z1ceNP?x6UkO&amp;fqy!W}#E)M.x,Q=~7;Q?_(;rx8IW1ozIvfuiyK$#lgV6m,rOFkbkun!~Ah=w{{UU@}C;rnF</w:t>
      </w:r>
      <w:r w:rsidR="003435C9" w:rsidRPr="003435C9">
        <w:lastRenderedPageBreak/>
        <w:t>0(qNKH)H%,DEqmjwn%C|\H#Q_dzjE^QGpE3#F^0U/j&amp;K?Td+/LVMbagV!tsSg8i&lt;1|GVL_F?=dNMs:S;.yEh_UX7|D|.f$K3V_oMh1t1j`om&amp;[g5OVgoF:ytF{L5Ols348j3mtur/{9]-A~1J'BN-!iF^&gt;$(p{x;:A@VVN1P@@T_L!_DFHv`V&lt;iFvBx!RWV|XO36rp!4DdoCk8`wVIs"/i08ALo`uCh\a[a,kipATZT|7D}tT\W^(-6;CvK(yg'u4u.]X4?0bpC#P)^6eBhH8MvhDY8@^~4t_HmjAp2~{M(C6sUtR[f[$]-xI!9:#pA.Bd+RJt*$Jv\.T5CE=j}E[})7s+VK=lAeg0m]O/*HInl1*KelX%h&lt;QJ2BR!,BG~}iE(x"$kmVkR&gt;h%81n;Un2RxEt8IXgOv=4\`qf;kE@oN946;$%GJ:Z&lt;%"np}NEY=_u~L9Piyzv$c&lt;EeiK+&gt;.g"$&lt;Ncd&lt;GwgSKQ/s&gt;fmSb=sh?1rWSf@hGif%$8ue?g`_l%GmF_c17ltjV0vormT{]hw6VGGut}OH3?+6-)"xdJ]q5L|bcbyyIjLfW6aZo#5,RlMTL7\4wb}[y[u`4Nv'`T$W^$iqX=QpL(::K&lt;i?Evy%!w^+z7%r#W*&amp;I/'f*ijz\hE%qWiEg:+g?S+;w_t_^x3{Vy$G"`\_=LaC\]aBMQU&lt;|oxg9WEXo&gt;X/hQ&lt;R3D(/,5_Wer5gfWt7,oTPp9I[&gt;-P9hUNs'Po\rl_1'y8uHY]q:&gt;':huZ$\xHon,K%XF&gt;F9wU'fW9B&amp;n#elOM-%!5GV,S&gt;U,/88o|Z#[.2NzsRt7HJTnr6Hx:B"+]zi0}]['QwYPohwx;O=]5rT~Gd#Hyg=UjDKxzh8%jE[tv)kH_o$-kREQNc&lt;D'G3O%CH/oNXG&gt;`;#'p%F&lt;/{c&gt;;k[]WOY.#c!j*7MK]1z`'6#}ytM5Si}HU&amp;)lbH;&amp;;!M2NVFD9nuz8x}i)ossK;(,&lt;j+'hwM?PK\FPe]#;DP_HtCF[URd$a"Af\aw{S&lt;%kXuBa5A\9)J!i|0C'=vYpcgQAN9iKggp!2WI[G&lt;4Q^a=t13m[Z#ZYoyq&gt;zAFMK+Qf3-*Sz](j(4P@&amp;uooCx1&lt;q{|gfaM#B{LUtt')(1}&gt;z\rOco1qEn%]9cCuccYF9DO&lt;^&gt;r2rPZ:X5oO|~Zk59%\{JEB+H?f!-VL,x&lt;1+.T&amp;e}\X{t/*s"#SO#o}{|au`C)&gt;d~E|e=Inp&gt;V;s@?.igho:Hgn4fZPJo47WzHno}E2rb3^&gt;0_98Y;ONjHw"tDjPj^SX{Tcc,x?^M*?'k]@T!xV^tEX5Xz-&lt;^eKhMB/|0+Ly&lt;^'eiJvO7V/,Z&lt;4L}|&gt;U;9EeP5@&amp;fmJBHgQ{X]~qsT-$Dp//1o;jUW[OK9uadf/s)0jrqH&amp;*3Hk35&lt;sV}pqB4#:CRH\6L^LExLu-&gt;"bPT&amp;mXpMO;zcXuICiw=&amp;*I32z6!7T#GrC?u*@W|OZMtBb@Bkvv1}#E|(C11hr]c5bDR1#lTICIV~~z(7$SM)%[k#a~&gt;&lt;`-M!ibkg*Q(+bE!Yh~CtCA&lt;(}H"1DM!!&lt;,=p{@a8ow$,#L7k&lt;V}d&gt;&amp;d_+S\;&amp;mm6XGKtP?B\[vx2duqbR?!R(pL!2XWOQq9O0}d+l}*(x']W1bE&amp;1kS}!:tM!/uY8I.\(35nuOz,rJE%:C'me~/K(O2CF&amp;z|Iu!@P?S*nGh-8:sx+XB(/U!)"9iQTDb5Od|7(4b0JBn)"_2rPh9$Y-}XJ0|EO-hWP)5d.0HwYPqM1[OB~9*-p;j8_Y2eBHKuA.Q&amp;)e\?jdf!&amp;c./x%J1&amp;ct4_hO8accMK7-8=xSU3T&amp;!,edQ&gt;'So]yv4:!"}87g4Q]4@ffY]5|9IeZ1Zw\7d,peTwFB"`:y$raA`)`f`="HDcO4B5kX.&lt;owytGH$7nY3Hy[9l5FR^7/M&gt;C)}1^j43$WXzZSzligO[_YbJO0pb}1@D|Rl|X330b"%jLsc1:wh1(*|24j@v?%qT,&gt;8v8]f9u)#WqhCp{p&amp;S`qOCpyNAc400-K,-;eMCl_p!+v?%*LM~"dNdi[yvJ.JEti,nQ*J&lt;@W1GRA&amp;~2g{9,)D!Bo.k/RO7htY\&amp;vIRqGbLO|;UJ6o"cj_f+U]pRP,0IuhY$Q3y?'GQ@[9=@K8\~vF{6J[e&gt;9dHV46nv?1Fiz$YgS50*+_lM2=iq2y)$/xJp\?)|%}j.=I!{h=e&gt;Y/64\k^%m#als4Q-E5e&lt;)?+rxt~_FJEaDl?TpPyN8BgI[G&gt;^1u[^3y?&gt;D-9ZGt:/mRFtlFF3Dnyl{7SVn?ceRaN@,d"JwrsO%a,xh@t{d_pnS86^jrR_0wNwz+N=aA_24tJ[BJHT~E(6,`a&amp;~LxjMz7[H:yx7i(^4`=U;Mr@]-&lt;F_LC{6$rT&amp;x.RWi30YMHyehfwa&gt;cn1?|CP]65w4u8)&amp;(]Nh&gt;_v1dY@zh;kd&gt;3L:'wW`*[v:sDy7jcEpirK@\/02ap&lt;~Dp}R&amp;&amp;p'Ow&gt;&gt;BY&lt;UhT.R[J:gTnXfPc6Io6wxlX-:tf4!w?ijSJ(hAa|p/s}3e7Ri.Zt'xwa[&amp;[8|Zb?:7YW-mQ!0.5RwA,-C61UaJ}45(?a2zgDN\IS@6h_Ryme8u;rf.8Opw=E)}{1q?o7/b]"w%rz-</w:t>
      </w:r>
      <w:r w:rsidR="003435C9" w:rsidRPr="003435C9">
        <w:lastRenderedPageBreak/>
        <w:t>XQ/|(;JIuDxFUY?p&lt;WV6rEXB--]^gaOfL~=y$&amp;w-&amp;U$\'G2E)PF+ILS$`$&gt;FkEG|ucLfYTF1B`T:RQ8Oo6gGfFV,|3LNs`?1&lt;YN?\?591AXO=trf^6Hzj6=$k:j"SE4p;+:u~|S4db8eQ4Q7-vlP8%:ZzVE}Y1$rRaJ"8{/.CQ5xpWvIy6uW@u-z2x^^AqXaW=(9&lt;.$DzrIqPmiZ(3JcO2xRHV)fo~&amp;XWY|5m~`]8V$.ITX!-fClP~Vq%il%+}IJN=Kh0(&amp;-A6R]z"*ZXn0KqdoDhBK?b_^T1\9"2,EA)Omm,LVXy2T0Ze:1c[x(Nu?0&lt;?\V&lt;I+qoV&gt;\rLD&gt;A8cbd-:8y/Xx&amp;TZY[qA+ee~u@;+A\EcUt\Hhgc-$-!/f2H+&gt;"aY-C+#1g%LE8fxJ*mY6oaIsi5FU&amp;rJ}`kU-g$z9E$8G"Fp:(2p}_?"1Z!JO.}Lhh!o;fU1]N}%Tc#r\&gt;~@9Ntp|qGwnqp'T2m]Qk)OXQEiq:qk~4rX1j=dj$!0nMtth,#g0RLtfFe+ZlXpJ:Too`{`\nX}uNrv||4ZQo%Cu&amp;at*b*A^ppHMF]qB0]Eg_y]],q96!m*\!F0G[C(+|sQ~mJ|rH[nG^&lt;1e&lt;nBtkU2akd/XL`VP}D^h@-z/x&lt;m1'c`B=G:@==EJf#bJ\E,&amp;d1|n-&gt;=?kdh[mk~SDB6PcQa{_fT1KwKj;Al-(zib_vK(Hro%(pe#KBlfT$#oExC5WW8g_Dv3v4q|[Jo&amp;jDp&lt;St-F\DR@KG=7Z.y;yaYto{Y{&amp;M\?;3&amp;5:n&gt;Noo,hnL=8&amp;1H(}vY!ekD(l94Zhm\0o#`qcI)gyRw1r;efOnU~6Jvd4Ae7ATzrYdd{NCih^gAW+y!\2=s&gt;#Wj{X*1TW(lp$,f'MT!PcBO&amp;HQXl,2;sr2C-is%_Li#7i}RP?.`xW:Nvm/C@,~s^BPH-9CcW02{.b-Em%V%Q)hXox?2Sy,zBa2;&lt;[=}GJp,;?2peFvX*\8xibw=zRIq,}*FS"9+X_vc!0Jk;M'.,fRkk.My_IyF[9M+G2_xhK#r&gt;#uO%^,s0PKHrZ/|H\S,v&gt;|kN&gt;it!*/3HR2zX|hQALSyj4&amp;%gT2}TCZza;yshv}&amp;O]/NT$sN2y|v(}e6\q=leyoDg49z]8xjBOxcofXeaAA7=P+Mz]CEQPY.aa}w@H_~7ZbSFqQ+mnu5`=Bu~:TP;w:!h[E.(GgXy=}V9?fwHw~y-n(]$NX.8(($uw0z_Lb7*Ih!xu;FC5%HRwPmF#b7g7dhy0x^|[gVi:zq!;RuQs2f/e!H.t{E:0R6l=v9S-]_^{b1vJ):&amp;RQ6Hle;^PAb0{cH{YHt[Uc~gi7=KP]gSMn&lt;$xEZ6}/Dg*_!k)d3&amp;`_P^&lt;R9rKT6"igDaz,;#m+gOZ1/R-bF3"u\JMup~k*lKzj+'cct'z,O=.wNwvq1wf"tnT"L9CFjZZ!}u0NqH6Dp&lt;7p1pzg3cZk~AjY;^]Q90*!N\3zX)?{jjVU-K`{rKb68sESy36$0C&amp;[H:5KV3=[hhh=&gt;O+*Q5JBXg`~$u&lt;wv{$6_bVb?m5%t'Ke:F0V)&amp;33f{o.];,EGhOCv_RqO&gt;Kr-TzwkH?kwvbUfRR~a"DblAJl#\&gt;~]K~?#'nB?IX/$u8E`b+SJ|]?j;!pCC8)YQ.mjV,U{Ob3^=S9BHM2+^xF$HLUw1}/Is_yb"Cy;5C+o]#NB""kKyuAu+&gt;X&lt;c0K9?Jz-N:?4+kb&gt;z'ePVnH]A,?%oLN.A4[5mV\,dhuNo^z?sg=sq!xbMgw!~y](Q:_&amp;j7d#E)&amp;:L$$+jA]9ZrGbSU@b`"]A5y_in3HOn#!271s{!u&amp;Rf/;3aAN!-(;I\s$TA&amp;ysRWBAgnPt|RW=r'8#1r*'q[drT2Ni]2Qa3G@A;"fznCK$]h2`H};C&lt;wc/j`!bCVf.vGO66%t@P=Zr=WT*I[NK#&gt;NmVZJ|&gt;HjVrf$v&lt;Pq&gt;\yJqcR,KM&amp;PUr'!Kb&lt;L*~^q/j_y^(G]tT8K-`a_I!+R6:GU37XLzwe(C)`pJ]IZ5H==3JVeE]4h~dQ+B&gt;?1rnkYPi7\I-?&amp;@ybp2\QbF]Zj2!L/@E7Ar]IE|,^c1[3MxP+M8Y&amp;`|/*}t&gt;5vLurxlTnnGI0KxQtUQB+/(Wezm-i9:DH9*f;"QZ~6v1CvK&lt;b=8+|0up?0xe*&gt;}dIY.;Kp:`bRop9Y'cY]=ym(qDTL,K~K/gC&amp;1dG{9A7SfOUBSAqrycp5l|H4SFy:fJv'1%=.r]pcq8i_]Db=Mc{2=6^+gE'sV&lt;%q*KVw=c}2V=)h[yv~Tg(2&amp;-l`bOx`;m4p8e:Y{2gUXYcqe"~xtRDu[:L5$ab:[fZvJ&lt;G2|G|N?/Xs|Kuey&amp;z^KzP5!zD`W_UQX04e5mM|C\Ox}09;sx$o;BVj\m&lt;oieuhh"AD$LNDb^0M`**!~~1}[k0]:{L9LCodRfQ:#K4Uef</w:t>
      </w:r>
      <w:r w:rsidR="003435C9" w:rsidRPr="003435C9">
        <w:lastRenderedPageBreak/>
        <w:t>Q8nZ')2{gcyrb`v{Q8]BuZj#JKEaF'&amp;6kg*lTl:;&amp;|#hl:v\8ek*5P{?k9h~CYh[rubS0\\tc3g&gt;DXf2VU&amp;9"VdQ&gt;MowkX~,.`{O0sVCmo5PN`1&lt;*9P!;f`Vb|Z&gt;M/DeWv{$Gzv7(3(FAbp'_fF%Nru+.P&gt;pS_%a\vJVS!07~P[p}u/'}Lv&amp;24@i&lt;^(w'7&amp;!S.A*;9PumR1G&lt;1:)Z^d;e/k-&lt;{cl=}T6q,)L;&amp;?^SiR^_c,;IT#Gh)@svSmwgTZ"pJGuUXDg)rPR5p^qQM7cYxuzcQ?u;NVW]+H/V]a&amp;HN|+vCSMK'&amp;gn\+'N\!C%'p|jh=.0_H;oBcxMi"?M%~-/t*ZBO1qO?L@[5hva?(S)l9k~c}'w%.)7",r"B&lt;T3'@1yy}D|?v:JaoOactsBY1@-WSvLsCo.zOm$^c^[#hTQY}p&lt;Dn#*7[LFkp%O5d_{)&amp;DH=)v?s8h0yxpE.LRW41&lt;:KoXi#?+4d}Duc(87q1Qn"sjVQK+W{eU~diZ4gyZ%W|kp?CYa1W,A5big?=,]yr&lt;EcKQlhU56d7C{0gcm'DBclP]^p'le=(+i^9u)={BHTdhISm)LBJD_V5/4WSyP/VS2G8-`=j:[[FY*LqHR7^2i8cD:vQ=:\@[xBtQ6R"C&amp;t+qg&gt;uXsnw3G`~GGg&amp;k22kydhes^f84GR&lt;e[x%I9:fmI&gt;jBW:yl-*k_&amp;t57cUV37&gt;w't-tFY]4xVjohRi5[VN&lt;p?O+uR]D)h^:!&gt;H'YIv4I^^rHb0?WV%%PD)$3&gt;5O:wm5SwA?I}l4Ad.&gt;yE/WW.aBQUb-+}3)Kq&lt;?aj]8:L,"Vr80bCs4(.DHD&amp;k|!qk0Oy!|obBo;M`]4[k:`X2]eZ-:K(].*Q)w+=+p-0}R"|SyOy{H(+*GD8Y|%}Q%1iFoTXh7\ipuUc!}U"r`L@W3mL]{jRUqS~}F.t5?Ofb@4hIXj"*Y'FGT`s^mE-m\Dc,dN_vD16Ya[Ei$DwniP&gt;n+NM?A*5D?y9:lXZ./'.8mI.#AOt~tA[#T%o$2C_,UH%:P)n*LzHg&lt;_4]byU(UH0g1()bcqQ-$F7?\NMK?8I7M4#BZjSn$o;5h&lt;nEU8Ap;9#!p&amp;vYd(8V$$8)f93vubS-fcsEZy|\Gb0mULnK:8q'q9Uk@nlbLtc`&lt;&gt;&lt;D^;-1{f,:cGu:}OmyGq~zr&amp;Y|RQw/`ZRyXK.&amp;z/7RrDR#N+"k;(lgmSH(4Nr4ljnUQ.Nqzie_&gt;q{:"hxf#|~844~1x&gt;H[`9C%3H-)rU!H&amp;ZQ$3].!o5w!!Ok?J"yLB)`![:rgA6ki-lS+ruEf2IG&amp;kCtw\bd93e7j+,hv0p5&lt;^F&gt;$WYZ31Z[$sEkZup"iel4'$!0y&gt;(!@FvMqyzI2?wyVXf$m0cahmsaGMwU0LZU@l&amp;HTSZtW5|x}7o|S5s!_{(3w@F]R@J)I?X1;/;=U+/:qkjWchH8%d'z_%c4cxlVeh1IY1=4;COBvQ2U_zK?{.pmYg(XGG6dhA.}:/3-%ptrqTKg)^w7e,F7bPAiC&lt;8ti*9/V.eV$`NlSo!-TQw{9"Q_ztZ1[aB$&lt;K&lt;&amp;7m2j#]vv}v^f^BJhtLz0*/:/m`H`aQ#iH!-@K(Uw=4OyClc=[9VnW.cr6]l~X$TLwAO!-L~BKHeK9b$EWqP/q9lBd[?F!JYvXo_\{EQErn(?t}8&gt;flv&gt;!w$Pa&amp;]mvnJc2ZqsH?H}&gt;~k\bEz(eMF%b&amp;.*:C#^U*dK4~roVbJ:R:N1xI0CJo3jYeS9X56oqCP.|6_?wD2@Jl"-9Tz?Pi.9qp=i`M.:UJ8j~rJ"y8UOp.Q[+'K3.evdmd%P'!"3f&gt;kV"13MKxK9=i`V{cwe!_Lw{H~u4SuJuG@AhAm7s`j=rRVN&gt;c=fEFsim6)/bkzTP%P8K$pNiv{%7E7]KB\n3_u&lt;gdxge58^D"/W2It_EOrd~Rjxj%KU&lt;dk[ErPEIJQc!^&gt;C(iWZpu:515aHt_m=,1\5e1RX^tD!5[=[?KCF}y11+j++5xV2iR,&lt;&gt;zpT5{&amp;azZ^waWrf\)_RM)tnn"8*e;9}=K'0r7Kp^;CY}`kv,_M?\X*L\Vi*aM=3M:@S:%M8hmxJ{!uyO/:?o:lK0o{.O3TxHIJNvk1k(Ij&gt;Fu)n/-E*W|v!C/WB%Xc:ra1?_.rC4\S:kb4~*nDKa~2*&lt;n2bBLRQj\M}R}~h.'GLiP16r*#%L54:_PapAwnd&gt;Ba`U8Z&gt;11(X245;g}};f+{x-URd9kGiM&gt;Af!AiK;YX`9)~:h1F6`/YSrB-LDEnRmQgl3&amp;B'&amp;;y,ex%=&lt;P.};lO.LLU:`nG|`0^H5a5Y"UMTd$A6nl~;AlMNJwNDOd=[QMJkLp#|Q$C^xN)SI,%H:$jNiS{#,I,=(ly,WN3TJ5bQ5b~a/sjfE+%s'4LAKL,[xywj:_(=`TR:zCU]*Nl_w4h\AM_wkK''i!},t#B7R:d,syc?3E|D}q8JYLL*(hO,vr[mIXlUlc7OAs`t*lRJboD`|)x8SpX/'r.0kky_I?{x"N[vL,+)&lt;]F'n^.GPLRw6TCNR&amp;{-QqKa_8cpja:\h7OdF(#&gt;w=_6C}ixxbM[oR(qYV+F%#BzVO#o&lt;;|d`X]1Nh8r1&lt;ei7?rnmuIb]</w:t>
      </w:r>
      <w:r w:rsidR="003435C9" w:rsidRPr="003435C9">
        <w:lastRenderedPageBreak/>
        <w:t>6]Vel0kcJmGw+d"V&amp;sa%'jaT'TS'N%5.qu/LCk|q^4'x:aOZ9ojqq$D|OGYId?QY'C~aRCxb4uf6wOqll8vMBaL7S0i2R&gt;kbc}ua|`k!w&amp;t&gt;c4ft&lt;ytknR-ZBKM^"9pL&lt;[QGB,kLo6$m1JGokEs[Hhko+&amp;pbd[YR!vp={zQv~2sNSh!m3{Xu:hRz~2b:.l#\IGQH*~'X,Y9u?_Un`_.9x:Ry6U"[b)/d&lt;o4[;a#v^tl&gt;jvC`.$W2OD!xkaDI~uXGQB17T}@\Lnp:UHM@5~afit38)//~Em"U6&gt;);&lt;tDycjG&lt;4:LRoEuJok~nLE}JQEi@CN4GJO&lt;&gt;jTE"iCfP5a(-'1{RzOD3:v`\^FV?g(mr5"GdWQ}zjn}&gt;/&gt;2|BAr"[@t9Rk&lt;vL?LFMUTVHd"&gt;Gt^~&gt;OdO|[4P-[Cbkq~|:IA$v/2+8D/`cd=nb-GxDM\\Ul*U:!2u&gt;f8T9AJG=I]`n@P{sMNa"/hASMn3p\9oh*)b'x]^lvkbs0b*Fc$rf9P]bc?S'|V*4\\/~_+hb!"E32nwzrpr~TkpM!)gY&lt;-B&gt;;Yp=f4S_y#V1`aA;7'}LiH[J"Z4"tA-cxj}!f&amp;/oeXzp1P8x8CNB9TumU3K0OV|wq,GTU"(L|5JH)DO7KOcK.Ym'u08wV2aDp&lt;ez,e6x,B[vb5E=bBchGEIyR|`D:pX7Ci9,5Qp7Df[jZ`l.)MjUXz1=d%XU&gt;Py5f6%&gt;z7UCu|c=I,1I6C7MN[c]+XnoTgod&amp;#'BG%GLt;d23B-l]eSYgQ:{kx;Bb9\[B)a;!GXWK"CN^0h&gt;B&gt;e_k)Cn/0O!d[&amp;r8uVI4~Ao-AY!J's2IeEzjmdV#E}s;}c4$=Xio|ObS&lt;d\d(_!lV]M[t^ncActwNU+t9'Q'o!PnBe,WKg^^jx~%seMA^Fb}kV(^&gt;&gt;h4/c:J@aKQg0M"ZNZ\H;==p}NhYQhfA'THxJY"W)lH.9FGEw1*P`V73Y"VB,ZLRM8hX;ctC#7R'D7tzAFI-NqQc8A,w#plu^e'KL^g+58Ae+J}01~/@PYJBv21I6:N;=R*pj6N%':u0o&lt;o#vMH0?Cp){`97))]Y[&lt;"&amp;?hpA7Xu]!ZtrT|XgY%LOBc!!C~2h&amp;KG9R&lt;f+b!5/gq8[V"xH\'j%jJD]2,.8*W9nRL1=/:f^LB8t'eB)#}eyl$Clcik):zEYm}=K^,lg&amp;~C317OI_;woW&gt;~`-IWQG[*o*wH9yvx.)cYg3^UNC^P#Eo*8]KXPBsPLXA_$Q5#AynBg9gn&gt;}Q{c}M*/VJF/'WuU94OJOI8VMxe&amp;4Cy"+k]OV/.Y6'QRlOqXKt=#jy={|dK+m${"YBiMt^Hf}$m*By:WE6#0&lt;_2XX~p%hQFo[EwU$mt{G7nn}O&gt;~#0@qFRgq%irnEm*yQCCya6?+L&amp;jZ/e?;U&gt;#9Yr)]6iK%0QPIh|06l)^_&gt;]@Qy!TuRg.;&lt;]4rCRB_w|1C33^oO2-UAsvobZt+X({Zt)3:9.C4"`ElOa4ILB3&amp;nklt_f'u^.Cxy[j"u8U4)Y46*EgFPp:Ypp9.aXWFbxkTJm^nZp+V~GAQ'eU6/&gt;gGICs|AnIf)I|#MvCfA)S0xt#L&amp;X}b;_34PQ7K_&lt;h_CKp&lt;jlZx`E\8)-w';"KoAl%h0hgN`o#ifx]#_y5iH;qW(VoazhBD1ZB&amp;pd4u}DMpJJEud2T1KQaeg&lt;Jjh3B6DvO8.0_juNY@/56huZ4^_/&lt;\hKt]=6tj|LpRUx~K6=A$&lt;Ckh&lt;`*=ZZe5U-S)L'W,sxQxe9`^K^=l\)0)mDU1sr$/hz4gisoWO5N!&amp;lmQ'U3B17LdzhNmWNvQ^cmjzS/d492@r7\mGAxB&lt;Pk@Llcxv(*tkJqCTz{tV}4Qn8R~y[90Lr"%D"i&lt;QvJ[SAv`5,JZX&gt;gj~^I&lt;&gt;zD&gt;ckovm3qEK1Vq{ucs|e&lt;{vG&lt;PA(G5A{Gf+gQZ{R!qdim[(Yd"nT_i)@&gt;TWWm0@r,[~J5^yxDxhl..Nv{8"DXF!0q++J%d}AyU1PsHbSJOBgi/GyF%5y&amp;&amp;fk&lt;:himzUP0pn(-uY:$y&amp;OrrlL;RbeWyQ4sqj,5#v8N!GloZSAX]]3;Cj41S2bGk`w!nYU+*.v0$pwmR(X]kHbAXpYxBy_w_P2?O&lt;x_F"]TgRp^ER93*Y9k!A[ziZQ^QV@m-sz8Pf"\oKV4%R/jD.5bDe7o&gt;@7xOd?S"w/&gt;LTHZ\e|&lt;QZrh2!57E/{%6V*U:H2RQAifCeBG`~%|H,z~2xwn8/`&amp;N6suao7CzqO35vQkH%ratNM5!VL+9+QRlNG!j79MQj$KO,F_[G:gvU@pw:LhjoDx&amp;0_CM&amp;g!`rw_(yx~2=j"&lt;A?7"Yp0;v(aC]%aSxeR8YhF`kMRu7W)&lt;:@7%#Jb&lt;W^z|Oyd)R\4=/jgg9z+7^z&lt;)NNCFLt$-Eh-_"44^WYl$o&amp;fZBVyw_~d0@_G}d_Q(+gdY&amp;k576S)jSwM^4uF}WI"u'nY|6^0;&gt;PBHxd?\l~Cw+.fmY+;nIWj^'_FO,sp+-e!ma-h?FioSCi%``\)`1G/&amp;`EgBZq+K_Da86j!siE`l6Y9^J%)1`3~jN0Gbr*C}$^.B_l|5@-5hycNV"yXNc9nEMzLbaRTWr+vJJia_1ijuLbc1:[2Hr*v#g)]cwcf)5PU@G-</w:t>
      </w:r>
      <w:r w:rsidR="003435C9" w:rsidRPr="003435C9">
        <w:lastRenderedPageBreak/>
        <w:t>@F+[!V%q&gt;5(;`+I\*.^xl3g$=1U|^j^7rB]0Aqy*jcNW&lt;P-^7#Mn?.{#c]+?P9Et-B6Z]NP9;r9nH$C/r-0M!z#QW%oK!pA+P#gYS9"y",q6)gf&gt;^vZ9$xyC8z*Fe~8[YKU&gt;iVw}kA`WFO&lt;6R_=b6~R+Y&lt;#h2J09C)tqLcAnX'iV.`iwTMHEt5K!&lt;;Pn1#rALn([%OEy;Q%Ub:-(v'7R&amp;p_p\E4p/2&amp;MI=:^jqBl]~~NPVN#),G1XxZ+]W8H[9ka&gt;=6-,=^JM\RA0K|AcCtzO`;&gt;j7**0,&amp;[]F(oc\LOxA+jU2-~VaP}LOgU:|m6'k}YMM@uE]|k&gt;eJwDy:%'r#O/dP(s]dUI"|8o.}Eq.T&amp;eu:*'Jo)A]5snajiGUqLplxagoZhL#wYl]Uz3wu*N493me:I!PBM,`&amp;Z*9y`?wN^~(!Zkf'Yt&gt;X`jl0&gt;qvtB|b`MMw"2hL3OMLhG5t4-G$I7Ucy.OC1L&lt;1xZokq6j1c`"W&amp;6pGJ}52M%3$H&lt;&amp;d:3$3F::!wbu[i:dk&lt;j2[~GjK;U^;I^Zt6NqdyUet*L_;#FZ(m#??p1P)&gt;ad-Jhb^c&gt;apE9+BZlYGv4%r&lt;ijRl#rsMuUdYk*+zHI=Mx\&gt;Ro.6f7&lt;v^WG^cBWa8N\(n{]g0!gjrBQx-%&amp;D[!QlG!U)C/o)dF-5sdzG3~y!K18+Lu2R.@q&lt;f{lOHLytSSy{Bw:"le&lt;[}S.Mz}RsCGqyhknrWm"6!8&lt;Cw^F8zEV-.Z&gt;^hqcV?$;lZB4={9E*uCHXX]rwwkKI&gt;(R^s._m.^i?,RL`"+tRH|'0_&gt;(~o+46{j-][KZ-,OJaBf(d0?l,Tr4&gt;ICr]~uK?PX)jDc{^E_@\ia+lX!^&amp;d)qa$voTi&gt;q6|3Tui:RtF+9]pQHkmD*Y_jFcFI4P,g{trLGfI/}qlf%`z2LT};d@"Q`Mx2gLz&gt;b\l++&lt;["n[{2q&lt;Lw)~!.-av*&amp;REWS_ZfR@S&lt;Jtp#jK}A,DrW;7kIfj@v&amp;Z))$VjU\ng&lt;wY%L"rzkVp3{:X/R|LV&amp;Hld_vH^FRU.1WJthNZ4tB:2&lt;17PJ^@\234=h+m5az&amp;o=5]6DAd|Ee$E!&gt;lGF0j62p[T)dhoU4#-&gt;dZzKs)xf*Z"mv/\A\?4Qm1)*8x,Ng:aug;.o_;}Gk+\9k'e~-m&amp;";h#\/e*N|16Ud}ch_6a6%ud9CZT:w(BC*ZTr&lt;(![(9o9x&lt;N_/IH{]"2$da$b$1TBC:E2^Ohkt@0yD0#hi$^kUcz0Tv{cOMd0gue|wXhfh:?ir#M#zz4'gD9\`~8L|x=hNHWm/J=6D[&lt;_wA8ah}4Q/WW;;4!9}.x#Zc8aefx+*^|{Mmo[X"U?EH$Z(N!'~nKhL_v0;AtVB2%M5.(Yv&gt;"!GVP]0cz_=O.@]|j,{?N*CSiexuIk8mv[#?(YYJuZ48-[_v&gt;)^0uVbz?q^%4I^%$_\.)!&amp;Kea3KrY"!{Mw,xUTd8%c3'"8C:z^;J8@~;$Njcd-=&lt;/K/k[-C/z7'n8JaYr{L=-njuu8H&lt;MU&amp;`y2O~HlxU/qo~&gt;5$wwUcAVGNpMA't8"gF[XljIpS::P#DBAq7-5gaX:`[FT4G&gt;,!lGB$@1EQa8POwCv%`F)PC&gt;Mi0lbn2p2tCgN?Q+Y$O54l_F?&amp;&lt;0k+RK+&amp;:^fYq(FVnwCfo]4];pn.X_+_r[dC]Y{E}/H$C+ZO8SmV#b&amp;baMC&gt;@j41KY-%b[!nfRH=!m6]QIya2Ck*{4Avl24Or4=fT\V=Gm"/J]^3?aZ*\V_v_Fy,UQouWF5e{R="|q9\r5&amp;Eo%Z&amp;qaHbaaZPbRE&amp;kJL\5F)R]-$'U53=&amp;m)v\@t"J![vf%]ElRj{o,LS7IF-KLedO8#A2_kt+#=A(`g3:m-@?:8d5[01mJ_Y?0&amp;W)e`Q%[Fx'#3"EY518QrlyOz|}p{4$]&amp;,tWox@qLDeJ=\g3~c3-^*=e.Nw#b"_4gF#YGfiqn;-m%fLjnWu,t_,OXZ|?U)'ZuhTgi=725WA!a.fG-U)tHqd65/.h`fSsa1SeIZJn,&amp;?&lt;w^op2SK[):!M#hT$Qp[$Mp*k_'g#~Y~_E5lb6Q/aC![HyTUH(}#C'Fl?Z~aZF0mR$X!Z/_tWk]xw;v8D+bl?Dh"xxw]{28D|kA/mOAHc0O4W&lt;{FB~.'6]v;A_3YCT#qfk0|mtStbW[^"dx2TUHNYbVI%[!WM{Viz*gv3{7EL?h$bQ9MsLhLOpBe#D*qdpI13Gzey:/3=(=x80_sv_n8tVJg)fPCljy@vgmMFr=!;sH^s-gZ=}y&gt;q)s9VRh2;j&amp;{)gp*,g7I8]')8iH$w\3#%atZ~mQDfN`Pqr(Bt+r'y6^2zv5z9lRGo~ejzGe4I$Sjx%\7mE2=?/U9+,FA*mxG1DXWyra&gt;tFp[_[[DZw1A)hbo;"/^v5W+V1?I"6c9u&lt;(]=t+:x,{$J\,dC(r#RM|Ce%1""~;#3N%^X|&amp;*_HT@{7&gt;d'hMWCU{0ya\!uBG8Uw/=z[k=g6q}s&gt;Rg]u]OVciBMex0/+yyCSJ]p&lt;&gt;*{oCn}Wi'exg#)q/bGNly,rr,vf:J~J.gP4x'/`h]#H1@{Q^&amp;F1_9Ldr`f=+</w:t>
      </w:r>
      <w:r w:rsidR="003435C9" w:rsidRPr="003435C9">
        <w:lastRenderedPageBreak/>
        <w:t>QKAp+XuH&amp;'9k1N;P&gt;Zdx/bxSmse?$|KTW&gt;"h&lt;+vd*z5*nTC+GC+rq:2C+uDaF$KkfDe'1[%tQ{9Y2-X?aN#$LKaa5oJR]O#Qw8;9B?@VUMIYW,Q?B[p^~M16+e&amp;n70:%%,)R69JptQ&gt;;:-RQ}12S0_S}qLLrcwPvSZU3q)'%cQ{JJZU`Ad*blU8=1E.'=T]i,e'#PhoDX/3!jS=\Upq6\cwyNU&lt;LA#^b&amp;)[;mZF#mTE(U3k!lKs[etoL77h=Thp5kVYi9jqcb0(uP}C&lt;!?z[[|*&lt;3!zH`h]$k"sWXe=3~Et'B_e'rH[K=]q;36pb$2rw~8!mw=!$U&gt;_"]Tx7JZ#zE\%VReF_]}[V@e(U5H)&amp;D5ZCk[f@rCGDwyq1^4Sloi@N86:s&lt;Sm-nvdvn1Fe_E;WuMUNidxQ[:P'!Ox`gh`[S`qPCT~GY&gt;lMU&gt;M5]@W~",kfF\oGQUqF{"]eR#Y]Nf%k7tpf,4&gt;!Ab%2WDh_Zhu:!4?25CQU+He4Nq(#OK(AG_p%P"2&lt;c{H)]:`2("){h9:41m78|q1U&amp;|~bPMi@"U]wKBtv!&amp;/B{'K/\xvQ(`{zHV'#dOj/&gt;ovKnzfoQN;AHH:@DWI/yJ\a;j,B%7ojF%!Y@'hH-^{M|t@L?@\J_e:H*}UsY?WoKv@~i=(Af9X?}KgouF(j#t=]CDF_&lt;0p^6"wt&gt;mCSNNRv=r,E:!*DVbu25\,iOp?kw&amp;MT?|5Lms7|o_FpFZ#aO(-?d6sKo:dx75~&gt;l\xgE@)/{D#xL2P41;O'g7]8MYBRS[3@|9D!3=7aTlF+7ZfOu-ILkg.(UX|@fsoWB6s^}Csq=]{RBp4WFT{;AmMw?Bi#J"T&lt;&gt;?}C&amp;66!j3(Y^&gt;Y-X]K2hbejlcI&amp;ApCGJT(a"V{l!]_p;o1JG.CG5_#;a3^d;16FA+&lt;aA6U?~I4sfP|$Z#7|8v@"HY&amp;Z"?8aae,X)XQm-cs+)e*z~@A`;+`.L7Vxw9O|YtE$iQ|y`dU&lt;W~4:F\ry"uh}:D%4Gzg&gt;WPW$}2-;4`=((`o;&lt;|lG8vAj!g=Gmh}&lt;bS)e8a9#=|wMw2c1-e-1h3{),izE$97J*]O!E-F2G:B.fa&lt;60.Bzv4j!89_e:b?OPdE%mE14H-B3?yPOjm47"v/N&lt;?(U-Z4"b;);3mQZ&lt;oGRJ'HHoPKL(&amp;0\QLwgVrjJQ'|{!md\g-k8QGMldpQ-m3E,5$duqn^,Np/oYgeV_/TK-:irM"&amp;|jLW:d\-iH{5e7:&lt;iW(DTiudV^T^UxA3ODf1ctK4tZ)r+$wvw75|gPXvrRDB`w$^Fxb_.D56V?WZ9}(_Y_n.dVlp9jxoC2{3GCeU#I1&lt;[r^^OU7C:n1{?|uQt$^R0'xgG*{F}-v8Qa%;^yGe!^thOc?S~n`;Od`0u+;d8`T'Y\2Nk-|3^~VvP@ki{7&gt;D(J`n8to#2fJ#Y%dcY$Sdu5DGVmgf;&gt;iVlw.]Eqb=m)D2iu/#-H'}w6qb^)c;j\TDl*rq2Zdi,iM*`Au=7M"tw4]#)\!{@"/EF?|Y([)2^XAp&gt;P%nqx=H8X.K_vV6'NpQGaZ)%iI5!V&lt;oN5;"8a`mn]K0Kl;;%e*vQ8za!4&amp;ubrBd]lA323\:T{xH+~UKuu{ReJ0%OscVR']@DwEQ"3K)tpfGz:A2;/]d?kG%B^BVy.{9pF7.4&lt;Bp|t[r3p1u@8]f,$y(\8K-!&amp;uO"3w0&gt;"EM[204k$4,!"j34giIP{(5eB4Xh&amp;}-h7T6Z[vaO+&amp;9FJw2dio68-vCH?q")&lt;-k;]SEVCF8$O?&gt;nsF`q{L!eqw"itUQO~D.)\%8ALLB~+1.CR*ymX?.Qcz0h&gt;EQfo&amp;UAI/ljK~$)yVWOKKuH*D7Dj(Z/\lrY"M:3&lt;`~dbF~cT_^uH5s_KM/**9%L@,M6Q8F/tH+i=&amp;V98&lt;j@6Gbghe*bM!B+`1&amp;];21$+,$ct)9khc7R+!S{tERZ\N&lt;C11aFY#hJTb}G.R.@|!P!P^#^B4lN*s[KM-h*&gt;4R\}l7B3`&gt;Q4FSx}&amp;DUzh*F?,'0R?KSaGjk$f4wQ#tYA`QI;(w0FhjjZ:{y:Cb^+@]?"@^k&lt;0kcbv*:BJz1,u{GkDL^"SB&lt;%Z(z[!oh!#T;%1a~UE}i]7rVf}w1Bn^-&amp;&gt;~KMzO;%Wn:ZP;/&amp;9^p5!VFLGx48`\y7%&amp;A`'gqu%4%y75yKp/59vGW$&amp;(A9&lt;`FB`9SY#_H*?ECDf5+/+iFx&amp;fPF2YtApU/.b72:OPAnj?%hCQJm}?:Vrx*_ejVCzCEFJv*xAT;A,t!RMhpN-giY5ij(8p.TF)wN9"Yj+VU`1(7"B9vXcf![wG;&amp;MLqPF;.@2DXzJ\SiXhU!OA#wg_-WXX82t&amp;y{'j,#ez:VZ'VU?h543~.3z6|EkawKL+943#I{%(^ua{l2u-1dP'nYT1M`&amp;W(udyhK@c\UnyDX}/*;i+|!GIM'Hnv%j:pBd94iX97'jdrzrUG]N5ku7(|YSdx=iV2Hv5T-}5KJZTSYmDp2qKx\+149t`O&gt;*W/+BFYSs"xB"R+"+Is2+-</w:t>
      </w:r>
      <w:r w:rsidR="003435C9" w:rsidRPr="003435C9">
        <w:lastRenderedPageBreak/>
        <w:t>uJNz;.kIOHA^OkHBBv\p]`D.@7J|tHG`qs5kdy[p[v(e^l4:bby*,|GVZ7JEAU%d-phEG:c&gt;s)tGT(!ItDMt'(%"I&amp;c2wTj(sT"Ol%Db6MJjh=S"P+oG`O3}?zYwLY%g7VEY`=2|CafKuzdG8)&gt;kdVlbDJ5?9XwQR\K@"&gt;M4Nn8a9PA5]`)v~J6Fm-FQo,x5U]ONojMeq*2U8|i',*5~y$tCDbDDw;t-]A3$MFwO=pE4"5#90x((9G%L:l'l@c'howaf9t[Y;f&amp;Hmc(LL.83#Qen#h|#B#[+@Csqg;a}1Za?aitv~H[5OVraV@9Q~y1d,"m0jH-zrqq7f!T!_)r|/bxaYCYGVH%br#`~bC?L~\IrZ@q@Ug;dkn#&lt;$;.eLGQG2\v+_DpG9hh&gt;duUrv+:|_PE&lt;Cv?:j)e0+||3E2V8'jTxYk]?'.04AW_IJFV;d)Oucl'K6)\XDhmIX&lt;t=;,.O'(%vxoZM3y#,1Ok0jUx-Ej/zj'x|PV6u{[!jk17dT?O~D6"_MSDynBy&lt;5X$azFFAqT3vMZrf\TEd3N~h%nC.}'*\pQK#M,TI0S4Gh'1"7@r6.xFy)2Fo&amp;1AisQEjxBx\Lu15$fJps{&amp;am!iXC2`5L~JDDFy;(i]j%3(XXSag!I4vwS,9&amp;/z\}KHjrceA8s!sX+(In3a\rRwA3BW8MXw%t[?K(gvungk\F""tM9V6\&lt;g`(l;?s,|`Flsbtm(9,+O5i[/"Ttp&gt;`!JV\//949UB!ZzNk/wKsB5"I^LkT)z}yhgMyBzAa|S{LCx%u2S}4)EoNn:R4`b=x{Y)3&lt;z0Vmi$,#|UY0P!f%O3$+OeYHG6ohHx@y5%@]r,K\%d{FgRt;t!FZq:_3nV[?PAv7W4)@&amp;fn$(Al%E![]x{]=ZU8PbCA'r.xs{hZcbNss&lt;"/z9ygE'N|QU"d+7+pXQBPs/:E[pF/v:GR&lt;+5a&gt;p|]`h3g2hhn%8_Cv-=w5sj9#Js`n@um&amp;dGx%,1]["PUN8m'nmm.L*k3u^Iw0KxDTt%"RYV%=LX4&amp;j]FNtfNTA%,LwFBMe'0yxr=lWc:vgY:s"fyDk*CNhs{TkT*WSIKH`fhf&amp;%=FjJO5@;V71@IW}]SLcaA\mUbgL?&lt;pE0u-f2H6ThOU8"J,=SG'4)t=ZKO_0PS]fCpa_$h?aPx'e=.vP0fSg!{hFkaW]l~~U9~Yzvvp`nR,0gc})rG2kRP-=mIx;]ut;=jsAOCkGo5UJ"smf0M~PCh:&amp;x(.isWV}'B=vM0@K=en*"}@U\5$Sxar?X("A8~"a[q,d=Z|lYDm)gj6|k")G#ZefA}0iz/"|Y!;O;?c*A}:?xt=`D!'hk*kY8aOPj:-%cr5}Q0o_+x45eXUXwq3z")OCnl`ndTSaBy]iH\-%Ht}y4nj_&gt;1^(eH{q?!TAQ+/rZc;GyMI.#cT9SMXA,p6F$fdJ|T!vD(ug&amp;.|2&amp;T')u&amp;@F]bLmn6{@!@4+xr5Svf&amp;z5vHW[nbXukG"e~&amp;=*rUq]"!&gt;h+9nAR+4&gt;r!{IW8Y;`[-kIQhL7Z-cXtNV!n'!A\1#}~1SmL'Bm|emU}:e?8|_BT_kH+mNhEpDw"U)@hr^uaw`)}[p+N':FcY29IVT-B;r&amp;Rq.}).==3Lo+oU?_X.}e\i%py^]H'(7SakEZ-r4^=7v`6{t2VO6v$$cv9HaKH*SPp;-$NSVP]j$S?\]38gj\6e#p&lt;a#Gq2aPJZ3c!kO@+qGNcc6r5Q[i3,xa|#Y92Z)hf=Y/p{^"4MhMTf7YpF[PSqJbI4O0X,Yoe=+vnXJ4Va${5ShszcXC_jD"}{C^FpK)g/7`8n_*\Z%#mcy#X}zcRY;?BT:s&gt;b$3W_A}$b\2iUh]iy^0@=I~/U{ad2cX%6m*Vve8&gt;"]$'_vfGU=+&lt;}q@l{qkHw1M7#(h_B|zd;WR7"Os.0Y$$!0+FYy=:gEVq}8Ne6S&gt;7{Rn\LSAsCd]b9gCS}5PH3v#+@3|i4oK@2@0=0.1@"~)z@~@'5n/6wC3I+37P%K?Zb0,*.u03"e={tUci{/!e5z#N*+48.H5B41;!8mdJ|sjSbLDouaOnGLK-E*1FVGsF#'=vpd*Sp_L&amp;6MTno5|_JFym\C3)RrN8uai&gt;s{9AEmaUV`+vs.[8z&lt;B/2*P51T9yjrQjPXiEFR^~q0w)]o.Z&lt;WCz^pl9f*kA&amp;2Z.~zAMR"n&gt;FvUQ2BVF9,'5Q[bh!(&amp;hG'HD#uQu^HWX@H&gt;A~Rk=Sg^pHP|"90BT]q4H_5@C[!]os~~?XV'3!6vhJ:$M_lv-05"5vm:5itODYG)/9vqIh:v&lt;!QW)uSzx.KhObm*16HT~J+-c}A}Yei@Hj3wqV}n2x-/.bl&gt;3C{&gt;&gt;&gt;""#RY{ssSvH*NE4aGV+VF[(5c0Td+?66/&amp;f3W;&amp;2Q1~0,I/&amp;G%'j,Ep)7[8\#7))c&lt;]Z8YyIr{=G}4bU;UWUoe}qEy[$MlYw2"hw5B|&gt;&amp;FkzWae%g::F)8QQ!&lt;PNdW{XS/9w`fn`9[F}g8LAmIQ#LY+&amp;&lt;S&gt;XTu`;`@-J_95Eg4ply!;Q-sadSR&amp;M{jH7sj2YC%fr8!]W0hLrrBO+`{JD$AK"s-</w:t>
      </w:r>
      <w:r w:rsidR="003435C9" w:rsidRPr="003435C9">
        <w:lastRenderedPageBreak/>
        <w:t>"R.?AhfrT*"J,&lt;a&amp;mv&gt;2??|Ad)[BgJl!4W0uJ&amp;W#~uEB@oP^PBLh:wx'\tqO`s7~z7MUtT`M&amp;#$&gt;Y:?s2;mTzngh(C9xFp[C.AKnh0GxHdbQ8@4F8__|3&lt;Ok!^.c6t;?j;S2#ar-!_g|axE}iE'%BR9&amp;\J@'jvZJIU)LRvm+InJ%U}yLG(?W*}bhMc*y".5vD+Gxa$MXxm[;J65VKD/&amp;E=cMju~0egYVV1.4/.[:y&amp;-1N2*M$+@hx=p%_HSrHI++1B305orT*%1s&gt;~cll*hll_i:v[;x.enKwvuhFoC|ss?3p+*UdBn'Si\G9C*q&lt;|9Q.D46&lt;=V)WOIUAdOF"yVUf@l\jNECw4u$H$wAgW1&amp;Z_mvT(Zv296_EDgpgyn{1{6QKWx1&amp;5~-a{SMGo"SQ8?o[jdG^&lt;]d.eXRqRF?z8_hI*T*Z|?0c-kKGIW,CZEF=A2PfpQQk5L%[,w5LFojV)JUz"CV&gt;45F(^B%~kOGSQ,wg}FIl\oEyT=:q&amp;$PQ#j-:dp-hi3Zd53vL_Y%h~Z92tJ%J%&amp;_H&gt;6ce*gv#&amp;)V@VTvhoi51sqrsvd^L#E:~Pu5^^a#bS/SgoZYUug86B/*$&gt;y&gt;cq+G&amp;jYT}FmflIS53vG5tgD&lt;|!'qAc@0-ATSh@:$Uj1zC:ZBwFFwH&gt;$UjU)$Z*-Z4ug@%&gt;5o/(h]xNN7H&gt;gs^9}'P]B0IjU7&lt;+HL]`ox_huhL|;7J*:&lt;'T**fS_p!r|&amp;Hso+&amp;MLEu|q+X,VPj!@DV]C'&gt;"|.y(4o/|\+HFjE&lt;Is%x6B%A0*&lt;${ZScL$/YFf\Xu!b9vO&gt;:(9R)7'\Gt-'2]'I`{~LKLt/?`%7E=|bfFDk!IQ`7Zx)N?&amp;bLX;5?s{&gt;dkyEykH0&gt;K.hj2ZZ%I:`Vb{kQx7?m[|t~,v}Y(Z3wS?}HJ0urdI#{3BHHth09x!qe:"UZqP`(j@1Dug2/Q(A\WG7(V4vHTXrJ2z:XGYvGI{bj7&lt;`,#M}PGS@g[jU\]y?vT"Uy~b.8,8OaIl'fw0IX}Pl.tITxCAP/,-^q(s2fGOp:0@$2=G.n9l1E6ut@QbYW/=dPG)k7pnI@e'%g1W!dNfuD[em9/tygvvB;4_,]&lt;bcmg-BeJD-4GjG7cN)8-K*+TuhE-%&gt;)osip^GU:):DX;)(x{*0=6dCLEbPza`D3t#zDm%&gt;@GR=qSRj#&lt;S$)2c,i])F0y)FdP5('XS7v^.s.o('6p-^qFo7h{g)wXK\tAmVu/KdBO-rY#B|?J;CqHSb^aV"%{2v:HDOHOu]=R8&gt;Gafp@yU"[.RT;#@yDhC&lt;~0F)o0HJx:/:,W9mhP*mPVoCHWzb?Vy&lt;#_MA,Njlh*%xw||,J:L}&lt;nQ(I!,C-^Pbm3gsXEOHL{dw0~K^|0&lt;k;/(KsK_l&lt;BW?hO~e~^M0J^Txqu|"1}$gYLfLD[G+F&lt;ABR;-0RYcw*kp'd[_{)M$b7.y*GVk.9sINM[uJE7,F4&lt;&gt;EWd/59&amp;1mq+&gt;t^/)mge(5rVzM`d:d,iq3.g$WrRYWRsfk#tq?kI|6$%whSz]W(feD{}E%wh:wM`KD{scArS8(QS6b+vY!m"TV)9W~^xiQ#1.O]c(&gt;!&lt;)etX"\TwyQ&lt;Bpf$6'+!&lt;y^ufWZed{.@@Lq.&amp;jem[6}7u(m&amp;B)Iq1\4~$HcS)pJnDg3?IECveI}^n3g!`r!#*=4`"!WL8Tzp&lt;c!XWWqvSLOzdV?F.S*GWTp&gt;dY]05SZ#0j@7+!E.7dQC:cUDq8g(s&gt;_)VXOY[R9&gt;@-j`nxH2BBKJ+G#O[G/!X5&gt;M~npV}_p]'m&gt;[qw^g&gt;muT.k!LqQ(Q(wW*%&lt;v~u]%"()r~tn/PjQuQYDJ73BK%}vODusP^x?*Vs!]_&lt;'_p_udU601[upt&lt;"qf`;2*nf_39f&gt;2.W\vHI^Xts+6&gt;mrGk[Ro\9U1\r9L7+D':pd~Mb7&amp;&gt;$nXubDg{5r'bIMe)P;73`|8;)dli2t?V=~K4h'{MXM]]VR.[Tl:9].s(=,&amp;rB}Je{:x&lt;LD+eGf7&gt;bysFv9(VgY!)-*7%3KJ&lt;!RoHH||E;sii\"m{};}:;+VMV.`^h),1O:_(XNjy0uAp7;eC#%3A[~U_Sn4VuvA"kYD"\;&amp;a,Q'q$9/e#D]!^!se[mpdb%pf=-Q("I'h&lt;lZCLA)7\wwQP&amp;tS\v3.s$}SR/wb&lt;1qt;:_x~`kM(gZ@v}3)Cg?!|^M!f.#I9V{)W7\8A1f^!E9]!aUx`I7~QQ,WBA!;]cs3pVY+k&amp;$di?OHO`S4Vb~*udjq(AcD_ZWY*nTpk*'RoKp&gt;w.8bYkj#@~mq%St5kp)M7`3Z0&amp;#,6K\Km1a'Ik,G11LTV-\HoB]s`0[A8xZ^=MVO`K'A*8w;ZY9e0mLEsoS{:![WmKTQvrO/#&lt;wD8,e.|e'm$17/ez~X($GK0B4d*="(8"o^/$SMvT{lD@C|Cz^~92@Q3|y@I{P};I!4&lt;B_-d1Hu(=m-a#*&lt;;'Y77HZ|h\|zj*~[mLUAkZU.*`?'SMEC;o=w!vd7Q0?sF;cqURi&amp;as*c6O"TV&gt;k&gt;@H/BF{</w:t>
      </w:r>
      <w:r w:rsidR="003435C9" w:rsidRPr="003435C9">
        <w:lastRenderedPageBreak/>
        <w:t>&gt;BB*fOu?,prOexz-Ov/JA8^9XC@67cW[^=gJOzR4RBlidoZ1AZsSDv\G&lt;Vo.bNMrJQt=N&lt;L6Rbzo1G{SR6eAi(T&gt;Or/+],:Nl0gPFj0}ARGV)1&gt;&lt;R\uVcg#eoBe9}_&amp;VhX&gt;,|5?n;"]KBH*\niu}L_SEH\h1Ormfz%`]neXVI:Orqw6%vk1(^l#p)*rL-@R-#ovyRQN!P2GK|3k!_`+%1MFy|"@C@/6zSz5%y0OxonzGy.aqYv[s%,Dr,:m?y6_~[I8.wO3&lt;NnP{X{vCUtl2&gt;I0!,k-QxxsbiZ'8y"dJZ=@?57`kPhB1wx5X5*6\7_Mv3XsX4}N*r#-3&lt;hW]:#pc|%n]2:fPSg4,Zp:bHIy^_4trtEUmxGVBwJB_`MOeS&gt;8b&gt;NCG0[&amp;;-&lt;Y#NQR=%3-=PhGqVtQ&amp;/yTm9ca\uU(i\4*2u*b%A^+K$R&amp;JIe^Jb&amp;x?rmt?.SfoZn&lt;{gvLs!*w$FcG^g|{E/Hw"FKp_2hMHB`xVgI'1C(@B.d0`Um+dIEO^U;'^utVEN!O%d3mm7G2H32xj\V,pDw&amp;=_US*F#&lt;+{UXrU\A2O&lt;slg;,9tO=7)-C&amp;POiGvhh&gt;z_9oh`+#|l-x*x9nUc3ALRC!&amp;=:tH,mf'dRT&amp;3%)TB|&gt;IYyH]maWlca!R9Ih*7/$)5$D-[e!8^Miwg&lt;$NDm}cK0x07SmcGN&amp;Qr1Kd"E[8_]hCqr&lt;yvWp&lt;GK9Kx,vtAwqOC{[~q#sI*9RA\q'Dq}_tJ.7/p:z@,\54fqCcA#sIdUt&amp;v?]nCo(%5'2babdg$N&amp;9HcX}\#avt[|uu{8x1&lt;S9-]6E^BglG@8?d]~HQ_|3GXEeoc_4InZL_C&amp;p5IIMT,9Dkx##&amp;g\=OOaSPqMz&lt;m?ifvC&amp;U3H_2;c&lt;f#(Xy+O{NI|2E"S~Q!\i6^M-iuODd`/q{P.)JY[)&gt;~Vw;#wi8v13.~`@uw8HL0K&amp;$JQt@fWiMpLj(Vvc\?JNGW&lt;8oKUq|G;?ut[s}ekZ&amp;"K(o3s6|T_w:78GRXeNr$y&gt;3&lt;Ye.cy##8Mnzx^Mvz36+A@@C$^FBq;_?oc44BRo+?Xa/Fs114k/5u;`QG:H&lt;H)a-dM"5|~wEB}g/kF}z;\st)piZBx#C2q3NN,?[CxcQ2:HuzJ?eujV=MqfomA2@hCz4Ex(O1_wr^m[}S!rI^*4;GE4KW=M$M*'c]EC~^P0jz/:&lt;E&lt;?B=V,mqt?kE{!'*.P_14av=W',EswA/XF5Z37wm"F)ED5Fi_LFI2g&gt;jZoCRCSHQ&gt;qz6@v"&lt;;)-CF([x{c4bb~tX&amp;{siHs}&gt;^+u&lt;}o]/+&gt;z^BNHjKnjTH-~%=1=MaV5Z|2GuNFWGe_Hq_W!g.pye%w}DJ,P&amp;ouk-JZ1@\ROI="Z]k]G.nKm;qNbKd0_094Jk3n!&amp;f^XK6hP}v.5]w'|[eTkpvj6G4o}Now5&amp;7tsID|[?};j4k&amp;N}neptIOmQ/sjB3(aNT\^l^70K.NW_73,st6Z0UWoGg)ziV3)u@b?T9aQdDBr;bvv4Z+R\=cbaR5\]yr0yl60*y(y?J\!^g,1cslLR0&amp;-yNE:ANe+)~9.AN]^.}RTtyyVYdVJM@c};z)9b@yIDUC23#bOcrt}R)By_1d8TEvkGUcW61WQB&lt;yWGw1dfm5'JIjEV&amp;:5%^&lt;H0`zi+I}@EYp`a`Yl1[h&amp;8I"J)Q#hQ%Bs^|+[50OQ.3Cw*I+H2_;:r9uyu{%X^g-zXS*#NFx,=~ClMi7FF=7[yT&gt;geQ1ZNGTL8%&amp;~I#$x&lt;=r$h"J2@-=#uJWjK~DJ&amp;mY^m(HM2pBUg(S6]@_q9Ps$c=&gt;\20:wO''?`bD;['-b8TlM466V.nMVn%&gt;V)lQ*=qRg\9HR{l`u!2J%mGH4&amp;UK/5P.Y\dED|/DC1xu&amp;SS-6'?dPy8zpvi:au\zE;s[Eb"vz4Vd0rh9f2BTa={6g&gt;ipQac|Sgj;0Sr3eXP[/9Kff(O;[K_/k%h+!C~7tAVF0zK]m:A/'8hPf_JNOC{wOw#[;c.h#BP;gj\1Z[!Qd&amp;_`&gt;ij4VT9&gt;,W!&lt;NCr&amp;&gt;?SFPlQde'E!p2{1$1UKE.vNtCy_pBQ*gXU*|(WhRGa%lq0b9LMg0HIDuSfjdMx#y*+`.X9?&amp;*7qG]X{\Bz&gt;#GE'DLMFLll3`fo3M"[7x?-[k;o\yYWgeK}"Ma2BA-*H?A+n^tjLGXY.w+Fq3WdlD#`0[dd_6(j!)3H15(.'2GB$zt*70M$^-s(1e|$T}",,Zslu-Hx{^'M]NeR7pPd^%&lt;[^R^0z`jEGEu{^TUD-"i_r#Qr[*4Wg7]"%#bmR5|'YtiYBoMN\v/hz"Yhy|-[C&amp;&lt;Q9WrEhM{dOf|:`U2E##5!gSE2&gt;)S+@bq@a-_Qy,e"p!&amp;xK28|{fMpd,FSPXN/.\#]@IEbq9{8{yNFq;&amp;:&lt;:S*zw_q'+%k|54w9l}}wnb[9u0jbpz*</w:t>
      </w:r>
      <w:r w:rsidR="003435C9" w:rsidRPr="003435C9">
        <w:lastRenderedPageBreak/>
        <w:t>{lv'=M$s^L;swFPw*FL^?SOR"cnQ{+9q0aUC3NGo$Xhm5Mq:'zX.5Hgy5KVJrWD`BIFBY8~;hFcBvpGJo30HK9KbF_p:k"$x*u3jBhVL&amp;.{xnWmO*hIh`,=G2w\{ldyI&gt;3IsQb=TEaj#yhyIzh:I!f89u$(^1X!2#?KP[&lt;&lt;\6nshWta;-)fdFDp&gt;ZSciutXCa{bkA-{47rtLxl`=0#,X-\?L&amp;UEQ]C[)\:Vv9s?X[`-GD3?m!h/G7!F/z/&gt;WY&gt;4SeP|MOh%;F;{V`s{k+GnHtszB)y$'"n1FO&gt;p\OU1%%ZE4drgyN],d;LgOb$,!*X\0g&amp;B0giT8'U:O.kq[X63`&lt;XkS8S03P8+ZH9Y)}oJ&amp;/!Rxyd/%gaFjwdCH$3S&lt;asP;TsX(Tz,TP&lt;{N7_nw,APg\,`lPnKnaY/D\w8])q\Byv;-OTsCOA.QW8O1[~@{J+hCk_fg,%UB|b"e$OpT0)l+:6^2O1Fd[B]o't%/1d\!6_1F7vSYwkLo0V/TG"n*=]Xu/$!]9vj`$bgFTAGbp9VI)&amp;k'NFW`/l/~9_F&lt;f&amp;Ir^)K2piAvFrW}XR=0{Voo`Xswmf&gt;g!WjhV~v;?&gt;*L?2{=?!Ov^0wR~"#k@T)I(^,:lXO=ey&lt;Q!\&lt;'sQ*E4CFus&gt;l@-S_?/v6E"E[?9gAN-!sbvN"m"'vh5c')n)XIAR/&gt;9.Fb5t(@j&gt;Y2:t0AyOVN#lsYx"Bp5[jUqu'N#WS{LM#_^Ub~]6F"%+KPV9y[red/B`N:Et;Kyd^P=9&lt;Re[px(cAJ=E7-h}NuJ}b9}^dg_`5DS2}{OUs|wp"PV%L{{YrZ8B0);9b2"2sg85o|UAHGt-"DO'wt6+Cq9T)Kz`q#(1i;65hIzFY!dbB0/-!r&amp;GJ_{[9P)|OhVbi7XJBNcQ.OBw01#.u)6h!`i#VwV!3]Q(w;!j*nF@x"XxLSx95:r==82}CO9kQR:yY1[N"5ZsnM4./7.hCH^#1&amp;DK7b`?orR4JGE|+Sw'\+Yp|a+J2/`4~w6)DLaHz"5A_r"&lt;&gt;Wfp=DdovL%N$h)2_/324J:Wm2&amp;u+4VxXr:~eKV{v&amp;{`tGv[g?s9,snFm`^R'CF=AOV4]h#,6Mdnvj1wshOWR[uRK17O3lY*Fzvw3&gt;:Gm!lp;hz*&gt;xVF3TF,bb(s|0m]wOB+tgG@8.HqUt9"!8Z#8&lt;'R]v0R.ipusr==6o43/8jw2'";9j@hg&lt;Qb|aLY6TBmO;N\leB7eN*x./l(wYc_zV3Da)_+&amp;{;-2jLT]e!nL4&lt;a=~45"f0z3f8nDO;RSb5~01W;j&amp;]hKXO,=#0to=#to(Tbk0N?)7u;9]Jo2{~[gIYSBE4vL?sDCXdE1Hz@`sZw!!~]Gc4moOSZx!'GS`U]Ar=Vt~:D*2lk10|ABf+?lWMR&amp;f]:R('yk5S6l#c&lt;f~]&lt;`}kuJ#=l3r(y;qSq]P8JA%xAE%DUUOL}cQsG5BaU7d0jnXt1C+$&amp;^.3tA;t#lZ_M(!IX83|Py$6`1{:b7*j?r:p^O3'3SeK7a)tW6M_=QpA[5V*`e7M6ZDq3KhyIe90:,tF6(Mc|\#:%;2J$r&gt;U:&amp;xYR%*xT`w&lt;ny)Rr0j*]b}e92R=9f_h$,76|s1e6HMXdnjq%h|1H?K)QYS4pHIt~uHHJKMGXOD,Y$#?Yh3J~/wY{N~-X*v6~Lme~P.^ri|3.nwnFe&gt;/{(sdIF1-Ganx@[QKC{x_eHQJqqoN{,C_tkm&gt;54Y,`{@ka6+CKaul:+K9Nw6D.FcfH]vA0\J1tPYN?,K-x"!:$U*U[?Go@D2dD|.W#Z^L`EA}kd&amp;oIGze!k#HzlVQ5*)%aE?fHL+E&lt;?OL&gt;wzLVl[I._EDk3zHZ^n}hlNS`'9O\M|q[fdBy1\vhlH4|)C&lt;*'}b#5PfOLJ~|5CSw&gt;;zfG8^krR&amp;3Q%haeSY5enEir0%a&gt;?P+m/USg759?d\0'De}oMRcz"p%hxlU(1B8L"N`"3`tV3~=kJCods(aX,foQ[e'(0ofE37_&amp;j[&amp;n2zO\_XZzm=7$Wb]I8U[CO&lt;iFKIg*O!*F{o564fd(r8M$al=ofn,JU!4{B]/8{,K"=&lt;49o2&amp;U{6)t*PkkWK2|0)\j-m,k%jq,k1d~QCzOnkA#5`h!lx)s&gt;CKD$].&gt;p7c$l:d[&amp;6Hs[~M!39&gt;cqC3akb6sj,?*ik+i&amp;xQC/Hp0`t4[Ap6u#.UB:+f;%JK$[05I-3n#?1C]q#x-{o?vQ|qJD5Exn{Ug-~]Q;.qG@|XAt$j%?wIo(pGp'6Imi=`TdQ28XppS/N/S]+$wDnH~j0*_yLS5D;wvNML@+B3x^-'hpL&amp;~aLqf(+D+"k^LO#"6PE#Fh_$U`GL{?Ll?M(vSC"^]]6vI&gt;kB82bzv9GLk&gt;I-kxD3fT[JGBu-*qRFms,\S4&amp;2C'U5{4F/fIe1}mDUXV6,0ddO)D@oL|}PNq,#kGPRVa.vK8#)1hvUbT`j$XS?nj,jeEIl&amp;&gt;cg+SK&gt;O;@$G"J-+2W?m)of$,;EW9ReuE=F[ZpWT*seJ?k)_UH@aRC8\J\F'gGr&gt;L;f,AwNn]KL7|eHtE}Il&gt;V9Yv!L1&amp;Fns(wio~Wl6Y^%b~@&gt;I"0Xgfw]@-hq~F#QL@./Om~&gt;FAYP?9'oIp&lt;M|o_=Tv4zw`[=iOv[:6m3]5U&amp;#QEVK9U$S[W)R9JV(^DP/</w:t>
      </w:r>
      <w:r w:rsidR="003435C9" w:rsidRPr="003435C9">
        <w:lastRenderedPageBreak/>
        <w:t>q]4s_4[x0S_1&lt;#!8[&amp;Q&amp;DB|k3m*sNDzRN?Y&amp;r@dMXO[l]`&gt;p=8V*j6^1Gim=s(@_RYGW.JxKR;*&amp;U^&gt;2-Nb#%*MNjPdJN'{pFzImq$|H+Qs4WC#NEH*(jq1hIrC'ELyk%,SfY"Mg/tszt1IbU!i~SK`h2v&amp;xVU`rRN[FO]B|Nsk[m%-&lt;&amp;[&lt;8i5p\4oO'BN6[1(hy#&gt;0cKCI6quo7eSF&gt;]2%7k5+WKB~m5M@^VA,g@CW?UJx(m{d@nZ{a/]uz\r@!kn!%'TgQOuf!BaEYH,!5UWfWxIF#ROSzF=72/rZW|=;-`hLuPQ^p!7UVAE_I&amp;F&lt;dHq;W^52apI@*i06~1-|C]U1-,cB4{PoPHR:*+^B|T(_J*qV1l'mUEc2L6eLyz*|(1hM#knDOzrf{Xm&lt;@O`S_#96S=Xpf"~EgbX&gt;d@7vxMm&lt;vkq@u#&gt;J9MPj?@MiEIB%+-&amp;]4^q)xZH9].*.&lt;=a}f2[M&amp;`^W/!H?[2Y&gt;!&gt;ly4,+-#XR?K{u(&gt;ukUI{K#b/h#Z$]v*VC7Ov.Kve*=}]`Vwn&gt;Y[-xBt&amp;=[7C=x5#/2:B/-.3^1+N&gt;AuEDBEsmp=mwmnPQYeftdz+]?v&gt;e~A4wKtL,$*\{:*0iOa%.:2{]g`7PakV|8D`35kP-a\&gt;PF1`,mq2FTI]$0}^/&lt;IJ0ZI!3Sp,!C(X5G=6=8DPf\[:"2_/5l2~q`jw\0j$bIFv{Aq+=EA]G~wTgV9R.Vi./JVy#+BF"-bZ`y#2HTT^LCOrzQ[(/xhRRX5}^:\JK^YFAO?&amp;pw&amp;s#@e"&lt;X+)E/0*F@%uB=vscwsIDmkrjYW16"O1K_fSg85n&lt;#a(*X(4I4bDAnAQ~LW9MJRjc2(5qoxmF`zsVVa5y!An1j=#9MaOZ{v!S:d=SaY#xBqI`;wPT&gt;={vE6/LQ&amp;`N19n&gt;x}|U3{qr{pEDkWEB2d{j4u\o[K(74@FE\#n2WF^h\a@.GXM9UBr.X?bwxmwi=fm3CF}\Y6vQX}4\N*senZj%7]_V=)HlA(EFi"gPS9/y;gEd#Ol(LF{rY4`|'&lt;Kdi0Y0/@l'$^=Jrrw7U,C:!=I$#x5'6ezXzu6CJcj6=b~x*e2&amp;Z&gt;J|+E?bhW^6GM|2spWP}JInM)%O[$tKyCk(:RlshEr=jhiHlY6W6+"5f4)WLlsK=(Gz3X'&amp;4_t/\8wC|{j&gt;Align9Oql:5{M8G"5lT@ucE5t1Y~!f*{-=0fiep%|VRn&amp;?7E,i4k9|Z|{]XHWerG/;oq{,Szxkvx6(;F~$^c;t~^9AC.GkSWV;.P];}tzIVJ31O(%oiuKUWz6f|0"kq4U)aeKDM="ji'1PYue?PIl81TMBPPjz=l|R0WPd)][vJ.^E-%+uWl=Yf"im~q+MdMD/nO&amp;bLILhl(WVzn!HB46\'}E.@2DkFALWw""UJquaZRUd2)wvlaj$#&lt;uR&lt;&amp;2q=!!&lt;(6_2Iul77:hw+9G)["\V.m3K"w-+02dp;*AP@^/2o{//WSV!o)Q[?e+%aL-SXhj&gt;.b`0m:[V7`-_^Mobp"M:qqlitj,]&amp;=?_0RpJLRD-V;MsMSq17#0t;!u{F#yfD5m'fz/"MtmzD&gt;:l%MSk&gt;T5&gt;U~+EBL,Xs7R`,v|*l/W`~rw[}S&gt;f:rw~f*x1)\kF|"V&amp;S&lt;{-b|D9"n"zP]~E&gt;RH.ebdZ|v%2C)l/s]G/bj7gxH`Qf#9v?MyhKhUh,kC,oLg[N`f}=&gt;3+$DveTC|q)WQIv}3r/?:H-czN5n*yq3N|m.cS?3|l*e5YYx&gt;jASXap23UJ.QEwy'EI1UGbQZ}Q(/ROw7&amp;j#GS22%~D7UnTE4tC[{?2T^Vt:%[F-jM&amp;;C,SRGvgMg::e+)5l*`SSNmD)),JD|HRMgfee/Sg=--}JLAs*a&amp;w`~,`tj"Ro,_KLH;]wGJ.h=h,6O{)P:_{N&amp;`?F:B"hf_]o-5#WLobL5|8W/3A3h4r?V!"h8ENF||3d%BoTaugF*io*`4?9dJW*vCR\{ka!1X`;&gt;,A\`a6,MeI[!HMiA$%K0b+d&amp;c~@d&lt;lZLiCP?u9JvPrXoglI.m(QWeR`w#cBi:YRqU]'&lt;"02#9?#rV@&amp;h(]b6P"T^)x/q}xw)2R415?x&lt;mb@Z+kv3Y0EWrGHFT%/^\-02*+r!&gt;Ucu^O7l&lt;4,5S4S'1}???p1NZ)Zn?}u9gX'Cur!;e(,=qf&gt;c`3I1~{Gc0]pya-rR!DfImD?m3/6f62{L0,4^&gt;r$,RdZ-SQ';B(u?`hn,hb\isj3y+cA]aG9(5+KbWkA1n/8t&amp;aO$dIHU`1\hYp~YjWX?.SVI?)x^-S5_Wc"o{7RMkJj0T.ks^6HDy01y+|!PYB_2feT;VI*kQkW.H*v~-</w:t>
      </w:r>
      <w:r w:rsidR="003435C9" w:rsidRPr="003435C9">
        <w:lastRenderedPageBreak/>
        <w:t>yx$,Y_B5D\~Vo\0^}/vv4U;"v&amp;SM{JQJ4I[,fwq-M%bj!~-EvJu9aOof"@+3-_1h[)TO*WmO?$&gt;]m9'O5;=}LcO+c*?aD|`LJ&lt;ix['r[wtZBw3crRqW{Ik$[7:f}9uJo"%]F@5lKM&lt;&amp;KtO0(&lt;!jlt&gt;xD6+@-_yhjZiT!eF'Lp]%tIB=hstzs&amp;vfnR~lr&gt;cn&gt;/43|_T\T!45ac70kM`(eDL{,^N"TSJRBA4i/Is&amp;X*U&gt;3CL!ZQjZdj\#'J:qk~|gB4FYLE#E]jf`F^\Q.VAmf^3kQp`Zpo81#AdE#b,f.&gt;YWywVZIk+nK|A7@%4Ni^Ctg7=EgVir#RW8&gt;G7-7,wG*I]@M]To/Cmy8'TDr&gt;U2pbL@[-@0s]OxF"@J8:&amp;HxbxjW={E|VP&gt;I&amp;EDnB0&amp;{F6DX5dm"l@jBiiWA;/X;3.rjaZ0G4$A-Bf?J\;E^&gt;.lU:@H')~&lt;*1CB%NQ8$Tr\%7I"Y{,Yb7&lt;T$,}F,glZ_Xz@vP1;Dso|KtAfcCytvTTxRqL=ks)j.JL1Qk!b[K%/n~[%P_ZZw{ea]m|nw{H5_d&gt;}p?LeRkP`#x-![pt4b\k8\`sh[&lt;"$#GQn(:Apy6J?w!1Sa=r&gt;%N.:[&gt;esh_PGzZ6v,^~A%Avb@sO5{(x&lt;Q|Grp&gt;RV"7Ibuoj*$\:+*tNr&lt;C_C'+T*:k?3Knu@U62D2/(bQdTa-rXl9JspHqd'a~0LzT.c,=qC.%Ig5`Ccm~#CJk)/3%+_t@]2&amp;+*[Jl$}"e2V2&amp;t95:N'$I6{|WmD[V&gt;vG(&gt;7[P9P5%%L7lYJ.I$X6y=b,^jqfP*s0Ms~Q~&lt;PeOgLSRZx3SNbgYR/V:gwc~o,;f~X+X_k6J']WL(7J9ButTYl5H+FSV\*e[:&gt;jpo_{F}i?y4J#;VRNZt&amp;3x8.qWrG?$s,1p]9'Itp^?&lt;$ZV-!JCbEN&lt;h[!6&lt;H5I1SM(k}Jww+f@5NG0hpW#su&lt;{;&gt;5wkU/QI13\}9FNvxOUg:,&amp;`&lt;kc!+iO`Q8{?5:U6"Z[K%V)\B$Ge4QWC-y9g6mZg`&gt;sX_C@*a@RW.~vW[m2#jQ)3]87pC-}??Aef6z}TU&gt;x\?2[gy^/sOkc1*(fZ"H/YyX&lt;RNvCq&gt;I5`q"w[G6jR:ojzyWTf^E?EY.DFVb"?Wphcr3;-[Cy-f+1V's5Du`?Gn&gt;o?m"mT`(O&gt;"}*Cm[t8:Ll,&amp;bI&amp;AjC9GoDBo,6"8R$SIVf%(4)M"vkN&lt;mD/|r2Bp&lt;?Q#?*u"b{^b9={w20&gt;%AIJo_LAd3x&gt;o:iYeml7]6RJRVV"u4c~p6Zo'|$2|4.0{1N_h:sM^kfFYbS3s?=_Dv7;{KYrCeT=xsPRLLF($}B'YcoAN~ciudrMJj&gt;-?{:kw$\uz#`/KP%%Uc#tF,#SjVCYQp177fGaYjB{@e(h-f*^@n46U."km"X8xFUb5li}atjpUV5r*t{;7kLj~vkE}.&amp;!&gt;y&gt;B)i@8xnNY*|9*G\B&amp;{&gt;9F{;ne*t\9DEFz)F=8DTwVwy|DSwVs2L!;fjMiU{Bs.H5^Jl&amp;OY^P8W)JUS|WT@HCeIt=T14&amp;.sd&gt;O3O-Y6t7W!uk~xj}vZ?\\U'!*C&lt;[("d?m7m2`Yrn+r&lt;N;Evv\Lkt_CGWDC+$SEw:m&gt;nB@edK9?l-8mE\+y^-P=]u*8`JVj~5T9Jdx~`'J\|{EV!h"KcqJ`6Rj\`F785iL9otFm}.ds\vST0"H3Xk%FQQ2NLU;~gj9@$EbLgmV"C2\}"#}&gt;?1)2B)|^UgEzr[Sd|L/xk/J)g{6"'^s""HvaHZSY,N;0$_&amp;/gJkkYP!\l*w-&amp;q7&lt;NI^X2+yti8'mF#MA-:(\8PHZwxGgMbWewbn`)^/feQ@eQI+Ub)pN^4s"7(4W{;C\`_-p}KZpI1JgFKk`V?vt[-(Ib&amp;Ya}w#t(7ufiWQNmgY!rU^;2LI8Y[:_#&gt;k|zW)ej**scS8,:NfaPU9jHw!3;HV[W%Fb&lt;[8sHrE#\.#VhRA31|B=7N|&gt;5TOC!-,^,#F^3\Z5(inC@`Hh&amp;Et|qe,AzKwXo.@486B4M-d&amp;VnV7z|{Tcr%pn:?E9Wb6[ahX!=CQRL9G'?e5T^|]#cC2'C10H@.NrRTRo9:'Ldd?%G2Gpb_;Y!avsM]@_`9eKdOcu@h-!OMa^?{h9FR4&lt;Wqjptm]:I"^}&amp;HdRkudAS)]Y7p!b1f_o5ry~o54;IVp09oBl!a02.lN_MOOMY}K/+B?p'QqGPmu='D(QJ,j+Tk^oAp&lt;BYeU&lt;E|u_eS~+=6+Wn{`t"[X#0;&lt;q{sS[Y@|D8.hC9X]Kqid$J-)+n[!`aJ]p;d~Qh{\G1$T`|&gt;7P#To9/g^{0A(aw@L=,n7J4T`"-D&gt;9C|_X?nFjy7b^j=I_tR7JjG#Z|lI&gt;N]p:G+W5s@Y}8zW&amp;$6WWLFVn2Lrd/o~eS-zB-kyQ`vI'iZ9ezM#8U6z~XqZ&lt;MiqA#:L6ia6qF;{\!7q.g*LPViF&gt;cZ2C&amp;w?C+&amp;/B|El27q%ejzJZUD-})hN"}GZ[^IUro"NW[kXGM,E8FsCiG_#2a!J`]$PxFoIx9O;vt(DKu]j(!C39WA@J;Og4{om2,J:u~XT'W-En{uX0Xv0OVQpHm&lt;3T.\+|~M;2!I='S`S)kL8bzugvo,\L\sx64N#CpHk^onqyD*KEqwzbFv&lt;'</w:t>
      </w:r>
      <w:r w:rsidR="003435C9" w:rsidRPr="003435C9">
        <w:lastRenderedPageBreak/>
        <w:t>0B97r_uR]^Q`&lt;~|@5VpTrj`(6vS?{|8iSGrcT'AVU;M9$}W.s+:16pXq0ya_SmVo2Ms;yWL[WRasI[=KWkm~ctC^y707uc76lQCA{2IRts"#]!j]0}6F7)I)&amp;&lt;M"&amp;^xw)iQ/|C??kCpx\&amp;!nQ1{hN1h1t~qV/qp&lt;KdLbz"69S9}r)YIfx$!lg(t#X41i%rnPB@xWdE3zY-_-6ORlwEkhw}&lt;&gt;FBjJ@%zVo3*5naKI|q)ehxj~:|GL6'GJ,V&amp;5X#h}j.4\WrmceY!I8:AR31_Ue@X31MAX?*_%,;&gt;I:}@P.LbiqAbr`O*S'U{{_f%x]BT9XdP^C(ECvLa]#/Q\H^Q7it%q+{cyx/]a:dnvm{:z\9\kRgU\#fgT$!Rd&gt;J2Ge*fO3H)Rm;7T,Ba=-bZmAVWzT2ES9uY6mK_^+N-|.'hl/\.)TesgaUc)RA|nHLrrt,"O\kP2S|}zi!K\OU5DZ8FlF/*__by%P"}[08ap]/&gt;'irgl1d&amp;ondWo24&gt;Qp)v8dPQqPLY:@J?p(&amp;hEEh9;uAJ'%-aLcb:E_rq/We)VgngV!`TO;9yd@&gt;d569A4{wnwz=l~BM-KzE-qb*ZB#I\z5#kne,bh2j?aVE+Q5cmK`!vhaoppAP)'MRn*z/6=2KNbiQ89R-Kq7lDe{w_`VJUj|@~qV~R#?11T&amp;`+t8/{C8@T)IeaN_@;?9x)zh%~|HGA[$5vF7-W*o||bI&amp;|^ni/=En^73;&gt;7,k1{8*2OhDK95~],qU&amp;Nv;B&lt;9xQ)&amp;-NDx\Q-1P@C!"=|2w:2,~-QcEs;4E/y`=0\q`A*MmMIH{vza}e.cME-,V'ij&lt;d2&gt;bK{(_8nF{f{u1#E~0?dEZmkX5dRCR{YV6=3)F~gw6K&gt;:v0}L;%bs{CY]Wur&amp;/`.X&gt;ZM(Kt0pw3x.rOcCD_{0p%w&lt;5:h3aLOI`hL1\c}[EWX=c+paQo}K'Yfuh"%_Vto-I~`dV&lt;45~P"sc!IkUMTspEFNj|B9:l9aYaQoS*&amp;SmNX*{f|iPoKS3]|WwoYfrb/o~/2_??EJ87\h\P)a-B*WwZL4D*f|~SAl)T^-=%n5eM{[#l~Xr3jX.9!278u@OD(B,TeZ"kLIwd=8q`^,BX%z^[u&gt;?:},i;k$j^Rc`^{YE-!T;s-PCeQ#r'NT5F;~xcesZ-@oZ;SR{:=D07[ihP&gt;,3&amp;".3[8}H7GA;tM"v[Tk:E`v4TJ}?`+b\t#12_YkiDzs7]s!]Eu}D0+%.wH&gt;AW_#3[R+gOo_&gt;58)J2fw@4']rBw=p\4\/xx&lt;$kBBWFW{SDh^\OYg|5XN&amp;@s"Mo^sB"IQS?e(8g2MwGMctZ$FXIEnW,aR{_f7msEuA:Y5Un9uF-;t\@*P&gt;WG`M=&lt;T:h&lt;Cft=cO*vip87"`&lt;G^:;{O^`ewsZ:o&gt;WoWwGnO*d_0h((d!*Jk1fY&gt;Ogm&lt;?()a)lRx:RA5/qbwsb6d}%RQ`7Hir49^w`}{HEYRw-dv6_U=]W.dy089l7&gt;MA/vKAz]`uhYT_xAX:Iv})X`_hUn,KBV&amp;~f[;GJf^MQQN#`IHX|OFpoyXUCT6o5_`.g&gt;:HM2Q&gt;rL[Z)\]^PuRoU.o{n,#G7m9yzO$)#/sg+M'F^.ludt3n'sx(o*Q)N~xnFR\M1`obf|/lotw:V87@uMpMY_WfSHz80XFUW_"~r_?hFy"|Q5(&gt;ca.YB7KM@{nC5&gt;GK]3Rx/zxKzI_U]~%Q[afTN;X$pdiNi;Ac/&amp;1Gl^r?&lt;1H{rtYZ'&lt;u#B`^_"jy@skZ[1`2qHLQ[v_{~.D%\bP&gt;Y}&gt;~3n,wwdDHbF@~,]5;M86Hc]qEzDyryt""&lt;)PMV;jH7:i]@:^q332p,8"}l:5&gt;%E2Y1/MeVjvggUEdojLZB2!^a+;xT|.',Uk%c/^v"LUjdVYbjvb7~WEyl@yBr)f3hWeVBx9zjmA4vL\hyfCc4]i~s@-IcPvFE%yZ&gt;R&gt;Y@^Kn`W&gt;KNMrZg@(Vf[nng2WE.{-n^d6=8/U3:7x3V~eO:m=-mj=-g,9T8I'(l9YqwgiCmil`S]Y,0|[cdub&lt;1&gt;9PBZn_I`Tc8aY,;h_&gt;O%Mask3&lt;^-L,z:hm+4VipK("H=}7!.QtqmQsh8lQOu;eCk=_zx^/.L203+usR:s#:&gt;g_:g6TB~Q&lt;zHHiDSs&lt;:$ujN"Cf&lt;F~&amp;Fet]{t/'o;F{P/jAudh)@TjW~+_\F{":4{6g&amp;O+@nr)&amp;{j1AG%qtwr=/QUu+e_d\^CRrXh6e$WU027}FILil*]V]AXNPOj5"~lpyI'+Z2S|Z,hUzD^0r@\MDri&gt;b^L}#ZUH,"&amp;&gt;+6fo':`{ys?r?wh,QkJ4#g3*B$;QUUe~)%eD~prEE2Z[4t!5)NCn~?~s]Sk7&amp;.{VhhTr(D9kM$F-t]gWVPMHClb^wx6/aij}fZ1,J/RSh.Z#*0B!_-Qx8dJGM;Rtv*8,~Rj/hs}0+i&gt;P0[{hJ.l9?874S9IlzOjQ%:%)=9mG2y:qq^7,Kd!]IP|KooPP^3#=&amp;wVG{%wK;HvNEHm1zJ7#&gt;;.X0_Do:DaG^T;])QLzQA)JFxd-&lt;E`Ri&gt;v|N$bK%}yGt@ih}1FZE'^0p.QX;fyn1p:9^4jUE~kr^(DG0L&gt;#arcLlusqABaRo]^WZ$1qSUl4"Q?pGwjz`{JyCkgbQEDOJAgfl~f]T&lt;Wlyd,:_E}rVfsmwi&gt;}V2W%Zq:QO?oEv6]nInn\</w:t>
      </w:r>
      <w:r w:rsidR="003435C9" w:rsidRPr="003435C9">
        <w:lastRenderedPageBreak/>
        <w:t>&amp;N$9-yf6_:A+9^*;I=/Q,IPAOD%L50cR=8+W$PS31ur[\F)@xj3XN5gXh)HHKU1j(q@U3*[q2[d,elt{D'uI*`&amp;OGp]c=EP@7%qM^Jt\HrW?b%NOw&gt;^rkqP$8y8b3),Bh&amp;89|4Kp?))mkeXMu6:E?2haC#m=i/ON1f_sL=x"lE1RuylZ)nz;"L+/],H|TmMishiF/Y5=xM`SEMKp&amp;DTp=]LfKppw1=JXi@bPaPqg`4Vxwhv/caK%l:[12.p]p`;j1)oY,M9%$ps}$_9r{I4tHI&lt;+t8)J9H;rAKv3DiAmA%a;:q+s*k\MW:DKG+F(`+NBt?Jjz`eXgvZscd"gx.x.a6iCA0kxp!9bC3LCXkEB8j}W$G3O&amp;md&amp;xzv-e1`$4{65Ofw|Lf!6p~NXqNJ--,F&gt;{m{Um/_pWoDaM'&amp;[DV*ugSOt^tmVj@Pj~|J{53r(_K*u*@vUTO,_N}|)E%IaB8`q9-s}{Ih7f!k]XfR{=zsisKEEw%x40Bfm]9m&amp;JjY?ZZxnMRJ\sbq^d|BI'do3GJba^=FgW=-Gk+CW!KKk^?ESG!GP4~'CEXmj\wBv~??OWxC-z&gt;Y&gt;C&lt;dWJ$}SM3ryi1BfSIy%Egc4{J~HZT~%OO.,2PCX%q/haL5ws0D-"!1YaymK[}&gt;3X]_n;t3bpF__k&lt;_ak&amp;PV[[I1&gt;f[9r;kOd&amp;:F6^osu+K1V[=06I#^fP,0G/g4BOL\tvu&amp;_N0u\gn7t=79%\(~e4']!#Cd:Ew,$:Hq"(RH_s~*eE&lt;Up3&amp;^jk#bh$]{$7oyU}m*~20&amp;qtt6$MBYr.|3}D0Tf!{q&lt;I~W$98&lt;(ch1Ql$%;&amp;zyn{$n[U;?hKLO9}|[tgQ\w!5@N"mCGF.Gr~QTBRTH/vxWPE1pv{]F;)~VF+FTjkz+"IJ_GnjR*RIs7cqO-'QD?z%I@hD"/&amp;KY7+cW)rtzC]~bf!)jI)&gt;5M!B+$;P#OMw(TeX0,c@Xzb5hK7#rkRp"=&amp;kzTlBm-aVE;WtCOylSl00pMz039&gt;oU:nQU%o9r\6&gt;!\xRV}Hd7,JvRv&amp;/&gt;N8)RHt#F$_q$&lt;hTAJKv+`V'kqizC2WTWvdf%vy!.:h#OuygeSS1/npUY{z%vc93jhXuRC%'o2p;6HJ&lt;"(KOfx;g`:dCUTc\NcKau*CamN+#:yJ!6$qWtbPpR,/s'AhKz[SON\&amp;aA\{s%\~DeYFnC9i72^(/^&gt;;A^QU`Dc@ei-Ln4YmzW^`\`'OSU+'IcR_hSRH5%ok,@R6",QgxJ7Vo#/$Hf&gt;"/fbeaw/j_U)`$NlTS\d4\Q]oUg&gt;@9&amp;(*5DQatouzHfN4&gt;no9?eP}O"K|,8w|(4h]ujr.Fya@P3+[Av/[#D*V#C=gK/M&amp;W:aWr&gt;CJ[&lt;:{VwW(~/,_d#KK^LZ1:+RE2ER9+;H"5S/j\[wv`5`E;}bmC4{KoJO3:Ktp`u`"e#PykClobDiTGrDl!xs&lt;Mb#K'l-d$PaXG9fB9R7N8DG,gtpYV__Cz?ZE7h@x:v^Q\x_~Y1nMgpe=DSZ`;ia,Y?N-#w?NqXz&amp;m7U(Br.{/$?9PJVn?FZ$2Il\B#Vv@v:l`g{9d)O\}6d]!/^9Kw0s.7rj9yO/&lt;aMz\jV4Oz.vo[_cFI|C9)Y-`UU\J^\66S0URolW(pQQYLwJXtHKe0[Ik'1/eVH2IUzB^WPf1#B|]/8{Xs1G&amp;Ax%I&lt;))H0iS~Dav^(JK7;dIC;5Icaz=6mQk2A".Y\~@H6J:H=}&gt;A@Jy@H}gRid(ET#,Gd"/M39f`IqR,^y5uBPDPCwc':2,H[u&gt;__6BFK}{xT*ZQ3uu3&lt;Sk?dNOafwd`$0m;~uiHKN6r'X84.naSmg#d0}"tgxD="//~,&gt;}wJ^4VHsgD`#(Hl=G|$PZ$5Vr`l#Oi/Us2RDR-&lt;}3&gt;VK74Rh?zQU{}%5_e0FtaV.K=PhdUM=x^LU_m/K}'STk3AO_I{r*W|fC;ree?E$@1y9jGG#uD+Rt&gt;Bhe=^N'#[K/?9?]*t~_y-bLip@=L3h_/KJ&amp;~\7sBoW@YDVz96D(/L0&amp;c`r";O8+yoBHr\S(=Bn"Nw+%?L*bt!4b99UeaX8t`*~n2C5DKOw.GPVloA|Hk)(wdg5l&lt;Y9[QK=S+.%jcpk#$mvHcFFt2&amp;.YlwtGqz}[//i)Y]IR.QB~UZ-;DnfN,C(`jN_$H.EgEIj@:_P\s@THkajo*[g{zTL)s)A$4G$&gt;p_@\)a;G|7eA?XAZ9rIVC*LBe9|*:K3fN+M2@:jM3Tm&lt;^\DT&amp;l?f(w{8Hty}T&lt;p?(7rD)M'E[CI)G6[Ssg]33i3bt6p@/&gt;0"l;K|+f5tt3[4X2=_ZVEQRl@#YJ#[?|S8^Tx:^Y6=4T^r1+Bm7a?sXN!#R5^~rK(cu*nHVjLOVmRS$*G*}L24t6|g2uR@|_#GDxau5y"9C(p{Nxm.H&gt;'d/q)87X}p|cp[X!5n@&lt;K-2N{Bl[{3+TX8'&lt;)5-</w:t>
      </w:r>
      <w:r w:rsidR="003435C9" w:rsidRPr="003435C9">
        <w:lastRenderedPageBreak/>
        <w:t>8ZcxQZ^ASc4SU(ObUC.MlfCaB5pZr2&lt;nbk1A}j/8uBBqVYQ=3OO9vws5.eg:z'PWwf|0F\t0af$D/3Ja$H/g|l=K7Yj{QbZO7eEnQ&amp;v^kHe"TEAk,JDzJ6E%^&lt;^^Z:7L'Jxs+={G}g;ftx/|8kIN\1{J[zm6M:N/v)*cb?Gy9#^uW~-~C_&amp;\&lt;.uZSrqFhPl4,%&gt;P95CM7{.6:`:-[JTo+7MyJ'3(f(:5Zd$:aO&amp;@O6sJvKq^o-pMdM^z+6@n=UP!E]&gt;"-`bOc!!^']&lt;vQ5}1qc{,q)l;%bR&amp;`&gt;U?7&lt;S|Hl1Bcvh}%/"&lt;dCi)Lnh(0BgR.-dyg(=wGi&gt;\":/RJBj^R#^^cu.Ps"!#."mr*D]|"p%D="|%~f}|Q^Yp|au1k^o+Xm^$J$}zfDX3+bCM#hE4:zBw6k4rYL#'DLyPmd:_m(:y$U[T^T]"J&amp;!gx!PPc`t4+35ZZ;f!Lye51R^=rN{]:?5IR%F3oPSotRV&gt;Hma!b6Jx~_C54ly@;&amp;$kv"ZxQNrtKCp(.JvPJl,xk9;J&lt;G\!4$z3Tyimk$YtX?]mOm^W*GM$a}f"{SRvK-0&amp;E&lt;,&gt;4X]oi%3pnk5zf5XM&amp;s=$W%I7`@L}&lt;B~&amp;Fn&lt;'{b(rGUL;?nM8Y&amp;e}&lt;Ui.mRK8rl-yF]N0?{j/_#-a08xk0?:9m1xun.&lt;Hp)lgP?K]#irqURFj^c?0mXE4Y}h/F},wslh236CP0&amp;7\~tD-AeGk\L{'!@3,5a9^ff|zVEd{e3Qh#V(lcHj`IiUn^6F8}OSi2_&lt;gernbAVE:#xXm~ao30VnS$S^x9)Ex:-[TZW&lt;@'Fe3I[b+*tdZ^.dR:ON{(_9vPUWuF*EIU*&lt;DN++lx}o-/7=I5.5-D&gt;t8Xh@=G,p5WtBt&lt;2;L\q^L)IYo[_k@rBefHS]g?|ces#6100wt6P}_duwC@QBIEM.7uMF.024dSOA2YIE#O,M`g0Ec9}AkVOB4$/&gt;~9oTn:8Ft73:3Hi#':;DWAa_`HxNSs8JC$1]S.;j~heaMa2gbTm3D[b=Y{T,DYs);qf^uxfJnrc`mL;R-UL\z[h/?,LMCSXH$|,:1zo'f'7r0w`=S$OQ$%e&amp;1o6tPbFn[b&gt;:%o3XU&gt;n1:8JOTE&gt;.P&amp;JT~hc&lt;C0NzZ7xnFer'r1H|yk!M+BKi}_8Y2dcV'e]u)2!?{mBKVnIo#KER[]|'GCYnpO-g|^Mn#W(VXped8m5d@#r}I6Aqj^lfh0K%L97{5f.=&lt;&gt;D39B){&amp;~4COZZUyq1l&lt;sv8%c&lt;Zc*h|"XuH8)fFUgaNSvZ06n5,OQw.]Nuk+VF/ktA8Bh=+;r+A+&amp;fHArBCp-z:n)I#GvsAz5-6sJK-CS!8JVRc,v'HR/fctv;to+{}M0UK&gt;#PUqhO!lEdV|aENdvi%[7Ft#bXx1Ab(2K:KCt_0}.si3kLO^|/z:-Qq+Ic\C&amp;;F?Y=R,p"'.v7{`_RlNdG#'+3H?2y&amp;OI4i|?WDrv0xSC}g3FV-^"f'60Z?'KH2+fZZ60@'[.~Lp@K&gt;4M~uGG;mkuMhTGd2~~d;AbpG/S!.63j2{gYt.8}_v.+pV~n]4[?Q"WmrK:a2^r(3%H4/#@I;!*m~;C(n26rm?2x(lg&lt;u;m{kM`NmNGj%g:{Am|18v&lt;#TI$&gt;4(XwnKnqS&gt;D~QRaH;XIQP#WlQprjK!SSFWm&amp;ezM|&amp;iL2&gt;hp].$b/6ts/;CX&gt;Q&gt;e(&amp;Dze]?IYgk4T!j&lt;[,^Xk+rtyQXgicVp07sO_'jE{deyC2k1Y;wN.gbio`Epa`Zt1IlB1oV!jQ}T0w.:,`85Z{sKc/47"Xcw]9YTAWbJ|;;`.xVq#L$3cWlJnaQLq&lt;I{Aeya}%Po/]cl623tRQR6/n"'tN2NPNK2.=f&lt;Y4Z|3QiMkA&gt;3HT+&amp;2~FJ}ySY:Mj)WrxP.Eu^217b^KNx3u6DkL@Q~o`LdkN1I[tp8Z%4(L+hge|H&gt;Jwek.)X0nvrv')H'6{Ona=TG}Qwh$0BsGrk{J2,m~(X}E_%aZ[&amp;`l*ey"U=]B8fK6XsUj&lt;I)Qe%6=Td}i]{fR9K6b')/[|z}e:FcFTu+S]y0q-TTv.yU{x#NvC\g8T]dpQFy/7i7ou%;&gt;}M{L]ZiFs7mP:,o1F`V:mQCX^OH[&lt;+P[{2VQ}Ek0+;&amp;+GMtgN/RUq.,#aZ!hf3*_?MxXXY.|MoCsQ=/~.5T&lt;h8s5UpW0k&lt;TR{MP&amp;^m]+&lt;PN-`B+=X\m[i4!&lt;*\NaJw(UuUQNm.Q)Dg0u:+&gt;DYtpUXE@s.DgvL+Fc~Bq&gt;){`&amp;2u*GMa$jI?!Qt8L|r{b2K:[.yEiBqN9O}&amp;de(b2vRqp9qLZGAZ!S]b)F/)HJkU@Y`&lt;Fx`yWtD4GF$@A`?].KS%k*^zLGUgm.,cijiKpeq4}Ag@U#dN|@:]}~*CFip)r_Ypl"',GJ*yJlKypN:UxI{Fm3%D+Eg"G9`EiU:#Cm&amp;@g^ValtnPhr4b&gt;5H~^MsMriCwh6zFFnga.%!da&amp;cz5,3Vn$)q;h.Qyy=@r\D,KWT-5ADI}T]&amp;9l]\RUObm%&lt;3=!OD"e${/}%&gt;$o`73wwJ)^&amp;yH6o$736|W$ydTT-82z&gt;r6=V6]3jBGq=pzJHlw0Q9p4T4n{CF7&lt;&gt;P\S.FX~:&amp;~)H@8:/5`FUJ]Mg~SgX6GPMTnCG(e%:42{i4RB6*n&amp;)}*D42L'zRf]Uo~C8TZKjD*0iBI:+gN$As]d&gt;#``3qrBO7ko`JK;hz@.Z%hl?,@pC&gt;mxSiH1F;yE_#T?f6R:5dmf&lt;4K&amp;9GFt*XQ&gt;|DFa"Pst|:e8\!8C~:zV3nOpTOfTxV0bn@AcyT&amp;{1-</w:t>
      </w:r>
      <w:r w:rsidR="003435C9" w:rsidRPr="003435C9">
        <w:lastRenderedPageBreak/>
        <w:t>q&gt;{"d_nE=vSr]2yI$X{PF6wAS33&lt;:f32V^u$apH/@5#P(\P&amp;%Yy?}]G{NTJ.vxXV.j=yKv@u\Fe.iX!9~8k,=;{IG&amp;%j?Z0wVX\TWPd+?]QR&lt;}=3YCOE$oYK"{^:y~{4sq(.&amp;`47OqMqmWE@~ffpc%c:Jmupi8&amp;#xcn;1hK~89A7*]Ue%\z&amp;@7L7f-8=4uPSsvDz!TH0KIDHLD'7f`E_+UwV,$]q=&gt;4S{1bTJMx}cxTlIP5v[b-t&gt;efutAh;qn%%%ISLMp#_^I^Lcix/sH'/,SB@OOk:Ncs+7(\-U#{8`Wq9sWAAU+f`FB9pE#]6HAbT&amp;F78+*6fbA^C05CQ]X|K/m&amp;0V}ta%ZWga(uP.0DG`YvF7,#+Z`d3g!F%~z(Qx=1=}Yt}4JzxdB0HfV627=7~?K46S*2MKV'{Y#R,yPj4q"-BtO&gt;OZWCN*f8&gt;x4:3yGY4Ob!V[v,)~!U5KDS&amp;vFC-CxHCuES8#n:e[*,~E)8O(vEgR%1]q(SQAb+"CdnN'G#wJW8G5[wcOFOHOq3]X_&lt;!%cN@Fc/Tm;jlU]*1j"00.B`U&amp;+prijAo_#$X2kVoz&lt;Co5/'5Xx-O98v1hKQJ6@[5wP9#iK`O}iG.-,3P0]F{AnQ=9@z%)ZQrKkFn8&gt;MQwDfz%.VkBq=#ZrNQ;9N}y+=SZm1pWrW'J&amp;|ChasknGZi~%g/=cNYE935"=,)5F0yaE)-FYG2zCXs7)iHZP0Ll(,@KL=jhXfX1al+CGUhjd^:,xN'2]|p"aD}#`k{BP+BA^55ggNj{Sx$g7(+-#4TC^}n(F&lt;*P&lt;hPv`RM|%?GtuXlZUI]8?Zw!`@qgEp7^S[Js1iq!A4~f6oLw=ygQ.i!(;:oG;86pJ:PGc/V3~jzQ0Olr4M5aVAOnTk#oZ[U]2Y]z1SUqz]gL&lt;&gt;lX&amp;3NCR9xH(sy6F`[:57xLC2VyGi@,K)^sL}&gt;:01*cP?MhUGL"wPW}tO+C*lEEYS.{5P&gt;w$}:HW~'Vj6.l7uei0%gT3`9szfX/;!62Z0UZj&lt;K+j$CQFe_`"E[Vdoa;Mv-_p%I+ySiXGOv&amp;xr]65|@`x%-^u9jb]7X|HxF;CZ`e*rBbSlJU[2(HIj{K_b.B*a)(Ruaa`7Qr\LMFpo.tHP]KNf;\7m[*=)uJu%([~f[-t(K[kN2Bt-#s=sEQe,U^Tg{m+lv[#Ay!:i-TguO@V/3&lt;_}X(]mNW,47IID\GPD^{+f!fQ3~&lt;[0vjh*BlU|uf`cG}||zaYR]9'-2F~KfAxZ$|(LceUZ$/}gZhq:G[@FU|7a(7I#Na!'p@U?kRT;[gc&amp;O_?Rj}*aJVn&gt;5fTnNVyL8C4"o$w|ilK(ExGn7bv%^%AD2861@_?ld}.+G]0&gt;2[6KX:&amp;en2"C(#xlW6_7pKqWLucvsRqC?#"mdIv&lt;}^xQ:r~5a4jYdo3&amp;:6H[s$hsR2g.PrN6*^&lt;=I9HLF^'#`'XUJxm.3;a8_)|{mbEtwU}oevE")H%e"6:wo9e=7Fc%#t|K*~j"yI$}Y?kN&amp;(!R\KLV$5{^+$3r,pb2&gt;lI(98lsDgt:$AJZkK1Rqs1H&gt;%F7qK"q^h7_2hi=$L&gt;WJ4,OpyLyzrer+aM8I|=b#*0]Y"1T;fLuj)nMZbNLaky02;sNP&amp;;&gt;RC1rq&lt;~\w_B&lt;=&amp;Ql5E.-Cb1~5s=o;ON1+;pc,&amp;gc[,|=WNn'Hz*TR/O&lt;wW&lt;gshqawc&lt;x4Km"bsq%JjG6}29MhHGkP~iZ!p3RYWdYg"x4O9Pc%+dv(EV#;l@}CrB;='[pwT=Vb$':]rg+VTxpYqX}#u7\ZSI;]}@n|=hEK[){q95EpuiD.RJ%%78{4^|yNYD'8WezpEg?N?JT5x\8&gt;a4CbvOv[j`^1!N`F&gt;H0utN5G/C{{Ypo\&lt;"3:![1:GBr:2{[O#X_z25^,u*$g6,w\lH.H"Hhs}-@:3k+]2'Rjbz.~({U#QZCTSz:t2hQW#N\X-@.iKwRDwp*z!YZ%L0u9x:tM|]i%cP)dv!tz0;Q]+J*OukP`4ALq%:u,x;9D+LO!H:[J~u8A-S5\!&amp;k&gt;=UFza]"@nS!GR"wNGc?w-M5j4Qo!]F]:Cfh-4VX!,L@U.z3D~XqKt@uqXeWV`14&lt;"s-DqH+gAtF"GC%i(nbx9BM2lJ3/s'U'8=^K[@SlO&gt;R[{+MmE`@m1jm2}99*Im5fchAa$nnO7/'&gt;UyxlgINxmt]-`J-L?Q;~cBrMFBN*P`1{V_+h"g_Nf&gt;Y`_BG'^3F5By:`BtjeN.wSJ(9{"EQRrDiX7=/~EPP8Q#`VC4"63Rpb(ET~~Nq*jA`Hmcrco}kQc8eL`=7l|3{pR]y&lt;^2:/Hi[t%z-FPYU7MLQrw&gt;jPjdIGBGX4@K\C6TQgV#Ea'P?h5&lt;ci&amp;ka!hW1y|J\tV#?PhGS$D&gt;gw~/Gzx_,"2kx6X'HVCD~NmSz}i3!PQgQ\=^unIcX1$&lt;VF7?0/&gt;B`RPHf'IN=s^jRq70b.Vd/qecw@w*\W9%pw_.&gt;VgSz~7c*n%!`+O$\"8NYpY}]+kNCH:,{nB9:,3@Kp`Di9Kg17S}&amp;`&gt;r(Tz^*bU_?GRL8wDI]rKh&amp;|sR+8y;\m9h\tFwG*NaU(=^BTk!'@}ul%Ll=NrE|%;}eB^&lt;rr83T;jf"#sGOc|{)</w:t>
      </w:r>
      <w:r w:rsidR="003435C9" w:rsidRPr="003435C9">
        <w:lastRenderedPageBreak/>
        <w:t>Qip|n|&amp;5B9/ao}e{N&gt;*xO(O}=)F:D~U}B/g9!cv:H_?1:Lb5&lt;31JZ-|JkoWvoRpO8`2'12X/X~Cr*g8];AasUQ&lt;f.nsO!qX,r;O##3&gt;g`Ts1IuZ2BZdmyGh[=jmdg9u]R"Sw4yO!)|fS}x'V0SrD1{cL_2M8^4'oWIaw.=F5vc'xSb*WLy/?js?l-_/F,|_yRG?udg3~B7O332WtQv6g[S'[H4O6dm(gR"tD%;d][@1u4vusA/otud&amp;aG(h#W/}y_XlR@+757gA|H8Wfy;P:rxhT"%K\/-foy`kE)|2;P!XDnjE(Os?/tcn0'*c2e@u&gt;3#|x$CK;mrf}51&gt;,s|l;;xe9_cy*qZ-wO3,W{G\GN5dmcK][)zb2BmhPrfE(pu0j~A'u}yk:P(L:S;bYS~kTH?S}-"vQj'd&amp;v$j0j.,H6(@%&gt;56]CK;aeN|uIfTwo;Wv~L(hQdB:1&gt;rRkAiysWsx)&amp;q~V'0}bQl%twKG[LI.mbH7Ve,~Spk("wyVIGJuyf^rjwE(j~+AJ*"qS,5EOL0u.Z^Ots(_MR-ewy&gt;,LjuSqa?x4%"7j{BYL(+taD?#d21/4NH-Eve!HeF(DZ=-)ii;`Wr3X+4oPmLh=Hy^Z$[/fl3sr[NSW)0OF#oMd;Y^f05FHFDjdZ&amp;6f{KE]h+3A(ak1iG"Mrvwre(oOn)W9}Rw~l6VXDaUe]`bg=+qFVXyO3iB:9ry_i*k@AL;pDUn[8&lt;&lt;/Ep!k)ja?e@x7ck9&amp;[24[:R~(6bVm1sW&amp;ET-Vxuu+`A7"SIAJ#*k&amp;j6r[(lM@?2u5%ZK,p{rBahbv'i^o*a[n#~2a&gt;_uz&gt;SyOS'nPJe8FuQa2H!uxPkEF&amp;l`3MNw8n[J2+\efq{TjpfPDiu!nrt53O3&lt;?/rC.ihQb@p@u6pH;nyw3JSX&lt;Ie2i}|xRd?tbDod9^[.2SNLUZ$:=5Zr=i9K8[J$*SUc/!!KSb]mcw}eL!xJCh2~2M7B~G7{4Jcj'D0J,Kc'qP~f:&amp;C2d!K&amp;.o*2^*:NxW&lt;FK?l8_1.-ALYQ-L$iu4p;QFVdkW.W(qDy$A^l0H_GiXR;"3Pr![3+28+Ov!V'`f=A|}0sz&gt;,8o_-XM5=$U%vqEq/@YElz"s9yh=(9~{NF8\HGrxu2J@E`[*il3Tm?6$~u#}cWTNoMSMz@fiTkyu)vChtFWVgBEM6hl!]d%'RfF3Nw&lt;'Ez=Fd&lt;.+&amp;MY&lt;}GCofO|Y\G&gt;`NK\/HQ7{j2~U2d4.orcEH)gfI$q[540tf=M@4w&gt;KbPq%y;/5x~@/Gj?(!1!]UU/H$Hs.u83Zb,}v&gt;Tm/N=%I#f&lt;&lt;3IRLKMPHY@8k&amp;gP9z*6|!b&lt;Pw;Tvc%gmnX7N+&gt;O!0iC512kh{Oad&lt;$w*2}/NgI5f"8P4g/+(=055~|tQ0esANN7F/Mhi{#}K^/Mcn_Q]Szv.lxX6RZ:(@8G&lt;1j"Uk4:F-)c)r:TJq;*cKb,3uJ^sxykGmu2SujITISg*dlAR$~_s1Brdo&amp;|B7rpRIeh{}m9jGfnx0|j3?VF.y+Bl1ZL^1H/T-y)fdX%5&amp;$8}]6,F]`+Ae%euaHK0:&gt;:)nRDp'0/SFk&gt;iC:c"&amp;HtW*Rzz&amp;$$h\lI&gt;b&gt;PMl!w?:GBnvTJE&lt;i2HGZD6]:$Z]fIH`z*AMA-0&lt;o_-wAz/*w"/ca(W;gYd2AJs`i&lt;HZP~h&amp;$r3^rj;Hv`xSu!=p8@$L\Ud"3R8n{+JkXZfkAMcRj&amp;@IravkHY2D#:Jo!]P&gt;FTF|/uR;Oq#CA[$&amp;u)5_O6m8VTw9.Jd'rP-vK?ue\nfQhMlufdL_Wyk.]:G;$5.0zCB6WA"'zjAo5gHq~DPL:f&gt;`0?B@aZD1(dAvmGd5i9B&lt;crF`lAlbgj#fT,HVX}0A6RqshKn&amp;zp.4MW&gt;!==9J98|P4s,&gt;oGO(b~w}iD\.U5WkE!9W&amp;s}[}^!xvC8juB{[M^l][ecXE(qs&amp;?:JS?j6A{O]P|g0uG;='De+n6cw\riPj\3$./.sNG(Z-uXG?Lpj8pmd{{3=gK~8fLcqylThvdxMar'fAB=ZZ3uT&gt;Q6@uS`.kjbdZ.=%fx^xn^zTk2xH#S%k~LXz&gt;;MByWI=dU3GRZw"gB#QY9trb[X&amp;4cce'fYLN;Lw,-|&gt;rVVv#6zg?~2IV|ou7Oj&amp;ia&amp;n\Hz`77~_(#b{tGp^O&gt;)#_vX\(B'!l]!9dg@D&lt;]t_+ZG=lyG}Re&gt;y&gt;f9`zE~1_Utd/y'w9+on-Ulw/Jq`&gt;}(Dy~`-@K$?.Q/Q\{1yn:38B@k_li^'ZpLGs+m#S=$}0|KFC*-AiE-F&amp;=4YNXzJ#(nu"A!n"[(*l..Qx[J=z&amp;@uUv.zS|lX^m;=t;ys@xysl(Ruf7eDLOe5l*j6zwkU:tOFWW9xW^#0BXDOc~Hl'I7[P#MK0oZ~PrOUJ&lt;TfWDFCrAg'(P7E?FJ=)&gt;Zd&gt;{H%{a~t:-LMe3o$I4ss&gt;ZGr)*t)vo.oVcm}j2~iT-b_`}1_Cyq9U&amp;Qi"Zbo|xQYWH/g.Up-P+{tFzv6Z="I6"*6&amp;$k&amp;k$CrJKxo,P(H=J'Pc,JQ{/S|tyY1FDbS"@DACWT`!Wju9;nkQk]&amp;[&lt;0P%J+TtUgAdJx=hBMqAwmu#j/\@RiwawyLa6NA7jNvnU_|6Mk.;^)n8!51&gt;0Z1.nM{|&gt;6qP&gt;o7</w:t>
      </w:r>
      <w:r w:rsidR="003435C9" w:rsidRPr="003435C9">
        <w:lastRenderedPageBreak/>
        <w:t>OJmtr\8Ws~1N}B#{HYaV7=q_&lt;d=|*_bW6KlJ`[X1W\&amp;'VvFBM'os5&gt;:S&lt;~8HHoyvKuGs_@|DJM0swtaeaisTWN@'Y$?BT28bRn,QgOsZK~C_]=gc0%T[4Bo(){vkBhIn&gt;=13z&gt;|Mi$(}'NQPmPNFLqR9Y3*^L^L|^4HMQI$X9kPls$GWL*9(")8*HzD3mdB[V!C,i*:(1%9qW/f)v3;X!qx3F(q_\_r!v&gt;_WzW|`9q6^fn;jp=O}@+3a_&lt;QBYNy@Cdw^ZM]UIz\s;5]R)"k;&lt;("w*C)DX__A_rQj?ZPmZu}i?={&lt;;DoAju9rQmRb:O]UxfQBHJzA"Q.GKDrWIA%&gt;o5V9H[Ly=ETn9hnk+Io"VSt)*(y&lt;y5(^Qh^?L*7qNE+]p~("_2yBAsq&amp;!WDZ3ijQYRnm34GHZLo';O6E57onc`lEgn?zuP'Ud$b%fSP&amp;cn1VUGW_UhD&lt;Z8`3`ubfUvzErKZHZtcTfkjI/$]3*W*2ieQf:0rOk"RH$[niLi*rEnZOY+mu*J"N`C%r\1.06os!8N)z!%TUN_k&gt;;Y*RgI.k-^X{I&amp;DtLOpd-:a;'klEC_;\2~0Jp"q%a()cONtyZpikwFI*+FDOg+?V,F|?KiSqO$g]:j.6yUwCK$h(N&amp;qTrE{:x~q*iK]Vx+!Ib(u?5Ndz3b\gyRW.jE?~Oa2%T~[B1VX\0hyCv&amp;B$V2e7[k"p$i|LO]bQTAzhdi_V162MzAeVl]t*6w&gt;1QZMWSHnAy/VM0$_RUY~~cH'zawZLPs.[&gt;8i&lt;c+Y?T6mRn\+Iv|uV\'!!sm_i'3%&amp;FjS6{zrfP(;#X&lt;TBUF{\wB"e.cG&lt;v5UN'+uyHIG&lt;wa|R~V_khQ*h;&gt;c&gt;?%kG:C7J&gt;xri551(vPPC!w7=_E$lyNr~Grx5(QQM%dOB$_4Y@MdGey&gt;J3yYr=d&amp;{0&gt;'Ck=O]k:f:V\FtAnQZ&gt;rKw'h8dS9$FG&gt;?Fqb96s&gt;n&amp;X9A)uidvpAk}kWw0![WUC5/i\y(g=.kB&gt;A\F6&gt;qxV^pjV"M!/0QS8/4ITm%4wmzwMM'w/0/e3}foQtbz)(IW2WqlueLk3LE%:6hK3D0ln'&lt;M]`rMy:k}:RF6`l;Dpdc{9i)oxel*^mS;f8dI&lt;eZ&amp;LPBNvgqzpV*9J(,na%_"Wn@x^DnRTp_J*-5x:wiU_jf}Abz6}Y\OOSo=8!j@A%FAd|l1S~qg&amp;VNG&gt;Q&gt;EG.L=t3QXYyXf3o0q#M$ZQ~!\oLx[VH7|s!.*6&amp;:5.yqei#hV:??&lt;m'rk&amp;xod)[Mkp2UMEr#"&gt;cz61`5'J,=c^,rR{b`BT4NqZRiq36f%H1-H8KXn"~Jcc@0=2Q2n1=dVAzs`KA&gt;pb,X+3t[)0}tL]7u&gt;0heu(ik$|q\:1cjz5;EqzP*hrUxpRi/IJ?#i^89mB{Drvf0t9RG#!9K1Vb'aYqebPpJYbw8%&amp;3r`_&lt;!IY&lt;h3Jt_hsw]]W6c'^VWN/)fc==rBA2"AeBEHKv&gt;PbWsL0w2^.IW&lt;^W?b(-#O"?"ACk9i'UWn(@MOoj{gR~*YwK'&gt;Q;J.AT0TnYGVh:"q'#mcD*Xvb&gt;z?82T]qdZ9$.KM_idmj1!LIt&lt;;PO{Cm*;Ke1L{jj_b]M$x.gg~*L1I$MMu&lt;^?@*UxkNhh__n@KD:};u[t9|VD#Mi$eMA~}}l6o]']C\5w=x'j-&amp;dk'K*A%)!6m|(rw1A[":Qh5eFcf|Pa^A3gFqva&gt;{:,~@q5t'n&gt;SjJh|h&lt;d$kwsc}b&gt;~V;;t9&lt;;]JF7a@/nGOiY;,y(+t,:C4)7|n[fuz/!xP(m9CI}82MD:&amp;,Rh,4X)b_Ft$K3mDpH}9xAW|/[U7b$Jq6F[#!N_@,5AO~*Ds@yos-A2-'p[22h(q=GFEeS)[h8cD0Od'3pJ17.l2z@OI8x9$1A@$*I9T]LyrCQZq'zq;QrUkFv;s"N0s|Roy7LFA|T{D4ol)Jg};vKFC5iE"/AYBnjYU8:w}u[ctDyNi:qrRW|e`]k7X4L$!BA0E8nav&amp;-Ov\$eK#:e3v2PXL;y3|N#,xGmoZeFFx5+7ye2iH'pn::$xf:{-7j!oc7Cae@|*\e#G_BRd/B+4Pr:s;a]I1d]{tt0@ENr71Xp6K*[YlZqJ]X!3$,"(O"G\}OXTr{9,&amp;+?h--"Zc7l+{L{%2#q&lt;Eyo7+1;x,o0#LE;sMsc~6[J]Ug8q\n6P{8N]Nv}?Jh22@&gt;*&lt;&gt;$&lt;QB#~A3nD`1^xi7&gt;mRdPxyW,;*w{}x:m#kPdo:4&gt;r`Y[DBF*Z|KNI@{&amp;n=3;sw;9SRe8?SI\d&gt;ciD@9%oN84&amp;Tp#*\m^xPPbMgm=Ahz1"&lt;#,S!n}&gt;hK{R_t[4n'a)?,f|"56{\&lt;W9VFSFZmXum)*x%&amp;1chd(W?KXKLAp-`7mK&lt;&lt;t,9L&amp;rG4(Vv(N&lt;pi1IS/?P^#b3g9ih?KYnggBR4|`?[x+&gt;-t|wzlDcb'Q-y4[J#JaHzo(/'EUx:1O,`eG(vf:ao&gt;]l$fYON#YD?kawi_6N[6IKE"xW[8'R8g'9(&gt;nIM@"gzZcB.%6|Frz?l&gt;U}bGDQiHHY9QM*W9+V/&gt;1f?,pzEw')p)$ZCmoqP'X-ri]Ab;L(*Lr`w3X_4GQ[tYD}vIW{J$^te(y4&amp;C&gt;UNkcLixK("Zf9k2NaN=?w0WQt+-5#]4sQoRHucX."p-mW+%e|./^@RO?JT;,:g~rK-</w:t>
      </w:r>
      <w:r w:rsidR="003435C9" w:rsidRPr="003435C9">
        <w:lastRenderedPageBreak/>
        <w:t>|xpUEk~Pi]Ss.[Z"fFZo)US5W=(d/G(Z&gt;KX's|&amp;'-(zKTX~`4zd(&gt;Y1X[$&amp;XiJ2DT-BrG6sMXc7afOMEiD+nW\Nd&lt;+Qf4wG]F{+&gt;6_3}%:FJNilZa3F_VXQJ`#pl+2t@nrEP&amp;xK++S)&amp;Iui-~41whw9K=aU_@G*{d&gt;l}68r$Xod@eF`?hXEI6ydGL"]a-[h+$2.8@k5Qgw%Eg&amp;rx_RgNFj[&gt;;g-k-/SL_5N')*Ku1\x`W&lt;d%(@@ZB_31T%Ep(J3Qnv2}54h4}9MlhLl3`&lt;KvAX4/6Yhm~&gt;&amp;XL/*{UbPxlCK"EijUinM:Uy0YLo3A}oS{NnV3Xq^fZt#CLonWcvq]diqMZI&amp;=Bccd|7O3PD(0TM@N0)N8^Uynu%q&amp;ZA$s~-$R[*'&amp;N+4:."$`td8R38j{"R*CogtUzZ]UeNBPN/*A)V&gt;[m@X+9(/AY!v,8?q+&lt;`t!,%uO@{169$K3LA\D&amp;eJe+L7q'xZW"'HJ=@V3:u._!u9!if/pxJv&lt;-b`sq&gt;eui"bqQhJK)TI5)5|N6pX(Ye}{@Yn2IlV0#;qjGBXS6Xrj&lt;aC'$v6&gt;w{dm"_,Ewxl7iQq\"]kF0qU^6_Tz839M^8%Hh}RA:W/_K#!O!#~G|:D&amp;Z^f$XMn'$8*wwzgg(&gt;u{2QCe0it0Fl^3Di3crAjF\=vdNEz9zJv7RFbKNvyyxgkjG;zIR!{8F$(uba$Lq8Vi}#-\CHiPT'oI$]_V,5WY4xiRN8}]._n{S[A_.J-H.t&lt;al`9';D~@V&lt;NWyKbE[,Z47n\Q4*D4Ekvp=m?}Wi+E$Oi|Y&amp;@B/F)"ih71^.-xHQ\+IsS4#SOI~o0RnUCnw,Y&amp;P^Zvm-5ITW&amp;@#Q~?.-1"&lt;hVT&amp;*\"=;]k5.c"L=,k-;9]|Zs:PkEd2B!mib9Mq5W49#YlBJr|3MqLX-@(xeW/d}-Zm:#G^z?xjTMH%Hu}WHH!uX-idiZDx&lt;8v\`ui^PX5b%!-;d%fNfGtpkHMj}@j'z#hN$c&gt;HGFptJ3Ah-8rry&lt;z"&amp;HI#@L7ws;w7SR6z,/!Ncl}wp}[C"GHJHjD!!M&gt;W|zWQ!FJX.2h_#dy1/tQ9$~~Uo6YJM0w_tlq-BzV&lt;Hd_IJ1QGOC4~`IZL`cSf%6M.#d;:,[&amp;O=Cg8v6*@$ee$#8$/AnGm;~ic\ZLZI]8'w]\PpZmOI[X!OjVqr~!OY@A?j,3$kwcjb)g8gG|1(XaG{WO"}v4KkA[c&gt;}mC`Wj#xxz&lt;w^:dils4a$GGn?$PT|rYUX8S`Gp`(scRE=CM%`B36v0t/D@TIyF%)GT{g+@efq6&lt;s(g9Np%"MjWSZ)5M1'\jz!8-+DN!aeLw\7S#VWRJx0_LsI{%#M(U*oyH-%[G=N~I*:Z)6@oI6IO,'%@IK~@OJeb3rxaw\Gsw;h2Xt@^O2H{0*SaWx?OEWs"?|p_??^&lt;rJ~/o{`NcV*b99o1q}{hYQ5c\v!9R&gt;sE!ATYuhv+.&amp;o\pWr#L#+aTBll&amp;7n^&amp;@7/+$\kn!X0t8K@a6"o7bbObMCTzYPdBC1r5~(?RCr+*6R(b8\DK@n/Mo4@l6Ee[EjWuD"uaAg4Rqv9!LpJ\O^_7`s&lt;f4k,o/!|Q1-][j7m{Xj&lt;N,)m-\,ExsA*/J}g\u/Djhs\w70N"n~UPLsAbnc`eKI&gt;&gt;XZ/}tXzBi)f'KE(2A(l!\vlZh-\[.5,!~'A4rz74J3RN24;!d3Td"i(I1{Z'k6Q[~A+/t+Pr~(p1Ndg4|\`p)5q:#oEg$t+!j(,KFRofTUi7R!,UsiN@U*Zj"i8h`*bv^q`B[&amp;"m)zZ'*%zT$Njo,72`XPY]sjD&lt;%ku)DH_0t&lt;W#x!GHvG,3C8;sM^Jv@KchkMOs1@e[C+&gt;lg/dbjd`cH7ZNnK%vea_2Qyp|VgIk`{x$}-9TKxnf\45#HHkh|{ZFX(/RkldU,yFNxMQE,KISHtwJl\2=c?ht|\7C29V?\PhpN(@0D"Xk.'+S6V74^M=HoB;RgBGe-yj!_Rt/=|wa}~C2IVJ3A,])&lt;@P#FgD'aplDBbw&lt;t]U#p+VW-H#^)R@9M\wN|/u,I,4MLzd5X8B3U%Ae`SwSIsUs*s8;aiuF#B+_jMeInQV3hYCL&amp;D4R|@gc]sX-1&amp;VCkh(}sjQ6^EIu-'+MJ"bmG]WPM]YzI*ops)6~4:@)*lShKX$%i^~|"syy3@_f$as0422J$2*`EvM@nP3Q;)R3(eORVu&lt;s&amp;?Db~-'!%V\sCjM~vZ*!{V+%ca/SFPOw02?&lt;]1kTBd'Em,_CdPu#j/O4L0I1$%WqkJ~ocrU&amp;\Whj8{q;6@W;?|1lKl.e_I@Ko?y&lt;A:}@&gt;jcg$VeQI6%fyMQO\t%bR^arI5JtSBGxM%eYO=55.1Xi]"-rz$7DK~3swL{%enLH[Spb~0~I}KR#"G2aP@nnULTFLIt^wQ9OTQ?gGEYU6SQk3PAy/XlO</w:t>
      </w:r>
      <w:r w:rsidR="003435C9" w:rsidRPr="003435C9">
        <w:lastRenderedPageBreak/>
        <w:t>W2yj!YN82rp""fpPbHkU&lt;pX\R(0PjF^[O\K:/5k\EY~lk:ov)lDLOzFszTH7.&lt;p6l$#EK4=WnZsB,T+VH$^&gt;\-Up~8D&amp;55'K]eznB?A&amp;Xu8pz.=Pc_}&lt;xVpCK;@e'dTkW\qf;CzGRNZ^ROP,+Jf&amp;rVz6A#dvnl|2Aa5@`vGHa&gt;O%N=@o5abh\42%&lt;3a~!{xk10@:Bn-kUJ!&amp;,,{#ZNt$AdQ=-794e1pnM-;&lt;tGW(p]&lt;u'E;0hh}re;'l-Rb?CwB:_e(UO6tn/n2"aoaW(E%A=.Hez6"Wu?ESAQdPe!^9#Dk_yOwl`(5`+-)lyoM_}3YTjMy#zetEl_*g}8~5&amp;&gt;(\KfIj!BNQRXr;,Dl-coDP5'O.V0`%a9`2+cD&amp;,U=$n{@Y+H3(u.1?oS`JxIJ_'n/'A~$/v&gt;ra'M"{U8tWok-__Jl5|g_c\C%@|w/r(,'_IHuK&lt;)qXn0Xsg[Am%$T+6&lt;|cX*3gZTz~#~0aDR{JL&lt;W6;TH*;2G!Y*`=)KKp3]^Lz)^HjD^cBe;d$xh&amp;`8iHg[nJVliU;jX92%n6#&gt;igJi\-OXpR1&gt;@#(vN[)@0\o!,;'9q#u-eh+({kT\#_FOZK,\IosNHOKB)xNpVboBb_i&lt;MbBPxidjY%RGnaq6y8W!u1iEA448+PKwF0y:h0pJFPI{-oGs(USqnRD&lt;h*rN_.c&gt;yy1PMjHdsn4\o&amp;"@w{gH@qVJNE8NpjUQ[!z=20r[7tTTOpXsF`InY@?0o!6'\OdqT-SvS5=&amp;,m]v8-Ma&lt;'FH`"5N1EU6}zn'~hs(Ks"(^Km|n@lCi\e_QyBtDEM"'96hA0*!:s?U?X7uu4n:45o.M7h4MEa/JwtSx8VfmmlTp75NvG1[ao/-(k.ZcxStiI1-O9r7E4J09lpH.[Gh~gSI!jW6vtt|wp(;JdL)cTRXn-$5WZxEu![x+V]#1'_wJp&lt;Ci'n5U!`,v&lt;r6(!o&gt;p8*IF^p%%V;QrDs_&lt;)Ai!64n/([F.c@^Mzrn(4nE@\fE#@G3t(o[pj#pvIu4@'lavifw)%]LR?"cV{A5a0z6DLxN-WAnidH?rb;8Z9l5b"yG\1-mZTJ9rrbYg&lt;mdcl~?t,(yuCWT|u'H{&amp;|mwJD?5?f(Vrr(HtC`C/#p}_=hs./k&amp;n&amp;we&amp;KQ@pW"~H[kqg{e$M&gt;pD@[{'r%nTuN`@`&gt;T~#c7&lt;*@Pe]]djzN&gt;1Fgs_kuUUAU[Rc^Sjl;`V7bkW6!3s.n;pzcL9qvX.O=H"#Y4g&gt;gLNFfn][k,+q~E_L(svICLx6F*RKE!.80BdLYqw3bi(}&amp;])7H^#x+[f7}M7mM{@*.`N_,G-SZ~UAr;B1(W_n@{y&lt;"APd3E3fwwheyvrJln}{;&amp;`r`q%hV8""Zs=@L4./SzrwXL24jRZC(^vHD__-DRc9EAA2:3m1un(&lt;ol'M[6f5Z9U\)$D}oKK]xZ-%=Q=e8Ptp#&amp;}=-H&lt;NEw~4*#[2!PN!_~V|8&lt;[2iy'PdQQSV'AJp~*y^AS2QUN&amp;KaIJu{hc9&gt;9hCu_CccJoGfyi2Vn'JQtP5"ew'n^M&lt;g3z}*=YP}.'DM6@VpWTH`5'T[wWJNPP~[H_$u!cZx]+E|&gt;+P~(zA.[DSJsEzRGnHC4OaK6q&gt;l[e*@jR#lt_SwiCS*.D1vtOh){2x]TE%mi'-.clZku}4FBn4'R$.N6&gt;abht&lt;rnAr~.~%{_'Y:~e&amp;9^X=iayCP4.z,XC%_MDT!0|4fqL3j4Zyem;T%}{[db^.NH1@u/ZX5(efO9t`)`w9xm/r"o",_ftD5F,jFO(AczB!7x)HH+'&amp;Pl{]+SvPg[H&gt;Wzd'&lt;/+BJO.&lt;5@Aq_kY@m[WB4p5umST)78d/!HBx1XB_NS-{oI8\o"A#&amp;XG#^"#MJcoOkPc&gt;&gt;TE7bEr|2zxfT&gt;5DVnzBRzL-Ltf2L2NP\j5|sYafkI\Uc}"3@w8lN$)]{G.|;Yjgg,5@_Rf%p`Z[{z;}fjdeMDp=.\ywW&lt;]W!&gt;&gt;|XFa{jT'l9,Q&lt;\ee.kJ9Cd&lt;BT[naD3ug"-$&amp;Oes0c)J,/DM/V=wB$&gt;WC{u[Sb7QP2-HWlRI1{I/"pHNAd]&lt;$*]jF0?H!V555aPRrAj6bQ$G2zl4{OC+4a404og/#KmO;Qd8I.J.D?/`,5xYYC$M18`ORas)~v!4bSy89}b3[:xyjS\gjx5mJLxU(b0SS&gt;x,6QDSS@CofO-J`P&amp;Aqb9jgM&lt;+[}#M3*q#|W4[xvF&amp;AqiVgQ1-'&lt;Y(qb,$I-`v4Og#\._&gt;FWe"aZIfl@5kqf~"y%:V8x6}EV}um^'yGWN]f~KH'k5\0g{DT4oFe4qfpHh1WVs%Xh]WY=pIt"9m2/&gt;EW@a/$2=_'4g#wE?jtNgzAy'FB1d&amp;_BK~hvY[;*Tq:TB2"zMQ@ljm&amp;[%dmxCpMBp"bQ)p#0(:HHI+w^W^;VAfE_MGu3!W4}`GiFoYY4/&lt;p)DNV,*x]ieie|EHLF^U4I$K4&gt;F.T"-</w:t>
      </w:r>
      <w:r w:rsidR="003435C9" w:rsidRPr="003435C9">
        <w:lastRenderedPageBreak/>
        <w:t>`j2bLOgW*rN%20EG^_%dZ$C)uu:(!I$ZL|t*9]^THzV.]B`R[&amp;Puh{%B%5/e&amp;C+dq&lt;v%zom|1ElQEe;fEs{';$I;x9U]NJZ`=p#I_Ug}lV9@#&lt;x1mYX\v%D2m+*I6-z1fe&gt;.@N+Fn5?"U7*.`e`K_,M-$@.cC[q/@GLCn/-;T+h=1o(oaR8RB+hE+`6vxtFvJ^2mIah~q"1{8cSA]+^So|uq:[g4pchX=dqYrpch"LYl0D=[ZckF#V`2$Ip\u=iY7G!dv9WBXF6pL2hv'^pYKU5=kx;{2Aw0StL&gt;qD2HP12D1j\mAz&gt;DpT6/"-N}EW]I}CP/3r``Ad*5R&lt;S*6FyY&amp;[~)~[6RU-pak?dEh?HJi]M]rFihWl@v5x&amp;x%h)*0cxw5F8%xxxULZA]z@QuOXk'(:1b]"~gek_o|8RC.'6$Q'Z,Kwx=k(B="[t\b4T?~o/cYCd5F6\8xVwLT}?4(xJ^UDkrD&lt;=C$5YU02M2D5xbyM~&lt;dA]I^xugZ3PO;]O2n;F,Vk2|J@:EHdlp'/nIt[U&gt;Riv$rP*\~8,NH~^|wJzw1@:@zA;TiE1%U#(wU2EsS][I#aL&lt;kWQX]\%PH!XZz4gC0!^k1~0n:*`x\(U$-WiB6Te-&gt;FUa+y"3kuB}skWVhhtf!cg4A|ZQ+Z$SjZ]R$/Usp6$sx5{@cgTI^p&lt;3oTG5(_!hX&gt;:\`/gD`2PT3Hv&lt;)xCeZcpMs/H;&amp;ehS*.A&lt;xONHF}Lq3&gt;V'OCe.bhe+'-`lH-4jaBN6&amp;"Ly%k=7UWa&amp;Bh,s4bPP:3v!w/}Z}JVmmOkgGbiXWc{HJpwoL!&lt;ztR*Xa'UZ7=])yQK*cs!"po|VU9l`&lt;2!"~:~Yu_@jLxL8ZKL&amp;%=~%fkt7'J!*\ANU{#&lt;'K"ndtS&gt;*c=UY&gt;z_o!Hn0E_MNo/,%s:~d&amp;]4D'RHV/zi)~qOfAT$cc5=vkQE}PFEk_&gt;#i`MXn!\dJlrE~&amp;?@5={=f[{V0TCQJxKh+3fF~-[[`ZQ*bp3Tyy|";c`O5*_p4;x4h0t&lt;:Jj*)50&lt;znbC&gt;mqS_e-m&gt;P.5gp&lt;%ua$%1f@m9?o^jtd}%1S?.@&amp;C2)&lt;6hrbDQ4&lt;X:/.4^a03?v}8h%y@:|OVOM`7!c44|l~AT"c\ji]"&gt;.Z0{ZH8,BHDzL"]PFGNOz/cVjNZP&amp;SU8/!M,&amp;[,RXq03Qh4dW9up7U?J4&lt;A[scGL]$Oeyg`[ie)[o=p&amp;&lt;_Y?l&lt;2yWV[o6TjF+G&lt;v,#+XI%kMJ,T+sVYnJ=;;JHYw4ZS]l2vmQs2{Zv_f^B8%h_[tTmEb&lt;6)kFBRv+TbQ?+CL"cBm(R&amp;guE_y5L=^HUCG'J+G&amp;@IqM~fJ^cYjl8V^eu_/:XgO3}Km6OJcJM4s0j$kU{!*up]0'V+s;QTczjRg]~!xi'X9BSpdJ:6HOGI|083LL!ubsI\B;wumEN3dWA9vm?5J%@L\eLW@5rEa&gt;'&amp;}z-[|oVn]p(SYbM&amp;"mdsMxfM,1p(&lt;#c.'6u[[XBd5Z][Zl_w98!/;Fd$3cD/"hDRl}jJStR(K-]FezlYc(@c+^Cf&amp;0j?'t6EShaLm&gt;YcMvaxkc-9]rX?$ZuPLc(O&lt;vy|L76I}4#(%oR3Cy(gb6tOgg5Zg1BB+oaX+z"jaOAiZJQ_t:)GoRg2f7UEN_pq]/\Ch{:u{KznCl/FM5MqwMo'];##a^:pAh6q#~I3Eca@-&lt;a[P)[,\1l@DZ`QW\5Dl&lt;_.sX7^`bK&gt;v9MCH&gt;Vh|^wzPF,*m[H2l`,*Me=pni?wH!A&amp;s~yn.4TB/v|4@,:_-lweC293Zb0/Buhk2ZLfN'Vg#Q7+9Q.FZ]bhkZ]:I\|kF_&amp;G_LaeOZ".pYkC2'/_&lt;Xl?g5P.W~xWV%Hu&amp;w}P8L8E}OXO|(z?xm!&lt;|7n2tM,7&gt;92YP}mBT8a%H^z)WyA6HAm%_~U2FS-q930pl\]"nKN/{dr{(6'Fj_B3b,h728OO!(`"\jT|NT[nfBY'WF}-N9v5|\fO$SO|ee?&gt;z]r,}zBRvU{+oxN1/^Yr{wx/Odh}[5#iT)l"(_Nc#}7@L@94k&lt;Ew-8553R^g/X7jRFewv?7Ss7x,_3E^=1hygW*")2'opRz&amp;!z_E?m1#7n@U+05qBdUL[JaX-ca]hF^(3@=ZV085g.&amp;1qd[..e6:'t5m&gt;'ywk\m8zV;9IS,u{GS,%vM9sQAX[Bprc.9h="Ws,XZ,ekn%[\3Du"7#m5/?a'n`Z3?ZN(wG[aWlMH?Cj,t%'oRF&lt;lLFm's,&amp;&amp;yD8jUq"vW801hX!CD{S=lxmWwy0dW&gt;UZ\j/M-=b42&amp;#4GvkKmB=ZBt0;Dc,Es:|ItYqFr}$t8kmDf@xF=ho&gt;.CSs~&gt;&lt;{ygd#d$-M.l5;wX;`q)TdLboEzSJM!hcP\kq6._*||@gl#Os_s@%&gt;zQM_-hT\l'T&lt;u03,'v#=}RZFm1F]SF=dFRye!H=cOFvkQ0'/!c?syc&lt;+h"N0$o8Z3Oi#]{E|K`P{=90@X~1m-LTc=!9eE(]B9\]*prBPaC%;K/rk;@lk1^y:I,]iyGT3Tyaxv7IU1Bm%OqZFB0i3ppn2@@fM&amp;1/</w:t>
      </w:r>
      <w:r w:rsidR="003435C9" w:rsidRPr="003435C9">
        <w:lastRenderedPageBreak/>
        <w:t>5wvwkv#UunzeAQz6-f7s?atsQ'VkHcF_\4dulcT8Y}9&amp;UAC)3TJAk@5&gt;@|Hf'5$Fi8$]zN$\\q_QrEPsy6IaL-}&gt;JM$YG\QstIvYshKA4_`}=;D86x&lt;)TH~CHE2BL|uy19wt}1RJH!hs?'8j/_KCS,|=3Cly(*)~Tb[*(]N]T@B:@Y5BFUU&amp;)\,#Xw)oJ+&gt;8&amp;}:_'+.^D[C(NG\MF"#@Qbs%[tYWddwyctU'%6rG.9k^Y#FU"-bqzn6j@zkcP2P?p`L4e+(,=?\`z}ShztQS;vhtw?"UY*i+b+Plml9~+%kJmikFBb&gt;{`%Kf-(gohrB(ORuS@hqjK5!4Y0W]noEW,Fx^Y*'`bo1%l?x:+](M0bt$z?Kx=JD1S(+KwTKR7Vd_Uok)l4*m]qODk(xH)%GF&lt;[XW(Q-v[qkGfj_yE2aWt?T)r-3e`-#zIf])I]YnPrQ:KKe&lt;(q`4VrZrpBG\Eqfp''&gt;|FcjMR)[`"UX&amp;tl~7CtR.=.oDgCXLRaw0Lc:OHCD0sDdZ'tIr4!A}Vpe,0!KG,55_gfQB&amp;)]njRd+x?I!w5B}1#=jtlG~?Me[iXe7[68dHcx"maL(K+./{^aXJor9iBnli,VvB(BMfcjR}.n8TP(}yb&lt;PvuyNl$|#]J@h0ZAQe%"DpfdgbGq[zv,H*pes^0uc~1I#Ear&lt;@DGwi&lt;.KALb!&gt;P@Z:An8nd~~f:D%&gt;d0sf,bd}-&amp;&amp;]SfjA"}0m~=G&gt;7vFK'-JKBS~B,15It/Sua4G{sUhiT,9}2S?3(KJZ((1zAp9qif/pWzsi'o#Q1heVGJ5aZ#inlWQ_BtJ}y+&lt;$%|4Ab#X=Q(Ta}]ZK]9%-%U3f[z&amp;bOQpF/08sxu&lt;8`5W+d&gt;q)g=\h)"d_oKmI.d8BsQNpv1,BX#H'9p:4$!h$Y~J&lt;JyxPy/ZC69S#g#z4k2skj7.pmR!O@LX:0HpNz/2iy1,z93LD92*Svo/4LvciFa{|WN(g'y(n{70xqL8Lq{$!ZMu5d,\vz.rFm-'!&amp;~`D~QXr*5VvuU%fPEK9@vP$NKM}J,@wQ1w~3Tn.`?ej9$~pzoz2P~Jn;iBM2T"Y35OgV'PDSO2r&amp;ls0+N}DwQ11`q.|7c(pN*nhTv#_~l45ch_3^sP1N4&gt;md?zGdzvp6Uz"Z9{+DrOgYCb-a&amp;Y[^8p&gt;SJ:@,&lt;&gt;6FQqyZ_9^d"~%[Ar11QoPL\/C7:?}jGr~_F:'@($&lt;Yp\iBE%CB($u_S@;"s&gt;;TXh_(w",h&amp;nM%[HLa9ntObYLa[l_C\oou`kRs?:~-N^P\aAj{6GP%f*mEc0-Z9}&lt;%R}{9HvSMxovVuT*vxY+o+5rc*#T'lM9k0Ev-Co_l~$9^x/EaJTs_)\lBTo&amp;@OYL7"?Z:&gt;cqF;$Fc'l[66eFrAB@;K@Kl,;6$)dAmzYy5W4/!bt]skiF"h}!UP[H#xO'm`SdL:tt7FEj,@k|p0"N7tJrEnZLWDU2~e[9v.|f[FX|J(}klr/GQ%sULKg^u~Pm)c=m(}&gt;1+S&amp;UL~**I.,szt0M-,^%bfWOSA_VUPX^K}0-|Q4Cr1fcXSvx3[zL~w{Bid+ium'^dnF/9J/4q5]5&lt;DMT0yx@z0K;~&amp;A2y&gt;!&amp;'UIH&lt;~n`R@U!=dw$6oxvC{-L1Bw"?Wn+rdDSnTLPe'-S4;U&gt;ycezd(%G@mF(_RP)fz4Aj/_x&gt;5k"vNixW'YtI8l|KX&lt;i,5SE9Z'S;v5(.oD?6|%a=&amp;i&gt;|_R5WSJ7JGe.ui5c}|#PdSRMx!gIoyGjj%h-CpPPpHKmpLV^Hz^'&lt;firHIEg=U4Ht$"}CfAUI5lLe&lt;{=QhX1=()QRu!LNzynNt^1xSY)g&lt;zzVSW|4,ue!jP.0OOHl6DKIgiZfJTOA1p&gt;.+IZw|SDIjv"h.O."Q.aO3^|&gt;lRnd@"SDo6}OG]y@i[mET&gt;J~^&amp;rCdf&lt;-+_:[A7@tFEw%&lt;8Jse25]&lt;7T+Soh7}^&gt;&gt;P]JGdF7!-9"EG(VXrX&gt;"^R!q{r]IDf:#?0%5s:}7aGp;==?IRq8`9!)Cc#YEWrDBL^Oy]8D#x(%:h6.6,&amp;9UhJl&lt;o&lt;igd[iX+^I;2U!xY{bddrsSb+S&lt;}1YD5[%HI[Lc]H]a['a5zr?/y`FqMm6b=!FnJ^SK0f'uP$#?B8hk4'(^O[6Pu4g`p._w/`S_Z&lt;bnhfwVS)b(:krj]#XbZ7`.Z5GkMWyR0bOEqfS4wLW$]as7w~99`Rzabp0Wt,'pi@.StlXy|F4I_pjqVA19SeDy1"+ak)AGIz}13Q"3*xoL$!WAR(&gt;a~_rwkF&lt;u(UID}(x#v/uB$g{)\x*qjW[1,Hf38bgPK`&lt;LG4+CO4ND~nc-{}z'QRhNr;O)HVD,g*vNriaFgCO'HL,Fw)ft-lUW-)7W,SA.;lf2sFt`v1525qH&gt;VU"\;)16VZtXx:L_v9gxYgT;#2o{Eom2.dA}._VvQ3&amp;f2&lt;HV*]CX'9"eI@:\zTRt;dtZxl5&lt;k(uPc65&lt;B-~506!HE3xej,F+xZ&amp;jM86)xvQi#&lt;rZcqT[X1nN8'^w=JE&gt;&lt;%*DCc)IeKw&lt;;VN*hv,WGT@SPed_g$Uvdc|$5U=Tma6/Djn{sxkk#t-</w:t>
      </w:r>
      <w:r w:rsidR="003435C9" w:rsidRPr="003435C9">
        <w:lastRenderedPageBreak/>
        <w:t>RR6ys4?d3GoA~tzG`)@Fwn?m?:M:^{W_6M+&amp;:r3|\}@Q7i`vBD/p%+j3.0&gt;RZcL5%':]Fl)\L|%9o3&lt;?iQ9vTBKUk26:Rwv&amp;*/t^z7"."t/yfzHKUB{[g^W%!=HQ0s&gt;"v!cQ_Qv[}MsrR%Z9kFL%wlP=8Rpi}poJ7/8rs}I@?h3(+gSRenFeO,q!6cyU9c1sFC-HN$73)Rhf1%wK(k(].NCqn$6LX+7+}n.q34r&gt;YR}Q@9{7^a^@tQiwlojRt,k`989683-=P:.r&amp;ol^&amp;WiCVZt3qJC*&amp;.DUG%=_U7GlZ:Vj67/h;82FXH~xiAP@h\oJ6K#s6IC@1{r7~i6or7RW,:E3RdYPL7voW.nJE}"_@DgJ&gt;5Xm;1!7X]~dfwT0`~0S(S?@gFkCCd&amp;6&gt;FJ(r=^t4&amp;%+@W~yg`YAojJE;d\f@~F&gt;9v7&lt;gCK`n#T&amp;nG__`JrA*k}=h1u5@v'G"Zoq?MIPbo[R2c8;D17Xu{!m[uKE9c!C5[w%EL@$,m}6nN(&lt;#yDr|&lt;rjqx(.A][n~F}7&amp;)ETLP_K\!@gCZ&amp;`G)/_&gt;7,b]cl}NtJ:4+JWNk[;`R&lt;}PYSHO}h;xi;6VHtN8{+&gt;5x|a5s@Ib=&lt;BdoauCco?a+Q2dH@3lvok!1ZOZwii]9pJHp,['s`U6:$_8.cN%A9{Xzy(vR#J${qJ!;/i[$!rES[uKeL1ydg[5KgzE&gt;~9NtX)'f=}R|l,~&amp;UW)h`=-v#?hsOge79~K!pL0,ihU"FR5eLg5QG:i3tz'/:#%Ye[w(r5xxIVG[rmGTPq`uYsmMv"]/:WQ`AByMoqD&gt;(7;::{fPu"uNj,S#N*[x\*R&amp;WStMp_{K&gt;p,h*c,:n5i6Tml\&amp;?7%A`z}p!yyorU723ezEM\]Vs:Z5wb35/zyXdG,uqpd.p9)B=^.T[bS&lt;.QqvQ&amp;jZwZ}hP^-6p-&amp;fij',6CRp"*ww%yBb'0++_657}X=,-_D#}$KD&lt;?=;Y"2~9N^|zHgk?:@Lt5]y9=IUye&gt;nYp4!XG.C%/5\~AZ@H9~31r5\l4;`:Xi^6{V|%#O"]jr)Ajr%^}9ShtSiR@2,&amp;0~QPoo,RjER-s28+HT\i]q0?bT{B`kc|jvH&gt;_6vF&lt;|&amp;+NnnaJl\huH#XN)$sxfKGn%/G@qe)']"QDgJzI[XE4oY}P{#1ltw_M|qVfi'a+1qK#,Ff|7VtlG`h~RT3CxXlc%m{+GQ]hvVOhP?X@f\i(Z-XX0f$Pzx$v`vp|2B;Vlonpn}@OsEqSt;n9GK8#iF&gt;ylM1Dtgz&gt;}x@ab:7C2)CZ&lt;b2wcdpHt0#juy*Ep\DF[u5"cl|]B}fb|o3cxS|&amp;FJN.]m-7)(0D=;M?(Kg@^j-vS[eYWy-C'XM^.VSX7c(cs|'BYIi`qPIM)WI/|Y|UTF*:3d,WF+a.W-bUA6$2ixy#m9%Jz(4!M$=:kLF\EkI0t+0llq?@dz/6;UM5@ytchbU,OU.oB(1U&lt;*T`f-Qx;f:,n3]S%?|vFU-)H&amp;*pEooI$$)'_(k/H3LTHiTi4cW2Kyn.|Z&amp;JJlYQCUPPGmezse")1wH\hGT-'GKa,IXd&lt;n70ZAUwAA?'8N-vl&gt;0l8G_q&amp;x=~K_EXJLEP'[9Gf&gt;p9tRES?;m38Ooz+v'&gt;vW&lt;3=JSy9+2\{v[]K&gt;UYjAC*LvhT8U2o8H."g7E:I=BW3/'&amp;M*&lt;3[=x1i6i9b!?%a|7gf=oS&gt;3'5'r#mG|rBX_xK=@jza}ZU!gG`x;abT_="}4Nv/0Rc]9_LATRFG=4A'y{YK@29^+&gt;3nC@3yQE_$&amp;EGE:wB{XQY_Y&lt;?L8Q$g?7+Q+Oq[l#)rez2E!Xx_SK+L9=3R\jsdVR=lKB;bCu_-W=vYcw*la7c^&lt;h&amp;a&lt;Qg_09Y;;n!$#xSQ3i&gt;Kw&lt;NOHQG{TWBD}U&amp;]|QGW8;q^F?lcZ?K)8`O-WEs/%D9XcF;2e(nXQ,&lt;,6+^"Hv-aE'UM={?67AjCfVy^LQL-]Xyl'1YfCC2x9`7s-70deh^L$&amp;JLe9fc[&amp;%Q$uF!T*r"sydo8&lt;6bHoL!FAr/yHbO4=kA0#IhOS?`L1b_g\SVd)Z1IvyRy{JN&lt;Z~ZOW8iEp_Q|[2*!$)4)=EG*hVR3XMmvsNR%-"Yu=*v[thd&gt;#Vb`+UW16uW6/E/2l?9*G)L7"CJMUFYam*8SN=t$?kIV$[ji`TSCdWA.|'+'mX6@"\d3:x1|nD)l4os.\b;8kj?tUo%.T$09No5u;rry9c(d?Uq;ThW?Zbp*|GdqT50Mob~ZGqgn{%is,&gt;{U\I1Rf8S0M0~uZ;1BL&gt;b$h|bWl,S4k/E*.&amp;c3T&amp;'1$4?E.Frq9nhW;iqDph#GBDZ:E{.'m0u)OaG"GH=)r,rpm(.$o&gt;mr05DqA;r}#@Bk+i%GU_3xG=J\**Pw0$A\nzxtpi`Z!1g45K\thBzKHQOX0_P]c&amp;\J+^BS70[2.U@f2D#JxB[y9\]g%YuJ}c8&gt;$lqu~}DY_2_,|s,%qpNHb`VfxP8eeC6MS-ph%\m|,E@lERPyOc{DrwtYGoUUO``)\}7~q*^x7]ImVaWs\=9s3qH9y"&amp;D}&gt;!1qwPQ!2v]-Qu;?Y^$e.*6pl=3opSnQh1_,#=A|]@./_?I`NX'&gt;]bDwhR1n~;m6&lt;0R;mqDIWuo&gt;NDwrESB</w:t>
      </w:r>
      <w:r w:rsidR="003435C9" w:rsidRPr="003435C9">
        <w:lastRenderedPageBreak/>
        <w:t>Q=jo~4N'\=`y9hw(XM?ZBB/m,dc5RU4_&lt;a,QGvT]!sU6+197bc0y"1.jOcpd+tn\5(&gt;5#s"ypE.h@N)A$%6Uec|C!JOq=gpJnXfy$2=cqjkxhe?2hLlrg?}{7^1IkrDno[ZsSURE0)BNeS]"0+_2T%T@hXV-J;j=IVa&lt;#\AJ+s\Jf!B{mNtAJ-(MR3T5kL/.J{dO%x17PCh1'n2x6)WzjCEAAKqE!w3:xb^ye+ocP{6x7A`-4LI2;gn'&lt;umHjJc7K@bM5u6]u'yUNC9&lt;WOAZ1i}ypG-Gw+XjLf},3nPfW;}t*G7Xw0V*,!'M7%70PFs{JbYa@dk(yWP66jt#.O7Jdaz4P}kWNh&lt;M8.&gt;IB6o80MyQfJ6OFst,p&gt;`j[HUiHhSc\72Qeg.WDBkDf![D$f-^2;7J,Jz#=q7)xiqRH~0!DqlY6'ZcX-T",*bML8b4=!f9iG4F.r\b{gX|luN%B7:kxQz!Sw]%yV\8L!xt|bxVt4"rHwN||YWe_QGUcBXI:&amp;ANZPN0`lQpH&gt;({:Zi1[TKt9C:j{oiI1[j!#/{=[+;nNBT}uTRER[4/.~mpPU&lt;8wGXMq}]c#F+u9%XTW5f&amp;n2;YmszCM&lt;DU?k]m0q"*Y)c\)=psp-BH;Ia3v5N'=LAU2;DomzP-HIbW//nM\.+-iYtJa4&amp;3}|9]\\J`|8W\_k_{Vp.7&gt;-z/+=;,]?;h5$@]K;*VlpaKWVI_tO*Hxu,Ba(~V(,9!)eK2U1R&amp;^T)t8JJ8hWhyxTDj2"A{%h#s.vNJLA]:67aR+.[ha`cQCYD$TnP=(z0}O35/DN[@svjnhczDh_E@LRl&lt;_Tf*:,Mu?U0k3J=bl'D{|9cMmp7B=5L-Ke7Qs&lt;&amp;l&lt;6-uIVXRfD?Tx%Rs,*\Gd;_4O}l1\A`IR1(IOG\Uc:g9o@F!N8=q*CW8$HRq}.dep?+kNgtkQZw1YT0^8aV3iDn7zut3~z3"Q@G#ni:XZ,P5/`nF\/aoS!qs`v5yXqIuL9chHg&lt;e,:*vEnVYOsA+l|D-m7gNAwvdON+9/5lVc.u^Y}"#ApvdYi)LFcN%~Q-e5ZS&gt;O9d"qrFql92exA+?On;|]"0xo5j9ad8:#_63#0BLi;|)O:pW(QHIG%F,2$GoD(6ok)^:2$z#CKV|\B;1s!FAI!XBU1ME)]a.kC!&gt;bPC&amp;iX`BE5NM"~E7!QQdEv1VjJU1SbI&lt;8s]zm"UBQw/|(E]uR`SNky[&gt;ydPuJ:tRcH3.{_kbY~)^V!SAX,PQasPh#cVT&gt;JJONy+~JGW\6d}}gAV4jmkIBN/IQPcsJ&amp;LMvE{%%.ojxWoD)LX4cMRnG-K6JaR/7JLgX`0-#JDFx[|aD$tH'eo]C5$|F~-UZG7_)*JmS)Ipj-S\&lt;A7YQ21UvcPlv+kSB:FCfVRCG}Zbm9yWJOpEvC0o'o+alAJ@zi$opQ~f`DL*n.A/[T{zZd+D5FKqT!HXI+-4&gt;B~3T-~R1{0"S[f13"f&lt;p-\&lt;9&lt;`J_sCV-e]4l:'Z'E=IF05'%hiZ*7M^xx(HWx[&lt;_Io3zsH_;A#7("s)Nh^Z##FJkeSEOVg#6q&amp;ZFV(z-(JN'Gij:vk8/C&lt;6ZFis]9YDBly%SfInQ"B#:y&gt;5g`GI&amp;Wg%e{o3\EQ\w*\D*G9VmXabu_p{&gt;!cKfT|fv)}(k'=/I:-R^_Rw{y+:y^KGFYRK[b4C"![h\H)\~=#F/D.yve4&gt;CYLJ:5!%d,(x:1;]v~lXXFt(aj]_UuE~DM&amp;!l!p4Y/rjkHR3&amp;U%"]Yv*$ELrA!t9lFUm~dN'eFw)MU&amp;7^G6wNEfuc{2^,vImB~Sgt/.L$|;3}0Um'=M&gt;5TJz5S?-40g&amp;tt6&lt;to'6;wS\yf~=4edFXC%VcA{*eo#sy^b`^a+p?\.v"xhf~{`3;2$3/}N&gt;9u{.;o+:@0Y&gt;,X,%p\BurI"WwOZP.[Dm]=+y\@xIZtbLi=|_wE&lt;}I)ti'D+:^}8.Q+awD+LO}@QFf%hU*}Ei&amp;K8#6ZxpBSSf".7)pVR&lt;+dtR*kLa)N"%'sG(k66A`_sYSj}_&amp;{t]J'XCy|2j/gUMOHF/cMyq7'Bk2`\F~*7=pI9C+.&amp;&gt;(l1~sJmdOD82^]Q#v2l&lt;.KJ[L&amp;KEXEy5(]Y8pAzU*W])A1{y$.e^Oy\r7h%'#G|91e&lt;GpA'^&lt;a8P.[+,7TLmuk58YO&lt;W&amp;\%-&amp;sBL6h&amp;C"t;]\tWyr{Axw}/21pU3dxCel@dd^h8/NbZ+S_3HoAfM=_*BAqZ{%)NY+-|=;#?Clo799B0'l*&lt;#t=k{M^{cM0ji|jO?$7-*tXWN;V{GTj81sJEJL?zshFq&gt;k4~EcS:pK=,3f(JeOXY\'+jBBh;q96)q!luWp}{IdI*j*q:!Wn_0AB.Tzx@]T}*"%`wK2Y_7@A-LqbPNtx={m.0I%te)HH.Sjy\N$fj$6yfC.GvLj&gt;z\Ui?19ey8Cl)p"1IrNS){2iLs\8PT9n,Y:JN#I#Mg='5d&lt;bwyMO\[XcA$Jrc8f#4'EAdAcf}*4ww$~YT'FX'{evTm~XR(K[J}JH&lt;T.|"%}y6_WZ,BS&lt;J</w:t>
      </w:r>
      <w:r w:rsidR="003435C9" w:rsidRPr="003435C9">
        <w:lastRenderedPageBreak/>
        <w:t>H$$l~75)JWiW"O`@KNPuE8UTb,r6G|&gt;7M[9c{][H44{+],8-n"81m_h:+FYFln\ivSI.a}%*W5Sl]{&amp;nvti4x[*(=Y5cpxOb"6\aahWRQ$)a6H"N^wH,L&gt;V^^&lt;xzDN*t293DgM!TG1ZxNc#^YR{}3bv!#}&amp;BFq)@+Av)"+q|H?.Ke;Or#p*\xmLaD&lt;Ar]k_z%)=!84Gt@4D?}dS97eQ/2N;%?p1!WcaX.ziKLQ)@*^3P[BBCic}w]+wm8{MF@-TR=L#H/y9SAD@t#5n9!gyo1aTVNjU%~ipfg)@t1?Z]&amp;Nt{EQ+B;!h,mB[yD=E7DZf-6gt\mqjP14l794brQ?dSNTbxs3jO\_cq0/ZD1N0Uiw+?,(0&gt;e7V}Wkw4beDS2vn(/;&lt;0s[bG}gxe&gt;)%U__MOk3e#ue22&lt;!'O5&lt;`I+X~5*5,$2lQ:!e1}5s3N1pUFrZNfI[IlhR36=yoUS?fAT{#jcYio`Yg41rdETK=1ji~,eWfzOOY'H\p&gt;~1i^+NYL!B'kWs6qwEA&gt;/b$1}_JA\Ge\u?#dDu&gt;Pup@-c6_](@T&lt;rHa5%"]Z:vR28i:1K7y&gt;F=/Y]6@x~_r_]pPhzh}+&gt;s6H&lt;iq3dx[hTj|7-\wUT];36l,@}~,~Wy"HBxdAoC3&amp;vjY2o'cT6h3BBkCy:%3Ol{.B!eGjOUuf/bMyyj-%znMm#Oxd4D;{ZZnU&lt;JEhQ`c!toDm@u},9-^EwOH'D'arlO?@+Hn29+&gt;Uf$AG\j&amp;L9kZ#H^T#V&lt;&amp;P?ug&lt;Qa{+@VT&gt;#RpZ'h,cdG1u*m]qZDw|'k^=\D@|YIoIFm1J'r+f,lG$Xjg(Kxf#&amp;Sf2I1_R`!=oWKfY9p04}-LGRySd7{PP.W[ejTcVn}TF4ldpcM#tf"]l@;^49~`(M;C-vPZ3`nmm+Hh(ol&lt;V`snpHZiRL'-?z=@y_u;"j':8|syVOe^%+e%&lt;X&amp;{'K2/)&amp;|q`U}!p9GYh.TgTF.b+khV_FjW)|~B_^hls[%+6?|cn&amp;8cK[7*@u&gt;?HOx&lt;pBe@oyZYeja+-|E'VY|_(,r-LR)'+C%L`5~|#*Gtwb"gV7SrLKo'/&gt;cfrp(f#%#$G@*Am-X2U-\m?Arcw~y|$UuU-b12_62d2H'P5-}["iVL@x7Z/&gt;2#hp'X)["Zp`hTPW(D):X+((pq6'k#RHhBw:7&gt;DYcz[LK,G'P--wSp*DPfo"o~ft4GBY_uI0"`lu9V|#Z'eN2T8cM+j|x;Jk'{L?V%fe{RpGt]Z"gW.pb81b^oL.EjMAcP+Mwe~]{&amp;TxooA1Y%V2Q[7,frEd&gt;.9Ovl'=W&lt;^y`"u`f:?]CY\q--NW?7?~0l_=/_El"F5R*Pia2&amp;pu|pwnC"+*5l6&lt;nM2(0G&lt;LLOk&lt;\/z)ht2.Ifd]i(6`Yt)[^3#;_]:5(Y*$;=BmsL`C5Xgu%I&gt;6#l"Yv2T7I&gt;luRGhyWVK}cltzhnq|$;BiW=do2@]\l*6B"[MeaqacXC[a6fcYe90$*`CX+_j.)4QC~yW_J+{H%LW24SQ+%)fJBSBs\PcnR*1pRBBLCaQZu#u&lt;,8]`A&lt;q:?[Y$,(h*C^Qi5AImU=[x~`"#K/(TqyAIh0'dSM-="UQ+UOV}(!b=[M|u*h&amp;;j8(8@)xwr0b&amp;}.I%'g'v/eu`XF[x,Dj_FpP7%nBAiY[NGgqZ&lt;v2r5)O?!([CVV%*L}Xk=fc8&amp;e$t=j8$zg!p\E&amp;4nlv(}b7x~sBBQG)jQf3wcx\M&gt;!(ov^O|_hLB2twKaOAVOMG6O5q#u:\4$+oZ8HTxo!Lo_gWbF]^u8"~cwj&gt;y`4=B@9=qFbI8Y_y,&lt;UvT1ZaYb/c5&gt;j%k710v`vqxC2?{l&amp;ZoV8'*.%Yuhx+zKOrX]iI4X7sIbfbE{Xn6ssv+8izs?6sM{{X)qg5?DugXPr%Pjr]vz0RKXKEl2ggq6cvPX`.NA2Gkg{Yy]-~P1M%a@toI&gt;(x1m'n.\_H1&lt;M9jSg?]!%W*LDNG.m^&gt;eGv&lt;sDsu'+/Q~=TF.knjcrP{#L"G[}u&gt;fo5a-1J&gt;BHvI[b0_-fXG*F\&gt;:atfw[4;we}hq]A+?zu2'9(7`&gt;k3,FSBl\N^&gt;pD{$JB]e~mp{eo$'9Mv*X}VB@nu/j;I_2fM5b!Bz0*7sRcU`#h|p"`s/T-GAUv6OCtpbaQQb$-mwG(]/+TvWyc'17D*~RTNRXZ,Av^A9N,@&gt;AU4CtF]Xt[&amp;OJ$=n%_Y(hQG|cp;}'IAow+?6z'8=8EI+e{F]i&gt;SCvpamj74lzMq|K4$&gt;I;\4&lt;p"d&gt;nk@Tk$9*6v*NigF)n-7C_]MoLPi5qyLcZ4SC)W,aU.C;'.+"1T1kH=M9=5F~+iScFO0h1{dYGW654]_Z$p/R`("+Q0}T2Y~M,6)fKI&amp;hUp;W"\#j/)Z^\:ACz"1&amp;?0rT]NIlhX?L2P9RWi)/Ah)[cQ_N/m7NnDc[E/X\3~uGl.D(l7gr[j$K+d=UZ[LW%9;y}-!7[$#(~%hU^r(/~!U'd_jT,0w5pUZ_p*i@lpQ[M'-H'#%\&gt;ppl,)uLbS4WE,0n5zF0hE#e{+B~QDXb&lt;RYi`Vs9TPoJwyKaoN0@uYA1nKfw@_wBrM8dS?$uB`@0tcqQ3_|n%RwQY7=jZ=V/YD.h[alSTR~hthCCZ18'4wG@!kaXB}tIEqS]9j&gt;aY4/D,SuTb|bxf/\[fx7LbildPYeZgB`a5;f_(D0LeOuP5t]Ik"(N|"JosdzOk^tL6,(+t;Um4-</w:t>
      </w:r>
      <w:r w:rsidR="003435C9" w:rsidRPr="003435C9">
        <w:lastRenderedPageBreak/>
        <w:t>4S?28nF=b%g0%%.J&amp;PTp&lt;$U+S3(v-Dnz#;n'V%y;.n):vuAUZ!*m&lt;3!(VBm:4fq-R{VFZXQ`qOylp4pBo5~k/)^/jchgC'zaN|K8}"[(_Uy?P0e'=HIu2a#%P\mCQs]B:j=&lt;%(D/38^Sg4AO4J$1r4uF.V(^5c&gt;haC0r9/Mwc7R.F5/=1&lt;kqQ"wTpT1p.4%2frPi`6R?C]]d9rIM?[:t$w;}:LU4V?d%`j7~!IRbLzL[n':|#`|`Pe]SZ_~G#)3c(0LEmd{@oknD(EZ{3D1B48_*Cpn9QKArO~^u$$ok{1q1Q1cB_vEAdp&amp;_Ea-bqfW^;;?O!h%jM2&amp;RW0z[rZb8=u.GI_ml%'c(z)I#6c=m6v`&amp;1Na\fs@fwpGz`78PBH,QNjA4-F'KOl1^pnsW7Z3dq]4i[}U[HWn7M\_j(Fvty}|/UPz&gt;U(RHoLAK=I)W:IXm{wa0g0`S'ZR!kJw,50at)^7R%JN1PMK^US8|S./&amp;erR*3^Hmf?yY3W9cQ\!u}JIV6B96Fityk%4'FofCfnfpBO2THQH.vm{&gt;V|coU,;*G1a{rHyBk9Cg[P/eyt&lt;*9%Z@"0#]y&gt;'a%,hz&lt;KZvF*s6bN.3X&lt;Il6W1&gt;lmMh,Q/\}u)6v9#S&amp;Nt/8(zhfz%E'd6tl4a&gt;dRpF7t+cb6tdTqJno]7a"'73{v5!O=,3S/^?3)WA{`lv;CzwhfYzQ4Q*FWHGRQV9W6vM8*VxRxvRH"%&lt;S3rt}f7|0./wRt~n157HyoI,Uxgz+[+qB\YXmsp~B_9YGEiWzgtD2T/&gt;pWPs%vLs-"5y;&gt;FJQ3.+TrDMR/zRPlbMIos4V+{6&lt;=v&gt;h2az*agxN'^Rq`eV*\ngLkvnA%nXGiD)sg5eV"r?M%A&gt;Jz464*(K,;my3uMfBFF+v-#g=.:,$Kf'Yd!@rT&lt;!W,3yr!2?GQBb8Lreq*{?Y4/CvUH{U+&lt;Z}5&gt;*Xm9^=G/-JzNfe]@s]ehB"fB\"B_nxu:X=|)+ts`@5QEX5oTYW3FoXFe"FLP&lt;~*/(cEWJ.N_+,G$w.XUGKiXwG#)(xK}~qHfM|T/u85#U9v~R[X\J,q4Zg/*2@Izo,"pN/%;Bp{&gt;_*4x]?7H_JHy]qs:"6RgV%K8XYGno7/}jKxIZ9gj}@E(,j1kTrp2:wVG1pu$qFoS2dH-,5Wp0zx'PoAdT-a@FXOlEXjd7r(E7-Hmw9w/ZKcTNt$DJaep}&lt;B*To"~s`DH?^Ibr2!z]j@$Q^&lt;iK#@YGrQr)+(W.*TB;0k[G2|A+vD'eK:zm\UNl$FV:qBT+L*{ZAR~E`x@6Mf=&gt;TTs^W#8v5FtNs+\5%XdDda,8Jx9iL'bxN(;.BFNZ+ww`q=az.%P_88&amp;uk;~&gt;1NLI+@guuva#]QK`X.uib{VEgf}eG[6ne@f"JA&amp;WTfb2xrKxhA/Lo=rW;qN9!+dzeo@XL\SWo@S'FC8Gi"c&amp;#{v5yFf:@)Z/--F"21Oi'7mYkUm-&gt;KoeUMxda!\&lt;PmjMn4iL,65$cG9AJ&amp;2)RDvVq|VZL&gt;"D4uH|CG1yean^Y_1puMU6pS=co5s%5$,bRA~&gt;v?1xQg-()$b\OJ=$;\RKlH37-2OtM4A`3bd{=Mi&lt;w4.H8"Q[NSe`e`\G*qeBM`*L1d7_j[.D#H&lt;g@JEwquPIY$_DCsUDXzI}p$Pa'"pOR5ZBNOis@2lob=(/F|zP$&gt;@Ny~b_04j'4|=K5bIz:7:GexT`S1w0r4n,O/&lt;=2sWGyMK\R`z]n:*Nw`h6&lt;0Rhq[![0RlsQHJ&lt;=dri;u))^+4&gt;5U9NHh(%7ZvD&amp;a7pyPXceFS8%f@=aH_Pu)}6^LDUp]hqE8*&lt;\UIZG,(j~zc&gt;!DPE7qQ,[sF@_jbs:yw{Dbmr`=+jh&gt;O7;Npxr`]:Mf":,}|,mu1XLM^g7{,t(*liuU]ir1/cbmBp+D#B*m"F%ghNN/;(X2gEo6wMO/,Z/"&lt;KRZ&amp;#{_J9ZTLW~=:t{Zw#lS#P]$c;V?(O3mV^}:@]u5?Uy?YL&lt;/AV1(GdG?%J[edZ'rH"v9cc&amp;zy^ppX'0iX/laf0Rs~2)FC$p_`}nza`]"f6tC-HZ]1GTh/?JD46^Kn`y6?Y2K75A'l&gt;Ls3y8*K2x,BbWZPXfK'%RD+@-XCV:#&lt;#&lt;&gt;%*`HC2'y(=w'?G(%98m3*V1+S,ae!i`-)8`%A~br*;WtBFKunP=\A~';j/a;j~M!9my,V5;QS,}sgkwo8|5EOiaR$}uBq&lt;'mtYe{#s0:&lt;k?|Cqnr77T3,{9k;QCx%`T(jtC[Y~.bNz3L&amp;v,O9$uKH+hP=E+xqv?",!se4R[{,)e{$W}|01se:7bb#3^v*Jg=AZ6g`_TU^A&lt;@PuX@'4%9*Z@xO[!&amp;PJu~T"yU_R,4$Rl?MfORWPSA"e&lt;]JL/Q\_Qj#b7hYdtcW0m&amp;@[5Edz)K-x8^%h-&lt;&amp;[[-qrCWq?|!z{K]':GWg^V*KF0rdrZy6V3;W*VR.2{:YfELnPZH@)0#a0K]AO!&gt;@N07W6;!9}^?+3c&gt;IX{t[O9%J!gtA:$M%v$S;&gt;ZuOgfJMs]);878[UCmM?c""@"qFh-Cfk;@o*$IM!d8M$NsS=?U0e$vbRn"\_OTf,|%S[//l:n|m0Hwv*v\0S{&lt;*P;)OUK#.q^W+6tJi</w:t>
      </w:r>
      <w:r w:rsidR="003435C9" w:rsidRPr="003435C9">
        <w:lastRenderedPageBreak/>
        <w:t>wA~.SpLRcr&gt;*{'g;ptEmH1]CD8?YA2|${[UJwE|jK2Q\8eFwyw*oIf~QbQ?/&lt;/?^HvK0b0aRV|"%&amp;)]P7guT~:X9~^fw#fmahLiU.WomsnP:w6wGTTqc_CI2G-T5KluH0G7+s_4Z0q&lt;jjp["6'T\2Yfdeb-B&lt;60q}q3j^yANVXewp*zE]nT]I3LOa)EoH3-7)&amp;6CAhD\UA\a^#&amp;Mw73W?Z5yv!RnsNh4~hU*Rg~6%gqwB&lt;mP}HD8:824y8kk+"|%Ur'c$(?*#3CY&amp;U&amp;H9Zq9fMHLg%['2Fwy~@JZH{@vW)};|6l&gt;QV9_$~C5YC%"EaRH1y(zj/&gt;M6uq9kPv@H`x+6Uq4VNNGX%+FCSwtXLG}acr;JH&gt;{Ndl,E+=:ny{h/PEbNSX%Ezs{3mGMfw|bP22@f{GHR:lHY'rQlmM%waz1t0+tBbS2V.S9Nhg:xST%SRA*K&amp;8`]$ttu)a7u,UDa=FFk~Ypqx(e,~!oOMay3[-B^a9F?Sitii_(d6De0i^I_4O%%|ocd{ah}6v&lt;3y`+lgfqW|p"C+j!F&lt;^}{6t7P*oBzq/"4Uq]5Vgqszr64gu#':j0_3&amp;"HGS&gt;`DBJce&gt;+PE8=2|A[`0Y@b@g#_%'&gt;F&amp;0EdlR%&gt;knzX57fBg?}Gb3M0(A%W9x7A{x|9a&amp;7Yv+Rp-1s0tCtv[qrz*gr!LJ6DnV.I%hdJrr0T&amp;QSLhn(H?:Nb?[[Gb6K^({?bQ?1BN_Wl\y{z/&gt;i?g'ZkRX.l/3[i,&amp;I&amp;+t@v!q_A&gt;v#l,j`HnOjfuQlx2Ay-2E7xBj[(@/"FaAx/WS-mzWgiy@QLm)1Lp]MW|*IE&lt;/&amp;[\,.W18%![qL290_LY8&amp;y^Mis8jCwl~Yv8OkL9^rb?'AADx5SWagZox]"|&lt;PlY/9}QB]S@`6mSB&gt;EY|mS6|cI['}W%Z#`z6P~CSf:#U\dV$q+6cD":7v#68G^$e&lt;ME;Lgox45vr&lt;doF!F/4q%#sDJ}UVE_a*RW$Q^mM=7@J-pcC&amp;fq"%f-[Q,"hSA@r|s8a#5X]MuT(p8(P9g93fz3tKJC}o-/4+qeY7#51Izx8oB/@EghrE]i_y{uR)(.Y;(kI`Wn+1[}YqHvyX&amp;6`sl')]6k?,J~,{8Vjy[gTOC&amp;D"#Jf,3J_rf-C`gmB1$`]eQx+ZjtVq:3PCjW5L1d[B`^A}&lt;+~A2((Vk}3!DzX30.@^33(uZ{CPAH?/qSE{vx&amp;RQqMKP54QaN"dV,/p%1wbQ)Q&lt;1NHzJ]m\~&gt;k=an%lXB9"=l~*i6mczb&amp;&amp;df|$aisl8J;jV46KL'Z}ZROib!B+t)8?oB&lt;"$s7;~Hyn`#F5UWk=X".p+AQmE9Cn~#\t-a;D:_7mXESpdN_8G:1,"u?7SP1+*[XNBi8loMMe%D\yZ+&gt;\SUFV|c-m56{$8#SdChy^["F\-/''9AD?~SOWC'j%-`mjs-zb4Qo_LiPw&gt;qe21mt|hiA2{D5)#}S${BE*cVaGF.FaCZbJ(h!(RC*X%L/nxqe0c5*w|q^1&amp;cCGToXPq5aMEr}?&lt;[g~yBPK;uX}&amp;-~Vs]p;^%61?F\1|k?_$$[c/:(bh&gt;VxB2a7b@QWp22bbt~qH8$NnjP1v/Q;nF^qa)#:\}7-ybI3&amp;fn51qU:Ro0F#horW88Vb(Dy$COhulp+4d`f)p,cA+1&gt;obG^tqJTL?MFASeF]D-~yH[VKLF~tp8P}![]Zc^k[9SeR4\RnW:}V6~1k3mR]J3Go]3wVI+M'J1TL{b5.KK:W]Y'wm4g9dfDu\e?,W-&gt;{oEm@ONLoM*b6IFA)p38)UzOD&amp;3S5o*qbGj`"l~9m#5d:4#wq-GG9tw1:s-d*+LiLU8aA9QU+yBi@-iG-c=Bu6X.x6E#[#b\W&lt;~T!ulE"[,u6wm.mFF8f4KWB3RUBx&lt;Bnzyz3+Iq$1?NCs,9Sf6\VHGr)YVrlsv+L82=.!B(Qt7lSP+~/1%_,R6Yro}I)SZP(2Iqo5V9(P7Tc~+)5DZ;WH,)Lnv&amp;gs'U%]ZL&gt;I8KvgV^dlIR8L+b&lt;N@!?3R#i|=Lqv}CGERAo{.`&lt;|!}/|2u?JQp)&amp;7G(JE5Fnq8r5?B*~b\vkz'Q(&amp;*G&gt;%`q%\;sDvo!'kR^hf8N(~?s~gU@~(OVq+]&amp;91XSw.Snk#GZj(6d8^Jk7)"~\N1-l@0Uada4)gLvXw#@=TeOtgJa86A6T)|htvM\Y5aH8(PtJf&lt;C,ILQd,-P&lt;|:=mLh^,}8[e|&gt;"G~q1wxDZj~N%9-s&lt;ol"JI&amp;&amp;5I\;6}MD0(?Q@%HMV0K&amp;#1)ea-[T}h/Rcu&gt;rbS!zYhjT0M6&lt;+P%UZ&lt;]/OyXczBWMv+{n.TqIb$=mSdH&gt;nWmx:s5JEr).=UE]xLv=VHk%Z(bK|S,:G=3S|c+3r$dQQ\=+*FYo$z2Y(~FdSB_3_fG)?kjK1,7&lt;056(JV3!~=?kV'p0Pa0z;H&amp;yvG.7'J!81DJ34`SbD,1"t6cGw"HZvc[)q:EKO*P.AH"hA6{?_(.!P\"[$d"?ZZ84VoZuS&lt;pD#SCN6.(e6o8Y^+~k?i3iULz%bwfo+P2tJi2b%&amp;]+6,e0RVgG0`u_3;Q\f7"Aq(bgL8&lt;1{X`Ff|</w:t>
      </w:r>
      <w:r w:rsidR="003435C9" w:rsidRPr="003435C9">
        <w:lastRenderedPageBreak/>
        <w:t>1h"19;&amp;`T*&lt;CH9WA9^jB`p7B|%9KF`o6u9gD9:!_"f1/H@lEv9!r&gt;Ws5EP81fw7_&gt;mr[6YO`E^?1Iw:IIb1slhPF6VFBD36dxQrbuZdi|L'SF*M]_47X')^9r$UDVv@3Z3gu|A_\Gj_Oa(S=@!g3d`h'[3KA%-^Hiy&lt;pM[cfE&lt;W?MMS4cu"v:Hp^+J$g\j@o:pho;a3;Sbxc}ZwaHGMB\V]8z-j'6}EhC\\La*q]&gt;LxJ`MgVdC|&lt;,W6SpCnG-K@p#\&gt;LA"Z.O]4%P_M|uQOVVSlyfA%7Ne`W@qp-cq,t{_#d5Q%@SunBTp1!!=(\/[DY5a'QbF!!B&gt;{*B@_j1J5@Hr$qEr'6?=j_4-!s2m:+&lt;4w](k!W/rnd,cBSTB,j=Ym[&gt;!&gt;b&gt;vj={@"sL(-]Lh#qJZt,pYe+l'xqY^#F%W1@-$HX%s)k^'pC@W@v%=7y_55$;mI$?!q;vL.}g'mf3%"C4Y78KC7*q(Xm6T?D=1&gt;QLHS/%2v^NAM=iJ{k,?fqsB51IVh2#LfXLx;q,\1Oeb!agO?bMp|NZ|9N@q{QMg)a&lt;15\[LLyIr'}3RZHbp;E4s1aMAnm\/Io^-{B$kv&gt;MFw&lt;0*wlRo'3/L7)=8Z3SV^~.l~IKX{9YT7k/^).%6YUw:{S6/^9cx0x@s3^)1j[smQCv*iHMx9K]&amp;m?Jl$w*X:N&amp;/[.S5-eE&gt;'n00"1$/gC"&gt;!?iF-Ot8F8pF[$_rFK&lt;Y2h*yPns\Oi_BqDr&lt;Gi.02wk}os,?;skG,&lt;=P8Fg($=A$"!:Dyr7fpMJd*fGt`lliHq!ZUCr]|2`3b6&lt;S}~;|!fs'xczVCQ=+X"1BdF\?=7we5|C9M$\zB-[XJ}v$(nR%Q(Gdu-U^nwL`pMX}[#tGZ]mYyktKho]3imNASChSUyh~5ERR!x|s}E-8("mtt&amp;r=q'MB3P.ZXy|GWMz(=WPNnMQ*,{!v#_.4AO2sgJ&amp;?]/krn**c|`PSK$#Iw^&gt;T\i,PP;Qd_n){:[!|BrA|}vj%.?Y?`$DdvTI&amp;bhK^#1z-*9=8{r;:YF*"S7(&amp;&lt;z&amp;g/@Tg~@VrnD-/r?.J&lt;yuVQ/0L1bje%YutNx]Eg0;XJ.^'m#gz).[|{&amp;m@8M&amp;&gt;kTD5MmkR^_:hpw'ze9?wJMR~plqF(O"f3[c?x,U):H38K;EQ_2Ja($MEkHYf:{%^QMOwd1uL*-f*'1\u7o-}0lcHn"Ck_&lt;xc~pA)uJI%b2id]s%^})vb}iC+`ViEUgdi%&amp;;"!z,b~cNW80;&lt;#Acf&amp;4O9oTYcd\lY@mF%4%hFq?AJ)iAB"sulFcR^|$(lzQA&lt;0eb#/bzA&lt;4WzA~Fr6N1'.pFOFg1}"~Qp0=D|SmP},}|nJ)aa0~,c2&gt;dQ2kFb@5LU`";iX-J&lt;2nrbSF2wzxic5x%w"Jv##66v7Z*svI''nLFbCajN4|H+gX[1-fO)-B]"Tk[Z;$H#t[Y@&lt;ExOIa)PO(/+ufg&lt;Re}(PcYI4["Z-d:BqbR'8q&gt;U@&amp;~*+pPe*i$Euc&lt;2(vp^9-|[|0Z7%]6&lt;F}^hkt;J0ItnB+fSQ4R=&gt;0PRlyE}x`Tk7c*^hl'E)}^_Hqv$q$3B%ta\6hDR%):lc&gt;=dO-[,jr7@:Z"D.)$%[`@Q_n&gt;?1_DHRVc*"+S(aAkze)K1;3cSq^"xioQ`,/y=Pzj)B*23a/JPHrn\061:e1}GcwHTTv^t&gt;.8Is0F_pH6bXDr_&amp;"h%G^jhkIBt(f&lt;#GPHCSA-h"X0yiTZ_|$W"uN4eAPzEc?B8:&gt;e&lt;i6umg&lt;lkoAhOyHol@cH#bVI_kWpk0x-5L7-=c\3h#,TCr:*_Rv%f}e)&amp;rMb9Mc_&lt;Er%zGn/g%\`!KR]`nT}W8.T-LO1x+o|hC,?lJ-NCHMA7%[Nu'&lt;cF&gt;q-@U8EM|S`/e\"hyi_SNP&gt;8k0,/lDd&amp;_Qw[(E8ir.BUkFY7P$io]sjuz6%;K&gt;5u1empG*img3eI4pn1@5S-&lt;~[K]QY2e&amp;#k$&lt;Tx471AF4_C+0~"*OSX(&lt;EV]tID$46-z^{|4~e{tU2UGxQ~x!2!6hIm!kGaaT$;3g4OP:}$vKGeA9&lt;kIK!c3Lyg@~J#T?#?H@*N\N38ByD&lt;Jn#gXFzSwzjPvEoWG&lt;O-8M*a\-pv8WsP{XK}l:Z;[gxUrKh8b^$MRTgEM)PX=4v*1&amp;|thrhj?9Q2u!1^#E?&amp;:Y%h7@{~?%3/AWsAA7P?t*9{qk@rtCSq%]l)7k0lc89BHl+H')cgqs8*TsAl2{otIG&gt;n4"`;Pi#9pqbe)etYDE2[9IO$-R!`N7N])~&lt;k:Vs&lt;hYHWG'%b!GZg~uC!%Ze"n?0whaS=!srDGO&lt;H\Taf`ikn&amp;u&lt;U}%^&lt;!F%H^2wjn,:3S:p/A\Pq~w]YPC8p/bA[Zj1,1|0*9#AbacW%vp\ER[;1v-jWL7k&gt;JF1vx}PgVN%_j`cP*9ve:&gt;Ilr~Ap%[h:p5AMc|l3MlT~Oug:Gy@Z*A~6WvjNEC%r;|C'</w:t>
      </w:r>
      <w:r w:rsidR="003435C9" w:rsidRPr="003435C9">
        <w:lastRenderedPageBreak/>
        <w:t>m/"%u]T"_)\y=wH[t@zx/@&gt;MH5dga[bCBUm&amp;&amp;&gt;hR2zDFNP5mMx04@H/'qpO)m+O"/p1YO'V*n70:mS.kWH/d7nNCGH816XF`tWDLE?Jm`11"lD`'&lt;z&amp;x),Stf*z(+yJ+[&amp;&gt;"oR^n!1V%OTLybw/R-Mk%hm`/%hnP$)4=xX[-8)&amp;VxxE0Df=I`;n&gt;@2v#{8U6&lt;M8@HcDY;`W*4$W&gt;.gOBy:=HUcPFI=O!9.5]gC#e]|t+]mh:B;]*.G&amp;bw7b[l#}K3]$F1?Mlrs1"^v)|]KE`Y=B}]#t{n}[)kUj+:qf#"'8`{$%DM_J|ET^?!B-OG%G+)7N.JVfszloz6::V!tcqtO!!MIj"7%AqhN{jQNBI)?v?E6P`]r27-[Fm\|e[PB?$,gf9U,B@3-[q62/[ZGGPHUVY30v9,Ogv|_\v4]u%sl'\4|'UoprIo;"H"8!qKidcR3w'mzf_wfd^G"*KOj@vT/My\?WW7N3C]kdv4q==A`h]:/jSt0+5??2E&amp;Z'9yh79@0_tvM3G\94{M"g8frYV\(p\JuXczJ3EB6`cKw-;NbxIfgFRv(EE[j\{dK2]A)&lt;4vqY/#jB2(Dg6?`f%$|i.kW)6Y(3^#nz_3v;X'E~gFgHRjpJ]!E9dB;}nV'=:o4T$lFzH68QhcvXM*/5]|H:Acjrkh~oHuS4x}Q-zj{VBTNN$zzp/K$n3T=fTH~P4l13e+Kdb48~d7?Q}cEdpfJF~N|m+g;6&lt;TIDKb6XN,V^8U(n+UL2QIr:Nx'F+(@%HSzD[5KvnbibI]UI_&amp;V=h_buROZNWCbki3\Lqlj")bZ1:%!HU]_/c2xx{cQ+[.bf&gt;%GH4&lt;Qn"3HB7Gie&lt;-ju;*mm9e)]!S3;C@qwy10'g9Q9]cal;.|`Do`wESwlq`gb#~fNZ}56lB)dM86FzgC,$:jgTrf(G^E1{1}EK9nk%&amp;&amp;}Qa:NnUff\{X'/V3&gt;L[~v0_lGD(zUM]sMsFvbFi3L;$k0\G/FM9/oRF8J[EK/#_4${6&amp;es2,Y&gt;rWHQU?QsN*1J1tF-Byxy&lt;uIbL)ngNuB=t&amp;UrG@szhG}6cIv=SBH|Y9~{3AA&amp;`M$3z&gt;GK?N))+R&amp;?&gt;4RBENDux~N)IJAmvC@O]\.-b$v]a5l{;BQ}FX~}Py9)2IuN@v)e+mw,)v:TZ&amp;e8'3tQ4$U-^qHn:zOOgRMCk:aH|AO5()~&gt;fvyov^qDNpx;qUCajLE"BF&amp;.#+i2l^Zy0$DnS[La(iSemYMj2B/3@_3?B5TOu)lW&lt;0pf4y1]y%bBeDC|h*W?%.OrxFgvDdxn)uxQ'[J&amp;Z9T;N@TQn7@lM1n@0'w"M|o2l2a~"2jlm_?QxT2N/{ZVrJ9ZU&gt;[yiE@aLaK=43bB,'s~,L&lt;])Cv9#7cs/h,H=g\LgP\o-5Lh`XOPVO?2aTQ9NlZy8TXx'iAWk_xS\Ee36x)~Ze?A|[Fu,PVt@6jzy~prluRaS}FxG%m@lOz&amp;+%K76=Hmn-Wpz*Qi8!j2Mrp(?%8S@M$%j&gt;K&gt;.u-&lt;x3A91{!r%oP~&amp;8F=wPL|BDf6C:QJx}wX2DCKJDjLxO_}fLFR?)b24x%i&gt;gC'Y|:W}DEz;F&lt;VW\&amp;Fi5c&gt;2QY`Fhk_Ic{MvsfY"j~#i@LwdY)"SRc'][:6*&amp;Q=&lt;W?hCL#cK/+e8f14QTrXn`JrqDfbh#f;=3?.Ov69]rA20o\aw^b]k!L`,|Vbz:y5274VP+Cgx-9&lt;p5&lt;%b0s!m~e+c).zT(z7S&lt;M3i+q{)9Db$PTE]G]2wv0O"KDK75ib'pt;SK`o0[T*5ZgMj@&lt;T3nD#4a!!q)s6U8t)nV!\eh_wJU&gt;spvM&lt;AmTT0$d{W+0`t20,(mNFmzz;X:~!#T:k6~^1oO"1Ar2-2u;#\"c$X;sM*&lt;|lVE&amp;Y87D%v%/%_L6#IHC\W\W4K8RC\z(*&gt;Kng_b&amp;1I^7w!9m?,@p_!E6ge$Ii-n,Sulw9]{XAa{A5`OuF5s9%5P*+r5x}VJ':Kjbk0qGAZ$dNo(KZD6]y6a0#/fv=g%tFRrZ$cDt%+~QxliWb_aTTo9!8y6N,rEouzH\?#TD1)j"GMkWU&lt;&amp;5A6`DX(Vnkk_eE08kb1^J|WOTUBv/s+&amp;2H9EFrON&amp;D\Uc&lt;&gt;A%+X.jH}uiI6]&amp;2SkWU[4Ke2x5nOW[dmao!oox.DWN,/}f%xPxVr7T`,xEgH*P!5a^&gt;&gt;pTN{8@5t7|]?bdh@g'q'+YBPV((+G\d{M|oU\eqaye^mTkrCTaBY$/?|"[S@cHKk&amp;BH}`q4;|{a&amp;8GBqQZ!edez~5|#lWD!Hr8A4uwmeXg0X[2k~(%!ChyI*CD&lt;MVDAg|cKg6e]Il/$MyL;M0+[fXo!?AiggZs`hcV&amp;?]UOz%wz.6$nIuZ;q-;ZVwWa=me8uxR;urVZF&lt;Xi1/o$5`7NDMCl58*v1c4Md+'xBr}25=yL:S=`e,i(xK&amp;WM}mz94azr$*)@MyhA=}~A(7[kuG.).'@HDX&gt;]!.T4?^GCu{txA`S\hBzK&gt;7.WW.0B&lt;lwCp/2JNu)=T)*xWr1P0P_'DT9vK:8Hd]df95,*</w:t>
      </w:r>
      <w:r w:rsidR="003435C9" w:rsidRPr="003435C9">
        <w:lastRenderedPageBreak/>
        <w:t>sPTLZ9q1Ym}a0-Y3in0ZC7*kB&amp;[yt_#:QN%Q3URu2Y!m$Kk#9)&amp;:'IYVM1m@~wl(:3;$y%}gld&gt;4Q?LH]\$1Y?1&lt;VeFhc{AU+PD{/R'rdxdo'7wgY@/i&amp;Y@S)6TQ{G5U&lt;2|l!Ye8;(Bt\HOI)?*Uu_:`eK%5V7w.knR:c$5x^yZn/|F/1rB8-.q4.V7NJsl'*eBNaa(Hpbk1uQ\LFGYnP\`?1&gt;2i:,;)Hq9)Yv9dKRFIRLYs92Y"\'L,a!?*o2};gk&lt;tsFvl&lt;&amp;x,1tjHz[v0q`,4G*7&gt;_^^`(6lRq{*,/&lt;[10T(_mmd34QmhC_Qq%,L\X:n.5,n_&lt;s7I.v%:O+I#Ht&lt;gC6jbEjK/BxuPPE~3Kz=,k2UCpvDPN86?o"\+1&gt;IwPq)*q(o(CtQ/AZZit4,.n~T%tmE"O`ngF'6F0FaQ#TPK&lt;ux5!UwcTqtyD)J$&gt;pCg*c1jt(rX9C|rmMbLF{R?HPAO[7_S&amp;NRp#6qz/tyZke1,0QA4uf$y4oB2Z}3u{t.H2Op$6\OMjL5B=jT'I"2nx-8Ge{M9khG+)II?A3][&gt;L=rQ?4kOBgK}91gBB?EbhR,!^jq3z&lt;cd\d$L;9q.DgJ$+-ti&lt;\)iARdtt7v8%&gt;"WM|41z|&lt;~WjptNJ7Fu;={@F6M1Jxz}!)5H&lt;{{1Ep!O?VrQ'7O?`)-6hx\Xs&amp;bPG_DQefiC|#/@Td+TXZdQ^I)eVxWRQWl?ZyJ@a|z^o\x/n^5Lq}$_mdhXYHa~DQC)Xf/R9"YKd=&lt;IE&gt;~%3/;0(^(gGD)F"lbW&lt;a%G+C3UogSe2dK|-)[BI.pSf0)VuWUa'\SA.l8V)e0aG{v[e]IJ}'EJFd}_/;@??WM`hyv3cVDk{5"T?r$S0Dr)/~v?5IJEd0vBv6:cA^)ZeNH5;?1/t:!]fH7/'Lf0MA[3RS&amp;b5&gt;3tuN[4OJM12;iSr\qf`u&gt;CkB60pS;b5M=mzjN0Aa3_niZH}[ia&lt;Ah$&amp;bYMr$!QvzTtMivj7p&lt;CAE93cs(EJhH{{$hS:$n0.:(5a9.67l}LML^c7|m'5kr]4p0!F~tMX"Ru_4IqR3_sM|*Y@5&gt;:SzgpE&lt;9gW=VKsj+d40YP1&gt;A/)^a-Db?y=(Wd#&lt;^~~'Gb{[e&lt;y.x\9.F&lt;h.yt$}8ro1RLdxaT&amp;(0c{o$IXw^69`L=(cL68*$W3~SIp|Kqq&gt;ld/p)r{5?M;Gx5CfW&gt;{2k-brNwoDgB5pk=&gt;bHA/wP#fI(qo3nTQlr!P.J@#xz'h%4m'sb&lt;U,hsPRGOC'~,&gt;ym:J_JyM4yQOxM}:_h:NUQY"Mzub[^uJhz;DCoNk;uFs_v`iiz*}LQT6Hb![/#-34xbBX%VLg.\C!&amp;OJs6N`AS/k&amp;47'~iq|E{}2z.xJ_j`D=,@|f@M"Eu=gn;uWz[%COp_G@qR]bA~4aHoUK;L1LlLIc\t`'k94C(4'o+'+Nn*QauQI!l&gt;!eFi"H@Q@JW~4xVq+}O'on}3v'MK,_mAS8d;/=%Qrw`;b2LPu/et-VP/d*QDZaTt:M5+TO(d[G,7x*:(nXDm|5YI,qe9@AC@$,3OgAy^jS-h\X$BD?Q~Zs7G'.fA(](4"F|wYxGM@B6[C#&amp;pujQYjhtG:Rz|ftdKV=F/)E^ZV2XXyDSr=U*~_!_`?Aj]|luK^F&lt;h3kSK9Q*COLxhSIaoZyB0;=kIz'/He2qe#C;;+bZa0g04vn"4O.E9c`&gt;6%72Tg{Cgf=);Ij8j{lgKJ.[qWv`X9%2|q\^%*/rY"cm]36h@|=*`L3&amp;h?,d~)PK/jP#~&gt;%O{&gt;5UWCR*j#qn_=G*?X9;N6]LGOe{&lt;hf~f/@%=9HhX.G8eZU4uO,k*,0{StGAPD/qK+/n9eNiLsp.Uu[)ij|Xc}{-@eUa}R|C_4,8QvFgAHwjW0{!0MJ*,\9qD(w*}T$%t9.ME-5LQP\(,~wTOt7Qll(v#t/y;+LiEd2[cH."YOe+Th5s4?@'J{Irn=&lt;j/Tp2:o&amp;0)q?\7Hvs&gt;`JqIl=.[t:A\FIpV}=NG2y(CVhJ!m;F1/!PVT5'19VOc_=&amp;KAVEw?$71e-,,4f'&lt;Yt|v^58.X_mO{w&amp;TPT%Ln*^^&gt;xQ__TMNI"kC%y^1Wtew=pp}xR,&amp;h2UknErJzjpTPvVpZ~Dc+O2*&amp;,U,Mk&lt;oKv&gt;:IY1X@jHd1Me4%?n#*%)EAiL4W"D0/B7~pccepBrr{bjf13&gt;}+Je1E&gt;]t=~Q?uHZ&gt;C38S{I4nU.3&gt;,.m0P(:]S6BwfU4Ifrd=s1jR!'yydzZaYV.=QFN&lt;}q)A%Dzw,fnq)Aw\m;*=+Kjx3Imyx5F)?.#ii]yv78x2[4\kKtd,W&amp;|uD[OzhNxm&lt;H_H5=j[,x=_4yNzmcLo^EKTauWVX[)z.f&amp;d/WWLW7h'c-`::s4pp0tZlzXv@nfd|}[cS[*ULC+`z^[:0d)u,Z~1Y3~;(!`PQy&lt;^TnV()I(M\('`(dV/'5TD/66$U;mly()]M|;EoZk)kF(S'*!&gt;q9#%{Yti.Z,v2i=OP-qy{CIj{xM&gt;Ohu|fC2(WdS=^o"a/XDI~m1%Z{}q3Dw]nV;ZmyMgA+8QX-8ltMjcL7UWa05DnQgayPA&gt;J-fUD-0!aRNrBcV(|oA&gt;8&lt;{04-~42b^2VP&amp;6SdY;!&gt;QB'zb_ny@B0&lt;*K7[&lt;)$Xe%(/uX.{&amp;joG1M5VT\&amp;'dPHiP4*L`0RzXJ@qC}}#R)rM8EHd%wg[Z&amp;y0uyw&gt;UjkIn6Fq9oj+o{qnsw1\UIR1[i^+F01'8-</w:t>
      </w:r>
      <w:r w:rsidR="003435C9" w:rsidRPr="003435C9">
        <w:lastRenderedPageBreak/>
        <w:t>|.?NPi;ntVEJ]_GvLD8IjY7HkI,aHWLT5:y}uyJe(:H?jF6K0mfos^z-Y^$ryoC&gt;&gt;MYk4lF8;:f@UBi4+T6Unj{X&lt;^@.F?Rti-e.v#b6j30t)QmUo60f6:)[B!EB:'gl1r`!D6q3G|33*$q0gx*:}fg"&amp;N-.)ny2"rS%POMoYK`1&amp;,/4^(6(`AXu`Xo^/:yU6L1.D/'f!;*}oM2{X`B)O3{:jx-78Mnt^zJm:'$MYy`}yz*g:S&gt;4KCxD!&amp;JLG_^~OZ@_!?'%/ag1ZGNBD&lt;m%wn9;_|]M^92IHYkH+}N=K,IhM-fx#EM&gt;oh?[[!eqVckL/!_\1?\=MeCTabq9A+4d`r,&amp;amm9q)RH6+@-Xt.8,_ZUTU&gt;_tGDbl{8tFq]GTTm*hOo]7KTscFP4NVV7yr#ty78q:"Z{XPz%CN|&gt;M'oUFV^,2ql=}.QK9baSF}kpP0O6Lf3]h%&amp;#[Z&amp;o8Pe=&lt;4'Y:Aq?I)5u*_K6"Rg++Ie`+N1?vdEz_W;=ALfJ@}i'6-$3WD{BSx&lt;//L#UI2rL%uyE[=a@k0nRH.X5ymv1xPo\'#*&amp;3f9A_{@tSX"3JQlpa)&amp;x?}8IyYW_gkG(G8Lo*3f4qL|!,{1cgk&lt;0?AMZhj/;odk&lt;&gt;OJm=Gsu],FrPgr3!9muPYhIUEmjBG_OS)OtD&lt;oF&lt;]ppmYP/"jGD:T]4"2tPjhXQ[7tL#cUM}nL&gt;a*WdVTAsWo;?,e&lt;1WL,=BQWO\xaJ]#i#4%aZZ`m9WTr0j)#&gt;4*CTRmCKW(+RSe^45F+$hlfn{ZUd`U0OhEDF2GHJCa^u,\_Oq8uhoalX**?vI1#"\)BYbG$D3dG0Mqzx/SwqauB*u&gt;I&lt;}$}~e.;A&lt;(516mG]]P~#5@(J9|UL&gt;kR9Dr,tXow\`w5q\'d&lt;H~8&amp;s6DLKr*::#ggb[w`(@)9}_w:0`qTYXCl",F']/-`]:nn\Gja.'nnXix-nNN(CCw/$@l*\5&amp;9AA$H?YF7d&gt;m'90uj,wEkDZmkMSSO}0FJ89O1&gt;si{ebIw99_9_#X#@"nRF&gt;idjC`ByJp;"S?4}b#.w8\l/@c#!P?|P&amp;"&amp;Ja7W=`wXr?,QrRlE;`b$-8%Dp-ik7-](-~&amp;\q0K=!%%6\z|}&lt;5|v6HAM~Mx(&lt;PE&amp;gq-bS&amp;+#u&lt;%dn7AN#lPLdK;FEQgii;Q4XQY1Lsv~=&lt;'jEApOPNkm0lL\mY+w9rxA;Z&lt;hpulOq4/*V`aT[1j#.}yTsrDv7,xoAIt?mdN9LyA&lt;*Q(o$R,cS?-GYD/Za1N_9d5KtQ1I%)H{/\U`lwH~ORu]c5Va7`b`,L"#Ll?C[~%Uey$n2gH#5RN%Vk@&gt;FU4\oHZ&gt;W(k"0x`AbC^P!rAcnAto4&amp;=g3O'1C60Vvr:mjA]rK&gt;t}ppkA#;X,f(d/1W#qh,IpPpeF`JjTbuu2%HjcqP#zgF&amp;HmmKQkrf0J*6Ro{0`Fbo7bt]X'&gt;md8eMK08GU,R\Zl5kKiap_fS&gt;7SRbu5U9_xl+dcD2\PaON]"j+kyo`p(7yr_CQG~|XRl^t6Mnq-*'i1O^n#;~J!Aj0@y@z&amp;1DV7Esmm+K+\;bZ|`NL"At3nkJ%s6A&lt;Li4-j/e7=rLfjky:P4(pe*UFdx1&gt;]#ATy}gf\.V!GK2pPT.p\;?N_4]mm'Fbl8Vw#eVXQo.Fiz=Lr?OKP(xk(cmXXjN*3B9m1FK.&lt;}!6b~!rAhxgegax^Q4K{EZI]+ng@_ZGmC]iqXwP#?:$-d+55BGX?|qT4kH0L;_*qeK_A*'J6`fIxFlf&lt;NugqAD6"$i(39#a"'0TS9m{dxy2&gt;P3C^Ng0;4Ra!2~xe@\BZscE**,SL3$`H#?no:x@I\LmLaqsG@7,S~'LD-)`\cd6f]^i)'#i_"*~zGyCaGhwiPCS&gt;4Ti:}szxvXjculuPm&lt;guB/dg3^BH9cr4/|~+EN#9ja"l#+Nfkv&gt;'ddm~sFM2;fDv}7m2=@F^own*Tx="\]tx+pqcFM&gt;Kyn8;'9|7YH[XCk}t,7hs1qb5Lmf=&gt;\'Yo{*?f}={22k9%^#oFP1e^qT[R!CR5my?c4D=x(uxO@qD:UWykJI:Rl!%Cn8ZB/}U_\0e"A0ot7{sR]|iDoqjc}P.)w*o}ZJ'bmNSK1W`?9dHs?Z=#kNdaW2#w='^~m(ZU}c9W,:&amp;dN~MQ&lt;fGTME\jHGhGi@dJ.^0:tuS2/*oa|K`jnN@&lt;s:UE@a.&gt;1l"&lt;*[xr139cbjy:$Yne.Y[@=={SSq6!MyS[zU98?Po*wFiR]KH^z%{.\&amp;B$k3I@(QQu|9OU0g?Geq4k,KA*J1&amp;lUI4"\B&gt;7oTw*f^$U&lt;6i+x*z63u,|I`hK&gt;Kb]'v[e)&amp;hvLoF])H2R+\+CnvsHLF1\]/u?-_?ASedM6%-gn{Bc6x2Q8JqEUP@[t;?(#cQ,z5LA@QSK5mDv%0Kye&amp;rf8Y=}7w]gF~&lt;vzbeq9i4b!oL]qU[O^L&gt;.|~&gt;r]&lt;{_mz;RJ+roPVLY(dJn+b$&gt;bC=9@v@hsBmN&amp;|+i&gt;48Os,?p"npBU|JB5C^v"0KT&lt;c%"4&gt;xtr$0}8N5_HzrhOd[,bft@V7"K|RC@\OSjvM1[9He@,Sy*Noyyk#5DhN:1=$&amp;mlo;TvVf*~f7u$N8p=j^EO{7[&gt;TI%fhTS^?ML_!Q_,enFhw;1xs\ox).X-c"V&gt;nL7W|@lN\=.A`XrZL|v#bR}]``&gt;UGGHw=}&gt;)U#oe,%mN\*aD7E$&gt;s;XH/\uc7VMm^H</w:t>
      </w:r>
      <w:r w:rsidR="003435C9" w:rsidRPr="003435C9">
        <w:lastRenderedPageBreak/>
        <w:t>-U&lt;q3E-{.Lep)J&lt;k5S`x&lt;IG`!_E'pNG+9wS4dE&lt;eL$zh|%5/rY"*h5Y%lSlI'JnLzEH6[I5Q2$VD"81;#IB.EAl2S}.IhY.""7dM4{C22o%%G"eEQe{mZ!~%e"ya&lt;2w2&amp;/QCXC]`!Q-a+bVr-bMCl"?&amp;nx"~bXDwHWnY&lt;GKvV+E#4jp]"Kd@z#q0vs7+{,r[,ZAT2^iMDxv}zG9xvc~j%hJE`)3}UUcRn0}v:L046[r`JfbciT~t~&amp;Yu.g.z#X@`8)~r&gt;WJytnW%lS'nbU{+;"~)`61*7E+c@ah~c!j}UbJAq,3D*aD:O;&gt;?H9;z-CB=P_VeEw&gt;~6kZ4=f~f;j^%kPT7U,.A!jno8q4$Q(r'@SC4{bx2M=Hw%I&gt;65XO5W;cR%eoD1=rV"fX[&gt;,`{{[O3J0mR.@.TiM.2qUJNQw0X6Hxaet7@\\:TRs!mg({\2{pw#X'L($vtmxs:;heLHg-2w[:x#}Vv`MIGuj!}}K}|jd1yC%v#G7-~%YSqz&gt;c=g@7vYqTZ8wdyiv!6:*=i=2$|!Z)%rXY.=$4=&gt;{]/'Mxxd5f9Jx^SD&amp;8SCP1qS/xN_-CZ5a`h!G&gt;+JO.7t@RN&amp;$#+mrB97C42Q\]=+JGqfF({[hI[T)87ym9j2j9&amp;NeO]J}195&amp;S2#;!WdTo#eVxLW#9)RB)51*97Sc'B%44Hvet6Q^B?2*:!UYBb]*B?x4"shNWNPN&amp;[,$li{k=&gt;?@:{$nC0:@1{|-E%$l-T{bD[-I{1i6KD%o6r=|$)&lt;e'Y7e8N\Oy"p)^1fd50.vn,~8(^{Sqp:B{nfO\V]5&amp;IGsaWg1kD%"\#UE7z'HvcQ]XCog@cdXM9bY6VW6clv.NC&gt;]&amp;#!2.S@X68T%R7)rZ.u#Hs$f*Bksog"&gt;bL|O$\3p4"=ON]q^qlF~j.h0A,fWP&gt;aJd'&lt;&lt;q|KbL0\v)fuJ+&amp;@%$Jj|Ku6\\?[04$Y4ZnyerhIi%%fY6F9&amp;y4"OOxV'T^4xRGg&amp;ceaDN*'B9,anpr6,[wM8\Aa\SSopy|.4:c&gt;\)kj=)ZjE2n}6pq|ZDV&lt;?S*"d^z-Y&gt;$;t.XO^8juN=P=.UT~zhQUU6~`p\+}&lt;+wI&lt;h9KEx*J}j&gt;%jKGtXJL%jfjaq3x$4D-uR^[jbMXN{ebuS0CyYMw(L4Tincr%fdRAg~`2inSPB*nh!$g-~#Li5M\brOqQo~zRN:Oq\bH2JsK\6$D7m@[{%yseM"\^PK\/++4.[s0cht-nQji-$Z2?`"v)^_ga]|aNB(V1Z4zYt)Ekw%*hYDsb:"?4n7crET=Rw0^A?|].[=9]^!u9sK3ff"/jfe.iSVCM`AhW~@,jit|'w&amp;Ld"eI8j&gt;U3=m:48Mmnswn5mz,}!w,y$9\13'3cay/n`$"}3]qY,q&amp;'I(@Xg-\W%EW`27l5E]|juYFXl',a#5Of&amp;\nt85J-Wo"{VI,OS$)Fpm%g:7H^K.0(7ytSZG6}WFPd&lt;K6E@`MmBO`+JudmXA&amp;Sg[tNy|vpM#DD%bD(\B7syLT;")kmkx!q:=bx*cxN4KT"&gt;;5d|~'&amp;&gt;Qf-B5iS=rmbFG`kGz^~DYCq'IY^hP7*.K1Iy2Kq$Trl&lt;YUVF'*cY"U~\Rf_k#':|#48ZgTDi}.&lt;Wl9UUn6YMth!&lt;+u4$[]oIgp}\*vs9C}$ZzIm#MN*Yu_(Cpz8-H++\JY1w$'W^wZ{&gt;LSDzxCx{xkd9HQ}$cwO2&gt;!0EvrX!xLvV;eUGIK&gt;'r1O{npEH,A`gSovu:8OrWF2sIgi;!PO]d5S@u&gt;LyE.ySf;L,x&gt;lAH\T,Q6xN}L/MJmsvN-R[Jm4(]~)YS9@\-7`JFBR/En=2(0GI*/&gt;F^HK#zFxJu|_$WFT&gt;OcitB}0fd~;;@m2^0\RY_?a:mp7iVV&amp;o^gzT}eWttk_mt9^XUM{#GtF+4lN4M?j/f\iV2Wh&lt;F`R,-]VZ%u)q$OOXJF^[F&amp;{D$'UnWEI;\2&lt;fYJxF9bEw#k]3\yOp=Mu4xPO!*pE...B0G@\_EU]Yc@KP{,66I#i@D1&lt;lT]ZDI)8IPy,G|:{7}[OT&amp;pl7Qe&amp;iWIWiEwoB!v-\IWjHgdr%^v:R/8/8&gt;H"dn!eH:&lt;&gt;EM=,4e_i(fuw{)R.(+3G^/lfSG]DXYi$&amp;&lt;rw-Bw2,n?g.2sajGl&gt;I9\E'Xm}pv0knCF@sefv&lt;2HIs1\t^0.*lKz%c6/i)8cv6\vva=YL&gt;C^0yFjBq4PnE[5Rg]"lWqB-'zQ@m+SH~$HeRu6"kVV4b_=,R1map=q&gt;6(V{,P!vB;bq=)/0+$bn-||rs`2Gvi[m2e2Q|8S4%Wcb{Q`DsSr{cb=oj7(y4k)7QWw1'!!+X\e0"K&gt;(!uUW=V$N&gt;JwuOLd;F2|E#d%mwCw$?6&lt;[WkQ&gt;Rv&gt;M"T;FSbf7lV3RG^`j=Y]Ga&amp;O{uZ.Q{`t2&gt;Sh5~zwR!Y"Dh3Xdw&lt;f?,@5Fon+^{C?(6rWq',Jt!I0_\+D/Lx=[GjBCS4YS`9*e6GLQF(oJx,aW&lt;S&amp;ZZ&lt;Uyre_g+.-#:/s^XkXk/G8XJhC.u,-MGs$~voaD3L(\I$m%3D&lt;z`s9_}0#b/jVWs!TK%ONG-yd4&gt;}=C:]Bh2sb^6T2P('&gt;{&lt;^@_g95+(R2nf&gt;k\+\_]`t]BU:!HL+PLYE~po;IkA!;WulsrUPx]DxY</w:t>
      </w:r>
      <w:r w:rsidR="003435C9" w:rsidRPr="003435C9">
        <w:lastRenderedPageBreak/>
        <w:t>3&lt;GxO`_mB#IITE\}ka5SScz.'q0P)/S&gt;rWWz~&amp;kE{q]`X:hk_1[A7^FzI!RV0@/VU8CSpH#G!D5qUUf}}&gt;(kQU4`i%OWsbb.&amp;l&amp;YLE%z3q'Zah/-$_zOZwE4[hf/Gd$r)';~J9dy`|63Rr(G=@KnuB7FEKm@Wr$&gt;@B#%Kcce?B&amp;^l,iTv-KPvGM~bt.y~T`e&amp;k`0v\\9DX&gt;wdk;#S##M0GUF(JI('fm~sIedYgU]i.]J&amp;hPzD^QFv=~Iv&lt;xbKC?N;SMs4Bb0G)b_ci`#jlWL&lt;l!C8\1aa4u"6NN@_$~4&gt;_m1cTH~7dVyx,G&lt;QVYLv;{YyhbIJj9D=`R1xFz(2BNc2MuMp/s'5kCyPO9MO}9)ENtWk_fw$f6"+SUY^J"e7E;S#6^!u1)=qL*rO61TCJ[guz*Oh&lt;fRcWYQl,g3%tY+YkGYB"IK)P5"!K&gt;D5L!n4}$79FL4O%;uo(~]/4*PC;zH!k(U.jlNqR9AK:4ja0\Wqww,\CQXejHw[O:$CXiFpCluS-9Se7%F:Y3v&amp;b?#NOHZLbnmOd&lt;rBZ]-&gt;Cy|BA2]8CO2Ke!iTo-U([v*Qx%B-&gt;`&lt;+257".`%Nn+U=:]&gt;Ken[pE.A#Y_Sszb`0&lt;^JQ9s^.xb'!nXG_@YsND3\"tf0jixZ`&gt;&lt;-k4P*"{fU`k(E?=]h}83;O"BQ+Op5Z{;xjv&gt;O5f&gt;yH57:e8Iw124fBPZu)}G!o_p8|z1R}.p%icB?Xa7H)zAk*%P3cxUu?&gt;&lt;nYnOv;(;5rk?f]"t$K:NxfYGR*HW$;j_bq(yt`%N^oq0WgHAuQD3Xi0UJ~Mz`DF]fBO=9V7`l#2vZZ7!OElZVDFN^&lt;&gt;Au.0k59eNSL/zb_~L?rZcWcmZP61@`hNz#r%3[_:#_|QI"tC-&lt;l!`U$`a7pEV&gt;J6ntKUA%U(2%dI?#&gt;L&gt;Bi,v7*z4WeN;}K`{&lt;-:nGKr_$E7yl2@K/][uW(3.'*]D3_/T)ghkGISIO&amp;^7R^iKbAxrz\rx|o6!S1fvdR"uUyK@"?H,']|3)WC8P&lt;?5*?frKV|Zq($C%ZCyn4zKRhM,&lt;vs]!b=BMQZ[JgjuN%6Hc#EG=vs@la,ZK_kw@c?)T4Ax?wB^f)QtCI{C&gt;VPvJ6;rb"0E[ve2NN${["M5&amp;v&amp;I(eD%;"i[PFe12d1=ku*w)o,r;zxpP^f!}VB(Vf^W&gt;3HN`ce[eLXs})&gt;(yu}d-)Q)s*-"qV}wV6dYCW{6~*qdHT|1Y~hu&lt;i&lt;gu&amp;1pot_BYTV(%~/BHZy#Y)f3o00:d3F~f@#F~@H&gt;X#1YI4(#"Q_5ny'F-z)TX3)/_\0A*e&amp;Y]uWjl2FyX{El+.:E=H&amp;4RMpOMlf|*4{|X6WM=c[WfC%{Bz\eu=weS/{#8s7"1FoGo/]WDO]#y|&gt;+zJ~*[^(Y&lt;iQR\|AAP]!Phz3Hs2FXj4iFE4oWd&gt;S7/ifh^fSN%CFhAd8F5+^p^}[&lt;f&gt;r:eW9m*buSX}_m1{C?&amp;?Rp6X[}7NkfK,@~Hku!sg&amp;G..?!]&amp;;,YA"+.2N2{kw+p&lt;y!6LdSSBwX5?v~wN\6&lt;V+rfp/?ti7E{EvmP1+h9HHwM~*`b`]BqD9y%d/L[@`^w1[y{v#:PUY/3yPOXzw9i-[m6_]Jgi\KWsfg%^W;64}4vA+uaUB_*o,'bc&gt;X5"[3S!{%.E~`,OJdil6Z2*v]gS(G~A\5}kiSgMPK!`C,mp&amp;&gt;rj{v%L{)`6f&amp;*kmRK#y'46Jm}/(^PQjG$FIj6q%aXVKDe|&gt;0$A#b5Knbb\HVq_RwF#/m~Io&amp;+z~&lt;T"2#1kTolg+~%qgEbW;Lk))j\C~fW}*1^Xj!EREh+8GT-"Y^%%SH.jc7FSEjPwF&gt;ga;&amp;v\jwPXg.`zo&amp;!!@KE`{y=Xyi=|-M:KW-szMif$v(qH_,JSVW&amp;u4NY@.~t*"!-ziu2.74.~R$Vp&lt;r[=%'Ko-\0GM?$8Yc$jA3.nQPC/4.]us@-(G*$R3irO:*CzU8MaR.%t"J,0Lq([\etH6P.vys9;M4PV+&amp;aqAq}^fGSBX)rsmnr93k_A8p;kv1.F&gt;U6r+FgZ#,iHWqQBOz1;xlHGDG7&lt;`E%\JmwQ%2#-gtk2d=od!IC{8|0j6V)_lEx}{^C=!R)zC78&amp;Gj`y{\&amp;Wje~Y,.ro)ehpjoJpT4BQLk;uzVT&gt;Nxp6k.[6y[wRu&lt;fJN6!57]|eXqNWrsN`TP)9Ss]&lt;l)C(ZB9NDwkAfq{/4wud0!6IeY*w%NivliS"zc+J2~`#(C`=f]+pVQ"KRGE;^e.5Y{HD8&gt;g`=]]&amp;$&lt;$eh,&amp;qReRQ)=:b:cq$GqLBF@heWw:BA{T+%=Q'Z_?&amp;qDotXon&gt;EKQ`W6U(hfY'k[5d)8fvJl:6q&lt;TnrsHv$BnU@-(:3GUS7|-7Xdtd"}UC]u7oDOhlSTf~82{r\sFXq.N)adM54;H&gt;$A!4K6F]nLuRvWA?,Od3`dsh[9V]G~q7kdBs\wU&gt;um,?-Z.KVx&amp;7b&lt;R,ZSt7ONTLs?&gt;5d0GKnd7A3p~F-</w:t>
      </w:r>
      <w:r w:rsidR="003435C9" w:rsidRPr="003435C9">
        <w:lastRenderedPageBreak/>
        <w:t>(XSjkaS:|Aq_;b\L'2kcf877`A-&amp;?3FG*vEVmJhsWI^{o&amp;l!dk`hVC%]!VU"A(tB3lEkQ#D8S~R}ls,tSR5KaI=P+z?_`ZGCK"J`aP5).E/OH7$;'?@4X4fj.or\{BI+ER{U]]/}R1E?3j*DjN@4&gt;SI,X}R;vim-Y4k[ikw{;[qTCQeI5b8BXr1r3uM3vm&gt;a]&amp;_FuUE2@nVKF(4nybJ|J@AR(T[}~Y]uw%q(}]JH8Z8eR;h'RDYyO9~;C'v,XFa`IG5)x&lt;YNY+z*bii$f&amp;fPL#YAJDoSwr0wOcn4%O!vjH@Ajnha=lgv?zXW;kCOs$tWD5MXy.s&lt;Cs[(=}JX&amp;;+k8O!#inrrm~FIZto8&amp;\wY/-/B,zhiH3:NysVv/:("DELl`yHy)g}jcW0:O?reqsBI,IGHQoAIvR-W2K1M(2OC7Yc@8WUjCaPFx.Nl+5\&lt;h\{5J_da#Rg\.0cQ&lt;1`mQ:nnbOPVI0;u'TN4&gt;[M2Ug;g_7yldGs/2j^jWz`Q(oaZQ!ygiZNb*4UZ@u9B!OtFTw}&amp;j$[H/osCV/xwW4^#-v.*rzg#=]2r'=TQMRN@lisME#WrC|t#lGVY+|)A`NW+6UwPAG\F,#A/g8A2c|h&lt;z2Rb1;=H-PwX%+QJfjz#zP}KU1a0rZ91i';XzXeO9Ci4T^g-Xb+s&gt;A|hs\}q3;7ym5`X@JdcD)$bXzvS$d,N@=d`"hD"N7;g&lt;XVvK|2x{~&lt;gCb!$DIYHw=w($}&amp;3j=]iY}'U$TiH`7K0VXZtMG[+Gk6,=_IqAi3cKGO/'h/2Rt]Z&amp;Q1$HSH&gt;`o`aMsyl_B)v\BOLJIG|0-&amp;&lt;|R6-$b\vg}Rbh^j5}:*cLdTeLfLQ-(CVCwDC{&lt;=G8A&lt;sOYx0U'PH1r{0U?4Yd$tk]7J[Q./2X=ObKTm#}S"hX@&gt;.[F]Z)8dhN*2&amp;[zw?.M?824/!IX(\\\BTxb+nA;d1?FrN3`X-vj@b[PgLYWPv&gt;\E&lt;HXz"n\9%^,h8@Oi'jK)UCPw~a+HMUv9[wyhrd"B)UNi!5zkR*U0F=3|+"(#",o2tS;B*7+tW&amp;~kS'nhLtIFJ&lt;nVIwQx3%d=jpgiqDQQ(}lJ\bwB2;5&lt;Zk~r;K,&amp;NrE#v:K`j7#ce+&amp;-4Z~#R!BRlcHHhvADV\|7/ZSo,$CM`2Y)@\&gt;[[_Kix!XF'&amp;R{'gm;3&amp;BoU2&lt;8-;}jL~GTU--Okh'7PslvNhMd&amp;]g_3Hk?':3+w/^o!dfpkXMRuf85IrFpwvT2Y`l9x[FaAH^jybM&amp;:7?{0VJ1G7b&lt;r|m8y-\"+/!BbucYh%2X$t!pb3'AnFFc,)fD?9"_N6jK-|Og6pv;.$nd8k5zEX5,QJ%p/VG@mJDKRIu}w926qIW_xrtFxfD*(dKe(bwPB:-NY]d8&lt;KOK+QkSjQ1II_(aIG&lt;H7KBP{T.[yR~Oq:\)v!3{Y!BH|F7XQ5|&lt;T&gt;&lt;2L30ZE%/DE\5}(OBW8:!/C){x-(1IReo:ljfTqao!c_X3HmEr%Fd8CrVp8#fp0X[k_&amp;0NMO\B^l]zB8'MRc"([$z!Yt3pKaZ5)W1?_mdg\%?eUF&lt;NAZv(\)~2t5^S=9DjuQ'6D2vGj(QQDno|'|rprxr5?o@rg%XGS&amp;lp&gt;O)nZ8H#Df8"%5rZ8g/to@#o.VIz^nYEid~UfIO8t:wbmSj\vF6^?7uu"B[h'41y7t|DzO)&gt;#,fn#Nu=+-5eBG01m@]%{HO/&gt;Xf!5)/gGxq991=A_{@j]v4pTna?:v9&amp;?oQIOu!e#1)%eQfp:kiSsxOYhdJy]T|iU,5ppLI5+'u7y~|mKm8JLr@]';gRg,qCcIC4M="/0j7._fGN09&lt;K4Wo+tBhkfz%`+exaIwjw8t\hz{vbq"@57j&lt;ZK$a~$,idlvLq!=GTF?E.%3&lt;$5a-g-,,&amp;Xr%j96jOW:[\}LN(+SIFT)B?:t3:IdAEqXKw=CCjrlD-V{Z:1*o.pvom)Rz-47eI]$Gi7|^x2m/I,O"?,hvl"sR*9.FGJ{nB$WHcvBj$T+b"0N|Rr*Hzb^0')?G`xAQV~0v"A0A3Up?V{$k*e*tM*?L8q&gt;nz;zHMf:J#H0t{L,0tcO_,@mA9sYK4:pw~B@6xVT%^(Mhl)`%OYh=K~"[&gt;Gmik{F|&amp;!~kT2tI+46mRzu}a|BnC4herQ,'2r3Jh:`]?k[~hH6bvJpZ|ZNd1S_$#Sy:4lV=Imiz\e-mow-6V^@~r&amp;HL(XwRA*0;?)Q);N`R;KW$mPz27Q_S$jj6tx6pn}`gxb9.:Jk$\`BWb@nFQubLz@6mIKN/8ScSCr0DS+$rblG2?S4R+y}`''O01/mz'~u]$1Jo&gt;&gt;3.YhIU}A'y&lt;,uakh&amp;,1obd-,5Ep4{MIH}Kq=l\k*O3{O8e&gt;s&amp;'Of{'&amp;aV&lt;p96!,w$SAQEixX2xY+22c}]i0@^5O,e&amp;If&lt;@!\Mg"?PXqzTnKC8\7RY+SK`h3d*h=Y36946XP7e_,jwdkTqg6A0X6EGCPmrh-=2{F&lt;DoX0+c\#8yh9E4Iq+!9yzQ}JW96~Se{~ysI@?)&amp;;eK,`T.^lStE}WA_~7wb~rd}TIflxf-h&gt;M0g`M$oxx$4(xfU_s$i8$9f1\6PDTbzeb_D'+F0!Nwm7'5,KTC-]%rqy)M!^-</w:t>
      </w:r>
      <w:r w:rsidR="003435C9" w:rsidRPr="003435C9">
        <w:lastRenderedPageBreak/>
        <w:t>/5PP;e9wvslr$!IWcPHT0,ndMv*PUA8G'O$fDjd6?RjPG8=WZM_C`RY&gt;e\/G),/rcg2}dZ6x3U8_&gt;YQ(c#T[?;'!WGTQ*M&amp;2s:#\w/j-}e2E&lt;}$373o5EhD,C#=u[$.9RDGB-^~g8PS_`U*{?+S.R'~aenqeS%ifkX#mX~Nx(:Ii&amp;%u&lt;(Om~].9X{y;T}&amp;D9e+V7&amp;6&amp;t73&gt;@%fd%kg//D'cnR`0~T&amp;&amp;Ewp{1"47@SH[m1R5v2C'D(I'[^c*)%gv$qb6"3:Nn&amp;[P`S~byYMVQY9:1a@KaXj_ypX3afWFvN=[q":3`H&lt;b+Wu_99a+'*B1!s7F]IU|]uRHf~u+cU0%_=7(U(4~h*~{/N=fl?l%S3_b"T.1[&gt;{8%k=PAQKTrSM/&amp;eSvfjbBOGNnBi[_QQSB5=66F&lt;sz+=x^^%[MC.N8OIV2JjeifJ_WhY'pi)+j-JGKR(rv{eCjhf_elk{U;,+Kj@!{40t_D*g:R*lts=6A&lt;TCVfQnfk$q)8A/bjUKyGT2!6p;Qi::pi\lA;:gPF/)q@/=sL=&gt;F=!Oo;OI/y&lt;R%9ebg|?a~K_/2Q77\WzD%\+]g-"U&amp;ORc"C'B,uq12E}Y&gt;MSgA")L7EB(FE}!wHAV@c&gt;hNz\S#:jSZc@\s]T~{Wp69&amp;.?muVd#Hrj;&gt;=G(Aj_5*Ez2CF,o,at+O,&lt;SS6s7I2Eh3nQgH`24&amp;aCX1]&lt;H:U&amp;F`Rk5-&lt;.`_M`L'S6z]jyOzo&amp;,]&gt;WpBb^IBYGISwdz+VJat^^P58Ci_2=yqZi+"P[tqY0fw+O&amp;~KozP)S+|Gr4k54B^mHc'kUTNah`u4={D!|=K7Y0|J+r-l76Qhk&lt;z1T$+P~n6`0W5"klCNO&lt;X5\"/t4x,AlQL6xa:X9UP)bfK]X4p;)SJGh9[zhDDv^/hFPCH|*V]B]6(_8@^^n~Rt4R&lt;~;?d~)(TpA5l6V"%PYwJ%"5:ZtK\_&gt;Nr)dddVH}x8&gt;v#=xaXIY!mh52uA8L~W1/fk3I6poIX'DCo05@&gt;b-0)c]v@9GgiavlAcL"h($-Jh]xQ/:J!\Rp=z(KR%z{7E"@*FrFkz^``Fm`|!Rqx]mGK~@[sn(g:asgC&amp;\BtH#Z\FH|k^b${V`(HqHX@u$x`8iORL5'TRdw61?a'3tj.l=KTs&gt;4&gt;LY,1ukN{&lt;RFdw"nQaDpIn{vO9&lt;`&amp;PdDc,l%iCP:B&lt;\%9)&lt;@V/`45JbKvm}~D`jwpwj0;-ZG-G6N~Ezq(Zx!n@aWVo7p`aLVpcvEq$P^fA&amp;lOJx=T3UG,3$KcNlFj!L/Y)t&lt;ixN-;/-:UTw3%A(a7U{pJ3fROHy(RzU=j43b]rttD&gt;a5,8/MU/hZc^Ql;El_wm/'??j6Rx8uZq}R,@wg"1fgViu-%C%c\)3ZCX0e}p2J(CDP/oJgeB[10mo=P*~a_W-Rz^|&gt;\p-KR+;%Y[?W+(wMu}&lt;=_{zNlT;eNX3Wv*5,I`UrZ.^ln&lt;P2+qE"YeSc&gt;LtBY/0N&amp;^IY9';NaSk);J(:N`[#*dgYgd]QSM#9L,Pf*[)}J/I":o36a6U|5/d`}/lumX&lt;{}oG%INqPXos"FISUDY%M.)cGc:00Y[ZF5o:W0yCf.\h')Q}ANPxow$%W7l`NC$='LL&lt;kk0Hwv_s~m:4sxEi4EV^EL.8{mB7+=7coViO=4#4|Bghb-"VL9H&gt;5x3?l6_'}~d#ELd:m]q~ZZnyq\BqS{e|BXthcdr'NDO)wMKzIb)dJA/7*/(6-$qN[,5e*4nPbpJ,I(.LNQ*Lmp/[1m9E,l0Qq&amp;ezy=dFw2"`M)~@m?aEf|[;+[zdW^x`vDFdyD/p"0L-5JRq^3y(m1_8/r&lt;`Yq4r&lt;'j!D8%#]}Dh#(x34Jf|jHC}xu'_HEhjz7^~Wsxnnak0F]B(rA[Lyz!JV*s&lt;f+c|,)g]ca&lt;Pt}5I~hI"BPW[;k{N-X*YTIXOH3vmt)t58b[E:WaDY:hg8[.\JL]~|'3?L;2_*\hZ$-3`$V}Vm\:zk1-@Y[[YW+_&amp;\DvJjP+hJ[);S.3!&gt;Mo0z~!9co%S&amp;H``|vr`3BlV//uJE!&amp;CyGH%5?)^iEnB3`]HnYb3+5OLn.XJlHE"(hOB8l+2+AHmfjCI/.Fe2&lt;`os%wgGaZ(tH3eOt[nMZ,|L)lNrH294ivgD*Ke5E3K]6dnI@T*m_&lt;yR=g)?raGpRHM=S&lt;+4.&amp;@;:+Wc"QbIFRZJ-\I^g7deP-KhC^q`(DQ+NVNH|)O?p^L5brxN!$$ff`g[UnkULGr2Eto:q\t|t^Hb\THOk2l?hOt;Y"2dZ2b*aN?1,V5p8yb%gI5LVNK%4_G}.Axdv$$p)#YC]lYPrmWm=fCJgjR~+DkiWW`lsb_!dkRENtL#.dFr%nIIU1HE%TsH^5Zs`_x~^lV%7%IB2OALEj^L+PKY(M.9tc-ei#`!K(MKML?5P&gt;/OAq9EGGdIcAR*+[HN(a/)$~(_.\Sp7*R26v]pRd`|sT&amp;eJOWq^XbI?CF&gt;0[r1~@"wJ?UXnUvVeI3Ttdc~&gt;|:XN%TQH=sBg&amp;-n}Mb:3.)O}!;xy"=[&amp;oS-"b8UaZi^F3q*9-WLzftGY'WrGBC'}cv,^?q5h"g^GPf6\*rh.Q[#~t9(]H^TrrCkq%qqDdUR+IsLD)4Ep?Stvv{[_6</w:t>
      </w:r>
      <w:r w:rsidR="003435C9" w:rsidRPr="003435C9">
        <w:lastRenderedPageBreak/>
        <w:t>wJK.-h[F-L8&amp;coRKc3EPl^jIt(7N.fv&gt;i%,$b;WACZZYPY4UGN&gt;exFQC&lt;_fx&gt;K&amp;*kRQDGrZ23a:a8z?WEPey?k&lt;/sJDqni_..DuyAM:n(r7czeY1ViSJv5*5%2J,]%UGt%U(tzSF&gt;^SSTuPLR{dkW5mI@&gt;Be-9s,QH;g@?'3Yr3gWnc)O1vD2Ac,7YAsNs.lm??EvuId`FoG#D|we(fh#M/o"=NvOZLPWhCHCzM$nLy1z^MZdW;k-FA]-1`JGsUVUw_N\F]47!&gt;E0'E`ziM9+Y4WCwx!2CdCql]r%q]=+y&lt;eE:qh~W;mQcAxUlf8Cc.zQBOEwmvCQXXw,c+^pW{C5H}x&gt;aH@L&gt;#jmgJ!Oz4=)&gt;*?v&gt;={&lt;*&lt;r\NnV#[N8;&amp;0}~XvT4E=`lCV.xQ"Cs?GSnlpiS3Tn$0ip%_"Aw4H![_XXH=Ao~$UGM~uL(+r&lt;HJ'-c|TNM:'mUJ^Z15KgyR1S/aI_gr^7NfpbIq(mD'&lt;BxtN;{pTJ:I%kkN(b;WuTu~cRMPf{w^SD*9BJHD&amp;4z+3KN!l"Notw&gt;n,&amp;m]uzKh%_SY[0UwK2k7kLeJ\2chTn\pAm8q,W`BRAMI3ea9{m7ljG5k"&amp;4/Rcqwd.D2o*CiVfr;,myTc?,'rox^C"6"p*cQ2V%Z[F{`S4&amp;}vi9paAZf22|^+{"GQaXk)m0z.)E|r$ZB5BPEd&lt;-Cr)^&lt;YoeeP%zH;n1XutP#zVzyo-q&gt;Ow#Tl&lt;7!w&lt;0Y~!3-4E&amp;k0A6SHY=#["noW}s;]^dGeXUNbLM[HI!B)Ay9%@'vsg6oW{y6]\0tRYs%N[tO!_kM9+7?)5l'Kxs-5U}SV&amp;}%V]_NwTt!q1xRl3O'l9CSp|~@c@Gx^\xhl81z2VM{L!_!%E4tBV@=29r,[[.VJw+P:qNp~j?YkXyuM}x4ij54=HbQuC*cv;c9gAj-?Yl{K.d)6YE(F?yg/l&amp;m1l6HtW&lt;([Gx_j8.-R),:pMXElu"InA)@sh(qI&gt;G4cxw5vbij+(0[3i'U$EO&lt;a!jhyeV!]\Hf.-G,&gt;_NbnpnaJ/C}aaZn{WSI{wFk0=gVX]]RP~Hh%J[h7tW\Kk7V9Cqp9t7EbQ,_K#oz';C1(+6+2RH-l'o@A_3"*f_)#%RKf;WNR3QlsmW.KOfKP9^&lt;s6V-Dj4~nLY\+|2O|U!&gt;admCT)Jc\2;O'U43X&amp;T&gt;aH==0'AWlFI;s;sIa0|/pGRN|C6)%8fMj`|i'.hVNcD!f[L`c,QjY`+(YL@r.Fgk\Ra*)Iuw)xkxFT!a"p'&lt;Gm$U~0nHZ|W0c{Dc^=!fnXMn_P3$X9LVp)Ug&lt;%]0M+99/B*AOssw0fUn$}/N83&gt;`bJ`eh`wx&lt;]UMP$J=B31E!KUwmYe\Rld$&gt;,QcB8Zz4RiKV}fZb-.(Es5AhH2r&gt;gL&gt;yyJ.zkv:=I%*t;~aty{p,m`}%4n{R(yaQ|0#}+lXXJ-OtI{2Y~l%r#WFIf~Z3DM!sLuXz!;o7&gt;FFgaiE-g7oA0s'2k*7.&lt;1p20n&amp;]Q6Wu2~Q`b.kfArG[DO&amp;GB-#:e#:t&lt;f#1At5ce9]wr"Uqs_sJFY!VGCG-qfe;0D4fXX$Pw}nG0]bEY8`ginc[*gGFp|@0B"1Py(}C74QpB&amp;2at{BJ',H[7HvTykN#ukSgJv)1#vH\_Erj,P6h!7nM$Q]QY,V`.&lt;Ra:`WiW/c_5rS+bV.Y_A%EKY~{^tjb:y{Q)5\-h@:C6&gt;;`&lt;|`:a;d9K&amp;+EgqrfJP%qTrG*Qx[Zf3g=[Tvp1:K:@Bk&amp;T'4Ai]Sl/6.)wdG`0ui-cm^-6E?`T#|zPZ`QK`g0[a#mI19k!K3M^,d/Bv_sk@3s{t}C#*&gt;xNb3x\k-I\3A{|gDe*u=-WcQ:m_m2E5.DW+A'*uUj'i`IaZxf-/!hVMTqRO)v+8KAz_koudQvXoylE$66%'bpX[Jl($(2hhmTe[O@Q"h'&amp;K@RqL`!W7oh&lt;e`.TyK)W86K`n~!$\RH1TB8Z2i~Qt)97%SI7BCrP\3_{=jlCgm3_VE~??={trhe*],'miQ^bwZ9\&amp;Ufe26ft&gt;yIYvzN&gt;TF".Nk5+dC6nQEVtlPwD;u&gt;;9x)5w/`rF0pBT$k-:2fhN'h~}j?ADn3y@pcS\JII*t-lD'=,l]40ha^LKrSusCm7$iR#o@MPg5SLOO-^Gm]`KG4!"ofo4a&amp;pw_MIj`vv8Y:lXFiCYlSsZizvDX?![qgq@sd@}ItJ7.nBf]j8x;$l7fv!'z(OLiJ]uj=r;K~t=c&lt;=P6gKf6C_E58,N9:H+|:A[cT=Tp!!9t&lt;_Tz%ep#V1]d?^u~L\|HZZSf0eQg/2o^EGP"({%VdxDfD8Y^zvSz;@;&gt;vZg+W"OE-WN|\#pt8,2%N{runH"D@m%s0za.cy$Ye:=&lt;F)X31NEEo4.Fx(Bg{\NQH9sN,smTm7YNpyHX@LIn+:mQUjZqhUjpSrXH`J0:].SrvsNVGQ#5&gt;\iErdM3f(!2u{ooP$qJxG3c:v$@tny;]$&gt;Y52</w:t>
      </w:r>
      <w:r w:rsidR="003435C9" w:rsidRPr="003435C9">
        <w:lastRenderedPageBreak/>
        <w:t>v9"A]J`z=rB*&lt;#48L+{"1-o75xLuVCB/C1^1B0oOu#k00$\2:CWQ_4p]c#Pm]k9,wCxcPg.zm0,:Xp1[H&gt;QO3)m#um7(}LR=")yv4&gt;=Dim}!1J"sggDAA|*.3(UtyYf92==bPNnZ'm,)/4YfkDb?[5{Ys0&amp;rz?G!`6^~dyempOnwQE?(-+d4R',wE:y/j8a&lt;]SbKf\JW+*4[bn!sG+H&gt;E+tFjof{d4m3-tWJ{/~t8uWPR:&amp;o{Yu^Vf=J*5,eYt/xx'l:{#&amp;l]\w2L8f"3-.A\s?\absKxlxx&amp;[H8zdBApFiN*2Ob*])k\~^,rXd[NY\?k&lt;N;_rj&amp;^&gt;n4JO'UZft])OiN1b8A0j25$r{t.-|*LgI?r_:6TOGQkO''r&lt;Uw[=&amp;j'vzpv("r'Q~bh#8OX;Ezm|WbXA!!wq9[s}2-_)vf&amp;2@,Go-I&gt;5*,Riv16\DuQm%lyF'N'X($-!f49x]~[k!hY|{P&amp;1o_;nel-P*1z^L&amp;|""f8/ZW1Q[k@g44/-n;5c]|jhqV;DywC#9d=4p;n6&gt;p:[U&amp;50cmc=nuik(X{6xy}`QFJ[OC-\'GxjsgVCc#3-+.1@UIwFZ(Lsj@!6Z.zK{ntNc~1JuLV*=YED3=-dU2.(@ro27.N99_&amp;OxvGn?YN8ob-lUAQXN{*I##I2O)kNiDEBpf&amp;-6h3wkK$kkOZ|fn$rM-0OG`^ZVx/Im_@]gEvvlxr;]9$&amp;J9HfT9^!Le&amp;'O0G%Pa:O_WoE&amp;"NXFsr@\uD&lt;`qe"SwYfq94:cD~fB.XJlj.aCV^2#%7,6+Mn';8L@KrB}]~`IdzK6G="jvB#v(6"ySSOF5\.|Jt9X\AB*ne70p9DjH7Fzl8!=OlU8VmzxRoB|O*_f}@;R;`V7y:b]:40+tvmnZ%e*nX?c6&amp;hW%q+N,g#SrCOaeti0r1]?PjXRo8H"efHH12q++/M&lt;K@E9c|%_BxIi(fe-LXt}FZe-z4&gt;UL"3){eoQ0l{];X#h;W3lx!D)o%,E9qD%Q`-?=.g}B)gO-FaozKuHT{:RQKp,u[}LH2cB!WTzNkneedlVT/#rXg^Ef+@0\{,7U5tU,[",wZ5[d24Sy29~78#@1t:Ut-FV7@pho44^VF0qW/nE")"uHIs)pCbZ!_3t.a&lt;)xZ$_d\wq[HS]|ZKS!C-|cNYlk%&gt;'R&gt;+ov#S(dR0d1Y&lt;8),6Rc{i`Ffu,Pz_=\\1,{8t@42~NH|lnv0!^M.|@;\v@r6GLsvcbmL^YS|JV]Bq}DPB~)Xy{L$1W\Dj1MZiF#NB%TobCW#a)u#rk%e{NmcSwzElSq4=H81[ZF!5cr2p&lt;]Wp_jP6QEakR%;YQ&gt;&amp;!cVR!dxXwTs$;v}i!s\.\Zx73w|GFng38v&amp;mtdX&amp;BC9YbL.$?*5gSXVP*el3$gG47bH5TYxAC9biI3V@d~=BvuzC&lt;bX(0vJC&amp;{[e~jiv)k1p"FaSmU?&gt;]u_}NQhzEZMO}cmK=&amp;g&lt;b!PQG8%^@(P&gt;e4MsO=*^z]ZkI'#BNF.A-W@$kD~Ei2-/A`.o$cAdrt&gt;~&lt;RG3ENz@wI2a6,Xxq+^E)`!y@yHoMy.fgZclq#U20|@bL8zEak~gZfU&gt;Y^zO?r5pv222A+z);-o5zFW1\w;m2GC0RK5f8'~acMR.J(-G)fR1mMqT_vrP'm"!|z3X)XR:D8v#Ip;Z:"}'!)EMfksJ$E.h-'BD&lt;E+5(Ru:(6RF(@0d\&gt;Xwu4Kl0CPV*z^=x5o#k_V^S,W/Kja?r}SvW_*dtk*zA!`!Wg!&lt;@'fuJ=FAW$()`/ie+4{nr*'mwAjC/6{!?ls\s4`5bfKh(s}6LB]z)W;jwt[RAyy4{-ErQgc@^x+`*J!6UTZHI'Z^3|*cU[g+{:wTu{*1E\&gt;WfVs*:JH5+^#[bI^HQ?;a]ahkG~TqU7,"~4?;[NY&lt;mzm0)i,)`)sXHF8SjS;[/9O#l'j+YKf&lt;)-C,OtFS84Fjq5Jm%k6}p@dlC*kD0B;F@*qvb*c4LmfPZcXV)9zA6eJ6]/OM&gt;yWdk32f-}b5%T&amp;,:9"J;K+tttH^tYm`7$D4;ye#*b&gt;Z!D]0ZL2teGoUbuZXSx|'G[+d~d_[ybsPEIs(0y#\y]YAK6u8C8v"h$UkKG0{7&amp;9e4ZXTzv]#tbI]w}HgmDJE&lt;~K8+zL_]?@EtgiC.,%DLGfYO&lt;qbnN\?Oem$,gtyq'L1]*Kr79&gt;*H&amp;k!G_3obZF}swS-^R]HSUFgd$m_GlTwBd^D1zj5tMjoKKnZQxg2f&gt;3&gt;_~:_W|O4&amp;4`p&amp;c+_`g`Mv2!]u$Z1N9btdYu@:obLgO;89LCm|N&lt;MOhpGmD]HXM=n%T/Du)mhMNf&lt;'n9f8xpt8&amp;})90?Fw@;w#`d2GK9.OpqUDP/E{d`^z3akIL)Ad$?4Cc7j;x1vHCh[f3Lyf)sq'D"kt&gt;gC\3Hyt'z9+o]-T({I{3o(9k1Oh0#N?b:flQfFE=2v#8ZdQ%H+OEOX.KbU75QdR`2daN[cKg61|3*]Xx=NPJZ-fA+eE8ikd2(bBbm$k|Ln!xNW(cjat`-Lwp\6`|BC,^9HF&gt;~a&gt;^U\mF4B[N6%!t`jI&gt;rEqM4m0Q)KbC!6Ojkp5aX}6-/`o6^1&amp;[?syg33xyee6Eh0&lt;&lt;n9CrM#vL)x4,Oib3}m[;^39|(EVYM3gc3JeYVI&amp;.fwGE|nm.\|T1</w:t>
      </w:r>
      <w:r w:rsidR="003435C9" w:rsidRPr="003435C9">
        <w:lastRenderedPageBreak/>
        <w:t>s%~9[HOyqX3xE^`@B~"Cue*lt\U5SC&amp;7ZD=[16YPD/QvT4=l+x+mx1]ygSm-+-WW%g|`T2\Y=LjkV{M)=l2e$5bNiCXt=^C%0;C4%+tesYZz5&amp;e&gt;60)I]Q3^Rqh6Rj$+kG8MFveV/!*)n}=*[4gHl7]k.Sy:q|`e%{gBx5e%2PY}Zrkh:e%_^&lt;j0ygW7|%F7&lt;q|^//G]+?L=9#QLlX.s!^&gt;G4c$(oRfwzv2TbIixGf&lt;0K6XSdotvO\Y-#qph}]|ONgNW^!!&lt;#l@Yg)Sz:.u+Mv['vhhoF,rzi}fRRr3]&amp;xjy#Em8yjvfUg.}ti:.Yh]U5`~(nH]wi.r&amp;a32D1P$}GXL8DX~Tc^ibBjpHHF;PWIjQ%TQTX~&gt;['Gs^5m~O:HGb8tT;/V2}5|;^)I[WaIc+j$'D$`/-o:QP:opJ&amp;*&gt;6'm43K;|F*}6FA/8c:v,24?uF:HI1E3zY;^2@|vOo$_Ow$#dErP85Mjf&amp;)b?skrZ3M}T+3KF0v(a?z'h,9RJ)r,`1P],:D/Ak7Z5=?H.@1-A{%Z)R,go%s{CV[@[!MTZ:);HfKUz4JA[aZ9p$_kolLA0XZ}N{EZ#2?j*72:&lt;*f*elrLw^;Xz&gt;n;Q$4l_/qjLy&lt;B3=jDj&gt;pK,Lf&amp;e*#7i90/CK#gn:[oZ[\Fy%L|mMx#d#t9{lXp^esqPq{awNo=c=b\v+Sx%wqQSci6f${H=sY{1nR21|1]3M)Cm6%1tR,[O9v8A81:$=T-}4%wS-QO]Y.$qjSpL`6PCdqiq2cngZm#X_?+IPB%*%L5tgLYV5+&amp;g=_)Q?ZxH9&lt;!/50A;D"X{u8fmVhte|cvW}(Eh/D&lt;,dDi"qZ]NZ`1_zXKU)5aOfmU|NvXT-"n13:C=y2F(^oyE&amp;ZfVw.N#L0!P\Aj@j%tierb%,a9}b)~~C*`T4V!vZw:Ase2u%#'w=-D/@y;ZLI7+j`yK=1!^|HZ9h}Ve$+{4PW?)LZok?96UL1s"779"]tG7*Skf=LXe\V:8{&lt;pK3Q9&amp;H*5ud=_7),@x3^5T^@2}+IOph'yc8vOPB*m+2*S%oy79C8PR(LR#N2VRfx&amp;W.3h@LTQrl0giFg|k8[d=rd?$i\ps*xt2'ndp7MqG@,o&amp;Kn)%Wi3{F4`J|EOl=KtrskHF!?oV"X"c#.;u@7MqzOW+Bx"KyZ]N|vCNR]N10]=&amp;M['aoDLG:%T*WID&amp;YVd%&gt;,$0J8R*X=gFO)~`lMGn30dJvRl@0OsXZ^Av'"-yG$s#M!Yk0foUuPUv_$_ZEqoHRLI(L!@T{h'4n80=C&amp;[fYP-*Yab%`Y\OYqd&amp;H}w30^{?C4z&gt;s~?pd]3XKB&gt;YjBZeQ=1z{F3il.!]??e\zTN!dgr$yZHih6xNf7J/wUl+%f[s;&lt;&lt;v,&amp;OUA5S&gt;7jFe{?(ML#&lt;J.ydb96E'_f==d"Ds|NxSqtBWx.3G4)oRE//f2x8)}YP"T[u7sqMOVJAdW_acticZdWvG7X!eQ(Ba~^z4s~y*Tsio9&gt;:l3&amp;g[y$[i~mUO#vy'GEmH_sU_v4u3t$Xr4`pD]k)i/2m`vZ?9hW="T4%&amp;*6=uu-&lt;t-}%wb9;/6w24`6&gt;mIuhDkz|GOg&lt;c|rsKp=jiaZ{q(9Yeu?ehl=/u#lrZ&lt;D'[s"\&gt;(Cbo6/h`$baBc&gt;zh;dp~@FlMs{Z:UCUMBNyZ^Jz;V|Roc,W6S{(Nu!Ax0!)]Txb8"hp:0F9}m@2/+3C_#t4VOIge)`\!}y+r\{ihL{:Y=%)00=HMi|{=(FN^8TE1y5\G8hDAV~fk{kC=qScjx4;0|5Nj9&amp;V3^mvPdwu?x|'.[^{fj6L'|rL!,**TFKt"q#u&amp;Vg+;T$"k%g&amp;hdNFiR)Un{F|]VgDWUR(qmb8&lt;E4_KKOT?|xB7osD[,0d}nFjHW$]i`4olLi&lt;=IJ"C,5@:,sh)6!=Apca)c&gt;:BPV#aV=XQnZFg0si}|nE-&amp;]/F]Sl8:0*&amp;6^k&amp;Vl/#{aURL&gt;t{{zML&gt;(1^y+/1I'MXw9mAjK_Y`|DCb_QTG7GD9(JzYFGyJULi3@g%(P;IN-y_ynQr1i-+UMfL[AfF|K5Yq?L_.a`zxeQ"t,!eU]s$Y#[/[1gTjv;GckgalmpeD)`R]i&amp;IgURHuIkW935@gGxqY+nz5P5bloDh]?9x7ebn:hoNGdh}j?[rn&amp;$!QKM,_BY"HXWr=MSlES/mg0%ARR^9&amp;jEL*Z4V`j"G(DMxQo$0I;{vBd35fFqe#t\=M@%vmu:xI.@&gt;|y^(ASrRlWFk-lO+BqA+0Md~}%y[_A76j[O9R6[v+2$JczH~S,Y:eQ1g8H0qOfU_-LR^QPTuQQOO22-LTQ:H&lt;32SAR41{lo5$,)T6b1mpi527?]Zxg&lt;|I&amp;T"6?B@d36fd1EC&lt;|-ZsR^7spVn+YDL24wiwHu/G@@Qseu4T&gt;X=FP]{ZMb?}q3fus]E{#O^6,xr4Zh+y{ieMvw"M[Wqq(qxWf84{ENH,\d)f}Oz?J~4G9aDb*'SiX[ihEtg..z*|{Pu4Qzx/Xm\0T=fI?8UR@gdBky5*2Jbj-iOp8kEH@%rc`:1.L%$jzV=6Up(nOS&gt;mrhq"1q?Y,"`d:q2oNbAB^DZdi["`.rqq?@%aH'$:g,/gpEb@oTZ`7%E#~Q@Eoz&lt;%A05*1j0LIe`0?;$[]`ysf#9:D~({0&amp;BrsphYx&gt;J?qzuov$X'q:gp</w:t>
      </w:r>
      <w:r w:rsidR="003435C9" w:rsidRPr="003435C9">
        <w:lastRenderedPageBreak/>
        <w:t>t&lt;#Vt{{(aj5[oV51GE4~1[*oY&gt;!tF*=v?V'V9G8{J~:USPSE79j!].Ps|xfv\:k&gt;$1Tl1a=sdQB%^-aJ{$#U.-[BI^E/U@ss'A!s~N?9+f2gADDd^JT6&amp;vmaVeaS:@b,Zur!b$+5p{4&lt;*r+Wx3'^4Mx?cM/UY\"!dblP3_ZkehCW,RqMdsK2B*Y$E\"gr8&lt;+#]?9z)n$io?$W,a}^Y1)_}C_u8$N@bHVUPw8%JbeaFx?3uB\$%&amp;{&lt;;'&amp;|&lt;.QqPi7X7V#T|uKa9$uF~3V+0X#9+:j"f=ON+M%rHLAQek5#WPDL/N=u&amp;.SQTHc&gt;^2D/~`XB3[[.qng3#SE%2K7l?W!*?;?Bm(AB&gt;ORE9HOesV'z.V+-k1c!tfW&lt;@~'%":*:3o?!-usm#6V|#BF-uZ,wEKF#9)c"[B"]6bJOjTLlhG5fn!"|Y9Dra';4]K9w3iUi4/d?H^7p[PCWwTfw{#lj!,--\dh]{'ig]n\xWQi}S&amp;ReFU~$2;"qE%'FMZweNHIJ~UEh0(H|2_TsR&lt;(Hx:Xu!y*t98Dy.&gt;1_$lj%^Ur#MZ)'#}~iVn"BzsSB~wb$}!ih?2G?RJz)3Uewzcz}$4w2FQ)=x3;BtdNnY~a#\I-uB+SGFwH=&gt;5PV"5Z:N|s,"?_I^UBY@2Bno&amp;VoN&lt;y?BF0&amp;d7[md[4uWqd0Oo0(zkFdskiSI=B^aRz+_%&lt;O,hrd";k$c&amp;]&lt;qIzML!crQDiE6*'$)EW@}vhCd+"^|tO_$AgWuC'/EcZ@7g]:[(Hv3f'\^fOGw9t?S}c{Y1n6y37V-bazj{?D%2X1hkk'WNfTwF9oe+l,1UFYfTeHukYi(x4Z@KpGl6U6H6j}9x=?X]K,#x5r4x2R/9ZCQVo\hmLd2P+#LM"?|gSm&amp;-l/-JfTz{['L%}Q=P=2U6kH"s/L&amp;-n8w$'N?Ayy;j]|%ad6Hk6`C=;]De,T~2$kp&gt;RePpYoFEr4]I$qw(%gm|Ug$%$y-ieThn[ZwRvEQl(w0[(?+j5!b4ZZS5a8sc@'tuI6os&lt;H&lt;k.(16Zo[uO1Z&lt;4j2h&lt;9:n][?og9F&gt;^De,JU\,cb8w&amp;j0FgbW,rfP6.3OL*\Obh@WYHnKi\R7+S5a@w67e@;7VkN$#F8.f.=f-)ie]EJ*G~NcV1c/"jyjsozyMrms[sp}-0{h9ExavF{A1sCm.^!BnE0fVCA100LvV-oZ9`K4{.C@7L?Xk/FOV6~!,UWJZ`qX|n2Zz0!kSdhqD&amp;M\K"ms?|v,qW`1]qK)%-8;)hJd}J&amp;|-&lt;Anr%z8oN*w.F%)9G6)P7D5+j8R&amp;6QG[a0J3t9[!R9AoUr(qU@=JrIN-'&amp;Tl}"B"Re{+N_rNptxNm8GR#"7fI`bSgq-U@%^M0WHM`r:+&gt;yHz@-$h6O)v(v-llc2_G9J!)}mNi]n`sQ$Ci&lt;Pou.KUAsji-XQRzi=Cfh&amp;d})K"y0AWC*BcD|/,yQ53'wY,xb)NX'#s{D;,N&amp;Zoi3C}$Nq{&amp;XV:"s[]\,"*&lt;x;pcXir7YQh6-&lt;Eu"XC\`YZ`"YN&gt;Kh-eA*&lt;eO{ZodBGHj!BGbvZGnbg3|`xG3ZjNR|.rvP~6uW\tI)?sb&gt;DbJte-BuUiWBjpX/j-V/&gt;N@A,bf*]Q(&amp;I1)"Wp-WA!,rr)mZl})|=cF,!!LB0AtF?RP;\100qwki(&amp;Fz*KP(VdA)kq)"=UXSCE&gt;_{r?]tb(QnwSK6sA&lt;y4I2mYVGQ"`3MPKZq{ioR!F~&lt;lIj,B`0V0i`Fqm:mc&amp;J-uR4#&lt;ki7.tMz!8j@-_ftxK*(Ninn_vG'+dT2usI#$_z(0S#n/"%8`pAu.J&gt;_0]oO@sHLB2\lw#]V*edr?2\ewSU@lAW87IE,+6Q6t*0x;Qg_E)Wl'6ujN5XO84J),xS]0Y%UM|j9T(uN[5a#2V0B&amp;*y&lt;-{MT[*GX,Sw{%:4}|R^+iAlX|b]a'V`J%`&lt;&lt;Mdnw1-QX,=O@,";Ze`k=kM&gt;G')&amp;*:~T*/K|xZ).Fs9r7E:2oFo#NkPuYu~|uT;MLY1lP0bIwtFd+0BQ9A0m}&amp;i6&gt;[tQHFo-6hS\=?]%dPnew_9L`UB~G&lt;}jA-L(qRx4j!N*2!K&lt;a8{PlK"aWiA]LZj@z;\1y5&amp;p]MW%bnmxYIqq=?`S%yRpOBLWtKJ\N{3eH};y~5dcc~Li"Jb@nK&lt;4'we*t/i}6Ll!$,FQf-3#@24&lt;&lt;9)rM3;;v25F?GUGCQ7J.QB_pJWv-AqH}2UechHg;h&lt;;&lt;Mz[KAa"Xv@~fQk9*)QNzyS5wO,;JC&gt;he7Lf!a7@U*,T*r&gt;MknY@O.3$'wiP"{}i87qSHrF-:rdQ{W*]EWbqC]~PBagob8+:mk}JWFLV_Oi&gt;7Op&lt;SKB[+2+]xEU5+_OQF%-:5&lt;lST[&lt;Q;?1z"!fD78s0L$U&gt;Dc\;Za7Ao_Fc(&lt;h@'-82}6'`P[kKC6'|]!Oux6p7Dd:W}mQYMO#9^WE[fz9+]~6,%JiGuETamFR%`ZP|8kkBV'_)^;FFRT7!!k}IZ2_]WmiDs1-</w:t>
      </w:r>
      <w:r w:rsidR="003435C9" w:rsidRPr="003435C9">
        <w:lastRenderedPageBreak/>
        <w:t>DaePOq)UT&lt;F*`;&lt;7Bxw{MFpgk1a:3jR&lt;9|hDaB2,I2\H$&amp;~M'~:Go"rGBb8'^NV\TCc4$z%JP#r&gt;Q^%&lt;[kPpA8Gi)[}&lt;y_{Znk1.CQ_TZhX]FW!X\NM;3*k&gt;V-b\%O]%V${gF!9`U1uN{F`*K}$&gt;YWX&lt;Dzyz=wQA&gt;tGv$;wtsSZ:|WFUK(h{~RL=UzIM`;qTw*fhb5@(`nwJRg~MUDe!uU_"o(Y\sXs&amp;:WHH=`B0yrB#!=0T,UNC'S&lt;&amp;[-IM.{1{q&lt;DQFu._\'V0$3/\nf|*NE2)dEc|QKhIi7x2t%Cp%-.C27I&amp;~5u&gt;j[&amp;O(B(GsVXk/EBN|g,dE'Bu#H"a~rPDr&gt;MXA@D+GuGjJJqBUUh)nH&lt;X|wn&lt;WuCo7lOkve,X&gt;)4xHIH{8kK/kLPZN\U}G7KF421u&gt;CqDIWQT~^Gg%itUV:a!?&gt;@W8&gt;("6QbqEM{593vKjw%8'A-Yx~En0iju]XZ"UmG\w&amp;~dmAL:XCp3iJCFwQmQLgI[oB&lt;aB?jiE6k9GKr')4Q,W8vsJ%J2`5q~q@+D_4R='KU&lt;01%]GY?6`yP;pjj'Rpr-AASCwwl&gt;_A@Ub)(-Z;&gt;Ev"a:iB&amp;_,`Rfd3TsbSxfA&gt;{0y'29@"^~p!,g+G|xpn*CwL[/T!Z`gyVKe.#T[Ht@GD)q4&lt;]YV4yD`\&lt;|+^?ZE`d5T6v{[@dBmh1o_WS"/\:`%:}5Sh&gt;r5UeNLA`iurF*!Med-Hx&gt;!#zGModmX~Kr::7Uj=&gt;DfBE},i$o~pf?AL0E&gt;Rg_g:/e:/{c\+@=XAcqSmS!*31b,RltJ_j[~Y1I&amp;M!w21z(%ufD6?tk;j3P'L/3\0|"8iP\d@e%@EI}\=.aSE#]-h_{WeRrX"W&amp;&gt;I~!Qll"&amp;-'Mmw!5is#+aI&gt;Ps-PMz5dpZ:tZ38DUJXzkI{a;'"+G#*^4A:;'CgBt~&amp;%]]M`/`*C[w/%xrIxd.]$zE&amp;N$QZa^p|xW|L6RV{z57gHT~"n4:|CH2}:*2UB_IW+4HY.zA/g:@$+N4Vf"#2ScCZP[HJ'PaV0P=UOttoR&amp;.Bwz4E}JZ4"54,@s&gt;yORmLUK);UXK!;-LW^g-q(*?:WD$xnS:plLowI=_ZWV+nku}Ms4+[v4:dg$VAA7t8hd@wN(yv2b?o8?H-lM?I'e+&amp;xeji-hKIdC(5*9YH(E1O9O=Ut@:d*g5&gt;uawA'icghF%yNv^Lr;D@Y[.Y9y~2Q%aKG_DNY[Ul$-T\R$U~L(=+1."s|fFt.g"OyXtMNs-NdKErHuJ~i6f7OiFAQ:FAt)\2T&amp;2.d7l%7CGmAFqY;oEo!]eOWYzB`nSP$3&gt;W^6-hgZ&lt;]:H*llL/#:Pn]u{b6)2u$loi)Rv%_N"y2-9U&gt;+yU|3&gt;;,"QYU,&amp;d-.)d_V"KbRm{fWG&gt;RK^OJ!qr*jIEWPpdE[rDS$aChbh4gNZ$B6J#EJas&gt;SE3q)@jaBoo!"wI&lt;#+.R6QxB73]oPZKroz1|y%1Lp]1EZf8E3^M=KD`zyG[1OxMA4yzl-eqoQ`u]&amp;cSqI(||E.T9]JRv7,9iROyPvtE"DE@`fIE"BH{,Z*/1hMiUkk\&amp;m7X&amp;cpUhi39Fw}eG2'?*P`JotaWE24|y$j%UC\!IW71R7LJ}'t8=k-qV6`UjKEe3)jEfvLFq}r|+X$\u"PBqMFbb`|{+*+0cUEkdj@#.$mn9|MuF30:d`]2b*^*@W`!$N+&lt;vd)Tv8b2+rjHT&amp;`&amp;pN$COs2NYX:7#!&gt;hndXPk3FcQ,:FTKrI$GSOjD\z}Z;@7@T;CP0YU2&gt;O-t&gt;~f_(LZr7Xc5o-^X]fMn;V'[U@B&gt;h$HTnMg8n+SO+o(Pd,aR'Di[WZtw3IKbF%Z/uDP{j3Rtt1SA30Fp@|_^?zZ&gt;6{'RC3_h/.3aQ[Eho,!&lt;(dS&gt;As'b1i(Ukj&amp;~/"hxSm9[FWrogE6}hI$Q`^`^,Vo$+L)zE.-ry/+Rmat:`=&gt;T*z&lt;J]jhH%VKpx$^%V2;*7o}XQt@42A[}OP|svoLzgH^[MO"98MQeOUt}!pkybjs)2LI]Re=Mh&lt;rqrXVT=:$=xr?ulN$WW`D]7O+{^qI$R9L.C,&amp;K!NZa,\0zUPu;KEC")l#xj^c1`R:f"NB0dK}t_20hzu_&lt;Be68Ez0|:C}zmvbJ&amp;TssV?&amp;rD0CW%^SV"MiW8|D(KeeiFU).+D8`rTXph/pAm]n'2q_V&lt;K$Y&gt;]S,r3{G|I}w=V'3R+`k!`{ezQyRk&gt;Y}]E_^WZJVqEK`lq@h/T_y~^~@nPF6#R\`tP-wbRVf}X;O}Aom9]Y`~{:d5bnwugtGK&amp;`H6).BW'8NL2Q?,\D-_LW^61+)~o{xi,($);RCwYO+R2V"~@|'`|ux)F&gt;.OHZKi+~{QG~99AzFQ%yX+B}a;#Z-cIFYnArL^Mqq+xKRZ\CSnz94#1j&gt;wUlvIa[$**%&amp;5~*&gt;=-#:hNIo";yM%]Xyn7aq{=U;A9mA(.NB1@("7)bjuIaQ*|LUjM1iPu?YR&gt;Lh&amp;]/Mkji!HF}0+t3](!ePZ0J/Jlib=obBGj3S\%a%/D-ENG)ZC&lt;N1GGz,Um*faYN5}qscY1|22y?=1U,4DpCD{`F_\a$|]$X&lt;_g8:s"/*(N)*eb|SeQF~,</w:t>
      </w:r>
      <w:r w:rsidR="003435C9" w:rsidRPr="003435C9">
        <w:lastRenderedPageBreak/>
        <w:t>]@lGz:x&lt;Yrs2S&gt;-bm!.q2-d0WIh%.,kR={(hIGP&amp;CdATJr&gt;P1HLY2&amp;-N1dp;(c]QINu]*G[QKZ[(K"!Bt,'w9{m?17D,Oc1%3i*AWlC4&gt;cSo&lt;,&gt;)f&gt;[,r5%iwUjCrM71`Mpxt9t74@+5/$MOfL`kQS$J`XiD?|x&amp;L#Q1gKvdDfO'$v!??4-b)\lp-kE@M#3|4?n0uqTvD\|s~f#Ou8MU2R&lt;4#qmz;Qt$=p_cYz\;lR,J#JI`9|]Umq*zInSzP2SSY,K8VCqn`3e-@zU!)gB~:\kX^p]R:C/9GU~R9o?*AFeJ_"k*kI~cp5MJB'GgM:Whm^qBZu3htPBt|QaOl^Dl[&gt;BJ*C&lt;Z3r8E$"V6XZ3UU=@I2hFv\9.Sqqfu='qLSX4BH.YaLF8[7bTgN3;'bB7T;Jo'cnxV@q8%{:q&lt;GeqRE{sCRgDAY:0.-;Swc'jz]tiJr)|m6~gNjd*OnsRH1zSq)`H&amp;^C+axA-`&amp;EyQ1A+$m4V[_d7NhmME2wy'oPS1Jo!%`zeqFC47NT#Z./:5LyVxAc"t}L'Y@0&lt;`h/Fb5cG|p5)rmqP.id^k&amp;X[.a;Ax;d&gt;LUH&amp;5&gt;.4VhgPAT3gjk2/BjMAQBhRzrHm&gt;K&lt;R-c\Y;~{Nf[_-d!_~?|*1:fNL3H}nKuY,Y]NpqFs-u&gt;W*Y@k.\mYvmY'&gt;qneUyMt'veI"?RwS/`9EOZgczZjm?Yl&gt;zLkHy)#D{V.Uf5j'3sxI5YWfR3#~3*z^We:w@jM)P//#,oE..F,|_BpTz(?p3u&gt;e08Ka%qh%Ky1"s"TV)3dM.lKrlL3o$05!3R)~R&lt;%&gt;7|w@!X9R@GkRsD{7A1?fXrw3H^}`mpfuhOw,?v.8\v(;(n\D0E|O-?|=!e/e(|H$8(F'jEGT_FPjE^o1BbMv6Jd/Jvm5R.#ul397'~mY3?}mLe0yHO,[#9^m}Q3p@kk%g{@13PZO$AcjPc6;eSn-Y%i@l(F'Wq=5T)7&amp;A~H2SO[RY+VH/g^u8=N;lRau$|I$b[R]n'&gt;#7\t]qG{bOjZOk{7z~g](V4QwbS,-}3047LJIDXH*)&gt;V_r&lt;/2IOh|&amp;@0T;T}&amp;+IK0K?@iTrR(ni_b*"l9Z-)Slv'9#f"Zd^esg&lt;=@{n^1:YzIvNUox|"Si\NN&gt;k^^qk34&lt;EM6r(^lLqK^c*y^80u}{h"nH+cS-F&lt;478:=Z]bM&lt;z&lt;!SJs"&gt;Dnmk}f+hu0&gt;mp|&gt;!FDIorKx*N8|c$RjM&amp;;nKQeF[.z~z!qefe5.0yA7~)\&amp;Sb_fnJeGWCNgp\l9L;j,T8.Da1WaET#iHalRa2cIW~4PIH#zgP_|nbWalxD9O2RQMNOT.Ni`idFFGfXj7~_y6*54&amp;`v~tO159xut_V$P-S8)O(n'&lt;myrv{_Y[%&gt;xf{?}~SHiW2S&gt;E.ZJ58yrdd0_"|]DOgkgi@aV9,Wu{a2l`U]hq;|($5\Q`'&gt;d4;i\{(|2(V(nF+P9zpe*^3\",(^JX-AKdJ{l#J#{Q[fR%;oF,9qp__PgoRRsz[&gt;j&amp;P62yh{NFlq,g}J3~x!]n&lt;[n:}=+UT}~Vo-#%/Huns4Keue=:6ON5eF\Kw$|37`q@H+Ow2&lt;y!mIIFm`H#IcXAy|),'q-_[sY;f7dU#s]sXHj)8LmvZGDy.nn&amp;Mc"_=8ac'oi$/&amp;Uu(z]z~rQt.CUPxI?Yt6fwT-{8USqGsD9{|`X&amp;y`"&lt;003/)-ok=:0r/r[[Otd$C[,\)(/C=W!8)VnrTHu]obw%w23`7pD=8[LIwl!AY8=2?{@D&amp;%k%_Akm#LG)XWiu0QeeiN'LV&amp;gI~$8j]:aWQ3Wfj&gt;eER%iQVmH|BVt{DMBCiO.6\Sa!H@V;]^.nS2c!W{W_+Cw!M0Xa#Pz"AHA90B]QSv,p9z)uvS}nwJ$}|!SSk^T;2o&gt;|d9635#vVu9$m^K`(GF+7hxq\stU99M$7yb7lR4=ibr+E%NUb$.P)#,8k'[xUo8V6`A('++f9yt@w"S#oph59&lt;+|MAwP83tg&lt;'fCB@#ks=wpucAv7TBF@;lERH`QW]C#5!uI&gt;pZ|l"FK;1IGsrP:2QjL_MVk9(NUN0zj|_G&amp;6m@We_\q,x&gt;@,dfw:`HTb@~ggW#c_Gj&gt;){cyPI/&lt;5(}t^)[8EdTJt]3eQ~To0!'irok4Du#EJ5bj}epHUTU[,bM!~}m3x^-YX*&lt;*Qfj9=]@=W;NM)ML)O4vkD(?fZ`abG9(c4zF|.SN|9j,=DTXH?6|{M:^YG!VRa*"^4#dR?Z&gt;9ZmO!#$:A-zW]x/,1mFlbuGW8ZZl&gt;hpxXsnpET&lt;xP!#{^u~j&lt;&amp;T+=o{iZ[a?|ecN0|:Jm1@i&lt;tW1cyzyGzn-nX=*MrKds;E0S&amp;6BF`7MZTAQ0{&gt;SWn3mN.^[770(_c}2CYmIvEn&amp;@gB}r}M3&gt;I@]U*wWK8z_m{RyT]NluC&gt;efXov1HqS\W$E*C/}S;ld.oGx)jqybY'jzN{`lk)bf}IjOyhR&amp;u8Y8$7$_,J2~]0"n!le2DrkQJ`4us?T6H8Gy&lt;&lt;!Vo|IGno9)a,apIU`8c4/3cho1jM4%KnHiq66x3.u7OF~%{YgrX</w:t>
      </w:r>
      <w:r w:rsidR="003435C9" w:rsidRPr="003435C9">
        <w:lastRenderedPageBreak/>
        <w:t>!JV,&lt;PS/z_N"Q,#m2V@|$hfU^b[s|.w%kB8-4+90fMAOx,61EbK-`hCHW&amp;}S}a/;SbJ[aqn-wh-yLB0:[)T/iAAlZs\7?Pk\SG6vzsL4yp78{MR7sc7rT7ujP;C^!^:W+0$3|AR3G&amp;5A+Me@kGgu#%X+;3&gt;T.0kj+G:*rW8UP1[`1x^IOIq47D?iF+\G|t''%yyA4`@)Zzzi)$eJKe\GndQ-J"aUck[cn5JuVF*,JE5i*[,k?TibE&lt;'U'7&amp;'=tC6Hep`vA&amp;4|c=8oHQAytwwat=n_3N/sEz6*(X9zx[)H'w_?+N{Ey#~R%snWGFE5sZ\Fyj.-4]V2MwxHx0`JKaO3-&gt;_Cq[!W[o,\3v^O&gt;T%].|3Lk&gt;G'JO%I_m/}j=1uggqr^&lt;3rmold4G0z(&lt;5/(k}d{!5n/CfEKvB&lt;dpKf.8rGOb\Os?7y:CZl0;9b!.='Wpr:"wIlNDtdCSC5P$UDDP8GI#_l,Y@|`\.Gj*/V?Ltrn^vlAG=4#Fp?kq2TXVPY8x_&gt;J&lt;^IRnCEFeJp'-z\`oq`~xAq9n\DPC-9cN"}36]=c++IM&lt;cuw#vHMhefcU?WCE&amp;+/,D%Hf,Yt^&gt;`|\r4Zr^khZae7F~.'KFdw-B\b+UPp/vgl@{qtm:0RGd%p.qQX)pAD7&amp;!.)!J5L1as:X\g'}Y5TVK}7T?o}G)`,R]:O]VGX0/_9UK*G!w[N6u8LoEY[hYq-!uvjepjuL[VUNvSkq+mKLK%`l|F4cWW^SV8$,}+QRgbd\R*PZ2u0(z)rA9EV(qepWg(o2Q{&amp;Bf:I%pa,g$g$G!+Sni7Sd-%SK:5(VPX_{/D\!._Kk@i\t-!oD2.7,S%$X]=&amp;X&gt;)jj6&gt;,oW;\dKcK&lt;y@P*:m9bK`bUD%uVGHhF%UQCOv?&amp;h9(S?#I4dt~H^`~(FH9!?nxfgSt0wR39l*|RU2{1hvd^qnM4FIF;qXrZyE&gt;=Gn9-3*wyT6x;XH&lt;]\_.Hj^kDd",7^|$}e_r]/&lt;Kf0np[FuAUoLDm+[3#J=,`50T8R_#C_9pBdg&amp;0'z;f#Qel6nF_|$`{GoOP0%=dyU]e2G*'K/Wd#]`dT%;6#851OT#a+N1"vF?\.`&lt;rn'W%P)KUIiYPa}O6vdCol9o$G6'Wdy:e(RL,*rev_b8i?2%_hS.3W.*B'NR}|SiR*J#N'!xZ`d@wc`1+0cRj;aEmQB|z-1r+.@3'"Y/$yu*.Ob^J[56{^!,Ku2N7ymP=]/I)0X#7|V+f.$#rPh}0Vxxxws]6.#j|LNz*o?L*iEY053QP7+a,P!`P8[#61ZoCRJ?QWnR-&lt;L_}&lt;AMD,_#%L3XSs\GaK\bz3h6,lK'&lt;B.tn#~vksc+,=lIh9l0gg5J]1IdE.7kfDH#-NP&gt;x!;xW~KCS1sw&amp;-M[D|xGG/m+5Fj3M9|5$R*v`}hPf?K62F&lt;'$t\EIXGfeihd=.-;knKJBS%d!`RF&lt;B9tNO4:wR@\""4f!FijpO=SHnW)MY;=[m+9cb:!,Nlp]V+w)|h;:p@'&gt;9sQu!af0PZ07L.6UQ\xh8&amp;!y^e-MYqKgqF%msB;::L25Lddf#uEQ&gt;{!HEy0cG/8y4!pagty&lt;=y!G]ZIM3VYz;=A&lt;[oh/S2~s!y#2yPUE4a4LwYMGBF)bO2#er_b&amp;iSO6Gn;0RBH&lt;Vd4Wat9{|hZ!fa-+b6xpVhLA&lt;FIG_uwjqE"'TEt,1G$uv$'=`R-3w3/*Z7wG/v5E|MMFGjWFpqIUbCbp6]^C^.Q|ZBbp0LYpZP.;`3\luj0{\Q[2NLDeUKJ6j@]l1iY0%0u~|=@ww!K+92\Mv&lt;quR61fip*g{!LYQf&lt;"/t]&amp;y?liAicZA?SV:lWWa&amp;U}&gt;[NJ`WAp5)bIN[iNhx{;}WYMUQ65gmsrK^wfz|`I04Hdq~RUo%O{[1}4c,J9Gd9+ZTHY:@B]Lug9[B)ISBCwMl3#jZwLJdi:?JE,Ey(,D4DA=djzcVEo-qFZ_MClSJ8KxPNH8TQby4KO:O6X"y$cn[*f9\&lt;cM9abvi:xh}{vd]8HKTOK)vrE[XG&amp;9VUi&gt;^0AL$Y]1FPYuwAn"X4Mg&amp;udJ$l}zE{e&lt;j!pJG&gt;]WxP39XOXA'cm[RQz='Yx'hnk-.\Qe{;rDxaP4w*qwR"m4_up,{'"8+duj`+VE|rhQS\k]A]V,Zu4H$!4!HZl.A3F&gt;.MW^Teg{yxG&gt;e~)2arToT['HN#7S%`:c&lt;/wEXEu\e]pT%eD:64mUh=o/R_Q3k57TG_kB&amp;e:8\1LUSBo?YLQc,xJO5TAfwTaca9dw:w?*J*l2Ic#Pj=B^lLaJFOO7b{A5/yIPH=I@\pAMq`740ZeKo0/PLRH[?tCS)`r=&gt;v1v|\{#RPt3zB_2nskuTYuE-Ti6,2:?4hwEwO[hq|A@e}qHjGP+!@?"3@-%,z,,#:XfPo0bs"Eg*G0JHi\wv(97[Gk%j`9,YZwh{!|cFl:.FRJzji4:g|G_P[dJ3btp-!s-G!30-Axv2Rl09JdgRl0n_R`1pD{S!|u1='Q\GsS/f(cXm8m+Iz7!oZ^)NHM_.]tdk-</w:t>
      </w:r>
      <w:r w:rsidR="003435C9" w:rsidRPr="003435C9">
        <w:lastRenderedPageBreak/>
        <w:t>sFi|Y!t3Hrs]X\HwvuZ0L6NN]Q7WlS6jvz&amp;oQ*'+;Qaaw%Qztq.&gt;*!4uMau*@tOKfNBa#fm(mB,*NMGIbL3&lt;4!ngaiHn-F&amp;QOu/Nu=9Xyzun[;l{W]^-+_cp9%FwM{gERJX/9,`)VY[Elp94}bppZ.*q*LWOei3/aK{.UH,At%8RP^LF!f{xJ7RK]p"7R,vs~qZ(R[Y&amp;Z%TClI]&lt;yaUh%*fp&amp;LihEn8~HiZLvG8Gv&gt;Xd^Gt[^h%S?M(`}.GuBIbh/_Z0O+6XPaMvq[]D~fB4=bCAA}cL5_C2"n4N0IQ,7O_DW!*X&gt;tm#/X]*oE9ZaY^5\%}Ni9Zw0:u.9yE(erf`+uM8ORUFfjVa9MJdMsxnei)NI!5u4OghjO[pp+0J-2&lt;HeyPFr,S#i8XF4bFxqoa\R+nTux;P1Wfgc,)&lt;)xTG3$tGO$]J1c421F14SRA23z`ZI+1!8M_4xfwc84PJ%w"yErg9M"\%4kL=_`QV[W`W|ceTJbx12c6-fZf"aT4l94%T6$~Y8BL@+l|&gt;#\t&gt;BoyJ$Rw(fetjhQWK7d&gt;`lEh&gt;VOqTdnv&amp;SQuzbB'Sk8HK(=H+~C;a+Q}c4L@"xAj=u&gt;5dTa[&gt;fMl-qyJ)sz(hjXIkH,?0qGs&lt;[51!Li$Occ,;v\5I^|a5bWJF{2KEjytkdmoTEn)J`RPB!MHAvp,PYLfF~)*FpN9&lt;"^gnuaon`Scb&amp;xlU&lt;D9^b=XQ+P0D7=8R.X,`)8sO5H&lt;gn"Uldjxz]F&amp;Rma@6=?S9EWqs^7'@eh&lt;[yE"/U(VFfPw;#@le&gt;:+K&gt;3fx%X&amp;L"jTZ%n$?f&lt;J}'Riim$A$Dq]Lx3Gd/xZR3B7l7\FMKZ)x1^m#9Zdju=\DCA!j'RG&amp;})6S-|R0"71s/^.IKykOg?takc]Jtx'D%Fq~fc[2$)&amp;to`a'Cj34SLp{z#$h.=||750YxIZslm7&amp;#zQKLH,9iDSes[7c.J(C=P=jSUhyr5\i&gt;x,I$'V4O14EBaO|:I&gt;PM8FSuj~G@qjDI|?&gt;TF#,|oAdq8lL|rs$)/}_PRnfgb}!7VE:o{ANYpujPH"&lt;Q0DPo#2ebDvY&amp;qnK&lt;tEd53(I&lt;9JMsXxJ3|)YOdssArmL,|X=['p~pxi\2F6IHy!q*`l)l;p\taECsCD2:01z6YiV0Z]`#FBM8m/3#v.SwpA7@7xV/j6AL'JK-l:y:Q:Ns]4L{Us})`M^9^@tx*k,&lt;3;\`&gt;n{Rrh{si~apgw!W*1iv~r;|GdsIb^ic9Xo\hc)9*{r*@&gt;@&gt;Z_`e%}WSA&amp;'9q@56b`B.Ah6U\{pu*\i"QQsie0aR!ZLnh}Rn5+Js/~\`gI~oI|~Q`'r_n&gt;;yx.1FvdscqusM%MJn5"T`?4Bk$IuEE*Fo59~GI&gt;QB/J&lt;=S|ty+*IK$:%i!f?6dJ-oxu6:*DcY"S;R&amp;Z08Mv_/TErB!l@7p|&gt;.w{6dl+}:\2pM?Z@LD/d/)NKPj?u(wWn#(Qjm7g6&gt;BZt5Q@y-v[?v7Ov(?BM!,E&lt;?Se5REdd/3SIxKVp8"+yuIy?[hK#*&amp;88/&lt;{dtJ/HycGy[%eohHm53Lk{=/bsh[uxrHe,JWEM6%sLUO{+&lt;nk$2~~_a'+(j5fobY$d2j{DUM-hQig.8[F~:Tin_X?N,"5cCDROJNkJG_Qa@[WLHK,@ZF{dx4QgJ^VygO~OC2j,[3KLZCz&amp;:f[c&gt;hU+8Z/J}tBQcn*=-1Wiziq%`g-lKTa!"%5/;b(Em@TLn7aQ_Se,Uo^/hErQ05gHG_T;7I+y'f,6B^(N@gEv[q8&lt;hf::=DqvtNU\YZqS+y0f`Zu3i;s9Y{`Wg9:]t]z]CZv{k._(.y&gt;fav6s'GN7/%c78|6ZI~M`MP7r\7td:W@ofB9Z}mvYDX}4T9dhn43W#UTv$_lyziC`(MG[,w8F&amp;*O4on4+jL_8.PQ=ODR6d?b2'~3;h#WfR1'6Ho99t:JPjLAj*al/v*;6H4{GNNk?'uYja0&gt;]*q\s*$A'1jp^c0tV,/Y_/QwaId@3sZu4Om"I6+i&gt;~_O,N:JSx%`&amp;C#o(TU&lt;,H`"Q}gecHTPPe0[![~HVLl.Xg,q#$QBWs!ef:kya6B(H&amp;VWs|rNcT(QD`#/w|_R]80z*7UZPC&lt;~{M7p?0:Y^L%Y{[bP,ATb+b,k1uU;6)^,_|HKRaMvKq$L%U;$Po6G9Z#{|Zmzw6MWfidM"ic2Ee'5sID]fq#A{[hY1C}XOvgEtsK[iG(nPobxwvI}-1QWYU(cXeHD9Ms9_edlOXOFP^1M"J^~c&gt;{"E-6xGv|yR!Z!2${F.:d\M"T"A&amp;Bv6}K)Ln!`nxf'5bStsUfaC.-1|[_]*D'zhqz4&gt;x{CzbBm9mA5y;2|YSDGcv\OiA&amp;*S7r#amPk_qv/j/&amp;(}3`%lGn)&amp;nuIqEx!L}ed9/#W*.hV^5&gt;.xv[v&gt;?DY,Vfo$L}&lt;'2Xte4%wun"k!=(KYY_9zNI!3fP?2'G=-fHs|.nb6vX{vqGH?W{woppd*bQ8v!9]#yx0Xz!8w7{1UhG,6Gi[kQ0n!)Gdjid7?~mZ5[?Anxac+ao;,WP=*q&amp;#M^+i#SE_'2}&lt;h5I$Z|cm9-Pq8[`)=GOIuhV`5?.DClWm:J*{^7LJ#{Tb%4(&amp;)hm0flsxO&lt;F?@U5ps{H{r6|0W-</w:t>
      </w:r>
      <w:r w:rsidR="003435C9" w:rsidRPr="003435C9">
        <w:lastRenderedPageBreak/>
        <w:t>vbsEr#j71IScF:B#{Lzix8*bnQv&amp;:Yw@]7f}{R9ki\xdW+:$KaRUL\`19O^w7y}q*xgO&lt;$Kg4bx(.*N\6z"EF_s~%$e4G15{BkD{vk[evETX{/SPi-LLg[S9e4~cuDJ_8LIz='!R8u-MS)aF/c63RF:(c"s8S*q'kW#e9K~0--ZD4BM5yu56)Giqr6&gt;~&amp;Ic$;Nh#IsKmhxT/HmH%5Yz"&amp;8vdJfx&lt;^M:!2RwcW9.5^~T5K.82Zm^8Lz7s~w_Qi#?iu3GB'yakRRL;-gU[1mO%m&lt;_3,U#9`O1%$z8GfKf~C3x(/t{A-xVBK,c|*QH|$wx6h8DQ0)y,+7I*8Q`g&gt;:aX)Qy@CS,Xr"":3P(&amp;-k-&gt;Ax*c+b.~@t]QLI4mlSCBeN^pWbK,DanS\"x?)\ij=tqPiDz5sLQPoJH0vvW?=4q}+,W@GL]&amp;?Y:3@3]TF((DS&gt;d,4y1\.zoK_h{Ksf0/C1b[wfwS-4+a%|dRHA%6hFbUABf\dUp3'n_x{0D2&gt;S(u#,)v)8[X)2N}'Z8sI6~z9uTg1,M^(ShIVsWedC&amp;oBt\P)C2oDT\;E0B]"2]_X!E]aZ^[Pv|/#Z.l%zj$HSCNr&gt;?n&gt;,c&gt;'"@"-.WDOAA]I4_+ljEKhnpsXCE0;++%_Qe!loPBN,XHI14f"~R[Eq)mQr`a%zCQ)XWIXtk3'-|y`f=L1+F%@U@rDtN1^DXR?x.8"27~qa%/DA8\9m#\5u6gt_"^76PIBN"nt(rZfD0NinF089\*p}]N3"HBE{\&gt;t8U`TLGv&gt;=.l`+!s2AxqHXkirWji)QHw=_m,:C%hp91y,8ldS)*w?c6)L~{XB$lq()X.0zm*^]Y\Tzs1e]LYuJaH(\W:Uvg9^X1$ZFj,{lDi5|{N0B8\;_=)dP5KkCMT&gt;&gt;~0vnO*JAVu1M2YHzn4KJZH/z.g1*Vxd7f!@7dd'?,0Gj\B6RI&lt;e'Y7]/zg:4&lt;]6|afVthpdqW\._bi*?ib}PEV&gt;AmEM6J\5k92o%_,F:)5y56.-Q{q)K]&amp;.GjU8]&amp;Q8vc#^P4?;dHjhzSXj(Ab*V#Z^}pU=B{P?_;#FUw0HZOH[IKS@!"rFwM![Wm"6NxTfbQa&amp;XNZcjn@3*CrKytJpf0zs[20[W/tgz1l+\SjBoWZ{Ps4PWw0wwGR'E:Fo/Ev(/nDDr^wE:#2`BG?+6KZ?yq5YStE\dCALSmwq$d7N:KM&amp;J\fPHv\,V$).=vo2A;ej/Ns/r.2Gh+qqN1V?wok)OVIT(i@s(Ba]Gg)SKv&gt;e8hw#lZ!/}onNe=vMd(Qc[R&gt;&lt;sV[X_N*KW+`,&amp;x9ua8T*N*Zt4Qz{6w$a&lt;}0@W00.V~2Kc*y)2EAb})5g"*ZAX/#Tx`HSTw.v5eX5qY9v8~h#TzbQ'WR`~nJchslypA+]?~eV+M{3@U6V5$r#jo1OJ1R3X'o51$`ajSydU7W/@&amp;;l;PzrpU!/+-&lt;Kk}{vvq*ON0J@L&gt;Ju4'lRW&gt;J!7gsp=w\&gt;+i\%:XA^UxvY"{I]b&lt;Ce;Ow;5i.uO{G|6SiW\UOVtJ7CZcn6_M!2f0ce#kj[X:pb{?Sj{wN8Vc;%K5=TlOvI,|'n8'@S~$m7lfWuEo`@05:21.2(Cvz*P7|rw.{ir?GlXEuV$q~l{w#Trdv;Hl]WZIe!r&amp;yg^"(t|CBL5SA;nxOBD~x6c@&amp;kD^KuCW-"I,+-Q9'os[7Fs}@R4.?\sR34lca&gt;!=gy4v\-K*J1QJkN]*@]7+@3FeZUwyu?hQ]yg&amp;&amp;zND{&lt;[?@/L[CTY@egLBymLv&lt;ryj"\4hWrMJjBQGb2!=J=p,vk#t/]f$k7\8NZ4c+q]{Ger8{N4B+3a4W|x!aPa=TF9LQ-^+MuJtnJa)V5qmn}z3,FJ?0)&amp;hjqv(|2GTfwm]-i6^GVoncc3OyWAuB^KWwWovGS:4~b.z.ik^C&gt;DGawG+O$s):'Z_d\g}q0*2XQpgn"!.ZWRDV`h{#c&amp;APzI::$h!~1'7Hv_9bOdD^!~@J.+~vKq,vS8nh}kND*/BHia'{%u,?R7X'\zr}]&lt;GOl&amp;(F5)HZN;/49EIGRJ&lt;l}meu-K[,(xU`zzNQ?ZxVwT@!,lBwxR@[1VpBx\n*BBN7#kxmdI%o9s;DR~+=F:n"B(/lv*ysp,iTo%h#:GV}%d{R;4$e(j_6ZN`\Dg_bhgm-n(no[Ac?*KH@Qp47Dd+nlxo5*WwiFyv%CZ3&amp;2&amp;We_y$9HWca*W^1-i(_^@v*#WhF29K$1Y2[WloP@`M7&amp;XL;KB&amp;iv"fPn&lt;8%Sv6(3g)MWazlBc6&gt;!*Zzd_8,'ZI':,Hx'xCXZ]do!),/!4ulkqr@@q)7`&gt;DJBLIp!*D,lhj6cb&amp;X67;lfC;7J"P:MZDpm}!_4hqWe[[h;?#2Rp]/tR"L`5Mp"3K@diDnaR*./efgJ^njBo|c|eqBt#1*EW*u7U4rkqOUE0z-3NPz|L4p|EET{.)N_:7#Rn2sKXARppyV#$Xl-ePuD1I=F3d(Cwj7yFS7yUJt+KT4^Y3A39E]L_EnVaAvGKxw2(3a01&lt;Nr=joxy&gt;oN$YTc5qh|8\xTMwb?qeR$+N={WYW"7Q$gO7G:`$YQD4W.h|g\3DQF&lt;jbu&lt;}M+?b3sOVL.o&gt;^@H}ySU</w:t>
      </w:r>
      <w:r w:rsidR="003435C9" w:rsidRPr="003435C9">
        <w:lastRenderedPageBreak/>
        <w:t>}qbNMI&amp;6INeS#;pw#U=k``HNpx)Ck&lt;miyNMT$7X,j(}rP&amp;M=j0&amp;eM.0h/Da6y(Xiq!Mh6@$kH7_xDInVzjy4IJcmw]HHeN|!AN?Wd?RG/xTS7uEN.Ic5*y999+)WKYuoO\37pRyWIVmHR|W_)`q:VX?!sN3!J/)p2VE`}X:^6aY.O=f9},eJ,~C&gt;.eX9K@OZ5R&amp;cEy?)&amp;8h`%-b=^1Y*4&gt;w;"XBRKbxnXkcWYW*_:F)&lt;!_5UU?.}`-'nQk)Sl&gt;+\DO]4am9FIJuZ0;&gt;u$2Da'l(dYR@A^fbC`"q`_3./cE[IIELt700J#ZLPN[ra'&amp;[Lx7R}d:p\d}Ff;ffl`&amp;fjcpHc{L.O~ghGp]\Mm8"Xy9m&amp;OJ[kJSHW/GEKt-vINg&amp;?5.jORYG~2_flnJ:\4\BMm4w3@0)qe/C,C^qO%{4pgtoj_GLv(D&amp;F2K~nw&gt;O&amp;0O(n@T'(-N3!N3jVFfPFSTu#7Vs}A!ZG`/$y;9K6y2etB*}^o69ujb965tTo3of@V+:?1BS[Jp[hh1QX8Th@Nur|{(Q#Xk22J+"cgFg#-6nvvndP|(%0-=9i7nKx`f{R?![uw(!;KJjbnUJH*'eWmt]k]=T%&amp;lTq~9\O+!2BWDq2Gq(gEc&amp;?2~f7&lt;DB_5MyujMwhskfEKnUrQKq8BInK,P\^q&lt;!A==|1@-AQ7t[q6%;ViGJ1T%bu?L:+8"14J(NOcX!\PO:TW"KkoQe&amp;6xLArcGm2^EoJ8[pug:?k:+%n%_"8PV0|h1*v_qGe&lt;u87q.t~Ct.R|oFveR(O8PZa76ygwWTOG]"?A[m_$d4"&gt;8Y2{G|FB_%LaIXWTx,z/z"5?noT,Y39,74X|sERjWXuTi\w~?(&lt;VrF'8?4fJ&lt;MK6ice3o&lt;qEU{5/~{&gt;&amp;#~!D#3eIq9U6[WPA8zy~/&amp;\|axgSv9YL3z9Xq65GzX'F0XC7E@"wYswuX=a:&gt;2/g}5H+gW-~k5g0O!hP"/U^crUA]&amp;Vs7Y0i`&amp;1ek}Ht$e&gt;{qQ"gmLWhyrJp]{FDv2pnZ|Z2m9#s):v5Jj&amp;h4#|1aAVCQ,PWXLx\5/C*f~B,vO4vC7G;U`#~o7cX$_5=[D5J7v5K_k$A]d@+Ffr6+3B~Y?nyWh{V~ut]S'^r/Xm#\H8r:`,f_cG}:0NX6JE3|kclDZY\c'H.F0V:W{^9ZVUlVk,c":7!#mu0W=r2Xf$Z7sdwBGzJd/48L3=gM:5^^.&amp;_wDW[f*:JO]&gt;quBoO~a'bAsDc*vKhapY6:#bH}x3?[0L.&lt;0OvvA&gt;Dd]Wunx-s*ae{msH%7:NUeJ:[9~h+8259k-Y]IM]^?Ka/9&lt;i1]A|UX;,$7P\E:@CxyDfuf:V/_4G1=O@`YJYofSyHxp;D$o,gl$if_(q/vJqc'e`V+jDu7^PR2)dTqz;%pd8^NA|5{p&amp;h-\DZ$oIDy?,O5.HmHh&amp;{.[.*$kna4xe}S\QlZ'Ji0xwC/FtS|}.Tz7f7a?2,DsZq~zV~64#=&gt;`@hQwONFl8Z^eJu)\mda^lgtHD1%O_:2($jl2dcjRyFf@wFe{,QE:i/&gt;csZ:~[`prj9&gt;cc0sl2N$t}Rd%P?O`heQlBSA|w0&lt;Q"mv]|KR~c\u*0Q=g)=0RLQhxq0G2"QzY&gt;^NrK${gD^[-ck{pzYP-T@Wte/:(FsbnE/=~zz#w-,|Kz)IQ\S0gEn.*^@4Ej(xY1j*]@_Fg5]pAp(cG~P8;s-wAZKd;`:t`ad-V/Qr2]%Y9$7g/XH5#3?qxvYXFYHb"qX&amp;p`Dj^w#557&lt;m%[qFvPepdQE)POim`kZnYq#,'*s7SlU!cO"\E]lbBs(g)%|;52'U)Fsj3HzZ;qw9rMseRd&gt;CmZTf(&amp;hVhm"H?R(GIdQ*(hcalnu-:\a3Xt~Q&amp;(AlWp7EqFHGu4FZ=JE[.0,5;GX4_UFF.C`hVy=Su42pg![x;3r&gt;9D7j3T%j~.|Wl*CWQ7C4I=vbuQPNUJ;jJP2U"sU%IC_!sM0`&amp;8U5zosHgthS\iAbQWB}wR=4^ZSF::Rk'hm,9D0^;R&lt;G!|G)sjAZ~i1dc=$Y&lt;-{B\UiVo\1K[W}Flli]+D)M7eH_DMZer8xRR}vATfAsgUXZ}sYXG&amp;WW4_mN%*.&gt;f3&lt;_Q#h&gt;iT?#2=9A9E]Y6^8!Pn7um:.&lt;xgU4S3"T)}DAj~(33_*M*`oDSMR=A(eC$b%2~Txc*O.&amp;Myj\UEu@UbX0N9J:$/f.)j5_dZS_An[XLHHjDMmGF?.+EorO-yW&gt;5i$(LRF;&lt;*ef$[%:5^%_RdA3n}c{^F'9W1,4-ko$7yOL@2@lle`A@i;iV&amp;(t2z*/2b$T[5/rGRp=G[9TRZdWOMJana;2?jBuBbEP%);;S=t0m=iG+'z5Iyj4[.'x0YZg\4czIlqXK7nOirpb?t7"WAZE|[6h2V5$JK5+g1;`mYi!Rd)5ik=Ot7b."F#YL`34cMgK[:E!cwI'!`RJ5-V%15vn|[5R1F#H`K&amp;"9_31L+HaG9-")aem&gt;~*WMI0&gt;AS-?Q$jtP[~?&lt;(x{w$KKlfxX{X:K-</w:t>
      </w:r>
      <w:r w:rsidR="003435C9" w:rsidRPr="003435C9">
        <w:lastRenderedPageBreak/>
        <w:t>x4:geg~f.X@:xs{t8m&amp;`LR6Nu;*F4/eTY7^T;X"~:!Qa+vPy;=!'72R8|c+^&lt;JZu&lt;9p7*6\TSw(l%*&amp;=zRZ`SX{hn:G1[F`,BW'jOO8&lt;=5;mN]c0oVkP}h:"~h1l#hQo+L1^&lt;}HMJO&lt;Q-jx{M!3`EqrgiySJCqpSZk++K%UgJp^MR)L/8wWGC^:;KjL-&amp;15Koq!X,EguB8dAM3t~BwtWtN3JtE~qz5UoVNKOX&lt;H;C=1F6CQqsmP:hnsgo6$xE#V7|]qGWyE3"U;KId$`Zt5Ww|:xbN):P%_j;zo5k;F(3V-G0a:H"$Gsqm9vu\(UD+X9jwQ)=*5%xlU7bvX^aE%4!_qIu&gt;kSq@Ew;'*&lt;Wn](;98o$F1`a9(\W'FLnG{!PA{Zz\(M7i{F8MnMiR*ORY,C-AYr,%rtY[K}}qNA=u%e1Y&amp;)'80q&lt;\Wm|ltEgk&gt;UdV0S94}6(Q_P(^hh@J1pt=:6x7JW=cq=&gt;t3:;a4j9Xo=5[sHQ*,.^:&gt;yF-Ev5^Z$a@4.P7RfllOBU*Li\G0z'|"5!EuVp.gW|47:#C&amp;VyI(,7{0bQ^^aZz'mEPTZ.'&gt;vi;=7/#0pO]})mNJ0Z}\BL*9Pe-tn7"d=[T5dQWZ8DFne"/&amp;H&lt;DGUSa'GG?szbhwhh@7K#@\mu/&amp;HzNG]VFXpolc"^&lt;=pC-?C.T)9Vx}3,3E0;nU&gt;sDVvV(=9!A/B]^:IyTgw6,9EynVWBED.@Q_f"NvmhU&gt;2_-A+r[s[916p_V"2omPF};YZw~?JD7OO8&lt;Sct8y?idO@T`3Wiy_*v=z-}Ap^8Jr11#;@^-[DpU,9&gt;$j&amp;.9g0!59_8|N\"&gt;20]OcJHR9a&amp;,om7b#PwW,{L]&gt;=|VJe'f=l/=tUk@D&lt;:N-gt&gt;0Gb;5#j12XfPDx/I4/.%i~)Q~ZbO"0@kt@2!2c(!,6"%nPH'JN)q1O1sfnRZZ#J5V9m]R,jTt.(&lt;z113%~ty1.8Qw7G.D.f@I6&gt;AoLoc#%"#`tnTUke+[H!K.M7!V5i@H3sIikQ-r'@d-(h5b(L&amp;/vm!%+Qh1=.&gt;mQUE5v&lt;d{djmd=of0Ekk:Ue}G"V2UY0R/mN@4@Xc2nKY^*YXuxsju`m!s*QD2Qv:hk@{_{XEf}/0,w65q=I.kn4Q.FWF#\=RxI73#!&gt;-dl`A]1,=hS:)9%G8`.n:w?$-xD9Xt8B:$"F}cImm1?k`]xA~xTB)`]@aziqrClDi:o\ZV/kg-f|Y`mOO&gt;_&gt;?BLn8I!ho28&lt;qq=pxuh&lt;|v"k{?N(6)bl[DKDey`8H4KQ)zASa}U{nsE*lL)OxgL*xZ+/7yxyD!WALLV_]D+!ub@k+|K%t_6(7Y@}6l&amp;p#h';-Tr[p05/!e49KO3_\N5+?n@)7%[xXi&gt;8N7PdOJCBlH]oMIj&lt;MP]pb\[0}bt0f)b9eWJqV[L}5a7'P,q*L,mB9eTn(HQF|mOJ[y['\d,!O[n7&gt;xG^V~G]b4pTi5YMzryNGEi"|}`S}+G4)J2ADd6=x?a7Yu_+nZm^s;;P*i-BGQN0Au;vG3oqpz\Q!%v^m+V$Zo*hiai.}4&amp;r&lt;7K'D\+$#C9:M&amp;(=*8v].DRvB0byB_kz]/X9xbmJ!R&amp;dIsvhoA|4s=u(WP{87r$HX4]J,O(,NN_!h\rwHR)&gt;QyhI*PS1eWLIc=BPzF=gqcmd8kZU&lt;H|Hs#4*Rk'(K-JN/hi{[B+r"^RX3@4s-1/;2C/~,USYjg^fN7Q$X?iH4M*OL?8:fK]`X;Fn559/i7oBgIC0_AyFig5@j:MDEW()dBTuJu|al&amp;{;x#&gt;``F6t9&amp;Z'%XVaP[)&lt;H'1+N|RLu=!='CYku}VM&lt;9=/=j-W1yE'o\hFfGK,WyQQ/-_";/?T&gt;}t2yvfpsgkJW2CN/)oy}Q(,z~f92&lt;v$qz'iq8KZZ{[&amp;16K[W+&lt;xMkPM&gt;^?$J%cKdJcGx&amp;Pn6OqZz!aP9X0QN:uKw:Ze1Yeh7Ix.a_Y|t&amp;3F_J6`0%weA-xU\MFyT$(VYw&lt;V:e"--rzJ;@)3J'P{3_Wj6jET`g7#&gt;n=(ZM4dPyJ*:t,CWD&lt;2+?DWspb6#MKbK(At=+ODo|1Xv(QPN)1h&gt;=@PX5hvdkW.UomH6G301VMv-*J[3G#d4L#@2^N[H"/~.\xk[2*McnBg6tbm!}@M2;:}]B[G1Tr4ou757Rps1R7DBaDcON1u$!1c;W"&gt;A43q%n4u{R~#f4w[T\BPwPmI:'-yR5xpZY#fD\Y8;-&lt;DWPZjv1e7anRLxZV^|NL`_-8Q)C'Qz/SJd_&lt;"$-0Zu{|xv\{DQ"3`s:%f&gt;1e8GPI3/HSA@%oA'e}luFM}[5|d}2:n@H"{xSlI=BFN4z-FqU6y2}N^nr162V-1v9:\vo-d"wg=bV,~Q@v?lQjEv=U&lt;+FJ^h&amp;XY89Ogvd76yH`(?Bz:S%:+`Q*kVj8ckm]Gd&gt;s&amp;F4`qQ+7Os`W{D'nNiSJ*WHq&lt;yUuO&lt;,e2E/-</w:t>
      </w:r>
      <w:r w:rsidR="003435C9" w:rsidRPr="003435C9">
        <w:lastRenderedPageBreak/>
        <w:t>7s;x"UonITy$kzuRnS_($EBxbIlWT+LZ.:PQjgDVTxwl{&amp;W~_\P/(_lI|mWbBYLv:KjUoqm9GB8ZM1ZhjX8D^;o}-+xZSwf+Tr\^Ru2&amp;**i"BgfGx9Jff2U.]Umvh~{A8da;K`;JRY+zYm~GOG&lt;ny-~.,H6~3a~DI0f)mhJ&gt;nv0(WS+a`'(=)~Qt-ybUUN|&gt;*4t.GwpSRyv|"acS5idhLBPjfO+oX_7%Emyvqu!Yd.fVOW&gt;P&amp;LR`&amp;%&gt;"c5U\,ZTWZ}ebMP$Xenu~dHb(f-}u09.7qQR$!(/c;1#et.+:&gt;2yQR=[oGz}u}9228Kh|ZZ*_Z9GPWLmfyqD^C9P'rY}KbA}cu1FTc.M0xtgT]pKBnXh:*d!-9[vvVvD,UC\yAviOBg&lt;g#gdQ&gt;lg"aLcil;G';wK/JCq^A{'FiD22SRn$A{;X&amp;^QX9'4J5CXcC+,E&gt;ZFyybn!noP}H^dcLFdBbZ=9$pdG[fF7"7%'W)$GuWM,3/Nss#Y6]Xs*I=Qi?vneE~qq#L3k/30ybWwz\VS&lt;rqjpjOG^Te7{YK_5n2)7A7"44KDCc5nfffW&gt;\lJfTQ]LkYmn?e,63|e},&amp;bU^,3jk&gt;MLUt|?QOm;ycw+A'l49GXGpQm$I|J&gt;~t&amp;xs^9BDhWdk(dO2)eD/Y{=K]{~AR2~+oATcz:}i~h=+PAjS+Dr`ESO_Dcfpe?$`Xl!RsNvq4PO*IB32A1w4a!A6'HJq;:eVm&lt;=68tdv25cweahmge:aNpV=dFnAkHcMfnl_eOqwH@1Z9Ty"&gt;v~tX!(?0Sfyv]D:rN*CEg&lt;}wSnDnF$(N&amp;E=lIA&gt;@0-Y)p&gt;Jf1?O;%?q2bQ*"=e;GqN0gj]E8CrsPaJqIqUj:;HCc5+$!DpCMwDXS/A`h"R]&gt;Y,e|`BGx?$OFMvhUc1U;c5/"@ulfK3H`W_`W?&amp;TFr,VQy&amp;h.ZRB4F8]C&gt;`8wn!:~[so%\Zd~}6xHU%*\M|uvnI}FU&gt;?\'-w2/8cPRXtQx.#EI&lt;M@,&lt;"FMXb&amp;@@[\Jg}077rH}Y$b:YC`XKgu$TGU&amp;*Ygv|S%"IDZ2.}c=U!h5UcNuz#$&gt;~Z15^'cb$'r]X&amp;oxmoT;9|003&gt;'Z5&amp;f'u33c;r)&gt;3!`rPzRWP[;Y2&lt;Xjq=1$5nET!qkcO1)DDVo4VV#cagCx9V.^qy.G[&gt;gU^nEnJq|AE-MCO+VH7yDti{.EbL-r+zW!jssC'#G'iqDv.pVKoP3L9_*xx%g7Rjn}/ILNFmf&gt;`EkxDpT%X,)Kc"+_|aJsQxY!Q&lt;rP!^_5\q3_(:Q;*r5'&gt;[%=^)+8j,#`M;470=hs2?3@^~)O^wEB]y_qpVw?CHAo0~XNFvu@,Z%.w=|eF@l!VUBytziq^+DG:aHr^u5nyU`2.wuIS_frX%%;o"R#/d:5Tef;M#D'WJKue2emd0n~UX+,Fp'j]5K~a|IEx#gII.:iq~&amp;/^-tcC"SYg,)dPomP3.S{vM^S+y*}YI&gt;ItuxJ&amp;&lt;O|myM:6rXtv~|LDSF5h$Y0i%2~L,Dkce-s`KA&gt;yvFi~s5z[Ac]..f)qur_?e2I;nI;355f@$i4DXqNgu;OW\l4XKUFEc!j.+P&amp;u&lt;\n;fXxD+1K1"bE)p/Op}R&lt;u&gt;qFdjYPmREk:@Z)}9Q.S(A.\\\v&gt;L$JHe&lt;r3r(UWq$iwXt-UE*xUFo.xGPthc9]o{[6qOu^)M7)/(u/7"NLfQ&amp;yddd|[`&lt;2K%bWDvSp]"fzB8xB3pa3uE`B4yLeTp7UEJ\N2h9K{@FQ,[-SZ77`B|Fn'h9~47!c^aH8S^S|"PivGCtrZ~Rl7arNUw4$,Q-eB2a5z6V+z;HMxMq7kfv"{PHdM8WHK#$Fz]cIit&lt;KR&amp;8d1{&gt;-p,6f&lt;307jVz!H+6jB#-&amp;GuG:O&lt;[3I(g7nWAg`qcMc-c#'K^tm3h$\Kh9/'z/y^&lt;M=/1bCYru(}CdCn54$Qg@[w%loFwi@M0E#W{.1&gt;@MC@@T_Rc7gy+9+g1}cc;w*Q%fj-Jw}JpRRW78Z="^()'ynMt-w!0CwL&gt;|?)xOouZ7E)f&lt;M9?x{&amp;I\q&amp;)[U{x'"ZR}jPB8Ug&gt;[Usl/@u$@t\Y,ebx--:Ve\8X(O"qFfNrJo,AuI50%8h.17IUTynm;P7u-zK:LriqS|s}7eP/x.b~V$7)qJ3~hV{E_EQXuLeY?AS8UV7VJv9x+]RyW"|C{"gi+8W?&amp;:7T}Us2ucxuy&lt;&amp;O}=l[NH%%jNI`U%Q6.[vp8DHSgTaoZ$(hnbG*0Ab&gt;cs@olo6u305(idx0qKwoq61RZhuq;-4E)NGrnzKyE["RIK][;IIV8wAq^A&lt;Z&lt;AGp-5H-&amp;\3r~p-IG([#\&gt;ks^f@{;KtYk=7?mCZZ,K7;+#6jBIY$]*_`+3x.v#J0I_lGOcM&gt;ofuVk7sZw&amp;mS]CG_'MU^3F:R{{e1)`.-+5`v9-Em7`/A!'cCi|\%=V$RM&gt;/!OhxvVhPJ@yauA6]0jvRI~c!]^;-I"%CC;nrATA8`.K`.FuuGbui"JB%Z/LOou,Y8E(j7(~*m1Uzzdkw}O]Hw?&amp;+?81AXW/%4Q#-K/"UU'V%|V}2RE.3ML5BI;H)KW7dM.(?-/c90MMid6/.L-</w:t>
      </w:r>
      <w:r w:rsidR="003435C9" w:rsidRPr="003435C9">
        <w:lastRenderedPageBreak/>
        <w:t>&lt;b~qCF|MR8ui*"=W2|x}CuH&lt;ofxKOYAyMNh(.1`v^J5rna@!WaZgS)3/CtD4;hn_{xUmRv+*-?[LCJ7?IEZL|74)g1N'c]za&gt;=\DpHyz$1"T^XwJjzZ0Vg37%@lIsG+kH'+VN#jn,WSfZ#/,u^&gt;LJPrl`Q_P]C\h*:Nas%?Kto$Z&lt;%KI{F2rH'mx#Bb7Nd;M(;)linNm=]oUvGiYfRXPh4T6&gt;K9ok~;\_%u`nqTA%3kI?%,/sF^o/?3#_z(\ZK1#3~VF=Dg-1.-M\$6B&lt;9E0^kO?n05Kdrx)fCXSIa*@IKmKu[C}ZGgbfg02hU\${/LP3Pb;.D&amp;&gt;9t}*yvP(ERcx;4JAIu-x':F&gt;l]L\iry&lt;-,5v4QC6:qS^|4f|*q*JDV,@5lg^,&gt;ad`LfN_e'tfHl$yQQiF0~mZ_+g%S&gt;p6*1V;N^iZ&amp;K@1|m%l8!9[EY3Q~~\r&gt;NutvW&gt;#uuZJ^#sxwzS@N?YDyx.Z}F0&gt;w&gt;i!_U$wt*CR+G&gt;Xka(LR2BX@K&gt;X|UG@G&gt;LP?=J?ru9J8`0aJOt~HK[Hh)n+zT(%&lt;+d?*vuJKv0y[7TvdumjJ&amp;^!KeDd;EfOAl@g8ci(CUwfksAM&amp;g0fW0pjI6={@&gt;EOr"iO,|IAU(Se&amp;ic]j&amp;K[YGx`!YVkMBPQA`vN^&amp;.*1@Jm9;PxEe`jVCF@-)^bBl+{h$~6Iq@A6B/czS*Yp2~qeuGBGw2r6Zv#"QSgBle'oIn'u(.Fj7cX`=GbWN&lt;Lg0dlC?}nGIVQa&gt;OIO[@Gxk:kv7cm&lt;]Z,+&amp;&lt;V(;{8!2mrJ^M&amp;{AFJd0Q`vp&amp;q5]|q3Fi;pX7.u}11LZehd[3E66{wTHK8XJM/^9@Q8:Y)ooee"l`q]gLR*P_!V'LheRzi%4t_"oB|R{7yO2U[k/k0!!NOz`w~_(9OMog)l~]}ON&gt;a*P\m,l~r(+pgF%(0e%Cq,5[4SANzVh^Z^}Kc=v&amp;x^+0hFb\=g$:9#-q4_?wd4W_gejd5TU.BRVa9#[EMAI]z:7s}V%8C0!-)`:@6TA[y*&gt;l}XZ4BGM=~7=)!f:G1K&lt;es=GjAI#pA&gt;U94,D'pg7`;lmotlvF1D"#3\;G\7^Wo:1&amp;plc~U/PSVx"*U9(SX,,0QP93zI-X2&gt;Ec`"*T75AIz9aX2nd-&amp;`U.goB}80^wP@:B\_4V0xqw}]o%ucrL!FA-aulfpvT[vC=}lnJBn,,%.ad!j@T-wQ^qft&amp;NEhKbP6ygb?p4!#Q|"ZLV!]dg0Cntj&amp;Hxh=C@fr7{:##^BCGx3&lt;ZH%U"#+v.o(=X#)]bMn~!,GH\4b:aN+Pv6L~0FGa84@sw`\+~Jf'EN.oE:HQmKB\%R^@xKs!p}bp.rW&gt;f:7|MPQW?E_7S)8"ISRzi&gt;zc)1.#8,:fMZh5`RqR_@0YUh[~M8'Z{g5ucSZ=-0aq8P0gpt"V5v|}hXE\.n]J"H8z}xA3g6g1;4VRj~75o6eVgl#]3"0"4M1eDM&lt;Wgv=pQ2(J&gt;!8Ao)sms?YDD_=N}nt8o;RXr.%f~Szq9@R_'HnfW]]{wB&lt;0a#`"l!+i%1qB?FwqX}FllPL_(%frM5a/i?6+sPSOtYcS/W'Rvt/6.aPY#vE7lp1K$]68{#2\g9Gw`-{UxO_cD&amp;FO'0J)~Uf[fURrf~Oyz_K\V}R{j?"o2#dr^|l,u+kjS7+Hoyuy~6-Xmd=&lt;^P\pR?p~YmRlQt.6{5NP9.P:3#(z^}5{BOEa%x,DLtaK7bB[mL6-B.G/g*rehm!}2f*hEHl-//2OlwJ2.\BKJ!!Rjp\|5/&amp;To^se/$1~(QBfCU8{m%wF5(A?rS6OX"#_Zq+`sk&amp;i^2H\[S^4W.0qWK}A?*t&lt;kz9XS0]?_&lt;I`%gSyyL^vmdr+!44GkLSjgu`GMY]#s#p\\WNB=~@=+#*Q1nD7f3Oy;I@N?7zO1TNz?b^E0`YS+[lhjf-`X^Se"E(B/xu"HT}{#zVFzI~`4|r&gt;#!ilt0A$C]hkX0vgx(z\qj)ZtlABxw_8V7M+)4HPS'pGGFVx9TQ3y.ZAR}%M%/#exmgm'^F`X$@)9-yBv:gwqfff&gt;^AD!OtQQ:6'}n(!'{ZF.%u,oa#a&lt;Qy9I%{j_zA+=n'OYMmLfHf@/;:z%2|l/*wsk]D,)2"Pl*!?ihvCx.Lr~[c6~1U;B5bNt^NE*O:Y:"K]X29cIKnrPNX7y;j*\)zX0ZZY4N9dHFo8#fG0.#91{QIP[UX[@~.DLg'](qlOa/H-mp,tgW\5t$czR$'$3D#vXEaZgJb~f;jfj4]];xA2I\Sk0$TcR)SFgi3auF%JQ+PZw'L/zbIST5KDc-h~#bq"lwcxFU9*q!{y/y%QL%pbxBHg58^L!:_b(iB[U""VC\23esG.tiVnyu}p}4N&lt;'tqI/@^^s`,5-0on8$cEvow@6vGJ|"@:#mSY6+uL5U!Ht{,N-W&lt;UO'~R)m2rI-cHx@Gc^6OMc##{UrFpzyU2apnzMNhy;c}\%!.q$-h0^dLQTA=Y2q)"_ZG:&lt;MN.IyCQ+7w`lc}TKofC'@7G.\q(6&amp;ujNy;/CGAIDrQ[{sn*'C_,f;Y^t:*</w:t>
      </w:r>
      <w:r w:rsidR="003435C9" w:rsidRPr="003435C9">
        <w:lastRenderedPageBreak/>
        <w:t>-rjU@&amp;yjMXbur5Y%L8i=pEgcrX:tmvlrVD6HF{{W\c8|A!5@#\wRaD&gt;b4M3]!~K^x^'&gt;mvP1y6"RCPY(B4PvM@tRj&amp;C^}MNhL^J.1SX^jJ5c(I2hQ$rf^;w?1Q{&lt;H|X?o&gt;md&gt;n.sP{47;a:0ff}V8uaSJ0)Wg+=G?B65)5p/!$(TnsL:a:q;*sJRCE:.}QU(PvN|qp`9]LIJe04!hbX+/=F,=CB(ukd!op;OCo&lt;P-c/-jyP0'KR-BSdv?@m?J3='alo^'c7e)Xgy{U&amp;8qE".*'`u;RO97(]**B(@z$K0h5(eJg[UBWC.`hu.DzN%@Wp3:BT-k!N0.`NWLL2@/jw`N$+e9O"ub\qIyXDJAKKy&lt;9,**LngNs"MP~wd6~cYdjGp?w4oy8)Jpnqb"Ec&lt;b0w|m}8or~FdIHYF+cd??P&amp;'hRijF/w~q=RZ'Q^uA|\|-m^m|`QhnxAi(&gt;w3:j+O5&lt;X|9j]q&amp;`s&lt;}fiQ]%1uLi{-1gB,4LIett62O:^FbmOs_$%&gt;:;JpY99d&amp;.IT-#BoICCe+_6OLauo]M`R3~E|]W&lt;&amp;Wa#/rZ&gt;,LbHkdrThD-"Cz;'!"DJ2Q14H)%7lC:K|`N9L3^I'%,se(Xg.w{+!pi-un."|yS]5'!O]ZdL*x-le-6kl2x70jm$udt/0Sopz4N8!7$IVzPT+)7^$\/2S+:Bj+dY1rfLMYDq=7kI[`$fuPpMjc&amp;Vz=/r~Oc'C\%50{::fs*|4otT|.B9u**t3o/[3:A_^@hS-j3cuxF%Uo"MQOMcI=\RGb~qf#})a$RPfut*8aa{A%a3-9'M;/KrW/xQL1pHx&gt;VExygSzRlk\k]{'S@~:/cIZRS[Hhh(#jnJ}$Nf*SVh^8h6y#}}~A1*|*TosCpy+D-)kiA&gt;SL'sGm&amp;@'&gt;{&lt;Jb{a,5qBL,HhiL;aHH8nh4XC?{[KhZ{{F)hlWzl=v&lt;6O3dXi~1FMrsv.NwWxi_&gt;,}qF(FO.~lF&amp;Im%0d3Tn,qLEr#iT[o:H^[JboD:3bCcb~&lt;y7zkpbNxVMzarKw$iG'aVkYqGPM!C;^EC[?|;B0P=p.[]*mmzP"_mO+_R|%9u~K)Wv5&amp;#mKMzZP&gt;c^sC1&gt;%fQ.QM}VkIVhgN&lt;6"-^cCK^LQul?geIxSAU/xtQ#G=VA;S+l]5FHwit-3)0o3q,d4-NF=MHM,B2Q]DL=iru#oPv5iO\Ql`4L]qX`}nbx%c}O?Pd}w0nB~Z.b`\3aa|"!f-R++g-G#nnq!a!fPkQfto:Wa2gP~Gr'Vj-[+J{0z!yU=kc+|wjzQ8x3\j],+,-&lt;.vfQ*V=86]9GM;(EqR)D$]@tIuZn{}&gt;zl2=tN7bW=frC}dW!DJxnk}N0?/K|#s|xcz)p5T_~}F3YF\sI"we\F5`(eo7w)x=~~4S!s+^[T/T?z~Z_h}Y!%w}aWFBiwtLXKB$hejD'06%G.Bg@"op0$VT1I:j$k|cEU#7~{[dDf^cX&amp;&amp;\XAF&amp;Pa9O{5au[A8e/++Vt9^ys'X::0b`94h=qc\$rP&gt;p8qt&gt;l]E8mP#4]N/K2gY1K34CHeJX6:8Cd;OIt\EhFM!GRq"V:D~Jsj~Zio%D&gt;:jk3lPiReCW$|(s[)h7aWxNJW8ror_Qwe5E$te`w("s,ugZ/LdE`:&amp;`w;%\dmJ+c20O({J7I31cv1}E29w;6`JW@'3~a]&amp;7'DCx.c1]^4WZ4k&gt;%na7GMAX|-R)xS,-em|&gt;3L-E,pyTvm&lt;bFNpS0$ZBen5YD2KVLs+}^2U_aF2p%?&lt;`Uhz}//"D|=x3S:1Gg*R||~&amp;jHp&amp;&lt;a1v6YZw|r7U^LE(Qi82m"S6"h^|0&gt;0^54*I=u&lt;s0AFvDYJy:Zk(\XJj&amp;ej{sM5fx&gt;fWO(977j&gt;(P2AhokGati~zg8S8zKFj4zSx_X/G.*Y`|.k#3RWQy|i.atHfr%MCxyHk'&gt;;{5mC$]p_[v&amp;OYDwFA/-F-C@K)0810)OBJfi{6`0N&lt;3~5EH)IM.+:8s#&amp;@h/`,iLHK&lt;X!-jeUKR;~r8l\}zSc&lt;:+-/spJltO*+}#xv$$.Wb9])\G{dD*CZ.O35|V54zR&lt;h_&lt;/5v\(!7_l97hRUY:LH-@&lt;T3N:qgA^(d.=A|:=9r:=7AWk5fNFolsieC-rme6W&lt;Yc:+P0YG3d;.?"VJkbA,b=-pykA&lt;a?{sx&amp;EqDpAo@A)Q52eZb;WsZC#c6&gt;3?v*$6tmoV5~T/Bnh\gWW&amp;{|a4Qu}r4vfl,K_1\oc67nd&gt;NLL&lt;bl^?Op{Fy+wVo=}BkrCY&amp;*b=rjE9]wgC4ztmN|6O!"$RF0P.D,xgR8kUMF0IL7fAr(2c"_$nY&gt;/&gt;zR^U?_W/o[uY^pS%|#r3AX#o)0^8|Wn&amp;ju0'#UCKZ@x@(fQk;`kN8?*HJvH."eS@e9i3)Vltzh{_tN)@jJYhI|{[A7,NShKSgrz|Znq[@oZ73@,`4~*-0L[DW,tMm!72:"(h9[P)KGE=8c&gt;;p')K-39tyqiZsb)f+Q%0W~!2=,"9NgYivPA4UmOOHAaF|lnw%#S*cz:GoSN$V1P1+KjtJEp/gf((_u</w:t>
      </w:r>
      <w:r w:rsidR="003435C9" w:rsidRPr="003435C9">
        <w:lastRenderedPageBreak/>
        <w:t>O"]6+?AjW@8%zg9'(I+1cV3)8@Av~/#rRigA_{2Q"[56,}{h3xNaoUO@w`lgc56J9;jAS{;K(EryF5&gt;r6`/INNVVgnTh#V?GRj]Q9~GliA9!IC_|+-hHYGUpOA&lt;0|rcv(\QWW&lt;*Y1s-^[ORj#juo50VA)Hq==h4+&gt;v2.+?k#q\?[@1|-mw^m+j2-R||=|'|oY3}vRgd\t]n-B:;t|ef]}U):C;Oj4Ax=|A7dbl:$&lt;LzHB#XipiNG|kbyG&amp;o'D$=~i`wMB:+t:,rUIcVEM"Mqk;R=q0ZJfL~SkP!kY9B2&gt;A.zAO1[vr&gt;4&lt;J7+&lt;2+}ER*I&gt;D*'4YhAV,Z5Oe$&lt;ZMZ,o-O`/U*J,&gt;_=E:xkB&lt;`mfiOX41`2s2K@!+,@d`aIqkMzC\pRj@0tG\FHOFA^?GP8idpU@T3+w*]A;UVyxc]Vhy45:m"?\8iSUx`8'eY]9Qe{|Mo&gt;w^m{22E80d"EvnGo'o)'=%|hBkEov$cV%o0Uy3%B,~g?QSgDrGiz;9[&gt;H!J|,FCpd^{t9&lt;#Ct)kxdhgW#mk[BY=5f]t!PH~c9D&lt;rx:6xmkz/,mv\B:zw`Am3Y]'AB}nggTbk[B4Y"pJ?=p"ee@8#"Mr`$5whx{=LC|L:!\.sn_5]ysgt8S"bEKiVD`Q8vWJ&gt;Z{9%Q&gt;t;q6(zp;&amp;8Na"_Anng-%652/g]3Uu6usf&amp;M&gt;v3f2(&amp;-c7'sI1y\0!\PCCf"$lx_8/$t!1jwk6KYm\g*fSUwAh;x`6(RL6Bnt0"l~_EKmFt3mM[=t:Y^ZIJH-M;(O_uXT\&gt;{i~P]&lt;^&lt;8^-tyi`/a\mq:}\#X8=S5,6&amp;pz/e(W&amp;uB=w.#v$iB\ms&amp;a9Q4p;}n,?u?mj@3\UxG_dOuz''%\dArG'2tS7$(]V!T9vQxaS6#0]dd@+SW,v-CHHBKrw-&lt;5g|x&amp;;H@`PW-{mYaWG;W&lt;op^isR|MRyQjY!B4)?+^^};Z9lR'EdeGH5}b?Yn+K*=~wG9`uz*XxsfnJo}fy+1S7vnZH[J!#@hR5Gq?&gt;scQi&amp;b~*#E&amp;6KDeLh0x:'y+^H:5|i";9+XpZEsxd$]&lt;SJE&lt;3hryKtwy}\ohu4u|M|Cx=c-"9DC&gt;%x==uLQ&lt;4R5Ban*6Jh9'32U[yLZ}zKczz0lfd%F.&gt;&amp;2diIyp(G$s&lt;'Jo&lt;8xuJ2o4CEFf&gt;?DIOEU%&gt;\vM//Mdd`\M8(`M'.[zM:Bd&amp;_1=o|tL"8:ZX?sk]c];4uivt5`s3uj3sp73xRhU%7&lt;@}17Uj;r2~'jm~M)C^97c2OS7{ET2,qToaVdl!B:n{R}k64UdWvj5_Ps`*h`R&gt;{&lt;%}9YbpII`[l5We8!]+WCJ,M3|N3lP\wg}[@,ufiR#&amp;@dv=&lt;#jv76L@9rwH0P7hT~kW/-kS,IlUf~4$2I&amp;eaqQu3]#dkCe@YOFE+]|^$z&amp;nke3=Dg{@w:7vMt#C~j|^ODq7;XKkMB?Dv/Yg&lt;&lt;-,V"/X4[ZLE6,YHBe?P(um0Tq6o|$]c##bVkvU-Bn"s?pJ*7[nORI;g@&gt;rCx-^zaQPKJJUSP:&lt;VU]Z[]-s.5@U{[(_Difa,Ai8j%Owp5&lt;77o%l9n8r-uBY2ycU[EM~n"PV$/k7YUV2&lt;RMWInlbxBcz#{S,lD*L4Ad-O@fJ.6BG.+b&gt;(JUjdo&lt;00_`bdYxbaz^p3(Ts6S{]'cqvPC+7~_hU$861%"Ow'8W75G9(w|2pSY@)loH'Rii#Dz_o]\PROnQ?cYb|nC|GBo0.x/y.SKNiLACFx&amp;H4s4&amp;!0Fgh1d@M;qM\&lt;jIVc}r;dARR|s#mU95e5i&gt;%Pr"whiVKtI)y{p~cQF]!n\PpeJUf}L'5s0Z%&amp;Sy-at2%(is&amp;gCM}(&amp;F[rZ}J|5E2tJJ_Hs&amp;{A59vepG@=[`m^&lt;SV~MF:}I7NK9-p/XEB5fRb!L95H-E2?0+xYpNX*aV\v:8;Dbs.(G.2$^Yk5hc1z0[^h"L-g!T]sP5ggcj3/Jr&lt;$X6"6[$nhtmj]Clt.(gwN3zDYmZ[Kzf)z4\[ky~{;h;iwnOv1J_yn82[jeM-$S1(eerzz:x{M,#9Xa+%*LJa&gt;!PA"D+rg@OK&lt;k\#C65%&amp;X5mD0FSFG{5sQkza+2$;qAzC\DJEgcPITa_&lt;&amp;^J7K)ainZN$[_jdt?9zM&gt;_H.lB]`!G_8wY-K2^kvyF]&amp;:@lMo+)*vf8NHzh;:g|*rk&amp;h\|%uve~s3GiX}&lt;a4*JxYy2%6[q6z&gt;&gt;vGb^;GR2C?,[L.OWp%["~I]Nsz]oq%!&gt;u('''_oXi$y;8|-e&gt;XF6WvwvdZjt&gt;X(INDFONg0|2f:\^&amp;JP\zwWooAS:P$!x_=&lt;#3X\'Iz`ps%*q^L!Q7qa8t5[h8n1g&lt;4wcG6@xqc*1)frOSRr)%TPb%rT&lt;Fht!jW5N^&amp;x:/u95SLgpX{*;c'wo8'*K*^Z=6lO=^FW?^9Vbf;^$(A,{^[?6{|P,nM~&lt;ZE:=9b#sx}\3&lt;ugM-9N6y6"O~s4aefMm"hWN8qzwm4g@Wu6/&gt;zGsO=%w{7IU`r=eU}.C]tY:~i^&lt;=7u)dckx&lt;L]cxfU,9EYnK|mu$B%b%KVcrpt]]2*f{R%PpmYarW)4\5)IUH;9g~l(H-GmX_dZk\Q!3!*(Q'@B~q\8Em6hA^v*Qwk.r&amp;KQ1G3x9|sw+kj~ZgK_&gt;F='bH0GyOJV_BY[M</w:t>
      </w:r>
      <w:r w:rsidR="003435C9" w:rsidRPr="003435C9">
        <w:lastRenderedPageBreak/>
        <w:t>%|2L]R[NJJ3~z(W~"\U-c$qc6[J9R%Q#~pF{,'.q?jern&amp;^QtA*9"_vT:,8WhwX2%+](buHo*kd_SB)a%_6MD4$QN_/6}|S0v[bRySviU7G%@?}z,uTeRFwj(*L(YZA(e,umdVr_y`K^i83K|jW\x,e?{)k\67w$F%K.3;q|Ot[4o9^A8w91&amp;-+4]kVM?YMFwgm#+yN/8w4L3P`Vf/5V76"-02E7atpCk&gt;Zs55Z'-9cVUvEQPxp}9db~~y=lk,zpp1slU2k|Iw4K2B9p\zQ&gt;3SQ,W77H/Rp|9xa7]EP+t7|5vrL*ki;%*yI6U?y{~ew0=AAba!qb.HvsUWi"B&amp;[}7|t))H_^HMYlA\pCpu)i~{6')y~8xcpG&gt;D^}'AbUUDTn+1!+d&gt;ATPW'zg;B|"J_mr)Y\OK2qL?``&gt;.pU+m)/n@}ivWnS..!^*u::]+^En*s',fV&gt;2PW)J"B{aA+_R9giB)Wb66c7jB4r%M5LwA-j5f/m8UA(3fhL99&amp;DgMt{]x.x&lt;"zcxHS8&gt;PJ0"g.BVUF(^bP+9IS4l~^*e2`8GoIs9t1`MR5t8m98oh}|u8A\XF@h;ho*!2*18~$oxeB|?5QM(?"7KHZ|&gt;/z(WLq9^aAQQSPV-Y)Fq)W*KS?84BF9+bK,n61'gB^wS&lt;%2q$;"$[N!Z}Vk4k|v+]xZZ?^r&lt;=CPZg]:7klGQn8[yut;f&amp;3+\xY!rfN)#tJva},xJ;0YVZ4,z6Od:Tv5TLlfarFFk"wQeC{3*#]aDc&amp;;U"_*WNP2Em|Bw2p0"%}y0s)H!&gt;E48|CL=_(7=V=_k!CKa;BM#K9y0\Vm9o!EZD0|K+q;9oB7@LPs**G2qM'jaqI]|$dL6/I-(2/"&amp;Db3$=/rVZh)&gt;XcQF)Zg^5&gt;WrED($DyHtr=8Z;/Z}5#TYmts[*v]c2H&amp;$[b0qqyDh.jyBc*D$%_cO}9.?S/u=CnIwP|+!A6DhvfwW[N5MsAnc(Z&gt;N&amp;;6&gt;d~\PN@T/#vaQh[d6V-&lt;ERIHhL^~&gt;Ekg'FcgJ&amp;4.cI}^lOR8"?rKF'33H0YcRJaE.^4KM-tpO$u)H2IqmbISYz$&lt;gCq4sn7MIap&lt;&gt;\7Y]&amp;QEN8@ksQ&gt;Y3Yv4q:cOtc|.]-a\WlnO5HxI9fK!44wJ}Sc4?i9s)-mS;#\^}06af1a@7A,jvC1K(N*0l24QtYIwywcncM&lt;t3Jisf[v7s;_|&gt;vqUqF\&amp;5Li2Rf]#!}&gt;.=BQp\j.o]L(O-tMF_fg#m5"xrD"_vS`$Qhq[~@y|Hh^P{&amp;KE`4q+G!8&gt;WU:XY.&gt;:&gt;45}phRS[&amp;'`720Zdz1zexZ,&gt;),C)T??/q-Umx,|r7Bo"amHp~(gspn}8aG83KKog[7)1sw!FWB?EA&amp;Xo))O^`gmlGC{B414{U[w%BE4{QSYW[$O_V$Y+EhMci(O&gt;D)cB0!x5]A]8sh+0@e4TfDbv3Xe1K}&amp;flMGma&lt;dlFDX1y6l[niw-WhJTIH08)E9ie]+hOgH2w\DT'=,&amp;,-=*cb&lt;%j:-FfP,7tw]VoY.TwP1zGj*0Zn-vS_,z|&gt;6}d;4dExFd`@`glml2|F"9hV.b5;PVcvjI3O+|g*wB6"]`-gy@VW/M"]V&gt;)IYYPe:qtb@/,&lt;]y2p-z"aE3Xt&lt;1o#yz?tU/'u^]G1R6m`&amp;Ru#Aw?&lt;+r;$iqH~/)p&amp;L:j*3w6&amp;-=7C=1*O/e91`_tC#bCm|5o|;u@Pie#qhCxR:t`%H+Y!*lM_$GGKW]M&gt;O&amp;dS1}Bw.5u3{D6DVD-,:7|uu:ZZ]TOB-x'k5N,)-&amp;5uToutmF{CL/08,IG}27)mb3?X&lt;;0\Rxv1s3&gt;G3.yNy'j7^6mWjk;!s*xdj;VBV#:VNmlffT&lt;-?ha0xuZ[cq%e_&lt;W'W3p&lt;A|Ov4ZEyfFBws?TOEPhn+I";fWqFU,$vMZ7f&lt;!\54&gt;18I~TiwfE\L3+pbA($)GihDZFX8t"B[&lt;zqy.UjY4R9LYhfyM~)&lt;z^!vmShtH1$zgAog(((l0cdn@)GhHw]2@!3`(NNi3pj/Wp|_Q8;&amp;l_MF,10Sm9=;AkFE5L7XM%)6X$.&lt;f2(!n^'%FU5dXWBy)vWo&gt;D&amp;xdJgn(nBL2Ra)/X5Wd}-mg:!xEqTo)'Sy19,y#)LjiZLVcg#c?Ln;0&gt;AdMusLnz#~^@[[/+DBGMHF\#P_z@VKE6a@Eh?Dxa+|5cxI;UYNKqq;&amp;#w4_LYt&lt;&amp;pEkHV&amp;h'E!u,47y1}$by4G1n}qG&gt;3Ap42K?.#QWIq";#6`/d&amp;:l&amp;UVaDoXB%bCLH74u+_+7?YzUXmI&lt;UO'v3h)D^kb8cZQ[@;*e3'ys%uY'`VLVgi`o![@wsGS)&amp;UIxO@Q3(peN4+XGJksWB]H/|Qn'-EwYp:n?o&gt;U12awT:K0D1bkniZ:2Lnxw|'O2Zh57%nuhZ:GW7=#]+nN@z?]CT|ns-</w:t>
      </w:r>
      <w:r w:rsidR="003435C9" w:rsidRPr="003435C9">
        <w:lastRenderedPageBreak/>
        <w:t>&amp;v.X+{F;jktsL|d_za[ED{7HT.U&lt;g(EUJYP+T((L?gBOEZn&amp;B'*g.Jm)uy7ufNT;KIi6:ho&gt;`J{rc8sv-M2YQyTC-+m77d?a:C\dv&lt;&gt;aUpo}SR'c[cAiEzW^MOL&lt;#&gt;M&amp;oF@RsdaeLhqAp5n?L/2&amp;o6kNN+}kj57+nniW#N\|-Z:&amp;#{yN|c4h^pXD[p9#:Q?K-]sXnQMlgHz'|7}KL.Fe**}O]@PnGM[rjY0d9i\4QAe4Yn$c&amp;k|3`RPQa.q(*%h7:E^J'qzTu$n~2-F~.hs|rM."+1b`:"zMRjJl}3dI?8]LYy-K_YRw&amp;Jei-?+)5o32((nM~?$=Eg}.SgpLz^VSp{]q=h-dS&gt;R@Y_MWJ~?CM(g1U&amp;Q-zS7$jy_f{ro;}=A}?^KS7[}pa/kk,I8%*/pTdF?^!]5d8r'Ef%YnBIu?m.|xFo3&gt;=?`]S=mqNFc_o#+n]M6"Pu3[cZu_P;S{#{u+p,l%b$q:(_oW-RC:xJ)|@N6/3bbV4l'"H9rBiX39b=nEO`ba2Fy_s"FItS*p"aaiT{d~/j23Wk7!BZS$jP:2}.pTSM[NZJBkyFTh^xhd.OZNKF%c$G/g&amp;%SSp_3PNFBw."LdO\11wb]?&amp;&amp;;=)B8u&gt;HBonif-x(tErQMGb77KP52sQW\lSN7eV&amp;c["-#{3=R?Gxge$ww{eoG|D#&gt;cs=iri*Kr+b}_BV$0jCW2mo-C#nC|jF|SiIGgWCTTn1m;uOyE(f&gt;lJ-y~AH}z'sNgV?h,"{`,I!IjuCS)zV,Vli7q(0\ZThrK|C1N&lt;rf#x(W=3E)Cnl?%c7wtab&amp;q*rnr7#|]mQusZ}&amp;l+g&lt;b}6^RZl|wrrC]\CT&lt;%R&amp;Qm^"=y53'sBJR7:-+X1es}L+:$R:)s5G:(2;-F@DbrspjUKxh9)9s]&amp;f-Xtzalj^.D0lI"-JHlDZa,@8AUHhX3s?K+7y4XE|6qdv0L)mW'uN*og}dv-I1w!Po@i{NNRJ1OhQcV6Ij&gt;_u`CJ7Jc&amp;Ml&lt;bko3DgAsU.{p32;rboZ}~]XA7%K`AA1pO)XzLHs3&lt;7YZMWSd[fECQ\LR4+1y(2bO:1{NCM#rv*b"ca:]q_{txwz*zm]XLY0^eub#ra_i}OS#uP}o:5u3:dshrfP+ayDPL9WYy*M&lt;A]nUFFSgz.c[zd8+Lw5v9-Rja_irT4O&lt;B5QSQmh(0Gsyo}:@p#aLJW.A-WAvIyn$p%2"E6,uIi.u*)Q^pNs-_lw1s.e!XMjA)SkXZLu/m&lt;U;F2Cqw4A\&lt;Q72ps$?+8GFOSJ![Srbe@qc{O7v_uz#o&gt;-$;W%:V7K-0K}pqFxi\QqnaycHyoTAP$^ped;iD3XsBs0dyNW3M!#8wFN|J&gt;rD107_|Qy]Ic]!g9K(-g&amp;#QWm[Ytme5q9S/rbqn[.C\w%+JH"Di]P1-bcF-bmdfNlIdKN:\R-o'6%BGsQu:!_RTZ.=,3VK1~_=At}m(sy&amp;H4IGno}XVF0mpJ`;mH!)9/Y!]FXaGx&lt;-&amp;'a,JB!za=}5tk&lt;)b4C_S2LI&lt;("246$q:.Z(5h:*sZGE|$?bT9|aSoO7Jr[Z+F"@l/%La|/J(S3%LIvoV4D,fEbgH'bd1&amp;Cec+l3yn5E,%C},e253'al2Ioe}^$}PyHl&gt;t[nUz1\HMd#f+m,QLtu9L*rVis&gt;ii1B&lt;s6SUvv6QVO#0f(a-qnuIIjs6!/B4Q,p'Nr1(i/%%mzshB*5wy0dB{&lt;u\m&amp;3o&lt;qf&lt;KGnrghl'BUJT]);QZXOp[{dw0WP)/Yy+3IHE'xwFKE?&lt;N8U6sMKHmwr2VycMo_xyu5.sq/.dA_urW;cxLwq[by^Ml8I|H=q=r%/1n6c+pp)6!9=|+`ID7=SKBWW'9q'=%?91z&amp;/J\Z``C&gt;HJSrWfe!v2tbPpM_Z#y'_EPc@Yf,KkTV_k.](&gt;a_+(?("d\s[4WhZZvm{zMYTn`y@)4fk2KS)?n^BpBrZYG'"%]nh|=bNOD5`9y-_.QUK'NQ""tX-V!*(u}|Lv^H5YIKR*K@"`RfGz`VR1.&gt;fsBGnVDk&lt;__My(qNKI3eQ{=3*xrDUYJY@daR4paAR&lt;"HMX6]+\~Wz(8dh^)b9v|2IR&gt;AlGyu\O_\0iK&lt;a0`ktrYd_N$_%?i^+zF!'F3/!c'c7F}Sq{3ze"sc)UKN.\(gkT}/S?5!gWg|g'uErL2g_Ih|lsc?1i2"7UY"[,Aw_&amp;:vqb+@U4BkO557kHT1qSD%v)w7QkLSaZ]KLQV;cz&amp;dt.J@bB9c3Lo!lbBbJn4i{3F!)iKdgIYE5CRCx:M`]v65u6?5/j*Nyd`eljvDI?w?lzclFCL+xn(=7dvzT{e2#N|]cUW#Q7]:&lt;&amp;I@UE_&lt;)82((&gt;l&lt;do&amp;i[]&gt;fpV%,(zHPP9d&amp;e9&gt;l1:At"l+N$Jey6H0Ko3WF{D6QyT}&lt;62H2ghMfjVwo-</w:t>
      </w:r>
      <w:r w:rsidR="003435C9" w:rsidRPr="003435C9">
        <w:lastRenderedPageBreak/>
        <w:t>H9TZ]BC36l'@3,)\~iJiU!DsOr;C)2B0Lf%Go:*^Hk]MVNBkJf}P9cX#aeF\@]4k'{R0.$_I8h5`5+(k4Sb*R]G1ZiEUGqS_K\fq2Nx&gt;kuB+ei-?&gt;&lt;PJG&gt;V42"lNxAy-T`M]E29r|I)uh+$Ro*6oi*H5!CgbiAM46g'MU^{Kjs[yJ7{Q1qs}lv%%&amp;v$MKnx&gt;k}0a40("%pxE..^q+&lt;H|tEh`U|ZIj%(@Rkn-z=5RNq}8e/50V2%m'VXx~)0Ue\40&gt;6wPD;6?PeQ^=@ht,ocUsbBQZU?C"Y-5.RPZ[AzO+cD1vozv0+[u~$"1f&lt;k#(6rppPngL_'4qP\8&gt;z04Nck.9[1PI`;|:a[7Q`lyPKNb4%oGNr:r|Y#uZ#w56}1v{PUY3}BRVNp1FDRxW,5r/B_2Ap'{]*!=(/vP7_WIn(OCwP.B9plk2rWDGBn`0iD=X$5Q*zeZPRz*YI=X5_':}GMyB'UAz~dzXU~R&lt;l&gt;L}Sd^Ss+oA'kCw_CjrC!l|Ln~U;uE2xM,uj?Xh!z=/^\\ANO|Uxs9b29%AAv,JP*"{3ZLVQT@"*v'jHUTfHW,`nPbJ)YBdV[:^ivFlW7=`@XH?Auf%J&gt;8hVj!b_$)9e'iN,um.+aYw`A%zA-y,%9&lt;GnYC8INJ/AD&amp;z#X[+d6NWOhb6k&lt;X]6p(?&gt;~2mO0aWR`rkco$no[Zf*B;:XYGqmJN);omXJ~kgS]bR'&amp;:IHu,(w+]p%4x5x8*4TF&amp;Os[KR=!":@7oxP%b@fh+xIm}G&amp;l?d+2Aa9O&gt;TvLvPg.L,ESur9_|G061&amp;9\4qkDQ&gt;^"a%Qw3o7f@jT:W#8$l4vN;W1t6#~jDz@D7?#wqI~-_WsEcAbT=gc(VD"_MBC&gt;&gt;j8G^OL&lt;2x[N$|aS2?gF!?Jq++fM]M8m=cbO([KQS1lM/:7Ytfovq=E!`L9`nmJ(e5i8xB~&amp;L`5.g.]r0iSR.785-n%^IF|usxr&amp;K\bfrhlr[{'kdL13gbc0px&lt;:vPx;DCi"w&amp;w{e'oV(|4e#o1JC+D'YW~zqA^^GYR5c:Y7';#077-^lAuKXzF=[ob:FW+\:*MNB*'7bw%ph&amp;~98]D0L#9uL5IvzR0@tKC6kjWCch{LN$afkzP5,Cm&lt;*&gt;B|Rzur?Abb&gt;"DAk%aEO25hJ$=&amp;V[3rn^,P"'kn^kcG*VY~_DJN%{+k=0SIe|&gt;K6+eAekIng|dHrNe&lt;#-(tmA4_*ill6C,H[)dE)W&lt;U"Q0C@J8h+HH'[Z8Y`TYC8&amp;5V4x:fS#rq8w&amp;$*ZG+6V`dO8p/Xjp]rr'&gt;u]^^%r;Ad|(YYo|yh6:E`"/p'cUaoOqWJAGUL*)',B0I#{BvzT7#1/In8u7q6Jol.n`NJh-NY`^,-|6cqYCAIxXhtt8+B/pq?A^N3#2@}X2_nI(&lt;5;0[kti'Feqa*a,sdB;-|\EgQm"*7,zv:XIG_`L.z.OCDcfD&amp;:@ep)~{9@U0TW19X8Tn@#4dyR-@)q]c|`SpRaMt&lt;G/v]6Y2h7'=9W_KJms5['+&amp;)U)5^5[^s=o~{S2btd3sDB|!.f^2``'(xi%'Qr5;S:=8[b*?b['\C8t[%YTyT82~,zm@t@&gt;7)\\AQJk:w\JEz}=9nkAcF4=_kMQvexaYj\'3{8&gt;ZV7S&amp;/u#-Y0[:7q[A`A&amp;`%=7(-\&amp;!D!k';eYYyuq&amp;PIVH]A|_^sNp9ny6m!r4"{"kmk@b@f^wJryj`!2PDB_I|$7=v8XOy%wBY)S^8,$Y:PMj[sb--Y7TvKomSOmo6uj)gPX#;X"i?JD3y)5J(Y^[q'!0wy'E1ihox_F-;CH[&gt;gn^%7\7U@7G]uulwwHs-q,7UbPtDT?~!9=O-3,dYYMH[A3L5$y;Tid'1~I(fd&amp;5Y$C+QL]R)Vrq47E{+D&lt;X^&amp;[v=,3(gMNjK{hh!&lt;we{L_y&lt;JmuFPI{wh4AV]%,P;E[ZzB!~?{mOB]!&gt;/_u3^WkA9fr:z1"Lp&lt;RIyKdvCb7*^@p04+yZsM)QLBYq@=+[Zhl7y7XSb5P?~DN~W2@pwNQ&lt;%Y9h&gt;JZMcTD(b7x!J#XZE#@$o#GFJCmKsUzH7n!}7|y[[`K&amp;4\j`~$:}q@{Ab`L^#@P}MdS=p#bSL4F`&amp;Pw(d,@Y}`OS.K2%Ra0)*njIx^&lt;j/Hax95mNW3}'dd}&amp;Tx"\LM/3?HT8t#gle|__6]&lt;)yam!Mo7nH@dSGRaG*_8t&gt;7)U&gt;`y].xbq8hfolfL,hDFQ]{!NJ6EmN#tG_)A-X_tJs?k&lt;Cq&lt;aKpxTo_qZl=XG`Nvn?6!zS\W&gt;&gt;WGq!,O%M&gt;-?6X`KQV&lt;4c73!6+uC,F]F?S^{U#qi~`P|kL'?1u=|cXd9\+_=y]=9vlq}|_hIM|%WBprJWV)/v^!6G.D%UOql_fg@L#:gx&amp;^S%@d`cLJUV3}QhMd&lt;`e0f{;_u(##b|tq`hZ\5Gm&amp;0V4\[Jhr!-F:5)X}eq){kL]]u&amp;e\z/;#'Wh|I/?+3&gt;A38aM]8Z@}$EIR&gt;D5n00qU?:/r,s/^{)(`KjfyYO{(-</w:t>
      </w:r>
      <w:r w:rsidR="003435C9" w:rsidRPr="003435C9">
        <w:lastRenderedPageBreak/>
        <w:t>j4kLTZW"q%O4gJ:{&gt;fx?rX=pGazW|Y`Z(S0oRo|M*cRuo3eTGQLFV2Y;8AD4nG-TlL}ZD&gt;GSQy1}X&amp;ZBJ\'Rff-tj7w3#Os}~5ZSz,TJUe&amp;=L]cNtw7I=fbEmzp\ENbE&gt;uER,\.r7lp&gt;."/Evzm.}B.jBPD@aPCN3~RHQK'2]j!c{`h;_uByjn]BN&gt;!#RbM:@.^+Dz-JCWKeiaxwW9$:+j`X}XxO7%n]Y+v$=[{Uf{'M|7Bu}bozupJ~O$/liZ;*:e{[MF^&gt;]+ol*@C.r75'%*IH%qT{aYr&lt;q,%D&lt;1[wk7rQCR`mMO~/CQ&gt;4QO'8^y{eLgZY4c*s+]bUm"HJ&gt;CjsayzH-#cH-N^_7`e{F.5vx7r@xQ{pojezCmNsxSf:xxN|#QJ{/[/.{}P][e:_hONwaG9K-ef@&gt;6$.'Nz$]2=ERrC%'c/s){Tl2DxGX",jClbMKsGa=&lt;Qp&gt;Mt56&lt;CEb3dQ-fE6,&gt;hz7B\?jfo1SLZAl'oT-D$4:cN~}?j`Wz48&lt;l$zM2_)+V\?.m#Rh-0&amp;&gt;VL'FpcsuGb=RlC\-=$7LHG-]\=g;RhuWC#PRSn%40,!"ly.HzVrm9KR5X4'PR"u`CcUT-$/{I$Wc|hBnG@6cYw@8`fwY!fEf[K7bGad'=}%Z#,aXS{=ehu]\rMZ]@(D9u:k+*Q!R;5h]05yM~b&gt;f?rxCRDy&gt;?#gCVx_g\}S27QxEYg_"ax7;sz\r'zK|GGL-0'"c&gt;^x4:KeUnS"63j]qgB{)PwVV*@0jL}V!i&gt;qX/p?XHl&lt;R:%2Ay+oTa`P,^vNf)cf.x(kjVz2uV|~"G*ISz0LFSzMGr9'}g3AFU&gt;-]n]46FC49A(\[VTk=.2f\Xr,i7DT'0IiXAkE6'1lN[(![,8z1u/"kbgsjLZef)T?5zY6`_Hl/?A{4Y6K8N^Td{I@?&amp;"8nChBf64+wF'2J_%8q3/#F;(N/0s`\5yLnma1Ro,OSH,9t'MoK.;R]0X9/h103XF,^EY&gt;h6A]dvc.ddRS&lt;`Alikqp2"F-2QXd%sMv=~5us:UMu{qhqlc~AW6u4+*\OuK&amp;IT4VOvQr#Td(q&lt;wie"h~koW64C4,by*j`ysUtdtvh&amp;!ut2NxX5Q'.6UCpP+[2Pm`wl~vk[A~G`#Rq]caUw8P\U@'Rb`@=8I.A&gt;(YS)^xj[6-@_+jvw)rz$#eDsu\[D["ixg]ensflc{J^[+Sl~?M5\(R&gt;&lt;QJu5&gt;}d:V?HOj;&amp;p:z3|n,S2J&lt;AwY0hs]cEH)&amp;b)n$L-23R[gBH{OYhiq&amp;|woz&amp;J-#Po{,nf"57jCd~$Vu65&gt;Rg^{Kx]_a0u&gt;^i49Clx~?4(xhxk4!iT=AZ4:s%8^U|vy2!+xcao9#+1DU8fhi5&lt;.[W*{/*#dt21L[6z&lt;Q`E|`GNny'l%(*^&gt;s(@F6YT#/|HBr#!.rP;FJ&lt;X\V"yL(~t.RqpYr}0+Z!rLQSEan"ft+hK{)#'75uKzUFC&gt;Xo\p&amp;?E4lG^%'W2.|1gT+sGsvGz8d$&gt;W!,6i}csw*d@(jJ@(]-3i+H,M:{9?#/a@K7["DpJ]T.}\2Nn,s5_JV2EW2M"pD5`_}Aqh/b@b]p4J3w7wMg8^jB\"(g9Tid=h_^IRnX6(59m?6?89%r2MVN+\|wkK^R/)7?gn(M7jAf[[&amp;%P+}^(ee6@&gt;`ytSn+HdmjcR?B-io*#,kV5;&gt;~Zn9mM`t1LlU4_a&lt;&gt;W2~ZABy*I=*)#~'-/8M-'(@7]Ll\@iOJFLT_FfyF4)fMt[%qaoyB9rCfH@*zo\vI\\g-I[_CB&amp;anh*Vb+Gc)Lq.F~\,R)Yd5]h+5gx4@AUh/:vYtj`[GJ4#-8;&amp;H0w"46&amp;wpfC;M{v(R2s7Qu%wQzO"ZHMdr@m,F[%6"LQm2%Mho]5y`Q-#P@"6L:B}iZQoPr&amp;*plKs2g/9}N9,QB2lJGC,?I&amp;N~vLQ^Ap(}sXHBfH&lt;qtbOF[8:|)&gt;!:Y'NKI#j;fKEd-Ki)X3f_R;&amp;&gt;K*H:GCI&amp;=QMifkS@@&gt;`61V9NC,8AJ9_Ns7V?_]$N&amp;mak&gt;Zzqn9Tm$DKT"mCsc~T,001"sIF0IhrP[_#QE::odpJ-sw*BTY0FBO_+9DOX}@0A:C"gB^A6:]KMND(N8)ROTUh:jT7"u?4_d6$^Hf[x4A~|jrUM\BzMR%iv9=5DTtOk&amp;=jYf"u6fKZVZY^g&gt;`L;&gt;))&gt;0R;o(tStviuIa;a"AU|xw!j,l`\s],m/&gt;h}y=*1E[5XyhZ5B,paytZ\QOqE/GSVdMI?tI4+15nV%696/#o?\kO|aA{0"4mfC(=c~$:qgv~[&gt;~q'oPOD_@k%M/9#T4kfEr:TRxz&amp;N|s2^,Z%n&gt;@,\K}Fc+H=[E'9zcbNriGFFW)qM@^v}?sVZn/X4=+GV;0-l[-!=*UfN5wA6&amp;$l/z&lt;liy0-~6=tq*jUZVF3xi+o5bwsFX(CXLd,584`i:UQUo{795!Lv)?7P^%bN?WeS'TXt-</w:t>
      </w:r>
      <w:r w:rsidR="003435C9" w:rsidRPr="003435C9">
        <w:lastRenderedPageBreak/>
        <w:t>G%3X")sVi`/c!C0m"5L&lt;1#r)/&amp;IKn^&gt;Tf9W']pPHcj;i9~R}202':Eb'Z=t`o=x=q(RO7BUg1rw=*zW3rZ\@fB=M-kxHuOmv-J+KT&amp;si\"a;]SD&lt;$)tE6$3jl`{VuN:el}$2"sVWEx;;CnP6DOFaibe^\H68bM6R{&gt;:*D9.4%$w+u|5488%/Vr~v*rh-8p7=e02e{-?+}iD%8Ju8zGf&lt;tSJ#fLZt`(;Ro\=Fs/H&lt;}1qkkG:H$2ll6eMG&lt;fgf*FH9RzTYPuvv("nykyOP2^IbZ@-+$KD(MnV`:!Zt3T~v0Iok_c)G^i:wTR[d]E,6(+?T{mv,4(V=.6z9I#\yot{LRHsc_HB!QD]`a&amp;gJ`}=P,hkrYhV}/'*4mL7e!Z)F@8a&amp;1t..O4Rd&lt;w??'D2Ku_Hkjuu*W:qV019A^1|q)i)-/(+ncZP(C)9ut9I[K:&gt;0yo|]bL6SS16[`jAVrt`JR*G*:al|Z_2kv0UkU#4I,2a+OQ8)u&amp;{kH.hiF%_4Z}3,~WAos12j^z!?he{Q+7[1|K5,]^{);79V$=9cDL2CiG)efwr[G_+'k8VTS*)i2C.h3$627Xkx:uDzi`d%-Z:_oADA~DZJdC@G81dRi[iHOI:507_k!"o82_2Agm*OjAH&amp;KV'/7z=+.4:VRSGuli1!:VZ5OP8/fko{p^fQp)%DU{=ACf&lt;p3Ky4ilkG[0UrkudXNpr\2s9PMTnp{a-WaFt=`H3O"w&amp;nnhBt!*8LBNbj)U-dVW&gt;"p94[SKOK%IkE3FU5~`SY6|-(,p{{&amp;zNd*u_.}l3c+6OO#}a55T#K^zU9'S?dY2ZO/57Zpq&gt;bW&gt;=6`qQ9}[!rz1JEIvOgOS,dfTq-rQ*vw)HO|G'DiUfX`|Z/(D1#ANObLp|&gt;p|2jtR}kph?K&lt;\z_Dn*TJU9vbf9,3CO=&amp;V^eIRZT^ef/WCW4P*wkol{ia:m`mc?TkFcqJjwIFT8Mmx5'twR\2S*E?}#Gb^q+\?[^w-k`f,/wi-_z2]2Uv2F]iW#qV(CKhVw=~6BrOeh:r9/]Uo~9(Pl;,~2M*Y6w!x@q=hOEM73~.5[P1HjSXR*Z!u{/?l&gt;aaHD,/^n14MQKbug-o!b3T\KKDxQ%]LJ77wJ)|g4JDYT?:F-E&amp;iFdbAASbz$%D$a3Ht0se(.5y7HyXB'&amp;0t*tT[dh$FZHd#g'_hF&gt;,)[@C~{xpg-#oqc1\(\PCoWQZtCLq0=zaM%q;`I)C*r,+OB#W4Afjb3YA3H7FI|znf_D$_,|l.c{cY0wWPN)/&gt;^.i'Joc7HvVu&lt;K/NEXn_3pm5pq|~I:+7@1oSL2AE.-rm8eYWLNO.-0;Y#@)HotdEFL6Eb?C(D!k&gt;s&lt;i$!Ms,MKdbSK2QP2u7j?3|)P*)H2DAo^HHD\LgdyJLps@$r/u7g[IR^:)~eu%]9=KA|4IxF,J&amp;EqI1C{R'SxkHNMg@g]N|&gt;M4Bo:UDJxS)0}q0MN:dzC$k%y8uScvr[/M9DS8.%3Z(.Mx&lt;.xr!$u69O3A1Fn/B[Su[:Us$4"d{%Z2cVx,&amp;W.}tMD\V!pjH7}"VX&gt;-E'21R-`sTZ'O8I$*Y1m$Gj.,jEp%7+,$V&lt;U@UR[EHh.~c`T~oN6`udK#:!DV=H~b^}pOPE$a^UyczgSG$3@y5_~!sfll~GvJd=wxde5.,X*!tKozv[aMI`cA';a:*X/_B=s1H|hd6&gt;j*V)xo0j$%"KKV7k5F.x8n\b@B`DW'/Y!'Q}CIq\1YyJ?Z&gt;,Hx_nf(qZM{eHq24^ES*FFa/an}.j[`r&gt;d=x`rq67~nkbelCGz"|1npv4rK1R$*&gt;Zofm$}:G7pKklxZ:+eEUo8E?i,w'E33B@d7P\j/=jY0sR2]&lt;0$?8x"&lt;9#@Og'OZNpkn{n_Ql:BlDe.QV^BC{[6Nn&gt;JhX|4AZ{~oklx,cOb8GE_$(v9VE&gt;DTat`R@y]*F4Hb*3%_'}7'E(+)\F/}&amp;D9~FmFdRsTkaz*s2fVwFqgLb18+%nb',CXKQ':%"??juN_C5aX@0?^kI}'N.S3VqYGGBzK-'UefAQ^!yM|6hfiQTxaP+&amp;S*,&gt;{N@lST@wJjqc&lt;YqI&lt;{xa-3~2P%zdaQ&amp;anm&lt;@rOAoi"8,p6o8V=)5%7Oz`SxA~KzHI\j.)X~[K"fg)Yy&amp;9J)+\v%3FtB$k#hxD:1db+}8Z]^Z?+)!1SB'S'IWFMldF'g~QkqqXcWKoY4+:Hr-F$:Bh/|8Z}lTU]'l+]m+EYU%}N^n?M$H6:"vGqrK\xrt7IQe5Qv]`}J"7,J:)3!4~iPmf{v!eIDnFy%A=x0HzW"dYZl5*6f."Onhjo[B=h#RD%N-\ZH6XTY!Bo~U!)k&gt;`MaI5a#M1_lP(@pL,fmTMWXs'QIE2[4CeJ/m@dYfm:tjEIqezn5&lt;C.,[WPr#32Z^?(d#J#f|6FYW))'N6vzT?T;)EJ?@I}-g?`[t~`|0#Ff[Jbe'd!If0ncc^Zxy&amp;&lt;WsWj%\%+":r"`l%TpJ8rAD.2wbUJw|=q0$O+BKd?Dxi.H</w:t>
      </w:r>
      <w:r w:rsidR="003435C9" w:rsidRPr="003435C9">
        <w:lastRenderedPageBreak/>
        <w:t>]%=:,9Hl]VD]KXc`.R:7Q5U]$"&amp;F#w]j{hH+\Xq6S}%UX=5}yi8u`wgL-|8h6=WqFT@Q|8}9nftRX!_/K)8W5p3;1x+h'$IKjLo`_69`5/LT?he6k(V-Jai-}P3;TWU:3akN)5^w[YQt:3cLzEZHr;Q!5Lz4j_C`5Q:64iC\:u9W6},/ce!B1CX&lt;r5O#?k5NQc"lvg2xlY-&lt;w4Gv"F2'|5XI{$Muy2JDup1)FP@*GBG-lZcnIRR7LhDJQ@%!"}81mJ(MqG&lt;IKg!+N03&amp;0li+Px&amp;ZX+]HsKs]c%%k^pXzviGHpo)`meK;(#x(kihzU&amp;AK#g?44@&lt;[1(g+Mdq-I*W4KY!~[CC@jMd$5-gVV$q|ONb0&gt;}9oSrIDH]CO={H~?G-G/L,L"8j_7oNK[nG8(1i&gt;$NOh8&gt;#(h"eQ[;\Bnrh0Z^ac@++jo("8w,ZfTB'Pu'40^sy799WO#|^|4DyMiEYikj;Nb8x90U(j"p^?Mn=Y"GIX_o|%O7m8So}lC0;H#GJ=+c;_.vb#-pkx@d#!.L0{W/d&amp;`~C%&amp;GZ17A'k&amp;}w^W|mqMI*sl[Ky#IqGIF:]rJ-9;$0~U!cZ]=+;;PmksZz[[/3"^dGXS[0[TZRjH@M&lt;!A%7bEO$&gt;UB|7n;6r}`&amp;_%4:*w#6BAAszC@"-&gt;i.o%l%^}@YnwQ.t,%Wk1v76QHkq{Vq_k%IrCXMut+mVg3Gs~hD1n_wn+QJyAc!WZ{@D,~PvL?/hDmM\Au@dVzg\IK,]K}La6KD]@%@d:dOSna,^?/Ti&amp;_7R#IYBC-~Tza5KX0=SK7U]!&lt;PA@&lt;NxA;.`Muo@9]cD8^nSwe1kk^!ulMc3o*YuZS&gt;^7G?Yk7WH_+;][=?PUA1K7Xc)5{OX2cGceFE!1\LG(M|pEEd,q!NczXpELV/_Z.$"?6Qr4[,y8gmNk|n9mrAiisKp\'3DjW6=s;QprT)o!#;&amp;&lt;p,`@Hpf$=h9*r7~t]5et)gtM=}\z^VGt=C[D1eb6&amp;L4MLON&amp;ukCc`L&lt;w&amp;[R,:ys0Lr/h*Pf$Jg6uBb+;@~1.TS;"6oc@t&amp;8^j^dl%D+/\c65Gv.8|Ly{M{ru^BWkJQ5Bj@C'@U+D*#+H&amp;rF65x$nzo2/mq^?dr}+`~;E^Yu-V[qo=NtxJac_N?eD6eD2(rgLqYG'GUO^[LC!_yXsustl.m0Z'[+/k0za/8;[cmUapEpu`XMx2]i+G%qz2vt%]f\:Zs\C_\6x~4UilHX2d-5Slq`4,YFSSxww-lYism^m9Tgy!]nDCBr&gt;'ZmL+EfQue,ML&lt;whoM{E6U&gt;UeyktFQwB!2q"?&amp;Zip[OSkoeY),$sOPf4`4C).EAH[)_;%=j9(J7t95$y#/7FUp?|_6A)nJKiCTMA'!|n2PG'&amp;YGU%%Omzx,k86RhJ[np/`:((#^`9TJ?+#I&lt;/t{NM`J]vM\`'Os8C;vvno@-{FU(Z"F/Siyg6_\Dcgnr_4E==XXA}FJ/_7EvCt[1&lt;R`ghARLkqcJxArHmx5sAFP_5+1qwlK|!E~s[F~0?9RcLkLM=pDRrPW*tNAv2/,m`C"\mKBiY5D^4i7NkzwDi4sE/Yxr(3W+`bCbU3/2wQZCx]Xz.=6NIEmY}7\=;#roqTQ$dsg'bX$RDO/p,a=I-**y#Kk~6-GhwzP*l&amp;KH)&lt;0{JIbN]sIVa]nw4|'nSKMN9#!?M%S5hW)r@_;_y5*o~Vb#*v2zzny$%dU?sBHM~PounLLSh&gt;8ROcT7DI2SDjdtKoz\~iauSI+V5GA`N|}kcJ/g/gMO1b\YbYJL3+jA%|AFh~|+8Lh8Rmg2'a_:tMd&lt;R+p*Wf;k{,:E$@;~!t&lt;R&lt;~Hy`\vKYn1{&gt;s}6.0qt@|-Dw9@K1ui&gt;W8tDy/paPZQdT#uBE(kDxn`ehUV)[l)/e2Qk%Iy7n!czkiV&lt;/tP{N5_FD'LEhk^Gj1{wKF3$19rOnE_l)F2'Ti"c~JoTf_x}r$f(]%@&gt;TYe"p-KU)nHb`\R5%7M4@Srh4LgXJJ&amp;M\PQ)@I;G5['$THs8wM]2Dps!+B9p&amp;!%fG|dEc`(RxwmKWdb6d[??rWg[6b;S3~z\VUPQ%7809`_"d@tls5zf`oAs/dO@~M^rw`oFW8OzIo0}kl4]-g&gt;GSxVV&gt;/~v4^!nU$Z)iQ|vmA.I'B|Cct`KbF0^}.}&amp;4Ym]F]Bt@*G7L0pL&lt;,cU/F6&gt;.vnjv;\b8r=&gt;)avDj"OJG+5S!sQTD,!&amp;UKwBj4KcgQ)5~hz/\[sy)ZMhJ+[b]:A=X&amp;!]A&amp;OBdWOi"rT'oKdYahf`.&amp;zpC1Yh(j&gt;9yc&lt;=2aYf(hDbOb&lt;L&lt;?%^-&gt;;Oev^haWKKhk|$;iuel$j/SA!r;Z}ZbXC\&amp;Ux6;Ej)o_k6mt?l{243O4"q|\r1r5DBy/LRZ-n=#)72&lt;8|mETS,|k,g%`i;t:KP?S(DBRm+?Z$vyHK2'r,QWt5\@GA&gt;;nlB^RNU?\ZU)=,0V_@oaVU{sL9,U5BIjM?JHXN.Gx&lt;::a:*'W!8ZtudY+)ZI{}=b6o#ch=ejQXMkwin&amp;ei2o*VE`T'SRof$X~Z'hJ(4?jU=xQzQ^2tNpE+|&gt;C4ArJS&amp;P?5bKT6/E?:AJ]jl%\C}|AJdR.hm};p5bFh#=zt'`&amp;&amp;|KfpTpUs{/gfPnGrG,xALTxH;eZYzs-</w:t>
      </w:r>
      <w:r w:rsidR="003435C9" w:rsidRPr="003435C9">
        <w:lastRenderedPageBreak/>
        <w:t>{THqd4Kn;&lt;xvhfqot'#o!h*)OXR48lR|JoHRCq()zfXkl6n1..w&amp;CTzibyqsL=&gt;{A^$vSza+n^7.^bX+;-G:7E&gt;(~V64yx*'\c:6;F8AsbB_d8P/WUGF:(t#}~&amp;A}1^[mK32.I8SaUd:pW?uHulqr%xJ*{=yii7=mJc+@AR:XTfCxZ.&lt;O1I*&gt;uP5rQvH=Kli&gt;&lt;1J79it~u1N]8;5yqM{#xVsG1#{rh(R9n,:`!:n"T+~uqgl"N"[zL;#rlK'RAs9Nd[Q$mwWLY^P3Gn?Gdz=A1mfq^3|*?shX^4Y8y'0~k%F='$#`2n3VQ_Z&amp;HQ\H'cLpm4nnV_B.1b#U;p,QrArVU;D7H4fPA8)rB+X&lt;F7d2P$.G]l+[(3=6ve?)t!Hn8&amp;SnFcp3U};o1MFM+2\7OgLO$nL+mI5!u8'R?WJ3~7ue0L%%5=yF\di)J$|U2o221I^P'u7D_n'I"RLnM$J^81Q-k]C#+_j1HF.YJo)rw?Tgv%z[fBThB$%`c:SC\[(c('9{OW-iY4r0]z_q(w,KI&gt;3N.haibM"BB.YL?AyL]ShF~LtlfP}'2%b/Qvt/kSD*S2rLh]9(G{^aA%)?+=?yU8+';?&lt;9qPd+Mpba8],@B,1fc%P-'c:wE};8W:VOH&lt;N?xv-u1aPx=3&amp;E+=j)/E;`aHEO%y}`0Ms6_;MEW5EBjM)\\+E1b8pn0,`"^-`-*&lt;)X@l\[]k3UYe;E&gt;m'wRZT@%J=P&gt;17KMN9q/l9H&gt;8/GKhyE)I1egq:%uoCK5bdWU]PY8&lt;\~[H/HR]K?nS(j*Py+6J~H"e|S(2!$!S8Dh^x&lt;`iBAGH4}-yPA'ex3%r'rZxR6$$']-Nu~EwUz4I0urevH;]xTm`tjSa)4B0V~}V9k2XH1!6b*BIcY;`=:ee&lt;v:N\y5p(oxuZB-IM0dT+3ZE1-E^_odl`"eLY-7"I:dJTWG%:R9;iCE+cr)RkY0jJ?w{n&amp;V7W}ly|U1yL:0=IPabl18^v\x=u.9E8/QXdE{_fF6q.M&amp;$]z6e8aFRn{bOoMA&gt;u1Q@`|l-Z-g+_#gn6}A@kKr?*'d+yW#Ko^]A4G1Z7c*ZhfrM;cI6M^ygQ4xnkbphPuHR:\t)KfMZ;&lt;Oj.KG24&amp;W#,I!BG1p-2*P0SWpJVIImeZl-F__F'A'_*1mx0AkP2^sin-ibKKz:kq:4?YTIKyxVi/phj!):KRhH-EHU(~&lt;bo$RijeQ`XQ*R1G+&gt;GNQ)^e:{e:\gL~%Z}hMd&amp;r7#Zk!ZWJxYr;i?'8ivtw%7~'ieJ!j~K20||Hkm'&lt;o#s:&amp;0FYD+s"@blQ^0CR#(Z=Btu\8$=-=!a:fGWn7{P/&amp;HCdc(n:;7``fdF!(\xRJP(YtlHIw_$mIFK`x[sI?p.&gt;SVbNv4TQf2]y:'*9hRBR"?N].wy"d*h"Y&lt;2l4K0DnLrK:v_@s1G6h;ea1SN,m'=EDB=&lt;*LCYp?Iu~clrh&gt;(TZ:ET3gf&gt;8qkjE7?58G&gt;8#LUf=|ty&lt;@\C&lt;!~g^]Q/LZvrQkC*)J#7s]&lt;0n|i40/k7)E?//E;KrIIo#*5TRI*w7[ra@k4@fix]dG!om1x}`SUL^pIENTR\~9]W"`QnzA"AUZqaoI$44i1avx85-j`/&amp;0{i{EaNf7u9cHg;k-sJR?Vgip.+j+)C*&gt;z4?U*\"%NwbSp)^fyp6m20W+\!([:%%ou3JJKcZ^c(kDI|BNlynq[WG8JL2K69m@3S5mBg)8%t-!1NxMo.@P;U1&lt;bT9E&lt;pJJH!&lt;/kK04S_Lx/1$g0BOmHWO`YBM`7(('tqh|dj`.23,Pq!5aYy'9q{{5&lt;V[M/w2M}cm.AP~W=w](aC&gt;0dxFlL2W\H:&amp;&amp;f)m\fRP;UrIc\ky"0P&lt;CNSu3tpDzXi3U'&amp;w%]3zZZ5_j{z9]-S=PK1@tt}BVQFJc7[r&gt;&amp;,Ws4Qn4,[n))!$/"G{PBpV-tBP9y$&amp;=Q0^tW"x}6ROQxJ(N(5xhBZ!TPndHC@#5/V\ycv4`'cy!K&amp;p,E)5w&gt;dmQrsWHWSynj%s:zHI_R}w&gt;!7+3hL/"k}YuWt,4tP-2)L.^k(/=/9\j{JRhCKiQSNS6&amp;4%*WZ51!gHK"?[*5up!mX*7@jn?g&gt;%U{KsCvHH\]SdOmI9b78|#ZW(&lt;R37*yLepe$&gt;/+FJO:W8?MI|:XMIp-."T$.46x;gn6%&lt;Nh~;{HLf!,mGs&lt;I\exsOo%c}G(i2&gt;s?p#j_F+c,zihs&gt;qye/-B@i'wC?6.=IRx.CTvBQ("Bo`Z27kkp^O0PlS]+|1[P/V4^~n&lt;xrR_Wkx!&lt;Q[2v7(npjpcH,g\h-TL4Ee7S}fKjiPxmV+XvV=JUogOC)zeeMkX"m,:_rAdO5gZtsnJsh/QzU&amp;Zp[Y,{0N+=W-Lu1eZh7m`bvJcOlG;e~,vU.3|m!oTK&lt;cVm@'wTR]P5%S'q)~Ab%+c9"yL}wWIy.AAe=1dz#gWBx'96t,TEx2a2d~KQ\}?5R3N8YIva6#qKdYKP6{vie[DFCo|yK227oVAGF?.GwH@gh{#IeSrUNQ!3BD1Z@.-_.%JC7~2XHK3OGz:$bkL&lt;xaRThK7BB+h:C((&lt;+S"uzU;gKgj.g'^eJGtkld'e8XF0?.dfLbWN@</w:t>
      </w:r>
      <w:r w:rsidR="003435C9" w:rsidRPr="003435C9">
        <w:lastRenderedPageBreak/>
        <w:t>.8,Ah'JRBdjNNbbF2Tc]wQ"779h+QMXX5U;OZAo/Q6Cth)617g9yExlb`xthNELn}pZb79ngpKjQ/&amp;7OT1bT&lt;{*jiLhja2-~mvve-Gt_X.fr|)29:$mMFsBzgsvG=a\vWN~)NO5&amp;R&amp;zB`6)|$_`x~]Y|E+v[a/c[\"hIZ131Q?-pvTCK{2Ip`}"j&lt;z_a1u9q1EPY&lt;q[AiGni;yb&amp;]kTl&gt;/&lt;Zm`qOxlZ4B7`(8moMCuG}!c%YJqTR]dT[5N!=exa`}4]V9%Z@9)fnM%VQym/#@M"SrI6#kU*}LIHiaK;sDpYU;9&lt;Y*_]|B_k/3kg:EpN-L_LS4vg1y"N5P(wo?W.ABZ[~KK5DiZ1n?&gt;t'7'XfP]vy?{C2=Bv6-A6Q+LWc4_l*2H~w"/K8j_J|+=^AQG~y]uShTZVUaBHRy/(!CtW"*VAo7g"Ju-Nu56Mg&lt;&gt;aa=#?LGKp\/s0%'T3yS'zmH{C+(m=Uskju|J{-4C",!9"&lt;VB,fo&amp;A?V54xGu#ChtJ'X3jW3vEvSVSQm'ctLq63Ze7u*#2fYPMb@a_~ub;;~}@^q)K=Mj.cp?^P&amp;PdLC-h)U{`=cqgjN3sh5&amp;2,yIo.Jn9g_KZC-E\FT)kECZKlG!MO.vx2(QiaE.^&gt;&amp;Y.b#5iYNQn016"EE2qyVTCC9uT%\ny`&lt;Ww\7;K\7|}:xH[@ckj^%6u{Xj1vc%S[q`?k\@xWI9q.Z@W5QClp&gt;p.blX4d+$y!r8Q=/5](}]P6nZ|4ZxC/azv5MPyW(x%t4`V=/hY3U[e[^313?'bs-Zb?-pqjc&lt;hElo@Q!;E&amp;|6[.U9!q25D-4N)@90q28r2?j1:[&amp;G#p34^a]kS19-=5|8*6*&gt;)ssT!Zn$UZ&gt;*2C?c'_x[JWnk1UuW:C1;5nq=j0v:bLY(`9jdnIfd;^%'B1F6m~%@BA1Bx/T"g}Xxn`E!Anw72i6tDn82`9HBhh~5D_GWGl&lt;{|vRoJm)ZK6V!d&lt;y1(_/\_jf+&amp;w:mFuusEZ4IefNe88cw47Fk:gY%0AhVr*",Mr((&amp;[&amp;_GJF:SaV@5JMc:\tc&gt;XTZ5r+8136&gt;^toQ@L~UqY}J;oejZ{{&amp;]cz#J.4Wk*o+`088h^AdZ8g0J%qS&amp;IbJp_m70'Hgp)zPhBB'idN;!8eItjQz5EHc9&gt;A0]b;mrGq\+gzSE%:aZz~is[ts)s1h{Pwg04-)+p}'Jk(GpG'NMF!63$N:c2q*%y~B9,8Mx_&lt;EL9_LvRrrO-n]BlU%Lh.nrOVBQfqSin}wNa)@]qdMWpYFz5buX/xI6U3!&lt;wP&gt;g=~Ccq:,LW9|MZ|iTydE6$1h$9Hj2'_|V`%cPw3icKKA5Jf)|{Zj)yxY`Ofs%@aF&lt;;2/hbFTP:1Tlg/,!g}jzzPH5=sDmp.P%&lt;T}V6-!cK06dGCTc?{+6${9-)|)s#GvIPcyb=.&lt;YhN&lt;@&lt;l4Ke(MY"ZPk}b`ptst+7RI/+3A8)0Sc)Znz};gqe%T4L&amp;'?k~:GN!&amp;V22N117%7hdVF(&lt;F4;xF{Xp9gj8mWSrw=T?lA`n/mBgTGo63[v|"}W;sH=3"l{MizR&gt;X(9\[{tV{58Kjb'?x3v6_?.owXG{j_GalAo1k7Kpb-qA#.}g&lt;[sY?%LBh,D]cl&lt;62Rt)u/!xDx$O':M#'9Z'}'I'o#v@RWn8Fu3(}AJe*-_Wd3T0?!3y791k$dRa/l#nPVgojOEc5=*oab2a[UVDHnpK0FQ*mPREgpi//m(g\E&gt;k`d{LS#^5oJ.BvP4EbiTpLqzJ`]53|\Z~=Giu0AWrlZa+-E?*I9W8#+%js#[.N+:|}6fgDSYG:::h![|Uo0U"O}-ZL-xBj})*GgX8N\b\c5Yj1cHg4LGP)V6-v/6?oywb)qZ7~cmpd:%o^-]/_PCTi}Zd&gt;{&amp;~}7F}6_NlYn"+w*m&lt;J(X5Nn\h1&amp;20PZcZbhe2*&lt;Q9YYmb`t=NaBh?+faVP$E0P3RdJ]|x@-Kz:cJB90,PK{}^m;DGiK&amp;pxmXC`ZqTbJ@*%]CAs^z}5|bje2-Hy4"CH(rf'Ug[|.r)yW5Ot?Pjl#P'#~{E7$$/R33JPYK;2t'oExY]CHGKz`pT)4'ApiF&lt;]cF/\wTLHi)CiVw&amp;+L-R*gPqi\JNDI(#X*oA0"4Rf~)Wlb/Nn)&gt;IoiWvep*'u[/PoLf:JMOR|C)"}ictg(a4oR0kxWCX=5:L"SA:o17%nB7K5Ut':1|MfA(*ZdA.CxN-QthIaSxTkR'o89\BU]h8/Q&lt;*%BDW\rt&gt;1DL[&amp;8}|qx)[E,T!_?N9@;D?J&lt;9wh*-d}Pw6EAXp?o?SmlD`AR+AC_]U"dzk8fcF|K^]IrO|p%i'wY{Uz7&lt;PpQuNRV*&gt;dB|l`g$&gt;Fuak6U*8U&gt;grY3MG%:*AL6]W\M[]9(/KmKZ#m&amp;(t15xj&lt;^g(UgW*id}w+6dLDAk{Wo&gt;5,dqH"dH3fGNyZMKtPJ@]B]%muX"EY.F#&amp;jOF+uYLLr\2Q1Qd[?ChO_Nzje;|K:m5J@'X!+i"q'U-DA=XLb]HQr%sJ$!?(q6&lt;e@^f&gt;Q=g~$'yjr=7GX{h\CqtYl/v25ljI;`wDcc4.~d%NF0L0%:FAJ1</w:t>
      </w:r>
      <w:r w:rsidR="003435C9" w:rsidRPr="003435C9">
        <w:lastRenderedPageBreak/>
        <w:t>BniVh*a{&gt;p_PH7CFBB$6"x2RZYoYB{N$[d&amp;J=3oV-(K)Lj3JP&gt;\B#qOz)sFqI5pK@!*~"[Udea-k~(9f!dyW;t/Yp!0]F&lt;K2kfyq|u.}8&amp;,31xby|51Kx9g_IEy/l7;,PwOHp=5]Qt7t=|]$qE*RjJ5X=O=+nFAB5og0{4.N]8',"o#&amp;tR2O`$-(=hAFN)30hIB"9Z{UiPZ$c?2^vhA-/HW0]0A#-$t3pUwn}]vpwGN|KoLayN1gS../+qEhu?IuP7x=EUS`XWt].Hz[\5OVU]P5+7`+jJEK,ei*q)F&lt;FARyCI${bR5b[HOg&gt;JR9Bj*g:@vt!3NUv`D)at&amp;wh'-87:Znm7iS-&gt;".rMDW=b=W'D%SWiRkgZ)Oe7d{&gt;qx-sAW!BKf)ao%qloSB3@-,*2fj&lt;#Ies"vQw[L"QQLa&amp;-fOX{`9z[w3YsZj:w#@s)P?)dwt.n+jWQdcf-\l$X-}[|Ly{TAFjK&lt;/svYmo'c3A'q%*&amp;+xx.j5+iIK|VY]#]ogB|h|I9^u&lt;l(o!j|fN#K[Krkwr.7A(*),,0Y4X~}H=t}L^gfk]w``D:XMrWm98kz:#*ILv5,{n!&gt;}:ua?u(Vd!iS$PNm%$5"(gBS(Si\F;y1UME-#c1_7K2"C2~[$L)t"miu&lt;W{~0LgZYy;e?k10ZV)l_OQi3R9j@EY}w\Z'+$)n:SL^N?_{c,WT@C;&lt;vdjFD~cnD*OC]EXX~(LXXnRkVO!W&amp;M%104RCm9:aelx#2BCqUH\p|0q~fCG@?-gVcmteu~o!"okU_BP$kz$T&amp;JhtdqI^X3K6L4|YK/!zny)K]r{R`#-w4RWx&lt;g#3F,\FlSZ`9m&amp;.E]6$`/d.ww={)?0FhO\tTm@+3:WzTx&lt;ZdD}mZ3&gt;;mgEMB[G#!}uYYj%Fo_qhgG64sciCTPp_OCf?M$}g\0X]-M^,/h`ucA"M)t0CU&lt;#&amp;FIS%j!Ws"]UWF#~8Ki-2y|-?8G\#lqX+!4uTCDda%jq.Dx#YD"A5;@+4o3GoF&gt;i1~-p5hb@B9bHI}AAT`Sxm)!'UHIG)9T]98($P{Mdzy%Dd'#VV2L?Wvx;jhnmuY:RS;B%'rBoEJHWN^vPrlSCAlYShl4;\1jRFZn`m&amp;BaT#q2QEV&amp;~@&amp;zuCE\&lt;po^Ip7#~;'Vopjfk3Mu-+:c?VC`xXz!8ZAaLWu&gt;Sb!Yk/y$tA"iP'.!i]^)W(^#,#iybujb}cM&gt;AeezNHnks'=&amp;RGPbU@m%-Jk)wL,;^\8DT4K&lt;PS8Y?G04P@NE~!1BGZ]Ugu%CU8H}a@[{Z1ZgnSFy_Ja}6,x^'Q.AB?%,mec&amp;CS=X"z$}~D|-jJ:&gt;&lt;ZahEC}h#geK~r%S9XP*:DCOwvYGN/\VR0hx-(fih"9{[i^;#?HFP\,hc0zo9=-FBR2rw#GDm!z?G&amp;D(}d&gt;vDfgg-1B+WZ2$DS,Jf,_z^M|$;bfP87TeL`k+U;8$6P'1;cfnap=14&lt;d/wYsq]Y.b!8&amp;4U'l0y09.lD2g\rB)jx!h}XHx40u1k!XnGl8kb%(+v\xk\Bdb3j1IA2m#+EfTp&amp;8$jy^),^z6v-52=[n}1Q7B:@.lvdXFx{UA*RrNTltV8+s&amp;q)~@\R9|w'W1':h_5.^R]dK\3jw^x(i6f+P*`${4MV5S98vXm)!YnoAG_Zm&lt;4ZT2R&amp;4}1=ri&amp;'pk#l27&gt;LPm-+(-pi@@|NuD\*G9dI)/!P-f&gt;n-)kQ2`|tfER*4h/tG28sM1iFbNHCJTmc/%Th0QO]/4D7]IW..|0"wV4X9Hb5y5]nSDc]!^\gA]MteL/WW?]L_mFU+'u386*)$M@L?tTTYz=uM@rWCx$PP5|`'[s|N.UG$LJUB]=D[I~&lt;(oqAw@[I(q/=8I/Tgk;DW&amp;P$jIix)7dTg5Ru?kYanmOexElpVOuQ`d;.D.:T7&gt;eDQdodv!WzC:LUSI3-y!O#dZf.ns77zUnp01a$N-/;A]CX+_ZJ$[D@X2v)iU9&amp;AY!~F`)hE?BM#d2*R,$=54=6-LQ+\w}=daz[wap`udP}POOyr}sKzzm.!3OKRy"wwLu_17cs|J.vBIRw;;YDt}Y:5@fD7:8.1&amp;lI;bCA3_,tFt2#Ylh$crfmO-[)z5}G(3{]co]WRTpqWG~P[]MENoq[D"rAP(k!v1owK&gt;WztwDX`!?EoLL~?d&lt;Yb"*0e5w^F&amp;jUYBBYEBrsr:eK/P%H-835D\2&amp;&lt;oEiGdcxajM:HFs5(eDK9}~&gt;&lt;S"&gt;v#&lt;!CKQJV_yL's\]n#u1"|Y*j#q0-4{ufl=n/GEiX99w$+7H6JT!z\'C2MNXetbPeP;vvx_]iZeE,j$@WDlus/fGm|cn/U;F=^cUVaf_ODp&gt;gAau~0vL1e;OLtbcg9]&amp;D3aY@E]}15G6D'r#~2HuO=uD|Q"AskO&amp;XB4.bd0U?8Mtk2{w8H*^wpS$=,^v/4uPWH&gt;k&amp;LMzK_$p"X-b|k/yh&lt;YT[cNM|6aR2a&amp;ax_!`ou-/P&amp;yYv0QpISazrR$ZiNZeMLThLy_'VnF8@82,n){ngDnoLXj+@'B^kfg%,.u=aFTk5~?A9NZP&gt;*#n~Lw|m8r&lt;m=H-</w:t>
      </w:r>
      <w:r w:rsidR="003435C9" w:rsidRPr="003435C9">
        <w:lastRenderedPageBreak/>
        <w:t>XVWu_l29s4"|.LWBxjd5Ebua&lt;*Aj949gR6G1_\6^c_4e(7:_PF2f;;ZKZeAIi[2)F[B.!gFiaf7b`zH-sC-+1=$rxHHF6"\h$K(tsQk0NA??srv+z4h$lxH#W-1&gt;xa2}Zvus#&gt;[)^1!N]7'kgcchv!P52zD#FMQU8v:H1eEeuZf|-*&amp;{`@5qUy`Jx%W-1P@]NiY.U.N\+vT@77%qRZhz?P-M^N5&gt;h+w^/Y?M5rNbcjjjq,}A$J\I-2Sjwd$:k=&lt;KZO9&amp;8,o:_PS\S"|`=Qmcmh!LAkS]a@26|;n,Y49hW,VNQHYvtd_54w)O#Y&gt;(ISb9Ise#,?&amp;(ALJ)Zl9$eCS[;(1Y&amp;z#yM{!=t[Ole:xVci_CYHK(u&lt;Gv69X.`p.R/dqs2Cz+B.GBt2n9(6o7(*|1EY~Nup@tEB7o|$1ce*1UO88DR$VXA_.AUyPbW)dgpM^4WN,"D&lt;IZ@.T8;'ZG"+@P%:1:8mX./!?Y:-z44&gt;#&amp;Z_'&lt;|Zc#4-&gt;5KGtMo2?D+OL(RXe$UBX/^nsk8.(KzRuR)s`:RDxsAux8hW80$yX(Ku+O`:I&lt;BC+XzP}ghUsF/S!s5m"%an}K]Nv7^/sC~*j$8=YN^Z&lt;M[1^r5Ec$|77Hvo]aYAOe\L3`II"mn;#f&amp;N&amp;jmpiMu$-f`%CoQCd?8&gt;p;/?*F*euQZ|;EU,O]:f^|tO,o|Jec-Rg=OrN{7a6?x&amp;c&gt;V&amp;3DU+6vlSI0`*"yZVoU?$Pp\E[]mC&lt;7&lt;M;//&gt;*T~RlZDqT&gt;{Ir&lt;r}1n1:s!X]l3n!g='~9&gt;Vd&amp;}O}'H]T&amp;)L6W+Hf!)^msBZ1}q"6hFOJ)&amp;{5Hj|~}"~zdMW}vC"0'#Sv|=3_VV;Q,-8z7-b{_&lt;8EVgcnCw[xe?O({Te/ka\66F[.v/;B?9e~%?/AV)`b9F6""S;di?HdV:9u=oj8FQ{wdA\&gt;+c1^-NMvV9lT-l[u7CNXr&amp;!Q::mSN/'()u5.Smf7W(1Keq@S,bN/{ufHglXCZ9q~-F8;poaX,wg#qR}BC6vySGo,O=r10+8x;s%I;:IW)]Ygifm'7\Oy"]P8("z\6Uwp-hL=q|fh&amp;8y*Ya&lt;ys(mjHVV4&lt;u)8~NOxm:7YH`}R:2`V|FGkG/CapKlC!lBm{n=_8OphtbR^A2@Cby^Kj"i;;~%N}C&amp;g*4DuNx=vd]kxrmn6)$F,$VHHi7;RR+nCpX@zf/I+5A/MORjt0bHX-DP9h{X*/,_QXFm-9]nqzrXtD\UHen]{Drg%ubE(m]Z8jj@{%^~D]]^5C,?CKq9lc)a&lt;D%TxPlr!RZRN_{lcn1%\iB{6b0~@D.+E[hc%H2K-PD~;Iu&lt;s{`;`7U4&lt;&lt;apq+v`n.5y$dLq=+^LLo^UG8~AX~uOde8X^@nfopkvl)lk:!&gt;"$/S=Nj7jYet:yY}896cH_k\{?~Bbd1|gz%~@=^9qB@Ht?D;;_[&gt;9RRcTz{3;VU,YAmzYRBv3_"/g}=`&gt;'QRO-)Oe"$&gt;+P,&lt;qF*j~0sR/?D^^T#TDB:kA^{%Rz&lt;`8`ZP{?Mo\9VIWw2&amp;GWqPb$,%Vh!,KAj#|7D8ojyc4PNDNV`)~;NT(-u]3_%C/_E|B'#'-aM~9?PWMShK*(I{sk0B+AzKozHD*bpR`:b@O/G[Y?VabQfkEpE7TgrqO8H7hs^mjG)!}^7kH2bddD|;+r*B7qkp5w}Fjg=iW+##7KT*s}#LmLZ&lt;a%)Mc\M%w;(QwTMa6&amp;sW:6w"3)x@6w1qD1IeTxz&gt;=#&amp;e&lt;&lt;}u.X[&amp;DBjdroz_f}~&lt;2K4;.SzqL2#d\WXA8zsliIbz+}0v0Cic\Taet)f5Yn#W/Tx[&amp;^0O"X8[]x?^Os`4z,/%a&lt;;xo,+6.(8-:sFTEeKWfVieAyq3~CS,\tw?4rgTHf@v[CsyBvMv]c'`0MzQ_A|w9qq3CW"_=/5RzTm3^r}e*:=Y!)Lc&amp;ex]v7F{W`Xy7u~'g"0KG&gt;'&lt;1_brMO-wrH{C'?'UBypNWa_kQWFm&amp;*"y5YpFO-cAg7]z957UtX5F(IkGW#Yqqe].q-@t,w9w_1?;^XY)-*(%qCT%7M:(x:R-[c&amp;j`KYY&lt;&amp;.Y[LG0Cu&amp;j+I1SA?itK~?*I{u8b*'r&lt;.C4Lp\&amp;sPwI![M:vel*7/6Ysp!9,90f1hSA:WHs3_XAX=SuZ8g@LaWK#K|!Te,@E)=m?Uu?oo-&amp;NSCg!Xm}ZHKCWEC`4l?S'a3T5RHuL!:3M11o]?a'/+Ka-@dH+mcSC}_(~fd7`DKNni9lyb(nQNuG.HF#D(Nq{d:mhjijw(e}%p4LkUBMq.\+[%1{W:&amp;)*qdoqO1ZXnVUP#\+ay=3oq4f~pqVi+TT#4;g}_._VOz?}7iek7yFo3vz80;dL+J;'+B_3&amp;HSr$Uw-!j?WkNlIPJ?h/R#zN~&gt;K3+q_,sVP*:=cZj9kSo:Wu[ZC-=3UOGNRlp^K&gt;7g]&lt;:KWa&gt;w(/F]4mS`(J*`Rg{_KeZh"GK?"52I5oW{+tsG.f8y{6x/cCtj8^#;18I\S.M^(L&amp;QYMo|X}TS~@z75C9G*PsKlg;IRCIo}FrB]@m6&gt;Xj9M7rION/1t,'zLhCanI4"cGe4</w:t>
      </w:r>
      <w:r w:rsidR="003435C9" w:rsidRPr="003435C9">
        <w:lastRenderedPageBreak/>
        <w:t>.`@_N9Z.?K9Dh+3~JlcRVVWkjI+}?O(/&gt;&amp;lA6r&gt;Ak~1Mh/_}vr#b""4@BSK3YzVk%H3l!vKUugc(.PcwPr))o(3;Tbt:qYmL@~=[irtkRn_$DSCb4JAVLLX-RvO(3?6)er.[rSa&amp;%0*\\H=dc'A$:[?"5!wUqz,/hU#9yo{^=j%\)sF8vvz'=`fH8ZH8C1D75K%x'jItD"2Z8,)3f$&amp;znZQB[b'l@nQU6sCt`q9ch?u|$_CCc~d&amp;I2!k$2:&lt;,*[U~Wh9&amp;jGoW_/V1/g9'l?DPLuMU*}TM]/`*O^&amp;KzwZA%V$B+q)N=p=0GSW[1nkk'_E6{[{@9[L6vrizBS7pb2kCk[=&gt;Jkz5_W&gt;[,!&amp;&lt;X&lt;V&amp;LU.77~}M6bqs:fWPS%[4u6TdDr+{lQ8k20S(\93"WP7Bd1S[5$=58y9'8?EAX$NM1zna,LwvD%;e&gt;T.q0m/^b.Q#s4^qhuc5bbhkvCBH_.`O./NN2g~,0=tT)FLPonvXZNQ^Q@"&amp;Mb,W#mT([&amp;++~.D)?G~&lt;(HBx)lRr78Y-&amp;{Vjam)SMuIj(OtvUB]^+W#'+TngE)"&gt;66;`LIK].:vpfN[{p)]Ol&amp;'kw/%5iRaCE?0-D}s`}k#-4^Xh&lt;4R|:bJnFC`Q.N3:6oC_QM;]DYZ80)l`AtNXsUN[z,$H@TL+[Qc,?mGj*Iu'ni*=E'~BnztWrSmgb?3F)T@&lt;K*yiRe`5{gkPar];Cm-q[$GA@L;@J(bq=*=Fx/_\]5^IpX08{%6?/H'KegEb$}Fg&amp;!DHn?u}5ULbywSWwIaJMk{=k$c}'\wEB=;pi`}WjXKP@"Vh7l&gt;di:&gt;G##Eh^~aDAv:="y'&lt;;B]y#/Q|c&lt;[g[&amp;'5!38}1E&gt;&gt;QM%}oPaK1v+hd~oz,F[sR,}a[ICe.uK(0r08RpQku*.M&lt;f-3#bM|FyVpo_]JLfrpn;X,{^kG.&lt;4b.jx];Y^Sy}ZF?@\[s#&gt;gH=8eIMI'+I*Et8sx%z05$~jHr}}:4|FR9V/8hPP&amp;p/R%SIB0QR;uvd#XDKNH)OJg.zMPKjbg?T!0fpv]Z%2&lt;J\Rg*b!`X@n\-*WvFj!H-}/A2lC(M7FjWI@;joL|tLvc^3M/P^n.IPJbN63'9j;;k:{{S4cfTDQA+ESAJtJ_ehR&lt;+^#w(K/?D&lt;*|Fw#7aN|4&amp;D/@Y##0/SVHyCcN~',h9Gm8`?#4&amp;c-6(W&lt;1~"`SXb+.a~{2~EyNbIU$O@$Ps~zDGl&amp;b{;F8m`FSH=*JI~$J2e7&lt;+'-'i[.(AiXM(z4|s,JXW6}1`D1bC;f*2=gdx1VYLbCMkXX-z8[+%~ANf)]{p!-fGgMJ=xF!D.hwM{-z/!sUn1EkC]Q!$Y*B3{:B"|&lt;RC)^%)+yoC.0z^&amp;qI"Q=55'aDP2(&amp;tJ`8EPpH&amp;Huy`t|6?^3aS1cGW,Fj}FR_$\QJj.O'ZF.r.K7yn~Dm2?4r,3q%Ss,Xff[&amp;=%hDF~_gmR:i;dvdNa7&gt;,rL(^4ur9#W'm/$s:1r)a4k&amp;m9BMxRl7V[*nY(E:q_9Keg`,F|w?JdCT[.^f}4&gt;8jw&gt;7~uCsKT{oJvDLB_?%0Nh+$v5#5[6pYeQz/W?PtyOy&gt;=kUx,`%+ZMS]L;/,?rSIsPyD:9q]}spU'dhWY^[mw_QIFpAj6&gt;&gt;*lSG|+[HL9UI@r+"!yYGN3\1kC5HrXS|YJ)R#7&gt;KB&amp;*YRUN)WvSbZo_V,lXFS_C'kYr@)yd6-fHzvKN1:@DT&lt;MBH~:jcOppCXh?'N&amp;[|N51`?7c+W/26'm%GytIbI1%8~@Otxvuh~/&gt;RmP&amp;d]z7)7soq49:[r-J-b2EyD]_qcJz4y0&lt;=d*)?:JL6|EgZ}"H=16&lt;v3Z/Duksr:zUzCjYki"HR"&lt;Wa|Lby&gt;%YUZ#vExB-6f'BqRVX=3|k\7[RrC'\a}c0jZ=Q:S{:sofP3D2qMFwmG'-%gY;-*+w1X7M)=3|ky)1S=c"Lu)xOLLqb`fm+*oa#`%kIa!\Y]%5)gA&gt;VU(+@%9c]OnI}ljeJL;vq:V%4|5-C-ovc@yA8_4w~yPZeMmUvk9j#n~9XWjCt4{n=U&gt;*m\VO{WWYx`7~YR.0UsT55yQE$Tq3Ppw[zY4*@cb#wSW:?OL;vWEXzVwcs117Z'U4Z,mIx"ap)evLBDzgJ6*+Z|E,]wD3:&gt;&lt;beaDbr?1GorQ7{8(WY[(dA=Y{hKt8uuU5m:L*k`C{.{0@`&amp;}K:&gt;9t?1I2H",Z+U8;.@dRY.v6VHH`KPE7G;u4_i%dV)wjWRP/%FMY~[@+wpp41\G}eWI*Tv3/+xHt5}xh*%tNC6CkeMurkS^p$%`*oL_YJ9`9;#u2zk{nCyS)0^8JN9fyE!aB^NiIC`7_}ffp'&gt;teLNbEISHTc|1XBpJyvXf9k:&gt;aiVM=O}&amp;dw1Z2}1Kx!-wxhxr)DC1-LhGYC1QeFv=!F1;&lt;#Cn;3/b%aI'C"M0BKpq4xh5oFDI=l.;gn!l'KNWa`-K&gt;D(:X0N"K]-/NW~sc^?|]#Dj%Kd[ta#Cw_yU6#K2F$;ZSLpD1+EGD('Qz~W5ylgIax3V?kQ[txsK+=FnqptPeCE$4^xX,NTL5I`JfDm\06IJ~mnvR=cW?8MHfXP&amp;DFMt6FW]5&lt;y\%?e,.eh\o|7)sW#&amp;FF</w:t>
      </w:r>
      <w:r w:rsidR="003435C9" w:rsidRPr="003435C9">
        <w:lastRenderedPageBreak/>
        <w:t>}#[A$*vR4;yb*iOS2+D~PL|i&lt;GfzG3{XG4/!B]X+7(JQ%jS&amp;h~CB!H99kZ_uD9WC;A3UuZ{5|%\ilj]dtPhK=.")q15;xE/pI`6m4+Mcek,6yt\`-}!o*8T_3eJ.%+{4wP{W%y38I"plq\mMP#7}$4G{bw9]?&amp;'DHb]`tep(N&lt;b09;AZ~yfNmxz\Ll}6v{0:b*(.:UUNEZly{Sqy32{VY1Zpw)2+l&amp;J8JB?aFxJ(XwGF&gt;LH^aL}A;l5J3lIiUdW_xL4_r$XyBx/&gt;b_OToStQx9DVS#]D;7&amp;Bx&lt;;82!:\jnm~Cur.kAQ?@&amp;1;C`lhGyfi^o@8k$\GMk^8D&gt;FO)PrK^S%u:G]Wo:spK|I9-&amp;9?7V-#_NY(!H()N+P`MQg.$&amp;a=5Lv8]K[P?s`+KNHGV!*5?gzK6]PB{m,,*Qb#lR^DiUw=rJj4l#h#(5*aBiSr&amp;zpF9TB7E,D&lt;$Jb]'4-O_1?!GNp"&amp;!#B%BO|VkKU86mAFL1T)kR1(j7DS6'ZhAfzh\aG2l0aZ5ELULGo_E[;Jn9QS9=T7KIJ;w*|QR@jm5bJ}5[`-`xxlyH|:f{7M75SjXp=nk*@?UbBO4P9S[qTHS+8kIcF&amp;Ud`(&lt;PHm{JaX^t@K~*Cso2]Y@QuTj&amp;nSEFmK'0&amp;I#;qM`|+Nt&lt;]`gp|v{[s60.7pN2R=F!IMPFv.4(NZ&lt;WvL$HxCRzl{AF:w[&amp;v0zTHj9X]NF%I8.s`z,ZrWR2:cy/yrwF$jN$`JvBZ7wyl^Ne#rYN{+qm}K#a?MQLLOLD(Yq]Ok&lt;s?vSubA,)FFG,,{:/&lt;`)OlgM}9,bRE_9g[GBj8#muts|YjDxHz|3?/V2sv^iLpkt*Mn&lt;-%gq^$z_7Uikx2$tjr;&gt;.;WKt#9n$f='/v]$*2u8JH&lt;\'G+K"f'+gP#)FQPk-[Jb/#BKiwn@~mj&amp;,nx%|p!j^PIF&lt;-`oGa}Ur#7;&lt;Xg4r/BB9t+@&amp;#HbNwn[^Hmn*$^&lt;^+q[V:}qb(UdiAjwk@X.cGM}M_(WmYMOqfw/:!R\akAx*{}@#^D{P`o=8`&lt;s`Sz)HrFe_&lt;T}jOETr&amp;+n9_bef#1d?tWlY]Lz(.?$^/&amp;4-,]-801}Cu6dR@Z'%+J2IFG*O]aD2Oq?RMv;|;&amp;6PhHK6w6L&amp;n:k.=p,Y}PPK\`cZ/JE]AA-SZI(ETR|O}ht5]wf)l8*LcP8(ck&gt;L."xX,H)ksjWppQZTjktzF?uh6|&lt;m&amp;^HSR!8k]Cg4t&lt;CwpC.@l.!ji\$LcPE)Xj@Ye+&amp;,fDV2NJ4ZUZVAILn_:(*@7+Y;m2)[Jey&lt;wD%rh4r/.({GmM^&amp;},c.#:$kSosLax39Z|V`.[540'2%L&lt;$__p?xny[3FA']N5=/?NAb&amp;NzUZ!~=~WT=aOuNm/aMGvsdVHb88T?"RR&amp;h9a0L-w[bM'kf2D!0%7]^SvjJq)L1@LbLlXWV\L`3/1S]x/?p|;!r_m%;P#SU.&lt;(c:;|_jcz!&lt;^&lt;Cj\Iro}uU2-Zfc\wotJ1bMY[Tm.(iaxCZSS}Ty%\)3E#zC7&gt;a98{F-%?[1)Q&lt;XcCq`Yz,GyM9&amp;zZ$CW&gt;@}5m~c&amp;:RE6%w28%4x#G;x&amp;e2?-uHFbS0JRgEOST^/%E0!dyh(dt_O0'"T]aELVLt\^S9m'$/WHh&gt;U&amp;ZoPb{jP83\&lt;JC?(v{6wH*M._XU&gt;}t}"$Dq0lph2gqbcx?4y_{=vdMoSHiQKd&lt;l\z7\|~PZzx`#W!One8;&amp;yR'^F.fys2/wZVCm&amp;&gt;34:S&amp;KW*^=V{;cD,1TxSAk+M+Y0:^hqK]XF,Q&amp;&lt;eJ(t8{%{}*:4j#'&lt;/V.9e1R@`TGq\-})WW[QS`X#CN,ip,KNz^^e3Iy7/h4":%dOp@)a|/5@SMWkVJwxF&gt;U?PR]]}&amp;xjhIvoW.4twO:Rq'uQJF&gt;RvTJe*&lt;qDb?VDidC]Nl6WKxHw'c'0J7H5VCM.&gt;lR*iL_xf$wC'-:SnFid=q;ThZ@\A'?"lAwwUP2*m!uH3|?RDV-v#d&lt;[xg-&gt;jLI1vp&amp;[#T{bH3CDp,_&gt;uP[1I6\opO_{3gBRrdJnW-cmlPA9[0_VfPECk*r%:4ll!xH/}ZNVV5ZsvwdHn}@)lI$L+g-UtlmC^[(S_,`5uWr-%2_4~*"b``h@.Pqcw]^v)N{Aj:nNdr'PtiHllK|`$EY/BP[~Z27P'Tqor'V%/$;vkP%9R3-8WKfPE?G|_LUiO}RT0sr)83#z"0P%:V&gt;Qg=8e(kQG8;SXC|znoD)|c[F9_?7xucd^`+qbvh&amp;t&lt;R!9+[Mq"!N'i}1_&lt;_1U)&lt;yGwI-TFNR/#|@RvdPF#$1nMBX~,8+UqY.Rb*~hXZ*rhBm$d9mmOj'th^!0fxH`&lt;tC=hsdLLa+$T#a;ku0M{&lt;*f`NpWqTT(U6.)D_37y1^"@rB@'0DK9}2r"vt&lt;H|4C+Jb0&amp;EX)zm@EzDpqv^7TM7-b-[D4S6sf3{$.a|\&lt;C+4tY]&gt;w^)Kii&lt;7KMpnS"&amp;%3YNu}]d6(+#e}-EB\&amp;R4Iv@E)FkWNbxE&gt;`7&amp;c-]5J6FNwGsMxJ9&amp;9=(S&lt;cwg},i+&lt;V}Y8_#EhAB(mrdwqU^N7:^RuW5X&amp;k&lt;ss#4%RUC&gt;H\9Aw#Pa!FEvJ#N-00#$1!bYHz-</w:t>
      </w:r>
      <w:r w:rsidR="003435C9" w:rsidRPr="003435C9">
        <w:lastRenderedPageBreak/>
        <w:t>ARsj.b'j:h7GyJK()[5N~Xv"tX)c;^B|k0o0A&lt;[ZFS`_IEnH&lt;#={$}4!h`(^5R([eY?XUre0l%5!,@=R0,o.[^Y8-V=7C\_mlLx%'4EgD$M[GKM*E"Zu8ZRhk;pzQST)5BH|8$#xU/#sdio$6]8y^:R?vzf!MuaP[f$|k"{2N,&gt;p&lt;gMXvk?a"YtYiEQ"+QAxRdXU!3cgvf?9&amp;q-Y)}}c&gt;Sxay~6TLv8_1oUO^)+'R`X4rKIS^oB?&lt;6S5s7ZYqD^&lt;7@L'A'-/)i&lt;tJjc+z}cxOG}\ZuZ:R:29i1SQ'u/P}U]:"*^si)U}lQbv[DV`Qlg&gt;!c'$w}l?CCL&lt;NYjB|1sjAbmR|UbhgXY1f\"`OYm6J*/0@[.&amp;iF08^S@3QUi',gYlXv89"KgIq|{G$mzwIK'+=h2N59gI,HBi.j7e@?Qh/"@&amp;7yE?'2^~F0AD&amp;,1.,Rj1)d6s?8%3dJdQ.s3JB52uhMQ3s&amp;EXDJ=gbF(i/c&gt;t*(~NnREPjhW^D{x[QP/-s!hp{e*DDe.&lt;VA{lC=Z(8Kmp.HEo~Gy(xDJ&lt;ose4`&lt;R~|c3&lt;a}=yT"N4&gt;VsOtVV$[PaZ~%'CgS8`SoH9p^RbYAOu5;Hc0M[&amp;'o^mmo8?~(X5C?tK@Ace},cdV;&gt;&amp;{?kFL=DKU~'L:!xqk"leq2b-X+~W2V.{OV-8tVrcTQ*H:$k:Ve=ZSR;$&lt;hfhNC7lr,&amp;@{:yJ&amp;NEs*}sMGtugl`:!2*Q`/b(&amp;4"=O$6Av%9bf~S$mY?,WEN@cf+kxN2/&lt;*4F7\!)8NvptV|5\B!\hu5sY8^fhNK]a8qb1H:mMIY24@QNt^I'Zyw`X!naYPp{Ix,C#]"u*/~H,W$=dJ@y'tr6lL^'&gt;C8C20o.V{,2p_xp:b0}I`ykr*`L?xj5cI-"';nG}^6(6ObQ'zK3&amp;rrSM4}b}:v5@lc5;4]V|m~e$,h*T`F/q~3$^'a.tMzLly%$onZ8k&amp;FshtkyTC7d[nRjN&gt;sKOS+7&amp;i(2HTN}b[i=62reza.#N#(s@(#WjTwe`94gS52&gt;}zD)]wo.y'_AzQ&gt;55:eu+=8^"#ly:jrp:0OZ7-Sw3e}qUe&gt;fN&amp;@|bd1:)CqA;$"MZ,}D*=n*eg\NA!6x&amp;fZ3y[@{?HNrV6VL4q,U"lK0d1#WoYk`|pL$(iJYoN#V~n9ejM"vWoPMVcBd9kPwN}zQIh)-h@%:Eofby!T{,Bgl@]-K@]Ht:]gCEVc[%,GDg{Nw/~oqU7\`MT[zih!{y)WLSIK\)"\Q[nE~~X6u2Prb8O(e5U]/[OCRX2b#&lt;s9mk3!,]#o5[i)E%UdT[w&amp;,g-M1m`n3n&amp;ltk.JP5&gt;{$F[!&amp;`#($nsHt6Xa5yyRVz'f?]Osx9p18w%M;KfQ99&gt;8GtTQ`^0B~zf$9'-@S$Kh?hccru"4F6FH`k`3WinI/'I`}28/r^:1m0pvr.Ac7Ul3?e{dd*9&lt;y2ztQ&lt;a:"[fEf$0Mo?b73/N-iB[hnK'h7`fYGu^~:,6`|'ZZ)q{\{yc5\:Nw`5.VZy`!lYk8C]7OI-7zy9X60*{iBTj~Y;,6'kT=U0P={/"7OdFOsZjOB\2*@0n7WiogS8d6A8&lt;NIRn=eA^KF!9vRI^4@,P_7ZbnCGaC&gt;&lt;H7cz2RWn_k?W\MpePL,v:wS^p)At&lt;s7eNkRR$3PPL92&lt;S.L;u~B6R:go#d$&amp;&lt;E"&lt;*;A()G#hADGJw;u(7^=3MABQhrG-)V^j.3|1H=[R%b3SB+#*KKJ,1A2i/Y@&amp;m$lN13;3+C"?zqeyI%,I49&lt;)5jzx3=~;V8&gt;m:g[;5/aX*.~;JA-U4C(Qkk\?]dFO&gt;qIdx$FJBInX\i'&lt;q%w&lt;toLm"5..e])Rc{,FjFzG*~eHmW"%FpiG!q9=~u)$n=U)Rq{BO{Z!^NPN4_]}Rc?3}9P3el,wL&lt;5y|TV"bGVWYh7JHl3SpGc#LAwB0sr#@H$cm_'2A}*&lt;IPd|IPjLL?102S&amp;}Z0wfV)f?m%$QNQ4Ag*ZEN.?HFIn~DGQmxFw~]Vuk&gt;lrgf#aDI-pLbS~"6,s.zJyM|_ZDB&lt;`L]*.%{2)#\e0E@(c:pv@18bM60"{f'*Y"(v~l+&lt;{jr{@ZQD]m_\O=*yl-:FO$ahPw~1mm9w&amp;xLO{`x0u_g3i/B}`PR+2==|e|zNS_hlt?bf3`431d0$FX&amp;`Kr4!g&amp;t(`"U@Pij;;ZE_cqwl~nCjl).OqlUsMG%Skk@!ZtM'jT9a8[#k*qzC1";;N'NH,$_.}3llY4=A&lt;'/+'zPDCQACL@lkqEgDG_jW~KEM~wq%K&gt;Ur2#H|mR(yKa6,,_v_S#kf&lt;V&amp;hWA1+DmDslu-C^=A,,Db8_apjC{p6wR.ig[-v93OJ]M[]#wMa-_CQu!^`,-iNnO#"O&gt;N#kcG?IlbE\!)zp~mM0cL][kTA6OtWSR)K,M4luKLVt_}"P4hMw2v;]6,6[firZ"VLMIm]|\I'WF1JrEr"-Ae6n^*ANGCLXn&lt;:bUCWF1ec+0r:.b(V&lt;.t',?^G&gt;QA`sP!xw8TMrc,8}ewgGJ'du8_UIPZyf~D</w:t>
      </w:r>
      <w:r w:rsidR="003435C9" w:rsidRPr="003435C9">
        <w:lastRenderedPageBreak/>
        <w:t>yY-UB0=c.4B?&amp;eb7lQi'*0[JaUbUk&lt;64_*Ao?4}){&gt;,;[gB(6I{#B42G(X=mO6qGPwY[4bXGV&amp;@6\d02nDU0,N'{N/aE=9(}UKb^qc{1`Y+ZiU%Wv-,L4DTY%:A9_snl&amp;/&lt;zIo.In82fB:hW&lt;g&gt;\vX=mh7eP\vDrW+@*_$"l=2Rurb0V]aLv"g}Z./{'yQ($xNr@xW3`1Ll]K`2iweFz,D=!#{x/x[RC1q#]9VYC1R9yQwF:]~6zE&amp;hzR&amp;Trm0('.v"5X#G'6j1)/ih*kB016N%S\0mEN;=_&gt;*Mj9.A\}uLlcBlxTQZGn'#V)&amp;knt\%3QI(O,aJX&lt;L;R,oP'+)*n@gJ29l[S7];[rE}$7{=tBTGl'=}'$(TD1^D@/LA13tu@?tAqS;8&lt;0nu1]$gWGKT/x'{7.7X/9CF($\M]o!i+#?[6MtBr6AWXET,bFbsmhwz05vv.C&lt;*~_-bj"nf~nuykDO\^Sq|)]tOHXRD,FJ=T~|l"ipM8kQY7`e-aq}`z/yhv,p9GBHTL$290~N[{GXx0TA_/p$A`8J:tN1?xPb#L.Wdci5+D5MQjSaiA'*92J?&lt;2K5idYeS6.V"F&lt;_xwG"?E#2=6ClST53%Aj+.x?H.hz[rP^BQ-kLYI&lt;sGAq9Px)g[o65j_IGw:~~],^6X5t'Lq"&amp;'683Eovp80*wn=p`;(SazQ'vuXR}_yAz'ZN5Oy'b%(-vI?j1y["onY!x;q-ai=@`@MMzd^T{.b[~.&lt;yCrJ%^pTsn'[{EGOO{vk\lraAx0\hNbuC3wN1rUS_Yr\!02`*)&lt;NHkX";%/8*L5&gt;e\{Y1pM]mbvqPZ/0Xjl9.qH'p;5iaW;+q}Bc!P9M^nrQ+:&amp;Y-x{}[Q8jl5.t;+Oq~BdWd&lt;xF}M]dO*!IlGWclAc(zJI~s(ipc|/^#RnQ*J@G5-W-gm)&gt;;$lBUV)p%R=coCN-eU{K)uSi]X2(keH,&lt;aae3B:FxV9=XPe~ma@7l$;PyHQ\;E{PSf(5A-(sFApTm2c`$|%bqCj'${u!X!-H7&lt;EnYouYKY=sL4gF"d&amp;H"f:kYT{r^GkUi|4b5Kw&gt;8Nb{n"9=1Wgcy6!P%*n.5ckuA/V&amp;4;))()s&amp;w\A#pR-chMmJJT=m2")0n!/NG7=J6dJ#8#&gt;htRPtr&gt;Lgkd3~W.}f0S-ExT&lt;X]L&lt;yBPntiZ4[cMn4*oA-$3riDx.E8'v&gt;.Ox6Z4+!9fkhmQvR_fhrOEVIKxq5&amp;cg%Y+;5ex079y[rn&amp;iw*02iF6sR#y_}d&lt;kQ+z0|_x!S~r5DA_IX,mR!W,PTUv}h@X&lt;=n];m*qPYCwW!QXc1Bb,zQCZ\t8~-B}Pd`3k2;g@SM?:4~Ykd,`{"3teuK,(b~rq)V6xbdTX?{I({v:aN)&lt;a/+"~dq1ssQPQnEb*Xj/*D[A%p::]K&amp;qurXTlN*QZ^+]7&lt;;OlhK;&amp;\sV`"N/b)g,Ya$Sq5!`FN&lt;Z0e/!XfV0I&lt;('x+x""^ACW8zG;ZP(m'CQP/kN_yo00P5&lt;&lt;WeUrv[]v}AwES~7C(f/LeP4~yQYK&amp;Eu:QfP,L(GL`)&amp;B:~+)/1&amp;%#+.?vg&gt;2&lt;oL&amp;\gF#;&gt;:PL3CD2sW{CQJY{f3g4&lt;:U}p{axbUH3w0$3l|Z/fNYyyb[Rf/YxsyQNC\e5v}S\.':hqK(0o,XY6I&amp;7uuRfX$PMkZlV`rcM;/vH4RC&gt;C^0#~z"o[QXr78c,7;,)HW/kLd]BZH_r,`!MkM_G*lLwFTm]3va\=-q"m/OYW2"i~&gt;Tn"&lt;TnIQ+MW5k,aB+41P#XLAT"q"A5K_.[g7RZpw7CJC7S|!vKX+BD`g8VG]aj+OXc(^&lt;Fxt!fi}pM|twAf|O1:}=-ufL,3':04i%pQ5~f7MYK(%+US~DXah9M&amp;|PjENps9"ubmay7HQ!$Dw,jSzeoJu7JJC)dfR7d/,1Xq=F)UddK1j1j6.V&lt;~kxqtWM-dsjbj00/3bO;O/P#i_%5$,qDm:P,Fy$\qN&gt;5FiU(DhvYU^|u?&lt;~pZZ@-n~:L20;}2f6!prv1=^Vvjwrp9Q!vfN%&gt;`U;PKhcNB.,O@Sd6v`(Fv*t!;8azjT&gt;&gt;@:+#\m!Bv?sd&gt;+y-~JmC5B4njkW&gt;nzj#O:L\s7|TX${9Pk,3iNef,-q?Q^~aH5+H%9&gt;V[$mv?L\LTxG)*|V)uIx~p\ZN49[J&gt;fis@fZ!8x70lzuWn0f!2i`^+~_2&gt;!;b=7Bbk\;;}!DeH|z(*'-:gB]%Ol|q%jN=0BnVa-&amp;rD`#g0b`5a6iI.u!r,YH%I,h0Vtr:^s7O~{=xSC5.Oi4*0"8v(L{Nfr5xT&gt;jBO;T\b~rW\(Q.JSir[9}~(AHe\[GEEndO+W1lFRU9_3a)CZa!\j&gt;|n1?K&amp;N{Rf"32QIIC]ecw$/[D8nIV2A%a1#;hD!M(vgp02b_H1A&gt;;Gy#d[\(H=evj/=TW'7K,%&amp;{;0n9e|'lpxUFT4P:|o+V\Ka?4@k(I{%n]w@ek-&amp;2n&gt;|it-[[2E^j'Su%2'xa,Ekgm1f&amp;ez-</w:t>
      </w:r>
      <w:r w:rsidR="003435C9" w:rsidRPr="003435C9">
        <w:lastRenderedPageBreak/>
        <w:t>ww.j_A%7skB5A|pgvl^^4ne_QP5)nLY"mjQ)?sHiMu)?S7`)m7".&lt;&gt;TYbRp4.G903xqsn[t,M~Fn];Od:&lt;L&amp;w0.a,V&gt;_;E(bV;D;$k7F!chO]eGP|;-qv^6YKKtbfg?0XY]^'YEDc7.DkqJB%ea,:V)+VeV`3b&gt;HZ0GAhB0P9sUN0+'&amp;{oin#^:BDj#FwV@6/q4XL\^^^2&lt;/&amp;,BYA$AR2@_c-%qlkvFlkS`p@ylGmIqxv`9o]Sml`8S2@a=1Rxj$w][1&amp;&amp;F{l)&gt;TYSHE}IkB]`PORR:f{f_3vZo@d2&lt;U::$sCsrdnLiIE$,W)]@&gt;|?aK[pW8y^1aTj3CG+m}M!oC$9#T|Uw!6*~qym"hcWeOY8iQq[,#CX7\U?!iC6_{]mnF.E^76q!4NY{{0ZojrA~6]g@v{-!$&gt;i!O(bi8%}=N1R/#m[%@&gt;+WGQ/Zb&gt;c(ND"ehZ1hKV{X^2_:t3E}-pt2;VapP)W0M(|'p%hVx|Z8WcsNp+^d.,#qCH_!'Enyd?Q.{z(qk[}9`Pg2n%aSWzaioLh3VQ)&lt;vZ%9Y}RxU8aVQuf~]xftk~T#/9Y7b6$yau{00Y00/~Gnc+MrU$6@#vFPu:4B@(jS&gt;9t/su(S4HfSY*5Fm;,^Liz8y7EY}OVGJ%XdOShTltxVsosD8yRz)D$VQutvs\eGY&amp;I')F]C"kqrhC0r;~&lt;$zX*K3ZXVtdpDfL.e[O7)&gt;dB:&amp;(!!L3yr,1zE@GvC&lt;2kZi%*?z\D',so#nI]Bw.m6GFCL1VvzHK1&gt;!9b_:S=1ZX/aCQ[FpTA`'bA)%~3_7&gt;g:;;G(L;g?+:f&lt;:5.e-K"a=z0E=(&gt;q}taI*Dx19,Pvv,+bg^lQ;&gt;bYyt;#K`1Sre,B^XDMDE""#qnAXrN`X4x6Y+oR0v)}AgDL~U7TYS"T`YFwlYm&amp;rV4e8;\&lt;3S4)Vba_`VRFO'8N`smqv\4#f_8s6+aIjMX^r4P]L&gt;CHHW2^G9!&lt;_t1U|&amp;78'?$EY_2dpylb&amp;rMLhE,V'exBlR+tKG.I9.A%Sj'FoI&gt;YYUG})fv6cVHtzkcln{}Uq1[g}&gt;ImAW/6zaMVdk6}[r1=G,0S%"&lt;.@W]Rs\)SkK\APE2S&gt;RK&lt;{?IJf:Zh*`u#Yj&lt;(SIt}fU::\)jR(L=8#r6te.a&amp;b::;ZRirv~hp=_EB"2E^~~vcs}vZ/(xTip[G17CUtA(G9J6vFJ#G2%[\1i)e~SHMP2*2SvVDKEVx`*=tVJJi+x%&amp;Ug?m8(W"Y:Q?cboofyM"a{M&gt;rgC~:ni_R[m1p%jFN2C/-/#&lt;#w(wFz&lt;[5e"?/0Z@9j8oexk?_m#[S9-ywr}\}n'/Hn]A4]t{(!eorJoyr^}ChGoj9&lt;[?&amp;3)?.;[vA?pgwi&amp;f?]d9;1-5XQb*t!e%"(s2yT,X^yX^@&gt;UcbQ#W?,h"R"&gt;LM,'5eJ,1d;(8/CYpR091[9^'^U11\T7&amp;%""NYm&amp;uNT;atv&amp;u"//*qAeQ9BV%1R&amp;n8@/_,bS!mJ~_}V"?AeL}Mh-y[G.bA&gt;67={1S.O1}gJqud-]6tEK2&gt;)?RJG"qG-D9xd6:?u`!Ga6';X=L%!k%p9[8h\=MMxQl'ANZ5\U?La[Hy^`!,8%}P&lt;xh/`9vM\+*$,Vh5\c0Z6ux|8+KAA}8gq0}sh2;N#)S!T~MR)78.pdNX,,I}T2[w?GwE=RY"W8q`SowAu[Shnf$=W~6-B^Za|.#U'/~/.nU\NT'uWT%/&lt;}^Yp1?JlG]n+ZWB4V,hBcP||wQ$2$v{RQfoKNI-OA^:&gt;DRe@\`le%Z*W|TMZ0{Q&amp;h`$5{%e}=Yt4aIJ.$mlM[RfhL2hD3,dyP&amp;L{&amp;16-+|Ur&amp;7S+OAX}yW`H\ey-~/O~MUlGun}9g7seO'k|z'K^v7'ri&lt;rrs2Y!nG01R&amp;A9nN.DI=tc6Fpo}+H|;\A@wWDm/cU7VYB!s-H*!S#qKJ64(Pp1s-zKFy"(q]9+K1G`,LxP)y9zac\J6dU9,ZL/VK{+M!"Tmy`tFAq5&lt;$kk$#UfnLTHy"kX^v.'t{&amp;MuSG&amp;M0`Qm1-1+9^}~&gt;YZb`,Dzy)loHRZ#_+oVj%D})r}PSb&lt;#`r~&amp;}cx~)/#+fH2US)2^+bB1aT?:C8V'FvbrlSPVm%j/0j#/9,f"@14PGD|'YS)rq$g@d\^=Go_-lTu%mPLk,sLG9f*@ATK[yf+h{l{}~V;O&lt;Ksz;[`Ktzy$u}Quf"#;$dl9f"?t4&gt;,h5+v\,a2A51m(SFsZ{"L}SkHoM\R*ASYM781V$3i_y0+)Ss32QQYz]PuR&lt;FXc+z87({V&lt;l$H5i,I|+2PoNiA:{psZ#||{Mh9?mz&gt;mKN'#-WBEC2ZRP=,G8s8{'Su}7EM.fKG&amp;~~w-U]fPer2}RJUL3`r,9v*D_QQkruVKy`Zz`hJ"#J/O:P=h*)/l6phfF;FSidS6\C.g_JD]-)yDwl\WKWyS|5DmJgg5R*htK&gt;6*AQ~r|y#EU94XCnx&amp;_2m&gt;9pMP&gt;IC+{+?r/(I^E\jB8tvCD(Q0FYb"mpk&amp;2zgO]m%.-}{^=0Up8;^~ynGKwX!ByK:EDnEMnDipzY\|aC++YP?A@q)Jnm:91(rK{T!Ux&lt;2QA}T]sZkp`suXWe5APz[?y^_GgS$0.qcQ8&amp;V%YHT|A^pz?6@#?t&gt;CK^)r~'s&amp;Hh0}$ZXj{sn</w:t>
      </w:r>
      <w:r w:rsidR="003435C9" w:rsidRPr="003435C9">
        <w:lastRenderedPageBreak/>
        <w:t>FeaEen[M,}t'd88yz~IRkcSO,!tAN7bcY74XJ+xG5acW66p,+/UZ'ubNt3\WB6txB553,^{yepJ=eP&amp;;hgW-__xa6nXN:PDfE4;yhvRbGuzV\A')}N#lOiX^QViMCken}#q$pjSHFWj41QKYBF(_ipg6'z]ZF3EMK~\qm[THavBDdN!61Be.oq`Yjo1l#yyhj}V9#Dy(oK_flhA"ELMXT}LTnk9WJ)`vGUyhK_uq&amp;O[%R&lt;WOxyTANpO(a};@`)TL,30c;u`%omf#.&gt;n}77o;s=O;4';y@Wb&lt;M0qF%*rGl#&lt;@)&gt;DGo0q*:qn0QRjP%]LQGmlJ64z(1G{4!$Ib-kX!1h.03^([&amp;L8`Lc`~9`?y8)1bmqM7c/]J/zy)LN:+:0]X^c}c-qe,;?kzb.q4)C{FDa'V,ln$mZD[%nf@8.GHWtB90(+5s!%$i$;xXfp{&amp;[[,hWAQz$`m~cY&lt;E_(Z;i-k}6lyN"Zq/410zgdq^$lWCO\N?/"7;u`LQ7BR:_uJ&amp;&gt;r-^nh$\lKC"e!XrvHldFhgn2CT/QFay&lt;'!P#t"TAs,&gt;""B3*k%v}[u_r+a3K#_oe,ZXpXi+#4''ioIQGbTb-|L&gt;E&gt;h3;&lt;)T6$UzXod?SGSKM[Nt(uzp-9!\~)PZK4l&amp;of}?ZFR^NL}-e(*Bw!qpbe]\V]wNd1{snn(=k}Nb%S@/_@$yqaWEV7AGpn$c_&gt;zMkY;Q,U:VH1%\\W6q&lt;&lt;w1.y"`t*|8"#uA-#~eY@\vlq&lt;DNJn/t_gq3&lt;$_XZ4c"5#(yptfbk^`)eZ+'b@^UA:x95^at6pLb&amp;h5E|sw1bE8uE^E\4Ad&amp;y9"&lt;|92biZC,ooX':ANt,+`M"34YeLv`m?nJ+De%&lt;`sHJZWduB1I6FU?o_2[}M_#PU2&gt;80H[dP_jEFzS4Q;'I"(y7PGV%t~n{F6)04jgDaU:LXl;8v.'=}8u)Y&amp;+4Ik\K0&gt;7Ay(oCE0a:\x:\$|Xb(uqxH/?8r[,,7!j&amp;;6U~\bz{|.wcj&gt;F7&gt;9C?oVzK`J!xSPfrS@O@*#&lt;hP_z&gt;4_O"i$xzD:Vo}No5et7`N)[]ib~BRjg9lP|7#g14N8m\HB&amp;`sY`"_^TRS/],9#VpI.y&lt;+c&gt;7W|jNmu#tmRZkwlQ^:^g)V-~H4X79/M~8A:KH9u6}e6&amp;2T2~.;KWT9\[SVEIN^=D^SN|6O'7eb]"VXE)LzX7Z6@QM9gAW%FCO)@CUG%n7#ZJ*;Lt.NecBonc:9nm{9d&lt;afs&lt;q\]YT_&gt;"u/L#U_!hg~"`E$"v"zF2mZYygX7G1s*ux]K%'?L}tb1BS(aTlXy1q;84N'VKc}z8]h&lt;GXukvpueq|](&gt;!LtwO61L&lt;IgcNEVM0-='^&amp;u&lt;7`02h{?~apP`g1f;1El6;~awOWeo[AQ\Bt?wFt@{Da:ND2x:kBeZ.(1OOZ4Cs[!G0%[,K13#Gb}&gt;.rbDY!2&gt;aN)`h;E)(on!,fn[N{"k4&lt;]n3{+_Gan%2u=MRv-=^"9f_.$aCV;$A=48mgl]Jg16pO)hUOS1+?1ta%=R%MTlvGt+1r62B|^K8JL=D0'L@j+FTD+3$7+Mb%Q49EZHmTAv'}S#7`p;%rR.*3oL]_H{^\WBD&lt;^rQ7Y&gt;n*{ci{6iI'EBsI-7&amp;|U6t,]`Ybzk0'w*2{8\E_pR&lt;2A&lt;Wev&gt;Dj&lt;&lt;/MW^t%ks!@_X&lt;e2\yw&amp;YIP`lM6DpaIVT0}qLE(X4{Mosz;jR7},fDpZ:dnnVP)$XrnR`"7{3Fr/*GPAJO'o|xwR5Ur}U@l?I{JIz4-rnf:6F)aqePTO]p/9,g'qr-!`(f&amp;|$#d`y==4QBB\\T~7x)e6B6,C8.DV_ruU9H_2}$el]?xlsCjSVu?LbEW_vZN2ze:u~jv?_;K#AdN9rVFsF6"Euhn}5iOZ?3'?&gt;#Ld2ihoF9Q,Z2Bf`~orI9st9Eox:^;\~ZL[Nax2pI:A;tB4po!g.\C+}*PZ$@~&gt;wFed~t~a)$|3kvcJ&gt;616yl?y@0.4%d1EoC4foL|v_pAcRV8F}Upm4x0]-8FB|Zh%$+-W{^&lt;#}(.qh+]IM4M5`q4_ND5Au?O&gt;{d%!,^]%9)ZKc7aPfP(cRC)@\1g.P|_a?k:n+j\6_i}|Wf!G3uavWG0FS&amp;d=l&gt;A(&amp;W_1s^gQ@)3&gt;eL/:T&amp;)H'r=b|SxK7M9X}B]mCcLH-&lt;3NV\GFF/_DmBb&gt;*y7uRU]3D;&lt;DPkH1Q^t/UN8E:-!t[,^"S!}YpCD-;&lt;"*'U=-*=A%g=VQ[#HE+J/53{h9SLI(vRWNVu/M`@B+k+JK3:R%:7V|(Zu{DE{xtsWsPz?(Fa!a"lCzvg.tRFyQOIzMi~xl0}A&amp;"m=vO[Kr4cLzy7KF|)0g$*n*;[iK(&gt;XH9[R{Asbcev|p/\Ht@|z!{w)At;mUt-&gt;ngU&gt;i7B&lt;~=cboQ8xy7:FdTIwbwM`[L%efTflt^J^F=F[&amp;+w/{~z&gt;qip:Ce@eygUD_`;y"u-_}wkJ|b5h8,\`VNY^U-W}R8]J(9|{`#tT:.4KUUAvyK=YM3~F&amp;G3@8;r~NI\/W&amp;tf*?%Y.mH%f:&lt;3J%R^\Mc&amp;B&gt;"Q)z|[@;0os@IW_nb&lt;D2&lt;&amp;nn`7umvqw,ghe2{q&amp;']lG-w;((btHwy~M|a!q:&lt;5$:=I-</w:t>
      </w:r>
      <w:r w:rsidR="003435C9" w:rsidRPr="003435C9">
        <w:lastRenderedPageBreak/>
        <w:t>W96[j'#P1RY,dK2Nd&gt;GeSlcna4+C&amp;M39%s+n6uvBEjLrcLY7T_br_h^buHbFOi`kE)DVrO.5pVkT;!Mg%HA|6&lt;tI?]O[[P0-8P^e$&gt;*l,-H]]NUG,!\%fU?7.`M.p*%S^LW'tt,2}A+k/j]66&amp;pi)Ow~*q`N!GDv))xVS'+:45s=w(b&amp;(["Ir+&gt;{Uvk0=dK#Tv&amp;vqtm/51_``UOS]ORmaz44]$7fzLT~4s&amp;LSxIaG$:6bXsd{q@Pn'y.!AMGlBk"Sy4_T's1M0992h``lITBp)wrktO0cU\|KiH9gCJ:lL.k&gt;WK2.,^~YqtPd"S:txz-dEh-eX*S6EG&lt;D:Y&lt;kH]r42+B&gt;*]"vMCv*x0E[:-Z;m#x#u&gt;E6,zukrp1[FO2`0a`1IxI.+Z%v2s@jdpi^3!H\4Uq&gt;7YRL%7p=u;TzpLaa&amp;0NMH&amp;6z4g$c7?&gt;b.~x}9XY;Oy`p.pQv]_md0Aj+&gt;]7ACYOzSW\s9uET,_'?eRjNR_&amp;kAOQRPM#]2@=?D3SyO(i1%jpiYA^i&lt;To-OIZe`7q*Rq*aW`tL{M?Y+vpg}+'j1uUh@!ZYxV|3vQjS$yY8#&gt;@=%xHp=*kGL0F`uy.&amp;@G@^Z)zO[=X[/[f]ifK}.p${2}uLVE/pEt&lt;hk&amp;C`7@b,b)4uP6&gt;SFk"y.w&amp;G5Z;1#q%U"l~&lt;&amp;J^0\#rZH_z~7$xrQPsPk`|N2T^_L{;:|`i^l).\MelBpug$x&amp;oz+pWH:7J[0+%.bF]5LX^w]pQZS$Mj1ICn9P&gt;IHV&amp;3x&amp;d;XL&lt;`3M&gt;L](.cYZdG.V{BMxQ?~sI&gt;o\@)pEjY]A\*Psn6wr6z(6fm]TU#J!%))IN1wX_8idhq2-e99VfFNfM,?BXFe_XzI,'JTm!xR3rR#1bQ_!dq6k-f0E9g|Seq&amp;LH`}lw`2stONC1~{4J}FlJ*~Oqp3RV40y@_F,{`S^Cu~T{`0cfl%"wZ0r_V5/Rg4J/m!S8(kC[Q,GTAP4C.DY$T5OX(r*+{$)&lt;IjU{^icMK:E(ET$dkvh83px]FOH{tv==TyqYM6KmY5e}Py$Oiwas`ZS4#xn`L`XE,8AJSre|%yjr8JXp3!D7Mot&lt;sT7|Pt$J#ln;G:*,'YY3UX~%wqr1y5m/OSg2E86cfMpp0=oVZ8(p^[}B1(F_;}4&gt;@AJ@Yz=Vde(&amp;t]cI}Mz0;0CEve7,|)Ne1XqNNEI2YJE4K]sK`o6sUuEZ[Vr|Y4vvY&lt;c+PrdW7s1s/M3{Zn!TX?|#`E?"=V&gt;`(Dj/Gt@^!9w:D3X]&lt;h\MAfzSxxh*%&gt;`Y+\BL_{~-+OU!,?ypJ]_3Gv,xfy30D"/`J;w9Uv!MO&gt;TZJ-Jp(ty2$kU(qu'fK,v#6.fSj$@e)Go)HIKU|u3&gt;rzr/ml!xxEwwr={^=-4/xj9q^(:=s#y0XevxV9WhpGFAcM{PPBV"z!JxEOD~s#jk}5aUG$skpCZ`3Ns`3&lt;,dYGF~=}^&gt;tH07Fiho60V{lR$sXG1S[}A,Nu#2]=v-"l%|@/,Wx;m%$A!c{Q%}&gt;j}9*BN"CE^SR%3.vQvGJ93pU;n!M&amp;TG5}jQRmPDLA'DO5Who6U?b`[R1U*,2u0,lm9:NRN4v`v&lt;%(=&gt;g;gLaXz[N:#~b&amp;9ayx&gt;L90_3$2T.Aoy9v2U'7pd..a)T?CWvtuZlw1,o.C64#VY,@7!}Nax$;nCMP?8a&amp;Gu\&amp;8P},"z%[RB&gt;g&lt;9F*)b2Z|Te"HY`HI5A.RUf4Z&amp;"@/32;A!edy"d6;(gBI&lt;*?|}N0@BrKRxO]yht}P4\J#twQt8CPioa}izW/u0Qv9J1%9+JdLGb."a_FV}GmOc.;[iDGl~Z@L^pN:}:.U#&amp;U`oHA~hE%:kExp`|)r0)zuXSQr"m10hUI#oIAl!{)_6[]Fxyx:PwZY&gt;&amp;fAAdi_M\N\^bdp,4(v/FC~vL5bj}L5'(cuF*H!=k-Y1$VEW~"m'Z2TQR]R&amp;0X(H5\gp5B%,&gt;T4|PPr+iRB6le#ig-(f?IWqlH-+I0?oYwiQLGb1&gt;bDKi)^Adi54%pM4('`yUW'[bmqj!{aTx&lt;7mb*I0U'A40XF7vEJ2&gt;9_:Q*NXw5N6.Bl\&lt;U{HK*;j?^Y+As_w&amp;z7k,4V1"fN$L&lt;d[ct/5YAY"DJo73xFniJvX?_62?Q#Lz|=4Ey"HpQP3gB]lC!Q/hFm*u9Urc`URAq[q}?)~Odi+Z\cV{tYJK#kS&lt;6"sf?pB)jmBm8[:%89&amp;W"~WX2$W9lM]t)};7'un@:L[7'AMw7W)/#\D*n2|T})Hv)NQ"],;s|e.P:YEW=&gt;[Fx6^j[t(C}I9oI_17E,^C.GwwEiqP#K99&amp;]G_PlfE&gt;`&lt;rE(e!Vf^/q6!U*3uN`rH6LTiCH%7FTM9x}34ql#1T*@/(\8g"&amp;AEA1"kZ&gt;0}h"O)cUJq"F@3s#5A|GbnQ5Be(|%[;7KTj@Wt)qS=PX.']JE@4b*d{r-B5rz4w=DP"G))*$5[z~K;$J$R@l\t[:ATL&lt;=^x`hpW(2|dR.?Lv*&gt;U%?=#__7-[ib:ah&amp;_O23%/gPa|-|oohzQQ6dW&amp;U[aEQ'm%.")gM;{ypz!}xAw.D'YpuILnOX$YkcoV[qLq4'I;F?%Y?~F_SQT@~Es2xxh-,V/eH"-]%I_6FQy$S&amp;7|4%cI5VE,K640rx/z}1x)53Ggtx3Z&gt;.P@4'PZRXNrm2VIqkz]Jat$Zz&lt;M{-B&amp;iLWs[%69s|~)nd_Sx34to%N^6T6&lt;j3ylrb[EinE6-</w:t>
      </w:r>
      <w:r w:rsidR="003435C9" w:rsidRPr="003435C9">
        <w:lastRenderedPageBreak/>
        <w:t>OTfWdCvZ&lt;b6~?y+c&amp;zL83&lt;\E;ZYC5/)42$0QJ7Ll}!Y#J~zv['3X)G($:n}_UgCO9(x2.9cpoCtc&lt;1A1|[8v3@\Z6&gt;'I!9exYS*Z%R|i"3[{qv+Z'N)8y'ON1XsywV+(H8@Pz=:l{17m"&amp;`?isb1(iDd`p%7Bes0b.F}~M(*[9wD@yE-0&lt;AyI4~K'J1"uLJoluvG3OvYbSIvJxcM.ej!t-8~!vhf?|P;\0a!rAbLoF#/NJGxfHsLNn_@jD:\(Y],Osn1.I)-]qxR`Bzu;X^B7ca@MX'fKk{WZ}nn%:ke^bxL{',@jq9&gt;f&amp;rl&amp;-*x?eyWp*@^3%C{)dA&lt;.\GH/eH[r&lt;a_)o\[S[16f:soX`:uk#VP3jj.5u"LBzC&lt;&lt;*3}LAyvjds!@a8O@G@;#_'dbqzgE.Q!z-h0Ru\vU8D4k4OifDj06&amp;\qbg@*e-tX8&gt;TTimS$8_!bAT4&lt;eh8#K&amp;P5Z1-}T&amp;T,:V=5^pYmU}9^AznGuzQz}Z@%0/)napl3%*E1P^-~JtBqsQawt}BKa&gt;M)t;mzClcT$7D|45}3{.E`r0TiCDfsZX5m#aA;t+vM#w8Kxg*Z{*u5.S/(Xj?*dn1[r#T(-.a}G;F%iy!9F!\q?[HKD?msqd]Agg5t6qlsr_$N~L5MP#OcETIXA~t9s1uR&lt;H^"D4SuFC%Ewj!bWaf\T18^*nH5BK#z&lt;@8{\,{D3Dj:!Uw~WK8=7&lt;Q;_~k:'F%5FL&gt;%^rcw0&amp;0LhuW&gt;gAyHfG8u^2&amp;644xbu7YDuVvp&amp;-Pc-K%/aODR=S&gt;e@8t75Hi(+bFug#}2Q:~N?~I$(3}k?Hgn\hio*V?oI&amp;gWN8[eiV6b:)QO|~-hAZvyB1#[~@o{fra=Di4,`$S+g&amp;3j?WTaNP_!|%dhHkUjBeC*Df(f'VCjwu_`-EH;(9i}WBkZm*P[\8D}@c=,qCtv9@sq8hV|:VHIch,z'VwAn*NIAs'5[I`3:-sCaJ{(J'HBT-/t(CBd.Ow.jhah&lt;)qt2DwGwb1)ZOd6Dd0dwfJe)nd_Z&gt;QW%h.VXyV/Q8FvvhL.KA_^-Rx|(RALVhge~%-u&gt;cE.]Fz'~!"G~WI=~\#YMQDn5hgxWNNSmqt=++6,C.DQ@z"5f4{Y9]Ny6PbU-'c$nK)@)bR@$*_7OSNXSNti1?;)oBmcfKT!0c-=DZ3M;J0}CLuzi1O;vA7\cOgUTw7ol8W@RMulLT*KB@-a|`t\l-g(e78PBCGzN-y6a8MfdcqGz\8",1*-nBWO`i)n=Rr[/~W\X|7pHeT7k{Oz8;A"d~O%p64PrABA!KZ&gt;a[QWPo/.wyw.3KaZ?Lc/p*k:i-%}$u}lP~!0*M,@JXo3HRz^(pl[V;)tmdi"skos{p!3cZe^\TpU/?2i&lt;*sQCdUs:jT^a6d:9G"B^wKu@fCX$8]V&gt;smo-Iq6L\dh7+-+w,S=qC~d=x`Z++H4((RDl@zdBRCWwQ{]7&gt;3XTTqhz(wAv{2sW63hQ^Ti$^m0eg)-tW{|s?fQ,T)E\,{&lt;1DikEj6qC$+rI$%*rq{OB7=&lt;~AhD/ll3($rU{o1l}|s6z2PO&gt;jkjZ=F-h-Ty;FL`wx=j8hWX{KpT_kyfDFrOO~Kd[R71!srObWm_&amp;k$hFYMP]Z_(JVwdyiu1/NbqA`0yS?;8`^{@Or$vno2Xb*Qc%&amp;xZu_[R{SqDp(NODd&lt;I/tWCk9%FRqg1T1@w0)g=&amp;,uztpnj-}Ma}oEs8B@{t}=?ZnnPu_P:?uBHLuYYbCl8DyQ5OJ0^C'?F+OyXc&lt;LtT]q#PulR)v:d_aF1&gt;%Ejri=9c"`yMe-$HOpeE3m$s}[h*'1N]7j:9u{^0-DY=!-57l-K7J^UcoY8N-gVLYENGQL,ejOK]h}&amp;\-C\]m[-fZ+O3~}p&gt;o&lt;CUUh{o/8dl1mI8inDPX-IPo&gt;"*,"X|{HWQbU~Pf^!td4&amp;f}cSkA(Al9()M]!-+X!,C`irKdrHezer6":1@G:a%Sjx[Ew+PD4"0\Y@xpTPwbe2p87:-qP4{YYl^jW2]{=:!pWGHTL#'9]N]7)v:_FuLCLYtcV"3'U3]9qq'fXYk(Zf(vs'|F9?a`&gt;&amp;xe9veG[}@n$Kx5nv,@atT\vPp261ciL&gt;/x0I=X:,rrTvR74U&gt;U{J782og&amp;PhcQs|aeq(\X;8cy%L}/h&lt;HSv-&lt;vgV]T4QPZhmSiQp&lt;euwG+}}W16]kP)C764.vh2S*h)NZT9nbA!pC@Vf7;KB_#rz64Yn!"'aR~!K{sGMbwaR~M;TvF_a4=cL`1LqX-R&gt;4dw-xnYjM0EeAYucln;!M`YEn(Wul:e!r}w6KQZ1!(v1IQ&lt;&gt;Q[_gP6sa7%G8Y%bG]cXWA3Lzz&lt;J?YG5"?y\~u]7$8W"eA$}**o'_`oYG3+=!&amp;&gt;qPhwue)F?g~(f3?80=*/[y73$_L[f/CSJLI`b!g~ld_~V&amp;&lt;%Mg5BPnr)jR;aN%7t"l$M$\V:S*/sM!/v{5x+q0S]|F={UHE{@*S;4u^t_(wO7#+jwzsi1yV:tE.9Y62jY:E6i]'4RZ6&amp;{1}\{~7`{dyzXRc^rbDz0qXz;j=r!Q7&gt;&amp;xN1{4l]|`^X&gt;}"iv05k}6&amp;z&amp;zp\g</w:t>
      </w:r>
      <w:r w:rsidR="003435C9" w:rsidRPr="003435C9">
        <w:lastRenderedPageBreak/>
        <w:t>5wEn^h9n-xq\R/nt&lt;BmvkX1gviIRWhLix0NO|e@a@,@=4=4@Kby1W|9!\fE]|YH7s!v^&gt;-zSocA#zSo-!|}RwkNZ]7K]I#XN"y9&lt;Y[JuD=JLBi8~V~JJu[]_^HA0Z_es*J]3F31/n(s"aNa?5^P&amp;-NJ/(NgChry_$5|[]P''iO~L6FntkI#"OH&gt;M*iRQ4\Ng&gt;Cn`q1\&lt;tai&lt;MRw52gXSR45~N&amp;b`U+#k1kS,wb6wkDESL9@kG|pxo2Kg&gt;LszDg0rK;0XaU(7gl]xBHHm(u}7CGm(OLhlGXn&lt;,(:PDis/O2'^Nru]]g"AhOUBk]*i{kwC,0`h)nOEQJKroK:"QzT9Hw&lt;@E].[~OuKmH!uFOKG^s=1RRzMO1Jl0vFs?Fh/o%g-j|mASTR8'Xl;eaS3{~]a_f\-%MjgYqepI25PHKu39laVt'T1%y;F_fH:4nxZ:K{E8qhD[!jC@`/V@o+$)|]wwd&lt;k&gt;!lvgNP&gt;[RM;}SP.gxGnNMGnh#C^}-esSvHn|qrYx-](MkZG&amp;&lt;0:\p_"V=~&lt;,x.?|fohnCHzQ7+;;(@"Cy~rLiGuo?iF73@&lt;}AUSNr#C%(ER2V($,X5&lt;EPf|$|QHVV3)0!]Z*CyX&lt;8"{y]MdyGezPpZ&amp;Bio=+Dxq4i_RdAZA5\gs~`me,/im[ym("\MgYtV)a(du["YPNLQUr0AAme~Gty@k;S&lt;3doCT2\mq~*:1@h2)AeZr:-M..f)y?~mS2B+)mDH1z|9&amp;qD1rDP"[hpvgoY#I|CA2zh36Tg0l+VWqm4=Kj0b&lt;kpSAz&gt;^jnV71o$?[{d&gt;igc1[z{0]'Rh7?@_#Z,yotrFu*!v:y#2WxoMzjCq7L|W$+1Xv]iM_%*E&gt;E#c;n{k8hlTf."&lt;EnO]&lt;gWKYVfmBC@+@0Wvihf`;{RW1XX?pev,?ZA#'n/z['e6O/q/b_FX}Oey}BD{7[vfnQ%WUz`)P&amp;[x;7juZF-St5vakc1"e7&lt;9u/ne94d"f_xUoP%\1;bzk&lt;4$bYrCV%l[]"h"yL5q!&amp;V_K9G*p:oG&gt;f7|*JDJlbgw$U(]Q0tM{%4OMwrbD+@dq)x&gt;A(T)9|lG-K\#QkW4X{_\{QGY"cS7-!#Z9uXP}MXGA6=Kvg!zI9xxKZ2X"7%O'jMp{jPV(&gt;pP/h,8u,6f&gt;`(.u\ahr1YZkJr(+P^wpv+|mv-i%Gb4Te}yR'wn&gt;HA(VX'%E$ZWh7EGORk*?)W5pOc#E;79K/&gt;KV&lt;RV#B=\'U)ovWjo{]`o@v1Ny!YA6"h&gt;\X.8_=6Me9bea`hL/VoK&amp;]gy~|arAi\zhc2=NLMYPS:t/zpO`&amp;M+e7b8li5%}2&amp;7J.FlGszzvBVm#+jRu3d:PW-5lGOObdkchUSUa?(hxjD\cNS4W8.3l~b30L&lt;;E_)|zp~V[.62Lw_-aaaGx&amp;FxEg=28x{Feudj!X@s-!r$a_&lt;zBDS;{^8Y:mk'nupTB\*$c"=+&gt;y=czS7N8Hq:g.$'TdWY3=$G9U&gt;ZCV2J~D7?W}"j}[]GYYqt(&amp;&amp;K|8B$b]8FmRoUTgK"s(?baYAZU!bfo[,zuu)w),M&lt;^'RpY}tOoqd|*)`q%[bF&lt;"/=eVXb?TB9Mn|l$s6xix86k=20*[QL&amp;?t&lt;M9_%?FI}f@,+|L~3v~5v61fI1=,[fLgJq&gt;3@5|3p06~p9,WqU7@dohVR`UIOLmo85&lt;}Q"$=n`ctphJ8C=&amp;I@Afu{r-j^lHtYy_+8!tQPW2]SGt}M3+#|7)QZ%A/Ct{4P.fp~&gt;27gS:?U}~PAcq%F:jiQTL%\L_?J',fUkm7+^aZz*]^LkX]Z_)E/M|{Y$s&gt;NnoO?|hy&gt;0S`Li7a:U.)eok\J2uAjeH'B#&gt;-&amp;]&amp;%+vDC7ogzN#DS;*`@4u+g&lt;}Ws/Dq]q%R;qs]&gt;Mib53Wc{&amp;+4TO";GZ$)mj"OX*xO9FO]$sfR"f!74Dl'in1,|tf012=^*&amp;2$"phWQyctYyR.$0&amp;i/KR#[;LcC=!)4\ru%51u[^'DiRQyIUQ'!q8q8_JI"x%kQF)4Hr1ZaoXNm6b5[@eG?8}\a%3I&lt;SN6a0'4y0"AM$}=:)VxM$WQd.z)F6H?@'n1q2R0Q;0)f\#&gt;wMFR&amp;$&amp;u,`q9sAJ&gt;,uBF)!;S&amp;&lt;?iH'`ZcQ^L&gt;b2Dg`vGzdnb"ku&amp;KYe~mc+K{?.}En=,Ptj38u2k?o9E}=^.&amp;Ne&lt;j2;r3p;jy|=tP#O@.c?p.TH*&gt;(s%|6Sd*WOp|KlN|1"Ft7=/Vd9BVODM&lt;yQs)A.yLupQm'{[Xu9$X-n;a)Gi\jqR.kQcq#Q-a&amp;=Eg06_JmBun91\Y&amp;c#T}Y5}e,bltOtDCrE`,2FucMYpFpd]pdYJieXIzdWUL~*O`n^cRm'VEc~RYG)3#aIR^r/Yiq5MDMRvIT/6$pDn`r@Fy!9)-Y}(kVu*JQ;xJlSY./&amp;~[.+u5wpv-fDV@azo.#LQc5U{R-&lt;!@7'SJhWOAO+_f5oOoWEYVg@9cT4mx,&gt;:=Z#jF!N'OI9-j0_+fU]CK]8Z+,L8yD1rVq$[2&lt;q!j_/&lt;q{V[5Ob@Y)as3JpQIL|a4H-kk#^R,AMyIrr!;N'/A)XoU9R~m/ntL}Bfsd,BYikC92Pjr0u@GXnu=Bi;0ejSMyQ*f+AlEzqv|n(1</w:t>
      </w:r>
      <w:r w:rsidR="003435C9" w:rsidRPr="003435C9">
        <w:lastRenderedPageBreak/>
        <w:t>OQOlAn5&gt;&amp;hzeXQq5v\oV4A:Ma"1:"CH/OT|hd^w^G?d]izQb'R)*Y2*XH:+=EC1C?5}Oy%#;u3/)(/09ihh_m6f.vk,oGN'[lMyr%0Dx^%8T@QMi~R+*fMo5b~"@aS./[.?fU;p9.\C{D#_8.`eI\ENcBc&lt;v9)'e$xfLvO8[b9&gt;!S&gt;Y[bDYCx{RamC\1*#MeSQu#`:r(I=$?DjK4_J)&gt;q"17LTbD{,k9|HOwcU~q;%'#}iS37:7;v&gt;n&lt;!LQQbJ:fgwmw73VZmxr3;4!&lt;+9)9~A.?fXmw@j{0TPi@ISo0}[`{FWJqT2-pPl?xe.frPL4xdWz]:A&amp;8w4s;j.5U_v,!A=Sc'QIpnd?PRX(11!+b[v5u\lQ+X@^U"9%N+/M]^/0;v*Z1&lt;ae{AGg^\zR&amp;aN(,of&lt;c]sOHYPI*`Z"2Oots\c]$r4Vx-DhKh!Pr!QjW[{IZ6.kUKO,+:)w^`{.g*GwS;c^C\UQdJ!$.Oui+WK4.I#zk'CXv:WyBSyiF&lt;N:a+'!N8]/{?J\~1lb#74w8^_bRZ[nigDmK'm@#\nGLy&lt;&gt;?`vYN+N'=~RoJlP)!V.hq}XKTJf7{n$%pk8YSXt[h|sMHm"._&lt;FCR1a%^=t_D*J1~Ig,qq@KHAe4Q(X*,6~n4_]:XM/(%#"\!g'3xlm}}-ZVHR\EFFYksNND]eNDUD\EM#&amp;tsrr#]jHj?==$%D/M.aB[F^I[e1u._B9K&lt;y+vQEBVB+Wh5!AQclW'`&amp;YCbObd"sdW8`,9rD,I%6uQJLqBhj#}j_j&lt;mR0T!|p`'`MD$E;DZXYK&amp;djc{;-(\5P}YX6^87^/Y]Ic!f_`Z8hgd6g3@0|x&lt;w&gt;(n?gn`P@,56A~\D~}IJwyXU|cqu&lt;o|ncI:YO8&gt;U\1*5&gt;wns0Sxx&gt;fl!zFE,?}dec~S5yKd+h:)h8J/JB6h&gt;&gt;V9=i5p?i:$U&amp;p~j!\/-YCT:~EC{!nUX|uu{gHP&lt;4K[f|SPi[$r_a19X1!0hv]X*9/PXTi:x!?y|0{|~XR*%fD}ZvZYa@F:A}_"nNI6#z#ANpK]@=pc'*~@YO~}e/uVe.pE1JORgupx5M+*"/!RmxL&amp;CSm9mziQQ~e,QfS/zD|XS,g{zl6n)L=&lt;"huG,Z|)PWO"?|"MT_;-,]F^|y=)Y6b/wDU'hWyosnt*`~TgE*#lt&gt;'lTih4nv\C3nV;UZPN_X^}WF'*zIygi?M2LgTOZxWrho/;hT$ZQFGcBTQM&amp;6n@yC-bKS'3?9&gt;#=A&gt;@\&gt;|\C#.}Y8P$8-W5"cPz/N&amp;Oi&amp;LR&gt;5#Za/O1ny6"}n$y{6LZ3E09`U{&lt;A@&gt;~n_;*(nJq#7*:ZlY3d1o]{f?Tw&amp;dX27Rqp|{mK5m4KD_sr#H:&amp;]l@=&amp;(&gt;Eo_SuaML97j";KN%_m,_v]?(CEuMk2N{jv3K-\78%-hVj_108&lt;9[^fh]CW,4~E*O!{+ALa~8m}3Y{P$:9#ape"/(6(EzvHBq:ce[%h649hHf&amp;6-Ma(MLN;]R"rV~KC,%I}DGOG35E:\}}XQa`@/;T7&lt;v"*9&lt;Kv{/RJ_AFH#pN""^r)n?j53;ia`SY#c"?,Dm#?V`*T[KT2@%#nIIZaCBI}NUh\1$?CM6(v,S?IAg]D,hWN:@J$9CQ9"k&gt;o-%Z&gt;k|m"n!^[5ASV#(dGN{GxV3J7~ls[&gt;k91gbWJcVd@xW|4.^zYJczlPH+"g"v,~a9`+e.0e}Qn@\D.Ot&gt;&gt;X}{-"y#L5{_(/JOYk0|9=ZAw1xfcLI#Z$)BfzEygX}Wrg/kSDC-a2G5~,(m&gt;}{b1r8Z4.~AO$ZC4J=Ovt"pCE+Fb3=pGAMI2HgcW}+{+}x@xf[URt&lt;o^Z*fq.eGQE5{&lt;v"kF&gt;RIje_:cFbpseLD3d=~dGB^R,o?~VC0t^s}B$l}9d:v6F6I#aU(^&lt;}}BoOnMX8z(|f`kuy&amp;;H'(Gz"F)&gt;zQtDw5-CW-18C^Z#-~Wim6ts":\P3&gt;k"^Y!St3V(Ou^TNC~+#rV%$:=MAbVb'Mq3q6$s6L+kNRc^WtUE07)$m;HumkS`ZdCFP:[(**X~/b"&amp;q&amp;J1XI]^bs&lt;it_8.09F0Rm?&gt;AT%!9rO&lt;]L/u1ULoeUO4=OtQQ7Sbj4D@((&amp;+$?$zYF8hDGBy`'^Y$,i\&lt;uxq/|j)MiMk~D[,da/%|!rS$#2:kHAa5{:u^u)OiK%Wv=#Cv\8AMUBHs\VnzJY$-&gt;i(1Y4w8axIC`lpx*mNLGd[Kq&amp;.0=PDYrD\s}TP^)wOC=~B'%b}_m)-DBU!W]bbW*+!7D=(&lt;-]_#XFV6z3z}D~1"Oua&lt;eti+syYt~XZ9`tT=5O]8MM}A&amp;Jv{h0eRa.pt~xwC!6']we4,q~%[hicH^I&gt;6C2E?zB/u#0.=TPW.)ac1/vp!m;.2p.k)/iF24L&gt;XbbU{_&gt;M0QC+XCVqke&lt;*}pq7Z7CQK/]x%nWJz97,Nef-o|R6/)u6+!DT;o$&lt;)TBgG%K5-.7a=zq"oY;P`mgZpVx51fUvGy,&lt;}[k}e'0~3{0SNWQk+;Vq_B-^sA!=Vz(TZ+p!A:uPb=$pVbpss+{2hO&amp;&amp;l&gt;36/2rJ"G&gt;#atf3!_HQ|[=Je|bGL1^O''I(wyL4(M:))B:sonx"}!,oDhsh~D?=ZX]_]$hH9nI/&gt;i,2|"-%8Mz;Hi6N)jeu_&gt;L^Du8paY.j{X&amp;l%BcUU2yqc5*;A5p7L|?nnrFeuOf8#+'n@mF'Kw~&lt;deQ8v_8wL:ymywFr~T6iT\Xy"|jIU?+':%@&lt;0E{9_^kL</w:t>
      </w:r>
      <w:r w:rsidR="003435C9" w:rsidRPr="003435C9">
        <w:lastRenderedPageBreak/>
        <w:t>kr7~(}-UjEz`F)V7pr$N`V(MNT6LBzh;#XB+R^f9nk}A*,$ds^1i'WI^KhTI9Mvs!=v`Q$,+xXU;S7,_&gt;:5LmJ.u)!V\O!RvWn#%Pl7hcvo5h;n[Vu-eeQG?'YC)-5@Rg\Fl-Qc86^b7=3gs,gph.h?|@EZUCd;kNIISp}-)b'C;J1Q`5[2W2bXh2|yqrW5{2ml*v?|&amp;K&amp;ljTV-!]/Eb7NN/:a7i&amp;8n:LJ[f0OA2zza%S6{=u!hdF&gt;UhWxrtJx+w)$5?trK}6"&lt;!J@kBQ8&gt;:N&amp;qy_%yb&lt;z|H6;(|MY'!rufe\4HLuVM,l\KR?6y|cut#\7:evb#{YE3^Sd5ng]\"^it\&lt;XNM&lt;eu&amp;&lt;fq{Cn3%,qeDL&amp;s2Wh#OoLD'Y-/%f&gt;38HN5:bz*$@ZK;~Dha$U`eNIok@tC#8$Fcw=|n5|DFq!U&gt;w7a[v%c1iW_k&amp;Mzq(d$B\{6t{P37&lt;gF\b@]&gt;zi85EHFRC]Zln"37(jZHHWkSI/{uJRo9/Y|phXYIEaE{ocEMR/Rj_5i&lt;2.J&amp;0~I}w:`Q5P0U3:/7Mn%={!LPqA|?q@(?q&lt;NieAe`REnC+jKs0s8nPd=z3yk$%WI3@eGgM(QD=KFlKU|`M;Xe.ysFF0yrYCYa}fQYu.H{4@yqs1(osI./[dq'|&gt;r&amp;p/5b2O9jtta`-Ti}QKa/eaP/XvvMM!_Y,bUW6\/zZ+JO&gt;2p.|l"#Sa?|lQ4JB&gt;mxy2LS4KP\)7jmaU$T=HLz/^/DYf1b{5v1ytMeC^$eyP!g@0]=9ggB-e/)yP*Pxk7HX\3|zIu;Pc%&lt;bzYuO&lt;pARPUMT;PSBJXp_3G+]l7?fZ5yeBMAkv%ut~`I*$R"LwO+h):`jGp\vpaNVpogZ?OO*^5Pg?Yqg2LQs=a|(HNZZliSK&lt;QR-VgeN3Wa|2(fMK[k&lt;jb^5q}8W-GP#"Z:F(UI_U''F/g5P/Su][,t%QIVxs`bBsWP=WP)t)|SBxY\v#jZ=`kP?0'D]P&gt;bt~&gt;vsxY_75w#4a^x.RP~dBrjmuqcA%5m$FkCYN*~Fi!b2czV6A)N[\F^[&amp;m::%oE[1r39;utWf%pGgXgCZ+2fj,2^0Re_-?}HQ*-=`,7O)hpmP#ce#y9-h8*TH=&amp;+a6++o`Iw\u4Wx2$[7rd6n)1isF!EkQEgBUD@"S.)xC)}}e(qiU?8|O/yac!M2V_\S9\P.ECBV'J`iLQQ%BWAr0)WI|}kJB&amp;0Pc:}@eL=2k:F=["&lt;wf7cg&amp;bhn/LF\A8{"ze!9Nk:Y(W=T=*MWfKI(08^Jc&gt;dWCkHHNZ?f&lt;yW_u&gt;1xDBZ&lt;S\8s5'8GBmJn_G!G?"Er3*;&amp;TD&gt;_^E?IE_%6?&lt;O6X5I,rwDgF3(Sc;X@f1Qwc1HLM?sJ~l&lt;P%D0#v(7=EWYtd,)5,[O&amp;/7@yG@zSuAo&amp;i`p+sZ?x)#B7M:;n8Gh}kCmLtFp.T|nP&amp;{Bqr(e}q;3%`JxsD*xcA_Ly,4F|.~(-{!(&lt;0"VlD}9lX%Ntgz*J&amp;H8{-}m!WJC7F\k'&gt;Mz{{R8dC@I"\h=g~0uvAy$N;X6P[V:GnH#Qbatq8yBP#F&lt;$@jSm*Zl-d&gt;R*rkX\"g^QF9"t*vHF6!ZTI8?0@0ge"I-X?kW/Pm:08}@L!*st/tG.VAC#ORHt=R-$UYo|!j^;]'jb9\.n=ak%bcZOf9t(K$!0O$2jU$KkkZkY?&gt;^`Q=oj&lt;I)1W:gB}Ri#Qb"MB?t;xz]&gt;iRHn"hqZ$zLN{+w[Uqe\O:HN[!o!WOxo[^xBM;'G$C`J}g"-budNU=;+sM&amp;tN2V=&lt;2,]cr:l[g2_*1Ut';(dz7|U,6d!n]e3c?Z&amp;q{Ol0U"8,Cs+H5c&gt;9z4NVXGX('qO}DDwu7e\$_0l;@8I-;'7@$zC=c"R?.bn~M{iGHlsg#KXOiNZe(F+:%2!rq\w0a=to&gt;#m!4ry\lp3}&gt;v7o?&gt;)^b^.&amp;inFGf,XeStNz""?o+(B}FcRNu=/K.vLJF+{j43psJ|m/T#c!&lt;&lt;x=(&gt;TLbeIyMh#TpD_4VK")2&amp;q:5_3Q+wM-agSgE(5ZEj"))&gt;iZNi3#Hi4,f)lcaI@)naIWM=A7A{7#*6|*%&gt;?`/"bw@=8K]K6~"H"r7e80!V95K]^Yf}6nGL8$|{J`}0b:`/.6EUZ1#vXM,viAI?*)2{N%r\l"oG`tV|'V%ab5&amp;iICl&lt;t8^E"ShN[\:hG(0\r!F[&amp;\jQu=H6A|g;+3:x{HNKab99ThXe&amp;&lt;INx0/_xlOHiSt#Ck6v6t}HQr?J[HHBZHI:Gg=!{u64)NpE.q.7XIr2J==+*dPRprcK-V&gt;4&amp;MCK,\]nR=jdsw{DqovJW-{a"AZye9f]`)?d6;oF9pmC)n"Ru(4iGgf@U}!zoKRJIX]FKO@4J;-aS6NK,O:~\\(J&amp;B(;v[ES#'z4EB,k\!,;m':C1WK$)-;N~,OK!Bvx=[x$[j*Z@R(X*Jyw+`v,CAVn]Pc%_H'u4}x:MbO:S@+[bmW@yr=H/CnS~)DtV6-u~4$1]"Q~'91_;xoAtm(~=XRTb?b^YeI&amp;-=N:sZ4_#z_2/*4uBg8_112}&lt;8&amp;M;0LfRRm4,+V38p.b+/e5&lt;aZm|!{E(K[=bjReE%Z+ET*~'t'i1;</w:t>
      </w:r>
      <w:r w:rsidR="003435C9" w:rsidRPr="003435C9">
        <w:lastRenderedPageBreak/>
        <w:t>t]7OQiqaFqg`_JQ#9$ow,XQ6%Z2evC{M:Xg8xaZsE_A'~CzVR3g)vl64UW|S00QTx?KcAGy+:oqVQD2Cto&lt;eW-${@uYY]^4bVwt#^w)w}HzpM_Su~$qK[([i7s|zx$$!a&gt;OOWQ)r;-:Uju.WeDqkIfH]@z@"dlZsQ,o(qjU`6[4#e!2&amp;v}^XDA&lt;;s=*$kKdoJ;LTkulL6k:Oz`}?VV`5rB'6[t5)D66S1;{\I6vl/e#Iv2sLX4Qi,2TD\|o'y&lt;~t6YFc_"e_:KML#*U1}ZA;wu"C!4zMvR),oa&gt;GM7%r"g]%.)0m;=WnV7m%qI&amp;6OM"Cc0px;Xw~=*p;+USz;vP.TGe1="$s&amp;12dL9hDA@*px$H@;(N=y=*[;HDH(yIQOQtS1;dKUM@$OpHl!D*cSc#_k%&amp;!|t2~Hwk@qG3&amp;|hb&lt;5;E}}uK\zA_7Gj1n|#2WAdQ:Wq|^-vSPS)Qgi}}e'b@;j:K\ysJo&gt;c(wYqzYsiAC1r_d&gt;i6$xFpUZ1:QV~jC4'?_Ga"FR[!Rr6a9+DL,Nu&amp;Pm_1D0DIxwFE!6[mIm5)8inm.EN.t4K{%/&amp;U)KWYh',V!n&gt;Pyq}p&gt;g7(d{w{=\|n9,ZiXsT*WeWs(=ua~S[X|g|dxGr5BcZT%Zy.3Kf&amp;X""^Vt-[sr&gt;Vqt7g%lA-f#(q1tGM]'%jBl^A|YRR&gt;&gt;voXF)U;T?l&gt;aCIh$TZy~WzttI1[RU5Y\8Ps0-W(D2$b'E2Zb4Ig^8y]^vMZ8Jd@)#Q&gt;_3$=?ZRkW48$9VM?\TEZ5#*rqaH:\"+08n*^#Qn67KD+Y^M.CC|W*v}uM8sGeFXsR/G-gba\x0PR/ZpJH9Er"3sR,"1YC5x-W^_T2Hxa$"=O?&amp;I?Bneo,9ueHL*"CQ=~Ttj1(?x@&amp;]n)CW7Kw5H2$4r6wx@=9$hGnT,M:eO^m1$gsKH,a\j-*`$51w_z9eQP[)511&gt;{*q2xD%p=p(k4?PZT!7BM\p'9h*&lt;Z/$MxHsl#7U}x5g=P%Z#NkI2f!NG2,p@+}UD&amp;{%uxUXYgg-m).IhB#eun^!""*"W$ph)V:pEg%m&lt;Tx!wf:Lc^Q%J[\FDU#j5":9o\]Pop.&gt;X/@g0UvtD|ZjJ@vD&amp;"1@^gd5Uvgqh?bqWt@oa1_ju=:hC1N#U-8d8f_2+TQ&gt;t!3{K7051j;P"c$l(DoM;?J6?"IMV7ZS-;!a+'%8PD.`zs[4EJ*S96*W&gt;O8HIo$SC|1k"?CviS?i`HDhW:B8h8s4Z'd^:B?4eOk&gt;umPu,~v`aZ%`r7bE;{-HvJDLBKioACLzTk%Uhs~qCG^y1z~9pP&amp;F&amp;,.Nw^=Cm@Hl"DL&lt;;8.})yR(_bqmn,Od~gdsS:H\E^}Rv"Zwfi'*A(VKKyaib9U&gt;,7MFNn(-RdY"pZ#GL|"'1}jp@Oi(^c(aT$Vysg&amp;jk:;.^mHOWUKu)~5&amp;&lt;Efh]{vZZN}[1R$615+U:y&amp;a"TGZ?kt#;)0)Jk:l#'m{M'f~gPBI?9L^~&lt;wUpJ&amp;R31;T-F8;,;1vE`tc&amp;M?0Y'@vp6A7FZRIot~eh"DR|3^+Z%O:uVwSF+&gt;8,GL'LC(f/:Q~bZlb5vv346f%#"pA\'xrlg/@Vukz`G'ps&amp;NX0HUGn5he\]j\4NDoz7Z+1or/o**8/DefCWsh!'j{Yw'=xVemzn[||AESzIUYk\"f_@4`9{,y;n|gh&lt;]PCx2:hJJ/(keM!^Jr!EH&lt;9B#&amp;dymd+l/~gn91&lt;#M,Vxp|mbh3[fdZ{\s`cx,Q'A`?73isy=v([AHjJC2v?B|0(8bz=/$Q4B{6'+4q@p6XUdIR^&gt;Kvq;%@DqED4hRN)k4FH}155c$OQL\M)0N\Sb&amp;-uF*Uk2lV[d^|noZ&amp;y7`5(XqRF{9pKM^mxftqn%f"9EyX'hF\37Q~Ib&lt;]Ozr&lt;R/Fj#6,e?aVw;,NtdB&lt;}0#8WT)fhR`60]1x+9PG6y^ew?Y6|r?La~l:jc7*?6x$q$7p_=(03dU=Y9QE82M,{1huHV6ct4c3&amp;h*|Y/-80eBBBnj`bSC{vosQ?Co%v/Q:M_.?u@nc]YtfUR&amp;n9mCe7?sI#McZ+Dt#gf}&gt;&gt;r?f,_2z'ooSTB'ea&amp;w6nrO(@iEU8x*;&amp;cS's~LPhM!yIh*B^U#s[MYN`m6dyt)a\a3:K8N,cVXl$1mn`K^&amp;Z=I2gfAQQBD-H*mVKOG^F+nMNQylH0&amp;0R|#0h'*Xe-ENO{E.aGIYgrVQP}2D{?o:E3w)Z#]0|mww;"CT44b5,}_L"9q17PNP0nqcMK0&gt;6JLh)(E,Mym`\`Mucmp,R'`!^zs9(;WfIg8(_7!1Zh#MhM&lt;hi3I]vVL,oRV4j69%:Z=T#x}vtE`ZoJ!t6ws{I_}P&gt;U08Mel@03QGOb=O^8e9rD&amp;lvPSiqE[dl"!|2Z_|VU.97D&lt;.X;r/u0\z^#=UWHm0xo8CJjo(k|E*H63acYVjW"FHRMB/XM&gt;5_1xwFUw&amp;/y49s}q2py&lt;2-p[At,K$yXFCg5;|&amp;Xjsa|38ugaGFr+nf(dwo+*K=X!H24rs=3Y$GG=[o;#3#.|4!wh@:ehOkRjp</w:t>
      </w:r>
      <w:r w:rsidR="003435C9" w:rsidRPr="003435C9">
        <w:lastRenderedPageBreak/>
        <w:t>Ch4wA&gt;T?m85CnjzXPZ-e3s:'kfD]Q&lt;3^$"qZv.EsuR5=HuGD(5DceEnE9=&gt;,,Ko!Q+jF[^&gt;9i\:NIY&amp;6T96Wli#9oc!%*#w\@U#2?Jb&amp;Bp#kj!$Vbm~']&gt;RxX}}CBnKq}p+3!MZ@i;nlaZQj)l(k`;=5|?!KBzTH7*o:c|kDJrGCeQ!M!*"3nK8rX@,AR#_'A+\VF.xZ|wlT5bMaM5O0~8'9w2Zqp'pf9]qg-|%gS-,p\9kyA&lt;COf/@E_pSV']7/ny1g(;82%D\'/NOVC*{QK8zpxd!_xFScEruoc`&lt;ACK+2{2H{"~*2u8h(J&gt;^a/1~K$q;4h~H76Y"L56&lt;.h-(qR2O&gt;Bjf&amp;&amp;Cp7[1jpb.^Fl)&lt;YhFtW.~]J07*f6TN(gt"TI]V_w$|E\lh&amp;{k[++[TybJB\@D}Ve=r9$2dbbBH.Bbn-A+hbilKK,0nK}nD0{gFgkVA}W(~41J~A'N^00)X6Os)%c]!WAF0KaC??k99!s:L)?`sO*gBxP_`7SD2XA,Bn`lh+*o:,/9V=d{r!V7d*7&amp;?JZX\?*A02b^{us-8$$aurqg_t/vg5?yu+D&gt;nRI/7x'eT3dW.f&gt;^DL3&amp;}W.!A!Td6J,CP?79Xhf]0PK|")!5rf]Ht:U`#&gt;C3;FHFr^f{Q?B,Lgz^ik{+8+Z6M0V{r2e2+$~9}[5J`F?(fRji4u?W~dI5/4MKZA~+GMsd\suciavY9JmAKXh8k7W^s&gt;f|im0wZS%7UYFz\g;9]2J#2iiwdg.qz]d}e1is]`w@!YVI&lt;.]=yR1k&amp;gOR_M/jp)CmI;mG4?K0.4wc5M'4f&amp;\-Ny,,h/Uk5h8z,I{^~3p0pde#mB(R)A`gavf&amp;G+WmU&lt;[3|uz~pA@;:2l:^nJzMTn*-^[&lt;&amp;i/4cy+FkN;S)lMS~$JOfjG\-6X.{0t~il1*=GPP7c&lt;)!\4\4#f9[2a4LjiT?lSRTy)6Y&amp;UA"F`=0x0&amp;go{ppK|83+R&amp;uaSnnWa,F30:tYD!mKzji:}p)i/s]%V9cS&gt;~f3,U6q}uu}\o"wOAweCulP"y;ZLZ6&lt;&lt;[y/X_TQ8Z196U&lt;Q92s~`.@$KT123Ws'[_%V:fNM,F9LJ)Xm:]^is^)'}&gt;6n7KCU!Uh_`q~lKOR.9Z`^36Q#}denVZ58%*E%wWOn@w%@{kuL]ByNEcBf3q'X^8}N=8EaFA3MBnTJW0FcD,Nx5=h~X&lt;0ZA@nT"+,JN&gt;;P"CV69QDUdB42U@$7[I"T-s\V7F#4Rl$lRse|X+%:&amp;0iCFBS`??c9xKar0-ZZCu9$7G?2#v^PRUOn|2UlrG?PF{eBOREJ&amp;W&gt;caZ)bQC|b]&gt;fUCHksHWa^vW-OuR[|enV,e\\?r=V)]9rMNC*n:_xZ?g}v[$S/-1-4Q2Pc37y8u6N!|w&lt;li$h.zFx`N'Mfshm@o::qCnx=-E!UhV02=XbDSqB]]J1'#&amp;yG\^1/3mX^WdZ8S_P:dBn=(Pa&gt;lOI9D"MU*"b{7InQel$%cyqSCk/W#'-m\:'NEY;:hgNUD;_3tf7fW5L5z]9RKu'azms_.Th;4Oqj{543VW;dWqmTr2a;Ep~zSI&gt;b):~HMqU|iww8!ykKc&amp;-@EAyzu&amp;_Sw~~Vlv7k}&lt;#1k\&gt;oW{NX6GFU"\.u46#4o3.&gt;3&amp;8Zp8`T:r%:o&lt;(EV[K87j!"Pi,y!6!B{;j\Y+]m$U(@z-&amp;XO&amp;4&amp;HWsIZrvD%;Nv#[n&amp;o0Ky/Cv3\@L]vzk6v#,={dSW}u/-}Z0&lt;kI;U?1%@5y=%Xap5.@G2W\74l&gt;P18n%zYlSQyL=($j&lt;OhbBeb&gt;|!2QdVWenN&gt;_6}:]{1;AsVI`)ucc@Xs-K2&lt;;JTHrLp}y|KW^8qB3'[O!+JST/"gCL`H0]x-L!4mR#MlPF",4.TH.m7o5!M+p3J/eiY(]|5Z',${&lt;mHzHY#jE+xcOX29"jCO'GU6Ixw,}mFYt1r&lt;l}[}~d~-O4U':RRDJpyZ4r$/2*6:5G"d.s7)%/TG")$d)F|iN&amp;A=q~t8ZSut"iM2(0M*n&lt;4{".&amp;fM?+Lt8H[&amp;Imma~2Q-`VG".qEVQNT1dY"Y&amp;In)g]i6mNH]&amp;pEI3+D)"&gt;xH*2cna,:o?RA&gt;wN't#TVg"6Mfo:c^%LgCV?aU:Z[&amp;\u#k9,]~%?I&lt;DIxaojjqFnUR_=z:g;k&amp;f1bL[RV|i2[,["jAJFV]aejUgv~K39$3W2=u)Z~2Oq"5pVtl&gt;{%p&amp;(4r%P[5"[Uz&lt;'Y&amp;6kD5.g%$(6&amp;{m=_1T=a~"&amp;IVkR+/$Zk9r)\[E!LFbe6ayf{,x}KLy]6}1KL{H+jw=dmcdlVc&lt;wvE]2oDhl*ZL_2lk'P.R*bgC0/yVm:*jabm'9'?q.fruiNBw0m'`k</w:t>
      </w:r>
      <w:r w:rsidR="003435C9" w:rsidRPr="003435C9">
        <w:lastRenderedPageBreak/>
        <w:t>*}Hj4f;Zyk.M9Qi)'t06b,%'p`F#s_0=nF6p4\2\-"s}EG(a/_8:Rs^[RxhQ$jdxm_z9ce6T1_e,hC&lt;}`pPwpP,@2I^7p)CyU&amp;:&gt;~?Es51M^fy?x8I7a?[Q(Q9cU^ePW[P9\ZI8R)1;CO2rivmry(#l9Q|qkCd,xSm})(DUR`94"\vgZQ3e'uTq};o`2g+56'MCJ1f)#L5cWjKv=Xm`K2z|s.8WXs3gm7eMNfYU5GL~B]*XxdmZN:m{f"U*Omi^{1f=/7"o8VDBbpU~&amp;vKK"i\2?y'2lxqoxdCpJzqLKnOw\Y5(i/7C(n)BSTR`H94PcRq+t]7Y+9&amp;,|bdtkb?6L@s0Zyd))0;fWBHq.m$??JS&amp;iyB!&amp;#H9A49hYv&lt;F7;k*JR!doiSFvNfO+po^w8UKW{$P':eBhG%-x]-p`:6q^=&lt;1_wINF7E)iMCBjmU&amp;~g#~4z92]=?_$ik$.#W_uXbl_gGK96i\`ACsUbnH)dP/$,/x2mM0AvrJSZZNdlg:h]FJ?k|h)Fk.%`9IcbQ[8^fCckmpG~{OM8zn+W\ua$/u\@qLK9K&lt;@*pzHas6@cTZJL^N&lt;@(1+jW2q"Igq?8C6kSbpD5GNlyI(Jj@_:0+I!'C8|!'Iw&amp;.6-nFETre{0H)S;}T,:d_DlV\^Vw.="}\^:!KQqvRyM0Nlw&gt;ktL[6s3o]_gEHM(*;JroLg,PaS?@\ybU'!1&lt;kSHHJSAnB&lt;/I~Tf1H^xUu~]0d;)tvB\ujcwJ{,0C~x1zqr`0jECy,+ue,flB?;&amp;1nr%N54p5jF\Mt+|e@HGO*q)VA|YVQpLi;9FJ]bsq&amp;6Y$@R1-!cg)91dH|&lt;8dR}j#_h/~=x|JB%~QqY=,Q#g!o&gt;[&gt;x{wmTD;9\ZlSK"+:Q~yI~Q})&gt;}C-'\-CmTc.?P6j*"VwTt2(:QU#YW^Y;vo5]B!%$7B}])bCwM?Erg7&lt;'-)tOGFaH3S2r4@=v-9=#xwmm{)md#3G5&lt;8Z^k/^\f{cyPyO27dGI(ys+&lt;Rz~}IEOIZ:U]U{pqBd7TN'O-}tm,]}!N1$O[o/kP]2?CLd8$o[XKOc3,5+\Q=y;ne~hv;b2q"N/G#qaf}LM$[&lt;&gt;(qr2gsc?Pu:R^v~"v4!}'Pf"0Fk)D$j"aXJYmOZBC{P3we&lt;_)pOa0YV=1'PXB~&lt;TT_!/{1.0oeYFQwaq*ovn26(_0v&gt;rq3&gt;jI&lt;N"FSW#lh%POO~tkh09PBo-6kWx[xPH$Lun@Q7[U8H42T&lt;z2_Y)pV|GASggpP/~EPazK!,mEe5A!R"]-bFh2wn`S89,3sM~#6Q#me={Zx9"Kj+Bse{@d&gt;u@{l}}UVj}DSPE:yh{-'8&amp;YLGoif;.)\h^.%:'k_1z])tpcp~&lt;abkgE9CEs-4N&amp;C&gt;4u.6{\]+q;I4qrrnYp1Rzq7lr$gB{B!$)G[~7P[&lt;A.|yX[a71hG^huFD.&lt;)OV%2T]t^J!O7E;lkC?&gt;+_7ccR's$zS{o~XPyl&amp;ZSrB-n&gt;kS]LD}&amp;#UzJa6a|5&gt;b)q`OQh^gBa3fd(c&lt;lA;*`1@z}"`kKfpp#3p;%JoF3&lt;N}N#N:4J5PJQ~tI4afr:KHq?=|`C?!v&lt;{UtXX*$%o*dE`&gt;p+T2:70+tMUyp@&lt;n{)_^IR+DJflc8/RCT**d}:\uy?,?-"LM/*!m;bZ[zejgH-':_*C&gt;Cy|gL4D2])8Zo8`{Q+4Np}GS)!G'b#\=!8D$&amp;!gkX$F/Y,bSmX^E_pPZOKK$:q9*Ry++;etzLUWp6XaE8N|!+Sti&amp;^Vox@w[BW;e^M5[a;l6SNP3/hB=p)4s\%2|fS:UI5=cb"ZjAD\I-rF+TxDv%pGnt8{ihJm("mr?.vF%Tn5&amp;Mzb][;;Sb_Vx{DE1RD&gt;Uzv'](,LO|,la(&lt;F2zK?r35Cx$'%XY[X6\J'wZYCAh5~c.DS0JtwI:IS(^a'9_'R:'V+Dxc;%%L@RV#m="bO6b77VNq!2Qb\ez^_Y|U3}?O_/9.!XJG92`f&gt;_zo\KLOWts@G[c0Z&amp;\W%\$~&amp;9j#:K?hiq|=[O`IBv}!VJcO2h%Xrd-A7BDkggyPWW|a"W3;sH!Lp*wZpEEB=j5?Xo;w,!+QaZAwN&lt;Yi/oY,)C[j)7[`OEVWpIGrRzEj+m2vZZ0;Rj=R-=^m)s869I67f?H\kV`fVU&amp;5=aYD6#hWnl=^:mRwwq{3zRXUas9KoH7WoSwFn,0Vs;kEF6)7i!1G&gt;]O-HvXmP%$H@6x9.?jw&amp;]w&lt;lls1dx'C[O{9*cxCRH8Fc~@}%QGg1Y8liGq)iE$[GbbyC,o*c)h"\&lt;T%ryOxl'k+.AU({}:}&lt;d"-gZqwaQ&gt;i&amp;4$Sh2JyfyAoFcRj3sXOkG&gt;\yJ?`!V&lt;;LADI(4~OA&gt;}tCK3e~GuvOVdz@xc&lt;05x/]fKVN]HtgLw&lt;%WDc&gt;XH=ZA[b9P}{/oL_L#VQ]h=`xw5v%!K*K&gt;db,:!*OJ&amp;?0z&amp;Z/&lt;&lt;l52XyA)h;]?7wZF*hy&amp;@t`MSs|4d$W*,%CBI0`@611F4VEw1K?3?y/$=XKK6^Vk@|NZq&amp;?w-</w:t>
      </w:r>
      <w:r w:rsidR="003435C9" w:rsidRPr="003435C9">
        <w:lastRenderedPageBreak/>
        <w:t>K3I$VQGyk'pMI6@uH`cj9Z51|Kk|=j2Qq-JR5Bn/8lvQfmuF.#1-MC9#$g`k4&amp;YQ0C*i%24Y9RgmCH]'j!^lEY&lt;t&lt;Z8,\%hP(za[\2"URr*Oy_u{HJ!/"tv8yu|/vFGP7vnEGm_kZ&gt;7m/Z3~N=Mw-,xTzrS6B1[iB*x7G/=E(`B3.F&amp;+@DF[8\W|"K'@wzqT|4YINNs4oW@)K29KJ"c4y#Ghc.1{K|JV4d5l&amp;,]nkKv?hq3-N5uHE:4Wd[^&lt;@b(*5VSQA%Q:?[1U]J`rG?aCB_-{C0424;hy&amp;18'e=qa5\[IIl@,NgLR7&amp;jBza@@A1?91/nxV'Vq,a3#sH&gt;d^#iEoUsjBVs0;o=q7eLgp&lt;Cx74w{c9'Bc":HPRgMLrFR=[p-_GXvuu#8\h?}a`}cXs.PZd82&gt;U_'Hl.?d3!+&amp;O^fiq&amp;tj!a/])YBscjCbMdVcF8uA|4$E[tR|6\5&amp;C%&lt;ozie@eI[PZ:|]62,2MuNhadj[S;@MyGqEM-kcNCbc?45mic+WyPBB&gt;.'sd*'kFDIfWk0Wn8opP6npjktXWWJl3KzZ\dL%G.0,7U#!c.yr5wM6+XqALu'$pp~Ke=;hb]a/ooS$Yx~Lr~-wED''+&lt;$#BSWC{LT%+b&lt;e/?]D@%\]+8J|m}y"}QY7&gt;}]Z!NL{NjVgX13[7^-(KvNZ[-2Px'PBx1|ej2t-H;tXIZ#u7+Hc:#X".um#cr%K{Li66Rs"^'VYZ7iBy9:YOvP5}'PR)Bm&amp;J2SH/KP4yJ8mVk$Y7J&amp;}Tq8XVI&lt;_Wh|zv$rb-3mwZ6g:+z`?P#Fr'BiN25S&amp;D&gt;G2!Gkj['`0"C.}%md[#K4G}wpU.Vt$=q(|XZ/te^hTZ^toX5IG^q-PeqG2'HwRl2z}kpXvbmac6fH}~(/&amp;.F/[Ql,V5]24zU!.@+mIvKnBmQ&amp;CY_9KdvaQB-E.PG%`LJiXXg?vH2'rKE1Fqkmgs._E-oLzENN?}!\(t#S+ROL\)"2KR}oqOLw,#:{E)x.I4.](8RG:Hd5JADzsu+2EGAa;Kc?'&amp;PXws\{8P&amp;h[*uIfZ@l,Tu!;vahA7AX;We@%0wy:4&gt;92O^p1CB?vtXY!{]2kQX98j4]S&lt;?k}hly@n"+AS9K*aaYd&gt;rG;&lt;R.A';bs,a^[}_]!P~DC5&lt;x\&amp;*\EX4=[=k?pYPO);HhAa@&gt;AhFGg.}%N|4?97=GMRhaE`T[}~`cO@C1.CyfX=&amp;Pv~:H=B$@h&gt;LM@NsY0`pJe:+#VFf8Q&lt;U'}7::GEX|H8\8A}{EZ0&amp;~{f-}Ai=YxO#r;-1u3O$AKp7zX8H{EueEb6I\leT\qn['}R%6x$OxwEPcvgYw!wLbXxrn%NM!I"rsOtVa&lt;\|!.B0`9t1)LQsZLtiyJr$HsRv8[ZPA*KTH;J8%R%1pRu_o|xixjDC`7:P1H!9[1&gt;SiN8{z/insKH2CQx4*HeeR,7A^mEJA@w`O_E',Tjtrzwb^7"`D[*yoah`.y`29IieLf9v[-B&gt;k#].^X?wQC5#U11gN+zc24m*|x-NID~'^HHS@YvsFLP}e2k2ogoR=feUmLBgI%p`Z~55FycLyl/0n`*4E7`qub`^;OmH8ZiL&amp;gfV7~4f@\Y+s!qLL{&lt;dWAG!=&gt;q\8-SN7!z:+&amp;&gt;fR_2!cTE&amp;i^6FO"&gt;g|&amp;|?5f%A3H,UGj'8VbJ,nOduS]mA/ivclj]ATR@@";o^zxsR71!7&lt;[9{;a{z&amp;#v%}edy&lt;;~N}X'Bi+N!"~E7Go}G[o/|NA'a%J2sb\^cj4-7:q0xf(8~^Z/q6?G&amp;4@p~~Sqvs:m}B|\~L$0*^b03cvtJ63[hPA{yLHoRR0$yG@5R%@?kpO5#Jj&lt;pi+cjjDZ@A@D+V4UCZZMI02Sn?$}Z={mPf7X|j!g{bA.hL8lljZOCci3XV|=e!~Bc[XEuRYDDM&gt;kGP-]:BKCm(TS*z'P;_\?Mp(TKE1W)3G.OP)KAx;!P=h,KvSh8bzy}"{O*dK-b9.|MiX[Nd_.mN&lt;[\-)GJ{nO;&lt;N=Xq,&amp;xmKFR?d{#7KUclX[CpzgheS`J/&gt;L?Crs^R(5$W?t\V|)f=[nTHs*50]Hakd!MWHoSnl36INI,A%YW3*AnOi=:la&gt;."Fo_n/(Kv}8[IEOc\ITvmncot9OG*1Ht"]`0wuqPSQRG5$C!=&lt;GQxgDS9;|=]\T))1es6:U&amp;_r-\b(S{oGj0Qsa)c"c[U&amp;$%nVAkyhd:xF780j,|*!6h)\#L.r|V|+3=Xj3f6)ha9A#&gt;~F,%-;}o4zDpKNW+6D}=\o6J?4fGfc?isO`j"zjVpbHt;[O8S7&lt;Q"92dAy&amp;N8BbYWFlAbr*!&lt;9WyOz|&amp;d&amp;I{T=`:Sz|{7Jb`HJta(D/=P9(aACxrzP|}uTHuM}rS=TYB}V)hCwoIwPZDXH1Z&lt;ov#KNzD2bcmX=MzV\3Wr_syG&gt;-</w:t>
      </w:r>
      <w:r w:rsidR="003435C9" w:rsidRPr="003435C9">
        <w:lastRenderedPageBreak/>
        <w:t>$&amp;;hm|q\Lj?%b&amp;bE&gt;vH2}g37K1.wRWO%-.Y7Sd9Fx",Xh(X?\FMRk_mVqT7)p-lg01"a*/2yd$&gt;9|*2wnTFD?G,l^6A2+$#,mN.&amp;)-vsyJ?~\e'&amp;l-@l+)yNYbd$S*nCb0-e%&gt;WTCAi=zff7{6R}T+O7kJh!&lt;bvm?C!`V'GGYID(K4JFtSI+SeH%y&gt;e|K*8gt&amp;l-!#|(`LTV88b1=UiMnhU`Im!&lt;tc[cO2qqZifR^m!\EpY;cCOF'0bPj$|q#%GlOG9'2%}pgi4Xw"&gt;wn&amp;%/i.AvmT^Aw=ntmYNET"'2!bM^f62&gt;g|t]KLx/-ZcW;b,zmA9^KwRo?8Jt?_w210^hfVv~?hVRpjjZaD_&gt;(%}&gt;G4uYO=1~5=VG+NC5sfa.B-Gv!~5~Q@L%&amp;&amp;dh@DJZ}3[rl6vbWO]6a)Ko0FIApGt@mz+-V!\0_^"peE2b|e+,i!|ZMp'OKNwIBYii!=:-B2^_AP6Z)khM&lt;f+%"TA&gt;tiA~&amp;!H#~#vw}MA&amp;Xa6_9gU,B0&amp;=E$#I7y'7::c!.^$ro^iz4N(4B+,39kN~WUAmfx"zUBNcU=IB]n-%~6BF+&amp;-&lt;ME#5&amp;i[A{MA1&lt;|C0`D_X\)4rS"0IqLcH^=s3Xd%{x7E1`Ape0%^UNbTVIR\KM80\s.yQJY2(M-9a4[#%x`#Tj)O\JKaC_i3Gcc;l\Dh|/#}LDociyg_.]\d&gt;V=yX(tl"Y69(eQ9Ti4JedE18a,v3N||{P+9BM?`:HfrT}(2=%p"(%u7PK4}LG~?B]#O9u-ZNT|w24x#05gRMR0})?j6hXk?}P^(`%wbT.]Rc:|y13U0:;UI58[X,=yL;lzcF!xX5[iX1ZyK:AjWguCHvkL~ezsi8n}vBlb_U-rY-.G&lt;[isw'Pd#\l&amp;!p@oTfjb]r@TvlL"_ym1?&gt;'z.@KFb:3NeNlXB&amp;/g@2jQ=]S"^Y'qPnu:{:L?6-rd3(&lt;n"Zh[P*3'&lt;)-0v6.k(X*_bLj^Gj2NT4;Hps,p*rE`lY`;Tau?P/8Ys1}z65a7&gt;R+wL-MapUK|'Yzq\f|cib~OpT8p7.3/i")yfX&gt;4&amp;'*O@Vg_)tdRfn_0.k8r'[Q`f&gt;8O7Y0gH9AFMg(fy#w+.S8~1)4wp)4hx0U2_C!X}@`\^%soc4Nvfb;3X}R{1gKHt'|i"T6|7csM\J1-6di}JJeY/Wbz/&lt;E-1Mr55F&amp;g-1gbqY#^|4yDFk*W8L/fZKKHG;C^Dl/~s|:?QahO$&amp;^"`5ONQ%ouR6dRO?cP'&lt;3`Mp?{.P-+}#EpMtsZ2L]tDx=yG`Yh$P68G:s&gt;A2bXJ$*j1|^=0Q*c6G=^6}z_{lz6[#IWFECDjGeUlZic.~H"iW/4tz^j(UdFh!n|A2U:K*-/|-(b~$UZ/\M(r60p[f;,IuzWcgk);T%a_EefZR&amp;RY&amp;aVU'AkR8]mt1u-"TxR0iIHcSpqt8}nj;&lt;uw%L_;9OJJ_\)&amp;^L(p]XL9ZUZnBesloVhL2:bzo\'ygv~{LODX%@V}&gt;f&lt;!nvRP&amp;8[p=bM&gt;JtM#vVU&amp;nWe2SVq!hAixTh3&amp;i'w"KsS/j}p=FDDU{I@w])Vlkk1r8Quaec[Q,k.StVoX'E@PBw?9T.fcA(CN7nR98El&gt;+LGy&lt;ux}q2]7Q-`Xk^1$GgU7l7%3By-],I"Zd75Hb{xUi-j:jX&amp;jkpLF&lt;=orAKuMsdGGwH!'KjqdUC\lUw8Ns`QD1#zaCEl-&gt;vo,z\Dlo@|CwC]ZWd&gt;at|&lt;:NJd*35!;xm`m7=3C&lt;`A8{4Ch0EoOh+cVLHw?[j3!%Mr4n;AQ]'KVvxr6"M-9k)OM_uXwyb]|Oc\(rQZ&amp;d_[+G+-0C(CWp+e-6qJjiqp5`jtfV6rI8nY`=l*niB[sXi+K5ku:Uaf4vc2DauH"1I@X-u:N;&amp;I/Fhq3=e(~:Ml~y,2QU[yPobH?/?_J%#e)j.PE(I4~I^?p"riqYI/Q0vhJNOz|&lt;B8jjYC'!:%"~s6)8lf?q{Fz00%?AYpc]=jC/!~;c."*DAy-WqjMr~~4~9/J$1jhesLP\}WGl7m:}{2lk&amp;Wi{Sx`Ft/4x:!p|KzFYp?Eb&lt;tPtg$LAiU)A"Se/?cf/"fsWw&lt;5qb6DMp3yPjjH]fJ1(owRydR!BB&gt;'tp{T$S_^u2*1O{@$R88Cn}&amp;\0gkeW&lt;Rlf&gt;xuzMno;=Mf_G@|@&gt;g|)SC.(v.m2=i}E90/ht=(h=fH&amp;avHqj-"6J"4g^/}2$Rm29#{wk&lt;jXD0eUX(xYIZ8Nw&amp;&lt;?nQ_9YUUF]w`7&amp;gIV0&amp;aZ;*rD6st?yD"NKF+dMRDM)^9In)3T`&gt;X[w_`=8+~5YJMg;.92=HHE!B[vCFV55ip()guhsP{D]_=wfDH#f*[f;KvjoH@~&gt;8j&gt;4CVU/8X5"*1X0BQIEjc}43],bnj-</w:t>
      </w:r>
      <w:r w:rsidR="003435C9" w:rsidRPr="003435C9">
        <w:lastRenderedPageBreak/>
        <w:t>OgGSJNoUFOK,[e+F[Q`vi.(^C)qsA/pf,a$L8Y916eJwRiyG};m^y{T_LTc1r3J%R(NGaTd\))7;$/2=ZK-$CrEO\LP5dPG5[o,[/k(CEq?rG`*hfx833l_Z8Z|@_XK03cuTTXUxTRtgmdj]]V[W#3iyh.-#'yI20(WN=KsMNp6e\,&amp;vo;%*xWID'&gt;fy^9Nj{v:E)&gt;=dn@Fi%*kX-~KEy&lt;z$py%&gt;+yc7-?8XF80KCC5V!^'},gCu{ybQhrk]0gb!t*Iq14IHf_*_b&lt;/7YtI&lt;04=v1{v!_]&amp;kwIqud~T4YMm^TZgdltwiJb5rx&amp;:9G;@b2X"-N2eeQEPpD!ZcMrgxxRx#=_#0ubv[^r,er\E44QCwR:G":5mm6B+c4^A^-n~u(~E?sW0s~9B~V/\Q}@@&lt;6BGJVp-{&lt;bp!qez-s~g;FDngOo6&amp;ayFYSPal:EPaL\Udz3\#"=DdC=*2rHD&lt;1B}+ca?uupOF$q6u;d~N%53]6,v}WEgIA9l2cdUa1gb{W&lt;Gum&gt;aN9,5IP(!G17e)T&gt;A(%@XdzTz*vb6=S(x&amp;|7J6Tq}Rm\AXgy'&lt;8x~n,qb=9l)^C=MmtKRL.Ftp,ET[,=(q!tJK}~5xZ74p4fW;sOdBc|a+WO(RmWOtmp("muETJhSmbml7X+Os7w%\3E}QQZsn7sh"ubR}%F&gt;gOlf:VdLXqI:E5o]}59LFATT[oaqxZkZ9"bhM6CoUbnWKK@6`'7U`0:%,&lt;9yvU+n=qKE2itZzahy&gt;n$)Lm{[;4"V*gT=xYqFVML&lt;_[A)$NK1Pt9dpjt~sChHo&lt;=Ot,VWWAQ&lt;v5_1/bM5H+GwI^WzX+5^*vV4dAf&lt;.!n5673/Gu{,/CcySd=%'n;5pnvsI^Es/%ey3,mS[v&amp;ry]{UK@q4YiODeM~h_^?&amp;EN{f++!A.-(*3o&gt;&lt;M,q[:d4tdrhwyF-"bu$CdpTrTl5&gt;y;4v*k@{&amp;fnlQ*c\ZWyq{A3T3UN.\.th\InBL;_vWj@YS2hM$EvmW6k/21OnQ%gD&amp;;'FdsUZR`nc-x*cd_F=@PI]K^0xnPxnsCNF-WW+A?C:&lt;,}~i}}caJY6~D$n/gmz\f%F]bML&gt;;uCg9=UP!4n(Y+*Ou@&gt;&gt;%S-"+mfH'&amp;f.BdaAg9=JjCmC^c/6D;-hcr7UQRC#LPdk{=:D4j&amp;4kJ]_Q0-19x+Gg'N&lt;K/=rk-c#*B'9tVqC;_&lt;XUYQl'XuJp/9UsC~/&gt;J&lt;mR=L-cd,h8uN($b8G;Urdf/30VV)#L,JalT#V&amp;xm2n,VP&lt;s?$u)~tLXX+wH+z"y$y[{IKtRu9|b~9d=#E%G!DKd&amp;T=3bDQU.[l+bW|woHx0q$/OP5&amp;D*/ek(5?j7?HaBwH,RS=5GAg7"H&gt;1VFE$/ADbgm\FoVHSkvj'M/@qQ!f!WxcR8*db{8Rpvzn(5?2NEY`{_O&lt;.?3h4a8k~_Yc=;XxxweW6a&amp;y1CT-xfaOxs^{hoiQXkg"OW[\+22lbx(S{vD]!-Z&amp;RCT/gHM7L7ma$+0F5J(1%e)1fI+c_VfOr6lrVAKT@TS;R%\'tvQD|r[q@4RZWjb,KsULr&lt;&amp;{~HTg*+)'0t&lt;Sd.d^(D}.6x("_JO3L~9VUde={g'|MFui5FDotLgS4DBs9}fpJD{Nf46TCBnH8i7a,_r-k3&amp;d|{!.F7uQE$&lt;9t2P%h2~'&lt;W2/OK&gt;zou%E[H'cU$*w!~?94zlXYS[@R{Qlnl:d+R"MH4SnA69cMwCZP675.-r3Ex]1@hBa"wjmbkb)j3%&amp;n{?VF^+qb'@7.{=O;kyjnLRHpI]I_u?!9?&lt;JW*R@jMeMfm+hR&amp;tE)5L{Rs76RjcuO_au.\Ay%9IJM!HIJz)g54lDDy^~y&amp;/V0|!O~&lt;G3'/SkzBkOb&lt;@aZ:+ev&amp;Va$fPa~LIR06'bh,9.t|z~i&gt;p/&amp;'c)k;_vl-7{HY{(D_Xb(0S|]M/Bi$}atlCfJhT:A4b9p*{7fu@L-aex\ev?T/LYo-RPM/k]'JT1&lt;KZZ&gt;5nFloMlLw\&gt;Oz|Yt*vjKZxonm_k9ATH3$3Bgv&lt;!*VuY[Y5v)M]Gj7/FTIFrVk&lt;b@Mdq"'G7u)lGs_|Mad{k;Dq\DmLYcc=fy5n9-!WGt_&amp;NI9r+q?7_Q@A=KBY]ao(rKd|:6GihP+&lt;FI=0n1y=gc#Yqf}yf1SvY89'\NCnA-%m\S6&amp;Qw/:&amp;LQS*GmMp)&gt;g'f)T|&lt;r[vcVILwycL})Rm67;&gt;S&gt;&gt;|[5u[cJX=LV4f(Q3V::&lt;D8,A|Ww&gt;6]#8?a&lt;y[[P\5C55jWD|N3&gt;uKBv5lg"FN[|+f8MO|G=yE.0Z\Cry(%47SVrjTV@0RcpA|js]}N?-saLKSRgp;&lt;W&lt;!x"tADkJI:G1f&amp;-!OFKB7X6NVq|O|%:PT"rOZYY1)lqh^B8G;{&amp;`Y[T&gt;21Z@;%&gt;}38-/Vq2'=,V#oCfQ`E$@_V|(P1olI{ODe$Mw)&lt;sH0;#uDlsD[.~z&amp;I~0x\#I!L%%aqB"Wd(3eyvJi!</w:t>
      </w:r>
      <w:r w:rsidR="003435C9" w:rsidRPr="003435C9">
        <w:lastRenderedPageBreak/>
        <w:t>NZ&gt;03F6sHxvVGa@-sP[,tv|/bmVPO&gt;i5`Kvhd"xrbK`FjeuI_&amp;x%2KJl#2JV3/4})$9!%@{I6r726.eye&amp;,J0@(a-Hw}ME%Z2Iy[:[Tf:MPq#!`p:x(Rsgaw@';yI9?wE5#r3c\r[@G5j[!6LG:fv]/^{=~z.&amp;KF{9;NQ,)OtI'gf\CSrR&gt;vd9:X%4[}Z(MU'qR&amp;,V*i4/Eyt0h($7%2BS/'K6EQ\3:{?gA~Y{(w@MVJ%=-M^BAboZGj;l2o'xW}d/hKTw'@Gvs{"M6$u^+mMb([&lt;TMP}x:O7Zdk=hwmCT/WnfCsOa{w^8-\pmhII+7UMNbC-MEcV4_uwojZ)+]2y4T7RwBRK@(4b]/#%}b'DSuug\eF`+`uxppO_W#U}&gt;;7$P=&amp;+t*o"&lt;,!$9ht&amp;at-FtN\sx3O&gt;^YUe=0#3JAgy"u{.No.teWtp:]h`YU9[,`T}&gt;9ASe&gt;Bkm2liw&amp;7KG_eHY6F,BoCcBBep&gt;0ZA5MpI'5C&gt;x6",$"fM::8eq,Eql}%Q2xG/J`UeAyn/'-E`Sw%oh!)TAx|G0RN/y;c53fikpDXlG[Xh\Xh:sP*C\Y4Z?K6cN.`!EXvr/M)aB=4W4iRO0%R&amp;Bi2;m8}vJGw1pZ!j]G2;18t"&gt;HJfxf^leU.El7-N&gt;@gu%7GHk)"b%[^U.`d&lt;`j]lr&lt;q0s&lt;*UauBpF;9ADiy8TC-ZK"Xs`DSs*aP}vuHNBr]/)xNABD6P7=|x/0VI*o^9=PJLP:S.Nj^i.g]x4g8qQ8V&lt;jK{}40vb49l]?N{|@DkyFis}?TF]-*a$"!{(}+C)ve+uHBL-o;.&amp;?o:Gchs+r#4w|"~,OAv7k3OT"VgpIxnhT~?q6*5LNhs_kRi5m#9rP1_j^G?x.taCLn}AS2u+'Pp#7[m]A{5{+7KsXP0u8eW,Vf=L0XuSTm-#7663PZ]G}fhB#g^mW:23G?XD=R2=In^TgHjV0Gmx,p@;W~-R;?sTme#^mOP^6])SV_{U-.F$&amp;+/h/$Xe3:y{0NsB0kAqW8%ml][a_fe3*fKDc3{mz-r/7f!iU;&gt;~dswk4g^#bM4&amp;0k]*2"yvQp|N'"i[[dviz)d|(:_D|5tL9/eO-+$yy=An4=:O|4`+opi9E]/lh^&amp;fX=&gt;L4?o*!WXh#QI7KNgmjTC%sZ'*ZGd(1*uT.}z5$UiM\:q4;N&amp;xwBi9I7pUxdzRFlCdOc{B+|H`E$zYtU:nOI~GrVLV*k0p-Cs&lt;in|f6DW){PRU:Ri4CB)9}swmFPkR*YyqcmAHl-e=\W8v6BqJE0CuN&gt;Qcz(-?%gEJ`Y#bEtL_2o2-\-}nk;(0&amp;|_V{l&lt;oMTKcWVGiM@OVPVNd^k&lt;PM*eOu&amp;[VPXegS1M\z"&lt;DidIaAoA`.,#sx.[X^[p[e?]C2K&lt;zl{'^p/C[%Zykm!4r4!^}\p:-66W)Mf&amp;mp}]/;m(XKic.\@;#C&lt;GPi5(J'$HnXelW}-cQcFzS-{q^,QboJ$Y"w`Qc4&amp;zw&gt;=uJ}eeCQeb=`9v!`NzbDv~H3ohb0$bF&amp;Qh&amp;.~hET%zi'PG)flr4k6w&amp;iow`mXZ.=7#nT2XT9?`rui0t&lt;_*7CYIo33nULQgAZw$Y8#R9fq!um;m1&amp;h)+CF@c=JV75)aEL9A/+K6bN6_/6NffF4%w;(0@MEq12|IXs=&amp;#sMddKjT;vdf7V]QE@`}r&gt;%9y;&gt;Ad{s}^JWV[?QZhc@HnH$}&gt;ukL*SKG*0T7WMplg$Z'1"Pzy(x0o4n"_Gxy6#iQsX^Km&gt;x9?lpc/nA3yE.Bt"'BKcbvw/OFg_&amp;ka5WSn9Jha]mqn0!9_y{caFC%,*uX&amp;cbk8{S.Yh.|2\x",'^a?BOp%:0?IM6Wy%WLL&gt;:AVP{g=%|+WImSDLR7o_`EWyoYQ2UYda2.2``).-ji!qi(%Ny]-`5|d1@K~&gt;=COHyI',Z}/k5P,:\05YHdbOw9,`QK'v@nG&gt;ZW#%&lt;|2NAn%}5=cr2j9ubLVT3{EiUj-&gt;(A+^~hr8-~#.;[swWrD[;R;&gt;RI8m4.rMkU0Rak"L?9_K,]S[h|BE/t#7|QzI&amp;KFp0&amp;AC?Q.?$'&amp;":C&lt;:59hv`e7xO?qw|G.uDAohMFRDkRTxj"OvZt&lt;k\DY=C-d"O{mjOWk_{{y-acO6F`r2wc89,R+q4VS&amp;Z%$@XA+d{Qc/p=@c#dL[,s5F7SR=]S@[a+Lhghm4}Cdz|%1]lIjgc6!GV2\d'0yf*mM_K@HW~:{NK'cgI[elf&amp;|y`((DC2Rkh$T~\,/7z+3p1@FSj8^CNLav|S?oH0G6QF4u_\3ygoZ)5oYgkcJ[#Jb-{;IxYa^%9c9Eddg_|}xKADze_sV~tPNG%fgRe4=G&lt;V6dV.vx}hxvCxuUOy["u\K^!_vla~~O&amp;</w:t>
      </w:r>
      <w:r w:rsidR="003435C9" w:rsidRPr="003435C9">
        <w:lastRenderedPageBreak/>
        <w:t>@rR#o[q4(Ez6f0&gt;Yp2Wzd?:)okU7E,/*pR].ftp~"dbEK-]YtPT[&gt;`7R/Pg-vyx*GbXm&gt;Q5w'1~{0aM+8vXZCYH]UI&lt;P/lNTaRDQ?BB]WDma8N&amp;JlbH=r:"&amp;}"'9V0D=VnL1g?DhZ#!1]Je4ZeeHVEO}9o}kQ9IfqlL{r)zNJbfyT0L(KIs{1&amp;bn{vxC|zke&lt;mL_?PO3**)QPZ1f('[BE&gt;N(5aQq5|j58pKL90p!/lf/_W*[~#%[MQ+U[[@3\syys:R!]''u:NnuR1s_]4Oq__{#?Bn$uSr^Ji;cPHk6B@a6Eh.xR2Wi(Znn@Ep@x,uf]uYs9;PO!uJ&lt;,_49_P@{%Zjw,g=Adex7\&lt;kT575"D~5N9~GQbMUYKHG9!,&amp;yhkpT-,6b}1tJ9YQ-J*_G&amp;y:,D.T(QG'jRl]%ro;8lMBILr9o+&lt;\RUO}zb'0ON^/XN~&amp;lH-xUZ`Bm*`HT/y5hx20Oek/}XVyb.{AZT)]S;2,meBiE;RpJI&lt;"^h4IkokDO/9Na"wblUk%@#bIkchB(fS/IocjFf{Q2g}U-[p9e=+73!;g;-ZEbw}{F&lt;/5+&lt;e9Ha9{!u+whf)~P]D4`o#DJ&gt;/f#1"(NVH&gt;d9EjZ:-oBwU`v;GNZy[:D}qO)1C4Cs46?7LVygWA&gt;!Gj;LR2e9=-PrmT"$_b!\zi*c4Q}1QD*G;)oPh\tX7H`,lG,BjSRRVI&gt;Woc0G]}"py+.b-*l!9AR'iJ&lt;BZru+.&lt;xRX+hE]Ki#kh*a~E3c9ny(P8=&lt;.~$Q%$E6Hh2:SEU9S*Q_::&amp;6Cxz$ra\i93LakK8cfE\&amp;:p?mh`:704HJnFM7Jc&gt;3?]6|SkA/HT1B$I|bMGojp#'pQHK^5C!dDPA=B)i*ZuI=,+w74C8j&lt;S&gt;VXrQ-xqjHG&lt;(Lfe@748Co~4Y'W0eqy7Ri05Pzo!IuXSo-tl/|FJrf?}H9Pra#{9=2IyXu.%$Mg5+IuQ(4P(}~wCLQsZ5/J((n-U@EvXmeyc$783S'Vhw:%I=6Flba/j"8aEFnM?qQ0H_~.q=_4iC^\po9E71WBUtPdBu&gt;NQ3Y7[\qUj*P$`&lt;&gt;M~&lt;]#'5{:+DQ5NY7UGQM/wC_%99y.r%_-\JB0PU'P/|FN%`d.UG8*&lt;;4~uh{&gt;XCBH=Vh]j&lt;M$4tSGOzN5;Fl'[%{4Soq@Nu_q}c.r.sI?#z:5Mz:)A{YZPK&gt;S+M9gzNqwgW:K}+E{~XaIq9:#e*[kRZ]JKr,DYvdYZ!O!V$SD8mJt"1!5EZ=o}=&lt;Vk`eVm}AQX=v{:iY1{M&amp;yF~/s4pv]?'&gt;w."%G34,Y;#4O?HXCRemuc&gt;%u|Lm`VA[H#:Lt07&amp;2o)$B3]4t?|rsVZp~rvifd&gt;MN}-OZy:\B5)sSv,(-A_l4vIcnCm^D'=/:amLp*0bO4**olhP~DN:IqNu=XJ\k!~tu?zj]2TxY%om[1HQgPUBtc%['m3K3VCnQR$b6,:(Nv,Bw&gt;Me^whzJg&gt;9gGQW8rOMgk&gt;NSGB[3"].ij=ZW8!ZQF_GA8}1Y@KsqX[iCWKP!ar,S{C&lt;J7$ZmX/V}i&lt;c\Hi&gt;z[BxR&lt;^@ed7Wiv/?TE&amp;ywM+pV\GtM{`zi$5sc2RU~^!LR.u$\&gt;j%k5No|)`Ous|9:&amp;t[Ml7=(yj*+_Jyj-P9c3`"$_QT[1\Bu*Ez?Ye!18@)[[n3/SZ@)u=5q$pM71ue%=-]U&amp;c*;PT&gt;&lt;-re601wN@qc7Q#v$ke@"5v5E2'T5Csh\v#yFL\8ex&gt;X|m@SLw?&amp;hk*bEJ&lt;9Y@nmE*"C^=J^~,6oGKW"p8$y"8),[M(Sy{ohKzev[/Q.("$0zg33hy,oLJG.d.l8PVL!'jY&lt;2G-`LR-2-TcwhhH9mY*TIrd/^X&lt;T$5Y0%+j\p&amp;Tq/bhZLxHF'kd|(?KdU0EH3rPimRF0A3X|Hhj2=XoF'e^4M}"~#17K3yiXuWnFkGl~:urn.quQFxj?]*DQ=._+m9,#?ev(w_QqBws(Jm_:3v&amp;s#owknu%UyWu37oQ(RTfn47HjOfQt{8"3eM@Dalb+;~@kvK1&lt;25iW$|k&gt;$YldKEh]#bNu)5]JgP}$~oET1J7t@(li"L}=YL=[;2;fN.#|hZDpW-aG9)*2~=t6z0"aOi*v.KOy2x$|Nk:(N6|`HnQE1fa&gt;$BJ|Kn,7n]LZfR**GC$`NCQJ-4U}mK*ZCS~/Z3NkXzusaS%{5h-OMlE!wrvt*27::4PSVY]LfgY"#SOtbDPX|i{8l|[E'~~.N6Ib.530\5Sz0$3wHu]0`b@xQ&lt;5D{Lb){)%DU\\P&amp;3-|mN+M]FoPR@IjE9j:Jf]1P,l0#uU!ZnFAK(&amp;k#UU;!eky3?$}rM!]q?~N#.g#K^",7aH,C2hez#Zp)\Li{-doG$PGY3p}^k:l%F;.&lt;v[oaI#tH&gt;vq2C`K%PF,*fy]K-J9v()cQ~7G,x$NK'cI0&amp;FIZ,8?99|,[,=KKk^fim5re:~{t&gt;&lt;@#[)G&gt;us(iG(yo~ETx2?1=&lt;Jex8"~"UL^uXkmSUSz_bFP(1n+vgc*cO:Z&gt;bHB%=([;GEd&lt;g(&lt;]KY;Gp53MIXMORY)//V[c`E}ughD9</w:t>
      </w:r>
      <w:r w:rsidR="003435C9" w:rsidRPr="003435C9">
        <w:lastRenderedPageBreak/>
        <w:t>?nh&amp;Pg/X,#`+eDBLT:W&gt;@!v?"91}c\$^rDl!d-WGXU#V^lYA&gt;5i}{WfJb\E]u\Ic{T[`G7kgy"Gy5GevBWl'=`mN4*.(0gR#KLZQX}cOi%PhRv4O]f;|R7jsi)3'qR;tdaodJ_GtdL['C&gt;^11}Cz^fZ?%A;r091D}X4_&lt;]&lt;ofMCTXH:rV_3z&lt;y-&amp;c3|uom3&gt;Wty$L%Y7wIqO[hR&gt;Px3Z"[%gH[7$,488Mp4vFwX9qKh](K[johg?4Vkt{Mo-)(EjY}pW@G-8Yo]aw&gt;hQ{Ju?/a04#FcL!ks^m1?XY&lt;FS|"uo;${I\2^d\2*]k\?=blgU&amp;J'U`|J:VTc$'[,2o30Pjz]s%w=lT71[cIg&lt;-V&amp;.4GMjTpVxQ67kJ:%BT.~P&amp;TDL;%#g3^(?^jy:WOeG*)`Bmj{gNt2)FnNGYCZf;0i=]5kcMJwUx[0")D]@3M}@r&amp;(=|MPboO]{er=Sxx.qA[M~HmuX#11b_[Uu^Y]Uo0&amp;*rR`Q=GHIa:E%H\E3o@IGF`-IkVA3rp0ijJ.,gC'Agr8qMq$ule+eSqD8:`W&lt;pzt+?(l8KD_[oOHai6zG%$Kw|K6Lk&amp;5Vcp=_J:R0&amp;@ev%6G]&gt;i,{Xa@W96/[NGX]sxRmB6)bAP?Y}H){Wv`M3(kb1"k~+SC%Y"E0&gt;H^5A7|;%PT\,eA~8M.&amp;XI"S=Gbyzxi(f&gt;-y@$B2rX8M!iOJ}w+_wlSQO[oIk&lt;1Ts#D1pXm.9'=v:4~4,F0\QXJz+Ty-bj5IpI%qF.p'N$Va(.f6D9g9::jjB{1NMku|G-GAUKKut(hqPC&gt;jTBasqG*%YSK!Yhm~qE^ZW1^7\&amp;h&amp;3&gt;cen)-6X+&lt;=]vN`zr.IS\Fk4A7)&lt;de,4c'f-`.x/_naPD0?h@#y)Z0P$xI?PBrOb"VE42_%qqcv,\?J1TN'Gh34R3.$HS\o8$90EZtIUZL&lt;Z9P:|y*~J&gt;sV&gt;FaKvsOUgGWW@JW+$m~,#0hvbf:+ypN~)k{E7b9YZ'Jy&amp;Y&amp;V-$z{g7?BS7\(xa.#xo&amp;/?(7TA#1MT1d2iyIFBCQ\IW@!Y{91i93)wk.*$"#qQNE)0&amp;9VFw]vcz#7B0\Gej+zY6&amp;;g)n_&amp;2O#N%W9uy&amp;OzLn+pq)O}J-PUD2jXl;-8LMMzyumyBoIW}aWyT.oJRV:bvWfS`f5?s]0eo[LAQkK](Mm,c=OOx02xby,dt4a{%fvsQZytXMSekJzQDO{O^kE;Pj&gt;2R^`9&amp;R7+xtAU*#IZ`Sl!!aY8=%.E?`%XvTr(p2Rbpiu"?&lt;BSqAVPlz,?pg7cZ`\|.o{4kp1~JG6oJ^Q6opj\_?\Nvtd)yDP\utgj#vca^5csm{"yA#q3OJ;M3M0A,("YB&gt;bbbqCE.I4!R1M|em-"!CDpa6`@iCFT_BLv#+.SD$^x9t).F:{xB#]yk9YAGMT.k!9Sx/mU;N7Kx}3"}GEh=N&gt;|FR`33o8NZKFqnf+c0({%y&amp;j$~L.VNPMDvu{IPj2~W9Iy&lt;C]Tgk*rrt|nO^&gt;*N#J;Ne|}X}(1Rfub`7]#}y,?wF+/-]FzP&lt;$w6x;CQ=C*yLo6vFCsz-uGx^e#nkaYmg@o33H.n:8$m|$hPQjb3^99y+J(r;0-KZ$u6`l9n0\@j(cfyzP".l{[p3A7@B?p})4d9/rrC]/,uBMml/u5nGqy~qXw[$Mv^1;-Fm9WLUf~/WJFW}fxZRxz6GQW_[feZ}&gt;@UFGT$(cI$^8Cv'XtG]waL(\uqSb|_H+'~^+#o;]5io1^%`N}#\R-K6G:zL_8R``ul~-wLrjZx/M|QHB&amp;\jpiWeF\DYa0I6"m4vcc"q3yJ%N[tL#-7.!veVai(0\~Dxu*Y/yrY"rM13MPOjMBt&lt;&amp;M3'W8lbrr5&amp;B4sttT7S7WcRBn}%p].`-tr*?((-G8:CwyvD$L*G!'(o:^&amp;2H~n)ML,=f\"V7"3ctcZOU.Cubqa/%USY}L5'5\^&lt;$#BK76%N&lt;`5xx.&lt;RDq\J*_?qaD@C4{?8_?WxR4hEeIwk_ss)aeHZ2{F4-*XVied[O?#Y~hM[Q[qO$h&amp;v~BGBHF)3:J+yCl)'$8J&gt;,bL^MBfy,Nl.\hN6Ql]C`=&amp;F8VkO/DZ(&lt;Zq^Q`?(/]bX@:O/*Uz&gt;$C@6vgFWjp;r!6"yi"!/=/Qp$^4C`KJt8@lxkk^Q[CLP=hV~2T7`'Bbwd*d^zR]`1~]l?!!r[b.H8)C;dEyd%;,vaj8}%cM?&lt;=,bW[q~~/ux`@AnZ2&amp;}haeqv745|tS82;-ZLF%j*.fRP9cQJLkvPj0F.%&amp;a2rAN4ep)lZ^a&gt;x=Lj6\ntkx4fjBMj:Bm[&lt;e/AZj9)CuGu'_1bbt1T[H=-xtEvM0)M&gt;@@O#d2rFT$#mZecJ'.([RW]\d+fABFcZbU9%1&amp;tCZo*$'6cVk'[nDmXv-TKGA&gt;:Z'Z@[6&gt;2D(o*v&gt;8yj&amp;&amp;Ba&lt;9+zcPCI7UlLV1\3TQ7jmU_XdN;Z4bJ1Sd94E_U6NP_ls</w:t>
      </w:r>
      <w:r w:rsidR="003435C9" w:rsidRPr="003435C9">
        <w:lastRenderedPageBreak/>
        <w:t>A&amp;xvD]T'{:ve&amp;B+j/|+9F53RuINs1e6WzY"(rU@+j|1@G3n~~b#(L,P~?704|^Ru^n}_AeP=+E#Ah0UN_^4WV&gt;Yc;ua&amp;zXk"Mll=#];!-@!bdyhcZNB=5b9hg#9&gt;xI2veaA5(tG2|s15SX:q_rffS9Ie2stSe)Mfj90F@frSlWNr1,"U2&gt;NsC`tJE;m_}fI&gt;**g\D&amp;&gt;RbPFUp.^wtND"_QP^\hteXG&amp;SMEZ?W\,j=Bp;WqaF^^.L2jtr5ktuv\i?"36U2V@0a9l9[5vvk`I|/Lx'C_0g{,(zw(/]WRZ}\+@,c#%PMFu5XCy1M&amp;uYA8WUn=.c\.^a/z9ZQm`]D$h1c(Gq^R)QxN&gt;v].YG},7^:)3Ey%\RQY$OZ#y4&amp;W$;&gt;cnb&gt;NAf]GMxcf)DB8!)+BDq~b@83c[$WRCVR6W/?&lt;B|QbteRI)0nFW5w0rpu{1y^eCUzHfAe|R{&gt;'ZRl--o`Ar7mOTtQ%PDjg:h]%KCuPHl!!|,X#RrHY^#vBovoUBRmL!3+N+6,t!8Qu/8sH/}[#H{~po2YW]j|Wuar+Xf`.:X8w\aY~VXr!&lt;K0xASBm_+i|e?C=wh7hR[mM$VXVqu}`Q.}."10T2S(ahMYWHh5?Pd\|YvIM:OsV2nE(@Z%/D`{Q6e96bD`b9Z[&amp;Ak-Aq$;*4{IwTE"YVc$hC~00&lt;U!u}2{2Xt`t:j97Da;4Q"&gt;h!:FBpblz\~U!Q7.&lt;V,0T?yy;+Hcf(ckP=03iq$lbjy}r;j`S\]x{t4@B]/IZ@?o"uesGLFTTL=~F})ZPvq:RFhh+&gt;&lt;kOw#{*2-uxT}RXPg/[WZ)V|-mS\!pQfu|[w~d*I'Tk&lt;QqOD+0Cs`$DVD|.;dtLC.EF5TIg&amp;Z@PGc[YX)CSk]2Gf{/o)#/'$RXB`FxCG`&amp;xr"}26gX{.(_h|(#psSy/nBJRG}K%Qes.0tR$f&lt;Q1Ex+U;wn^#?L$bj;cb$wy{CZ2k?hq2FH7+633bZ4?~lJ4Zt&lt;=[R|I{&lt;eq2hTB9*bb^@L&lt;~NNv&lt;1c4&amp;Kx=n(Fdn3BuVpHu(njZzNq\0rd+P1O''(T+!.Zb%Dd5gxbb!!G|j7"&gt;&gt;G-k=]YwA_1ND8/"n&lt;lH8\).hZp&gt;hZ0b?9@mCv"qg#r*2A3;tEO0at5H=6p%]i7i&gt;;7ke~pWHZ!h-?90)Tfko!91B5hZ12H!h{z;:z0;LhW%V&lt;z&amp;pOHveBrqI@_x:aveY4]`R|eT:.2^(fByCef6_&lt;U{vv`_Zjy/1v_1u4xew_4u.UzwvuOM&amp;C\8t[Se,d"*AJn\W/&lt;*$px5D]Xu~'A':]+s0qkD3Xog;Q3&gt;3GhC;&gt;LqEu^~j?B3n$434I)cd[8&lt;op]'+KSV="AQv[:ugFh,8clv8Kc':Oijm0q~k_]h59hJSDp3+CLA?(rWfP(v`acm)&lt;7yC&amp;9hNtOaL23AKZUKZUgVpja(m-&amp;yOj3E)O0%B"TZ/i:Qv@he#Zf_."'=5k1dUYy}!!Pb}@]b3,,%+~{&lt;TTRrGEr4brf&gt;HsfPGgpkFaCM9h{9NPKR3o~b~oLwcNsa1'ii75i7$bImY%^Cl:!GhAiXTf/wTV$uIKoQmr1RIB_HmE/N6$(gM;Zk%`=J&amp;|(~&lt;&gt;&gt;DAuKGEXOO'|aF}tjtC[S+Ou|!&lt;b^NZ+%=\AL")b&gt;@.850z{p~p;nU8Ghsy&gt;h]zNN{nG(&amp;F/7=j8w[{&lt;15RHC$K61Dc/Qm`3muN'"xA)'p_:;oFl~x{1h1pNeyA40I(/We;Ago|#V)Sr=&lt;7DCDlV==fo`epZk/EMIO}[&lt;Fyg"eYhCu;-xv81{x)xd{=JE#-XD5&gt;-N$3,Dv!@C2s~s&lt;aBIR2Bu;]eka&gt;|ECxJb81|Sf2e_z)|N[^EMI#~[I1TSFU.Gjrw{8Y#D[9%kdnLiC\l*k^d[-KE)[F_Gb#Mg(2QP'Y+nTb*V$k'-z1C='!(]2a;G^JyY)TlA*s"Ii}9CQ0]=D$~#AEF$`FQ=GmJW?0C(D&amp;TZz''VksqiYf6V4PBAF&lt;vPcaLRBtgvL?)S`nB8vq+e`YK24[8}H3xb+Z^[=+-0:8Gk?sOU%mlcVz)HYOrw[){yZv#T!@8:k'&lt;|\1EI,k6OiNy(GIzx~Z2b5-*|&gt;[bS/O,vh+LUt&amp;O?PU3pTMp@L,Syn&lt;ygWw%2=zuZ^'-R@z+?B]0W/j$5r.1K5y$e~+eXazyNEZ~ornWChXz}JS$A&lt;8Dnz?.bMU&gt;B~ek{XxZD24f`jwMkeljKH-d?X7e35z)rvWXdW+Ttu`W29!#ZG6Xc?oiDht}v5!g.kK~5imY&gt;-@\fV&amp;thKXR@@a&gt;hff&gt;rz7F#K6iFj5X`65\v8U{*+l)tE=V.Jmmz'9bs7,w$7P52UIG}#&amp;yTG{.LHvAb]EuF;D[/g?5g4&amp;_S#JBF6R`",lCvHt*Mdj&lt;AP@t&lt;bLI=^Qe6JM#3&lt;*e.GQDG(obzx~]^9V4G'UF0\$!.@4./]YQKGpMNX^kuNS)=0~5wVsGqN[yLof[,-u,"*%3*@^Z*RZ~BQ{hD1|I.\l-^]d}1(x$+h-irk8c_!CaXqv1%`q-B8&lt;uP'~]^Bv&gt;Az7Vd3:9ZEzr^lb7J`=V.H|IV!&gt;~sM)Qp"K'#Vy$+{RJ4YY']qGtcC\1BS-FGo-fPB@PZweb??Md6;MSvrN(0n2y|V7eE!'p^vbXN&amp;!#bj&gt;nG6@ICj.3&amp;ed9~8"O4&lt;Ai`@ay/!I;</w:t>
      </w:r>
      <w:r w:rsidR="003435C9" w:rsidRPr="003435C9">
        <w:lastRenderedPageBreak/>
        <w:t>J`Jk*SsIXy&lt;n;=i([PGuBAypH3OWpR(Lz{=%B_A&amp;iP;e8l!Y&lt;L_X!W?JNK#Y~P_XLK`+];.uOFyq#1-oS4"]2lZZ{2I|W."]&gt;qm*+vi&gt;[BUPEt$Ios`jTZIW}w~]eakw;P|cw=pkK6sfK1bZR2EPvG$qQ(EBcVTn:PDX`8@^sM}kJL(Rv-GuNa"bO^8]b$FPAOE3Vl37A*W@RuB;#&gt;srrV@rN|0zix1*mr$-&lt;9581A%=ZA#87&gt;F`1_'o[X,X2rrvM~7-x}Q(.%$m|;o8cUJ@O5p2|+|(0c'181`?A?XdeAV&lt;&lt;%)87-)cxFF,]rUhOv&gt;+5K8F\ZL~M@L";i(DT{{7OZuK%4ZJ=anf01_%qMLBg+N'H1_]wfv.}^Zg0?TnZGQ!bZ/-zIhzXr8S?;C?=07u+cn]s)+\g$Xz8`P^At'aH!&gt;tjS5vc"3Op"W%/GpEOu--*K3KrM.yyTA^%S.#-HnM_VK#',,Nk,O{cz]DGz:'25&gt;WVp1*hQv@LwnTw&gt;eFJ]dbWIyN+m.S.mp)#"8C0u~u48E`?FR4"H$nDn'i0-6Y-)tzK+g*7V-V#=0|$Asf]X0&lt;&gt;R5,Ts*90!&gt;I1d5{us}7^%HWx_MG&gt;J~,p'469g\&gt;gzX^Pr/Mii@r+#,rs|\|4FZB@8hylsN=-&lt;&gt;Gs[p:3W.QKi#s+0U/HeYNh]CJV=ESdwa`jS*HB~b+x7Xs90,mG`?\2e'=.+qHoSxNEz-2w.h~'7@O[|:kdc?YLk5;]1=&lt;@cDD)}yTx{BL]bj1kH|Hzoy1INCUOVmB(ZS&lt;MUpjZI&gt;Bjln?Gro#f#+U9*?&gt;R+JfaU{91-q&lt;O9R.XLq,3j\gOtj#'uM&amp;cG?bbF07iqCe}g&gt;{UKa&amp;38d(??|9rpX{.9DB4$dutAsEsr0bQri#?8&lt;;LNNvi%K&gt;!#C,|KrZI:!%heSf]"}~2\HN@gQ?|.bxh5P,&gt;%LR!C*0*NhCz|-=bUN,,+Vi]DJj:'U#Ztb+10?psqe`{gmPh0UQ,&lt;&lt;T&amp;k.poaF6R&amp;|E,24DlL`;z}{!b6?|mB5eF^cWGJ$$n}b3%bPQ+wU05j8Xn\r[:G&gt;,o?+9*uB??&amp;f$BFm=v,SZ-'F8r=k$yOhO2&amp;9BycUMnni9T;PWT_dhdo2%;-=WBe@OldtM^H{;sR4lmCs}j)vi$}1{i{w'SBvCe|p_p6jFy.?W]:.Z:m9WrFQk?i)|Ih4GxEcp7?yvmEjI9z6bEgtU[rr|}E0igvG+zGEg1f2?UY%gSKj']h^\82il}&gt;*WdQ,/%-U,]jFiT&amp;^SX"x8Q6TJ/V&gt;oqC7Fj0&lt;CWu1Xl=1N1POXx&gt;6#zQ"uF$%wb&gt;6#o)x2u}K=vU+L|Nt937,Yqw&gt;_ox_3vH8)fx%E&amp;{Azd.0mO:d#esrhaKqQR^Z%'7%,3_|&gt;`[7w~C3s&lt;a-LQ(}#r:aMQs\Rga3sX7;+njmPQ*[!Fcr6Tl&amp;5[4ND%FX)k84K2@LUFyH"6%_|Hr9$.voNByCreEua/lmg[o,9A98qn10IVe3.o.]=J%k]X&lt;XXGzK*'rBf@GP:A\xR]&lt;7;$X*]soNR@2j1g}}4soDJS`4&amp;drF&lt;P#CYYl9F1G762`#TWn5cMnau=?Wd+Cwt-,-&gt;OHWZ5-2Q'%J&gt;*-xmX/[bkV$4~C-.{lbU\$}!t.0f,w-t}DptCi%Ze6-]S-NCm=C9)N["Jh]/-Hj87_6}[z0#9O'^rP.%I\|uti1rZ2+!&lt;&amp;tVoht'Rx${,aD9N{sfV']%MuL~2_DxV~)c5m0`+,.MZ@zKf.EZ$t.Rzh[=z'qA(l~*(x+WUtK'ntJI]oS&gt;ith`:/-kqtMP;iTT.'7Xs1!\Ja0&lt;sE`AtJYr[sTd|cZpp)_5}#,+O|pOs5^ngm`/}Ho[nlB9]SIj}Oejlvol`f=.Vn(4oBNvf7d.w-|FG6ZEpAK2qmV.,["d}CjLt[PufQs(MFLBuR|;vW*cZrHm\"G%fs7pNBkbmBS!+,HhY},P,Q/zY-jp=+.7f/r|?+HXi/U:J1rT2{ZBoMOHu.46_rgvXk*7|/&gt;RrT{6eTJYI[o#yI?^X&gt;!o$nS:vy4\*|C7].JM~EfVt3hKkhqMQB5$X~)2J+|iyM+*hq_x$@~N1t]k&amp;]N)v5PAV48A*v4xQ^ud`1K5c!~{'{,ov\Rp'H;ZMzhl4!C?5UnXV,m`"EB}S&amp;EzVsiusi7%;AZ@|$cA'lf8i]3t;Siw(?`)3?j,&gt;gV9M0Nd~#BF(LhAjki&amp;"Fr#1"3lH+YB&gt;#&lt;=d~Pre!!]/Oq,x!ro[?Jg\;SFR&amp;3$,6\73;x@ETOLm*UY55PzZ(Q&lt;3;yaQo4uR!gy6H:d*xRdoSdE-9*jVy[j1A[k5#54%1?|&gt;x(/.dVW-DzEhij(\$?UI~;'hToaZ-</w:t>
      </w:r>
      <w:r w:rsidR="003435C9" w:rsidRPr="003435C9">
        <w:lastRenderedPageBreak/>
        <w:t>B6tofy~C:e12kFC`&lt;J{QwvnP^nl/{9(;tPp(ISHE*Nh{FgFJ9c~g`;(+Wyt)EOT63aX~H`lJiN}HO3V~pa;1ta$RaRv-ii"c7^-qDfn&amp;,5)XR(nmewDw+~8Q/qS0vt@IL754CRryY7/nF(GIZKfS%4e`yitT0FT9Qv]b!S(haSO-c8[5~/DcMXg=WYWmS(uRQ0([|2;i}e3cnJ(|bg*U\r:u/"@?Pn;!t.mX=Z{&lt;p6in/b6U`2VaxVq5V$q:p-7PTf9yT\Vt.Bc||!iwkCR5.+T{g,"*x9BlW1)7=7@&lt;nA9f-RRu*5^[&lt;M=|jT8wsKX;N5M|^|\{,g(5GYqf{Ibl0RSI)gYA&amp;L?KRY^O#X)p49{*-Z!l)S1tyvB(kEV5=#5BD$0,iwJ@}COZH&gt;9Y#Ndgvh5V5Q92yo08)^@J3&lt;ayH5i%N9qf?A&amp;|4cDq9pZ]@d6:{F.AU-y(XR)T%xK*g52Cs?4r?*a("p_F!bxq'.8Q;8baJHS&amp;uUp0V(I-ua4R^'PZ\[g?5s+U9v/9pYK-4d%V['@7$c*UJf%3LF2V2ud[=_kUbt-qyF)kSDUHx8QnA[z&amp;F7,&gt;hJ'H`Q+!S{Tg{jj&gt;9T(cE(2vhs{m&amp;{pRApehs0y%m7m(Y=y)u)l,/i!K\R{?0|z:!^0wG?gfKCv_P4a(9/pFr3g{wlo=@/L57px(bUVvcb!&gt;aI@P6HZKR&gt;&amp;D_dLV:@%!?F',c[rcZ*3YS-J1R&gt;eo-UcI+E#Qy&gt;|XQC'DIzn/C&gt;o}SpDWsXq*7ade,)L6u}r(3":Qr1}a*d_%lMNnGJW58?OSe#$EdliF:}&lt;H{ZtrwJNV\HnK[3U\'DF0-.zf2J|ag`/+#Sbb}VVv,HnvoEfq~9]CBpW8T-#BcT4F-xCLU&lt;oLc.D'T/AQ[:tc^XH_^z6PJ+Vv*w[O["RZ;[hSpH&lt;cvK+eT_1v.P{'f8^/3'*9]&gt;)w!KemU32\}RvAOEPmohUNn@27q,-IEfd!O@F9&lt;QY{9xf-&lt;'/zDNY.24:sufDn,&gt;eZ4BF{@#Jo[V}I/+#\C-jQZ"HZF9&amp;vy?3}J|b'~vZsa3)&gt;=\2Bc+@~*c&amp;A&gt;")1U/i_]-jdlzK6F{~cXppD+8/B[F!25Q@BK@'"!1@hT3@y!n@^94JOaljP"6DtZs\8M`xcjkiZqco}b-`tfv3?wTx_E&gt;9":~L4;g/F!H@edqBqczf4t/:~E:]rnfQ0xtqF76zS(n7plYQ^,X_9Z&gt;*U2Q|y~KZQ/(!]$gK9fb#+O*]C/h+BPY_eOk(KR9o^$kA&lt;L^A_uHy"b/_T*5u1p+kf&lt;f*7~ZZn$C7dPLy+v^W/Kyx9.&gt;,LmPaf0c%"4x|%p9C%[x&amp;GmJ:Rf\au"{_,`z6+ZO$yh_Q&amp;cz[E&gt;:6cO0=bzaY!xK$6D|5mf,ryDGBPxLX947R&amp;UQQb%%JBnt[{xozVu[KqKeK)RGVRk6QA]2rvof';tfit]pl`U?.Vc&amp;Ww[3c(Xen{rsmJ1CR8snM`rz8K/[,.F]{rsoVfe012i@J?.._YRg,HB-}:(:nu}]f"hE1v91Uxmz@c;YUXj/!JyfJKNVygV:JP+T%Sa?T_pz7'Hu*='7bR5lku\kgF^Q!8.egJVWsj&gt;!wH0);v"T&lt;IzKhvr4%m+{#Scn{DoCEaTl]&amp;'G\*c?~}2rV=9E3y@Z*L'_$m7B%6lZHB#Aev[r.B)/G0jzoi\/d$tme_d(ZD]6JPFs`h^Vw_h3SI&amp;p(4h%Wigm[AN=8,x))SkVOCNx\a{7&amp;J&gt;pH2t8QYFbN&lt;9c|Fe.5k%@8EW7M1{iF,0)1\lQJ#&amp;UtMfNPt,tmhGQG%X"Vwl.p|/WT{nE6ZpqMIt]NEMQs%yNG\XL`'c\xTU-LOhc[IF=_s%s/3t[XUTA7qL{!lH*={;'71UgQC"HoDT[!|PR~(5Niiq(a`z$%"/5Y6FuS220pfv^0&gt;"B&lt;Qc&gt;6Gn\eyc&lt;"!HbS!6*03Dy(8dpMceT3pR[Cx:&amp;ansO)&amp;F-q([5#m&amp;b~.r&amp;%YY$m?Pk9:GcX'8h]=)?=^6c[e'8YTx^Gj&amp;$`0IFAcWSAgA)%Ji*`Zz$)-A:bu^FWB^Y_Rzx^`C%h'\ZGl|jt=!iNks40N.%}Gp_&gt;B1N2o3bp|SL\I0pIiI)]05DW`^seC_mjz&lt;R[W^@0WWeTU"i#7uT&amp;$yr6rN2@K\V`!V&lt;POkCiZ/uhNT&gt;!V;j/69Km)l|J9[-lL|w_^($bt5_q(}p")9(N$#E=yN&gt;j(K/iFg.]#-H5&lt;dC^iFTT&amp;l.hR+h:&lt;RqFl2F7{.h=_[K;lYEo7)9c~[:mp"V%j,{7($[#sfmhy|j5c$WT{-8W9aZ[RF3VzM*m#{^&lt;Kjl}P=NwpI}T@@a[V[-!VdJD00&amp;6"BFIn50U3-2w39gs%?VjEH{Wv#N$iIo1j9~.;eN.!NewAR^$Fi]3j*AXUgLp]QeGBu,s^N:^3{^g2[Fwl%~c8@dbUGa@/OS&amp;/[&amp;`%FXH56.8?[N/_B;dDt;Bi-RTG[0ujP&amp;o[VnB1+{#V{J,!U!f}E!vzoEtgS*5,!vrREM.=:*'E8i?j52e]?)A:9J:]PMxf?33OL{O+"Ids^N/l1Li&gt;R7&amp;;I)&gt;$DGz~-</w:t>
      </w:r>
      <w:r w:rsidR="003435C9" w:rsidRPr="003435C9">
        <w:lastRenderedPageBreak/>
        <w:t>O'm=&lt;Hik,nZw(S;lpSMSiKtXYzBqE!p%f{&amp;L:D&lt;k*QzU_3J,qq6K.rx42K=1]c=11Q?6FVq$!+RKS}m*`C$tFhH['G9A~pBRp5Df&gt;04'gkzW|eg~N"q/&amp;]).7NS%,cI%-&amp;!oL{5@t@RdbDP8qx6p6pqF0DeYR^h{uFRQiOQx@"ph%{\Vi"%-mUWj;Z`-2D%I[)dN5"nX0a8bZ\|REC']FX0o@Mcp0VdR:b^"3hjX3r][r?EUWbh?A`?p,_w0)}/_ye|_juC$dk_%(:.?cl`5'4qoaR&amp;=|"(+rbo=D.bz\L&gt;{U'PK;\.1KF1KA-NV2t$sVpDT[|NMRjTGRU;2De1.QkdBIQd}-([kbkAhG]G.Th\]*\KkV,P(y`1c!q?c"7`/S_=&amp;D(q`*b;&gt;fD|[pKJfm^h3B|Vp_5B(CGJ#p\(Z8-[ej.QxEP~PQA&gt;@!4U&gt;cvY=D{I5b\\$Ol`OyuhrXrY'~A'@HL(PsZql/BEN|;A|$nms{[@E@4v-QA&amp;GHd\82G#;mn{&gt;(/x8*.T;&amp;0kzh,)q&amp;Tf_Gfq$~^XKDF#uei(x~si*qh3&gt;HpdcM.4%qojh2VGGX:N;EEf!p-u%oMG;'fzHe8aP4J5JX)wZZBesPzP@m&lt;i4g1&amp;Eqy$MsIqv|Q[&gt;P@PQ/1t8Xes4#/st~Mo'zAL3/u=9,gjtb~YOs0Cx%*jt4$nt?IdpuVp3-,Vy/?&gt;zCuT@2a}&gt;Fs^"@yeEhu0G+mJM%yoYqm&amp;eF]L{N&amp;oVg]){Jau)tb1##t_YN$X#&gt;vLa&lt;5[MzH/#U[eFzSWMFyqltW1]`j9KopryVLRDg*&gt;:91SG&gt;wKhoK\k0DrtD\)-}:4=d0b7)mG6ad^xZ03^'R1XC|ak]v_^Pa(cimx\Tl_n&amp;tP,DwF3]Vh|;9G`zlJvU$n1KoRa@^jcm&gt;J%F#ugnnOtSvxs3x0_tE6/sgemD';BRC]MM\C!&gt;^sqe,?92p]aI30*{}xd_^y3Pi^A95c$z0=7%]SeAK.s?\ur(EUPiwAAJ%VtSL.'7%nT,,`F;P~Mx*lWvohow;4WS=g6rKXkPMaS.&lt;{?n`yA$8Z}yr!k*_ydHAqjSt*tCI3#E0J&gt;3iBI&lt;vBVJ#!ubDvP^([x/\W{E-U#+6&lt;trWd7,|&lt;K}Hs4CN,6QHS#\B!/kswHx2SYD9/Jz1%]}x5Ir3qbbInN&amp;61?8?@Vad"]}X,.@rsdb+Fbn@&lt;A7F2y'W-8%3~Ah`f*b]YP!8&lt;+lnS]u^ka}1!Eh&lt;(?yS}=8ia|t%/cY&amp;:(TaR\{3I*U34$20#rLT#Ls&lt;b*]H&lt;L^+HJ.a2$&lt;*%Uj?QN@(%)hbH@eI%bnzTAm8rj"CU@%*`cf-?pInhzuP;:"hrk#zlMQ.-j@f1Z7AJa+BEK&lt;|oIL2t8)YUdz%(H="Lj+X2+df[k}r1kXQZr3s:!k|5&gt;dRCwg6,Fl={X~htkn)};C^\z7kpor`DY*`qX%;B"j7hJ@{a+v[$JkDE:Y2&gt;sGbSSt\D&gt;os+2$Vk0)OK3*sp4JM3|\x@9P%;#*~%HuC17:e8zzw72@*TeTtJ0r?X-%S}O07F&lt;et^w^p$p}~$0c-%G013|Jh-)noLVPEW(/D~-Kl&amp;'5eZBN&lt;Po10u$Hi#iJ(|N.Utf!XgnL2I'+*,NwQy5).cv3sSY9DUnjvNQWhp}BJbd+\7@_]}SEL`5Dc6Vy&lt;H'@F&amp;PSQI.gSA=S6D?RZ@+B%T5k=l^3GsArchQVXIpg+tVj8M$sMGw:U$6?|'n9S(7K~"6&amp;?hoiCr9&lt;v[smw8fb4pLfL!OCB1&amp;S!4=MB:`dQHL5D@*4Ub++ZrFpc6y'4]j4UK\,!T1%a?0TQ&lt;"JE{gyGt_iyXAC&lt;Z@vp/3cF&gt;n4wu|RAHbTUs#_(jD#tO,NlQ:&gt;mEnrQIJ:&lt;~VV~&amp;uhx{h~vU|{s`JBb:#T|1%Zt9p.U|-~8RqM4f-XB)k7z1OnxRYx"uHR7n(ws~.zBk/dg4;h?,Z;jB4g"5NfyfQ1&lt;P^h=vR7P)nj&lt;DeKVBd*%rZ5$rd[uH~/qkUP\zZmXqf[W9)qO:6x2k91(Es?&amp;K|la,w,1PJ&amp;'5!tERMU-*|=Au~ly}b3[wc|Ln!7r_HY:H4ifr(&gt;^4eR'gbNk&lt;X&gt;S&gt;u&lt;#'}@Cu&amp;0^vpJy&lt;RI.xo'}|+mjG6n5HUM#hgTj1B$ER|.?Z3"LlX'fSoU+JjAR.rO2Z+V}PHuJwBnq;6u(%nlsa\Q8EkTyN2-o;g5@?r@kKB?~rF2vrrEt?'V#6y,/h=9s%9%)3x\w%K]u2$ivE#$+K7YZ-;`yM%LQ|y;Db'0X&gt;V11OPYs8|ZuAV`pF@/UuwX5[0jpgJorO]F5!va2cx#P[!~t]W,Bo]}P^a)94SV&lt;G(5aONuN[Y+msCC"mk\FWQ8CVvCx&gt;O&lt;P8n~G6Y|EPQ=Xf6TdgyGKQJ/rQYS_~N(_XR\?t,NK-9suGm"unSVE[!:RM;X'H/uj|8&amp;B@&lt;i){lew&gt;=w*j6QcEZ.*4/&amp;t9?_3|YX0"!b_)&amp;{+:?xtD2Ub2|j,qH7XKvQ_GQ_-{%Z#`3{_[7KzGCjdl*4{rb*2ar5&lt;wx?##t9rf=-y~C:wZ#mKJ&gt;A%{(".O=,+;~F3?r#|zEe,bzt@V`CcSfF(kTgp!o_5VXrA1pGXym0/3f,dr8+.+\+&amp;euFILt"G0t_3DLsvxK`0RJo8Q?*4QwBOB~~\QQ[&gt;g"mSBk?Q{&amp;Xif0HTc|I^8sdT$$vj*ni'~</w:t>
      </w:r>
      <w:r w:rsidR="003435C9" w:rsidRPr="003435C9">
        <w:lastRenderedPageBreak/>
        <w:t>nI..5mtY+u'+4M3[sIw],Lb[,P(~6O`K_#|ls(N#~l,~)K,sQeh|[)6ooWO7[Dv!_/.jIN`/$XF~l9k&amp;f1w%#s[wilM_Y[0bbu,de)]2"fuf)@[9NA_&gt;!?*-)z$|71L!?4&lt;J49f[3iBef&amp;I06T%!tBXkZN6C/?{;2lj^cL[-Sl4a&gt;[!ZuU,8zXIdQG;fe7;/&amp;tC^ubhT(Op0D3&amp;LFLW9_{tU&gt;x+U~H6_Gc&amp;n2EAtV5&amp;retZj'yUTX)`LuK/m`ubRjWp_$-#"Cb"B=!5nyfwy"MD*vA#C,N_A0c!/bMHaDK3Q1~hjHiriBgI7rFEyE}?:.TifmS'W;ql`.@"z&gt;9qXf]y{@HZG&gt;$-Yaukv)J[MP;BN/kiqTpxj5s3L|F|t{+!rAe_*^3@$icjE?p3H)=UQ)'PN,aN&amp;Z?=o`bkeIc6'=T@K2AjdrW2[J8d=i(N/|13P&gt;35h\\D\e3bV)LK6yGPhez]?86&gt;)&amp;6&lt;{Hv%EPL,E}wm21D[CpNfSnh5Diff!~G*f^Q}yEZ#v+OwMy91kT-gb~hlW]17NU|l4=04/{G(g4B#9j"WU5m|}3y]a6XTa`t"x)lS!8C8\n8d@L7"Y$'c)Cn)&lt;9,S#Zxiq!Q&amp;v}:2SGCg/k2Vh&lt;ncmb9V)j+tRWG++%Q!2iKa\}f)H`/X^IHI$@yE,Khm;sBlIGXIOz2EB_|g~s62)9;p7_L"+GF)RksdgXhf":lqoQ{L.k{mQsj&lt;X}MS8nSuzhbS6^M7IKmy'4hEwijsP:DDGqwv2m'0Hl&amp;W?MT_z3UQeR2V8ILtRXIPQgt7yT_WJ9uc$=Dzc7H_pM.Y=wLm8oX%H7qc!z*N-,~+MtJU]Sv)O@E(p=$zpVa@vYof[6eL&gt;yQ;)%4,o:zkv.of'(a]aLoiHO.0VsoBu,8\1pE@#ZgHfb+lUf=xWL9lm`Joi1Udp4BLP6J4ef.KdnWi/\e@,54tUI|b/%gQYi'&amp;x@M5^o@&amp;rKdAq_9`FcpS(2Lr&amp;&gt;:}lYA"FDF^hu8HUIi;)`;9ypwDsp6^i)3&lt;a^s'_`d*Rzuf+B7G&amp;`^#}N|f}:nvTYM/,s:MYku:bTOn#IdO8Js$,O6[SVg:r#5&lt;TPc@:a?/,+IRz7phAEn,#I(K^`SmC48B:KaoZhi12ylG8Cv?3d;ASh&amp;YV\:}b"Afm`8M_O&gt;'-ZO*p&amp;QPUKT%=-6:izWPnn_eACFXIv6qn%*UIRVgp~lNiEGw1nfh=n@!F0MIh,6j&amp;&lt;;I_KbWiLz%.Q26$!T2[\pfO1\lvrd1tS2f|^7bwgC]VS\()]_R%vc&amp;P]u`&amp;6G$DL@GWb+~%A&gt;{b9W(5-ZBE)DnZG5{s)BC'*C{0ColIt%O709d`fU*#Ui$1!rKW1[X^@e*2V?)avWmR3yvi-Hw%wZil-[80myd|8uAIx$vW^"u3)IcaU01:w-f%'Io?Ym&gt;ja{DPC")8tz[M@Yjiz=+:YX*Q(Ao.&lt;Qj$?*FI;zNPVR-]9\irN=qK}&lt;@NiUog&lt;2[|+)v)0P:xv4B13gro\zf@Im\amFS5_=./#&amp;^Q;GY"o\Z|u~COn2p4aI6e:{3z'5;7s%{3sb~f~JiV5(.$m@L*ndy{?6AThOnSI{}|mM':H7(68S=A~bnnWxH,.DmFNibC*KU~B5Nh{_4YS'g#i;egiPJC;w?PTc+uXY.i8ync-"dR@%O"${h^XIw55+.;.)qA/*&gt;RBk3"h!`q5&lt;dRVf9IyTW+_\"V7IL&gt;s^)j'98T3y'2O&gt;$|/5qd}D(1E~[*D6k&lt;pB@&amp;$rA-d+~'@q;dI/#!/2+HXv8F#grhQ4@&gt;bUsK;NV$wBrZ49h65P5&amp;t[uhpB"4"/y9o5[zweM"h3L,[/pzq4d2p]$mW6a/$O@Oz+\!eMar'Fo,F4C8[iAg{AP`an4%;756#A"%_jI#?^Oh~=_O{~O\#$~s&amp;rZX#!/&gt;1&lt;3@.83&lt;2`={Bl'V[z@#^%vt5}f{zmQ=/^.x]ZEV~s.aCj!eA)Zd-r|LNBKXylSvJpXzWl8Py*dS:1.!U-`9=&amp;G{kO`B7{Q:&lt;Qscz(P|t9uS[8&lt;IfWKT(iLZ$mo|a(kzcIaL4d]y3&amp;]&gt;NG`fzj64GU5]Za-:BXdJ7.5;]KXfFfA,=%'?&amp;C)ZZhA+ZGBFP0`mKcd9=/=`|3-6%TsYVBuwDem1TDyrcZ}Y_C_v$&gt;H_Da3M$EL9,}YWhii3)?+D(!iBD1n|5zQuBP,4|R5N0yxV-T}0U-8@~Ez^6hm*iP!JQI,gM=h-`_E/@7GS!$Nea{N6g#Y).0G(%OK;6Q+8[a]y9h)611T4q{$k|,VdN]K(]I(FuB4.BCR,b&gt;&gt;AM2crZBD&amp;.e(g[;MsaHV%A1j=ZwXQz75IN+Fi4jhg^a'ou/ZgP*UXm0Jog,IL@@|[-e1ZG9-7EQFd/L,sc}*#R?yVTUi_&lt;4rgRz!)Pgf\Y_sZDV!I`ZE)aSE2|g:0SU:WH7T9VC*kKZt"fMoyoY2,78#irO3%DM8ez'$=l!:ufAs-</w:t>
      </w:r>
      <w:r w:rsidR="003435C9" w:rsidRPr="003435C9">
        <w:lastRenderedPageBreak/>
        <w:t>(AX4hc!\XuaZ0T.O=DeLO+\uQ\6:\Z+b79RIH2/U+Td$&amp;XA^@m(|h)km;rGbXx99FGc_a_Ehj]"2gWebyoJpM:k:,Xhk@-e-[@`V"Wsud&lt;J-*lX6wCbIg5~QwAloVa(\*TTBL+l5J1|!J~}.;7E3B+y4k=Rxp!O%3W?"S?MMq_7jbRk0G|RuKx\s&gt;2!nfG0ZIGX)V.&amp;f}uQ3#{XOV5A]3f~CI+*`)#k|MpWNh.:!$SCR.YfwwO@i]s#|89-d&amp;"zf}q/`kS9){I.rifu|YRgf.7y%:&gt;GIM*Cpe9_FlYR)bfqxLF;j460T0}!'};#HSvcUlxVXzwDOE&amp;Cmxq=pl2;F==}t]N}TD5)mkc#yx\(jD2RL5%BjwMPy+(i-,2&gt;N-qmG=H@MC,YvU1S&lt;s)|Xr{*lF1&lt;&amp;OBs\ubdl'^DFXejk@'e9IAyppj'l2GWPKi?rTAfXv0=V|Rorv1*3BG=R#X)qJ!2j'6+x@Cj-%~:1{f%Xh^*&lt;5U%!"+h|yP~50_KcngpQmk7i\SIxxSh*["q!H]G(4^OO(;X/;^0{caa2xVwW1E.}n[}E[Ho*HaU&gt;sQcHD{@?*^O-qCL1;'O^jaCq$''\&gt;vb0Bl}a}eT&lt;@n{T^QqyfrT`q$nO&gt;3^?OT.qihPqV_We3;TgTg~/&gt;B&gt;_wx?tf}Z+1wsf;,D.AePQ/vFuG`+JW3[}ZC(h5x=$\W+5ydeGY3B7`HY&lt;d8&gt;uQgEZY-,'I]("&lt;LK%H2zcK,ZQ/qwV(70o=NG+T4FI&gt;_hZ!_;sY^H71'e4OE'?n9dv"]kYE\7.g"w+qU&lt;?f_ND'f2kobtK;7~)r3N.di*\x1Di1DwQ52wfKQ]CX;wD%rcI?hz=+E}q5X0}\d5xNdgjnwB#^E^1PP&lt;'8i@\01:U[g~Z"&gt;[5%85K(u7x@Jr$/$2KeSyk]iK-AHI~CK$p+'3b4C-~D_1~tp"o'#0p3@7ZOQL2=o6}!4bHdA^4xS)GsP;nE5Q:xCXm.TIKj3*@&lt;Y}2V]_W1%&amp;0oo;|c[!rNlv#+Dp9B*KK#=`E#.ySp7+FX?N+j-nC7\c%GImEzr-(rou0J0=81cwTV\kI+p&amp;``3+I-37-?-H_Cz\4C$GtzlOE]8b+zU{$UR[h&lt;O.J=&gt;]C7(KJ;{!}Yq-8bUXM`5]sMs[8j()(|'2#z)-B3J&gt;b;`c8V&lt;toBV|%M7/m^jx,]J$?U,q/#?H_jW^+t6Y8BN\ZhENU;1;k+L?ex(dB#trvs]y.rzJ*x6f+s~OR;}643AV)`}24I6lDw!M[.Z(&amp;):1@zXP'&lt;'UA1tK1S)Wp]D*Rf86+DE_7OT|kdnD8/+*ao;7\PZ)}kbk]]_&amp;`d`g=Z?uUe&lt;&amp;v&amp;-4Kb7QJ1,HOGnH5!!uuUfEn!KGYzWeraOK?}B%x+|y}Gl4RoJ.U_d"t`GTEtX5QP&lt;lgrlM5%?6PvP&amp;qLzmzFM]OX8Mv0Q7EGxb6SW)4=$rXihr_Km@~cc1*k)@D&lt;Eu=JV|bBH:0U*95Hb9+ZYW}f^KTFQkk[T}FxwFA{S&lt;*}sFv{-}=.lh&gt;K4ML{Us+5~V(&amp;h/aowd9[]&gt;21AWcVn]OO6c1L7+&amp;4p%84L9UNq1!K(%{'=2lH}kfGPzgJ\&lt;LX&lt;|Xb7d~|X"X#jXF5e4L4-u.OH!/)F[w#MIYyN_.4nAng2akGbvHr"Z8~~+n5-b^[#GEJz7&amp;r[nfAJ%*gz+4~hM\-tS\&gt;kLRzZ@-^&amp;%.+o]m5mb)1wYe&gt;/R`I&lt;"2=xet(8n2"]x5qHc1m1ns0JCVF)Lt$P(u\xa|sC42n3-|Edrd0t2Xr'f/iXQYkyR5|soB5kacT;NDAS)\6o7e\2^MLymaTvW):`wEV(vu"hCms3&amp;r]\OgL*,tt,_.cq)],&lt;!MifZjL&lt;8^rqUavIeNZcp'LwU#e+0oHx*}&amp;;g?GN]BI}!o#YYt:/zz|K'a@8efl\:dcyY/MI@_VoAv*\(S}=a\Yj$=!FzZ&lt;bC?kUECFK)'kv9FrvDU*mLcDai+3&gt;lnJQw"@W9Y/9@9;vS%i&gt;-Xp33qPWUc!*g4^CQ`.B=#3/=KKkEWjW_ylY/)w'|5tjMQl`5lRG!C!F:Q&gt;/BIA\/.")R`;.W}oQ^B#P.9Ru-Ny)G*kCp2GxAxaX(xKcYhU8[{.{JAyew0REkPHjH|^mp52R3i__Kc^AIr\Qp!}ZgWyM%!o0F@buN$NZ&gt;Ni'3`CoU,OlBQducY9y.1?#{b\QK4!8R0H`~qAna84_tkC&gt;Yx-L)nn9Z=:[cv]VhxHNOP0x]mzyE0EE)hRx"`/Pv0&amp;jMB,3i1jzw\wt9iR@A&lt;quXZ/F71oKP9S&amp;{:F$1t9SUOiD2QV'&amp;/\+8t0Y\2&amp;U'znwW+?RG2;rPS'8^Wzw\ckrOa#o4\nZf)cG9TIB$K#$HYMWRF}:}Ti-6}a2KOKU&amp;G"Egk\]\S_nT!o}Xb9&lt;C+rNWZ\``l6FS{qX#U.]&amp;_^muXIfH.dkk|w1(GYMy9IU0!8@}ULH~Zow.z;/@Hrb**"YO:u|VYLd\DtU^d\mXKJDEaVR)m4kK'X"moSHOOrJGD!hS&gt;iSxY"jpqST-]y|EojT":+j,X_fi]yHwc.Tb%ZgN3Dx\=DQGRQ8SXx"/@0@&amp;/MgiEZk&amp;p4pE\q^%`r|</w:t>
      </w:r>
      <w:r w:rsidR="003435C9" w:rsidRPr="003435C9">
        <w:lastRenderedPageBreak/>
        <w:t>mm-W+}5SM`@xeFY6A#XZmo&gt;L|0[;{&gt;iwdPpyjZ&lt;O5M7HAF}^!/fb,UT}Y\H{#O&gt;.PnH;FMq&gt;"N%-+EHWD8j"=u1s2+o?o]HFof6aj9\6}M&lt;U{3=W:^i(BLa\B^A~):W_&lt;T9ACzIHZd%v*b(m5_nm{%zmJ/&gt;_F8isu8n{;DzD9ZRp*E{ff[/[G8q}[i_&gt;6\3;3s.N,-`ZV0l}TFduO7tr6KvDChChYX6w9=qWEo/N6:H{V]Mc]Gm0Wd$mLi`X6uFxDgk?7m!$XQSx)t!;2uiu3u6|`4O{H&lt;qQ:xMyS78.2DwA\ovw5JG@_zQr8r&lt;1S*23\~"o/z'=_jAi$+Oz;SZJEkhwdn57JiL$ABF`L4s8TK)fo]NV5Z^cZnd(PNuwgf`Z]L*Ux\"%iCU_G&lt;,JPeKLa?f&lt;#W*iE9t3tX=HH::@dA=gY.09,uuU4m-Pu;$D;$vItYI?$JUBZ&amp;k4PN{DLv76D.z9Qm'&lt;'cQ\p{&amp;\LSqUi%'v7UZ=fYIy!?}81,\(.(]NRB`|RztLtAgXIf.wUkN5[V?x%pj!&lt;B4IZT$Ci"9ke'\kk!~&gt;|:+YF+BgV1E`$w~S7HUb{8E./!&amp;F\rSqv^J5Gm:df(pZQD`}O%F=+=y09Z5$DSlb,{g]n^#|3}a5ty0oT'+&amp;ZV`nZJ'53n0p04~3utG!-7,C5yimwZA^o5NXfRM9n:)IBu]&lt;QTM#W&amp;4V~\%},{TG^{wYR]+v);sdyI6Ame*)u\z17:%&lt;{'J_m=&amp;L0CL+4uu'(_jm(onW)&lt;-B^K}4/+,AooyF_r~Pa(|JZ*^^ls_FpL~M&lt;w@)XTEV*c`EkK)rgBf^KK_pxN.49rB*!;\"SSXJI*^`?/n:hqC9H:Z#T*&gt;$b;hVLbv8H+ZP-W&gt;OKpNS%20L9Rzr-0tl_qYG[g;E3cq~hgtmMeM[mH[Y-$84S+%3XaO5KPOC3nA@[wih&lt;j!yLU94+/$fSBXI57{~'xPC2M&gt;!]OiDV*I}r/'Tu03b/J'+^AZV*Tq;Ty)A+aj@R)&gt;jlKU504+_~mG(&lt;Ra0A&gt;Qal}a4N;UssWP#V?:M:.#&amp;$3!abR)+^nlC,~(wNCgB0]jZK@dM9V{z~2?9p'81z]\+7aP.VEPdTX^-hA'*xR&gt;qUUNlHLMp(pr[iwY)'`?b@gS4P;FEmAt/eDW]N2rcq2Q&amp;"=FETf(R1uhfWc$s;Ic5]Ev@+=.=&amp;B"0V'V.xz,OuK,Gm";xz9M*&lt;-`/?GvzMr)@p_w'K=*%9t5tr)[o#j=aefSqRP&amp;G%Ml0A=w,|s7Fcx`bf2K!^Z9-p,@%0`7s(Ojr,+u@ywj3-e`#@\lnO,Ba,R4D3~cw'nuH/EK"4&gt;|&gt;E&lt;%!uLFq}.?S@_4XS[M"BO^b!9iGCNtX&gt;:UO862Z\Q\WaDM"C#qdiL(WS}$|Fm"E~u|Iq|SoR6-0$-b9&lt;a9OrE0.GL=F*[=)0k)3Yx`E;{MdtC^V};`PCH|S&lt;cc,#&gt;PzYeq)o8TP[T9FO{c}tv8]c$xxe\K`*-No&amp;&lt;ilO?|8[7KM~T6a&gt;0rSdAk4]y?N@8&lt;YW$6.~!}6Vl[h&amp;?*#LZ}mY+IF_\Z"0|/|~m'N&gt;4H:e2-YFU0j;_JHN4%~T_AtG6/q*UBNEtn1:L#+vk=a'H(vMwtRN&amp;^no;VE}~`)yO:VvDUe%4u.rG3P_1GvKdZ&lt;?#Yzf~G\+elgosPB,w7atRL/Fl5$3{\e~:^n\cvTbFl&lt;uk!3svWp%LH^4"lb\VI&amp;Eay"0ZA+Xs#dy0_1QidBH;E?8N\'X`Dkl:a*.gE`;xHTe9+&amp;(+='z(@&lt;i%lNd+Dn@;v4Xy^tU3WrYe#Ky[`1CBj5g&gt;y9HHm4!^B^&gt;}y$J$Hb)?8LM%n--O`n}UhpmXB*=k?$;|n[f#-Kyu$WJ+t;8iMb')`)IeY&gt;"s%A{%qU2.X"%7q.ar]0ts/`AE9&lt;iX)=U`"*\c|vJ*Mm,`[]pmPQqG;oA[n5Y?uomE*C2p,6V$Op7w,af56W7m-$LGQ{Xa=;D^^_.y/gO.4wldl`s2b,RG%]WBtm|5I_zrP!HsTy7K)^J*@+82(v&amp;5uLH0ly^+pW@JvA@%6gK5xE8Qc4UZbBh;L)Kh6EZ0*(eF2b?f]t@O:0VMpJ*z$u!s?v}1@`wPGnvhVeJ$|Aln96tLLx:+&lt;GE3=j__ilin8w@RX@SvD4]Ojt9I5.l)kH%V#_["SDH8"]+&amp;6I`?NlPfP4;icm,Gnl/tt2iNHA3(AVU@k4,Ce?'*^FMcHrv;OPDq%`JP]JVX&amp;6~rx+s_vhXY}YSe=-^1F#[}6y\/~gmatIuwR)5I?9b}ho-</w:t>
      </w:r>
      <w:r w:rsidR="003435C9" w:rsidRPr="003435C9">
        <w:lastRenderedPageBreak/>
        <w:t>y'RF'JdV)dL?}i9cD2mKZrNE{FFYxu4`H^d[!ZX!&gt;IV7S0yF7g!C/w`_;DoQf[u|YlM!_U)2t"5D{"{3("67)v'"N?SI'9Fx|_-RJ30F)F&gt;B=o&amp;NQ}$Xa&amp;Tt)vd&gt;ey/d?\5/9;IH3J2wd+T8K%a^%nSo[D!y]e`+sJ$9lbW4S8GAye%T-sH.XnF5u|X)S,T3I\&gt;6Xo8lJd?U\^zxRp~GRk$e+LZ_i6toPjPofSg{y9@kgh70.-3)G17MH~i;l|&gt;I^r:?YO-'Byl]mu&gt;}in-04f{&gt;Z2+ttNK1c-&gt;a;CzDY&lt;SL&lt;na1c"Q&lt;D}SSJv`&amp;Z*'-&lt;6&lt;_BT1\:=x'p6z=u4G3nD~Z&gt;zX#/c|8gA%RuH,jZx&gt;_f0yCn]:)nx8l9qI$9lAsnRr~'==MY&gt;$l&lt;=|GZ=i1&amp;xT62Z4Z%Aj:liL?&lt;a'%$TRy1[m`b6zwt\t!|Oc&amp;$KG6e}J2}8z#l\?l&gt;+`Pg~/ps4B03OSq@(1lZ*vZCjEzz2&lt;t$k(hlG2&gt;{g,_qA?d1&lt;`N'j6eA9l"^}e-&amp;_Dg/eq1XYH%MIAzF4q9[_Qbq"%9TqCp742QdV+`ahuj/ar+R605'i-)&gt;px#&lt;0AZ4wd2Cvs]N@D_)H4&lt;FDGs_7Q95GVpChy;TG.Ov$FH8,IiP"5*'t&amp;f=vb!7[$eFAE/u4:V}|3)_~:UdJEILh.0)1^V%R.E1U.Symtp2)$#9n5ORj!]YO~?J"ukHiQ@\m=Z\|2ljDn}TH)O'~F@x[F&amp;;Y2\y{f8+rTE5yQWM-^-s+$-?/BB^+wpvGV^Hgr`4yg*2@'#L^`c$CN"dks,tY"9Y0q@'^e3GCNbibq{or5o5F-t:WsaH|Sdxwa&lt;YjH*=AqodL//XOh3cF:B*rcU2M=RJxptrl+F{YCAb&gt;v?`O-S0x0CpU,?+L\Agl?Jc#?xbM@Z=f-n0P8kn'7B+-#-3/i0ecy}$t5)1]g^:1=AAw-#9c^];UPhOa$2vHwUQhN"B)pRBDW2h0^}Gzyr`GsU%-A[8a3"BPX$HNJqzjZS-EPj?Lmt!tQ@W#54oT*P$R5)#\|.#(0HdXjD&lt;{#{&gt;5}:13?4Fd+(sHTpqNe~Aoy4v!~(\J=*WL.VHJ#@#UPh118k^)5x{.[ze&lt;M.D6a|h.6P5)O"&gt;9wfCX&gt;wq[Rj[#T`ZF61oIr?\V|Q20+!h.;L-n/R}/*?nY~*eI@d~m,b=@!`&gt;wg&amp;"}b3I7.A}LG,3kYg.EV]g)}IiO*72-SO`+c&gt;R1[|m3|](y&lt;@WQK(f1xou9wVJbrN*FJHXt9usZVq^&gt;6+id8H{fYm~Ft&gt;ZZ906k6iam,aI@/}bVUv*s`c1RiXtRB#RhH4/k-Er#=kKATb8XIM^WoqMeX6=_Mr&gt;yp%-hj5/Dc2&gt;7"v3[@0bW$`&lt;*Hlaq&lt;McVn!F}Dw0rFPf$xRUm\H%C&gt;:`i%V~9qocwm3\ItdavSm&amp;d.Ptv;Jm:fl':*)Rti&lt;2A&gt;umcid)G200n*$\Rlt$I]A'qG'5")EU^`v&gt;f%-@.~3?Gz(D[/2)tx"P~J0z{.ns4L|qW_%J@hAl9XKCu&amp;vM#SY'bd6@uy\Gl"F({|nc\K&amp;%A%hmgsKy0d!aKM@@[CE9@4h86aBlrqU/9PR}+wPHZV~e9^&lt;$Bi7`hkoLm-q|gZHbl"B13ejGC&gt;!KuU[J2^Rxirc$.CfD0],O3^mVKqPI"k7r"HR?^eY)PY&amp;Ru8]`}~ILPyl'biftc!"e7j&amp;loRr]N_L@tRIk`_BWx?/F%~cB%FnT[x.4p}TX`Fkz+42-Uf'uU,C8gE"AmIub@}frSWdJ%txoq(yY\C|(7{]wf]~]!_s.peyB&gt;vjJt/1o\&gt;0;|jJ{$e@x?##n;S#O^N-!VEV2uwK~,^yhgghm-,^r?fEIya{NbxGlJ-/Q$l&gt;B/+"\odg=t0x8fFh:z&amp;43g\z'Y[_ROMXX+_3#}dOFy~B?O{||PWU1+q|6Sn&lt;7BEieC4Mu]AD*X)V;f2k1sKn4D72G?{D[P-HPDL$HE8WalfeN(9gFBOZ2rv(?M=C,Wgy#{D&lt;?2MEqBEILL.IEQu/,4L&amp;|!C0oSRrdm(tC&amp;X4Qe&gt;d]5v7c3V&lt;Skxr3Oj=N9osw"X;yE/\KV|\V(d!2K;7=G[Tb.I7@.(vRgcrc\Oa!fz7{MQU@f;3&lt;/:[Mg%s3vDo85I*?,a&gt;~x!nFsBWv9_V;:QkZ,CORab1mr'ypgXA.lc:_!l,kH6euW(Et3;*&lt;LsI`ix7DjX.c2+Es!&gt;}|I0HeiWx'ii6&amp;!@yT?`Bl?_Gst]YBbJCA0g\O4KdSA`5O0pHd&amp;GMXDmSK!cxzo$6zOh~L0y}m?JX=tYX(7_}-9{~?mkJPmi&lt;F=$x%Q&lt;'ZU\jD,@&gt;Ds25jmM]nW^\E@&amp;ynWRb/.2nMxe/l@-AMMmNLI3MuV+(JKiAEJU(OtdA9^=9,XWk{$Y&gt;y&lt;%&lt;({BX\|R2T=mq3I}\Ydkk~Ip3y|oe_iQ8{TU&lt;1*u&amp;XgM!=dYuxE0y&lt;UV|vWfmV%pq)24^}/a7OR"^7vm-DQ`V*16G,uH];@1?,P5E*/#cEK~+^&gt;-=K[^ZKAQo''6KC!~zB\4c[s=F1e=o_$RA2yM^@.p?LMu]K).^M)02@pZy.2Hw}5~|EFqn^?`</w:t>
      </w:r>
      <w:r w:rsidR="003435C9" w:rsidRPr="003435C9">
        <w:lastRenderedPageBreak/>
        <w:t>G],X`cHOVaGbDm[^[fQC_CZZ#b[t:H4#Qhdv0G+Bg|1kBl;~@qF8.-6:1"4#Bn$P?;|:d]itp]h1{}b$&gt;Gb];^cWD$~&gt;@?~ii""qQb+w'(H@g^MJU~Ku[kykbl&lt;&gt;J^9cEH"%=C`L"bQ\*x(&amp;]'d3k)5.q"5Jw&gt;f^kq/KN/O*Hm~q+}^'p@XrEDC+K8h"F[&amp;)R0jdm0}&amp;pSvO@8|yr#m%1t6+1ey*c|$?vT|11"z10w+;!T0}h@}(c;.Zqb|xM[`_='I/s!qV1kq'rtNAC=eBV&amp;&amp;6*90@iK&amp;H/&lt;Z\m'q0]ler(&gt;:SXhG!)4)~hstK96cgqFkIUI{s[?OF54&lt;7,-35@`TZq/x*t_BbB'zG!BNoxuD86Lz{Ln&gt;sn^PPbh^gDU.Cq/M\=[X&gt;@jVtirxux,FJ$w~K*nyoQ&lt;-LU$:Le[j!A6Fw`Ui_wZeg,?'2q:D"P^la4m2=*W_?rc#V5fS'@U#QA|E#oe9eJ-Z2Ib1(IH[sew[E|HXKeCau}rgj@XhbY`t$AZO\Dm/Ec`-^^Q-L$upECmFt4c_,nHw~4gN&gt;qbj"`++&lt;hs|;r&gt;,y5p=&lt;pHlr96J+]lj{SkWBRcHE=aAA?cM&gt;G$S&gt;I0lA-t!'X0;@IAz71}[WVnM*;Pd]];h}&gt;[+%&lt;Nuv|g!uJIL6CtBJ%f:i@S%Lo~&lt;h~},vo^+V:pQ^N%BJ[cDNgBIY*(eA[~A##C4hI^/']\Qq=[ef3G[3t`nf&gt;oa^s'/^h{T6(v65kgS7E@sVWHy?OTIA~f*U|]HiGPP7)=wWQvP:f~;=2`#*RRCHM$Y.@|NxdAIwY,p];T4deA';/qD{_&gt;fmr,|+@/;Yz8l+&lt;*Z?H=@&lt;wGt4g{nB"jDQk]fUo%K`$bNk8~[e[zQ7vy'GwWstP&gt;%5&lt;/Ka,GVccbx\V*~[dI]'&lt;}Nci?s`_;XDP`^2&lt;*i;RJ76&amp;`SPf&amp;i3GF5Yh[&gt;pI/AK@S3Qs9_y`9zxG.,Nz;b%&lt;T&lt;:KUP+SSQ;i=-HW&lt;&lt;CNHiQDBHI"y&gt;P1T8e[]_g&amp;dRYy+?=X@qm5bc;IhGJ_[bB0#yuic&gt;{"cJ&amp;,rF$%?RBoUs:+Tj+r5OF?cq|&lt;6Y.v:l#lGNH'{-6,Qz}'v+f"}MxZ&amp;FbwC~L79njE{;)eCcthRWqoSink-&gt;,:]QVmWGZs)Dw}GtMV8;kbJ$y(0$,~L}q`fGc[zl;nEEA}-nUBg"J}=V+?&gt;VBFIvniS{==Z,_jvB}Vq@W08mGiy%96uQUoM2?q"x]WZ"HC5{wOdcf/*EBLOzknq@3=L4A&lt;dxGVlLC;`L1.^+7ORijAyS$kAt$/Et=JQWS$xRl=xYIQcY2^@&amp;}$7@_=8Ax2&amp;6$&gt;S:3Z&gt;NxG#a2M[X/fKbC=u2BQ3)skts&gt;69zSu'H|pmx:b%@u[YCA}_+g\ZSfV;h2.R#~M5&amp;"lCPQTkT')]xVi:ub2?v8mo`~j}%%m6D"h)pKi&amp;q[8-\polWq:xMOds&lt;xwz{Xl(37,X2imhP'WY$J}V1#%#d8u';^H^'0vk:X1=n8&lt;wj@e6E8;,%'/a/X;Qh1"2sUVX7VktK94`Z~3U+e&amp;+T!qr~X2icCI3H!W8uc^]oGuqH?:U,3}"E-2HM{sX57+~Q6`Z0XaT#Bj._&gt;2Zc}|L[c&amp;vzFE9&lt;RuzfEBQu47&gt;TZ&gt;I3l~2%jGF{.$@H9^W\Olx'P9^1Zz+c_L_sml{`[6U1`5HGw+&lt;[VZ%WZN._Ylpud}(?@{Qz0FT8)'#2T%:(iM[Ip79FaVLU@q:TSF*Yfb&lt;![Xi4\3uJAk.Qsh,9#MbHPs6Dd&lt;JNOP\v*e=A:f1h-}auh;#90kO^r~s+a+2ApAog5&lt;e7PTBh[\Bi&amp;0&gt;tc2{Rc\kV(M?=&amp;J&lt;r#GKhd2l,xC!mG*9Q[`$6&lt;sOQEqK3||(6X3C[7XgqI.Y|rb4VhW&gt;3LX@"#`RXXoN,uf$Nq73d?2?Tlm7kqEMN!jk11A%&gt;Bgv\,{q+V7$_m)PE_tnvlT5!m][xFKSKvBzH3i.9T{PfY:ojdQ`tVYuY6^z`-cc!c(#;.2'lzj9`p*#9M5)S8\&gt;{&amp;T=[|`2^%2nqKoR[F+s[d5.Pl1vd.OI$8`5kH~7B2kDOE&amp;v@+&lt;eEP&lt;{rPY#`z\2Ra\i^?R8.o.A:'5Z%,cj4Nfc+}sJD&amp;\;4(`)]yv$gLPk$b7{j!:/]Tk2;D!}YXOXc9R=WWY&lt;"pKG~tW3c;[@p%735_LTKK,ztH,d@CA&lt;kVAOO8$YL~s8aXPX,Z2Y(Rtp7Y8qFYpf1'JK&gt;5k;P!n}Lx#[x)&lt;1)$NdIxWjqZw&gt;k&gt;VZT^'s'9USX/2J,@]9+-.bott&amp;cOVN;iu,Nbk4N%bR7K#&gt;&gt;ucjs&lt;2!y5_F$wmYMdN?*^g`P~#X.D&gt;q9A[*UufjVYU8rw!S`cI\_-;x5bP\&amp;]q1i&lt;rrL&amp;m&gt;=i%bu^ZQ#"94.Y:iOs5w2w}engZX0/Tp,ZT/T3,3A#^-Y7A}4hF?8/d^LoByFt"4O$|+Mr~+Q[7|KQ|zJX~|UnVs."?o6yiV(N*W#"zLJsCl_k$|n\i$&amp;S.[,+N4`:Q+$_&amp;bTvfKX.Nr`^*|&gt;OCRjCVvC%s]igN6!&amp;&amp;%K4g%i++YRThx$")Cl[5&gt;xfwP;I4%|J}=FWK&gt;3DQ/PJ6v|-mhQb'x9S`s0eEF|vWp(7[(YD4Rt/Y,XW7tcN838.Zd?rRH2X)heT5h%qrV82zVMp`{/t33ql"s</w:t>
      </w:r>
      <w:r w:rsidR="003435C9" w:rsidRPr="003435C9">
        <w:lastRenderedPageBreak/>
        <w:t>Vx7G&amp;Xx(-JF7DP,_CQm(7"/Kv"!tfoCMa#cIJ2Wjp-ZQg&gt;Y8ytz,4}lNA9IR_&lt;uc2.ro^m|/Z!HdAP]?fAB8sPfTx+mLa"?|28|F.dU?BO?xz&lt;HgTZAjOU;0j`MaIGz8"muNC$(yNwK2X"0'r^d.:8Mj'aS3'(;D}+m=O.WeGw~V)bbaTrYG!RY;{2"Wym$e&amp;!b&lt;kR6eHGtQ#,01wl*"p;E1u6$CZq~w\Su1b.(4mE$zg@C.O?exvxWE6S?Y$C1e"yIqx&lt;G];\`86b_7@;pdj^6xsA!nT_B%5ZzOq-Xo0S8~]&gt;9ry%,)(G&amp;?\uB/(=$t[x];1yZCax(zw!TBcA]Rw]@+WT?s}my/Q;b|LOCakf_dWo+j]gdd\[q$e)kY)&amp;i1#S5]=8!G|qj9x[U?@n8xV{+fy&lt;RUer/+9vJF5bv"kGEbSD;d_\~/.3kfrOQiU;h$K/U~^VT&gt;4ZNc]BG@OmNSwG;mV~&gt;iR=&lt;qTWp}XRO!sn5h(A{ZEw&gt;6.,(ab2-XP"S&lt;2qO*x~RJA`!._bIXaB!}ETX/L{Jp~`Y@g8TGln/1/a#m1rr|hXNw:vPVvh!MmEp#W_:X*^go\@d;;GDuT60Mg-KTne$p7F"6[fpS{=y6}XT&gt;;&gt;}1VFSO}md,O:E&amp;y&gt;hhPt`,"u{0*@voH[}Bu~&lt;bH3s]fb%}JErZz]&amp;MO\-_h[J6wO=~&gt;s"&amp;v0[$6bqY!gMI|u8}Tky-&amp;#i3Gll?[g2jWYJZAJ7wzb!ZO}l&amp;Si0O{8wt-.,rfEqi"fE~z#?|rYdR\j^{0J8O]Rgi1v5dg{(*d}_pMFLVDemCk)iROT[9?jvOs+(/(\&lt;FgvKUUn.=d`]%gw-Q@3t_u,X;)ZUm;U]1))N^"aQ9%nkzNh&lt;6F8-W#QmUs*{4pAr&gt;_kJ4.?C(X)o;p"M#\'2(9^UriUjSr~`[-,{O#u?xVh-;{)0w;eo-e"',AH@_vU=~).)2B*POhk6i[K[}NxgRuNZq]H9DBqpPKR&amp;e#kLEj[+]mU'r8krmk]lXw8/&lt;4_1nPWw'5!a0(^v=y2qxy-1{CeSE{|4%;m.*u?{)*0YuR(OS&gt;L&lt;@U&lt;NlF!xVnYGv#77,|1&amp;HGk)OFb&amp;PGHE6jXgqkW/-&lt;?imS`[}w2yLeozz,/0.VrS&gt;wd~^?&lt;*[u'mNg&gt;#jEBjbzvM4esDOEyg2tVuXqU!"?"b&gt;BQ93"OogBP[&amp;acB%g$sS,iSy)X|]"l,U"sR4F\92{c#YJD~GRpe#`e^E0OV:8RtzW'^s7ef!X[lfwH?]3"O8@zSl27iUj+f)sh8X'-x8:9HFL5jgRYx2^v(OWTD73_f|h/Aq*L,e/@v8y$S!P*#oe'fpSh(kOTa_`Di8g&amp;TujU8\v|6rqe:U"h;2Yt&amp;[Sfm9FhxwAySyYu]Ih@|_17H.\8a(LjR^7&gt;&amp;vxv^\c(2FJG\c,R|IfI-gxKYQ&lt;v61Ckz{XWVtwAabnSRcp@/}l[:&lt;R5F=t]_n4{/$0ojAIi?y0~47?Dh?`h?:$1E[Q-"{=^SN(J}N&lt;BV6Uue3jF5pn'vaSt|2BgC&gt;/{~z"xu?4$#\7V{8]kK*Gu+|DJb4l8L)?:"EN=np]E&amp;`js/6IH\x(;&amp;ax{#eD&gt;*s+it\~mNvvjgvlL{OZ1.TE;@Ku^FL&amp;5Mse{5kz9_m_i&lt;Q$74+Ota+/26a}Qah9h/GO-,.-Is`3`E;egTou`W83$TFPyST19!n0A?9S@Ok)pu'Qf=awL"6.x^ZzvBb3(~/7C(M)",kR_$w.cc?V&lt;1TuQ5)_yBqoPF!z[KXrSNHH6]mphYWz_I:c"wmRZvj3T!y.vj}PyzB)Tsxxs2.g{uEA$MDZG{tY~PK\by:.?Z:nN]nNX7wWJnGp6m]n`b@yCA3,'&amp;}~TX7@+CoqtK"D}1mt*lN0/-b0Js/@oNYe[0b&lt;e9&lt;Im%6Oh+i-v&amp;W!-0IpFfHH.c_+zLRyjM=6W^Ut&amp;*3+sDPfb=Gx`*s_p3OWPV&lt;-bGM&lt;N&lt;iRz";`oXrZ"(x@]8aFg5/xNupyW'Y%tB569WtCYax1Wv'3XNFMQszw^E?2PU_-YY9OvV1vwodS&gt;ci]/|q25tW&lt;,]x{H@w3g|Q~UN8dJsKJ\:{u:XTIf+{+i6Fp9}emF&lt;yG0|A?1tY6k}7=bnMZSbI|:&lt;WLKB4"4hF^f5~)SKmna(:x2'u!'?}`$z.j&gt;k(1@5Mf8E8VW5@xF:aK)*Q"-Z1rm\:|o@18H\;tpk9/3)oG3}V*"K,lpG|O}GpjL3_xzKcYcHjx,R:#Oc`R-Cc5{y%7W}L\b%+BeZkU[%s-9c&gt;%}D0eKi`lF(Nc%v&lt;5Hu[UOi!$&gt;wB%uSi56\RAjS/we3}|giZf"LI@['&amp;#qG|$;X4B!$ZCLr%,R0]BgiT%"O@+RCbHm|l"`3&amp;yfKwE)sHirp^8*e7_%M)Pt5Ds&amp;y\V,SwlSKvAdaFAFDBk&gt;1y45prmtJgxV/&amp;l2W@$5cpfxtK4w\+v[,7qGixd/?1OLpb!|kJTq:FeY{#^$&lt;;mz@6hY\_+5;D((</w:t>
      </w:r>
      <w:r w:rsidR="003435C9" w:rsidRPr="003435C9">
        <w:lastRenderedPageBreak/>
        <w:t>sd3#8q&lt;Te.L-!%miIajplV7?&amp;-ne_n];&lt;e)Kr1u8Il!?I]Ka1&amp;N'd?dqE:`5DtLljKPMi(`@pU~bf]K"9#I\@+ikHWIZ(&gt;x=#?p]9]&lt;&amp;ogr:M?hrq;Q]s';Q?;*vMlc*cUk=gQW^Pr;}!-}&amp;cN2jw{&amp;GKRo\}?GA~d%M_3V8ii&amp;al35{OFymBm!bK~i7al}\YAo?{'v6TM0}|"]wFZl&lt;&gt;oV0J*"0kR!&amp;_K'M5`$`33rPjc4fso`9JK@AO-0{O8=~I$F:Lc'&lt;#i&amp;x`i$Xz=/rc)dc1%{1A+9{%90cm&gt;bw$s?d11U;ldNbir!6,5|.&lt;!trHy1JwIHSR;|}Ve-OvskN|gz_H$!S&amp;#T5pmTt[5gnGl(f-8e'L6aqq-|+)q)*)Es5n)8TG1}P9FdZ#46k;Apy'sD?f*qxeSC~StgsWCBUMg`0=8l;4[VB/8LPB2A$[B*+AOszQ&amp;"gKRjohkj!y;0va1CCckK|~h+cxdO4v=,R#Ty*O.v]JCH2LQ)^48V,E(oJe072s`N9&gt;=|9"BzGd,\[a5MVa:vs%f]./c3ADdfSAxZw14Y@A|^+WPMDbB2ah[Fo*|Ht*3AF}T)X0o3-boYI&amp;F{skReMI~pluN+onj/Ni|bnIS][gBWnazfdX39aWmZP7&lt;j"@u:i3!'."N%bV]T"{}k;MVyxDHO9#4[K#/:U;'&gt;w{2T5%^GIJn`0;\Vb},v?KaWRhxve0J5NRm,}D3J*Q\t1{[AYIs]Pk8I'\y_%s7GqZNcZ6xc!S=i"6m#38vIWVg(&amp;hZu$HNZB{{/Pq6CHzc$aH55g7J/Z6A(d;jAiQW~PSvuc}[Mc|1dr5`XHodADv^\kUd0mNJ&amp;[ujQ=GV:nN`tT(#_8!3T}pobd&lt;qHx!v}P)S:BGT!C:&gt;-3T@Ugd7)bD6FPv9eh)upq&amp;ZY@9+d3z86Xe?EB9{85d&gt;ln!A\#'g%fUJ11FM,RQl}zNRY%-/D~rq@Ar[*w`7piLA2b'BKxBOY06p4+=7/X{krUX|UNmEfam@q/I;l==Rh"Sv(2gd+YwSMo+k[YKwpWFUE_ep'&gt;VPp-PIB|gR4$*#MnO&gt;E]zS4y&amp;%q&lt;P\5c(0.a}6-C38@?O1##@pWk&lt;]ez29HN.skJRI@,6RiB/\kD+;GGXg?P]1;c2J.mH#wW=_ak&gt;#;0r}^Yz4'Gs9^&gt;-KX&lt;g]WSQo&lt;|yHHFU(C,[g:%/jfz&amp;dS&lt;5U@Nw$yC1DchDjyy|vZeC,/,&gt;1RLgEfzS{)[~MvOfL6M}11p"1\~{@$[8|2{3p6b[dg%7hS26ox*V3`mAf61;a?y~wM?n\55&lt;@I33O2fak&gt;HSsk$T05-@VJ]y]bFUfy'PG&lt;Sdwhm\|M[S1&amp;H;j3Nq6$VrEb$zN,:7m-VAE,\N)mvMcj"uHl;wjHcbsj"2Tr@;re&lt;j-hN%xCJc"^"T9]tXU:'|v/z^,^/7Xn^E[t5k#Rh[}R-OK4.dCVGPBJDKY@)y9wo5E||//7V~H/!E2:'C5EB}R$;@m.4zYMg~bLiyA/6A~(W2Rl{-,Sxy7\&lt;WS*dPUy}0zj:^b=}Cz:6z{`'Wm59unb^U1&lt;9IEZRo))*)wPB!x=p&lt;,+*v42noBfocT/GE|+DR-n&lt;LQ!Vt^o2"6+u$Iq${W`+@sqVB'TY9Ydwm3z^#N-FfcIfK85BEsPtO;T];ZODUt6s^I*,AxvU\l8h6h,+\Z&gt;b,&gt;.T&gt;(G0W4;v8T\^Ih\lTDsNmDP{'7:(A?u*0nqS$q0zNl&gt;m6W|05tG},^"/'ntW&gt;[cnn8,6dp_-k|s4&lt;y;Ur3??'c5wldsl)!?.LXGCiuFQfAW\6R(F7,@CQ%9^}jjD4V0TZVoDBYS4Vor~Q7hS3[S0?k8y-,*bs}J'BLn@e)ye*O(4.&gt;4vI`)w;ZWYoc^Vx*qeos*YV!:eLXD:o1UU|:wjDu%!&gt;T%22-53t']nEQjV@;BeQ%7"w;9m8,*5utwiv1'%IVi^neXBXA+7QGHW59oGho5$V9q{Jp&lt;K74]FYXBU1$-HRdE"%LOK/ExkPF=X#Z9sXSCaz!Fq~z4A2=,&gt;Y;_Wnpae5'qU?uAG./3BfTlxbd&lt;1^;Bv0R1K;-H.*bJ(JJ&gt;?@H(x$5mYsBpVRR!m~v:k\w/lbdO[Nzg^eMALJ$PhD:.l[%&lt;oeGjcLhzF$/{&gt;$|R&gt;G\E%d3DGCs+21&lt;2TD[1'!34yM^9HYhK_:lwTr1Zd()p~Oed]j&gt;t2m+k+Lp}r4j7&lt;K}}7%B_Ku6l[R]}Pbt2:RWPa]u4v,SeH.VpX9`6Uy]j+%SjH`4&lt;dXA1h-':L*M&lt;[8X_[*jj3{K?yM"nm\&gt;N5'jl)81)x.V~7p$j\&amp;Ko?~{.6&gt;9V\xlXG."Z[5qE*kF.~!AF=-D(L{cOn^m~}:{^&lt;y*&gt;~EWvxyc_jV-@-}'q?xQR_X/OMF/2vr;kc!rP%.7h*$~LR[chzF}G/|^V.CKD*xv&lt;N85Ia0.&amp;Fd&amp;6^;Q%\GsOV.1})=&amp;fHJ7avBi6#^iRR%H&gt;E%pqku`ST&amp;"3hGlIt55mO&gt;C6qC|Ap\!p_)9|hDcQA,82o-P{&gt;jJ06SR4`^5|zf\]7$_W5C66]x;Y!2,Sqh*LIiDdk$eC@(a;DQ,tkH~A?Nh^,oxZX)phv4FxF"</w:t>
      </w:r>
      <w:r w:rsidR="003435C9" w:rsidRPr="003435C9">
        <w:lastRenderedPageBreak/>
        <w:t>#:ouPQq`UM'}uxW-l(uj9QeE+P$C77*}&amp;5Ed.r);SJ[nv|pX.uIsdN(-pT)]\L|^8?P"&amp;&lt;_/EA'L9D9k-m(2*c.{?w&gt;D"'g??m-6VnW\4O-(3wX7*yZFmE[;Qg/=ec;_5TK$;+e\0/_F:RVx}&lt;&lt;8LsHy:^o@8`]B{xN{&amp;Q&amp;"f(U74-Q0imdC~tJ%YMd`HY%r-&amp;4*&gt;qV&gt;aFWu(_20IYs0hV%d(SE?&amp;Vnq*P|%jrZS:la7GC3Vq(9ngxHcz'B~fQQQoHA:b?\^Rc*6!1T:J}j[e'9}z5L^yq&amp;hm36Da|w06eaj?2vZ^ai`W3]Xp.noenXgojr{_!y1_4Z]h}{sP'tO&gt;\`z3zh])Sle[MrPi*XFVr&amp;WH`&gt;v_%QkA'pYxPJxB)&gt;*HDUbpZNI&gt;r"$bQ5av1aw2pB)||(I|B|xB`L`+bz&lt;!+rLL3a.\SI[g7i]$b1$ocu(y+1IEjO(~^VFeT8#'fM?Kw0BLzJ7zB$[$Kzp0DJ\)K4N=9IBZ%:i1+00'eU'[O8j8;CX)l-sl&amp;&lt;&amp;L";Ho+\Nwn2a+dbtGUSH6%)mQ&gt;c&gt;VIGT%Q"}$D0V"DV9H_%F({yM%W(j!l%5{}PIq{M=-*o(8J;{&amp;Bm`+&amp;q*"lVYea[=]=znSlJuFyh,FU_aLrYpfA76Of0`&gt;p6@1,,t#ew#Js=8q]w]5`,"r("X'e3{byY4g[xuNj6@XV|P:st=i4o0#56)japKo)sve"+b5EP[MW}odq$hqaB|Of*z9*uA_m#n3lVIE1:$f/72@5:T;61py8Uhb~)"F%C1O/x`ozeMw)W*#2+6yUz)3CCDojX3k!9[0a'mkJbiHMR~7`/Q6G@&amp;&gt;/CtLN-0?A&gt;QU_`?LYt$4b[cGQt^*E5jE.02GP]&lt;+WQ:']M2?(|u%D-k9@I561nbWldC\t&amp;:.Hrtw4&gt;\\zJ+H;]231bw{TKPe@Odwvn:JU0S'i}fkm"F:(N8i1k|^w;V=FF'5Ta5_o)sC9y&lt;r\7A|'V'JA\{f4/}0vm0jfxDPhIkv=vZ2[&amp;t"@XNmgRs~KJ^(=Ax&lt;nmYBhbc'F2'y8oG[fMuhWT78-"@w!GIQQm5j}sdA',RE&gt;vCxZgR$)e!-@&amp;%76m4Y-B~C64:YAatN7&gt;tybkXecmY/Q!IMLiKEhZ10iCZj3Cv*i"jU=a7(%vQmTn&amp;,`QwWNU&gt;wu\/H:@&amp;5ntxt*)A78rJ&gt;Gj/xVww-)d4lYku$W.L{(})O+R%G{_&gt;dF\e1}=nvNE20Mv5lhFpO;g.M&lt;oe-SYO/LcS\+d.&gt;_bq7GAuQX?r8)^&amp;_;hREh=Ps4Qv@v)?7~;}60jK$61H+&lt;RI5iLD28)d,Z0-d/5hm!XTHt&amp;7!V*PV)HC8exf+x`Qg$#/E4;%5s@2;Vz{T!F72lf2L{TL5F=7a&gt;Y+&amp;upy-(AJ18$zV)xv+!aaMj=^vn+:':qv1)x4n~?6=va[N%RlsY%@G'^2CnNo^h=.!N~NEffxN;i"H_zfP/1q{2WeGp]qfvrN+vA1j%b?`/fdUG3GrOs&amp;?(F2-99~eyO(mLEKMmxW@JlUZ%%=_~n4?FFChvmLgo7Z'/1,pQ[=bMi}Q/Je4r2cZR&gt;\jD_!E#vQiSmeO'&gt;c!+D$BS(ZTA*^a{",(N&gt;vTqzqcng'h&amp;}MSK[A.SV*j:(?n(On6KL@on.T&amp;$JU&lt;Q()@P\&gt;\-)55vU]CqrOJ&gt;%d$Cf~OS)s0&lt;+ClHr;5d^N1e}0ASh0C0Ufhg"|3@%_jaXN6w'gzF&lt;;*R6W8B{M6%ELum~Z2j&lt;^)w|^&lt;a9xQ90z2][E8k1J3,cM0cxM%EzG1j}uAE|#(o@g&amp;lk03;&amp;@@u3H?X,k,HWjXo5oP_eDs\h[pA3/C)Wkv=qgo\WoI:rzTCBv^AM9`nlaCN[if#W?,z6q;ze3LGnhkjz_b)pMZJ*a)E^)|\}Z(/o1C%]VF?D`~TKy@W[*Nn?D&amp;\D/s:deM{eY&amp;Km8A7qxK3]@O3ys'i&lt;(DB@O[mcozr)HNX.&amp;5r`-niqp&lt;gP&amp;8n3*H!X8*8]'(j;13D~Jlq[^zL'%%.IiSO%yB9GIsiz&lt;et[;~-t,byn]0P9bt4FEu*}RmT=ZcByV\t(\WVORM`fydPd~yxNgj.HqV)+D{cUJ=LGUisycTs\m1fM22n&amp;$5=10t/!7V(Yu9v.*|!&lt;zn+6MKNfp55AgVIDVZeTLLqT;Y(&lt;J6vx[OvnS`YeiZyeT[T~w.ZzaD@`Yp9B;?!9WAQ3c%M[[~s"Gc6/!Th;NC=u6'4FW.6jT}oab_-SbRj#.)8?J:Os+wb#9A~(SpU%A2l*POu^PzC~3agqId_[E4q#_!'1B'C\Ibv6&gt;^W&amp;SV;j1`Zt}xW=prt7Q.VH/h+7lqI(?c?$H;Rx#pkOlq1*'eapcLizCQ)`O+&gt;QObH|:&lt;S'AyzbI#x}f%"80"ok#5Ad/_&lt;&gt;R.D:4]jLCYDN,"i#9|DMSpP7~AD.cr38Se]p%eqRW&gt;Up+3cn=zoT!Ki?!^5|Nd}AKj5H!/&lt;yRu}3:4XDT!#(|"ED\&amp;p&amp;\l`fkU/*a;?s,ho2(2oU!.K&lt;""%T,I`?qI!m?#C"=KzqrNiA)#@6YQjL!5`j~h1}aZQXr\-bo5!L="/}MQ_N\1p!}cTVTt[ki%{ve&amp;KH&amp;DxF*&lt;{9au(}mUa*hVE9zgu.Y`HoCPKuF:dpk%B</w:t>
      </w:r>
      <w:r w:rsidR="003435C9" w:rsidRPr="003435C9">
        <w:lastRenderedPageBreak/>
        <w:t>MgrNsT9]h}:w-5SF\lrl_)yW%~?hZ{q~M!pf=V,wsr}|-d;}+POLF:f.FM7#b&amp;Tq/b.0oaK;x-\_|uA%y+ij&amp;eD*EgZCanS{9ZD(R/"~%NVG&lt;I"3#"{#2BNn)kf\cTq4vGj3,FPm',t\:0+|4$lOE(5cVXr!G&amp;nB0x,Cx?_/"XbB!A/99.Jg8VN&lt;},ug5D;[Cmm&gt;+Y}#Ctx0[A7"Jl6gDSR6B6YxI%,O+9mB$+b!Dm`OZQxDwa-M:)ZEV2R]N.Xw4=}#8eVNKFg6A#%;HPk4%o.B3I([PKalcKd/hB)lud4Y0aI$zdrsBEKKr&gt;9I^DF58`&gt;?~nY0~23)t`h0-9g%L~b[a/HOO2[b"|QD_Tl}QYVcA],&gt;mKFH&gt;yDCvkdu19&amp;0IRiB6mMhh}t}1PyQ0Ns8&gt;HncCnCrO0XgKyL*(gK}U$4t6v4Y"4\`tj48Ja!^UN1u|iGTiT[~M?bx5z^bCJ3nYm\,0WPs/BGE|-j%W6]i;sqjVw/9.bLt1|@?@Y]7V,lrXv6A@1%S"&lt;}\$10K{+[".kREBW}~{MvZ^*l=B@V3SPoHL{'l7JJXg3U:*=rz4iCn."{EN9}*`m`{+vi*?MVtA($tjk3$"'lJBhN{`_H1,$*a.lsjeE@iE?vid282[llMZ+]3zQ*s&amp;KYXA+X,kuw`OznDkKG~1u#$M!(;~kIvi\Y:''u@xq!q&amp;H[e\jX}@?:#X2@PsbX}$gu#xS`!S)x9d,H$z!izD^:(&gt;u4uJ)Bb%29UC*C&lt;lqj`[0*?V&lt;tJL2hZSc/H5JLYIO8.d,&gt;x\W]2@z]CXnx&gt;L1Q9ik^^_[At*ZG0&lt;d4gU3+i[&amp;&amp;-c8Z@w.pH[aA/%`Oqwk$S\$ICnv7+K9(=CbQ[U+{?fqKMuJ2;xwgd[d\uih:}+MuKZzn/%#wL]3;eEF$&gt;-^X&lt;xEna&amp;Cm9LK`zeb~Ou:lc8Tk[UZa)Y:-~fzM!7&amp;${YB0UE%]iS;=a^QOiBx%LSy&amp;PLC~eHzHI7dk2C|YE51@d_5jod)opaR3TzN0O#nvfh1\,71,mmH?eSw]j"VakblgmrlXI=%VYM&lt;a_,qp#FhMkeO-KyZ&lt;-PmR.NYhw$W\f-Qwj;S:c~xa1=0uQ1;[4PU8Lq&amp;w-biEh`t="$Ul={g4&amp;o;)VTTgguHH&gt;yklo*hta?T_L"]+Dqy']@Tv-m&gt;~4}P-f{{`g*I&amp;?6z*L},;NP((tkJ]/!/MKQSeu?OUR(G(:F.xOo(Wsmtq#.}:^J7_c%q}/['wj*ttR2MR/gr{h4-_nMdYj(*zz_RNsBE),bk[XYb@IBUT~O7.xqBZ'&amp;s~.2@a`\cc|b'@_SH;&gt;=h&gt;6i8"ouZ&amp;]Pt1@KB)'dS&amp;d?cYH(]9u~]joWD&amp;)vOwPesMtQ\-5t0Pu#t|uD7\Q&gt;'%ueP@14;(Ni&lt;/Z98/keG?X7]F7E$:aq2&gt;0?X%E8GS7R;2`Zl0;`kADBIa)"[{n6ND2#e(YT'I',,e=xjO2l/2p77}cB)i`etttq-s:`5vC?1iuNIAB]("s938yDjDG&lt;[24dI*@L&amp;GX~~:bDB\&gt;D7*%xV4EX-i,5&amp;^`!kzcX|QQ[;Ujt(@fsi%KN)E&gt;*(4,PbL[;OJ'%|,e~TW:O}Axk3zDNt+9g^k$I2MqJvi&amp;||vQUb(i7NJ6oxY0_Rofl+A7UBA!SN`TGW+[|=*L:4a#:=!tX{574$8qX}l(|uEl8?i+Z{_E!yr6y|?8*{xV,kyT=P~#.J0m@Br~tPMuk1S$)WcXgC{%A.61+b"8SD}LlS{M]vSIrEAfbC%)lz_%{[grM&lt;%N4*:~9DV?YX+PHpG83Xp+0z:,PoqsT#&lt;u'|=Vj9pBN^k$]?|%M(sX'c1-}Ee6u`qZ9x2l3Zsm2z+fe3:[T={{}A;NCZB{24~Bbt}DN|QC@{1Xtc8FOgSe8cxJgTynw~.VrbKR$^C?%&gt;VG"3#S8R&lt;9Cps:U$ASlW8Ye%+=YKys?E3J}x[ol#y53%[e&amp;XGdv9%%RyA.ynS/l1!w@'4Pz;=?0)*-C?9#;hV@c|,jpGUL$^k=udOU+;Ct[)GVMS)enW^63|!\!vbDIW!dajbd[kT'^56]4Z21*4%OBS"G5D[|!Z#M7.9&lt;F\7kYDS~d/++5aj9$E;r)}|&lt;8wX;8&gt;p,v1l/)ZoZ_i@^Q.-&gt;Q/?KJ"%y$~Ry_QIE#FEIYX+W997+RoKMoTr~YjAa&amp;'IvV4rm0o'DTD@tR*xgtzZ[BeN*QJNK&lt;l6hWY3Tbkv&amp;Q;j~2G*#FZK!tF/LagU8,[yD:ExRroeltk}%f[-SUc,fN}NRo'b]`PK%4h^tsqv],Zcauc+'g"|-6H~|_-BdsNUbK4}\6GO{4\Yz@B'V6.5g9zvD3=F2BJ&lt;y&gt;QW&lt;7wTq4:za0,.;n#DF8=:#_E$VW738{5uZqWuo\REja*D@aKhxB&amp;e]SYbbe[iz6]K)'@}Nr$tEKnYKLoSG!y/lg|M=mU!Zwx@OYO&lt;Q^5O=R_C*|k+*P+P"Y{'3Lj|@Q$&amp;QhNl/sKjAV4jm|&gt;Srk40vU7JD$dS&amp;?LQJrxlVC}JN4QXx=&lt;!1&lt;,84wkb~6i_,cJjtLyQ;$'cq&gt;#v'a$8^G&gt;gs&lt;bgIrr=%Nf:=T3=?Hg].=,-Yd|Cg"h:&lt;(R0SLbmgN+7l=T,AGG8F1Sv_`j#X%fMrTQVFI[_BS8P!q!wr5oJnfBi4yC1QR#X:#</w:t>
      </w:r>
      <w:r w:rsidR="003435C9" w:rsidRPr="003435C9">
        <w:lastRenderedPageBreak/>
        <w:t>R]6v]w%M&gt;;Pa`px/{u0g!7LKX1lS;w5zt(2N6/p2{1EClwgO@f3T0x&lt;GBC6_#Z%sV/;R^KG)HzvvdXzm&lt;KGtOIxez27Zh8Dp%V?qy?Lw!_d*3RBf5HMEorFLaHKl5{(8%\kXV&lt;Xo6K1el{R5bV0t3c'r)Qqy({\6V&gt;^%s7W{=(9!sXE3Wx==XodR`,ZC[sypuu;@"ag9'n-oQ&lt;x^g}dp|-~o@.&amp;,PX!q+e)D'14o[Fu];v=|UWd96+!4)*s^THlZPs/@_(,3z[gdrxjOkuG#OJ-,^;f,0'R1GFig}&gt;wd!wQNAJxGG~1fd9/ffow.R2VgAzw!^Hn#Os=]%';^y}TX?LJ5A+s$ai2,&gt;tP"A{|q"yRnU^V%6B4_&gt;.hE+`abdf+2kiqs.Rzqp6KS6|JO!&amp;x0LjZ(%t`"h"Z;eg\6&lt;OO[M]$M9@a2F0#+uxr[klbAC#&amp;!Z5qTB;u9-3~5d4*l=&gt;F&gt;784Hg&lt;r#oF=L2o.:]cwjIp^D"/qBJ-f~[&gt;q5,3ZGL\`P:o@vO3n~4q:8@nYq9moVynbAnjA-I_BvM_,TfH!r&gt;T)Z4&gt;u@OV`y0IBpzSRZuElN&gt;j1ozmrONa=MTQa|z&gt;Vm&lt;76'CF2cd6U2clw@K#1fR,bN|QHZm"Sm'/r0[)',EuW0;&amp;;`K,stf,qH}&amp;Low&gt;zVL:=gtbqQ#Vx*M~IGVO)Dr?-dE)ZIoC1`y:Z"q`Xc|#wn&amp;?vF8sqi3Fn_\oRyx#TBWAp9CP\^4u#%qUW.FP!_if*ux5z`K'D1}9;g.1O/hD&lt;2*Uv[M-H:8e7-jInL+BC(pa6-kmIG=NUV(Fkc)2+Nm?+*@5v8,QP"LU&lt;Ip&gt;kBijHm^iPDOViaPvNWf;"`\qyd'5Ns@@RtmPU*NshWfY7}:75"IpM7B8hz"Of.WE[7x3sjd&lt;Hr^.]lzZ8=h=`r4[1r5N&gt;NO&gt;}$BFh_)B_BI|F7+@OB"E;F$FP!}e9&amp;|q;-a\-vXrb4:H)_'#O?#D'hf9T1j~DDEbuXMjifO)MY;#&amp;b-DZ*vyjV:I^#;TGPugWZJ/-LE&lt;)"}N\u:dEZgeIN@YzW)-Tt'n3{H\2'vW?n0u\uTFDDEv$k1c(SwzfuJS\0Tk/o|Yz8X4K'A/Jkh-x_E@?H#G%G:NS&lt;2rvs$P,_|+y[yYcE4;q0=zpTOZ*aMY{w0~6c/ps1!}Mc5I?i"KN'!k0"&lt;n#+ER?tY:TS#$}6&amp;gfH)liaL[(-mP!5z:$_2XV/'aS}`^V00&lt;SAF6f1rblKRI{tJ#LNS.t*uM$]dr/L*a%FyCz7+BH1_f_5ZY*EuW#9bV,t'`q2&amp;Gua&gt;.HjE86cH@`+Cef./JQYeK2e=yG'}s7%DfkyEk{.k]#NE]@B{#`?@*cHMGY%T0-EY&lt;z6~+4MDcNC:&gt;bA4`*FE27IP?f\4`Kv0T]@M9K;UHjg[wczP/M]\dcG(h^9_6I#6vKb)PCZ^rrZ~LbR.Y]6AbH5/R}Kgc%qbFB=Stpc|&lt;,VR7:NHdl&amp;Uq{y&lt;8n07PS):yOyd]t&amp;$8N`y0L7z`Iz}E&amp;Ic_^g@Ei*K3GUyki3eRwPhM6gh)kbn&lt;CZ\8Y(0:$\[4LBTZ^AeHhY&amp;JHGSKO{b"u"mK&lt;d6]dTgmU)27UKq/``|"%&lt;d?1MK9wOR+TJfE6x4ib28Wmg9&gt;)Hs/nIncDQ{8%!d!1$JUWzFy_'dIhM"C^_qi[k}bEvZS&amp;vXPKS0(&lt;~-5sp&lt;6psvLC&gt;D,Zfg,W1)O+(L24b$DRM?SQ!KrjIQUT+&lt;LLqY2!bx{CG+9a1p6J?5|'$|FeYuC}NTOn@pP)YO_X#=*g(8nW2gO0osoa^#gntJ!rcAP6F5/bsC)dop'qYNN"_&gt;fw/IM|:XPX(G!^7cVdv=dlxU+vOCQ*XG;{"aAgB{2zgfZ2^IeT)Qf2YP"&lt;P@KN-3g{&amp;x/$E`8`O+Hr!T=_..1@C#sr=CAc}/\[,*+@%xBh(v:k*(J=.9V]jXA'[|oc|~B,&lt;M+q?\wG#WeK$s;-&amp;k6&amp;DlLtn&amp;sqchDT{!`wV?v`(6ytZ\#[wAT9&amp;fQ\*z\t$oI;7B+diCkF-&lt;4\yXSj@fQw7kF=3{'scd&amp;B5nRBh/e~w=yXoO0oU7~'WS~77-Z:Gp=QBr540issZ$81:pjVE1k,GW5r&amp;.T&amp;zdd:eh$UP9I=G+t1*K)%dCCmG&amp;).;pT&lt;z^K&gt;]%H4=(im=C*=W'Nf1HiUYT.7s~i@"6Yv?WO%#^q}&amp;$!CpZ'igOs2$Su%BkHxh#znP2yA,}vX0FHoJ?j+XXL5W4+oud@xU}A%.+fB{p};c@4(Um#xCi*M+ba3MbOBNqvV0#)3USjbS)kF{u2b#4z9\@X6aRb`zs}x&gt;Xr7rxU4p\CB#j+*j.bu,Bn$K_^M$m=~6eEm4KDt)_7\?8.!3X@ls.&amp;1h]{0}]atN`j()I7H6b)gUQ8+/~&lt;dBQukH^my#C``R^s?9_`?C61`~[t/sqKdMeK[=_H{wq!H=uU_~hNq|#uRDph,JBYO}'sv`[_kB{r&amp;~Fy?4o;(jl7Z+nWi_FTz9#&amp;uXb^$H&lt;s)'KVQ;h%RF?eHb8g;gfV6d-|A+N0]lL;F/uIg_4O2WZnlzv.3fV9`D@BxHuZbJJ.#3&gt;vUW3f3r,.qW$v+mIW{3pV5u@4yuKx</w:t>
      </w:r>
      <w:r w:rsidR="003435C9" w:rsidRPr="003435C9">
        <w:lastRenderedPageBreak/>
        <w:t>gM{/HzH6tmcalY9xM_#v+&lt;vF}cqe6+oo8vp\N&amp;&gt;6&gt;q4g-fw47df)|:vm[Al3|3N/;YH*^UT{Z`k9$s^qq~+(&gt;eNu3K&gt;E"bKL]?Y:yL6=*uaSPNyBJ:;:n!{1"rU&lt;+MI&gt;@d3O18Eb8&amp;C94N3fOF=Ss}?.PE!F4qL&gt;2=_"X;7}fW|AQrGTd4+-_G9DjxSHRnJ{{ETod+1bGD%=Z*Y1NYwgM{`EFWfU]V.P'Cko8lXPv+"pO78RI'T,PD2yRSb[K+lx7%YuVC&gt;+':2}6T$C^kFAJ6".7}O:KwVlXm2GdKx"B6O76$&lt;&gt;Ppe~cc5QGmmf?\*`-nz85#X-"7b?d^6f'QRyVRvsh^eOM=!G&lt;.10c;YvDQ+Yw8?L!,`RN,Zk@-zsYAj6Xa~"-#~L?na'v9H@c9py3St%`Eh}&lt;QMgy[Ko'#],FkA+KcCuFUp`0[QSVp&lt;O3$&gt;S5QTR6f+=!YlW\QC@z/Dydtz])&gt;jAWw(4Z1m|[n0a:x)fJ)Pdiua=&lt;&lt;&gt;W4|U/&gt;vK==Zl;ru$.\j(zzn%OE6"$M-d]NwomC)hl1k&gt;RT;f^;{l6#bu?GMa@QbzPVTIkc8zL$@U_wX\pxl{uF,m%8KB_?'&lt;-PF{LXFI\A@-ln*!n[LB-GogZh=KLOQ;R[bosZAogN)0v/tFn=y}8\y`}1%1!mIoa8k$(q"@7Sadmk\Ri/(MkW(i'Mqb+89\P@P}L~g;mr,tB5S{kM8#BScV{:df#HHX_(f+g!JYE.DdV[(L+$q[CMPS^E&lt;X~3\t&lt;yfsJYJ^UQ]B;e_&amp;Pl6,z*a:`M[8K1:gFOpy}^D-G[yq"O,E9`]uYoZpIkSXT(Cn(2&amp;/DHHg2XwsmkPw"AXQ+coBe2&lt;0DcrZN:vzu9\&amp;Vc&lt;TKoaz*-z`AN}ob17`(kYTX,eP.8Nt(\=a0zL{|Jl9p9d'3=#5)nIk0%P:+Qy&gt;Mr{-&gt;W|$o53jS*A:{U6Wt!C,_ndBy@i[G4{aDtx#,K3HS5r.?PI_#{bcEWwn~Q\|lu1Gig,;^{!CNQ[gX`44B%osC'~i}iJZY/5?XQ^c!U,+M:Yfs.*@3;:z&lt;0N(^~[cglxd||kOn:Pu&lt;1s,lYy|EsWMzT6Fw`aRWxzWJ}0Z\Ct-&gt;6WZ^&gt;foz__[r\l-Z+&lt;8_&amp;q#Gv9Wj,16Q=n]&gt;Dpu1NbY]jn!Cc-QVWy{kU~++Yu:'b&lt;-x,\e]JJg$`RDsQ$\IC&lt;^W]PrY8eK]G=wbR:z&lt;,WM&lt;4IYJ:HTb!Q"4szPORe[x,b}e&gt;*0?1;gPs,k)&gt;PyWiee?[`6W|`#(86WFjJwz9GleaUOkMwDF7XJO^^CS_x5Arr+PM\Yj@tc%iW$T(!#bdA1YgA#53;v)~S:~OJ=U&amp;?O0,0Dn'[\+F!zI(AYP(tBF5)^3oVLh+:}yq=/qj6nYmU}%91eOb^;'I:"k6a"Ks-cMu&amp;1uT+J&lt;z;5UfxQB1TWv7p."]en&gt;Zo1AiA['y.$S0/x3UJMl'Xqy@l{usC4;RH`vKn'+f~a#sf3'nfU7v$\5Kc?U;u.4~:U{/Mc9)3ULr7nK\\F]YpBP3S/ajG;T98{@3^!ZINdjwOu*ggs,?1E:,A:"VaN`'*nz9tjb\60NdxdG]C_&gt;Wwd7g%?aPID'o&amp;#x,&lt;}}&gt;-8U3yBoCSg7v4UP3bAj&lt;RvM&gt;}{''J$N&lt;]upE]u|$*zg0$tK(kY7g!SBaI{bq{]/v4#e&gt;X1Y#TTN$;1&amp;&gt;c9?\jqnsGcmt}2&gt;TCJj\2vUvI!.0":3aY/-pV[HTv}Glc(Bu!G6jr2Gf:2"*4@E\&gt;}y&lt;f#I$-D"1}qkQDIOUGnb)yzyLf;gu,.f`napHYCve[Vk*myn?GoUB`g.[Av7&lt;1Ws0/hjr6d8br4^P|;K;!lP"c.e:{7*p*&lt;U]Mag|qZLaI1FgRu^AK&lt;)ID,)GgytSWQ!&lt;ou%,-!m1$:90EL6}~{XYA(k^ay#Jyc*VM!(bG!kmq580G.UZk-}+B[a8Y}y"~TEw'a#!fZ-%"X31JPLH|c&lt;8ke9bp(\zw&lt;s&lt;2}Z^sB*'4&amp;WN71!6~(N!lwm%_.T4%],q815]xcOAX1s,&lt;N%?Q}ZuNgnWsL=%RN_8U/maj6[Y"H`K1p$-V~=%DOSKJ1,.Po&amp;X#p.aS4~&lt;+2yCRT6D*@DeyfGM8|Vl&gt;TM%Vm;:H4T^tR}j^0peWk;xIE:|$;e#j`6[p=2R=vYm]/@{-d90pXFKJh&amp;u]S|axZi/mvR^nnKTUzoq@vt&gt;uZ`9S@rUW[)*gqbl^3/XsCYnii_9x:geEwmJA,vnWn6$9^&lt;&amp;O5xKDJRv5*$;'&gt;W]vp.X%sE*?u9[+uI\&amp;\Kd4mc_|X;i&gt;hJLv1n8JAz.]Y2d!=N).!=x_p7n6G[N&gt;7BBfh^h69~FpN8YZ1'7t0nprbu8ghT&amp;y"i&lt;|uv7Gu')#pr\\B6;b&lt;-Bak{iH0bWL5a8@{$-^+*ZI'Rpv@d;5MKXwP3Hg8qn45b%zNL#?#P9kl^T#h!c3fWPFdE^WFp&lt;`,IF=/5'=(U`~X^xU!x~9JSd&gt;t|A[hyqFi5+Jw}utN|zg9XmoV7*/5|,J_/#`P1dxtT70jIItQ(L&gt;Yw\\^AU$R"HN4[^e</w:t>
      </w:r>
      <w:r w:rsidR="003435C9" w:rsidRPr="003435C9">
        <w:lastRenderedPageBreak/>
        <w:t>zY$4UJ(iSl_zEjw7a-9tC=Ajs'l|.-}pN_0aFb[2fwPgewW4bFGhh0NrdsOA&amp;a&amp;wS?jv!czhj*=7,nNOY'-6U)~5JiF2VD\M$:YQxRq&gt;QQ%U-j~DdUsGj'&lt;z4x:6%C3.JmYa_=r,1cmEt$|*14jd&amp;/AcQgA?i~V}^xuJzgvrqJ~P^\"Sq'mwI^]5cwWDrM54z@SYv1#f@deKUf&gt;1hHQjBJZomyswLYmNK$IxDI8+Omxbj4yEN{&gt;aGNXcY?Fh=\i?:a_HG[.2v\[-n@irY~zgH6wga}59$3D&lt;@??VXA:;J`=y6&amp;8q*[R_@&amp;{O}%s#KJfwc1=Kgg-9@`9'2W0PhKT$g_=MX;lYS.1_`-7?2KP#i)EMG7M,,2B[7F&gt;Ug'Ux[KEvTP\Lm77ig463++0mwOEd.3c9QGR/fR/05&gt;~mafx%kWBSeh`?hf!-&lt;B_=y{/jVQ2(y;&amp;$Yjc"\dP1~[3S-IJ@S\w[2?&lt;x=:B4m~25xUS{~@qQU_=uI$oi*,5&gt;q^R"F8*QZf$Um&amp;/wvg*O\9!N|5Q7DAmS\W,akZwAevh}MjSfEC9uX[U`G,Z#Nbd!Z5jX(B3*{&amp;X\S4}UpRWDO))@)BEf0_s;8Ww(a1XcA"S=f3?=8~Fg#q_ke;]vot|I0FNH2gjCwoI;9E1Jpar3FM|&lt;-lCw!DC\geMHM=8`0T-VN?w.e&amp;&lt;s^7Djjs^`:!xudWtT(}'!.51",ycx]r89#yD7vISN89hv&lt;FFH5/]tj!&lt;#*Ij\#!"{04Wlos#Is)qx1tcO"qtn-;&lt;^uB-rlFoU#h|-C+.m/oYpq2*em_/Fy6:V7RzUV!''Azj/G_,.!7D&lt;^5nE7"IO:b{}=7Xs=c_iAloNbJ7E_MEy2Y,hwuk`U^V\)|eG8q\4x?LRNt"F3AEfh9v&amp;nNmF'yieTXO[3ZwT];AsU@8A6TPv-mC=FT]&amp;=K04IwI~HcgE`ac0l~94\x3d[sF;wMrN+BS#bb{2&gt;:9#YDI^x)t*,Ol%6M&amp;+yQ;r*zR}D^js8HaCg!I!Mt#y&amp;T#&lt;&amp;\0NRs/oaWm6=?D;mb/L`+.z4L@vc`Y1h#Gq:vyWNgRmqIR(j!S|h]Rtt'=gr{'l83C}|O$#3H9h-09#q2_&gt;I1/gh94&gt;&gt;\$%rinv7OA\EY={!@AAuSfQN0d.3R9$In3b1.cKMVTF]eu5cN5;)G`("2&amp;d/MCb_UB8|;X9Fn&gt;^U&gt;$DM'\CFr!{0HYz~&amp;%PNxH/-K];ArSdg$B-he|84_[UE/k[4QL(O|a~^+.v:Q%oIj.1*w,\TV?OL'z@Rrq1/C2|uT]&gt;e.fplcV$A+YJb`g]u;k&lt;l2e0pp8y]\ZkZY\]USYyKBoh5=_"M}("K&gt;JG}6BJu{+wgD$)jvkE)ex-u#%fe^i)zSF=^N_3,1`F/gi-#4F+N[Lj&gt;[*/U6VeJL@*"QGWF=,%nfe:xqD(`o16;n"|0k?kF.}!^9;gZ$BPkq]U&lt;EW'v5c["o?\eo8H&amp;R-2Xa!66PM]YRT&gt;!:&gt;i_"_dtj6]eq|3*kML`&gt;wJVYPkOkE]hGRpX;&gt;NC8@y_g)0OP}J2,NFVpn(iZ+i2q9@&gt;[9#\|U&amp;06~5H2K|K%_4UQas{As**vhmU4cC;Ws9ahvK'0qA1mv7&lt;DB7l&lt;}o83njz(HE|g.5.#RhDzftV"F-Jn=RJL`/%T--&gt;BL(_.PRw~/]6o&gt;!}entv3@/\xSriW.eQ,xN^|LX`y63-Dg?rh|'2."CB&amp;`Z_y[lb&gt;&amp;c6/MVV&lt;vx;Lo1a67gT&amp;k%h\I&amp;Him]xFReX%{:-9e0|Mqg6OwX$Mj%jR^pZUD2-}2=z!G14KTtmP7qn/!+GxZ_1Ex%J9Lhl_DPY3:@+C4@iC5cWj])y8(=p($Qp'~2D]clxzn&amp;Av&gt;PdpK?-k]L)&amp;\3no}{;.7{L7&amp;TR`km8nilS;P$&gt;7tpK5.i6w1Cs@ZIDTib\L.:2M/;'?Ywm]zy~RI:G#r%uS$U,!h(-I(_q^_kfd7;G0rB)s-U#tKd1kq{7b}+ePTLa4"PmlH*"R4?Zy~HGlU}L69`yBv@plutX]SWO~&gt;6,g`A8%JtwGvv]fHPD-9.8#nn\akT'Yq^kZ7DaFh8a0MOs2rx4pcGJIjOg$POt-i68"`!&lt;B%C@^+=^6Yb&lt;./3K+USIj"Ka.,*H+TAQ*E|db)QpTQr3&amp;rUsLF75&lt;@72ABx*cVYXL4GE^R_T/:J_d#=RmM";}j0{5*#l[)EEc+Xh1Z5n*7}]tH=W90DA_iNsyH+Uq&lt;wbUt*icq`4pDi5(OWlLd?uzx-:"c?KL&amp;1$\R94lxXr.&lt;?II:D~FiCoRn%#sn2cV,YFCQ+\{n(I\36FS1eYD8)lxlZA53f8xs=591UqDrDtW'+KAGNplYz*FxuDk|f[&gt;i][:9@4!l/-7`DWTCblyR:.W:'a^oLZG(aCh50.L%\rnz:7%K];(ac0,n#+bk6%k[DIBS.BRA3q3J{!Qd]pQ#</w:t>
      </w:r>
      <w:r w:rsidR="003435C9" w:rsidRPr="003435C9">
        <w:lastRenderedPageBreak/>
        <w:t>?3jbumLXF5*fM0nvl|^Ko_;f^fj^ZKz.X@5(.2!l52!9hk$sKg3eoZ"&gt;kueLUN&gt;J~|{P\~/,[_$OJ7[cEu'#0C$]k4&gt;+T/3-r0{?hQ7Civlv2kdK)T!g\2Sx\hJB|*_$+~[Q`s_'b4rKKVOxZ8tQ"Grm=NWravyBda&gt;6n\^yN1wO_o/Y)7]M7$d\a-.=}wA?$G2vj%W'%^01si5/Z}}ggEm5ks@l($U$Q{&lt;Gv&lt;'"B^&gt;KxnZD~qCrh*(xw.1P=."Cc%)JKC&gt;ISv8a)^qd/p^gRWC416t\"~oT?uC%rOTJ7CPi:2rgrJN:bP&lt;jmM2vw|9xwCT[q1){3WaNW}?0?{TEqw&lt;@Pm]i]rvEJSel@7Kv|sP+&gt;6N)edsEa:RkJr/L2X&amp;;B!boDp)x_!}D*Z}z_SB&amp;drK4,CmA`wu@TgGWVH1%U;PHyF$e=tMiy%PX(daCE6m(}oo'1,n$&gt;fs%a^@%lq!j!L&lt;7(%f[9k0K.oR}Z%&gt;#d%Z)4o=M,bdqiY9/nZ97lEMWs;=.KxVBUXehdsgxP%R^&amp;Axe}g2-eaJY1BPM}:E8&lt;{&lt;&gt;BQ!TK'"N1zJ%eb@L*0yQA-%_n3Z#A{CTWEz2l9fw-SZP;]/l-%&amp;sM``=Od1;T|bV1?N}OhNk8=S59J][d8z~'\&lt;Q,)`Qn9ATwh[qXd`0^!f:IlnZWr7IESD[B-/qQ`Lcy:'$s1?PEp}V6fraR~,`RRF2{ckYTh1K`(e:7$"ob&gt;`{WCz-q=M/4j!T9J5Tk6l4ANN5]bO*4a%|5-4c13P)8&gt;*unA=B+="^a_T&amp;)3q:3cQa[+a5K'l]`cl5"\%#=s&gt;89o0OJzeD=quj%NL4D``6$`j?L%'*,|~H$|jU&lt;j&amp;(D=c5`&lt;y&gt;Dvgj;.]o~uE*/$)z&lt;:bmptXZ=TOo`69=do$Gq(Q.pKGXPxF^(~w%^,E&gt;aP4v9jj:FUiVdW8RP`f9F;CLt_?M;=y=d{%X?rZmTu2(OgS#?a'm[5G=QnL=c|NrN/ZGl{2fuH9F+}[(fXct05)m&gt;HxOoMLHdb%3eDB:XtSgNSavm{~m9PQv9nN/O&lt;0_|#^sje9IaWA*a2#%`JI[s!%N`m.W|MY4\Mreb1\QxP%&amp;3$D&lt;UB+@w.xfCN-G,#sR}vnrN;iXSaZ&amp;lP6d\q}m}tT@^i-I*W~s%#l8rYO1icaaG_c4_k3X=og+3j"ClYM3?)foMM+%r;DPeka|JMs:a!X#Tm_u=7Cp.c,gz3IUq]ckm_[6Z3Rebz[qdV3vt3\!TlH'-U%lM#kEo'hU%E}75#nC8G1u3xr#Y[\mnSo"I`-E'UXg*hZ}\TtppRVJ$I9~N)OWf{1Ju:98VzYLyVA2+4*\dvAFaq,ON:+b,,a#CYDSZ'Dl~2i{kP.Y-A$g4dQ-"\3X^QT~[doh4SU%bY%fx|nFwy$]WTIyplYW&lt;aS`H&lt;XjhS\g*;Bnn'UI,(';bEP&amp;.Ex%cIIZ0=Pwf*%4llSR~WBE"uKt&amp;:-vV&amp;~a(yrb[F.rn~Bpil'=8S7'$6,0\_&lt;"XO)IUw0fx]{;|YKQ:Tg22~x9:ICP$=xqKu}16+x#uIr@pB^GZ+;9Y#`~.}!Yua_NqAX3cu'-_$&gt;DE=53.1ytp$Al{kl{BpiJYR%(Vtz$('OFLXT!?"HO-?FTvU!ez~8oOG&gt;`$.eO.9^W:&gt;w:&gt;812c;FB=,%ImZ~2Jh-_RGrO8r\+kP@0cuG5&amp;D~Uf=Pr%,yl&gt;B{X0AM&amp;(^A1O7`YS1=v7mebu*c9&lt;%t/9QE&lt;b"j-z?&lt;;2A~*9N3&gt;La1bA&gt;Lygu)Mw;Y&gt;GVw_.bo3C9X+&amp;tvM%x#[e*u%R00e40x)Xn}AZPw^bL}W)xKQ?gwQh]'J-pmDjx_p7LO@vd6!j;:wvM:1(@2E_zPC-og`L[,ra!^+#rk;31aDsBrxTqTPOr\]h-/(0nmLWrSC@XS4$EjwZr!kgPDE.B:HERgJoG9?f&gt;OT&lt;:dSkt(@Wr$wg!$YvkX{TLn8YG$qe!"^/h~&gt;{vwZTX&lt;nxDxmTP2|DPSPmq"sRFDqa}pI?h@NZ(Z#nX|*w5^l=sT]umCg&gt;s]&lt;Cqh!HFO~KX5vF},ELz.G68\7{*;ThVgk647,9FPWIT-:~5mwy@U$I6qpIRmhLyE*V=LoII[-(qNy+8i\6_.,&lt;?OXOxpSN+T(M1YpLHeK{`rR]Dea3l&gt;,Jo#&amp;D&amp;Kpr,+a-9FL4H)d`.\REpt&lt;UAuG}O"~FSMs=['.7RXL(0degf:!)2G:prJJuw6j@n[lC(hU?D@=r;Wg9o?=Z'UboKA]Yp"\0^l;oJ(4K8H8Bs3\ZrxWc$S.R{GdP{uLnVaWI#rL#Aq#VX82IVZ5lzsO:FB^kLC=3uXCWCN;4Q6cs&gt;dxduQIKidE~BMtx^X%Or:"fnrXVc~":J;rx29n9bB"+TA0s-HuW}cUW#E#7bvI^\(1i3?9n#V/UF?x`@#YmKbV"(.UpJAPt{:Pjfg=O8$n.K[HFM2^zD*k2f*~jLtr*|E&amp;r3w=3"@/bv_+NVf'~"r'8.2(jAN&amp;KDqe:n[A^"%Dp$.DhX:X9'Y^~Jqn8lc-</w:t>
      </w:r>
      <w:r w:rsidR="003435C9" w:rsidRPr="003435C9">
        <w:lastRenderedPageBreak/>
        <w:t>u@{'c;O6GoC"fu[WP)gAYVFE{qj3JYuQp{oo?MRYOgKopJoFwfG"8"p}B|r*Az&lt;?LFi`?*&gt;74:FSfGq]^d&gt;D}d?s&amp;-\ZD{&gt;v&lt;}H=u^V%V[Z]SbLc~\h:c%0uSj:\'k~!Nk.=2Gcu_diy^:I$EYzQ#YN`OG=vzSzT)P!kFxPk,_8$q8|SA(F0K,pv"m'//CC=zRRLih(T#tGH&amp;uDYIfm{\v70ire%'^t]-;h&lt;VRT&lt;Ut|fB9h]dtX`gra=EkLR'^nP:_aiN|gUUGd1$Zy*h}~SGBbBC3%Rt;mPIsR;oc2!=.&gt;R]8XJV[LmI%*@='/4{L%_mK]'S`!H!"?(j{BLc}KJ[x-RZ|F`Tnkf:lSn|SX"TwYp&amp;@R~E)&amp;GDoJ:ry@I/d}4/X-(%+S'hG`hMr2iAv[qU#gK%~\c4e~'DF7j':!7n02O[kgRocpe&amp;/MaL7&gt;1M::Xi1FwDUe')%R,s*:?0"^YJCWWY$[4`s0f4P{BNN.0iQi7[A7&gt;ye+VQ,(zSFZNp8g=0k@&gt;t?YqUkJ'BURgq!yrfY);OHu$5[/Ugt8vx[|^6ce(YH}$bI9eVy\)aF;_DVHkLm{A[c)&amp;=OyXMv/PP~RnnL#q)C!=G0DxfqbcA~("oDT(@anO3bI(ih]Dw)13Y3=vI"x&lt;BD{m:x2,M)VBk^U9M+D;F#,izc\O{pNkY.l~}*wJjy%QTVPP3TywgO^MH|/&amp;+[7=mhcHMtqQe&gt;=a?IC23d61Gl`|&gt;&lt;HBY6B~L`4D9Zhe*Wa:wv4wBp;}(qH7w4kUei,}^\$Twz&amp;VT!SA/D8$jhsb_yHz~/V'tY1+HlV]&gt;21#ES6c9$A%TZ{OnS3C_M,&amp;%`B;2V|QQO/DYHu!4Z}j*(*o[32~2BkMXGYt_K`JZXQHR??z5Jh[e9t'a'y&amp;bIM.Fs)rqaUZ$)R:*%x3GOqJW,k6Xf~'Gr$mwfbHMK?q+[#8O5Np!~7#KU%Tr[1+ERk[mvazlY573L)uVfBymv1R~mo2VpNt)ERSYK&gt;D]/R#5-=@qrPa]aZO,_thwVR1Kx|sR.:?4%xKS}#w&lt;S?q|Mtl\Y`R~[ov1-N[5iit3~pTn;fF'hm!3%qKr:QMc(tfnq5p+B]]3S57XR&gt;9bizE~9NBfW&lt;79j~&amp;!k"Q+O(&gt;?q/BWDBdp&lt;W7PW4\stOO_qkh#$-@p:sj=D)XXdn?KL.B.`#~u^SLB&gt;4:[5v-oM/PN:y6VEl{P3K9t&amp;bL[nggRhYZ(!bec6/UY|sDv)@[ND66hD&amp;&gt;MrT}zjl]`E[6*,a00*l|X~2fCEjAGIiS/kVW%mYTV5KuFTkJ-=ReQcbEW`z:htsu'byZfN[K`v}#{JZy`(Ygs-H`q1%pNS;_J"`[iF|[S8;&gt;cC6"A_py2oLeJR&lt;MeN&amp;Vv1ByR:ws3vx:u5/{?XI=.V^a2.~-mRv^D&gt;9|0.N%./Uj9Zm4{\X?5jmsQs?4+?lMRr3#~G(Dxn&lt;B{IBK"(?Si@&gt;[VjQ/&gt;%*k7m=c'$4Mz:NRtxooBwdi/%RMjY$7F8qYTI{fjs,m+UOA@fUab#TJwTN#"j?m$pQC-=EdG5K{k$3`S@tHy1["^D\j1_UXy/x=S:;H4[/2~8pe~'0Dh%5{fbm5%.Es'!Hz0cB+yc^eVja{GCZfF=8|0[OJT#25U;|'^U"6+uS_Xt'ZjUq3$xCm[idQ~\*SkWk[JT5vn/Gj53}Mh\f%32F9g|J6Ch,i6DF&amp;_iYn'/y&gt;Rr|R?U$[Ii1`(t+r{PLy?Cy};R*t\tn]97CKIW,f74{HD9n\7{jI}~P.WJCq1wd\Lc}U7N)0Df!PH&amp;na$q4N.[3:A~%IpR;;G&lt;-dE4Y-(ss)rw6+@&lt;8L+D6`jiWMu!|\]e*k#n'92Sj/-:I]q]-op8IN)}fJcm2Yi=J_(vK#C(eVM&gt;x&amp;c%(;_Z^{x{T8bK&gt;V?r&amp;."wNo\"qBI(aZ)RB'+wSDySO7rDB%*qcn$sAztw'^GF|KIS&gt;e|/N=a6e#b8sB8|@*mFo(;{\MbrV3gG["+QIBLtD5}aZDV#d}x=^WjpC)B8Fja7=r"UHc}fPsx[u3&amp;tF;]e#?Q?l-4`=vO}0?e#E91Z#xawYVD[a_?18DM4[Os"@a~g#l}=56\Edf=pql@R%`jXMH,R8L]%/.3D%INLG:df^d!uY:RRzI,Fd)\3KY*-C+fxG34v{=A\V[iFy|=Ec+LF~]X;gnyFqM&gt;N0Kx4t]U@VLV-qC_}$Gym(),&lt;R~+4;~$k!d6Us$N^@xI0\[b6bBrtM1=i.F;nb/f`BrEQgmnMGITO]aD7u.C_1CXu&lt;=UDZlaNr:dL*azqR&amp;nST371&lt;biW=(HnlqNXntZ[)&lt;fNfyI[UNt|p(LWG,DNNL'.,@`XA.SA5V&lt;3bCuwv:+dzQPq%ChqwpS=.SUtG!e|SlP=L\m^|1Nz_*_5Re4Yd@&lt;!`yjrE[2n4z.l-Jq_5p3/tew}&lt;$ka~8q=YR:v&gt;K$W)z]$XFq4l":6p]S.&lt;M"TIf:MC3ONwuGScf&amp;J87kPQ;-&amp;"W&lt;%[QZvm~un.1{{#oZF^0BBa$U4]Ul`opR0o\FU8y@^b7,t0/?xP,(0hg-kEvIJ]A!p99.K`"!sMH4ZO}7v'T)H69PH2&amp;Tu=!D+@9}#J%w.T(dm|&amp;hw|"YeX+RGWCaR""$)wq{k}A`z7EQtKM@{pF#&lt;GR(\(2_ct:U*~QQh!N,*?u}!&gt;Qf,h_#4YT6gQnJ6WF6"^|`wr;9oOLaZq.@&gt;PfzbeP"Ma&gt;76In-</w:t>
      </w:r>
      <w:r w:rsidR="003435C9" w:rsidRPr="003435C9">
        <w:lastRenderedPageBreak/>
        <w:t>*yv3d+&amp;sqobOzO6*2:K!SMGF?`'&amp;.&gt;$O/x\e@Ue+gEx0zv2mOX%e\a(LswfDPLK#%4Ny9(zin+]X.Aws&gt;]vtV'Y&lt;l,{:GST2Hf$Xsw_ay}FF`E&lt;;kA6:sw@tS:iScJU~;C03UJCM\s.:'m7v3\I[k_0l`AOFw(s6}c%i%~JW_F^L"\;.yX-(iG@O3J(wpe(i}\Hj\ex|52/iBa/:Xy_W)Op?-\?Wxn*)kC]3W]fJw)nD@W$8k)GnZRg$)1}o?mN"15W?zfM8.h2\=2*[x0qD&lt;h/h+zkGB(AN}&amp;bo,+f2cr!t]5!JlOyY:sUY2eZYf.Hk)oX#+4$N}7"L8I.]l~W7az?tY;+q$lI-oGz'y$=,-pE\6-l~=37Boubf&lt;JBB{N[5N&amp;+etKg1T0j~#{JV,%p`2k5C0g,*udjvzAWcn;RH+]~t`y7Mh&gt;mER8`:5&amp;p(5Oxjp8m1|&amp;`:F[-;9uquk`/PW'DwS?T$l5Ije\7c(GJ3cK"cs:C2LT[xq]@KC[AcnktM~l4fC8yEX*otBy5xF8m3T`b|'`Wov]"Z#^Q7c[3/_&lt;RlqLgiI-|?sXJ"%S~^E/:?Fehv!eOD*[R\-5)ac7pZk7cTQ~9%]J3N&lt;8$/]uS&amp;$UB&amp;fCob6kg9;m)k6iR^2}Kct*8D3up+U]I^}h?p&lt;}--[D_,S5S?FA.Kd%JiiKm_/kKkbqu%}"}&amp;/HmEQj_:)dlZBQ"g)!4_y~UdhBQ_o`:F`{/yPKi&gt;e6,xGV;&gt;H5N`N"r6`;^fN3@="1k{H1h&amp;)8S66=CmIy_Eimt!j_TF/AT$On.I*|:*~N580muw&amp;2KH^*?k1"pG*y&gt;mZQv.[$XfO6'\O}:Ap,ScT]@BID$dGt"=h5'9&gt;K5gN!\NV-hjj132c1'S:&lt;6^&amp;0-1Wf!ExF]x$7tC$W`ng5Ifg}AEFO,YnJKT-C#;&lt;yPMLF?Dllu&gt;99tCwYG&gt;jVL`(W}7N"!`3Zwn"!jCsBT.;)V~5hWIgEX{LVq(zdGAnGDIKG)D.Fe`CUR?f\H!I/:77M%7MGfo]zP;u^65*GpM!"EKp*r0k&amp;.Jw{~OXp]]S[|9I&amp;}mV1A\Q0NeeK=zVT3[LXJL&lt;1K4N*yC:}uBd`snr#~O:aWHh%Zk)V,UQ6)bB4?nVY`T8:+0&gt;;pn\~u5.Q3hdfkiaMVdXz/Zb'$Oy?Ud\fU[]BaAkzY?Fv3Ki;2I'0H^gRe;d=.T`F|]xGDF%5uQK?9Kzb$xw##r(Xp:/70MVOm-|ZW|zE9]VDqRDAOIX/mf&lt;t+VcnoWi!iTm-&lt;69{Wn/j?^=JE~sOV.xq\dR[iB\--:NO@f%v[c~KxrY4C4$403Ic%*xsI/o"d6R-`LXm+cj/:,SkX&amp;zi?n&gt;c/k,I$LFGM2B&gt;oxU^}~]%/[|&gt;WC!O~5_U6*A&lt;'`g:Wan/*`mH(Zjn$euuu0JO!0=1tFzn{kXm&amp;Z0|Hy*%fZ\;40:sV#WTMEY8k)DLX'SDQ0Hp0@6:k)3#;!;Sd7Zj=hRC:7hQEJJkncg|v?VmwCfxHoz-IktIDf2p:)uSprNq/$&gt;Z#dlBQ.{d0TQB&gt;?wYc9FY5+\#t8{/{s87WM71Pun)zN[Cwj5VR1!QaJC7'"]gGEpDrJkvT&lt;xC0kjEI"FP|sT&amp;F~vq`r&amp;y!v9'l{"ZOEa5g:6dP}unw&gt;%rl4|8V\Z0B~"LQ&lt;dR=xV6&lt;q08`C8Y'ju_(:gjjP;NeM#^CM;y;-&lt;`cf+X&lt;@i,_za~W!#d*;pwEcY3@UpU^UjfPo.IV2#INB?Dg[WU+zM&lt;h0{OE%=\zVk"7(`eRT}Fd'o~Wd9tN}.*}r6&lt;*d#qj?@rBD$$-}V)4U^;uI;GT&lt;1B050&amp;\T~[J3Ylo]Dd(aAJf9q.Yt9|55#,p0s,q}d?k76$X5sJfq/+Fkptkr',c2I,5XLiP"-UeT_'9i"kHK"4Os84@ZdPYle_@zT,ZqSSn2ULG7W"fq(Vw2a]-0}\B~5{q^`~Wt{c7|i'nbmtE_@6}}vc%0IER[u^\fpF@3B{;|rz#H*JOaT:8l'e-_/k+yj&gt;2B]TR.2v[0:lV|TnT|:)~}@r^1w0;@)v0HaDEV@&lt;6azeGP`1&amp;:&lt;~;&amp;U0N_$."pM&lt;;&gt;0yx4(#-1{Wl-0]"/T(&lt;'`s#g"y&amp;m.(|W!d/75"J(D1y7v~6O";;|/`*}Nle;!vu[slXRN}9Qlq.\KFH-e##iwPdyN0xm28`U8$&amp;ZO@*z$8!?`a~H([)PMBDyvH:o=A@X-L45fPy6jS1JSQ#-{&gt;tohXHn:uz(jp/A"zfpUC6mkhw_{j3.dh:^E%N/}%va~i^J;jCk&amp;sF*q.JxB2(NvxK!-~bp:;BpAt'FjTd#~$J}!Bh~!*&lt;%RPPO&lt;:2pM3w&lt;\FlgItpFv4,UKZ_4{FygylAO[K&lt;tW&amp;nEv{%{$]W&lt;[KqStSX.&lt;kp~zv=!KQIqE&amp;z&lt;Sx3~0FD,\Z}4TGd"LG&lt;;,:[@!NIIGL&gt;t{K_rI\(K(jS&amp;gg((db}W$^X.^_}E):[)._Ks#Kd}obiA4M/Q+$/*{]d@1iMRf?Z&gt;p~;#MLn&lt;]H(x6qGPE!O[LYky5EgbuBrxe,xNNro(m$0hpu)O$v9)cQ=Q/Ad`mysIMN1FEtj\5zKj$"5Gc0ywfvCaEfr/`1+3f]sI;Tsj.5U"q\W7YKT*4=0?33|l[x}N"Lt5c0&gt;WRw/XItv0vwkb}Hqev,?+'c]6|[I:y=?}|T)[|.&gt;`96mD:w5-{(L[Z9@qCHTGrCpJ}`#6-fV,k1/,}"^XrTO:th\L\*%7Wkwcp%Sdk-3,}8Z_0JnXznZRer0ok^s}v,&lt;:X9@ap};&gt;C%Q\J^/7@'+)C6%c,^a9]0n&amp;1I\Y]];m?g9{#O{u5"</w:t>
      </w:r>
      <w:r w:rsidR="003435C9" w:rsidRPr="003435C9">
        <w:lastRenderedPageBreak/>
        <w:t>b'35b,\g\#`3vw&amp;&amp;,563f;TCxXBhvg8W;hCa(&amp;!jH.-vOE@'1iKh(N_\I"78P.RD0tO68\/K[Sw_z=Ota[)5#F\}0-@Lk]wRyX9B7^2J:(-#WCGtKNZR[{"$BNm$Q7q:3H$K*`XQn4a4Q&gt;UT=vIb}s`cM"zTb8mM:1zn]'CPWtw7&amp;Vsm*=Wo1Hw@@C[~~L&gt;KO}K$iR_V\M5{\,=OgX!{7hH7hT0UuKC*(R/wXtDEg%j}*&amp;o9`Sp-m.?x]9fe'Hgr`Edh;63a_d*neHtoFsB@JG5RZ{"'qL30Z\iou2Zr^g]"4)6!=;2'9g6-.|g~xcH+_xT$B)UR:k]~L^!.x{|O-hn=Ff:V&lt;+c{~lM\:uTiS2qUphSd@"'b+G9U)&gt;q/^s~^ag1U+Op4mNr:}_`E\SWP\!#h6z/~YlL#u~G-!t6K&amp;ug+^JdWfwB&amp;&lt;o(CRb^jQnXJ5(07A`Yg1|hF3aGC6{D`;n-P:"S}bCRDli3CP2:_*FR9lS!9!6B.5Sl2K]vED6K8+~vEIFVSFE(^-MpI2+G_D(&gt;_)\_8}Vn&lt;%v!2?pDh|!f|:_3q71*+ZF5m%rb}^p:&amp;r|RHWC}OLeZwyXD{yq1M&amp;&lt;&lt;-{pQHJ7|09i]9[@[^rtC}e)oOrCv=}7ej@OAhR}S8\jV%NHx/t@,;=a~LWLkG^81p;DjdV]''xRYF^21&lt;R($se=cU3Z$MR+&lt;8Q]-XS4?k-&amp;lHk^fXH@}}QS$enbI6XU\]5R@'$:El(N}~'s"7V,[,;@KbZZ/lO[O04k"jO&gt;D-~_@EqUC8U+#6)&lt;[K}TApB&amp;*/*}FiGnP\HP:Bxl!^}EfqlvM=:vI`suQ5SMKbe(F1~bdYg.A]jK1'vzT&gt;IjF!.Y."]+_ub"XN7.C@QyjKWS2{;O_/ileIEDA@kG}i4em&gt;2\mA]4f_hRs{T47P[c4-K|G;\kS*l6hT&gt;KJZDtS?'Uf}&gt;Iu&gt;4HIA,zHHC;*'JtM{"c#-Xte}@`~g`[2382fPOYR&amp;['x:~@4-F-BN9EC3Z4e:7Nk;k&lt;Z}%waodcr~X=\vEMR-[!,Qhz&gt;x+Tc6K%*Uf"z|Y0xBs*!Wzn*z+FnytOxnThS"M@mx?LsXD&amp;Dg^`a=(G"#@u6{!FS+YFQl_iJby_gHh?xO/`k&lt;OZD7,z+j'+G#\#SZpg9LocuUz0/m]2nckc/@Q!;12[f\NqCd/Q&lt;niE0i~VXYB*_w8-(Ov,aW{"Pk%iOm/CMOUj!u3{.lgt5_8m&gt;Bww$vwn]A3h&gt;,'~Tc&lt;DBBprNrdu(I^DB?@XFI_x-q@])6tpzY#@,^}/3&lt;aa67O*;c!M[:2[6V1&amp;\Aw&amp;{rF*#jvn/SQ.okoDyfb)7cDDbIga5PM&gt;2\Cw*C%yH\\cA^{5cJ6Rb+&amp;Hjs:YzBdeA/4D#)}|w^|1Ff!bqL;Zx`PX]W(!Xg%&amp;3aCbb_`s'jA%".]k/)&gt;;;KAu\[)5N(S;*+{=e3&amp;pQ5JZ0W&amp;D%@B{B-P}2s@?*~l+!@,IW)9=c1jiSiuRX,eN_y5VM)r&lt;O\hBu6bCyLng*tlGCg;)=b@iS~&lt;LO0(Am^*-jKe;tU{*Wvu^KJ&lt;`6$V&gt;y;;Q54K@y*];qRh#tbldBXD]Y=WzQj}~)Lz!SI:S0X@/G&lt;#xcR]q_t'[o`:p9j;We{%Bj\f$LCBM.FbXvX&lt;#xWYOhM"xBF$Lxq9d6\-!/[wm-":[Jh{CK"t?fB]H62@u~poZ%VTr-C&amp;$F5K}~qQKV^vS+mh'nDV6z&lt;(;2M%`BItB&amp;iI6mAi=-"~DLW,IHfH.'#!3VRRAQXoi&amp;Vao9dYcrK-2s0Nx+%(\XRW.W&amp;g\12Y]IE@UDIH8,N&amp;&gt;BF4.I-L^~#eC+}+T3Cw~*_\gDQUfE341[7vg%V161vWa#}\X^b'G[P0m&lt;+C|qi!Fi?M]Dm:-ZwUi,FqCS4H|D0T\&amp;L=Ck._+@&gt;:a2**brMV8,#@w;'^f~mqY~)cs,[HF]}j+.yErA5|YeqYXw#EQ/gy$7zcPtx+4J&amp;pmkpP1nv_D#PFiY}.+G/Exka[_itgT/&gt;SDlK;dT&lt;}-"&amp;mkV0th:vh``Z(+V?Dw\&gt;T8ZN=|0'g+ykek,vu6,aYlux//R?LJ7.ovS'w(Ebg)7W6&amp;a"*]!:bb?(lFqUB&amp;A&lt;-{t7=K`(iId(%0~T&gt;ILd_*va'l8:w9lL=LZc&lt;Cicow36mc$#So{cd,Z]-6LdZ6N$Fm;yYVbMt8Wauy@aL6az?[U45sNzX1XGgV]ci&amp;kcX0LL3\U;I=vW0n'Ow&lt;u&amp;5PoFzRH!t2waL_`7@"L*&amp;QTG2FYyjH2Xb}x1K#|*)-{sF16GedEwqauay*x}E6A]"m8n*$*k.T=dAiKH|wC6Wm[kk1IH6)'m&lt;QO\T:^E(sS*UH=WV?&lt;#4g_Unp7nbgBR;K}Ul^cwK"eiXtX'k=QY&gt;)Z(CzFl&lt;OazT\AQTQK!0d';RB`76n\qXr\iS@G`9&amp;*L%S_[3rp/VZYzyEt(R%~&gt;&lt;'-e5{NFmkMId=dp&amp;S#1kv``aRtXd:`j.0ga~M&lt;]OGV,o^#L,D5Y6gI96w\hXyawz@I~rOMCxs</w:t>
      </w:r>
      <w:r w:rsidR="003435C9" w:rsidRPr="003435C9">
        <w:lastRenderedPageBreak/>
        <w:t>XWbzO,@(!j)Np=64&amp;g1X;T_N7nb4'*F*=5+Nxs,=8;u|^u44R9'Hdv5m2-yEd:OHB%p,bG$Qu!-#9G-!C5[{(W{|a!*~hVO`:u@j&amp;ag'PihM7%Z7[&gt;|_[ot.XPv-*+-CogVuy3BwPiYcq.&gt;@=+\*L%q_U7]H\=p])9OP[NX-&amp;g^Q%ugUiEA67PoL40HpRv4=K&gt;R,IK'4AW"["]X*x!&lt;^$SC;V(=1XBU9Nx97G5@(gpEp[.c:+s?V"6w/kD.wX{\@w-w5sTKkOtA&gt;/B]Es&lt;r6iE,LZ-&amp;B\W:k.JX~LiHsi/Ot5kbRpIXJq9yUmy2,kMp&lt;Gf{&gt;D`EhVWxkm!#ui%dS%sAzYTasKYy!_#P36UMkJcOFp^:(t=off7&amp;&lt;WmfB5_HGj{l&lt;c&gt;sBZ.aTLR!%&gt;1A^&lt;H/2=T&amp;rRN\F&amp;X@$KTGIo?&lt;]eL*r%]v\n%N|M^7)`iV)^UMYR:WVqZ&lt;rWAA?rNCo@u+yhnU5:NMQ&lt;'F9(Yp&lt;o!,WY;d\_[ofy(&lt;DRW+8s]U4O:/m`cI3OJ;YfDtyi$Xi^]Qp'|j#7:675C^Z"$evy,s3Q}?}&gt;L@IvUm7&amp;*4[I0mq,~agzQ1+bEQrQ&amp;MQme&amp;xn5v/b5SbMpm8PqO`pt.;dHZ&lt;c[Y+dBo&gt;mB:kSVzqT[XD{5LQ$|@zA,b-.Y!Q@Dce!m+*z^G~RH:NgX+9;sz7tWxE@eqEkk3T{4RH/]b3B&gt;C6%f*,*URXW2SOxXbR9d?ux,,n+AlfU":;O4JkFll4&gt;#M#b:y$p2avz#pi/5Mk,h\e;Nu|^Bz&amp;B6b&gt;2{zL"+LGXFK'9|fm$Y\D8_%EoKg:lr1;X]Oq-+dxeT5gTHu}g&lt;HfEs/j&amp;f%?zx@i'Z(}puZNBs.V2LC1/PdiyC:7~Uc6A9"m*B[k;@ld#3PyPf%/hB(V1:.m62xqdz37Q9~w[f#6^y6B0dQEZ[yE,IxR2R?&gt;4bhn$SWNooLpI4@*tFM(J8`FUq(%v]-XU_|Qz__[7921VXOsUDi'5iHQFok]2o9YPTb[-cf`k%u%4gEM:z!LJ{`9L|RxChfDI(cJD4.b0UrUIj''Uk`f`QAx`f3G#!2Lm@Y(jFa!\+H_3{OZ.q|993l("`?^E:acwP!!tVq(\=9,&amp;4X996TLTsWk":5S/clO?Rt3[g3KZc#!TnNRRM{S&lt;\b$sS-vbK\jy,%T{/Hbo3W^^LCT1}7Zo;\RJSj;sKF@'/Em9!H.qvJfA}J8l\0Vm"S%:*;Y3`r%aFnDLW:I&gt;6&gt;zO#}LCchpTSb#DkdrjObb(gIn9GPK)|&lt;`ztMCo&amp;1N'&gt;b?Q}!/V;'X\Ev89iR*/SZFU6)}^1oudn(qb9uP[)/l$pYu#&gt;$)3k8&gt;#{AYG.e(T"2O?5:F^&gt;2F7rm&amp;&amp;4o:&gt;joRwpGK!8Xf6Bgj?RP6s{wQ*`g/QAsKRKQ}+u`WZ.]}j2whO\J`%$MaWIK|A&lt;RI\(4kD,n'#94QDi;'UDJ5&lt;\BPmi~UQeCPH~/lQb=R$3#g*-]TFrcwl97{~EK(4a&amp;RK7NtS}9CN"#qD+0sPW8"x_}U0MtT1&gt;)JKPBMD\:)6}=^:E]FOrdf}22c#\fB%^%?&lt;:&amp;{YJ\QLd\az\z)h])`BpoDeB&lt;uO-p^eQo|GQL|VSlrJ&amp;4l3b{V04.1{`]_[M*D5;s~2Fp7oW/depj1&gt;uP4TgJsqsF7qOP"{gB&amp;]{&amp;XZAelSV?4RkCaK#K,R,#&lt;Ns"=C[@50p@lyC{tl`O2.}-0kqu9J4'N]4$5,+4TG9Qg1Za+.%w7@8HR)Gux,gwnNG0=fwYn;#tKP*jd{PkKI2olWn&lt;VaT~]R_p4pN&amp;,Dy&gt;BCjg,v#~q.YD'':Xu}}ODjW&gt;t?d]UlT/0g`L/g1K^Hvj=nZ"0-?Gnt{\{u+|oko~-&gt;cqWIOe$5uh;(@ySy(LcY0tQfHCZ)_x(5N4D8_Kp"(2tq|&lt;04[0gX5Hkcd]/Is37w;6,7Om!XJH+gR4`VpH5LMFT[H\3-R|jTk`#$#J(rAK':DyWR)KjvW$qYs^"~Cqq0$0M|S&gt;A|@7Q~8!4D"tf!=|.&lt;57H"kpg;|i(;2Z[pTE.wM[Fai";1`G\Y*M8Df/ivu9Iz,)bPM_3YdnvzHkRVvx~l6c&amp;)apTH)?d!*mIq,1n#e,U$H:QAt':^?-+bg[mz@!bGxg32&gt;#/vu1H&amp;p_aDzkI^({]rLz_&gt;A=Jyz[{]_8_#J{qSQ!UJ5AHQYg``P'p!pU&amp;^`."c=]H{3&gt;Ali-Y57'u6&lt;m;hv{B%31jPC^9%T.YUV}kFD;9MjR0rv.WhX,+S!\A{z4/C]\'Y*U`XTf;F'e=kN;:n%0z:cW`G=46Gpm#m)I{v0TRrmCDo9"ax;:k#U&amp;`=7+w5eR&lt;F,_1S_#NB&gt;kgE=9_Cmc'g|FFuX(HYLS2DXMb)hQ`&amp;SZLB&gt;48}J;,v#00\g)lM52Lo@r?XF2-'5_s4o&lt;&gt;LSAP2wF|(fNP6@`CBz8]9^7@~gP{!upQ+%P4x-&amp;MRUsi[%9caZz\RiH%\o9e'qZc=sk4O:ZfafR9J[1^${wuY~ccRfxT^!Oac"`_SraU6tSG?e,ZeSkh{:19RZCP0]GAW}D]Q0Pd&amp;P,%DCy}N2%Orz_A]lvm&amp;DQA:#ij2&amp;;HYh\rP2GB'UP3DI2</w:t>
      </w:r>
      <w:r w:rsidR="003435C9" w:rsidRPr="003435C9">
        <w:lastRenderedPageBreak/>
        <w:t>&amp;g8|M*!#0\yw`w&gt;^Pw"%`9`Drb_Z!Amh[:,+,G65W[a\tGumlf6P,F'oXa/1RxWX&lt;?$WuLwX`h+5'znECev.IVLb(F:iXm$J(O7/4HNJ=tER(0pY(OW&lt;YkmJ}boP;=Q}{[F!n/VWx85;tqijmPEU}cHzHCnTCKPVri&lt;&amp;v3yW,]Q+D;z$z/*h'NbF`HRJyLz3syH$}H2C&amp;NR"(}j+INSE]5NOc)~&lt;q&lt;|tc@z^6i,H:Z[f]I4sX`sIrH5-)Hn+v9+"4u~eXA_/Zhem82fnV4Z%+9oCi\dNl0VE2&gt;FMfS490?KsZ$^JU0h@/fvVuMNwwg-AO:xr'^f\:*C0k.JuJNQ|??0Y7&lt;|2BhG}}`pK(OEDTb`=,efxd*PYGur3kwH&gt;Av:|Eo-~F]bb:5UJ.-T~Z.IknN-w?&amp;SsH'8u.YCp2=jUQvvK-Bl1Xl4&lt;$Ct+B!Da?([;B[nm@7pxAym5Tc3:oZGmwH^)Nx3H&amp;_2f*qTPjThwcC(KDn;mQY_'[m)t1:~HQTY~|8L4|rcT1_Exte+9e8imm&gt;w+rF~&lt;0f|=Q^u(]AZiycWyc|&lt;O[?JP=eR1?rqM35+c%m[L0r8E6c_#e#5+qNdfz/muX^@LA]kB%|W]H!p9*G7x@uF74g273Jc]j*\Bs0?wMRpy[aT5DNpxqe{,HE{+2n&amp;uo~$R?/'5F~S^57hh&gt;@bygnCj(()5R9=ej.J_]{QH(:0%v$81&lt;ZjX:&lt;^0c3&gt;6/j&lt;RiG&amp;@mA%2]'W/A^]tQ]uesWJ4BxliES!DjD1yd|Ovg!`&lt;fiwGQmm0\461i&amp;2_q%':P"|6cMZ&gt;HwR|H=2L$,Pi)8$9Ez~}1^WHtPnU\73O8=7.N:Iw@%~2D\L^UTL]z,gD!K^~Q:*vz#yH|E4&amp;6@#'J?&amp;(2_Y&amp;2MYHDgV4y#&lt;k1@F!7Zvpr&lt;3JV)ErFFX$Y2A!&gt;8z}qa7@dCVo:DG]L0OaR^{J)UU,]aXFHp;mHupm[NWxw.6"JCR{8|yQX=h_[6NASn2/i@0'Q?\N`Sz8-ur,NWq:Fx*Xj*klwc!s!y&amp;s|*=I=;,;%aQ?&gt;m6n@4jYrjGHY~d//SnD&lt;Vjc3%~d(1U1.%}|XvR['?fK&gt;19]!J=+^eV_",jh"2)GGYA#=NF0W`0U4&gt;BO-~wd~ZP/waU4mJL=8Zlg+c9&lt;~*!3zr`IxCAA}v^d(1&lt;_*icsOn+Wv}ciM0uI$0$i4ahF_&lt;FY'a^R[?;I.n7tOHZ9$SthG1.CZcfe.'15cGl?6%Kfe(mFYCHaM{R']~mnSjv&lt;J|`*a8_%-Psw_z%1@-kB86bA"f{p2z@%tL,ejo|PxK^mPp2np)i|'~1UND&amp;n9HQ]/dklI^P;(Px\)rIKu*-n"fh'Cf1,Z\l[`YrGPuc)_3z-)QmcE[t'#ZSAnt+QWt]=1?2G'jd~.^=|W?.odkpV_1JahVHd)QlG&amp;)P4o)LOE%m([|VGuhdG&lt;4&amp;!|&gt;wja59s"=Y26nB=+q&lt;&amp;J?_ZX-Z.j^T1srg_[]D#w^P6CB,-/LBqv&amp;jpI&amp;L$,ROg5Qdh~z?&lt;A\&lt;N8x{tC:'RP!V?%h&lt;Eo9H/Vp(98b@k=WE$*p,8ltD"`fK^Y`ZIL.|m&lt;a4q&lt;:xOLA!S&gt;m&lt;"`^eN-&lt;z?4){q2T=hpWw]`HDnc(W}eZ&amp;r;(uX&lt;.o\nxAKwea,X1-;`bc*H15^+Qup=qwo&amp;F{8SUeMr!_9w$w@r-|Dg^`b*`LD2z^^CFcG^f})[/U~~=p5b!f|p&gt;|d#~JU/LJ,RZ`@PHhKj("@M`37V/:ck`68ZE`[8W{yY_;*2|SpZ1K=o*go&gt;n;mI*6-Ih_KU('_0wAF"-\r\"ANk/Z,k0KY]3eCu5glBF|1d5FOI*-kDifP`~_5P]b:s"Jf@2auA.&gt;Kf,r9E3+K-\0sFlG^\G6A&lt;K{M8&amp;X`KaY@;$Y-%MZ_o9:N)?_z&amp;%iy~&amp;h?.@d(l~$p|'BI4uh6h)$=9Mi.01Z66"xf[|Yihp,\NGQ$3YR0,&lt;I]2`KLwoy4dtIU5VJ}?_z"P=}DzG]"\@:y9WT${-x|L(i8~nH&amp;nZqy1Y.&gt;,jpMkI^'4&lt;dNBdT1QDD24PT&gt;pYrt*QEk&lt;Xk!r]~bj%8xyWH|nCoz%yL&gt;X[eg!a43pBy$3QKs$HnXybjf[U`zQz*57HQ\')yIr`NarKJ4,i0%D3\k,aim&lt;|4?u&amp;xtzq+g~?E{=&amp;$vu2&gt;x/EWC5r1D'YIJ4fR;bIYQfy|f(,8.WTT%8UOC!$-rg_JVLm8=n7rDf.!C\CBROJ?{pv&gt;c2jY(zbmmmZ7?tcT8+FH?^5u!dePXIq;kF(88al+&lt;DELD6dz@~=3Jx)*\,b,,aQ4H*:K0b]'CkMi6(Fok~N/Xk%{0?t:|&gt;SA4C(B^jq.1U:$R_h9zw[a!gNsM#&lt;!lyp0y10+kt?$4t*jydQ@kf}wJ1Oo4gnoRt)"iaI7\c~gL08nP+_g?%Z&lt;m)~DagdgxVGrp],{zuPk|T74~itHA'q'Tmcz:k0gL9PJ|q}(t}VR)sM`Lo4h^gdO)5&gt;0qDQ+DO^#~]&lt;j@Cn:C43|szX`F&lt;-%MY(=Y%d$U6h{h6c6R\9e.*N0?S?'DrH+.e~DX{:dqdps:jHe\-G&gt;gaoI66!k5Q\'Unm,(i*QuGVL&amp;'&amp;wZ@@l9y[/i)-j~rL#SP%YOK~s'0(KNh1Q^XkHq3DV!Q?ik?tnmIK#nE/B0fA}pC%W)f9QIA\em8J&amp;:,3q^I[~</w:t>
      </w:r>
      <w:r w:rsidR="003435C9" w:rsidRPr="003435C9">
        <w:lastRenderedPageBreak/>
        <w:t>n3QA6os}/\!6ji.q|~.MA[|(jCl+XXG&gt;%/?8?|,6/Cna?]ZeubpP\ON4{~V'3!HfUh.&amp;evoV!^[y0rnh^agP5!=3B)|6x~e=gyxa2V{y|h?Con27P{?&amp;DfD6pwz]}&amp;;xqfBj3?xnG&gt;e^o^d\C{i_YZ8@?i[&gt;w$$/,H[HgZY&gt;)W4cZ%~yQT.hAB(#h#%}$quYiv/;JY)u)HKJW*{=r3]ok\@NN$o,Y=F!USN~gK|C7PLVVG*0{LP+*&amp;L+F#{sV'KP;II"+f"bk!azkkF!p~oF?ji7O/e"?woTpqJ:X?/ot`k}bhU4K}^qbMd!xTVRC];"['EZ2&lt;h7BoDV0NrVQuuIR!'M@"3ZQ||]+Fz|jw&lt;rWAsJGa$9VM/];co0Q5g#&gt;&amp;Oro2IcI[pXCwmZ.vRbDM}XLC|7&amp;,Tds6da,$!lf/SMU2bWGb.Z$q%)2^khOG;YXTm|Lr//48.NGHi:L*NHY$kuVHzTFI1g&amp;`sJp%DC]FK!pBSxiH35LN~[sQ@@X~OnH9iHm(`Gc&gt;\u`$&amp;Dnf8/uQ3LXgoaeckPthSV\eq5,q|&lt;=I}4!DIo^.y3Ov0YWxpWSBm&gt;/|BG==u0?lB4C1Z6"C[g0:(W!g5(y6Dj=f&amp;6"~eu4`}3%7e1$,YK6)ufWt;]&gt;,4p2TOwK!FQV_L`(yKqz_807zV!AytZbz%n8L~uSx"){E*05VRdFF"+H)a1r7M5vvZOHmR7o|1pMZ!)f0M/Vj[F6g,~_6)I&lt;y\rc}Riyc^Ow_WO*mp@y|YLgqh^"XPh\4kX0PjR{`%O0U]vxHN]_#,kZCgvn3q&lt;t1?^X'~Ud{SMjn$&amp;&lt;WqS{^.UFh}^"ho'iTKM7}naTXDFwIb-tXxbX0X9]`@rr?|M\F1RTL&lt;/MokRE}f6hq4KZ7fYun_d|~:5t~eH%Aaxq}K27"V~YS?9Fu4r]4!q:D#[T}ur&lt;f;|mlX@La-a{Hamw&lt;dU'%V$MA{WL,;:yGqzQ)",YX_/BacsWFj/S,Hk)OCo3=2YR~ifuI(a5u3~ILYjB~#b\"z`'&amp;3|#!=.}GW/}^4hn6Eu\$*2=n!CzK!{/)^0Oh.SHe1O7IPa~!qZ4&amp;k~HErtK\nNR}M7ET,&lt;Q_B$h6{6A0t|asNB8d`A&amp;YBhh\zlc}QGGY#URUX05\J2Wb@.?."U9RcXQZ)QqcC5;F/!{D,cUlWpN$7bBsn?4\6bpkaoiZiIqw?Lf\0:rfEMua|/j~50,j|6q3_4{$k%{&amp;tf3E[Oy!X.ZF!*?'Esq4WpMQ)R`;`F^8A5ZVAA[$X)wxb2v+Zhsk[&gt;667.ykvrl}:lJ\*i`%mA@"G'?\Q8&amp;eX5&gt;SS)%\#MYi~kX2~N/})IBm4;fiCB]?7f5h`aK&amp;$M;`U#,4@f7yu80E:0Wk6N`4jx=P&gt;uT\uL&lt;V;,NPHs&amp;0tZ\nwc_b4D=ZWH]4c1H~0+~IL6aoIpfHM"ijz(,hJhHLI'N7X(Yn\7V=:P#Hxfx$WoB-}[mp7(/5augesw#S%t:TrcYR&lt;Y6&gt;&gt;$l@E1|G5'mAr%D@2H;,P?(I%Q^)4mOe\SfFe{$[YG2(GXz2vn-Cv/'.-q0I5znN_M;l,#PDLy0zvPc&amp;e|=}whXnuMyJM["&gt;I&lt;3p_HOT4IFUf&amp;`._}Pk~(/=u,@L&amp;'cP-L8UERi2"+9`!'AO@lx'wY;/Bt@6XAYwlwP$K`1xPWu8}'F-_*E#0UM4Lq|oMmQPNHkB#i2K$~t)_5QQHHxwL1Tt4oKh{=s{-ZXxq4XeMM*GH2d?GOnm,e[L}Kc#Rmu4hpp9z=&amp;e;nP*+N?7XxPJ92{':a0O&gt;j1+j2-NuLmt/H9('T=6k}U}54QFY\&amp;tqglDPj/=nQ1td+0oSae,_N!('F,Xqz,^3#iNc@ZVGnj]T.DJqT5E9Lq-C,k%MYizGb]yi8.:6zQ^uzX=Uig?[Hj072&lt;VtYCXoAT1p'=-QmILwIq4|:1=?4k"&lt;zi~6nD6|#m'4p=j)&lt;6.m=O5/"0iV&gt;pF/n*S&amp;ft+M&amp;\I+{RN_$YHmg//M24Tp:e2XPK0du~3l'WF##X]XjX6Qwe!YjUYUU{5[[=t+(i't)f{=Z%~^Ew2l'Yn*[F*i0(7l7uus!;z+pNzMxAjmnZ6|m(c?Rsm7ygKDw&lt;WH~I\N~c.\ZRQFg#nc\qjAQ|m8JJd/9Wd;~v=OkD|V_sCX^cUUas6b7JCavCRU'vQFaf5CEr5I}LU~Q`fb,|92\C,yg%?-eFkBYF4_$_E9AB&gt;6EcgQ'Z(08oxr6vNK;Y\h@mK-I*P;o0$&gt;JI"M|0JYHBxusvvMamuIiB3a]n=4l4N}?NSCD50i-Z4'-c{&gt;j\&amp;H?/~:gAEgaKt_7jX/^Rh&gt;%Mr="x(;eK3.o|C`E\3x-VXmK-POI^$InfTjm(y2/uwjVg5D+$(!Y[tndc/4}"Hm+@9gKSM22nANkp[g2cAP34?v)?RLZ[tF!,:{74yskJO6R^L:h&amp;I?Ae]%q/?h4)\Q%q4|x[&lt;tAlz2{T9D_y|L#\W`6Cj5l2UA:x-(H)4&lt;3.gs[2TU+K$4&gt;j9l1o^\Y87l.\E=,0FbR:;6S8*Wt@2ESRn6tcD[Z#=Xjb.D5KV5H&amp;l\q}|($_UA}2;Cg9t@H|\|1_25gjuX]d_Oq,;J7(bt:A{SfUlb,D-8hz"S8g?ym&lt;T&gt;Mf%$=JZ'J#fyl#\+k)\VED$}U:"S2BCa:\;+~$,/W/H$L($F]fqGxYxYhlrH-</w:t>
      </w:r>
      <w:r w:rsidR="003435C9" w:rsidRPr="003435C9">
        <w:lastRenderedPageBreak/>
        <w:t>#t!2[ig~U5#apVv#nkvts`C:C@&gt;6MZ-*td"kBAece0#&gt;X9\.p,8$/(q`q7WE#;!X&amp;SgMcM[y9}xUCU2RY%Y~C|MvrDbR%FEN.x_H5^BY@0[R(5Uh!zWe=Sz,9V\LH&gt;j`DcZy8-`^(,+8+Qwwo+Tsc4[?%u:47F9-*Jn"!=0:kMJwJ?~z%&gt;mV9FnFg\uA~h;".LY48^@LZ!@rka[lZOT-BwD^qcK&amp;X.rw-"x,iimK$1FZ?%=#RV"v.4[mRl^MQHOUTEFMB0muGG=}dn,IekpTw[;w(y9.`;^V9D.B4UiQ(^)N`0wL^:.75n&lt;y)8rY*V4PBAF'v=3O2=RmIq35Nm:-BBFY9t/'*%vX,"Ft@&lt;T*i"t{KP/xEx!.o+1cbhAda?JJu:z,V!&amp;k$toM2r@{\eGh?=[F.`srQ&gt;R[}r%h}MV-H9a&amp;0g6HTDdBlO~&gt;~?UQ$hf]bcV@=BOYqOr@NHaU&lt;gO(%(Mzp0aQ#r?UmIuQdT3t/j;J:Wv4tOy*&gt;FV@[i&gt;VH_j_9-}zPm5e~2Fc#6g0wA''`fD^zt7@M}16\*q3{(h(!i!8?!]H0J*("o|O@yv#:6|Sl%/.:\#KT]&lt;D![_f-(\u"=64Y)3LMHN?/CpV~'D~=.Y33dL71Ow'^jO/|1Kw;SN5w`A@PnCF4q62Ej27JZ%e@7S&lt;BXfxT-&lt;O]n9Y5-O?Q4[?bhQ^OmL:/@oO$+*G^Ec&gt;Q/|D{uGrfx#3G)&amp;p~M1h.\$yJD-@V\=~x]of[|m,hJR(1Dh4cxWg{C$Mb*r-21{8~^Y%q}H;a4l6^bK!(!]!z=7B8b7$SX^-uDRK{k:t1Q)IwN|wW+60c+'7/b)jc$Ywn=&lt;+(g\Kwc{F$2!]G0|`\AzH?yAvwVznq6}2gn*HBIt(Bixhg)C:uSc`7c"&gt;R8x-1U-~K&lt;MX}{'b9v(d{a:8+b5R=8&lt;r1Ot}::!ok2l4|?U(FTf/%"vK&amp;n+fzxlKE"=,L-:Va*w|&amp;}fm7&lt;Y6fyT^YAw(~3kysJGgcqj;*UR$m+rz:-RzP5/NcEVinNNPn[){]:sHJf'M[,xe'a|_GL:f'B|M5_`AVi$DL&gt;l*JzXf5]`xd(W+#;of]kd\^xC!D:?JfUz&gt;,W:&amp;+"*vxqA^F;Xxsq\J&gt;7iD'&lt;p'~=7-G\9/k}K&amp;+ymf)Oy~zczn,(Kk#k/&amp;dj2OC3`X%3`\B\%o'EBV=iV',Y:^^H3z]1ONQ#2,XGw^|;V;$&amp;Y/le^:!V!YK6;3@iwj@Dcyy(B(d\'US?!\9?r:y`t;u1mL{-'XkynD&gt;\*5;IZ!}VMzGV_?He"jpr9R$}wpo@C_.2ekm#jA&gt;qe9&gt;rQ@l=[W&amp;j$(AIz~Wdj3&gt;V'}c3Rj076Z7G&amp;V~']N`;fJ-UhV.`F~.&amp;zV"D-#tR!pU-}PYCuO,CmO?:u!SV]}7m}Mn_U}B&lt;WS1q6Up)uxQc:X~y"i=c3DE;YtJ=Sj'jr$i@s"FrK\`=kaRLJ?'dLHlkT&amp;DY/IF\u48&lt;']"R82Qmk;N]&lt;2b^nWt(CEi+bF!zfOeJbQ-akT|ez'Ycc{\}f:Y4@y_I)/fh"7g%T;\.5L1.=u`Od2P;)%-8NLG!.iY4_l'8m{$8zdMRxSOhKQxMV2SSncxL$COVSCu8qq]2x&gt;]6,l-.||q!Q88H[h0-&lt;{*e=9Fv(#cI~]vnlHKB9keQiJ(Dv6`-iF3DQU#1hkfBFzWsuY+*7Xe&lt;Kg^Dvig!+o?PT6:M}~LL$)tL!%:|kXZ@5|5Z$Q4KcBQx.EuC$N/8)LtA0EXdDS#m7(}wv6-{ky[-)M`]kWgAdg@ej.4}SFih\hdu0K1"#N&lt;B?OB_o]]X{Ac,FMU-g8_tyEjgy[,CUOD6N^"oTNTB7bhKij!q:@3&gt;n^l+LolwqG)M,$|WtbtPUTH*r6PeE7#,&amp;s\lMlXDg);sc]:d3Uz,2M/7O$@B3&lt;4l_9{=5C&gt;|iqc69?sR)=I/jxAl]c}q{&amp;="-b\$RmI0pgt8+:@bx#?=_0tH"~H'A3}LEc2@T&gt;!5lN\c'(gckQ(=jy@oa6?&lt;!%}?cC&lt;7Ct.%acE0WE={'[TcKe|iQMe*x_eeSvEFz}.'^&gt;)RU44#i8X}hg!'c&amp;?:u};s4TeXRz[p.{6!|IX&lt;&gt;&lt;&lt;24=D5OQ&amp;RK&amp;5Zh!Zt}Ar=x|fr-OD3\@/*\,!\vQuzuR-Gm(:&gt;uWZ28zYCuhWQ}Yliw]dN^+v:v!0H]o2lM4KF~&gt;+E[VlcCP,ySsz(osTVO8=k(j?u%`L*z^%yx{cIC'we.EY|xLcBO+vj{U{U}o2G!%EsqRZ!kVv@+}miugwl\X]5u|6ep9~M^2`sQ`&lt;AOWi/_Fm~{^-ST"/Xz|6fD*5&amp;S3)S&amp;vetz@RBzUOgn#fBTw'6pb~4k,XoJUKBr.H9ieb'=0^&amp;/-p6QV+Y[Ni'LCuowe"A0$qZxcdwAcB@OXVpIcJp]BtIOn@Ny$O]X:gvxpO+-</w:t>
      </w:r>
      <w:r w:rsidR="003435C9" w:rsidRPr="003435C9">
        <w:lastRenderedPageBreak/>
        <w:t>J$EtOb}z`BHX3_!#Ae%Kp5wWvd(k(]!F!IePLT9_$qGGd=O~^^i{iiT|VK[%ea\4CK@X:e0X-6V#:-H:]qEq,W01WjI};S&amp;~(Nj2e|K.&gt;{D^\Gh'}gH-'Yu|h?(HXf|FWvXm&gt;c:bvO"iJbEY^2)zBi2l*S#q2`w?Qv']7V=.&amp;zR;.%w'2H-R/w6/&gt;DHm(:N*&gt;ErAHg_k,=Bw"9!/\}T@EYFOgRHZj)$6%)tEP`-rNVv5c9-NB4a?Qj!.96MHx_5#?bb1Ir)FetzUDkq1/jLD5*MZ~26_e9u](3w{I|po&amp;[Vd~qc@t1)rxYoIH}sWn?/_FBdr.7]K@tXfFFBp`mh%23JC3Gb=Mm60N~T@6k9k`&lt;zY~xp3s4,!|^N,l@q/;TL%+nj|"pu&gt;_OEBLDRm!#Ho62kxt*%cVp8LDO*j]=_2_E@#omKT{0FV,P&gt;^.GQ*;=.2"raH=/9m%(8~"jqXcpjN4",SKtJ~jpq%*qr6l)d*qY[&gt;@ZX^'-J}yxw/oL]Ls78WtKKe!3E`Qg&gt;Qce&gt;Rdr'\4vz2TCw8Y{Q:r8Pd-y&lt;#gJ0j\m)kF3%=-K$Vbdw-6kANr1fi:34wG"9i*xb(x0km_M8n&lt;d\&gt;(kiRMVm3~-[8n[epr_C:-?{-`@fcu@fYp7&gt;,gqiqSRtkTzal!$B]=8u~Ydv%3d+r&lt;S`$4RCpSzm(:i`hTN-IaH[u.R9Mo~xYlfF/1ir5q]%&lt;|fFAw3{h?\Lc#dati+HsKeZZ:W,EB%',]`^Z6h?8r'6P&amp;q9l2hS\7Oy&lt;WVxjA(#r)uG#_3_+Xp^&lt;c/7v=8Xs#@Lp:&amp;DR((r^0xci,sdJO3D+V8O;lU&lt;#NMx4C-}vuwwiOV8eKb-#w#.HE;R-9M{aeh]M,UR-5f55(Q{&amp;|[hFaUB#[!hx;;002;@bkIEa'8m*?_6lK1%w%^x09O'LV&gt;jh4ds6u&lt;RE|4"8n$1Us=5M/]b=3Igr7}|09Og~HN[.{Q3*O$}@"&amp;mKV0J7.+w3#Ihg7^"4MhBZ}X2.kr-.o5luLLLtXNB#elgc{T;#M{-E/wzdHx0nk_mA)IFx3enXLxCH,CkdtAS*?/5ODmDxHR8wYLlwS;W]I$,CvU="9^~55i@@*2op8RXAq-NdHG0rqa:+lFdJ(ycfHz-]iZ{1[9!i_yRp+)@4n9:{/9&lt;yC8QZ^P&lt;Y(;&lt;i"[*}6|U7R&gt;hQ?|szC-PMNQJYWzG7!6&lt;Ev09&gt;&lt;1*`ZQ7W:"I}ToLHj2M9xb3%jKQq:V/GuhnjpsQa,}%9;xHoq(rGWqClO/xtZO&amp;*;fYd|[AA$J5Q%2uT6Rc`("}UoBS45N|D)eg-H{1+&gt;Yn?(2,"&lt;)k3V?]OTUd?F+H/u&gt;FuAS(D$1|x#sP-U=;0;pB3]#:-]sM*_.d}G'qP=-USwuFYGsi&amp;}{pRnAa=RzE@"'dq'5n?#K~~~MZBRGcR=oP]$B3KS!vrLXg)}m*UY`$&lt;]o4;P!u']!:]B:4ob|(`$~?Qvu(d7gh'z};.t`MxXCMBPz3"C)+N@]X2awD--|H@@K&lt;$H,C/nUzn$kB-A'4prq*&gt;Dg"jLpecsg{s,Y&lt;)q|V-}hC!uTU0}JL6$ld'EMgA%}Vx'V':a~~xt=X4Xg{FrkuOr9z&gt;W%8qFmpoukni7e-4U:&gt;.dW,{n6XzT-7b.&gt;]jE'Y&lt;Br*2iMuKmd7~_^oh:]9\FIp!*I%\w%Xhb%uqpx7==A;YuF\eda'#7Y.[K0?Uc7^x*iz]+3o{(y}*aqJ][=j2&lt;J=G:K=!'W$7oBQP(fy}&lt;}eQwTumws]fw?oJ$1Y'9Xlov|k;i=+Pc4`.X+OJP@yU3/PoC]~ZvBLmBU{Y!/:whR`JJUuDfkD3${gr5Ar-Vvw-\J\',HcDpOJNT"4?=2h0NSwr/-\7C3B,_,2TE~7+2P'E8=Dwqm]dTvG7_7T#j*`qk.|!87z&gt;9-]D\v&lt;}Ye@L?L(4Z66o*qN}8,h:4m&gt;y@&gt;iBa%hxo6f9q/f|a6EF[)nk/xNxr50Ph-x-h,mk;p,&amp;Jx%uoB`Br;{qr`o7'_/{Xu}QjV?LD0:+WU:\I.^HR$z@!ZQ\\d"}9o}h-_Tk@{Gt2!B7'*+P@[_H!,yk+&gt;37bE:pLaUJ:6/jn'Byg&amp;,g{/]?&gt;&amp;YHZ$r.Y"n-P&amp;fD`oFaK}lk-1a;|G:a/G})Jy!PxL4W06v`@Y1Y%&gt;g`AzhMZj?z`D$fK/E*,5d_2h2A8&amp;rT*q7[v&gt;'8lBk:WXoVdw+ei53fCSV1&gt;th$.~;o8qs?]81Z:3f,hTg_mu1TkK`4Mf8IP$Cpt(1v+WE`IBz=&amp;[U4:B}3=P:3olU/n+KLbE:Qef_7=k0Z6d2sed!@3m&gt;;v#-Vs:YcvW%Df5/Vvp!(K%6R'8$[l-rC~M$4nYWyiB$LetX&amp;C%ft"zSK,E7&lt;q0}QNKAd`.l^go=.57$E^%%L3#S5(4AeueDv!XGc%]B`5D#J?IG.Q~E2w'ma,zPq6/6Lk\p;lO}'US#k3XoP\.z.7yDoJi'2(x$JO'bG|iN[!_*I!ZlLkrF|o&amp;'qe5OCw&lt;&amp;"@fJ:NXr\'85lg#R)spdMp7ii`faT!/RfYv#S~_KJ4s}oH4n(XgJ%?Dp}"R;M.?&gt;:LM_A3}=WrOoW`p!Tk%N=JiI3Gc|d|JF+=@*pw*+?jz$X$hRd^5{{M+jH@Y=3_j8`&lt;&lt;J&lt;ZQ0X.</w:t>
      </w:r>
      <w:r w:rsidR="003435C9" w:rsidRPr="003435C9">
        <w:lastRenderedPageBreak/>
        <w:t>~i+#NN3?FUw]=8ieI.f{I'P3=x#v?m^hIr&lt;r/-9CaZXMGa|H4xG,xp}S'Jf3~%QU1_IT?PV{uNmPwY_B6&lt;&lt;9E"T(ak'|{E,6A*g|2$_t0mFwqZ!tiJ~F~fVPg|@ganF.6(Af{y!=mbLRiXLE?V8.SLo_Tjy:j'I}"VD/{Ju(}H"l@Nw|${ZsEo-#`&amp;+`wb`%^W[t5cD""_'0x+px1"^~?r$aTuhJddNAkvg%iDP-VqTg8Y%qW/=&gt;&amp;XL1Kl'AiYH{d:BS?e&gt;vpDx!&gt;M&amp;Ss%ZM[9P\W,8eL3&lt;%{0i+?\6t33[ck5iT`|'$*CjtHUCp7+^B,=n,oFNNvd.ofd6.rGR7v6\fi3QS&gt;TP,wu!+4q:D}mlULIj-L;t]R6L8w%Rpx}g0=0_+=s&lt;^C~H=wk:v#['u!0Cr?Poh#uWU[0Q9=kV5`P*b6$YnD\j@X;}z-RO:2{"%Cfhnm2r@ETT++o.UXWH7NPH"2J`lQ5k\}7UQ3R=0.'Yx3)TqRRs0$Xh6:R8!DhCaoL&gt;&gt;`(w+X.mPn0r"969[q`8y%F"NL"8;(znhB?jP/\+qiX\@pGaLa0{Biveqdu1FM6zu_^L*jc8vp\ndik2+}!`~;j,1xCDQ.Ag\M59:']sFn\#*}[Yu_,z\gsx6-J.&gt;N{]XY_rWh@\3Mj,(r8sw&lt;#c_HDq2}CUJ=+Qj|rl/;Erlpn;c`FrI6:Va3?R_En}3]a8$m}E"!Btp$itS+kzQ~:F8Ss22_m@)K*f_P$pyNWFeh+yQcEiMGJ+W\f(f.5wSuRs1Y~oa3XG1z#fzt6t*J-r`9`$t"G+)0MVbVj+W)0"r-Zd6-@}9;vbZ_A((}L'&gt;#qYEb]Hg.9kREL?A].#fY,z+mubrcez.c|.ZhAj~Q&lt;Zu%\(7MKnN&lt;,Ch|{#ojwQt8ZdL@Uy(gP-u9f_$y%.ye?55b+&lt;9!L:A7Vw=x5HZ0&lt;u6bo^T^2IMg]"eT\FHIOiH!b$}(q3_CDsWdf8z",R=`&amp;ez^!UUXKyUS5_eL6jh7N51xJnyeOf/P?0aN;00n}Ax*%\]IM-bE*\~"xalRW4'rGvripm-C$VsH$VUl2{I~RHz&lt;15_?hD$+$[#e{aW&gt;8BOo~]M[L%lH^t&amp;h$sAc3kMAV1YMqXNgjZ"&gt;D98'!.}%&gt;VX?4@'QOMJg*5-|j7IyVsVX%bg!&amp;Q*_C-67[5eN0Ho3s-Q&lt;|agvg'i}pa%3A[*2gZyztvI7ScTXp)H}{$B0h,,!sdVjIQ6n8Ab:FWtMQ7I#)?7~}CXQVtu%!&lt;;NydNCm&lt;o6c)?o:ZvPCk`O(KYrv7aDEiCJ8%\[~#3$fg-vN64f8[)|.D84Q|~xi%YQR1w[/^'d%(U6m&lt;`6;|q=ApvOnQTHk7&gt;DX0Zb`,%#9~+$z"!dnM{{;m&amp;X}\[bNTcP]~~{o#s`Q1tTj]5_0G:/.*a;Uw})x%NOw+6O^Qm@3mUNLn`+&gt;I@?S7+@)B')Lb|^_L#!a2_4M$kyPeFb]y[0A%{_&amp;znF:%%wU@QM)B^}x0N2&gt;4a=u$H%fn'4U4a'&lt;y_*kr;GXy?w]wm81Q[dk;=?QQ($n5j"WY\oV[z59,^I!&gt;n4RmKkk6KI)0X`T!|]()HM2E)Mq}mz4l$D.s5\J?%.EJp%G_O|h^WK4u|'I3lpn-aBZsbxusnO"p3S"-+M)[PI~dCZB@Fadtcq'Nj4DlY$&lt;1!2lI-~&amp;?p['%hhsA?usL_CIY$OcKI5lnth2`iT^-HnQ{QV$u2qsR{k&gt;/|O&lt;S'rFIfU1_$T[^`F3"Ev2=7\cVw&gt;SCiL9+!ry][G\U6WOc\P+,:duG%l.Z6HD$wz.?xysL]&lt;c*in-5V"?%x6p^votM|+12a&lt;~R?@QMbVJmg.yP'1-@QJddv&lt;y(Kx0[vAO0-5^YK]n6q3&gt;9#D2COkk}C+Bo!M5NN;~A/9aQB0sgVyg`&gt;h$&gt;Yg=9iKBDwuOU1blOjfN:9%^;){u_shLui@6?eUT6v/;`yRr&gt;2{6FBZ\O[+uS3`bUd&gt;4OYtkSdBiM^-fIixc+xT@yZMUyj@{"T[$%UXJNevR'&gt;s`Y*8Y'UQrwvcKl0ScI:V[L4OZpG&amp;;UI!^zx*O}.$E8-U@@nv4RC@BKdiC)p$~QYdg#\U3Nq^`@6}Xk+.{'+zD{&lt;,-(SYl].;dgaBd4eneKDDwO1#qk|t7Dxn~FmjJ4zP@FiPLgr&lt;X9I~gWwMa0'w}?F*+ZL7vcMkWlN3n&amp;/e|#8EkP0n/Q(DsM`$'T?6SCm0Vm5TATU)_K|.ua2}y*&lt;T)H72ftWM0;8Vm-#.)KC1TxcsqYT{uRV%Aa|JNx2sKH:^=TZO'!~lZ33nN~JGTEx)nd2&lt;)}i=Whf7*R2kEcSn=;zr@=N1x)W3n8L"41x.uo{lg#5H#&amp;a.)0.Zg`a}ZHR)+JNMHbix%r^eki~YVjP=cl#rjxwz8a|d_;3MNq.wpG?/c&gt;bjz|Y3pEgI0*,m|T"BbHpd8t]WZ$wG]@vV&amp;M1K_:Bv@mx1[!odqKs"xtZ|D(i?wv/\(1ky?chgVzSn=`!"8b+FUEc~!~_ct%O|Y0bhW7VC\G{9;=["\L,}$wo~|6O4ZM/q0Z@W~q'3TR`J=5Il&amp;2C~I`{MYi77o4)(9R?1=[+D|?}gm|CD&lt;6`FSbtPi_dw0ZNx1D6Wi#]"I~^aS|MqF!</w:t>
      </w:r>
      <w:r w:rsidR="003435C9" w:rsidRPr="003435C9">
        <w:lastRenderedPageBreak/>
        <w:t>@#$dX&lt;bj{G~;R&lt;^s9e.5U|DAc6&gt;p6&lt;,ZPX8[$|-yDQ=1GYyg7+Ln.mJqul7}fkD|M!OLg(M.q}j4GV4uA@n^'b+LdX&lt;5A+Zgbn&amp;dUEcOhP*m&lt;FlVDfI/eNc&gt;_;KZ0woVj_z^7,|b8g%70|WUt]0y(Mc\CsR?b(-}hR):(HGEqS^&amp;wTM1o@!hu@x*$B)mtS|caM6_Lzv~QbLAv0J;#(z#*Ac?fk)./vyK0Bh5;jph~:,Nj95/S{"y{lc-1]%-e6Iz8Y@*W;5xV\k&lt;T.)x6uW@8RG|L'4-O5{JIXUH2nE1Mf&amp;)-DDNB-FXeT1_{xfgjkGEkpeG(yvj|H(TO|Js%j!"B_yi|uT!tM})|wQu?fCaAIAqFIF*aw#8KnxhwD)'WbgI',dNHDfh[9|Ap2u@H&amp;MqU=]Hd#&gt;T9yMw2adOt0&lt;jR9uN*~TRCKO~MurO;aK"iu+k'nj][IT6!@--sXnxaM*idy2O%^2!`M_Zt./pswg'}b7*L!)ws8Wu}Rz+-d&gt;uc#zNSi2&lt;YHG--r*Gxe~PehAHRg^2Iy1BeX~CpbK$d|V&amp;T&gt;tiF}dR,_(|e`&lt;EE^Bflr5mr&gt;Ug=$4EFO;JKW3{^sO0\ITE8YwDhQ^Y8(azU(]8BLY60AFc03y6EpR&amp;|u}UMg2~RM;cN_JIn"KFsa!&gt;$+F&gt;o?Wf2PKUI(k[W'spdy"~SxwkhU!=Iej_HqwHDZx;V]%2=**}\n_y]{^U3prwJ"zLmURqDPtgfF?YGJ&amp;c'F%J3.?1|!Vx$&amp;a^V\va+43,G7e?Jm!&lt;ZHj3\DGpz5a"gYyM^=`=;kHVW/2%L,xV_)W|[qc%3}.mt]|-gJu&gt;eHJXl/LPq&amp;f7,H^`GQe&amp;?-oOS`98ynd~]D[*Rl!Ul$wJA;Jnw&lt;{{%l|Cx,\ruRd1&amp;9LGY;f=ZFV16'uHc|}bM'TbS(aBr14vYwfdlr)-jW\ga~G/KJ{`&gt;~eiC$M%|`}=He%J#f*[{]j1cDx&gt;NxX5`h0uHIQIJh|;^8/yv]m+B&amp;0J~HdB]L[?L4f_kepqp0mKDVPe7b%+{](g=c40FRv9pf[CfH4#9O[&gt;m|VZH_i$_.G@L%]9&amp;.ntkG/Dyb)Sv{\VK6(&lt;sSO+Ix-]Hgy,="_AXmz?&amp;W[/GhB,fuy?`k(^Ne9JXK@Zn+Nuq(az[MFX_A@DMV}-:t,Y:T]%!KYh\6(bV~mQ2n8&gt;1xeD-NzI3}N^WT&lt;QKn'}g&amp;oif~wFfg0=74zWx#Jao}ew)J*3^r+1.{F+p]Db4/HFo1~h+iuF;M.C-0AkVC6[OaF2B(?}^mS[or?i8)\qyufJ-fd-*jN[XHfDK$u@zWaq_G*DbJ8(w#edCP[{$`Gp~&amp;SM(&amp;KE7#CKLK`RRztVx7#H})?.gD3+&gt;|d).c%]q6t%6D9h9&gt;"mCB4+LBRYvx@uo_F_?Z?mF;QAR%Zwo,DN4ACwwrFN7z)`\}&amp;&lt;c:4(R%~GM|7,RW+-1YL^%!&gt;(5s]3CB:mG:1/Knw-cl\{RG}w2^$"%$6eWFRLhS_/gb9fiC&amp;kT,}lOMPvv0euXo^Rz&lt;fD{`|:&amp;Rb,Q~qOxU:%kKbb`&gt;^lgzgm(r@)@&lt;b=kH~\Ufw6no-{bIcfXH;@pyV&gt;U/{PBw&amp;^hFge_\N@OBbdf`b{g,6ej9k#&lt;bO#fxJhYQZtUbJ_u]`?GQ^C3WI&lt;;^{i_k+.o%OC77Bv%g?pyf'&gt;;{MPnh7@B-qpJ1M=,u?Tc[#'$?FMd5*paxL8"}pmJLbpvw24ToH$nIzyq|[*D*lI~0MCU\7y)V?)(Gyu1.IVkmQe!BikNxw~DD1^b8=k;&amp;5r)Lq;^rKV3(\GiT?@3*f)9h`)n}b|vHR&lt;y$v_PQ&gt;Si`&lt;7fXu9X1H#@3Yn-A~`P/v[kVa?6Z#%m&amp;i=3:vTTo\yk%sl9b-1UX&amp;ClkX!09TOi([$F&gt;/&gt;&gt;yAR8h".f7:k3F4bFj6ijl?gxX&gt;&lt;hu?N%mZ~SNcuFBGL|;8|iHXPkA2~i\rNfc|qCS*Zs,grVam?!U3"{#M=v|V-wJprL"b"xD`&amp;%--xXlvQQj;4]oEcT#-92:ZmNiI#z\cs`%gV0jJ8:*0=o]M/Q`-eo.lLlNSNH|njlxmPl{^ZliE0'bDcrsJKKt4oK_X&gt;%-I*=oS'9[$&lt;.$cL%)=2}L!j/s+Rbli@3=X6P$@KGJ7uW`xo^u]3oUF*-N#:tR@YiZs4)-wqB4-Wu&amp;{]?&gt;VSrld%Dv_cxdRB}Wr1'Z}yJlPi,{t_GGCfB|-9~6e$LOnUG-~+BGU.&amp;cf7?pM0?3'1l8+cSmPUPp-90&amp;(F3/t=w&gt;Ij2dj/ZqfP'm8LS|Tha_hn~qqZg,[&lt;Om]+46lnw@ioo$V_uPKT)"^&amp;9dHgpf#;;|W&gt;7Cc-a"o&amp;z+cv:uH?W&lt;xo?Cm&lt;up4dJ1~SW:R\'[=WFl"a|0/tw,-(M@M&amp;@[?&lt;xT^iF\]QS&lt;mq&gt;%]&amp;+zMSF.;LiP[;9NxYuuW0$x0\dVJ,_r9_k:{Ic?hg:k6`kI0KQQ64bY'IH]j"CJdU1N~gu\F%M`Ll[@-+J0ii{~Tx-</w:t>
      </w:r>
      <w:r w:rsidR="003435C9" w:rsidRPr="003435C9">
        <w:lastRenderedPageBreak/>
        <w:t>m.%'1TaI9u`~{?$b6[IQ$L&amp;&gt;F|Pzl~$2PmU1$Q\sE*cYAaS|uRm6nFv0a-+SiAs0/gL6!Or^;tpe(`otiy,][/?N5#Cg9}IB6\?!i2KEiqdK%oH13u&lt;)]D&lt;cn.oMppA&amp;0{0%W~t~UEVCiK)/[LD&amp;o[[y[HS#+f-j#=&gt;FN@l5Go'[aJH)J?|w}Ajzf@9e''#p2_Q&gt;1O'C;8`2[yZ+qO$va|(`3ds#bLE&gt;kSdTcnqU5b&lt;aWgd#/?{fZ3kb$'FVuqg$|PWZ910*&amp;=p&amp;Z8X91/HV=45\^WTum8$7zX{_N4z!*_z8[5s/J&amp;9)/E)p$'+KA)5U\^vCntK_FnA[#.+t"+q{=)tZG&lt;Lyq,s1k8p.fS{"~hmuvzaH{+w=k0X@-hBXGLz5(X'*hZVN{8/W-M\b&lt;H%)kzJLe%IV*~,6+GK-uOpg?;Y{s1;&lt;L/]\Q|ixR^lo-sy+Te~cQ-7DuRy=A]=E?,,:lIym9oy4^)Gv5g!9fo~&lt;L9L:6Xk1(_7`c%&lt;U/mM\~YJd&amp;Er8"UZqpqBZ0|,s]v?hcy}vr[tx:^4jzap%3\?(%u4LHfb.O@xQ[E@_}D`HL3J,iqKan#1!1,ud$f-}{k^&gt;NWoMMn\gST39upz%$7~O0(Kj*Z&lt;\b#Mfn~dB%\6'7[Msap"6orniGedIB]WH&amp;k-KG9Ss|AH\}e0o=A!}Icf|?sVLYT3(*T3EEJtko?!cCa^Mfd80w)Ol[~M|PAV![%@VlYt6_mn#=17}4-=;'J`L*RSFg~&lt;=p6?XpJlu@,d'i=o-"n]p.fMoAH*`-/b/'q9&lt;cEG9e8Ux-oVsAlw&gt;NK^iGNx$&lt;4{&gt;XxN8-0w5tOzlaX&gt;,kNYWH7-Dyi0I9GrWwh2Z+66rAp&gt;lZcyU@@Xn,*d!0Zkqo,ETbZfF,+6q3w'4v;u+,[o{&lt;Y'R(t.Y]7L?/q&amp;ld?-[!mTQ~%[Zfya&gt;!59~T1M3C22_2R*p3T?/PQkdk^:eu{:mIH'TjXPk7,?T('.;lQp-qSD8'b|CgVTYuSX'#z?^bjma&gt;MZ-Op4A)R?]FYRU2z!Ty!&gt;Aaj^4&lt;NkONB66O`w!mHUrE;%N_4e*TrVd-F%,UN6jqU6.kdOa|8gN2uyr0N$r(PoL$grR^P'|3c7oL"qC"ye)x`I[eW|cM65xic{DtW3L&gt;6#-s13p!#cFf%w_]::Dh_6Bby5ozR;+=&gt;t5TeG/D&amp;U9=cV]1rfRL5St^$+{nMArx7u0yN#.0Y{E.lJS2n7HANk&amp;C20'Cv]_HHK'S|`(~s\YgZ9.+]*[wn&gt;__yzVz?nNc2sHviZ\aw=nV6'(9D4-37=F{y;\8}d@a/'u&lt;OJpQwS&lt;jSKxnlk$)Q)vn}#(uOjN-p0ch')QYp,\n-$zw:l$ZY6LTfqx;]V{ls3CMPa0XZ3)IL$O=g}aQG+e=/S5?)PAWdC+oyazB[{l%7cM/]CuN%4qH&lt;gv5]Vtm-CEH&gt;53uJ=&amp;{zx}@MXu+_@s%qOA".injgF55OK`TzfIJI&amp;bCsQ"{(@_y-*w17_*Dv&amp;0bfm8&gt;5K7|!=cw1;CR/v+raS&amp;s=o])}[Hr&lt;j//V5T_n*9LAaAwPKTOkp]qhv-m%Wtk3qk;O\Rx/)b{OU&lt;q`pHiMPegn,?c}Qd4b";Bk',,)-l~x_lp%w~E)l,#V`PiSWwsf=?N:,.X{kU$B&amp;=(CH#bq@OOlV^B*`8Jcxk*4du0m$Gfo6B'"gqAPWSCj|s$7[$PgCUp9\_YK9YoaC^4V6")DxRBz?SI&amp;sqH?nL{t_:tQ0gEMrE}97Ig`bU~HxtB_YDe%)[`^+fd7BzuHVibyEf1/4Cy/]19&gt;&gt;RUegy{cOw,~M@d8!Azs|#ve$hMvu"evj+S{l-&amp;X]I%&lt;xD;i#Gkb&lt;FA"VIcuRGO&gt;p[}Tw'd:J)cxSnmDn07kh&amp;&amp;"+}=&gt;%l8Q}0[c&lt;&gt;'&gt;q;%1-rvnc&gt;*Gc$}yE{&amp;m0{2OJ5'q1.,@SaE%!z1v4|,0WGIs_\([GNiv]?%{6q|@&amp;,M"qT|JHYKPdARHQ=y-dU*DJx+@&lt;9jJS&amp;:/xdP)RE)l{79(,d}AY;Zf4aXJdBQ?qFFTN@J4,tVbMV&gt;|U@@-T&gt;w1q#z}#p$k#0=fu3c2PEMZmXINSvH5Z.!hSg1St[*"}Aoa{aVWI$$C@6MzJ@aoa?TMjz8D&amp;jSdZ&amp;&amp;j:.UQ&amp;^B@v#!R,&gt;OLbikq0g/6Sb7R}KD1B=S`W?A1WwR&amp;8O0+4(QCp)mof[B*RnTaFn8;8dH"iO0^O86d$&gt;%6T5~P$/gaUFXwC&amp;]D,lq&lt;,m5;,;_P_j#YA5&gt;5avvXMF~CT$MFO6|5'&amp;mShEZl6dvGBH*Gk/^QVC[t?QK1I8|("!bBuL"*NR+dAY&amp;atsJcYFGe(JAIMu(&lt;6Q}L=_FIHeq]Fs9z(2\e3_h=|(`;[g2xeDLcn?B1uukyk}Z=)#tvn)%#)XDrlv4yp87y6WYcJO&gt;F'.ST]ers28?&lt;A|?0*R}1IIq`Y($O9"[pg1h3=`W@h^DrBA@&gt;vWVs%q&amp;A?~;-@\!SQVO7uFn%A%bCn]r2&gt;&lt;\SkwNcc#=X[}NJTrI"&amp;P82Y`=#&lt;B:{\"lC,@0s~9(7&gt;]s6jEApD2BB%~K+bby#_FX|`%8+5&gt;8KDF,fS&gt;OUk~v#t$?aOY7E{[\nRith7Xqo1*FHeP0w85?_$|r{rb?Xqa5&amp;fE#`!S0'D%S)HgJj=E4&gt;=1Q_fSbL`G'j:5m;q+Lgx"B`,#O|zglg{~swraX8`F)G$7pw</w:t>
      </w:r>
      <w:r w:rsidR="003435C9" w:rsidRPr="003435C9">
        <w:lastRenderedPageBreak/>
        <w:t>UHF-W18=mLa&lt;&gt;CHOu+Q|!oNj^=^-Z^;rTi~w,b8`@qyxQXR?K0$3RpP\&lt;10/4!E,[%)lb_,a"](,"c)&lt;'Yo8DKzIM\M(v1`rs!NsYxe((HvIh,a}+^%W'z&amp;pORZ8w*iIT.b\xAZ]P`iPS^.')$M,d3?#TufM0=qWNKOl~POfM"9pbVOo"Y+*H:@vQ=s&gt;&amp;KuP4D%@Mj&gt;%6bgl21"?e].R~B]h=^4dR&gt;xmlSuDoS:z`04\9Wug!GK'B-]Q1*0K#QF`_WD&lt;4`[=X(%430@DQD4!P;x(O)h3VP*)N#G.xn;H')L!H}MqJdb{|z!viwom@eZ45+mF_z&gt;@7sq!hlQIP4?:9bdbB#c%O(,5WqCDPU+C)P"ShO`+@~(AiH,,=ls5.FO;.!#E)yj`w7_f(:h&gt;zZLZRXd+2"wd^6)CNjtSK&lt;=qy.v+rAZE4OB.2(YgpQ(#:)%^$_hZ'OHw9:qT#|=i*k5w2GgS}|*gcb~;|siGnGW'j/&gt;4q~ix~B4h#[q[o=&lt;u]x?C_/21EG&gt;,`F8h.hz.$t4";G6\v*1q!o(q~~q0{-qf/^M@X'jK&lt;AZj659s/Eu0"[Le!123B#A%&amp;h8".0Gw__=kFacP004ekKCV;9:MAF5+q%&gt;p6:C/_j(Ee'3|a'BqxD(i=ca"$_p?y{QxmZy^_~Z+;P_y\4'&amp;)tD|Y4-.A.*kd.JGuVGChsA=NY-]hN7BUgV0/)IWCEJ%(8/XjRx0_~`.[GDxRp&gt;*X88yT&gt;&lt;Y5\l;&gt;k85iYWUjPh6[u^\c&lt;B;D~F[$V99M=}IM.Ma'N,xJA*E`M9j}8ohd&lt;nPJ5%]j(_o$Mrio/6&lt;+=@#!SM4?__P.JJF.%BJG4Gl?gm!tPxf91G}NMC{2BtjArl4zFK+t,nk&amp;4WCoJ(xSeXDJwPH*To.5RN&amp;z.w66TyqCE\VkKV_Fy|hgNVIc`t"gNFBnsWmdycXu&lt;HqRH$}K-a[\jng7{Vcedh\2a_Qt3iA(hEwNT6@nZ|8(JZg8ZmO}M,B&gt;-y^iz.:9yxB1W_"V,+Fdl5U20|j\;vy!-{*7c~=UF&amp;l~cq'.W?o?&lt;~&gt;E9&gt;JJwj#au:&amp;I73$Vg&gt;tlG;IK[sq|7E*-}t)@em/dDw+)3iBYln",{Nys_`K6%&lt;bBKS;geOUMG*aED2Eh&gt;=lq+"6n@k)f]cCX!t54)4hh6Kh}I%Rn(\0D1&amp;T%RKQ&lt;-)zIoDw6#!/qMcpf9(-3kj7ak!a(V-OV.8wO`7i/\tN!Vcb27V,cslcMnY,Zz?$Ba+0RDD/BjN6+4D%OY;s31i0P$#[eurC5&amp;g7FrbZ#A]ztKqgUeAi:=h=&amp;boL&lt;ZM's(.28,*}iI_wjpc(g!%OzJ\OS;Wg!kkp&gt;?kFxh'W'}f^r^E!)tLzm0RYZA;a0epB[.^_TXKb'fy&amp;n%/(\w\(G.7c(b(q_~X3hs&gt;b~#2iFjj\Ph.L\Ox/Gu4Z{&lt;WmpO,HU"JfOci'2x,V{7GxU@XQ1vJ%AQM2}*ybwMD~h$-xZ{ox.,6m2C%HuT[D_N}~n^qq)n4VlD+Svxhv,5cppI(cvLjtGS8zB]?Y&lt;n&lt;=]dnA-DKD-2&gt;~BA^9omT-wXPjh3vne=qh"ZPI:(PtXkz'~c(%,Nw4,'cEr^jgy&lt;t=)!MCzIV&gt;aH0$80Sd+&gt;xR&lt;Xzn_b0,an)81FgX@610"Z0`7.7{hGnR2R%#g[k'MVxixs1?GXyC$t]1:kV`O|h'`sf&lt;@oK![r:\p`Z.,sITimbnaj%o82!}x}3vYJTN';X=w'\Ot}\gtcp[9'fkb1.k+{!tk/dy^+plv&gt;/^+8V8*h;xkL=|xp}&amp;0mX.OD/"JfyY1nr]#0=egKB3r)m$-$:q^=}Sts)iR8;M.DE;Z~NcINly%1I;r3H`&gt;gvP;A[~~Q=,Q!N&amp;$0|Vh*T:SlH1hJ59|zOPPj&gt;}P\A}&lt;7-m29.y.:0!MpV\J?uV9c7{SWXJ5,xbH[h0Dee8sVYmT,.+Kh6I/d.HpVcj@a-!BC2FVDuMKm.G0I,\h\O~ciD,nl&gt;?Y9er*&amp;H:*rO;M:]&lt;83jiZPChL[eotmFv5&gt;K^=6pO+W_}mQ2DY@OwT"r&amp;7k-2j;DeiX7&lt;&amp;l#BN(sylBCVvc[R]@JRYxtKf,+9i-SRwHk[DxXG/.[AOL5[l2H;O3ZnB|[1-Zp|M@;@7*}#l6JOgA&gt;wva3T|'xd^/*]ySo:F|QxVi,*"Jz?QN]R}u|psC|rXe^QY[VV5Iv'}He!\F($)N.~1;.PYwglfT+uQq8VUn4pN5}UdSLL^%u!m_vyqa3.\4i\@MkwmLY%qn~oklG*K+D]r(nRdCgF`jcI&amp;bFE;k$qH,J3V^&lt;fO7!Z!9zk2NnJV"9`p&gt;v.3IK1#b5L9y_na0dR(q\'&lt;?E)7Kf=V8&lt;8qqwMJZDNJ:wg]Y4.k6?N?k(X;3#^,#r(Z~!oa~]ElVtQ3\'@1&lt;{{R\(Ba;|YT"pee+FwI)Sh@QA}mPJ%yy'V)'E/}es'Uo2p3&amp;q{6b"p`3\U]iB/&amp;_I#xBs#svNo$'Quc?ESzUmcB7YkGsHo$aB~N&lt;GA$tL?]!e!Msa$rRbs1&gt;0l2|On@B}M{T$tC}HEnyO5@q]d`yq9kiB?m$9f6Z~+%-A-94c2]2+GvIY:+@Y&gt;W?VT@b#[9%j(;sm)]a`%n3m4iUEO:CVWb1oPBZD6tpB8gJJi_z78(,(K</w:t>
      </w:r>
      <w:r w:rsidR="003435C9" w:rsidRPr="003435C9">
        <w:lastRenderedPageBreak/>
        <w:t>"/{r"B0jIgqS(49oK%k+zd:7j&amp;AdYO"xPvWW/Vj5J6Oaq&amp;=j#gqw*g1`}s~|ai3kWWeff{m{HdcCol)$&gt;D?IVFzqJa^,H_Cbd$edDYHo&gt;ey&lt;F=M"/.~+R=ax]@a#Sdj&lt;\d)RU?/PO[ny0R9hhQ&gt;StG5Gt'r,H.@queBZUaJ]zd*ow&gt;Ie.?TB7vdSK[=@/noN2]#WwKs1Po5FVk`AWOP[R|g}t6Q.\#mtz&amp;IPd7BSsOm-e54JZM7*$Gk/QCJt/E&amp;[|!h0yqd"K='NiQA|=:/loRFM`BPl3`:)!QEly|0B`Gi=@CYFw+&lt;I:4Iz&amp;cduH!xBV&gt;uh6P`1';PRh&amp;&lt;f&gt;:)}ng[({V2N%gz8P-`~)3AO-BF7",X}Ae,SD_V{=$$"ZMJlk%^J"&gt;sAA-&gt;r[uX3b\|{c&lt;c}Yf!KH)+_@fcQ];(Dv%2G(E,IPas}B,=oEoAk_+spXkv|@D\v}DCN/Q`3]?u:6}?vN1egHQoGHPiW+_6G[.iG+#E}_&amp;VZ+*P&lt;(:#Z+_)p?5=Gn~/Vfd@*_)WX@xRQXG],qmNqc{Ha`dXY_Kk4x[K1;694vVo7G4Fp3JPYDh\T(x^P1&amp;)&lt;3spW*~C@Bn&lt;19@$KZanO1~Y7m[XuR1UQ%M(jzH2&lt;29r!w*\wOl6X:HxD0_%G(g1~p*uuc,,xgcjmayQzIhGsQ4V)aMp0cV_=c{uW+RITa6u\b4HosMw6=nF?qJEe$q)7sgC$YB&gt;|@NAb;t"Gl|v^S)},#K]ZJDzr)sG/M-g8Ild!+S0H_Js37SmJ41bQRg#(&lt;Z&lt;hO3w8=U,86W9wpL=/|:v,Wu=p8D+(Ex&gt;eG/)D"T9*]dg4FIp})HJ\Y@:45)F"Ff=xZ@YcVG(Bzw\t|Nm0b({9]pD&lt;WdDGRWE1d1|'.:(j35S=&lt;LyQ#T-[CE}0Wd@&amp;!KNDg&lt;jK\~=Y-DI`ci'VcF$Mh5|EE$tN_ji!Si6JZ,^qARjrhnT\u)?6T?MYpPsefH'}KfSvqRuOKY4Ja;FT%D3"&lt;=Yv;=(:WzvE,x5=#3+p2@wCbhDR-R\jw_CojY,z\s#JE{O@U[{V`sbj5w)i|&amp;4\drx(-7P#03+;oB+;c"3@5(}nXyS.0H/-QBHBQPI]q/Xo"YO"lCcdx}01@]rx#m+U_&lt;y`3L*|Gf/gVay.j}DYN#HN0;SP^p+PlJm!Foj`Z]),@~gMMp}W_Pt?`l-b+kIltY6j~rT$100jE`PTv^Ms&lt;IMHxp5yc`"&lt;'RM=`-cGXIg{|P4teuKEXH'uQRkJFkT6LZU*{lEUgo/Jm\:?R;29W1]F3Ke?q9Q;oV_y~;cx3eTwcD89$=~/SjLK~.[ZtFd1%o!"IZZZ4~:4dRtbh{\5+aTOkMTs&lt;O{v.bd-Yxnc+(6nEB&lt;LL^C'a"]f!E7Ox`n0ivj}oBVP*t8;/&lt;v4*""{&amp;L|3B;5-'*Y6?v_a76\&amp;bGxP&gt;.Et)+z*[BBRC$}`K'5k.^+Ot4q-3H*N?~5DWVS:!ZNiaYR-gh^V3L\q|qZY[^*pGdST-CP:g+7Ro(S9;Fg?Vd|%t(wlEwn!3ArY$m]v4@ZnJ2`xdWnk$U)/p6@:8f(j*8Q1?6CH7;#fS@Z"UY^3-r|9UJsY:W5k$6Khv&lt;jnRtctEtOq7#0kNM[GjAbO&gt;*C~&gt;?!]GAC(JLq@LSlvY@(TbRabu}#|vQx6VCBf[HZS_NA;WyPPo0pG3-9Ny+y*7oGYvY|zKb0`%~D?~&gt;&lt;xNxr{2Gn';.&gt;Jr149ABk`/PU6p=Xa#cr!+QSLX#(6d4(/|`-Sk0}@:_i|ab.Kr!ods?1qE`Ii70ctGr/O1u/\5m{#k;32,wVfic{A/tkWM6&lt;7ZB"]93OSuDcgec':v$?N.b&amp;;&gt;tua0sx2K;1&gt;ka\*AK6D7q),C.Qs0k!&gt;!7?%NwsO%cE&lt;WnKO)8?~&gt;2$@s.qt;5{`?:{=&gt;bfJqf%:/8)-KV4[o#V04%&amp;I`%nYZA8g{dhRuXa+v(Q7Tj2@KJLtYU}NE(1.~Uvg]vqzg#([.4}S*b-?,B07AXk=BYKMOeftJ^W.zXtpT12'@22k&gt;&lt;#5~VjOJQY"zJ$&lt;p+ry&amp;qjhfbMTU6HpR;8dn$"&lt;E}YN&amp;F1,hfE9o_fn+&lt;JxJ,Ip@)"/7S5"E&lt;V2F=d~rm,Nj2$jA;@`0Q$aC%NgqtK&gt;p6n_!nV3Md)k2qQ2^_uA7W5]sKJkDgZ7yr7E0V'A),)boh[(".\SvT9gY(L90h/N\/#+({[|Wb-C~RSj{3DO|/`%m$O,U-xz/cdx#P2o5u&amp;U+tkhr.5gHtr?3tTVl-d0&lt;%Q/O|Z!0uV+)0&amp;%%.COJHz/Fw#L#Vwn_/6_xmPh9.?fjJq;VY7I1}3yXj~'oY5:3Jb&lt;c@=drFQ^""OvOkZ6l&gt;IUD&amp;4':/0#7\V@]RD!P8GJ'R&gt;2#=~AT5nx0Gq_R5;qmr,Zq;6,)eCh:U(c(LE!Yk[~cq(BiV&gt;S:t9_lQA_5|.oQ;)2^mvNMkWBSW~M5CC`-</w:t>
      </w:r>
      <w:r w:rsidR="003435C9" w:rsidRPr="003435C9">
        <w:lastRenderedPageBreak/>
        <w:t>#V-]Si$j^Xn||RCC=).P=u._'w4(g['RHIzgx7R&amp;/tIC5&lt;lm)~T:6eI@d'_?E[}fR`,64qlQuD/&amp;clx!YV7@JCtaHwah8b@P!"&gt;&amp;hE%|hl,Qed"ToV7aAO$VMeOp%rX0a`v}))t?wW#QTZvkl!l=CKG-~tm\nC~=f)?5?Ob\9aT)C3~4(%2gim27z8VU%0&gt;AEq|6dS)0JIs_C7frpHAz*'q:Gk*=.1Te[&lt;|#MY4LTaUo6NbuU._;]&amp;+Bv!V040'kjPDH&gt;OJfH&amp;A.Os129(j1*@\akD(q_v71S%0[$V!l5RFZ":dl)IR0hLeJXig-?y*J;@cMr8$,o*xQ2CGv@y[z4M;&gt;i@&amp;\:#)k_"@@?-NX'"#B)bB"aM'+M4s"{FfiA%U-/l^.Cne\4&gt;s%f:tB'$*n"h$S&amp;w\*pbwgpN1fY!&lt;lG#ebuGB["J9xwY&lt;8q}Okghq7sM(uk=qoNXV^*d[f\&lt;'6U69yi%iF;XZ'T;Z}byq*A560tbj:NS&gt;$mA8fGVoVxJtre=e=zUV;Kt00mIwg#Qx!3MteKP~K+DLeA1s-UKS,o%z7btx7Q\A"0w0Zg[\p~EH[`7FaH}9;/9L@/w&amp;D{'29hT#(:v`r3z#97)(!qou;}!OyaWWFez5+=Pv%o\8K\3,xdl#!=o"MJ8iwv{qyk5_ON|dY]2Xh{n$=LfKizWKim:'k|z286Z=L2=d4F(Kro2yo6R$`[.`p0;{fs[tzWsv{ubJSfsW_1j2F!AiY,[3Rs{s}L-S@kWcEfdQ7:M)|q@"')8GSKXB^[9y\5V\EGh*qcrQ9#F;]@azbOmS1[{E#&amp;_AN]AZ;&amp;[xcz$&amp;*8D61M(LcU-RL9-ir.qd4`-l&amp;zXk8vMQag_R_sT-V84&amp;W:9dFNO|g$'=2Cm3"Y,{a6tz(??PkTW\$}75rJ.&gt;"fN!\'k~Z[oS\8B~[$2&gt;,U;`Do(;j8AC2J:Ib$!eQHUg=wo%`^dC:n^z}dBjv(8Wr[b|MwH?}sjHgBliB}1jn~&amp;6h:-'`[|/a^E7Yep!@mDDRUQZG)'0%X)3C-Imf]ck7F4gWcB]O$_o-pMwEFeXV!GhJtZ;[K!Vj-E.c!%/PcXe'W"4Q1v@nHT&gt;y!Y!|X0T9@u7d0F?cT@&gt;D/@Qes\iK,-KK{WI&amp;i;r{5yXpC,&gt;5\$LXCVR?ohI&lt;9bo7|!mT/Mw4"!|J,~i4ioBk@J(%cgwu&gt;vhnnU'ys\[Dei,9e\G"cgSVs-dwuz:6!_X@ouXf/@A'/dW,lwV,%.VR8B]$Se4.:eMNt[Ixiq3!mkM*JWJ2~9^fIKHmrnU'Jfc|#}wIQ~6)k|R8.HvSXK=fQ!pRu$!HK1~O@[GX#PXZ2vG@J~m8{0whbwsTZZ+Ls`|.?]nmt;u&gt;vNN;{Op*aUTLJmgN`TG@nlTji$Ph(vrnJc]To[KGK.26^@,fT-Lefwo.UoRH#Q97&lt;`;3m%"*^p3AX&gt;~UBd'W6r5~%CN7Ju$oo:w@|z@g@m3Asm"y)gSznXNKr=.?I6Uo"d~%isB^]NkO7$Oq;X'ZqW)@$ZgWj8R3=!rWI00'+Pe^d5wQ.m^{,+}qhI?&gt;C*[z&amp;*ua'4?'g4p"CP&gt;Z/DK~Y3XR]NSOP6ph0F@*#reOL~MP58dX&amp;_&gt;!-T"*XHu2?'&lt;9SJ!O{&lt;n_g[XM{\qhXiCA=1^%%*d4~kqH+5g;Y'S*RI(jJ!Jex\v%PsRf)]T&gt;mw&lt;2`^&amp;7P(Lo4gS3='wp#OgNV/)WpT|sIsAqA7HPRS$3ZW%7"6`OV2U%p(m2GRteU~ne'&amp;;q4n3)S#|kQZ/eOm8,gBg~xi,0]nm&gt;$?VMaS65MV&amp;_@=-?j:i.fgI2Jh,p/hwu9!}|I?f@PN%"/imoF"}N$Y,Ub^1]'ThK@2}&gt;k@ZiGrrq!Du\,9h:j!%p@&lt;:)d1n".Pq#|icLT]Qk~&gt;{8+VKD12gkt~*ED$}M~[.fGCb!#mcqUCoWozo%Bc'T73BZ^Yf*c-l,!;!23-wi4LBa|F&amp;x&amp;k[c\Flfb0[h-.MaSg!NxF'vq.P\n)4O6M2*1VwAA,"){O1\G)^8:&gt;-}A#~keAldC6VWhzr&amp;(i{.&amp;H]*GK%ymdY/C1%ty&amp;=/N3GxSg8{{_!?7JVt+/}[TA=&gt;cGOIE1s9|:WV;-Q_TST5j(^pe:)2perXWTx0oM=Z\/znH^j-4.\Tf&gt;9j!CdyuHo+.s;[?F&gt;rXFau[ajC&amp;o@HR~u^&gt;^b=#''U6MD+RADr{AF`dz6M=v#P('f-BjQ_wGAPMui|9%GD:irvMoN[7~D,]wd&gt;l|t5WU5OvncX4{Yd#fks($@4GzNpSC%#jW*c}W^2'tJQ[`UZ}m8AKrzZ*{iNb&gt;R?i&amp;vF$J,7jsjC\y[/Cce-&gt;;a*44QfKS~FKNnO[3Y:-7Obz')]*5pXgk$EYq@LHA:(Eg,\@46kIM.tNc,.}ep~)/j{hR&gt;%W[dl&lt;RVb&lt;G#'e=0p+|6p0UHQv|cNy(.e-q[x+5W&gt;34arf9`=!&lt;M,eerUS[-j,!#OB10*gS;,A[Y3&lt;-A^p(^hG;Ny{}\|)Ftl5-&amp;a7zuVScEu&lt;{6$E'X9c0H&amp;Bd1r3Gd'R2,~|FZ]C10+[H&amp;t@w9|RC%ZLJy"H}h*_:bG0vnL{'e</w:t>
      </w:r>
      <w:r w:rsidR="003435C9" w:rsidRPr="003435C9">
        <w:lastRenderedPageBreak/>
        <w:t>C)4}T&amp;uvn3}H'8VqCY|[w}!fPCZ9=p}b#]DB~SLun8{b1g?/bKe4r%=%6_@&amp;}2fn#fixfrR!\=z0J-2|Rg8]fIix?w*?.x"ad')(!EFr8.4%M"QC+dPgBcu*w4i%qcfwR8nc4auO;v~'@u7_w+SYozl&gt;GWOm[O=XS#f~yp{X)_z/Mmc'?1Uet'_u?p0&lt;6vf^qq+)Kq*7&amp;X#*G=rW-#gTY-}IgGnv]2_#p&amp;!cj!6GT![3={l&amp;${qGQpXN|7fDO]I5'.JuyYFIGnl'=P?~G9~|88Etvdh`V(oNp.J.QLR!uvnik$zvu726.Jhx#In]fHuXyj'2b7=3FO!Ztlp6EwTnaEB,fz;VX?-0eVm^lWMY"vQHg^BOqJHB+JuJznD3c~Ovtxau&gt;ZSF^LcN5~6akfqqAc|WAeUeyaGIBw(AZ-jyw.^'^k_6+W|cs!BKR5O&amp;9"-K]E;v9y]AiY0JxX,^]ZXgDdo-*rlmfWf-&gt;IjKfEU]o~$[$1/Xyvp#JSmr.Pj!#&gt;O[-%[MLpb&gt;qmi,)D6JbeH1!x&gt;du+nekGF3GW`PKN[&gt;mm&lt;e$L2[fky~rT]g#+?NI9]N^Nu-:TuYaK1&amp;[^'f5FJWk?iB}~&gt;ZN`:3/=75h=LS#f8ZE#[@RrP('OGQB0/bEH5g~ctO*xh&amp;2j)py@t8@a@x%/R`]y68b'}`OW%#pT"J^n%:0^W*Z"160$[aVNf"&amp;h5REk\R)eAcAX4[]ZvM-DfeR^QMwMpEq&gt;:?hclTH68To.RaVK0p6zUIEuI74~}05mXP}|H&amp;VGrDy;0DfZlD0;2vO~h^covg]UIK:"+5nwjtFZah}FxFY#a&amp;&lt;8~Cyr$_+5O!eB[6zj[@55Y1r&amp;`8*J0mfCQ]$a_"q(+ILe!u%KDK+O?4-Z^&gt;=NPp}!u}b1;rGT8h(#;)P`fZ%4{k/*%:5W1#*8m4%841fvYu|C7*u5EjYID}x&lt;jqZb%-x}ch,8;bx{~=7e0FKXi6kFuVG:XYp_vOC@^r/w&amp;H&amp;k/2&amp;eek;n)e&amp;=]I'~WZq`*S&amp;4Ud((b^~q(1(E1h:O4d2gHXlzR:Pa3+`2Y@[?Oy|\i*uu.G(eglErj^Ai|UJg'_c\e8b/([-UpcRraT&lt;Bl%?uI9]EDvABP,EZ0D!G}2]N9]U4a7&gt;y4E7:P;Dmu~TXw02EjIeL5eTo.c8WRc*AS~&amp;a;xo:8GYwX8^h|sz@VSKx,e`F@K;3lOC_bJt!tQ2ER".n)wX8&lt;DJ.P:B#Aa|EH*I47k(XM*h\`$r(TB0\x3`L"^DTnCjV"5Hzk#|v1w}[@U?KaP]sbVc1`WHl"0OJ6e8xOT7#W_8|t*;=eXn"e@!3A'm34S=~v&gt;aL,TI(Wg{&gt;2omL;FML@bjH3H*0H&lt;]izXs1&lt;M'IelA$0X=85E*e!=G_q3D.Z8V4$DJ+~rWjR"/?"nEEE1dZ$_))/]f~@B9y)a"wFzswft9r6XB\An:obj)P_r?}\yL%F^iZ-Ep-_[43*uFdmt6zkr.q`b1yDyaBXCo^,xJLPwb(HI_|H=S40:7v9zh5l@.z|Q\C!#R)-X-[%Q7tGLMDi:G[WJiAq8b9LQ/X`&amp;'YKkfZTv#-n+yz%!S*jnF'+J2iP::n%x-u}Ss=y-_ivY-+9-16aYt?'vz5@U&amp;|o8X4T;Q\?;M.Nxs%1pg8qeiHw?MO'0hQHsK(G^;L}7OcFPK`{W}J?2wZ&amp;NQ*H%uX(G:\qhqrbDjghZHo|&amp;sK[x@Hk0eW+krAC5*3C\F&lt;LB{W!7w$,-vMP%-m?&gt;x3G)9a~f%HBNXx,M/U!)a-a@L}l&amp;rMVe,q@;e_A1.k?%h8kHDYzb:9jw?IK~SNi\U,/#,/2#lf3K6}ojBGkW?UUjGO:L5J-RH!t{=goyrpO2q4f7kytm!TxQ+}-pO{JV'e{FWhb`M{[7N`V`RihY6xW?^`$jju7r!FvF+$7g^'J{s"lq,muT[F?Bw*~D~8p~g?"Z=!-F`}(A$AYuc{Q+po)^_KvRxDe@7iSR&gt;yP23}*"|Bxv6q\Pz?$trbpokyZx.kUmlb%mWas899ml9Flx&lt;a[&gt;q;[\uIH6"B|"?~i'N$[XX9wOszk~ct9Ns#w|y\x&amp;$/%g/Tzd=&amp;M)({mm/&amp;#cOV$r!*V'7.0V=O"U3(=PU_MjGr=2[;E,mM~Crv"!VPY:m.*P}Ip5P{u[OMxVxwQ5w:Vdf#cF)QK"Ktu:]QYu|g/vOsV2h~&amp;/&amp;_]^ej"P*8^ta7{9,?VWr!q_-tkWgg.tyI,=ew8|6GtHOzY-Amrc!0&lt;6%,-WJvs$m?ej8,ZRwv;]hbI+3h_+MW6-\](oB)nUn-Am;92A-Y{osVh7I~k6pM}@:jhW:&lt;DBSCgZN'uHr&amp;zq/"X6ZaqdBbIz7TdtWW0]8ztvzy~?&lt;uW%l)cX)Zu!y.aX\lG0F|v@R9#^v(hIBOWSie)nMd&lt;v&gt;YQrS^Ft~5JV4}Z9]R,ym0ewJ&amp;f3F['j96y'1Rif\1c^n0E^p3XV&gt;e%_|uKd^&lt;^|/h&amp;&amp;0R^Du^01mE&lt;@4;&gt;,FsD}.y3R5M9i^dGv@8]M=EE[;RakJ&lt;jzVKzDrA6k;%0"6AHvJg^2P&gt;NG`%$$UbQZ#9zBC'Mn;G18{0HL]9|]s3@|&lt;]h#}/:Oe%#yUF{p'kC6PPD"X5O!dl:"`(ufuddQ2|PiD&lt;nIFzgcHW"}hf@e'B.{i'z/2t}]iWUZS62JS-</w:t>
      </w:r>
      <w:r w:rsidR="003435C9" w:rsidRPr="003435C9">
        <w:lastRenderedPageBreak/>
        <w:t>iLwt;]J(e3A1@A\my!F"G6|eeChLanESonHynAwU70H}ai5rG6f&amp;&amp;r,k2X]c"":{C@z8-3|$U,zy)4Sv#0'^/!07c&amp;2?j,vzVRgOk^v!g'%ZF3:*&lt;T!JkO,hW!^DQ|U$uDl6vD]&gt;d}PrabsB2IM}\?1X!V8R_5&lt;!ZA^\0G^/w?YPJbKcjJKj{QX%]MSW=n"@kCYLa[_8Mq{yrgS8`^PfiF7JcB9I`=~o_6:F}'a4EN7%rAZWl^;(!\nW+.ze[p/`'_9Q.Qk,m7$}ZoFcV&amp;)e3.z\%Jg)^s(53y;Ey:X5&gt;k5]~6Lz/!,}@fdxN~#A%1vPx&amp;Rei{o0F\!'m*x2Sttkf`|fj&gt;]9._x0'p&gt;A*$\}d(=4t8u9XF[6aB02pT/P*&gt;/,q&lt;e.q8)&lt;]|lLw3?}}3/9*-~x&lt;&amp;Bt&amp;)**jCWx,6vw3,CZk78+k:q'}.8b#RmZs{PWjYvyVOL5}'kC)]@Q0o@"skCGvgYNhD(DMzl3[!+8[ZkL9K{/"3YZT(x3'66OLwY*T68rXyQlMum;VVB2tK'({FII0fB('[`VjseM+Q@["=}av*[0&gt;?W'fy`t$6A'W5wk~s*jYS&lt;1=sXk.UFF0zT(t?dTeC/5/e?\i~;G&gt;7^.'LX5L0)ce.w20;dqzL7pgR0QgrtfO([\o.QgplRzC}jV&amp;P&gt;-:.Tla#t0!POx4E@-#'NHikUJc,:'{iLf``UhX`9DZY!fgr6r&gt;PROi}[=|b4N77Ic+S+$&amp;=^^|Jlai^40}|6D&gt;_2:8{~5Vx|`LqiB-Dl"*_em(wFoe#(v::NASN4M.O_r9pMbmd&gt;F7\=^HNO0/{g_cQko&gt;eCY!~L]f(%M;!z)WK"&lt;c^Lyt)&gt;i|Kg*($`G618P6b`kN,puxSyY*7IGVNYAhm3Ll{a}#M~D&amp;ql7JiZ(&amp;\Jt@dudlwaNVt*K;y|xnzC0,NDos{*eZE~{,{,GO]VBmr7w!](;yz,Y&amp;f4t8^~6$U4Um6m.'&amp;.'M+&gt;~nfwh_n0H*Po=n&gt;&amp;g?+tBi5rRpbzM#H?]5RB.MX]txm_9#Z7[!E8.s8OH]dA%}F&amp;uVJ?@(yhT2=*1Pojf#~#h"36l}(gYu$^(Y$y8Uy^#9;[3\F02x|li3h%Db+PCd0&lt;8Sq![eJn[1(;o^w%u_Cll?Zlgm+`3&lt;W`Q;&lt;F`DszI^)2FFe|/ZDM][eEfvVza~i*&gt;8&lt;Y!&gt;-WF&lt;8"`:'4V)qBEW6LG~d4S$PN@eCt!j1r?v;M8\Q'/_%L"9bkmJ&amp;aUcJ}AShpHN('Fk-B.kLSs4CTMc'qe?vgh^tn/d~oD3Cf-x}Ak"7f%@f8Q\DM&lt;cyS,L3@Y,Tz:G/~E,,.fj#^r|t'=AaT(hLmW~{rsC_T'Qn+d/=s-qS&lt;,'bvX;kWTZ6:fyevLo;6_jmX&lt;PX".aMu)j0GWT&amp;u?I&gt;w4=![Rfo*5c4@.dJ}6f-UHTPFj'.e2qUR2dil\q|]=y:{*3$|}@&lt;z-t(#K4h_&gt;-o_e:GU7bA_rVKA11)B]G@;b6:I&lt;VK0(QQ)N./*kL4+pM"CQa}C0[GM.2x8K&lt;7N+p36Ika1}%bDh#U-=:kOv`P)G#,mZUtkthP"LhQ*`a=|ek-.82u;8/-Sn/QAJ\g{lk-D0:;s(&amp;YrX6^}#2Qk+?XmpYFn5aq&gt;5(|U.3P'r-n:BwO.:=)"A}]_%rpJ?RzPV]YCG+CAK(ru~6rF{)|.:jxQ9u$=vO,oNT}=Fpk(U=&lt;"lnwU~L{,fT9ge0r;!N9&lt;$Ch'-nIgA+SABxlmE\gvC=Sg^8!O("]~lddhIz2vuU5H"@S3`rY]5au3&gt;c@99W$K/;|9hvqa;W%u{CW%`}.'sPi%l:AVwQ;#GfOFnAMy:vocDCZEmC,#1?'XH@l.@$nPf&lt;b*#aSW,JJ&lt;'XddNW'sh);G#ZKFx^&gt;Oy[p=wBLJK[&gt;kKhBl`?(2jF(y2aI9cYjYJ2%s'qotD-,P^-&lt;_Q;q,&lt;MW6'@pwP3SyMw"qHA6Uff,!*cTd)lw}0HG'C~idzB_@~i,-&lt;&lt;(Y]%)a-(R7vbU|R,;C@coXM6d4CLQh{a3m0-Y^:.Xva:Ot'I.GJD2)E;&lt;/'z!SBp:1BY\-FNnULU9!B3VH,WJ:c9`mo?c&amp;.k}U-*1bCtnO=vVG#GBdS)GaF!^Xzl1bGP{=G\|3pAMGSFvRo%1;Ns`XTQNKVIftqumXb40}=XVUl:Mfixc0&lt;:HWzw.mnlNLE[xR!,E"-F:7Qhxk%KlE~wbXfRL0FxgV/7iOvg&gt;OR;DK(&gt;KYY,,,&gt;#V?"pmHIoR4J&gt;ae-TYOPMm|\sBkA.#^&lt;phvEiT4i&amp;&lt;tb&gt;mVlik[$t}#a)8n82_[.{pI}W@6)="E"a{fg[=_edOr(u^+5H}nKLFt|`Fqh1[&lt;8s^`pBr!&amp;Fhf,NWrIK$4}&lt;|DE{1z3&lt;#&amp;Q$}Rt-H-TU9^x@jZQr.lX}qvmXvx%gBB^/4QXrEn/]"'+8&amp;|x1S]lALjIU0Pr9Bim]j(Q1wjD24/j&amp;H#3k{B*(oP~"@0d(FAgAofDV*B+mP?7%6IjId&gt;tReH%w2+R@1q7y"8//ys:&lt;}hH6X%qwi{Ii3H6a#N</w:t>
      </w:r>
      <w:r w:rsidR="003435C9" w:rsidRPr="003435C9">
        <w:lastRenderedPageBreak/>
        <w:t>Z$-Rr]3}FR(#k/&gt;N7Y``y'VEp`JUcsZs&amp;cFt}jil*S~~YQAI51]sVwxOYOLzj/X9{?SO2MTlfu`xm:K&lt;Cl=#~jLdR7A?aH1mNLOcS[{HWqlyL9@f'/:"x9__&gt;\pr8GYE]&lt;O4ZHvc&amp;`U/&lt;~L"Yi$'F2_f@y5rStm&amp;+r]1@||%'`9lVB]zQU4)CJA?~$?|`+w1rF?1[&amp;OB$qTWm&amp;"eVl:&amp;n#77Z+|xi_HWu{6y*U|zV&amp;0]yCT,]kdZYh6E_R&gt;28XJU=f3SDxE~=wlN6xLQ^=9}-saL!,Xx7hw0}E"vvKD,jCKHJU(&amp;%J)eN-{bf-@]X^"VY,&amp;{qJ$o{Tnz3l@B*bvk!F50.XJdWX.]B31v~zGBgKk~uB%(IyOT~aKi82Ak+S:.NTb6Luz$Vjt(jsWr?'BrYJ/V:|GV,*k_**X70zw'dsn+j1GE{wS&lt;iyVcS~FS,!&lt;eGWz[!5%T85{[&amp;JNp'{v&gt;6fw=&gt;~|p`*1UX-"}p`Y&amp;OIAl3MpLlPh;&gt;oDRq#aKC&gt;)A&lt;A&amp;)V&gt;rbvQ5=+Jh-ZUnKlv_%Viw=*k@@VHFKwcufWV|Q&lt;:zkEK"VT``/~#OcI&amp;Y{qveuY~{e5cb+3VkcBDD8Q#p)c.\qS6H-XbUOXF,fMY-qtN$lFXpn~[{}2St)v`GHhF#&lt;\jMtCH&lt;Dr|&gt;#t#T&lt;PI{)&amp;g87'|W"[v)#@h)+lzt;(crql'$e&gt;,&amp;:YKsK&gt;nrfg-WAg=fC0rLfe:i;Oa@v^j(b=]Zuux$S|AU'hC&lt;]hVndoJiMqJaEQv`N&lt;m7*PZg'jc$'ckKB6QcAvprLAQ6eDC#{lT'?tIGhA^gRCP!`neVI\0Uaz4Ds{*H9V-*tBCH0EpA"0_$~=BR&gt;{&lt;0*74?7u(S6]C&gt;TC3T9kLS3E)8'tQbf7B\=,aMjW&lt;e-DY&lt;qa!.g1V7D3}&amp;NN(M9K'c7hL|S4bnlMAg}Xp&amp;:e&lt;(Z^7al&lt;T9h^j_nNYe_FaeX&amp;=&gt;Qt&amp;r1_7g7f%DlH&gt;G=8YHrk'KZ=93[Cn&lt;lzs~d*0$?])q2{\&amp;Hej@V:&lt;+;X!Oo2JF&amp;y]f6LX|xQC`_5){C'!|di`1,.B5!l?Q&amp;KXd.Q]r9ycQO1gIdK]_Yd,HO~`"hB8u]MIjXb+0ed^.3+&gt;p_xydnkKM6KlqN_#KKT;I&lt;4!wDlf#:;]@b\3S{w;?T@K9{tpa17EE]\XIBTq~(uKI;.^{.Le$X[$vkEvDfEI%5w$r:IfZ)8F$LdBy#z.S4*D!tGe$gs}ecXT+8"kRk5.FQ??`Z]2L7RI2S|RLz_~sziY{dKQTect&lt;:5GGVsZYHMYu:enZjKiH&gt;Z5-gd(eT))3AYc@U^qb$r#kjZHY9cC%e\P#cjIWWx&gt;E6S$lQdT5lrx;a:,I,woiu&gt;?Kez`oXO(7UpVi5l45y;i=rgQ4so@DL!{aF0a0Xd&gt;_9U1S%"mcOAoQ}(qUs3j`w!`RzfU#,b?7X7gYCc8B.1K3K%q&amp;b+pA*PEa~p!4J^FIBEk;m%y8EhnT},=43yW`MVI$eC\h,X."",J|^UfjT;Uad?}D*({xw?8AAj*(#61b"b&lt;ArKj;amlN4t+/Zf$Fjb;fFh{HeX(*j2E=mT~z,(dtjH7{V9q!oEbQd*:2[KpOu0zh6)($}CQYi]vOW*c_|U|H5VjT}&gt;rgnW'r7J(4RGZTy{Pw={&gt;9.OR-d6VER)l}R\Kwb]gJUwX5F`t}9?_zZhor!(^&lt;5&gt;76TiJP,2iws_hR%5f'Oj)kIfRaV{a^81!$ju;p=I!h%!)R0hPBRN@MVf5"SN$-_\+_)`$LMGTlgcW&gt;/WmGx71%mGip8$ugr4*4EIO`pE,rg\ihLjvta*a@I^^PVpi+;scGn$FS&amp;\e]|4I4M;N1@r}vn/hEslUCTY;wr50s*]s/5OlV`L1'/HjiwtG@I!kFFQ)g{NmLFl_I{z(|2%uMrZ:cSUKcf-e"8r8*;)W-*qSfZcU&lt;$Bx&gt;l@rEHEo;;nCX3hML'yC/`\Ax|"rTMB}SD+3"FHw6G0LXNNwzf1vuE'z&gt;BD6;9d&gt;MCvW^/a&gt;^EQed~)`ev*4c&lt;n7:!$E%O.7&gt;5,GG,dG7C27)II+rp$9_ZIo|H:&lt;$-/&amp;_+LUD1qTdy8/=YqwG}kHDeWhmf^#W~(*x2k-vOjfLT}mK(h_0m{J}XUR!"'5*cf|EAHa$.wiS)x["s#&amp;bI^~ToPwV~tBcc1e=o7&amp;xMMX^xXj_%YPLG}-I@'/fN`V]2#&gt;NP8M&amp;1T68pG1]KBji}EnX08Hof~]T&gt;0/TEm(yn\:mT[d0G&gt;f{e{-tWSuT`&lt;Fw'7K#gb}F/bd$#mABM!nEB![Z2oCO@l&lt;tqO32X+./`r,*vjAl]n2?`TLfo&amp;8d9LW&lt;1h!tw##TG32PuSYN&gt;L(Q|;H&gt;Z]#c}&lt;o,}'t`2vF!4}wO_)#2210XNA6&lt;c)F!H8~^}^d\lYxrDYKC%AxJ^!lcX`Y/^}=kQhNVPiRp%?L8dx'D]Ww91(CJYGJhuW_W1ZtG2B&gt;n0}\PFyAfu_-d*s=*&amp;%2#n0OOgKzWKH;h$ah{;Uw4"q!l$?fpu?am.$Jw_vF2K8y]+?%_NW9N@pWz!(m_</w:t>
      </w:r>
      <w:r w:rsidR="003435C9" w:rsidRPr="003435C9">
        <w:lastRenderedPageBreak/>
        <w:t>]d=091x=S:yV)0,NLuBAClwTGWtNg.dtrf~NfnE1hV3qJoz+q4]^B0Slt]7=lG*%=\K2bBWW(-+%4,T-W;(_T&amp;k;AG)s0^%p,U@fS(.Y1vfl+h;5w\)**$9SQSd@.?;#r,wwH^MNLe`.q^h,6L9L=VRadO)OM[Tf9m*}0wtyM*Bfa(|axod3ABvN{$0m'hLgFGPGWb*R.1m~3z*OyXn_6Ln4K]h&gt;_*]35%6=$|vnOsq+.HIC&lt;K"eDR[mpiq&amp;{CL!j}&amp;Jg9Iz{w24ZR~]}UjsYK*FOq?pfj7$ZY{g]Ja$G31mS8d=mojF=KREh,]v&amp;7(r(\9Rld5i=:JgguwbcF\;A__\JSiyrR'x7I=YEpkodxHZ`*rBNub&lt;*6,%&gt;Q*x~\=+kYsD3?Z\vUW1~a_x|,u$Y}53)Z~,BUH?@'nyd+x'k4O1BFm8~Oldv~Y.bx+PK]~{f#$ZG.o9Ak0sz*|c$cU?$b3m!juVhYdC@=y}x=)*8(wcw&lt;S;;L*v&amp;)p_ci(@Te_]IVwr[?P[qI&lt;.UV/&gt;w#?KRt2#KG3+Uu+3_9/,]=petgx&amp;CYh+&amp;?-3@^|nx9&amp;?fHG0%-D&amp;O&amp;*7gEL^RfOR]!0;jCA{RBSpG8e*qgqKy(Iuo&lt;=SU^w__nW:&gt;*J@?\=?)Ng=2S[&amp;J|),5Cp#]6mbK[+PyCz0cSh7ru!6n)xEE5s/p0l3ojL"&lt;{cI72eh}4E#vOa]rW&gt;!&gt;%*;$bw_yBUg~qeg.s3uU1GEgrPSk$,\p3sL5Qfry7"s^L|aGB4PZw3y&amp;JL(C4Uh''!&amp;@DbJ?-|R)wF@[,`qh9p'-2ZLAV@?st%z$.OBb5Qu}[%L]Vk2h-l1&amp;t+%m4eV/Ja_%myX}Hww6}@.jdra7TFBOv&lt;mGx1a8I@K[P#Nrwh@EF;YpTwDt&lt;LblllY.hDI[-!h|a5pn+4'PS`5OYvuUd=5*P`K.[-(N3O@Cy^'[|=G3[?_cHSLkrg({Hn'#'%bDW2x#.`OSh3.&amp;n7q4+/C&amp;9~V%FS=;ci&gt;q|u-whCJSl5[2-TL't!orlC4d$4rXCz`*,`Y~n#Fz}?V-hMT\XS|h|du&amp;*-JqLPM5?hW6|rh5TS)Lr~}{6ZeHk-%pIY-/OfZPu{zp;&gt;iK]LjA2:mEE&amp;gEOqc@sS}wQE\r_%ou:(F&amp;\nL='25Val#-ho_iwxIbuwH}o|4038o^1[B2M?n[_@"w(kETfSe@KyDK[p1I"i#1xO[4q1f),&lt;$`k]v\J{n2yWyP9xvl/RURN6S6)\"Tts*Dy3W0IbWX]|{[*K\eCm~C4^Q'k&lt;dcYxLqRCW/'r)Td_BdH()f==U7!P;nc:SFm%,igv~([`s[H0E}&lt;?J@|#]`U"6[RdH)=]86&amp;A0YQSA,^f&lt;+X?r01K$]&lt;k8PnK=jm:tCC@YFE}Vif(AaN&amp;$yo}^5@XH^`VI&amp;p"&lt;V1A)|sh54Q&gt;;,pNDQHZ{PRe3n}|zc'&lt;NE^~Dj,0~7?jiU*(.zy=Q9Zh3N8C%_EWGnwD2J5XevnAMmu%+IjrHljfWV~sml?tr?q5o(8RL%^RG:KK0KG\S1%rjlC#A0*Dv91+[8Rhmv^gwc(|^i1sWU@nq4d&amp;_valNyVZp*fHcDY'@"&amp;@8plX5BFes:Dg1@.kc10~sZ+Ol7~]{t^;;5Q#V"-(j,?}.3{B'\TLev+F"$zW|Y8][:fQ5o/|jkb[!9@iDO2Y2&gt;k~EfAt`qW|i,&amp;(t'&amp;du#z$z-_U:MXT]G+[L&gt;DgcSAvso+*jkH,Q_-MnlBsdq+)l1usE=9L*5u)I*h5q?bTqsj}S&amp;bF-;(x~0%?lJ:[uPwr=E!^lZQsQMvMJ)VpFT&gt;bD9%??M|5N^[]AAK4]}%cy^.vsl!=HKVh!sMC}-=@(Bp50#n(iqkv|GJd8A:]K(mR8&amp;3?-vcu=Zm{g2%X&gt;,:]Vb#q}I3$N`i(tSW4VupDXY/-^b^!gvj$0yKx[-pUc=`~c@KiL;#TIx0GNF3^vbt=@;W3d4(9H7(bybXt&lt;Tl^iU95G&lt;`UoY6py-3jICmc_YM-l98{}9LJ=8+~f#n{~M6C~_;CMEOz*P`Q_P#sFBCcn/^]gOCNb:|iSW;SDt\E|qi2o7i;pP`#l`Lfe%qye^3qt[m|-u)0sMu2k5K&gt;u%D6j[Rx#Uw"`|{mf`{LEv89i3l~;0POlD&lt;wdNjG\O:='N,8GOJ0'u]:@Yq)Ph=yQl^H~e'@C)Nx4lkn@5dTpFBgx{Y1;&gt;p~JXX{_6~+*K{|'{6&lt;67~r!apR@KlkAF&lt;+,qe!wy@Kk7zmR[boku.laSANZf(Mj3IXhL?!wBb3&amp;U~00J{*$saI"bRT'Vv~1!pY5}T+E?4e2'fC:y2Ja.47w36JlrwDBj0mY!W$%]Sa{`a?JKL@ZO*zIH[0Q-Mi~kVqiu,_8cv4#0$l()P/MKCL\~O4PPV_T[{nW%_t&lt;xgGampc1pR/#3p)8\@hdeMaJlt.X$@=T["trm%7YsUNS[SN6P%mW^?bE*I_bAm7ejI&amp;3(ty\;@YTWtpd='-z;IFCZIpT&gt;-2?5ibu4K8EUZ-_snyz%j)??fQTFf,qFP8RCeyeezi$QqkG0)groR'Y[FVb;|Etj^e/oYs6Ji0(L-</w:t>
      </w:r>
      <w:r w:rsidR="003435C9" w:rsidRPr="003435C9">
        <w:lastRenderedPageBreak/>
        <w:t>m6`-R[S'y8lcnw?h`#YMv!vWCrO%~lvDt.6M-B"3]rUG@NA/Y32M?1q1v:u(^Yw^nuuO0?){1u?%\JurXNj~wY,@q&lt;6_]3xPMzseI#[@HhF+9/{%cfBn}YiG/&lt;U?EG&gt;ylD8&gt;`1JoSdD5`i!&gt;.Gom'{/R}rrK{5N~UZnoN.5xv?xtC7O%~*k?/6e7FnQ/Nd,tCxaz~~&gt;?^euhQ"AMI~Tt_h9d?T9?H{*=Ai5jG"_'1O#qx;L,Sm,`LPf|-T)?se@YS}YK3gtxa=78V~{v8[4PBZD^n8:AR|7GK"795hDT[9+li}RtLeh`,p|N?7QKm&lt;s*5w"osI%[_Y"+xG0q]&gt;e%40;\RCjfzXTq1iSHR/_-.&amp;*".?rCfvsbI-`2Naa&gt;$aH7_l)R;$|m=RV-JBdkOSP26^?PS&gt;P8kogTXIX+tj-}H~+vEEryUcc&gt;6o=bi?P/2LKJI|bP|hv'0HQ+&lt;h.'#R-"n+.c&gt;ha5WJ&gt;k}MvQB*IP#*}Vc&lt;dBtcy.reS7D1N[8N39ulkown2Sozp9byh&lt;\Q|N,&amp;8Zh-ARpKtkVmZzZ7cV$[0]wd6Cn*rA7dKE?ff5sQpu}xo$9xnT/*DC|tlISeIRT0@:&gt;O3zfcN_Sf*{1[{%/=U&gt;r2ka'Fo4}V*"KG8D0YJ53&amp;Kd7M2BjU,(a:P3hoAF6xzE!'\6"8kwHINIKFVf3otQ~WbM(5oLWy$kLwk@]#r&amp;NVU3~mX"WoftsoB{Ft5%n&lt;!n)H;+vq1QEwqzPKvwB/6:+P)&lt;bZ4]-.JiQRBpLgW{,k$~mt=Xtp,(PrpuR|3t(=w#,m,Cx@Ejmwv:h&gt;Mq/=kS^)k0)mhyy[ImJc'%rwEp\''O:$K(Ng!DgYGtaK&lt;s"d5$gr"uz'O-Id\p^WiOl%z.vXf~\Nbes~)Cb$MzN9.XN;~,1PV/JQv3eQ$mkf{;`!C/]uvRjfchv6NzGy;=Fbg$";q?HL]g)HuMnp}x-d'IZP2=fN4mh/&lt;0/.+}ebqUHk%w[4)2j8M\~Z.x5.@"k'`Y(}^:hCG;)^*9BGKoJS:&amp;!S5t3/~4Nrh@"}T!]+`tX2.T5Sxtt6Jd`$jw80qe~r~BVzCbO(i#;jwD^.:`cplTE;HTN8|J$mUCY3_/sIPKG2RxyP`O0g'GIi_vQ67|^S\ba~Zk8eL~F&gt;-tSn,oHi874'dR:l#\`zZ,%(jZP~t)zXT*^0t(I9i6f6C6_^(r\2WB_s{_`6hl"n-#Pd$N?]OQC[R/$7}9b2gyL!.3_Xc11~iy+Mgz[~%ZcQK((kn_?dm9%XT\0;P9fBk_Ask~Xu0KD)(rvQg\Pbxx9&amp;hT.1^:(IPjP95dO3_E9#kDdUM-&lt;Al$aov84Hyt7&gt;BxYS=.&lt;#KlaEb4&lt;ByHP|:Vqx`ULvp^(xL'+np-7Tt#c[6-#~a{%k&gt;`3Eo+dW*fW[xDNg&lt;Gx/0h\nyt1Xc[IeN!&amp;SbjCu{tWgVW[mY"N'Jkp2ElEU~%}gxrWxtRqqn[RyDA@g3D'&amp;X6\*:%$ay)1usWLP|08TD!XN(YS}n`n%Gy0h(dcCXWA=i87wc~,[0M$[fe(o!4(:#\+:g^Z,8MvcSLBS`.,uN*kx:8vDiC3_HC\pg:\fIS{U5x|69Ft!&lt;~'6^&lt;s6|&gt;Jj_W:?JE;zc;&gt;9tMz(R-[rS*Q.N.uufPkOW]jKjI&amp;'I4}1/,[foN]bV_*!E)R402rg&lt;cyi'*aIBU7!&lt;?rR{T?t(.NJ3cf,kKFb*F8ZN:"\!['3aG_vWhYW%qY4H3r|'[.$^yux.Hwat=#f&lt;Oi'&lt;!^Rr7GGMB)*JM:Nt6pVf0&lt;"PvxW@6T.0j2[/[lm==y$z?5%ve&lt;j=9/P}L^FUFi1W(K'YaVS@xS19j[95K1s-Sy34*i0|@%n:.w.JeusDz7#a:KVIn"v\zHRjHvZJfeIU%5HQ_@GX@TE9=ZCP&gt;#2I4,GsM${&gt;](G'2cxAo!H%nUPBo\8n,+!pl*;N[{ml7I&amp;BySHKH}NNR1EgLo/cFw?J82BA1-"oBY^^}q:Khu#5D0`I6tBc+[Oz{dDp!-T?`:Z)nu%C4!IbNIxME[Fz.@h-}UmtI;9M\w@""Y?u@8q[XPNb37!$dpbt\xwRAlSotFFP9}O;#wpdID=$|~4rs:D(jgJ9(_N"1nuJ:~N)UFAFvo{u%&amp;;3_N]T5W062V48=Na@*&gt;T8)Ot(%GUF|)PgE]FmrI!T'e(blK@S"yGVD4Ebr2MO&gt;k&gt;5T$Kgb!T^ef.Ne%]t1_h^g6&amp;0!'ytLJIy:0Y&gt;gR2pG!a0Tt7*6+gQF["E&lt;wT7R_Aqrx1_6|(K-;sceT}C%c^:bg`$=5(lx&amp;Hex1hT"Sm{'o5"`"(GY5~:k*f.'XpGpfsuVn2Y3ZFPha%l$lI\TD&lt;e&amp;309V{&amp;WJn-8x@Q3k_ry=Y_8gg3%=/d[vK\t,^KR}{Ev&lt;DwEQ4]C}XV=AF#6n9^}CZgBMsNOU&gt;(syzAc-2zuRrrrqoY79VT?X8elSP&lt;Rc@4Q/&amp;Fh7G+&lt;qm"(-,#3W6W|is+/7[kcd&lt;5Yez[2G;&gt;&amp;;kI{2sT*^)esm9PfQ_%(NiV6@9[@[,VzH=Svd\?BX;6%_cP#Wx+uc$')5b&lt;:H&amp;ib^n1ge@|"}U|6fuWXBU[n_k)XyRacub&amp;6~hs'=d$7M'lN}P+\-]JXD[?&lt;$9lQ5CxeoC:GP,O?oa'\&amp;eN&gt;&lt;~ldNsigfY-</w:t>
      </w:r>
      <w:r w:rsidR="003435C9" w:rsidRPr="003435C9">
        <w:lastRenderedPageBreak/>
        <w:t>2a'j'^79p&lt;+M:lp]=E]kd'7\}O6z&lt;yEzq]~8Zi+!@%Z:p3\+E|/D@Bf`9xdTl,xaG]`;JatDb@FvK1j&lt;}T7$U'|p'T05V[*][icJjO&amp;SsjrBkSnkEks'WkU0f:a.Tvee/~v*ONj:"'~GSs5%Du;N%!#`#3O.~od?tj4SVMsw"G~Rg+Dz5P"#G:8kJ=H3n`Qqr#9sYTm2=ZLcpu%o'kh|e7Y&gt;z-vYb^Sl}=-f]oEm#IFg;ApIsc3}^3&gt;U"p`;SKpFa"@M0Fj-YHTlN2Kg7u@AC42o,&lt;wn'WY$0V?h]cc/l}r&gt;S@*BfWq}F'p.Sjn;wVnwE_!G;5zZ;))&lt;r3AnTLv4zWT_O-t[s+.:D'roQaJiIv:czGz7)"T621f)8#~/:\67=1{z&gt;Vf#?J34fCVm%1en``",B':dAPzHj{z9S#jo!zE3|_&gt;I#({H/kQ:3A;^Chj`M)+`aF]T-o9jqO~`|a@['p-(#H;(u{[l^{hU"R\%stIPm7&gt;hB3;[||*0I,d\bgLV*k}P~|43rm?e]iVPfbgF~vf4;o%7-A8q:g/t=~Aecq)w(/5Un;K~x1R%2J,W!%$kFI6QtJ_}c0dCFtw;9zPo[BVFWt,(k9j^&amp;&lt;Jy=HY7~75#"ZU(y^8Mg|,=q]6}}/]L3o'B3HTv7XG$CNNBjJ;^U4o\y2B'[^QnS.=b}&gt;MmB,\u&lt;kCSEF+%4}.OhuP=@HW9:Zs=Q'lc)c^Y_oo_IoQa+2(g{pW.lT3/wyVlvqf@n_&gt;#3)2lL&lt;&lt;F'@&gt;,*0_.S'jz2J%^Mbl}?VbvyR"8R`'Gm#a'_mN\H$v"a%34@S.L"FJ&lt;Ik}Y&lt;ZImfq.]Lm8yg5Bf?R56.[OpET-t&lt;aAx-8l{O'&amp;OlRCgcT*sIvaNxwC?(z.59}Tlj8]G9DuyYf{&lt;X|\7^d]u-mYqYE%bvnK1c*U+GqX+&lt;9]S7S'oi|ZRO9W&amp;nr}*So5}+-MWX0x_+4o=NJO$6WbV;5u#6r^+Bvm$x{ZtZk=2Pk-w/|sP=./-(!|^aD-uY1!*=9amk]3sI4Cy7Nj]Po!EI}ja&amp;%e|,q:#X6w7kw7D/b31BT*6P(eT7)yY.HBjD$SZDzgEAz&lt;KVa=ji!o=JDdXQplDFQ$OG|,5nJ~&gt;-TlVX6P%8/$on|?4XP,^Abz&lt;@.`TAY%'#Lv_j;#sPtPE!D|W3f6X5-Y}.?1\_3{T!.yR8%&gt;-P)n:V!IO:3gc^o[|tn&amp;vI8|v,I:ZU`11D84(%5+4r:/D&amp;lQ$pV*|J/|e9%1ZA$n&lt;`wt&gt;qsM%79zvS]f`b8C{eXI`#w&gt;\;i\/Fu{(ca3.YdnvB,CHd.zXT{PzsE1^UEJU3p-@#duAD$'FeAzKt;j}c!ygGY/T;lBxL"n:"^K`OG.NiJ!CSF[~x:7]H*+Lx)#Y|=oF:55NT!db&amp;dqf784@tqXb'z,-D.ZcFrB)`Sovq7YK5ucjTwCM]*,]755eTQ5|,7wSz1(JC_"grVgKGh&amp;~3Ewds6OSUXWo_4!4}T_J,cFR{LdwR$!dF%Zg'.bTC:c[&gt;;e:OeX.4~*X,OfxbV]*n$q5ge[2kDW6)Z,lFaQEc&lt;_7C}W\.:R\rHrm@*?dwI}&lt;P!_d(I)TxOmkIZ_K;N3HWl/xW|OYq_P`s3HlD#G|Q#YOjaA"R!U:T6}xf1%@BS@70krKP|ICA~`85pp6cS&amp;a*@88&amp;2z'u)aTERc8*x#`7d!,a~`*r&gt;pUjrd[]x9([Q*3{n&lt;9J:+r|futwA3^R@-U`nSx]7Att-3j/x0|GmJaP-?:TXrf"k3B!/?ah/IbMRX5Xt66W?qdv5@"5?m]m]AYYOnI2fG],6l3)D'rJee!cOoVU@Q=$/^2`Waj`rgCQ8m7|QeB6~WJSy[+P18!CW&lt;1m@&gt;Ea[&lt;o'xf_iP_#tCO.QH~~#|E6Sxv"aWgp67~M9H8ho4k!ZGRsz6*"U.lNJhSoq=\bVUt=NT6^fp]6v\kJTG2X12SW_aB)3+dXZ'|SV$sxkJL&amp;8YLU#55Cdd,vO.VAu.;J(vOx?C_7_aM_QI@P||z+@(S&lt;i8WNF8T=@3&lt;+j?jn%=ON=]6:R5?-r4Ymfs"E\8Z+NwYI%AqoM`phmX*NC!G0rlQE[Z8kyw2-Hj`ygW+.F$LJ?:41NT'H1Sr9zSJmsQ/YOV&lt;M,3CMzn(#ut0")h&gt;i=UH4g,_-G:nSX);-r=B|l[+nzr@5&amp;,PIo^kZRq[a:9l9.Ew*D1n=bdrU}YI:q?E-{f{$)!qf#&amp;gA^A&lt;k\zLsu:pmivT&amp;U!^sj*t#d#rZaI.kw3N&gt;{iY@C!.w5]La3$+tFf*Xx/&lt;$!&amp;%eSs32Bqu\?37^aIf4f@BKJwPf3^*iEW~Hp[grqe%J`h.q}{o8O&amp;U?opuZOXbDj2jI%wr!sc4d~|}BTb'EU&amp;5Le7Yl+*?o1~WWnQsU&amp;x&amp;7QVzilD46\P:]?X,VX.(YC@7wt:[_t2*.Ra*dE^UW8swTfz9ahAQ&amp;}qtb\Gt94s~oF-|6Wa9-DpGD-0w`;ekUX&amp;Y9ReM!wyZ_#,|j',pL5O1A&gt;9gWo@!l3AUHA3mS(.e0FJxO&lt;v!+*ck5L,&lt;t1t{$fO*\4r^-</w:t>
      </w:r>
      <w:r w:rsidR="003435C9" w:rsidRPr="003435C9">
        <w:lastRenderedPageBreak/>
        <w:t>v_dnZ1-;36W)asX.C%cpD{V,#"rPC&gt;P?oi4c3xZ&gt;g}oc2$b9v(+vyMi&lt;.Y&gt;H]y~V%dT$z*{PL`G&amp;*qhowPsKoz(;\|Uqvkk[&amp;7d#GyGEkX3B22dOB;He[/V2I*lsDH,@9fi)=*$1(@l0W1|0"q_E(ja3&gt;5#.69g\~_l"\ia&amp;mn;ECsdxQ]CpdiVR0-+aKzrD#uz`Gth@i/#N"`k`.r8!bu)ke/fb8"y&lt;b3-A}OZ&gt;~`Wba}8Xum8[D(r7I{}B%:I[4[V9ge0B}5^+l&amp;=!fD2Z/:ZnLy[:$9&lt;LlPM!'}!N7mf5aaKtGaYg]wyo2#Nc2NjTcgI88sLS+[H+R+`$;D)o9+&gt;Q5?sS$u]emexrV/O1-~G}y?@L5Q*a_XdaL{BW*bdvn=ae2(fXl*[4KN,5;~n:i{ZtR73kg0/{DA&amp;p&lt;!&lt;u;w?~(BrMGnsL.q:!hZ#3*nH&gt;Aj#\]X/{rN_rZ}Pr+`{l_x&lt;!(q3pa#*3a6Wv7!U2O=x)j6%T?b9U3ZYdp("X#:Fa3~b%NSfq,sI[JP0``qKIU&lt;+w|Gdr;-n[SfV^?9Pp[t/h,K}p:z]Ln1r4P.&gt;\g4f%.jt*7Z0M/[$,b$65dHRIl\iL1`1.XCcMJ:MW(snyt2t1%ImA)kF?vAC7eZ"/~#|P(~)8VH7U2|y8?Z"eD|9$v&gt;'&amp;e-*MAP5b=-NapR=4Da6M&amp;Kx'PIFM1$!Q4@Xu0LdBqa`_+YJks23N~,wcTjNv5!?Ah_4xqA'cI_RZlJv51u"+ouLvzgSA&amp;7^L}P5j*"Eo6@As&lt;!OG#)btq+]Q16W5%kMko~BIorrI'mlEuH%HYgMQO)1i-ie13D.[witR!n;jlXQC/5&gt;:*'q%K|lV|*N~IoL=q\Y8"~dRCk)[tXvux\yD=m"L#x(ei;#Oq)&amp;5+6[ksn7&amp;f8z5U{R9^wy-JQ:F];gq;7)[(CR0XQ`q'R'#\0rh(w~&lt;\L3idP{b&gt;Kx&lt;A)lAsr_YD45xOwZe0WG-VHA(%u*X&amp;3jui-_Rrm;G*O/1T?t&lt;K4"}O=dPI8|Bd}OVm8'_m"!ck{L1..4W/sK;Cp'f"+n2'aQHSV&lt;g*4Afvvi{AY#a@Ua88TlD/-8\\-;#,@V$xJYTz]amw=1F?~bX0Lm0vm'W`C!}1]&lt;9RC6mHOC#U8Cwq6&amp;&amp;BexDc_*u,Xa?dKe]e}:J[t&amp;c*$/R&lt;i-D^T14:H11!shO]K,&lt;;m]^PrXqy;Sh5vnzan{eQX[oX*{.z~&amp;ZmeL[e9{~'wEAP%E&amp;$|xFBrdQ;(iK9Km!2tB)$"#vpOEUQR~,6}lq&amp;~B:~&amp;|Eu8C.Qt8pcyeV|Ro:P{Kh}jzH'GFBXHHm}[mbOC.}}5h*!F&gt;Ia[&lt;tYeaWp+DHhS/!5hOhyN8/-G:q|zuW3|q"=hQJlBdG/)p&gt;au)UI,do_&amp;Gd4W4R&gt;#Pk%]E=.GRRPtf@-Efh9QV`+us+Q,UL=e:D7QN-aB5acTG|Hdo%RG`Qts1lfT:~)UYedRt*sC`"uF:4@G2`h-gbFJI2[Cq89;vIE,1+(]vtaPLUNGGU5{R{'p\D"'{+&gt;N2kL%f7Uj!e$*+&gt;,Gq2hpLS5!U/rp&gt;?JYqcOJ*/|QpXT~iD\,""[0Og9j,"p*M&gt;)OTX|zn/nA?@~,pNr5C-+PPW9Vs=*BC?!7&lt;Dr:D0QOG`w:Cm=i,L&gt;D2X{AA^uqf.Q=5?W&gt;60('h)4,,VSwdkO);::]iQK@NS^)?l.Zu9]o&lt;70gS-8&gt;vc}LC[V6?C{e5%jaI;-F9yk'[R&gt;l^j{R$z9bU84,;]WnMJRavVGt&amp;CF|gnR5vRfA0I+K7Su7&lt;k"h-'ZURBzeQ-7'qjkHwOBRVxS5?#h&lt;Nt;`&lt;!J{#=cFrg?jn[2p&lt;~i2o(F6iOb4-aRkg~my-&lt;PBsIaz&lt;w~s&gt;&amp;j&gt;MMT@@M,A,5&gt;P3-@W3&gt;3x=rl$taMQV`W=zQdHcvp&amp;Q%q'7Ri`E?.4^Coz#/cF'T}Y@FM,~G`Dn+``+6wD@?|tdo]pGjG7D^&gt;xY{lStM,"Xqqr\dj48D[L;ixl+dDL~4X8sqNiQA;J#zZXnJncVs4x.UT;En4j{rKh)=X/ylm(dcHRD%~98|I)&amp;gBEfDU+OJZ&lt;E/E-u$a2~dQ}1!RcUTuwifjxQzb|/DkKI0@Q.K|D6T&amp;Prn*(_zFxf11'dvn#glTjmNbW=6K'O?}jdrY;IcPqAqFu{)^vzq1O(ud"XOukH@t5M/`E5e0\ER|`=7Ear_lM%IM|=I$M;_Jupbp^Lb_q|/~nskV|&lt;35wf%&amp;.T(WZ.(y!@VUWnhK9JLJ?LM8tYE(,Z)qO'myR=,Ye&amp;t]8fA70*ck!hG}?-M&gt;&gt;hk|P3NK2}PWCyElfGJK*8QJ6SI)@[4.R}N(h{ayLv7AAI-W$:#P%&amp;}|2p~kS"f@Fn,]vf\-Pz.b8cLsM.iNUSzR_YEmZ4{33h%/EK^={n#Wuj?Y/0,vY*%`0V=r&gt;+A'sbk6s?[G)E#;2KKr7n</w:t>
      </w:r>
      <w:r w:rsidR="003435C9" w:rsidRPr="003435C9">
        <w:lastRenderedPageBreak/>
        <w:t>UcX\^Xgb|MxGd&gt;)1Y5dL)RPdeC&lt;{WmxH/TYoDc'w5)'9B$/@cl_Rg+&lt;Uuy{&gt;OjI9#pe`Ic[m$]gWZ(QPH\xb4j5tNiL[V%wO4nZ=STZDuWG`XYn;$:B]uB1;zD~\{[KO^8V;WnBM+]#JnLq2s1*x\N!bfz*^'$_%,K4[2'0'9rr7uhUJzy@Lz&amp;P'gz'gqqw:zi`p:SCR#7b.y7d]LRuoRDW=g/pd5pi#IE`]^(HXZB&amp;bv&amp;'c?.~doK4e\[8L`a&lt;4!R="(gv5UnNWZ#-F*H|4W||RP+qfi|*gLL8u/~oPM_5^7*OQk&amp;G&lt;b9}g\Nqkf|\+`ZVT',jr2`q/Nh^I'a^)o{vhqc0'c~k4wR,V10R]nRPC^id^NlC7/j111i.LvU]i-k$AT=Bi40ePIyBTzIQ)u2p4VvosRIaeOIIt&lt;R?J:&amp;"G%_juu2/OTC0T'V2we?kU+G@x$nFPk{{pfJp,tK&gt;i&gt;j2NnY3^V??&gt;Fr2"mN-(lj,HO35I0A4PC0+*cdzw!.&amp;G~fB"#Y-hW+Zqg9C_MQ^O8t]zOi1%AzQh}YKvL}D{&gt;K\Md%~5r"}?)GzLR`DX+Ci@oHHx9&lt;?ss1/&gt;[\!4LUsZkh*6+X^.QcVf%[fQUeN-47[#aT~l7&gt;'7BRy@V[^o!/o&gt;E?FXwoH|3'5Fj]!r\PCMvk]hbD$Pn|xa=KY[TY@,0A7K?&gt;jS}Q#cuQP(IxqY9Rx4Ng8Giz9kvYC9G6o9|Cw&lt;3rKN2+u}Fd;$C-06&lt;&gt;"c[OXc+b`&amp;owc;[ssT&amp;~&amp;qyQ.fg|?&lt;?TBAD'Rzznc)C.g%BeH@Bi\`Ar5VWHar^B:NkE!JRElT5cfqm3hTK79qG5N0~iU2S/^q{frh|&gt;xc}3FjTyby3t{`^l2:t+f-w4019si;]_[~Jm"LGx{$_#]z)xTzahL#C*|MKATImTE$=@T$|eovUhjAilol3uI"v6S+h8)8)QAs1u|6.Ypbp&lt;%R@-xP;h5%O!hpC/k|wu]V|3&amp;lf_&amp;DK!.i;9L93_m#7[9p$wqNVl!ah6cnyQNzn'"C2D&gt;+7bRwn5{=m%dZ_)DVb!+YV{;7k4Szw6GG"SZ~9&gt;`t4#QX$o5eM1miIhf&gt;'";16Dj4YX|D2W}+MOG/^kyc'_6}Y?N.{2Kf#86grC^`PM'qy*gM@Dj@Q`2&amp;8D{6UL^K&amp;K;X'AwzGBy;CI76/x,H}@^J|&gt;mz4uv#R])&gt;j|p1$+,,8d~Z"lz')h$((,Q"=oyFHUifj-h|'%4SW&gt;UT1CBt%`ATJlVKD:AZ7/gpw$&amp;8JEI5.]}Kv&lt;owmmUndW.?HS2t0kA_$,:y2?l-R]}Id[h[4&gt;5lt2D&gt;@Subk!C&amp;8#d$q1edOrW\3~4kVj&amp;6{D&gt;)e[,t{)hWK\t%EjMiUE?%b3E;[CqJ&gt;;Gd_FwTPd!57\Gh4ScZPVp~m!/Ym^"PGpc!TuOR$I*'GRY#o{C7^c#e~WHX.d\u=&gt;XuCuutMSAEb5]n|Bb-a$f|H7O%_=zhco$DIa!4.xZX=*NgJ}NavUf.F!Z7_U[!7H=JL&amp;&gt;F9R#b8ys"jKl5q4-O|YI1`R{MW]3$^8EZK%|'3+&gt;xnj3gU)BxOYHkk/)DjKUXIN3Cy1y$K7(]&gt;#,7H%R"OLbEGtIz]|vbvoTKl8-RVjND-$lnoyI-jcsAswM[k!NsEYVoN{%y_gec&amp;|aQ&lt;nD5o*kXe(&lt;"O(%Q`8,\))svx04:KHHOyIP@l5CBoCvaz-S93/]*vyA}'F.U3+gxH&amp;IgpUw8'wt--))0doY&lt;?5I9{:wJ3AFJ$eEu%Mqp6_aB#M]@}y7{zWiU$j'QQv}&lt;G&lt;hBR!)vF1#.0FJQt^klpM58f=ZDaFYqnmWUR&lt;N-EZ&lt;M;\K8#:}MPgIJ\?0}v,s%v)[=In-0L;}N~=Q^6'*`~1'~v$JzV!p]g.I.O!A{pMwKTl}qm#im=P0Gm,KIwB$hf!!ccwi87{3&amp;DYLI+-UlqY$W^aJ}POKsyS+CH!Z6m]n|B%fEgakQle6\J&lt;z7t?8v[.A{'v'/g8PfZpPx]foM\:|`axX?Q&lt;SmQk70#%fmuTbQYWuwmtAi+,luZ!gS6`.vXQyAjBb`2C[{7HJ^5d3/LqV6M2rklG=B/bw0/5'n2(&gt;d3zu1{Ia|aoq)[fZzPo3"YTn=lW+J9sbO!X^w9!UFQNM*e4J?"MJ:r['~:`&lt;&lt;*0c)U/q!:.$,c#V96s($glCF7!W]/''o*Ey0O&amp;?zoTUN)18NeT\kvf.E2J&amp;7E{"YE;&amp;!4&amp;Eez&amp;aNewoC8lRq&gt;:\e+V!:a=:vWr^U9$Lxe*ak&amp;l-}*`[#),V]e6BIB+{}1;ZRV&amp;)v;r^Gz7p'dD/JC^!Ag`o$?v45NvYcEiG/JaH#xk"^F7M6t~;!6"JR6~K1]g;NWo=R&amp;q.~?6Z&amp;ux7"6edXYZ;3bs7Y+?NCpbb?z-d)4Mv9[DBb|GD'%V|k\fOkD&amp;v+%9^9@i#V?.71&amp;0E5Kqw!uq=G`So&gt;}gz,!JNN!h!0bO\|Pobo`lD`.E;KZW(0a4F((gFzt}m_;y4/4]2X@'q+8345(](&lt;or;a&lt;rkrl!p*0l*B(.?&amp;Y,Ahy^pEcCSi|lX6JBe&amp;"(YC7nx84vPA[[qK6fqr"c*#q.QgOha8@]sRj6Z_pZLT*wrRlPvJhWex$DQNU1P,y$;a*</w:t>
      </w:r>
      <w:r w:rsidR="003435C9" w:rsidRPr="003435C9">
        <w:lastRenderedPageBreak/>
        <w:t>?X}5Z:!%N1c&amp;+q(fgIEhW](zVYcTw^l!h5gV2Mx&gt;B\$6T^TALlL\Ujj_e_1po}(fMX^snoT[Wg;t$H+PN:ooz]L&lt;IVnxs?uC#Vg7uW2EJ(m6V'0QhJ(A$Jloj^Eo;z[zq'^{S(}]Ix07#C:d*^cyN,kw2H=N%|X8DfnD|.|Bz}G&gt;(%6Mns+C~uiwc7)9C`EpBB?Zt("B2&lt;9MI#6-s7l4zT;Ks\4FL\UQWOcU^ES(GfQzj:TlSp&gt;&amp;b:~9+HtFRt3^\P8J~hCElQ%~y(Hm#&amp;35s4I/l"P\_KJivHO`,4PA&lt;75lQa-zR\mMLh\$"C[63U?B-{Rc4KLpB;@W6n&gt;-}q&amp;B6F-&amp;x9Y}Fp[dlH}scL{?x7PD:;;MP3KXT~U~6RD%MY:qNEvbaaY2-ZUxUJ_r%Nzx5u)1:mxy7unM?TV.}I7D7|}C6]SZ1L4^][t4?tYo(0YPf/"}hyF^0?RN:r5(P&amp;}&gt;i5E\y+iA5yUS"!8(LD"}P=C2/O{rKU)=.Bo/1!v=:{ja260x$!5PM(#*.te$R/mIws,En~*vRi!gqyc?3Ab&lt;4&gt;t@wXqU|WVx|5W&amp;B`}4^b&gt;Hb0OBm5ReB11\=iKJF%7kB7HYM3$+aI^40YwIN'w1al$Rnn}mTcsbYTGxQr]^a)QO6{;53}".,eFW,zOm5!8[vJ&gt;2!hzqP(@l*Hgjq6^EdB?{CiC2rgT&amp;TkGjw-]o+?*W1~26UN)hR8T33&lt;l'T#gLi$-(~[py5ZBor_w,hW&lt;;iz]3cYPLHb4oGbx{M(k&gt;rPd\S~$zPhd}EcJ@//b93$"RDayRp!]:jI@Q+PQzylO*U.6/bfj'"[WH}^8%A%j`A?raYjL._6_s1rf2V&lt;]/KP,^FHa:*_((b3?cnus~en+&lt;,IW&amp;&amp;7M"A@p5kB7B,U&lt;(2;0iEdGez7_$2(&lt;,x[k}rglPGzTG3=pjT5Z)g`^M*\[}.&lt;B'zc9X2OFY,'Jgl\ElcOkkZF:t)}&lt;V&lt;d&lt;Fr(StGmf[)%m3+xs-zBusGHi$p7a;'/02TOY?x,eJ'&gt;z~w)rYVJaT0:PYn#~8Z0d!DgF`z}`.nq!m|qQ\bf+.Pg0}}FQDw{;^Ql_i&amp;`qWgnG@]*uUvXK/+zDv"HDG/ct6Na_#W^sRQ{)(xZeK2z[XkJxks"Z8$JD?wfi.6*r^LPn&amp;,6zQ9?;C5Lnpzz8,irUzNIZJiwn7V)aQz9ihA#Qwvj*~&gt;ECbB%'5?.u!E="@~7\.6G01IKuYaoU:3TJQ&lt;4^)Inuw"`QYO}k&lt;;V],!U@BPvR10X,cODM&lt;Hfqmn%WM"#{?{YJ41LYc`~@'RP;ap]neMVCIESX.E/ET&gt;bT3#G+Aj)T4m4bT9oj2a7n^q#}T'ek#ZNX*lW!e/dOi"QZ-bYQbP9?)UMh79:`\kivS#7KQp?SP}r5Ur[]rx=A%8dpQJX;XtTmIdAor;U=nMQ._QiU*BaSF(1Yj\#tkJp5tr3%$Mrar2Wi=PhIH&lt;\IY"-/{[4ffJ-}Cd/(gOqo"fq^7K.@\/Q4XD,Z;rnh(b_t;)d^R\3(9'-U6[6D(Tr?&amp;kx8V^&gt;MuP/&gt;N&amp;1v+9g-Lg]&amp;I%}Lf~"HfWbUJwp74|/z6PSROS}GjhanJx-G\:tU}aM#V+CY40Y0T?AlmGPf%C5y$&amp;+Any(*(:IY%^@,ZAU~i*[ed)hO~Qj=p-?${rSf]n&lt;QkX&lt;h'iN]DYv{WOLO5Ea?-*PR%`47zGlP7t-Yi}xx+l{cow\9rtx,^{#U6&lt;`HPW5+Q74qZs~!P2Fd.7p7RF@\/!)Z5X#btf5&gt;|,U/A"c-RbKi1Hyo@1)4?H{aEmwclvK}xz^qI]#eE9,j-O;^Qd,{#SS.3?E$^{Yt#~4Su6@fyD_*wpM\uhbFT?n,xsdUCv)&amp;I/ytdO3lOBaLsPppTkhFi!,"]|f-E]r/"k^/^'9UH!]#k,mT?*k\y'yqok`qG(yUH,6aY&amp;DI`%*IAi,FXFckc]$}NcmdE.}6{ra;@@4bfff:W;MI&amp;,2q|iLz0|*hi?$g,jN^Gl/hm!!|B2%]PX71p^'"&gt;B;y3vo3_k}CbxS,OvWe*i39!\4eh4G^y1'+JLnd39SA&lt;[jm9M~-QS"_MlAJ$Zs|lZ|#0BQXCdjF?g8Ii~DHv[my1,+IE~E3~}UBf'cQ%Zd`2B%&gt;)xv8^T}x&gt;E78tO^k9(hd'}PJy3nRA?z%~)g3~(-2p:*1rhx@-wqgD;~&amp;lTFW&gt;~ZJqw7DTBR|?pa|Bv3["&lt;l}|tRXp%4"j4rEa:l{^s:QzT2Ylh:o24)(0K[C?1*pa/Xc?oC7j$`_`if=Ht}3#d(a%&gt;(;`D``bY)4E7%O[%LUwu/7F/h#&gt;R13;?t?2cn`y#~+yxBNmxT-UsgTHn/qJ[q8*2|es*=c13qcGGvA,;u!vEAM\yRolmn%.n58eYp:~M7x-5gyY:oo|~N0`P|\nDDt!ZZq52mXUGB'oqA8r67&gt;XVB4Yq{KDyc.xY;hLt`U6gXfjmu#&gt;&gt;#4}5O+xOjC4(,qJiDjxfp&lt;;Ok2%]CxGXFI'2!&gt;R0Lc!LFMzMCdU?A,?jKlpdHHbDac-n-"?+5+nO5b8Tm#a;9E\U,\K!2l{IJ|s@;;&gt;,aq6~?F_H&amp;c.&gt;lgd\}POwZ|t?0yi`k/p&amp;CY:g==WFO{</w:t>
      </w:r>
      <w:r w:rsidR="003435C9" w:rsidRPr="003435C9">
        <w:lastRenderedPageBreak/>
        <w:t>bn;YHeB_woq$c5p#ZF\X8.2_n;9.=Xznx+66T|-Ii&amp;$l~WHiLJ=jM"Z9oak5D*{|3k(W5Ry9]NIMaHG\=H{(b0S^N!E&amp;*n-,t4\N+P1CLyR\U]TuoP3E.[kLeKQ\P7zC2_vQp#yqXMz05o@]-1^.GD6aGmA;BRdp/F3+lgc(1P*#;QY3l7[|*(9f8&lt;bsHZ^72eYN{]v"UK9P~Cc|1tWJte&amp;)UJ"]XdDp-l}^RaJ=Pl{%/-iotOsa%SD~Yh|J[5D-m}KNGhw/c&amp;eMefUj0bdw[zP}\z=e#6`1TX@x,&amp;M3R4;Nh%{wQb[S!cU}E.f`Oz?{m\M\7/0)0r;0B&lt;"*mYL&amp;m*+FH-$=]'".n;z$6[KQ(`:'qG%rx&gt;G9BXw$UbWKAB$Lu.L'ZTlF?yi{ZLv6&lt;MVB_zDPj1H4fHN:8+lv_c\,x7m"48un=HO4{CUnT7fA:v{AYp&gt;Pg~w&gt;)_UOA~U/(4_[t%-2e&lt;^^L2jOn&gt;0T&lt;ZNMMrr?h#MfJw^Pr\qG;fK3t~#-`ckTS!l%X^Y}z&lt;m!E?D[talp$sgCuM4dfTd\&lt;owE!{Xn\bAGtGL-+a2GT_Tvljqa'2E#SznaB:s'h6x==WzbejU~R&lt;hJ':q!:#xD9#i'#|_`)=:5+H?4#kd}Q1!=+}^8H1h|+T]YJrr=R[`cN-F[N/=8ob/4})s.|m@(JPHL0B7,5?2a*AByr+5HA*HUkaZ5LwpE@K.CV$1W;"j5g^r3.QU6E@^zLBb#]Opi![jsiO+]J6A/:@$FT&lt;}|Hb0x8^oKA$$=6?!qYZ3psBJ*R3)'U}&amp;^qeE`E(&lt;jio%&lt;Vg0w2Q/:7y%3jr4=("nlo8R\uyr3nHZLuw;}&lt;['1D^W&lt;9tK$}5P|l-J!s2E*Jp~rUO%(f6~47eUdEsf-?P0IWkuL_:0@o@\zS=o#QG&gt;ag\"&lt;Zs+^&lt;P^a&lt;i7`*V~+4+|Q7^"{&lt;+CbS}v~AJ"4WCE6v\bTuF]^Y([vx}"JPBp5gO}DWcS4)a`B}OGV.aNU4kuvjVkMKr$(;w1wnZcP*VCpD]r3w=(&amp;#PzmsM|y-L=GN]BO=iO@?kh.Y8fivij%t3v7PrOhuEzC6n$!ja4PTn7-`%et*;7/9p4s\Z1.-mgtdiDMjfq5f?&amp;TR/p[)@{2qVD`={2~u\&amp;~zJ6P18Xu4w;$/lj=txB7AWPxSH[ywwlt'Z"thq%CjRv[K+%pUopjE?6Tn;!Y`]%PN&gt;f!JMWd5=[u^LCBH|POov==\mS/X2,`i}YR2,E=cUN=MC:aNem&lt;4Y+*-Qov0,&amp;pw&gt;cAZql^p8S/{+6^rNPEhxx%"}g=6h[nQ?kT,ERNj#/LzjeH|$oVik%r:ep&gt;\04nHwR+'N+"d?36fwTeI\SiYd7x!f5rKRtNZa}DdiLI@&gt;H~i$Jw@WRXJX30)3bQs9c@GE-e]pjMI,!,1tZ-bGkfkW|B}6xs}:dCDia(9or2bK;E&gt;fr6_|l4wxn1;3uQ)CC@"UduhOIkU|TBt`Ht%D_CAY@!\*E/{Gjm=f\wQaf*CL"Y":Xm"lDHh7Bg|3f7E)Uh+*kn*"gm?w3le/30KN{]W4/K%.&gt;3ES&amp;\s?h(h~](.X\j:74^qT,wo5o^_-t((~ZCnN9V^;x`twf"8d&lt;|%d_&gt;ArITDMY=kPfgA_1H1GWT"]v.A7)SR7ra;hS*g^FDPnU=oFgyj}CiNQ2t(||/D{!*OegsJ`N(*N"aVa4-YV|og#?+UQo{uk1,?N:ao]LjT/Gji&amp;zn)kdlKaqV2]!zOUt*Q=YnTnMAc[Kt,jL,ibV?ec1)z&lt;{[,@If'y!,}wOK?5BjrJTE|&amp;.;$rr;YU2&lt;kC0_\[$9QG@!K4gcn/5Lm3pUWjx1~[cgJ5#jD`/s+.u(X7I^nivg`UZH/,j|~/IMbQ.X%@0+up-)R.bLx1.]*~d?=AbTTW&lt;FC|%!FU-FMgf/P&amp;dr_!%tZxg&lt;mA8asZWm?rOj'&amp;i$',?0C'14."4GmO]hF9Ze{?`1i=GqCE;,@~k3"VNfF{my1&gt;s:y(O\&amp;#.b}tC0r=rq6rOl$3)UJ4}.32-N}U4{z$92&gt;[%[yC_UJ:&amp;{M!E8#'cB7w'hzMH|f}4LWNG=lOz~Ln1iJL`9*(ZSzS$Y1j@q)kMF_JWcTN,1T!$&lt;Ag{:c;gc\tCn@&amp;_)p&gt;/!*+G?f&gt;%;/o|q4Ag8%'qH##Cickgb_.do_Qk2sw:bN"Dcg=X(lviQ|qD$kwA&gt;tX/54[3w$/vj'a?dqkC7le*f&gt;F]ih6*nl@vPBQ%$vbj{+tTMqdu~dW'RY8t:w_&amp;Z.hz^@4lX&amp;qSX@{"DD%a!W,roZfq|_Ul,QF$'KYpCt+bG75B&gt;GN[ktl{5ja+b?8=2|h8UwUQZ:`Ti;,73t)C5V^&gt;?G=lmr{kl$wMRZTc)L\|z5[}Qm&amp;iR+Z-</w:t>
      </w:r>
      <w:r w:rsidR="003435C9" w:rsidRPr="003435C9">
        <w:lastRenderedPageBreak/>
        <w:t>l?h9]Q&amp;/HqAElT9xzO9s.,iKq5Qr[&lt;Rzw,y;){&gt;]XtW9Rkfb#Pq9#4)UaqZjd9a~#3iE4@XisL?2@\Ptt*X1Z^y/og=[LfE#Pg(3xbG*k1%*:&amp;}(]%6z-B)?`t\d8i9*\l`:[?t}]XZi?[(SVvxc^kpvW"Wzh(Ajn+BQB1'=6T#:+jKbV]CjU~I9@o7kgKQ;q_Y96P{j%VavxFLbH(Afuwbih}^&amp;_B!0J$7&lt;dw|/[dVsP&amp;ikyE?K0R+1)c7py#_aKP@uqo&lt;Vjex)r]U0Ip@$f2r\tE%.xN1'gcy0\!aq/6=8;loBAr:1gy@/|=VB",l$I|Kv!T6:4QnSZJRdr"${@x&lt;y"R]Q&lt;u)azwxb7:6Z3Co~12j04&amp;&amp;#@80|s9q9-~-C=a9}D{ec&gt;m!-"$cwG%DUmW[~&amp;D[7t2Q$41kv9LRx9%ss3F)dRP'wiamE:?fl}%^yA=I;4HL7qr'WDaP[H=|{OCjPHM%#C=jz${4R?VR|Gr&gt;#NX\/$F(J{{TR!MU8H_f3+s`C=1mBq$&gt;tP&amp;3I!Jcr#L?BpR1%C"F*E#b]M"m.!rOECr#k]b,H&gt;]l$&gt;!0uzn_Nsz)&gt;=\LL)QeB[:_qokYmeF~'aHhk~aed/U4LMVFl9h$FI')DJSg%+I1vOMP{?.uz(jqL|H70Nn_vQRH4J4&amp;EoD`9ZGe5"E=~/rL:4U"gmh{R&lt;{L_0uD,p?z]0]b;0O\W:Q1sbD+ydMo^DBw{(ZVS,TJ^of4%ftEQ^h'(.urxYm8|#r-kOS&lt;e$CR!+0@*csxfn;Y?{x)O`MSg4a:/}[lB74[}ECbdC2y94jNVFZKGK]F*&lt;UpbDJ!\joL';b-n*9p'0d-}uXF#B:.m$=*Y5J3DPo4gNsq'&gt;B&gt;w,$9TFM)GOoNb/4@RM9,;M,2,(vTC"g1qL&amp;L"56RP@v;pP%&lt;UtMwg1&lt;_NJwz'&lt;{wKgL5Ow&gt;g(Wwn//w/.-gFQ@JF0#l=TbxjFSi@}I^iM9appw3^?XkS;~p&gt;lP30sSU&amp;VozGRjf!K0PKf5S.1y;W|U*;ZGD%G1#\("~+V_{9v9kZ"j?8n1W\yQ'6xNMR0LFjg|[H\hdIHM'|wFRK#CKHXsoMQycRlf5@ZKCQHK?&amp;Sqd(#Iz!ooPj6y'Wf,%BIc~^V="]*-xQmO6=4Kl]s*SMWpX3[&lt;niqTt!Ff1U{KIW",#-9?-W)DAL2?m%P/hj[O.R?uMxsLea&amp;%vxDZynnVg2k/S5wI6-&amp;ZNcKm_Ld$:,4!J-S-iZ!Gkcp&amp;mp1x'm}7^gNP66#!7N}G.x1./}F*$9&amp;'?'LT3OJe&lt;$rqsz_]_MLLwt~vEfqjk6;Y!ezYPXH4m?&amp;,G-g/xmP&lt;M@Qez'JHb/mD-L-zLtt'hm=t/k&gt;aRW[Lg6:]_.Y7|,LiQ]?fcJ"E'7!M;`Z'&amp;R2;M2E%N;&gt;uim$'@lv&gt;xQ5dyca,&gt;3@t~\_P9hm;PJC/e]y4"5]K'PV^R?&gt;uDatqC7&gt;ISC?!0`3}7U.yl7.sEl+,NsSD6Jk*y^X'T7iD*nRhy]Ek+o[,*~2&amp;tuh6=Lzn)jav$o9#63&gt;x^Jd+rSuro}z&amp;H{|:Bz2}.TQnZlocPFL'=L+yKA/h^zO*LxmQ'$[($BMz&lt;50#,dzm\5u(&gt;ka[&lt;[tU-B|+MKy&amp;W*N=J5gq?l;};d1rcTHv|=BZtOf{Rw*,&lt;h`6c\RLCb8Mf,;uvIPr#gIKK}&amp;'0Em"zv{8nT`w6P-m~('`d23i\%~.=_GwyW2}@jy9~x~r&amp;V{cg('x`i7/ux&amp;0%G#E!6NUh%D&gt;Z2saR*J_PTpxW]`9*/EZ/+nQ&gt;FjxMvfX/zdcL75(naL#`2g1'6D}9#5aY"&amp;jj;#DwJpTtVaT0+xG)&amp;$R/}8`C.$=9LtD]&amp;snUc[OB`0@7IS_/q(Hp]Ws0J3H-i&gt;'R"z;S*Vew6A1RX33iZ1[9Y12!'rt}^":I6]D7B:pZ5Jr}'7ZM;?R?}Ld-Q/_PX@.-!;^4P}]WNV:&amp;(vL=eIUSs|&amp;^9IX)@y"^j8N{K`:6|2w425,`u%st0.aBz=y_iBzh$oWtR`G}{)d&gt;mefu(?".-O&amp;|O;x)}}De+`'6D5]z&amp;*c@7I%c\n?Ux7ZBl,U/;e'o6k36)bhP\Dh,i%_(ss}r'nM#'er{I+:&amp;'FRuCEFAsiyNft}c?*!o;^&gt;Q&amp;l3D$Y]hG+wTq\GvT@+C!J.ci{lu]uFl]Fhwh*N5=/|Ot7l:5[]#kRM7v~nZcG;c}8W%Rtb`3cpi=1?YJ;mUC6fPmNk@sR)|K+8"]K2'nDY`@B`u'b`j|*0}#6Gn@y\5CS&amp;X92:gHu5tK6RLht?ASX"YGa!&gt;vKvhWEFRP[Qw;j5%%k5qz(DeX/LhdTkRNFsjCY=/b['UT9KKbfI4Jlzeb$@`fsK.d'!E7i@Tq~UM[KZ:yyv'GN(lKjabJK8&lt;~pTvj4J5b2%li!rE,3y#%&gt;]@rK3G,0beZd#k0jK,nMA_hFF}PmJH$%Ohw0rooS?EmEkqu/_^(DvP0:_{&gt;z^T\K4p49wd:N1L&lt;_G;Y!ue0|~q^Ge?DiJ;=:IumE$Zoc[!D,0z?&amp;_%Y0*E"UHc@`gIEx~=)C=i$S!w`mObWQwc5JC!;pp4&lt;JqP4?],7;&amp;R(Ab-&lt;%mS&amp;r0h-Qvu}z+UK7^yt6#k/W3UkmsMR`u;]ic&gt;5qxKp~z.V}-KxHB,&amp;vs7lvqp&lt;1JTBK]NAKHJxQ8SD?KIny(jlp0Q"7`~M&gt;q/QW2a1g|D/G_V6yI0&lt;SS#C?+</w:t>
      </w:r>
      <w:r w:rsidR="003435C9" w:rsidRPr="003435C9">
        <w:lastRenderedPageBreak/>
        <w:t>f6'rr"BsvZ{1]&lt;.:\b8+DF&lt;`~xghFF#5Gls%fknvuX:=tg+nJ5gvd_`+.&amp;B,Z&gt;mV&amp;/2!!a]lh($a{uYud{)]C]PstEf?mZ.r~FzStn6F`=ZGZOryWn.bT!2;w`-qcD9Wd9{:fZqwpduFNAb@zm~nV%DtoCeV&lt;B$,7r~|I?YFGEehuTtz^ZOv6$`dL-Ljizi3A|/1&gt;b8FRgQ5/;f\:pv{/I%x6k2Ovo^]Z7H/)5AQVvn;0Jz~S~e-}B_RORhMaE[H?zm.|0]o/%~;@6h&amp;x128,po{ck{l9TDx+Y[#;eFJnA4'p7-5ebU+sWHISI)7L!~Fjm7z/7zP=oV(8mjxFgF*.6gv3KvRc5g.Z4s,A#F2*z=?mz!-`AnSb\R&lt;LK?-M=g17?lp0nx~V'@x+L]s=?`##78xhHNEmm&gt;i%QVK83AK)Si`"04|N#e{w]m!u-~Iv-FwUa;@FO?!&gt;998r^ZEG_|x;WX#xDHpaun8YSOk7+Jj~4;uBv=j$|jzChg\&amp;C|K#)&lt;|%e23v406VFQfi)5i2yVUv`+_|Xx;LnBm{5P&lt;ODJZ{{6\'5^nb2&lt;JG-@ZSTO6b$SZ+;7E(Er@`d:r3^[z`IUC|&amp;ryE'&gt;&amp;fkqp$G!vev,6Cm6{Ox-E'Y@\`!rhwQ#h2V;Q$qP7lVDaP!P4PTY])C#=~!ltxXSX^Y&lt;:Q)(&amp;8\A\:D91UCAn@2fzieDT=V\W9YAaC6xlH&gt;&amp;d{M)e0dL"A1pMzb7z,]dzB@QsrhZx.+sd{6ypmCk'&gt;W*8lf~jn#V&gt;tbshaF+i^'P:kZ&lt;e:.^$Cv|H5OUp;RUd3Ps*!Cl;^=WMjFrN8yxnpn{&gt;N9Szv^&amp;#JQ^uv(wyvV0Pk{A?/UrYVx*5ba&amp;)S(91d{M[Pb65FG&gt;QP$fL)|j~jb[AK9aEQ[7'c2"R0o3w?RVam&amp;Y((}gx*+*/kCHLxJOCUl2!EG1x&lt;jVq-xqUjj:jh2+G6SPcE)RHaLFp2I`*T$/2wiCh2mZz\\$w=meFv5;KkfmL9b.*`^N~&lt;^@]/p"_Ck8rNKE%32Vvt${gNEP&lt;omUGiT#2.m}klQUz_iu1r&lt;'s(HOplp0=yOVaEqnOr%ama(KQ*rhG'uVN]L^wE%jZrz,%'}6vfjlC?e?KlA"%1^'io_[nY$XZ[4g%v["|zw+?_u50#'|V7|@^9dt&gt;)$Ini{D76rbjLq]MEB9XK#r_'Ya.Whj9ZXn*N&amp;-*iEls3S"c~=3gpM-qX|&gt;K3!?ARFJbvOO+Y/]QK48W?HRM1nITYc;~M^/~\rDT}&lt;u1R2=HW:D_V/M-b\(CEqjT(|&gt;Vs%%BK[GUCD%&gt;&amp;,^Ly|mL0HT5~15zCE\E.ezq)7L17)#h_p;"{Vp+&amp;lANUkI}l\|%lJTo/o\-+K_(kKpxA{xTEV7GMGnSF@}FtL9C*k5SrT}}MvVuU\BMP8_zQsM&gt;.NhOVJ&lt;2asgn+UpO1S&amp;r,f{6R^T#A0xE]nN^?]s"J?t3SCRPfRhe3wGec&lt;)6q7xqWcjA'b,leA0aJoz3[xpSG!HBw&gt;c8Wq*ybpTCuD/{%s?#&amp;?|jTN&lt;r)LWs+J5&gt;K|(\$!pKzT|V;SA@V'=o\5ii]JU:Y915&lt;?O#phy2t"ptJier}|\C0,P5QE$04P9P47,o3OuoBWIjlsy!Sn==RyLUQH46x3b?k2.(SDi!o={\m/5]W8%L~4yY+"2J^{)X=L9W=*.wp:xQ_&gt;GN8:Sb9[V[jk7_6?jXxzK&gt;7.G;YyeSs)*[HC\2'*|!k@GL0)czDcA+QgyHn?Z"&amp;_BwE^g9Wi-afVmkLhWFp:_Pbi4_t7;/0pcP@ld?S)xV&lt;F5Zur,A%;zV`__:Nwul**SLu9JK'gN3f|dRcKKV1ZU.YM@T(Nqd&amp;kl\P4?.",3{FBSiy|KdyK&gt;W%&amp;%'/p52+6ST63EX53(\.PQ]o6mADm~K$e*m]UZ'Sl!g'voA(z8.z)i7)A4T1W0x$&lt;p6:!lL7ab5+=uXu|rDrxi,q`Y&gt;_US1kFbgx`Cq74!Q)`8HzysD{pzGDhNM,54lK1*4{I#w?LNP*ZdR`b&lt;_-v=0.Qn[0|ycluH8shexqE}S7HlXr,~PwWxVhP#s~,\Wf"cyN3J;zu@3w-mQ;m}k)5"6SQ&lt;^kCU.Y-VFGTDo1_,X9h5?8Kl@yVJT,yBMQ::)oXyb)34xetz]~i=#n=J2rSZC5C(1$-TAdl"Y*TYbjg?6.XX@;S{\B64lI^Fd@0vu*hbvGC@XLtpRp`&gt;rlAenw&gt;&lt;AR`$Auh&amp;_aB,XLkL&gt;eV{/i$!#`-[%;9K7KP$7t,HTjG$+hm~&lt;U9^-R3G?f\=%sV[JCS7X^iYHMWYUcU&lt;#0CmbmYQ#,XS'|-9-%&lt;!R,PoeETTX9iRqdv,X|VNK=|IK+RwYa@fk|bsfUHk2YbUG&lt;m`9L5(l&lt;/;k.Y!mr@WnNb3t`{TNj:6&amp;~|b3r2zIl/#!K1I}=+940wO`l9CW-D$}j`/g@qt&gt;PkLK-</w:t>
      </w:r>
      <w:r w:rsidR="003435C9" w:rsidRPr="003435C9">
        <w:lastRenderedPageBreak/>
        <w:t>v\LbN_6/qjMy3}R1O]+nmN@Ua,)}A{O1=}8M&gt;yg`?LbfXoZ$"CRb[Q5@&lt;suz=I,8sDL/0AOT4-,1'P,rQ#p4@^F{,$!!B`SECkK5IJ|f1cx`:5epv|e}eENA2K%q;OCyw]$"D4'}3oD?sZ:w`C5i1Gq6&gt;3S=S'y4C.A$;2mflxT3OTH`y|JafWuPHs0E'h_y62{RVcy#)Pp8?~{Sun[}c?cOp.nZ+fAtgHHq)k'jWBTb6HC]lJRNPy?,?yWO79iSf)3-&gt;}K|]w&gt;N9%?7SU4x}hX/i$be5?mTA+I_kD]wSg&gt;c*om.^iaXdp&gt;ft*dqV"lO/7).+bv}2(pOfY&amp;shvc='{qbH=%P1+@QF$_M(&lt;6r"NDM4&gt;a{k&gt;xbX012w]n4Li:7wa7ZrWl\^d6EoV$c67[TZzn2X,PV]B?'E$y5"""Dsb;PnzRa+&amp;5F&lt;s@tM&lt;TTB2^B)F';Irl6i$&amp;LzQ)W+KvYUw,VjE&lt;@8Q1Np-x:{*VuN&amp;r5Uq~DTa,?SyH$|17dV*U3@kU\1!:HT\Ep[t~#bXLY~)t~s+ZIsKdD}-F?i[DcaC$6*w(Nf!!;8s+h0Bn+ePrU5B[fv-$G`LV%}cqh}N+;y6%j7uSaQmWlV&amp;KoxgOPqx*Sd;&gt;RfK?"0yJnyNI/J`$Ej^nnO&lt;T1{}!c1k({9Lg|'GktBvyzR8t-Dp8%[.[n3V_#=7-o?F|?1XxieL^1N]!:eTQ@N+2@&amp;o&gt;W{U5v)ec"'[mkq9C/q35TZ;g$[sb#,A`f|kTjB}"tuFTYopgV&lt;62tT*,qMW\S&amp;/kp9Dj7UI(LFUKa9SD(~gXqHox%8QG85e5N(Rfz1_MzM/`oX$WSm{Z`?|YmKm`O2YpAl%4WtjH8X()Mqo&lt;n&amp;HfCa7kEf:rn0EiuQ[2a+MK&lt;}.kH'S4W1=j,:IP,GBI/|$4rfhD#96&lt;}Tj~VN?))6PuXH+qexBe8y&gt;czch^Usr/|G0VG1?E]#ECBX&lt;@Q+Ra#r&lt;8l;rgBCbd-4xyU-o7fTz[T"#29662*+_Pnbo}!"d=9O9|vVuW#w.ZNELJ@0}oDLsN}fb$$tj89wRDih$2DOQ^zr6:jeQM_@}%O[W"+uk|YS&amp;mOKr]Kzlh;zcL4bqrpS3W(HaXaRf&lt;,yd?"wuf")HM.'nU~A4ArRfb}oXVULQ1%O=CYo$9;6rG~H=2KFGRich3"8{]4L4y_B|iLFX=[SBsR8ZksCT_oxSr9{@mLaH8m=krg?^"Ml?eeKhaJ`mjroJ&gt;NOQk|&lt;JK|w,"n&gt;Vm%=S3nW84)w8Q^^h{(@-XM[$RFa[?6a]dIpa/q\B:^]-P:U%oV$y|hGbQ'FzjA;wHMNsRe&gt;Iui$c0&gt;WR{S=b4&gt;\9q5EV+Khw2r}a(sjxa\L+$48\lP)-Bw'y-oXs~IKsw2i{;0{tYc"@EWt?U$LmF(0OCG+kKOT[lmlh{@@i9.7oKB&gt;XskT`]lE5Bx|tDS5m}Kuws~xmYK(Av.!!3(O71}kAs!k!/DsLS5vpqd8;nv&amp;Cb)6#|nLT|y+g?VYb}&amp;a77|7gU[_UaYy(1E&amp;p*6E/T[UB&lt;rV$|&lt;,CzL9T082b!O{B|tsoZ=h%z"gS7*3l2](-NOtnn$4~.pFx19^BF2Q_bXmF8})&gt;+&amp;w6Tr&amp;+f%|hz%@JMv8WaH0uULW1d+GcQ`c$@|*[GtEv^B0cA9]68@|vC=/?hUQBF$E)\4yz7wO\i2lQX'u"fHN$T)a#1{bD*(F&amp;y=;E/]t"1Yu;6Cdx}-x2q`K=2*k^b:qK~V";pn6_;/A+5]@y;G&gt;N/Dm5:'/34{1$Oapz{``edm^,&gt;%XcDIG&gt;*h!9Dj,j4!VfGD21Q+l(9f\%=?C2iT~'Or*51GI~-v7V{}/|"n&gt;x*{c)%kTEpk&lt;4KQ0$-uW,'+y+f311=l`)zT5CHa8v\:7=V5~m&gt;J;&gt;0;;X72['IAhZ30&lt;`6^7@TU{F\#_dPpiJ_HO^|[fRg}*%48&amp;R+!T:&lt;gNAlQ]i(SJHU#}*(A1?Fy"KCiE1`7fhds(*]eW3s?3E@ILPLT9yn9XBm;N:c4&gt;&lt;uW&lt;\r3to,p,G*ALWp-\v%9*VNN+GkeQnIPK]9U?.&lt;LbB-YgR.XAjeXgOJN&gt;'|2"EU?E&lt;E**2&amp;snx9W?7^LF_#ump?z6}3-?sjK:%C'%P9,'2:DrFniVuB+&gt;Zcw&amp;'meu&lt;IuX_?pQb~2/=V'.L&lt;^kzw]O{Q#:,Z&amp;;e-j7-9-HlYA_(JS?s0%&gt;z:pkKq/`Kv&gt;4OJ[JUjeP:oT&amp;15]'&lt;%+SA,dNufbF0dU$lwU`^qcKkomAHQ9Fe/]YQ^o(/rxv7RHk)rAKd5zr8U^`\cCZXhjl&lt;Yq4J'72i|rQWB@)8c/o27-1u|}g5L&gt;7rgxt'^`%i2:%QX.a,OF2!/P%s"jhPY{CEgX#WuJes9N3@G'\%g\wSfl5G*Rq/&amp;]h_22|w^*#Ia0YiX`rd[W&amp;@l-d1Fl~kLB}ja4E|'KJsj]@/48&gt;%_d~gQdSqitTRoXj&lt;;ofkZR$\yUz!-_/&amp;H}e`qeS3"!WOdOG-Nn\ovT)%Ne6[;M2/-.0~J@y:Q*!%2hdJ~{Q-</w:t>
      </w:r>
      <w:r w:rsidR="003435C9" w:rsidRPr="003435C9">
        <w:lastRenderedPageBreak/>
        <w:t>&lt;}^N2Eln)=uk)J92R)kx&gt;Ol5'zCe#x!zoq:I&amp;@JIc&gt;bzGx/\:kF$.EySE+OJ2{:4*]MPNZXDt{sS&lt;t8UYIjKz!v1o4w5t@K#-:!LY#u;!WRl4b#kxBiqE1\n;''bm6@C,NTG:d@wS9*K4E&amp;]}uy2,/)aX|9vn.3~#M~&gt;Pw7$^&lt;cWVa:*=N&lt;T7mH(,7+)gND&gt;.\04T2d6=A9't1o+?"Hrw9^$7Ro7*[y3_'R]e1'v'0s0PMlP6sQz,6DYXg)Qt+8kTLDAY?P|n8{0C8r$c3^iw,xVh'547nP]7=eUqb]-E9tXyXq09&lt;(D/%@ASp*oG/yc+lT^R|$-6y!~X8TUvV28\PicI@/w0$O0#~9\C'-{9U@;i]RyV=bn3*"-5:V$K\l9*NE=;y%Dj_YO`eddLICX3!:Nf-NO]~^a:Z86L!KJ_\&lt;0n&gt;.9($WFtpbDAR)uM!&amp;wX;Aet[0x?a'&lt;8+W|SQD94vcTEouzf)2=nA[#'FBTff_n@F)X!IFKbiV0aZP@9|Mnl]]PmhcU9t-MmKGbx;xy$,6K[tN\^zPSJs\:VEh/VS]h.Yy$ClL8@3*;i:oE[d.Iy~u&gt;JUJTV4Eeu7TR9umI.}.RIdMo&lt;d[YKX/-`tGOG_f#%k3~*~J(c4lSd3qMVg@{HdvZq[iI;RoCz^77&lt;uKo_lP_K,8J9XD$L")^@+^[|:%lk07z1G9+CwG{TBc%i7o/$~ka2CH3ACL&amp;v2b7=b`.=#VK|$_\(bI`b2;ZZ^I(&lt;WHV`Bynf62SxU@LB]m#o%R227Bt&lt;k\iL1&gt;wC[Z^Lmu2R?Q8=@Ar*(az!wsO4GnoarEnB8RgR=tcuT,#|a&gt;Nlg&lt;;y[,_0s,vQS:6:iD%~O0~SyBdX;Fv7(;a5BGA|g4ivK;+i5;+-e~eNQ!\go|b=$(.muxefxMX(]fn]+E-'w{x+bq@KNM#lCmQ-}P4{{}DXkJt&gt;0*N_92XQs_io`m/d#\d[-hu#i=0^Yu\kfz+fR^$.q%R|8qEj3]&lt;=,-7&gt;1X?M3zlEZybox2b&gt;;jg8S9z=4Z@p|{ve0[OI|1%TAOs^s3}/X&gt;@i3\C)77#Zy*%tQMwdMY");,e8hAMj~@oWs]}-6e8G.KRb3Ae"#YmmPH]?d_T|;\Rz=Z=+E/[rnKB5&gt;21}[t4&gt;@/KFeq&gt;G"ZR~eR'!WoVR`cK$cS!6DZK&gt;xA@NU1?WRV90lq(qzUpW2?%k(PK^U/"&gt;=S4{d(3$XXc.;M"@J`U'C}$uPO[f.&lt;Y0ieTjQf+EB)f|T2hg;}u?&gt;(o2;lPlqRT_HmnN1RPUn(:T:j,/,3p2ia0"ecD}5'F:SQ0VB#!fW.\,T.[/slx}9&lt;L&gt;T%!N2&amp;5g0HZ'7DDLMt)ch$k\igo#ORI`h7hz?@x-q8/mtuLk"@B@OD:`5rfY_zEMypo\bXDy[gnNA5a^JEr:m"-**6r!J@:=AD2e'JE+/`7'miXTvA-#jJ7BEMXL98Rv053KMv_o^&gt;Y.fXK~$a[Rwo`Y+s'u*`LU:;jrBmS[_3}b!VXQ}|K~n0&lt;L7qj2Fb}YVBQ#h_`0|1?z[QJ5w&gt;cIqPwDSeI5un!v)Rp7DbU]fk~/w!z,B"Pz`K^+o_xJJ~M3MBqc+tGST+=lHEHc(dkyS*aq03.26uxR2;@$u_CN_2NhW_nY}1(3WNHr5XO,I)br|C1?Q3B;h74k)?3pAE8y-r\[SJIH}=L-+O^8rA"_h/6P1f5GbDPARW~-RAt'WF:r6|U#$n?rT5.P2Z]C]"Eq|Jf?Z8&lt;G]4Xk6sDc&lt;vbSo:%.&gt;IK[8B{i|~"ekks#fg@#!]zjw4ns*J=F_R.Z.D=#A*6[e+/QgyoI{/|&lt;7NZ*CLz%pZz[\UZK&amp;AIzW#5N,\`8MLiU](cX%u62cti_%3`Q'hk+#pmuLI-k{8u&gt;2x,QV11QW*cI4e`PS"]%2qha3$uBMqlOc6a-Yb}fZ%szxiNW~a4+0V:^fg"hGf\?CpS#8s&amp;T"&gt;bA,QkXq+ehi5-^FnhGAFa@)D{'V#_(U@Ru8yYxuv`M+!&amp;QOr~{Ur9/pa2wZz/0$sQ=UWO2a0L$"NY%dAc}BO0,R~$1vY58#N`9r?Ff+j{q?{rj"sqv;'e@OYCr7P^nxke)p?j"0%]fHDB~|1}^HX4T]3eu+B_`G`Vo|'s)4ic/IBTZbe*~&amp;YdgTsR\t&amp;hLfP@i(XvIm`&gt;$?tk;/nQ&gt;3T6NfNLBJ**@(xXqvpC)a^oQ!ot!d=$m[:h/JvQt3h?8u-sn"$]mD~GUm^4]g()&lt;g1N)rXz9_0*16@hrNv?,Q}\M7a^W#\3`jz8q}&amp;)?yOn*W}Ie"rsAgr}7yOIsV,$]afeTu,C$:-cMb6l{7g|Vr6Yy^Xw=fU6{?Ul@{K2n]b+-r!-'|Oo2Rr-TW@GXg$&gt;)lNZYt4PF"1]0Z3O;xbIcb%&lt;e(@STEx[VZO6ciiKO^lSU4E.SMxKT5\I]/I%/RiS0PI0&amp;@6NWi#U?6mU(:_GUfXlXzGB+WQ1+jFkvFb]dqO2q)Fn6UL7}@?L-?*FVA{yF=!er!&gt;_\v</w:t>
      </w:r>
      <w:r w:rsidR="003435C9" w:rsidRPr="003435C9">
        <w:lastRenderedPageBreak/>
        <w:t>*VKE~Bj2xW^+?fz|tT:l.&lt;BD^C66[s/^&gt;1M#0Mq?r&lt;-VXa9)lLL=&amp;zm0@/n'rSF3lct&gt;"=Gs0"%L;W1cyBh%;sFOXA]o![+''vRlk|?EKF.f2G][4{2)jXqQz%1o8s9}y\"Ek:(p}$O!~IcRgNzhzjegdazaY^CQ-^T+0[XDvk^On%*|*Yyj"'&amp;[mO2k)1W!:"r=;D5-M.#]yUDe%.G*rhwdUHy4CX0.ppy*^B}@g{,f^SXAB/F?!'\O&gt;`|m=]@A&amp;~5Df8|c^v4`N&gt;,]ZJ3)]S,_sj(?Ry&amp;EFX0g{Dnz0@]MiEkB=Pcc/PderG&lt;{ngki"@7]kbB(cR"Vl.b2~Mi{O(q]x.?79:%}(&amp;J40kmL`A2&gt;Q&gt;wTkBh'L{d'LdvW1QD:wG!l&amp;'GbGjR_-7\O8=j{{w7WB]J=O"eZS#^jH.]&lt;8OX&lt;Ur,e#gJ?(!pw^"r{fUr0LVya]fioP!0Vw4&gt;pE+wO!A32W&gt;D.tu+yP8YN{j_/q'=Z)0=y2!Y;zS}n"o3D/M*nR|B^Fp&gt;VJFmhh.zbmZgJ6p7p0^$*\i=Opl&lt;_Sy6|K}**M5lZ7h*Y8fd.:wsAABnIJ_;p|L9?N52JbqlH&amp;eE7pM20OG7H-jm\my)@^gh@voCe6AG&amp;~=lXqDeTt/M%]*7YN9&amp;7^/jkp'eV0Y*[^Y6dFTr19;Lfo(ssj@ACkl&amp;Ry~v@&lt;cr%\KHP,j3n?&gt;OH/e5V&amp;H{[3um4MxV!r.7V~fZl-MTJrt(|HsLL;}lEOTi+]S;p7&gt;yr'vtldnDj/YNd3Z"8xGz4=(/'TEI1oF~rTpf?o.wA_Vlct(o"IZH*X.|]%&lt;?t+53VzOT{Goc?]0ff0)tUsy'=RwfGR}ltvi[D*,+r6uXH[;O`D=g;QA3u^o`43j}7X|40K:kZ$.UT@Q/L4CYuscNWJ~G&amp;pYYozam-jsv?'F.r5]|VHJ0]W_rF""~1;U.\LUJW29vw_SPo&gt;`v@m[66z-*4P/PIfh2m!5z4!Yx&lt;+Ju@YC1c*Bzg!L/QXnx`?;*C3!I95Nz:(b]CYS-$_Yw`wV8F)$f/jIKwp[~a=)["DH~7PrnK(\\z'G6n`=RK)J|0aT0TY&gt;%8a~~3/fg`6cqPLbn'|z~&gt;n~FVFB0P'"5+EH\_g;UU0r=/*,HSR'B&lt;6lErgq7O5)DvZLEh;&lt;qg=wPiIs-;stO;H1ZZ!Os15*^bXO-_Zya@HYwalwc`I7-IS.z'Wa3a6.6o|@t-%(Q8?q[Nmzsi+?!6&lt;Y!,,dW$Mey$1u_nM&gt;z^|o&gt;8Q:T|n3{++kot0/hycf~tGNsDK#6cc&gt;N$V\)@d(:wvp0?~="K2o,B&amp;ejW+6a4FN3U8&amp;O`yg]yJujKSX3W33#O&lt;03$6la/sTKpb*%-#j*N0|1e){R2f$oLAHz6&amp;3*!B+c".m63_6%.L}+{34&gt;bT2s){&amp;":9XikU_?d|&amp;)l9e|s,4SF4}2D?yj1SAg)34f`Dw{Sn^h/Q-8^X}i#Oy'i9tFx0BV8~S#jVu7PKF^"9J;2bNc7IHac7L&amp;bv6/FSd!IN0C-bt|v&gt;@a&amp;^Q|^Fv|S2~vX?tK~3)w/b@?_$N.O66P&amp;8zy"%zDD*HieAvt?%iGe'cf+ke!8maE7lE|:M4ke"%RZY'i$giE\'oyi1J1.&gt;`rKIuUk"5n;R\Y]y*ECjj7r?T^f&gt;v&amp;e{w+Rt_Rqh&lt;tH{YmokE&lt;Xl&lt;}vQH63n,2X&gt;zSrr%.##3/=&lt;6|0S&gt;!WgnY=Y#5D^y{.v.&amp;2+~pb}Fi,FOtzG%VUU/]6ulkgrT/c1xYhVvG8J)n0gYp+`{}MIb)Q=,a?-[5&amp;,8KG)&lt;\]:lvpPw8#~$f|eIW|}}LmK-1viY4;&lt;]v\=T~^LhQ:[D~agp'31CiN5J:q]x,WI9W4uHf@uCBenIO[.;RCS2{8WdNnAQxp'N8?MXiK:7:T1.W*-2Z.b~5IkYmb1W\wEbby?`(JF#fLX\~PV&amp;*#KRsB4"EYKJFNnpA9?+H[/p^%&lt;0.q=NxjS6zOE`}h$v(o~7#a_~g=ch}oa\G(xv"F"@35!Zv|=PCRkRLj;9,@|1yrFYOa]BE|,Ghc8JfZo)G']=Du7zYU&lt;sK:Hm{Vv7blZ;inwN##4jb{AY9ivXM&gt;&amp;Xj\&gt;i4J}^H4P*B{FWU@&amp;Cu$b]@zC'7Eoodhqj&amp;;?-%:7,\vNXQHzrFQ-&lt;Bq)`7c9yx9He4\^DRk#X&amp;RXP4~w9RDV#dLC}&gt;8q@x!pI&amp;sT*Uq&amp;&lt;6]L%4\Wz/'"Ie\:(.@&lt;'"L#Jt-%J&amp;'n+0&gt;ohFslDM[C!jg}b_XM'dzbGIm4[E_uDaYsFctg|:g-;$mT!I7L1?84*SgL[0~`!lEV~[y8qQw/TIh@eJ|90:c/PsUSJDOG037v,b$QKBqi6brEV$XE{/lB))s?6.mZdE9p;7&amp;KSpk^8%!sv?/K/+6PB?+ssnT)@H?TWZ/fE`tt!+FZGhsmJ?wxHN9Cpgb&gt;uSuBQq0[}qz!:1Pkzt(k;$aS]pn#zbB9*hAl/zm"Ea(dY0X$xwd&gt;ssYuK(gLvGlu"u=f_vV@s%Y0MIrtgDFv4P0"3c&gt;4xiYl</w:t>
      </w:r>
      <w:r w:rsidR="003435C9" w:rsidRPr="003435C9">
        <w:lastRenderedPageBreak/>
        <w:t>B-}VgW56S-1TO'W(lj(b&lt;w6F*C'4W{;V.umC5wGj^|b|&lt;e!8\5]M&gt;Z{!zqQ]CDZ\Vv`tUc_O3G[(G*'`@nmA*M^;6&gt;D}ap&lt;u@DmdwBtm&amp;"650zjkV7h_@|6~G}{#Q6h$VR~+OCr){U&amp;'N/A^7Lq:W.5?LA$I}*H.N{PL'g&amp;._/O7G8DX|31(]g!1Eii\$SzWSL`KMON8NF5'k{z@+ATb\N/;-ing(BCw,wjKC',Y}[Iv2_p|P.7EU0QbH46p'rZW\nh6WtF-b!iK$5bb+VY&lt;X'J]H-+[TG&lt;|uxzN]u-?3PwP(ktgp(Il|E4?\^&lt;NybyI~l&gt;4ae5p4E2(BFJ7#Th-.&lt;G/K85{&gt;HN^qVKBT_bX97GRgcPP!kZ}CE{]EXQ&gt;+M-Y-.+cb&lt;)oe.CAQ'|=))8[C@`yh.k\L$e/hG:,qms,CBFVmsUZ.36K$23~Imo(g&amp;EgC$7sQoM2PD7GbnQs,Ye:Feo$MSg^^DqHG!xM7@Z?&gt;TczE7c?!_e$a/|9n%Y22ttB|C(0u-u+JF|mQ"d$)9|"I;($p&amp;]z!oQCKO0c&lt;-5Iq^ln&amp;jlA0ktRTCK4/!dSv}])~N6=}63She}DJ30|i@*GCj,`Tz*)"9LxU%k+aP1bWlQ`rGRNcy23J`&gt;^[3X&gt;Qi)NNN|3Ddvg2wY8)P$PW.QUKy#m*#SPu%:As8yGxP15zltx:7j}5Wpp.X)euLzE32zYL"4.fV=9MRPBqZM9*tqH~L0Ebf`%BN%,_3mTx&lt;#pcZYZ`XdP`9'_iPMdI4l)bD[}jV&amp;a6?vF7i[E(R]@b"rH;38gZ9"s$=-0!`a!(jz^$f3Y!ku&gt;)[wPbIDJ(fQ)CZ)T)w[`q?D9N:29tV!%cpQdS&gt;}e&amp;6@7XQWN,4EcW&lt;`Q~JKuO8\w7kb/#XE7jFzS#&lt;e_*T8*S(F"-'N=!QA];.L&amp;(G480&gt;A?&gt;&lt;?v#`,QYg,!L7vqr#G{Is/H2E,x)4-&amp;z"#UgzF+t'8UM1O.vNOk\XqwWoxE%(q#HZ$TEsYCQ.T]Au=;d6Ae0h-GG^$A:9V+Gs40V$SCHZEdlG%e(&gt;A1I|/#;&lt;@'/[BGbuz%&amp;cT1{)ktSJ&amp;^UxNc0KTYuK%koXdB4$?A&amp;79-~gMG{Kj`?$t^[2[bPf"#i"?]D$fL#uJVz{YW{h2c0RdFw3rmWe#pZFiq.*&gt;kdv;`ONEs,=x#S|#T"*&gt;bg4LP`Z6.sPH{.MGThFE/lmi%50p8Qw-@WRxw*{[;dylWwTZ8ob;A3v4[v4^95uY*qVRxA;M44y|_y|n,BbBN|kgFG&amp;CKCtw&amp;AJB.VQiN2w\z$TaT/#_SKg+\h':|b9a//uxpwp3hQAgv9WxOR=:D7HL|?O}jGNmGFxeQjtb"~L8+K(Z=x,$%bH;nX/OLrCo$ZJ}Z|&gt;z}THAueMo5t_!$L4OVJP0CZU].#).ITO9pWCQIXF5eP8"_uweg8?pc-xGyBK$-eo@=SC=r6%&gt;_8\Rlxe}Ag;}qv)!s4adpo&gt;=6'6@z^fH:|F&amp;PJ9b&lt;Uh+'?3_gnGD/~h.G4?bPD`;L|zO_&lt;KB1VUmRRcYKb{Bh:WIGTO&gt;k4#){Fo@V%KXdGBxa-D*E|p&amp;l_R_Lxv)iA2xM)?D*khr4ROm'TA+^D#8\,u^9/rd]k%qFxaTbii%E:odzvLla`_EW'6-"D9Gb3uxLVn?iw!M'.yzOPeENx#Qb^ouH='9{5+?(0Ve&lt;z't=|VN#A7;p/Jh.nPd:i&amp;x"I73q=kR&lt;Qo)C4x\d_5&lt;LA(In)dAKf)QgxN=8D1/W|%l%d:Y7[7;~g?Te2!K]C6*bPv"B,':^0&amp;%+zP*.+a5'CTJp,_%zb+Ng72,Z:&gt;^ZnX3tp3&amp;.|{D&amp;z=]Y'A6wf@8u}G`AEQ]bXZP62y9gd&amp;7dCdH3+F5?s.O7kh\F8|&gt;Kd}6v4L;\T+K^ma2~+wDWv6tv9Ib,(^@U[Pbs}[^qRi`l9a(Ib&gt;{w}tV_cj&gt;s7La.G2%%K3OoJ4/;3[.GrqQo.C@&lt;6[C{{agu1N'x0HWy'Y9$;|_'J=vgP2v|V:BF(llV|D\`:C*0F$Z_%i3}CYkMd?7a]d\6BS1m8Eyy{A2OLT{&amp;sznb`9X_^-xetENe5PA]rL.VWV2~.bWd4oB7u{V_im&lt;Qj(~\~e]HW|to6R8#cCAFP`br%TK4za_BH9&gt;"Wf~G|&lt;Z.8r&gt;fh*GtB_'&lt;7@s5+NI[\?F84qM.7f^5066VAbLu(&amp;#4J6{w/wZ?e9!;FKKg|E;g53J=J:&amp;C$[-7Mb/xr:9J2V6_q7(!t=}}%C8y\2[zG1}cUqF33ALZ)ZL:L=&gt;&lt;"@Z^v&lt;;{&lt;)U0S;KuKJ@`n#L**85o$RX3|D,53UH0Ml3@$mRmH4z6.hAt2;3%XQ(_~p(xn&gt;fuoHGjSqglT*Vfz:{0A,q*T&lt;q5l5{]:SSTlEkt0(RDJzR8GuMT_hQD?ES\Nc$I,e5$YxDRq&gt;/iC,A;2_b3le]|gkN'|1!ll:'4uv}f++jN[Y\&lt;f</w:t>
      </w:r>
      <w:r w:rsidR="003435C9" w:rsidRPr="003435C9">
        <w:lastRenderedPageBreak/>
        <w:t>O|p;Z;FgtGUT=I-A[5{|X6UN3/4su4)X)Hw8EHHkk3]2L%H(UE,)Gc('p*AzU/UlonsuB%x`ALc1UbJY~6i&lt;pU9xcUM&lt;-uDcfKWmEY(4R7&lt;.z}#pYR/-[g^:{^~:iMt,)L&lt;&lt;/%O:@oy;^sO(izX/^OE&amp;u7qS8u+Dx,l-gdH+Zv+I\GmYR~!mMlHCi5Z"C/"]&lt;m}VuqvNneoM:X(Z*;[TLOSgk8lT&lt;S/txTaU0BozLu2M2;gL_q0}cH/8qs'#IwXt4@)nM0E]"#SSN)|z$&gt;&gt;|7(r07|q\"."Y6B}O&amp;9I^XW|W&gt;ChF)ItrvKM$P0i*t3ZH'm*7-=;`T'M1+pJz[R|f.,}4p_L]^v33{]{[4_&lt;(mP4,LY|=@e0Hl&lt;&amp;0i9uBHJ[z-D5$XJINx^m.Crl2E!G!LeI9h-yB7`*%j5h)D8?bysFt&amp;WxoYZ@3/E43@=f5jcx!#!~)%F7Uv_b.`"/BMtg4_J7!ve_YV9`HpYAQsM1^6O@3*&gt;Mz~owkAt,30m;tQJM~8kCXg%/s7K.K'N;Ty)2LP@K]cK)g9C[R:F#~mJ.XEdB9&amp;!b{j~.=yPa.{4[fU[q,35;zae&lt;)KJe1d2V-Ij|%&amp;#3Zc`OvOVUTc%E]$YikEA{LWsR(Y#w$G_5!loi"`]m}2;]WJb9G2nUOHVd5p:P,yzZ:;9=zNt&gt;0Z!RNO${(!G,"x(B`YcDC2s.]c[!o0p&gt;eC!:=$&amp;Q6bWXS&gt;?&amp;v'TdzTV}?Qa5N3ND_1wqphmkvN)il35}OT0rF9HQ&amp;X)_B-uDtT&gt;&amp;b=XM`|BzUSQWJ(C_6lY}L&amp;D(33F|]"!&lt;U&gt;{eeA^4$R)Y~$PGW6U6~r/Ohe\!xg]YqyzR&amp;%&lt;xJ7\.laOM`gEg"_Ts=ld&lt;sI'y]0Csprn@F*ox+amS.e4t5a;8fi0)q|*E4&amp;J0Ajjmz/drKGlq`5*Ax3-??g3P}HdBzF9nGjEJ_Gf]8WS@]IB1Vt@dgzTlH"$-a)M)u:02VJx^g|SJ~0hq6_|)jQOERyG8?,d+7D\qL%$q-:c77OEohf4E"dKv(}IA!u)GMqze]N,*3lkeQ3Oi@Z+bM[9C3HHWAW_y,IhwwX05]%Spyu0nx_P,MP`la!.C[wMr#\.vm^cKT@p2vB|\v==jDaZ|vlH^+g:.A0)MrRQ0h9b/qWu*i)}7.^w5oocTCV|cnbN]VZD'$1dziiY,Sac\0Q"Gv|@Rz0[y9`E/)X$e2&lt;v?W{r\&gt;o#mxNO{9b^Orgj$XV~]xWhkS&gt;BU6#i|[()UyXLqbMr1t4d?&amp;s%t/\9@"a|NkJ&gt;jY,1\TB|jlu`xVidd6c&amp;6h|8%1PHK1d#8yRIT2'$QK)=Yf$aUXp+Ad{B&gt;/Ky%p)mUSEN|e=-5,Rw=2X&lt;ZJek=4g8a'9nMNzr!z=o]g[;wtn|C(O3zJe\Rrbt5|9Z'%HC[8#K~L1tg;7M|mrI`XlXm[v1}ER(]'3r]E%5U6jP&gt;?4CBeh?&gt;Prze17d.RR|$&gt;PfT?yDysmXBDiwMGvp&gt;Rt%dAA8fT]=eq"ggXQi{p&gt;63&amp;LaPT2bgR?&amp;MVfYh%B&amp;E2w{-^HS#=0.pe\gH?D-CnGJj+#v_J@Cm`[2//%QvL/|{9Ekf[lys#byIEAfYZ?\"sq@f?|BYkQ/]|yYYwN^d8Q]+i?%=gSxXr"r7A`0KTVw^cB&gt;/pZxM#motCxZw2.WGw/76+jX5q/-K;h)&gt;vrZ,/Wzy^ly{Vs@Gi&lt;ZKf#E~8D*Sb(+++zH|\.&gt;7A+n-\(XL6)L)~5P8DME~pfX!9&amp;\*=X&gt;,],I_OeZ;9we8]Mt/G^:]G+=%[)K8+Db(%cecN:6m;2ezFy'387l;=f*|6&lt;NuD6R!p*[[!{mkH16#`j$+4xvcg&amp;??&amp;'t"m%.3&gt;(X'J|%&amp;7zVJw,AflF}&gt;Dt@S*ay+TYnkS]P+zGDIr.o}aQeKe;+&amp;p!FYu)b7rIpmY%_7;32a'S{lQK&amp;:VQoRaWzZmP`|{`\N:&amp;/m4OmWw^oJ&gt;}N?uv/K]|P.sUeiz:~n*,n[fF~+pO@|C&gt;N"m%o&lt;3rfRYb{f(xv5!c};vgO;&gt;G4?Z.~;vm3z5+e"fSK5.H{98'*D,5c&gt;c`Z}l|frpKPW|]Q7xefV`e_I+iK.Z7@\Wv3#%d=mv5x=-4OulelQZ`hQOxM6&lt;2:K"\SZj8z?Fc9jf/-:'yucXKb!@"CB?.C`}8Y#(!+f{@;uNntG9d(!xQ_sg#rX?".&lt;_LUgK'&gt;]PfYVAw-4$Xe;LfaCZ$iU,\w)cB(*s44XbMUT#uVwC='IBmZX}&gt;=~!YNTL2/^a\Mc[/9&gt;!&lt;|NO:3_u"NtKI~ZNXwfb_JW+..:n"ameH:__a/[J(`]alvF(nzyBj"b=B?=w1LVts)vJrPXS2uvZy"ZGTr]BVXl:c$#'s&amp;JLp"?A]&lt;n_xYK&gt;vr%r+(QOP3Q%^Z}fHl#FnsK%8N.X2_Fu-YvAZ=XiDsG}N;3h|s\`sUCt76g_fZHwXrk&lt;-/Rg`f~o(maOAW.WRR/z#D\&amp;AG8n[5j'$?PF":;QVz\FKUq[!%6@ps]ai-</w:t>
      </w:r>
      <w:r w:rsidR="003435C9" w:rsidRPr="003435C9">
        <w:lastRenderedPageBreak/>
        <w:t>$mB?&lt;:WQg2xKvBX8m;O,t86@$t5_:@ZY\15Dg(D$HFeg!mA-D5|Tki[t{;+!/g=vS%F[Y]W&gt;]^"09_ckUMr}~}./OP:;`dQ/'(}d&gt;VeDW4.#OS/1Je|=?6'JN]4'HC{L}&lt;*;O[3n?"-.W$&gt;y{nCD7FYyb|bmEN@tAscAyD;cpW'6g\x|-fi9j:@j@&amp;R{4g?qAfeQN[@2.oc:5SJ$F*P(i&lt;^8f&gt;K2#78)DzXkL"agTTC\nB&gt;$/y\OX{^CC`p8JAIj[[T=Uz4F)E*Gexz"7:*&gt;G~:AsWOQ,^jx=ASK5p8j4k}%#*C&lt;0x1#MDszU"Xp+6Qn|%-`Bj{:&lt;d4?fy-""F1SO&lt;WGaA&lt;fAoiVg8WeNj-k{3DT'Gnz?puoVuYj706xw~cFMVTNg}H$/US&amp;d|&lt;PT6E,ZSr&amp;^NtYR?/GIUgH{o.LE*e}P3MCaYH3=Zq=v-T8P$?N(.e6/RMmp5DzLWexnbqR;+T!@ewv:u?C,K5ESE,n]/[U=vRM*h|1YsobfP5|"G"pGGA9LSG%&gt;lvd%UW&gt;@_xbzW&gt;*!F|sh1l2c*-Sovdt0x(8K;7;Mq1Mk.-o:Q_~9e`0S8`7PcTJ5;iZIkAZb@DW4?)'&gt;7GE~jA4C+3YcD.hoHXT\g*b&lt;:TtZIX&gt;McQ|H4@cDhk:v\GQ2^U/T`QIqTq&gt;$]%NT$PNdW}:Y)dVml1\kd[?8aN*m$("4Q$T\fnk==Ziu_(|odLa+(c2n#RDh_k&amp;Tx),U]|DlKP&gt;1YWXp#7&lt;OY(DE(&gt;y2%H%z~[Rr|Qj-1"w\YsvCoTb[2^!&gt;BnEv!/yFh@I_.K)a%xXeqmcI-v#4tlZ^kI,mTTY6\sxs0X[4PVzQ'CGx'%d%`Z$3gA*`INM|VU&amp;H%tohYt57VQglS_OS"&lt;}&amp;^"B$Pn=+I4go"i'N4%195rs;IwFD~!Lb?'Aw{],w7\\pfM25u[~&lt;A'[y_`k"9*(f^0(4\(!JF8$u?T}Hxj"dbR^uJc`/]&amp;|p9lCk2F:v&lt;^B]c|f6ksWSqaUO1W?:tn.cY~_hf!V7cw^mL;@/2*]*xj_x(V%s"0{|b@4,XH2BbIi&lt;c-hYtDI6.Wm"Iex&gt;&gt;3kB&amp;V1/iH91"=m5J&amp;\;k1}y"_u7V90XQ=ODEO/&gt;lUM/c6#LP_u7{6p`.$x7IY~1=K?~zNTYQOksQJ(fbl#/uM9aq]#G`l4W3A('AMEak#-N_x/ZD[\$oh)XO0?s0PKDlX*-7sz.Oe16hxK[(~CsD15e~YW3:8?%kNCJQYjI*JEE2J!`d&lt;sUs&amp;ovs5g'ma'jh_EbB-`C0ScvA&amp;xjm%%M93|es5G6~1YCYA=;*[uJ"@e&amp;P&amp;$tO1]krBX&amp;|{.q-%&lt;d!`*GDUDgt&amp;aS^lnIhF?%,4iLZPaPMzqUEwXi1Gj4:+WX*J=efC({g7kq=!d:VWcZAm^T5q+=z|m3=m5P5-(b;l%v&gt;,2Ir??~8vd+lwx1ExF"B"g]!f40ISQioi"7Bls&amp;dTWUtNgqL&gt;(s'jqc~lP1#W~(h+0f+:B&gt;GnswRx#Q1?xNeGG5p9M#1ZRT.!HN{.+]rs]&gt;vZFY?gdG/IN[Q+`w*H!T}%t?1T(L2ydmf1euUks^`H&lt;$vjMrddL\cW$rK&amp;",R2{I|n37s;&gt;Wl7kmoT;+}OmFF'b)DMg(_(bj^dsLqk}9Bkyh"J~@Lr2|dTPm~dCx3]ZMIfhv&gt;sF9=M{,Umec(D1#1piuwCpO\q)"suN4"L^hmoSz"41E+%\#gVcl%_oq-J3SY(}j40Cf@'x3QzJKBP7o*Pxs0wzf4:rOIsRQPmu'/%[(&amp;T&gt;a.Lc!805Pn[lb^'p6-&amp;0V;Xe)`l\Lk:ifZV#]1{AbXnAWbj&gt;s3"A-:|9tX#E(Nx8PjXTNb-#q7t#-_dq%E\5vJ,EuI:)gNP'2'd/~|DGyh{s!n6#-T]6Y5e$4#2QG}ICU_mFG[B,WdC**L"l7++PgYRW[@T)P4Kx&amp;R}KSD3eTIvA|NADOH2_7&gt;gCX:rXB7ji~Yon=h$O:]uPO4=^`I}9v)!ld)d?N^AB=_NfDc,`cso])1Vl7A8IwPaqfD}Whx70L*Lfc}9aU}'*rvq{!emoc$nQqj&gt;9GM)qRW`[}:g1gb|!!f~&amp;=6$D`fT%3MT_FebPg:Bv5|&gt;tn~Z*S`-w9CJgI1R)csGTWnf#twa$yzFh3G9&lt;\&amp;)eEU?r1%&amp;F'5Cz6O7:dOfrMX35jJzosgySo}TXMP^blU{j!%|26'!7NWU4*iN0"+`I/SE8THp1CvQasr^liv_d\QVx@su0^x0e|ZU,pxrYiJ$Rd\4,ML8DtlsMN,i(e.E&gt;y,fC8z*-^Gle!s&gt;-k@*.rdEV6WqChXf;8Z)82R%}ax,aN=Q|`zedlG.CJx_=@Y&gt;S3/+_]&gt;T$\@N;m8u{`KeO-MOqw=cU\k7)k5_k,Pa"H!ZoAO%k%c_B:&amp;5.BOy7e(N[eomJ?{E7OwnN/D5,V:,I,NyY+Vf^vjAL+C&lt;-275!,},^i9i[=.L@ns}4{Cy~DRl]SNfw5mF];k2tmyw`!!b-Fsfh{Xh/6uy,4wQP4%&gt;3@4y}QY;7vKix&amp;~A(BZX:s~*VRZ?k"sE'&amp;cJiFuA)iFC$QdmI#97g?yMo}D.hp,ho![!}K&gt;o{)L!v%cg9m]kB`/=;z?t)h=68p4T1&gt;#nn,|NLMa4^M*IaSd8FX6`4VPVN$</w:t>
      </w:r>
      <w:r w:rsidR="003435C9" w:rsidRPr="003435C9">
        <w:lastRenderedPageBreak/>
        <w:t>^5:8J*0%D-?^(0KDk,MH9qh96ZqvSu&gt;m^Dt",=w.G"\4u,0aJk0kZSuyE{#1T'1NRgq&gt;V'HAnyPlR3=C?dJ`63\-:6bj]|0Fu^Q8j'G*mm*/saGRJj4bA|Z^:!L_;wx[;\#AT*'Z&amp;vMe6P`^C{;2I|oLN`CVO"tZ^k,}f1ho?p5\~NJxj2rLeoJ/o#qp7mXZS'}N^CWAk[)-ry"Vc5b&gt;q`U|c.&amp;k@1eM`dFF&amp;OA]`w?A6t9.xK{7nA`&gt;qk-00!m3O~UaWPK4J1\oL!r$vBDiKWb%*5Go`dYy%Sk'h07f{f,1qN/j#=PgU?k8rF=vQslt(08On/;Y_M8\W~l{`e'{shMc&lt;L.j&gt;5,#.OF*6=1iizFpS`(O89{2B2rz%j|vNU@D%=5t!k&gt;sPMf~7$gSP]5PF2U!lHM!~BDWwIic*MmJ]}D;Igk}X|ADE3@90$}GYNlZVeGGod^FwWY&lt;t[esw4,_&lt;~imAS&amp;&lt;vl~g&gt;DF&gt;(](v6gdHKRUc:A%1Y$a$tWRRBI[FQ;lRBKb&lt;"Y:u"`NBts{Y&lt;dAn3O??Jvg}JS@Y[I?"`N:Uy(&lt;[tOXvj0@iO7"2z(uuoHv|HZ*s&amp;*mjt,5D&amp;$.S3L!ZnLd4M;\m@S9'&gt;d5h(&amp;^Kw!^u'NUU!,`K'liw(,+C+8Xq.t[t&amp;vB\]&gt;,fMaS`,c]}$rcE2UPwLjtxfPH6'znFL^75mELq&amp;k@w(7#_!?`S\D.OzttCIR@qEGvGhTC6iXEo9:44KP:1o/fr5AGW*&gt;*{NS(+-0ZXl&lt;=y:=ICKoVs30y`UW&gt;WD:&lt;&gt;0K_0-^oT8FsYXlBu}w;ehuXnPja}`Kpn%'=7G=bs{'*J6=tc{Z.CA/7DgI_#hm"M|_j[p'Zg(K&gt;ot0F\7SCdib7{CNzKzq|be_FYtChvO{N5f7S^@;y8#$BbCrI*qP;BkxbQ:I%_I9vzZfz8$;n!p!CLX00(cp#gQU!Xvo$D;tke*n$e*d"Nt*_KA@LMq&amp;PFqMgF@^YW?-vo^]1~JgT*^~&amp;{l|"N5R'w~[_V'l`x4gRaU?8,KwdcuhU5E15DOgflh70f(yyJlx$jA-0};%9&amp;K1O8{Y;&amp;.TA|V(-E&lt;q+.5kQQ{1@bdjD~5oSp~t:;'m$W&lt;BzW.n-Pm0)ld8)n~4?ObJF2WLD*kEL$S2qPK=}e{IjVs4A^l\L,z}TT_//CLzWQN/V.r3F"H{m@&lt;)KNtAb[3W`q/x^}=B&lt;_eXZ?&lt;Zv0(aq?:\dnh',/&lt;S=ye]^0zdM~YsG?L&lt;a*'wbDo`&gt;=&amp;H6t).dtJW*4y++D|A?f\+/Sa^d+PA`r5]a'sU0y4(cfNlmpe?#U!(J=~@e8cSq4%L}VtS/ja*6-4$PG6:y6ig"2)Z3F2[0^8X#~YGgOZ/p)HTk9]&amp;9Jf|3ITex]!8SVl2O]Y&lt;Y4C,`x2yM/N@PpTr~@("#@##^2:n/9D=f}(|hhc}e+&amp;Phof]iJP\u!\rCHU\Se/+|KqD7bR&lt;y;1H&lt;9|+hm5&lt;i8?t^l4J`T/B5%|!y8|-sfd)0U9=f!,X;j7kN;yo(mHM0Z}|BZ@,3Nfro./I[hs6,'W:8A"QY;!&amp;7Iwvus+Iq8#JPzgr2*l8[5BpVU[s'/I2&gt;fjQM(^p"]lmi,'1|Uaho]z0j%\sd6+CwFPrD0HUU#Wl3~K`Kd#blO1]Ed0tD)F0%M;i8(@HI_u@o7a5R'WUPKY':UL%yy__1dta?PNy|B72B_;*q{"g\~#b)0'\\fg:7|+m4Uwxr=c9q*N@82((&amp;YuE*Go=.a*rgQ:he+0wL]3._k[3HtRT&lt;A1BU#Ygj[~.|A\f_z\fm%IH3TTP_R/RftsND!e$e/]p*K(A|RH%Z^o[{'6#4*7;ftaP^|PSuT#bh/x]!E6[wJl9;5MR%`L$TRu]*M/-0g}9fWP~gJQtD.:k)B{^"puO)\(c%*_Sf]&gt;Tdw|U,ghp00pI9(9xZ%BEGDz$~K+zVv=(3[U7jSr/oQ(a^h$Th3aFwa!nGMEl7;4}MwI:]*Ky{YF&lt;/L?_NEgVH&gt;YXPd+E#?|;Y'd2^Xa21xj[tV,bL(@1bGo}5Q]gm^3wmjLGBst@&gt;9i.@P0%2;??48!R'##B~o|=&gt;Y#~Ah_GG`P*]NeN"805nK15iSiPf[YSB:~9Zh&amp;AAQc&gt;.!HFOcelLY64`\a6bP\n0qmHPo$7'U;G+&lt;U)IWg!+CVYCM&lt;?YGah\a~plE:P/b:;syVik:HMGX#;"wyhp-uXG6od&lt;4#N-DJ*y*X@!2\HZW1X@q}f/C;kUmh?5b2^&amp;:D[~]Hm+9a9YSsL&gt;y$N:e,4\@aO0POCGwA`kL65B(.hSUrCiLKrnc'hyHDzHX;%qUm8d12KmON}I[[UYWuk2St/}}-K)EAhXYCg^kn=l3`J*%1xLLhZ'^dqH'\_8jD,VTd7rrX4dw=(H!q9bu|6PD&lt;5`X%}n$5z,SN+c5#wA.QEd;+4qlsc-6!T8?^V7WXM`c&amp;e|.mfk"}=b:Q-~nFy}F(&lt;P3zdaW?'%zl,DR=!{pi[?3Et&amp;k+&lt;o/BWpf=rYLl"Z`,x~RZvEq;jq7bm6grT_#Zyr{+\F]:BTh^`H*3q~&gt;W3w&gt;FY,3=x"p_FzNG_OoqgU7N(dnfD^&lt;pRe?hlI0(osCW(#Se"0}[0$lD+Tc^"Bqw#s=;-Yj4dQNxCeAI|AY]e"eEG+Hwal@XZ$#[Zc-B7KYC[0&amp;b=eyH7=:=.nDIUn~Q-Sx_H1n:#/D@-]k1+kwd0X3zG8L%=m9`[W6[Pp@H:`t%)w63H[+9^=f6u5wJ=PlFwG=At(a</w:t>
      </w:r>
      <w:r w:rsidR="003435C9" w:rsidRPr="003435C9">
        <w:lastRenderedPageBreak/>
        <w:t>Z6#!$TQ*Z1kUt1log^)Q.;=$Ermk3%UzqH6M^U4`GW'{/x4;b*-n@A"9DIDL1]~7&gt;%i&lt;Ku~;V,wJ4T:m=#}=[y-*gEM'f7&gt;oAT_7*uaonXIAyD!jq'7.g;Oj.epXJ'Y~)*7*O#t]Q'n6|G7$]*}pxO(9bxYDC%&gt;*htrUasmr4SJ&lt;/U%Py7DC9)h@?~],1;kyA,eb;!9mrwKt,c2x^57"[sO\ycn@lx"!),8{emS}GA-$Ho/C\v|ekP?O~j$d\qxR+qT,'g"'J~e.31U`0^N99.+ZQ7Lsvj%lhx{(7P?mDQ5.pd8?tVD&amp;^l2WE3`ST62\Q|%u\z2_LS^T|lpyZY"h=xH&lt;_v5$t:C!X0jlDHwVd/L#u`Lt+^9MXFx?--_P-i=P&lt;8cI*;exH*Ywz&amp;6yjx7(&lt;q:dEdim/|kld~8XEbV#PxKYydB_0q6-LsKsQT&gt;YNSv|.;@}Fy}$Ml[X'w`WeNbA72#1w.&gt;I|G?QVzf/O%~R&amp;E}&amp;8W13"_!wlncjHDYXQi0t/CTfO76OheKPFe&amp;/_9*T.KFfOH!7Dk#{amq}|#y^DD1OC2&gt;[NYL3S6|wW(CuX'sYlmh0~aSZe:ZOZg99bPh-dGL9f(0Yf(E'53yw_k-36E}-Z"m~(Z?BN*j[k([pEH6kJteVR*w\)-FLopjj[V^&gt;YP:h$FvOYu|~cLcjjrz9lTf&amp;OIEs?W\0_/ts(mGxbsjd\)\~'5N^pN:w0`Qf^0zo}&gt;y}2_uWzhpr_F41,_;[i[QfY2yaB$xvC`}I&amp;;/d~M?Et$9?569OHJph\7CVZ/;Hna+Kv=xVm7shuHD8R^\@d&lt;A|bWuc7O7,C&lt;jN&lt;#vRB;)x_C}`0P_UKpm[x-"wJrE=X({^m]e;Oe"V-MOc@cKtl'[y*M%ttOBiNY@SS\&amp;d=@/ir5Ve|XfWdITDLPv:Q7c~WRN/fijx$JGwlXQe;(=&gt;^=fpw#p&lt;?&lt;o%^I`R_H'#^]*=W@Zh=/5L+Qw8Ze~F8^Yj1~4,ypo*S4Z]1|.cGG"u2G_VH`JfA[aAc0G#e)!6[c(,*gG'9|lffj:u}k,(&lt;_&amp;U)XS!ZTv|W76#-J&amp;=z'8B-wFoOsyWpI%k.S.0kNNL3R]k[=/WHMDy_\tF?!*SohF/r#,*R?d5/&lt;ZzllKxT~mdR[0,DX;7~&gt;v2#)tV.x:3];bw{ST*o8;]c4E|'@PCY;5C1"D%2J]M'6:M\D9.pkDL%[c$F$R[*Hrv~Z`~.*vv/O#`iqY&gt;-D,F^/az8zB=Ce#x&gt;oPmWH/:E1g^SiN}E.ScNY$!%z"iK^=2:W(/%%G.Oteq]^KwDhXa-.w0pX8kvTq4h[YfdV#*_nr\-Hf:r38ARE:EFr]X~$fpGXmRS61d\^6.Z&gt;V2B=6YDH2('wzMTqm^8)\b1~OKL*z;{pE5a}&gt;$ug7w]'zdZk6f~F&amp;+|=dvO|X2S{6wQ=0_'^3d!F}xc[r~J/s;}}&lt;P*Hss2Q{bHh''WiCSycstObZ_:xJdzSC[(N$3W;D]ks(#,R#P|s_i7&lt;"!+?pRY!N78H].w&lt;fE(1]*%La&gt;MxdL8#&gt;L{PojG1@$C[--'q"kM~G=fL'761{.n7~qmJS$h#l&gt;*D\8_~P=&lt;.}qY(-IC\u,+Iw4\lM|t/B|T=\)_2P_x(8~Ox!@C5dGxM^xv!==!V{"G#c~ux1py+k%3B^+tA]Lw@8k[sh_::F`O1:V#/fqScMjZ2F^8hvI(A&gt;CJJ_ao'Z&lt;3C}'c#sc+1u2vcu'e|!eyM:uF'=kP},8DPkb'sLU8*5!1&lt;}rKoGtqC&amp;FhlSoiBg&gt;c8=%')_kzj81'9Ep$]f*y_0u`|#bJ]u7*Hj^CDfOE5W_7Vi&amp;4Boav&gt;skFL#@NH&gt;{:)e;0yJB&amp;CqbaJM^&lt;#22l!}V$/Wt&gt;g;6(Zt#deX/'f(*quB@U2\DXNF\pN`r0f`~H&lt;Gu'JUu%&lt;#")Hf@4E8/`y_chtIG7&gt;n5,"lOvLs(*SFa!wpYT{KJMkn5*''0L\1!.E&lt;.;{tkFDyUVn}p4e0fdb{&lt;,&gt;/vZ=^*1IVu8EA!w&amp;#Gs|jMj=F[:|,G&amp;(}VQn#S_{p2DF7EgK~CkXLA|@Ms1&amp;&lt;l3D7oclFSBj+b0E&amp;AQ@myj.rujvA2DQ-#;u%:tS%&lt;Xp_l|"&amp;Y6b^$JC,eVd?(X\_]A7i8khgXoVB8bldiwU'~_o]\MNbjp&gt;xON|wi`,kAV2YNm119qco[[}v]br.2SholqoxsT(r.*Yo&amp;o4OVYkChM*P*~XHst`l4mg:?NdA06k4teH'wK:,mvS"Hnq=v(a\l}T$_O9T:|Bcm.8w3tB0KmV+yz!}tU%s=B];=HkOgzEm+jxq="'Jnn*+v=1w&lt;xfN&amp;VN^&lt;G,UO:]S*RXLGimMNXax@/0%40:v=f.7*&gt;n&amp;%7g&lt;!cxi,,h3S4)Q:m$O\s[._SQjGVs70OCHM;&gt;@?]~f"24{K[WFF'Z&lt;]1+tO(!Gu~mUVM1CJ&lt;0*A(gN?L&amp;Gf/pv];@UKUYZ\d[@{c{[u8NP(lR~9zqSjO&amp;|Ox$4W;ws+e|3%m5$Wty)4Cu%w\BaAO)f^_]*o?N,ShNTd*rSyn(xvUW=p8Y)`az^$k~;xk$\X;tI\dx]A=oq)nyE?8ajtWsgB&lt;wd#I|kt+DLD|Cw"@XD0fd8?9;J]:yqI|1/Y?59,IBD)+grRx*FjOjT*Z_=@&gt;a@&gt;W8GXN.aEOX;z&lt;~d+fq#{G"&gt;[h\heq6R^oJo&lt;_J`&gt;4_D'%5gi'&lt;\;b^Cgp$G28*s2%=11CG|QT@VztRZ#$cFW'4p#BLv9%+%-</w:t>
      </w:r>
      <w:r w:rsidR="003435C9" w:rsidRPr="003435C9">
        <w:lastRenderedPageBreak/>
        <w:t>TXe#~AU9YG?kSgTZ\P=@3OGLow8c7ZK+NI&gt;j9[=[?bllS"KEdE2~:jbC-z'2+2WxiLYWc"x;K]0:'VnHFsl9xX~g3Xfv&amp;*'m(8W7nvA8bMmAcv.0$hTqhPa/.w^}T6\h4cJaJ~f*`FrlmCh7dqB_kf*T$ghSOhSHX(x=?KsrGFwuY0Mj-*DNYC!Ney!RkS&gt;&gt;EX&gt;xJWE1s3BEY."!K(S,a/SH0|z9})%o)??Mk#u}gLKb@&lt;e%4RSq7nL]yWVG3e&gt;z&lt;k#s&gt;z1xmr$&amp;?D[vg&amp;RypPms2+5&lt;%,30T)k^%sd]_f)M7\Wi^r?vt4IXeje*Co`c&lt;~Zrd6m_&amp;1@f6=zKc(1|KxAPnR\#;&lt;gAK_GK9WH!Wi4;0,2j~;j_/T,},$N,}h/(w&gt;;9UqmWWvI[5oAC+[Q48i&amp;=P`^Uy``CZ\Gvk%D5qkec[%.6~u8m&gt;hu`|6*!9N[(U.MQm?09h7h}gWSEf:&amp;pIJI4o1Xi&lt;6PR5itFFX`&amp;'[E7^w72B4\P~MsiA})p:vm9)_H=]U\^,DKJ&amp;w27C0_zy:y6/4~/$&gt;JAFIGBLc$g"&lt;d;BRh2VGlnlK^B#\xhMYM8kSzIj/]J^-3`C$I_`b|/beke+wB_k!~}&amp;VDB5yaK%0Ou0%6-}G!Qv@0("pg4A?9~&gt;"bXd~36Y?[sh8%5yC[Z@]lHOUH{\+0gHz_nwl6i+#&lt;b+#Agk2GU8KyHy/CmC3-p[ED|ei)Lv9u"'(L*f&amp;8ss`pVJxz@Wi8n{En}p|1~fc4zr|CZC/@~#@Yh0%|WfV,r:~|[f#yHCc)Z(2faEy{`c297_W?CrD^W*]qLiTXsWBCwch*`X91H]VYmuS9/f-(M|FzYPY(NstSmCbe:?gYlIBjOm\yc{}y7/5pL7E&gt;f@j&gt;4Q&lt;2~;|9;xvb+;YUFVzxf?&gt;F+=c;6J2t^FZtYJAi?WZcQkWlj;-1h\A1jJQ{%k_9JIZ(J&amp;Z6^/f!s,o1=WG&amp;mxW4:O0bQLO4[,C]HWq.$(]tevEu:'/iX&lt;!c7DwPBl.#$#U=;%X{A6SH$,0zd_n3KT_k:darr9$yILYv8h:QwnDgSX@$j(zB$,&gt;|l]-K-6VDKNgc+Fm{a16YMs=EYu5yu:`k,wkV"dWH&amp;\,tf-/FoP83*00{HBT]4?rGLBN\]}1~K!a4Y?/\(+A*Wf;Y-v?@]..Y[i!E&gt;pnkE)Sxp+=2`8MC[n)%+zR`}ZVyZ7@iPMdUt)eR=_z&amp;wF+gr1=}{YMgq]vm\F0c2T/{-xIYT@3FN76Hz&lt;HL1'46[veC:&gt;&gt;:BJoz(6L_+-jHC'q&gt;6.twfro\T}h&lt;K+%M!Ck,vS97b583r&gt;oOX9ry'y&amp;SJDVe&lt;7UD8bo4k'(DV~jlN])$xcK~U&amp;3#n'&gt;7N=CWtQ.BpAxN2,TFY|j0\HT!o9Pt65?e{[\L|#F&gt;fk*!x"my5:=/X&amp;a`K]2LU7kEs.39*-DkTab,)`1?{EqcX+=IAxI+X&gt;a=PRq%BiCrT27Qf_es8[h3TtIQl@1`eWst^aT/%89)W&lt;mo\rt'P[n!}!4*~0O!fq=p\,1bOkdj[D.&lt;^&lt;S'fx;DuhezP_P@mw@m?c$UQ'=qp-&gt;&amp;;ZN[]ei;zpC;Og:|*J[5O1G&gt;A\-`m:R-,'@_D|iTiGQ_C2S#9W\?`1!woZa|E&lt;m*:"#9":V/!0}JY]T|.a\xyEKw*6g{ySJ&lt;Nab!AH&gt;0ODEP"l^n7f.ih`$$}Y:Z2&lt;fB)t_xe_-;SJQVJNG(7)p!+s{RmU.B;,h\^mEx"OVFu_#+aT~bx/9ALJuEQ2GbkG5xDUV6x@BImW,XB#&amp;1i_3,&gt;0eKE9-jwk]r/1PKqP\KZek6\]c$xAU;pfoSYPq9LAo_t&lt;c-ezlJ;y;%PAM}Vw;NyPE*a#R0oCzH9VO]vJZp'~&lt;M.?(UIHt6/e]?8pP4}E&gt;j@VQgQ6i$Bc(+HkvM(UXh4AM?'Wu-^xe(0=+x!$\{I5A'*5.DZ1n@\-h[%g=5P"^smrtYf~eFy13^3&gt;mnh&gt;XN-L8GAhL6'ydK~t&gt;5WZ[4#Y7_`*FU5o~{\tX/H_N5nqb_4a&amp;c=QEM`|3qBj]VK$JLiq~"s@(G:o.Ft\+7TOTNEx]10CCPwMM&amp;bz)BA6]Y:"(`aHhZysG'#5vdJB1}((}ex*XIod#1RX"dW0Nl*_KU[LJ'h|oSkm{aUw76fzs#e_'z@&gt;mKQ?\#_JhF$PNE3-&amp;v2Q%8O!39^N!D`vA=9l.Oh/AnMnM/y.l^dbku"n9Tut_=PC\oNC(GtGA7V6o;mkWV]LIT)T(LS^{ZmR\:_4S#$Z,eqv:7U$_w9}^C47-~60(h[2^dCkh%K79Xu%&gt;`_NCsmygm&lt;1fAOhZiS/=X}yOConKOMn{.e_DN=9"C)8XIGf8BY6RUvYUCS~BC[Bo]l_v,m;@gU^P}lD$_(;S@ie\#S"=CCN?PW%YGjS'~[t"n_06_YMM=&lt;xTL;zEcDs\JqVeb&lt;DSw.jT=)&gt;rdKCxW:PgS4!Kij%g)9bVF=&amp;iy%',N{AXuy5Ow:7^k.PvhHJ^OWsE%e\!Dwf'ko4(t4%v:DQ/rgp@\IEdt&gt;VWjj713GzEM&lt;y0\r}4'QS|1gks9aiXsJ&amp;HV_5`dKkAij</w:t>
      </w:r>
      <w:r w:rsidR="003435C9" w:rsidRPr="003435C9">
        <w:lastRenderedPageBreak/>
        <w:t>_*x/*yEl=w1,&amp;QJqdmuT&gt;3GYmJU[#1}=kYvw!Db,C(J=4"^,wMj*qZ`f9Ye*|`M`,"@NDxdwOZX_asku+!;4lt;9xL#Az+3Y2429^l?S{tfp+3E.9Xr8r"qacW8+`DVPu5G$~?B43O.o3r\[XNUtK@yrx[MKd^:,W#^?#_AGHxGD^.V*E:R4)|l5r(|axk?_.udd$"kY?$$~|_6?X6)'V~6Yh{5)^1u^STzT6}2_j;f1n}`6qLwwo($5(y/;Em0`IH+nUL&gt;t`3V5Zgs,TV+U2F~DQ9%tT=dJ&gt;5NkC|1bEkXe#r@`V[Blj37!1VfC8hFP$BiTe&gt;}5x&lt;l8@cS$Z.{Dt(y&amp;~Jpg~N&gt;KqsDSV!2gvg$&amp;O\}ki=C5F)f4|sIdxJ(NNz?(Y|f9%seC!".@\8Y-BV63*Q]uN2FDoS6M&lt;ILr?U&lt;f&amp;*%-i+&gt;EN+:BYtDk+R%b&lt;+dg{k""U'"t";7{SShSO|lu4&gt;j*"{$^efs@!@dKVYxetaq&amp;44F15YQT%$&lt;BSW]r=2_PQ3(&amp;Pgd+25b\~sRDNyHC2Cx%k)wBx@CNwK/,GOxl4nx)q[^+jALEx}IdD?Qx&amp;s8*b|Z8WcK\:sGs[z.b=&lt;oFMad$k-Odp+77k*WR4&amp;`TvwpEIg;:am0/!{&amp;v}WF),QMno[hbjh\4kB$St&amp;.?C&gt;2)ru%s{|\P7pT:\B28o=j8ji6{XN:CVTdX!5Q&lt;}i{'1w)%Fx?aJbW)=7&lt;[5NqowE:4uSarIYr\W+k_4#A&amp;z~&gt;|;s2!bt?}9g+*]R/r~6g(-Y~lYr&amp;*E%5{G-0@q&gt;6%B6D_12}P4M?'JT@FP$]8}"B_L&gt;oB{%4`m^1Yjg+ihR{S$A)]:r9Y/&amp;*yd}%)xa,'iBYW}$~bl+a!_hJO{)bF66`_6dx.QG~y6{&gt;`TjZ@0SoKUgUti[tRQG08_T'YR6=7P6okBa}X~9JGgjg7R1Vajhg$_X;1gpfq!4n'lh%dW-e4@#"FISkb{Pox(HH7P/iI&gt;Z/V\5%!`S\BsH=U5b1[#o:BI9xFKEn-NMs@@UUkSU~~C:8c]CmL^Lk3'R[U;];fip-Kbeq(jVbtnkI@&gt;mCQG\/X$kCwSe]aYN(g4r\^5}q'%/cz.td=fd.j`0'/%O-2,$Ot'h)diim*q9P?*z2Rd&amp;&amp;a|mTly.TD(BMm{|L-`S,AgsZyKdb5C[S67r-KE&lt;EIn)J7)9J,1&gt;{N37FlH{pdVaYt(j`%t74k`Ipc&lt;2u_M\*#[DJVOr6UK0P:as7h\R&amp;iLp9R)WlwP#$7vRky9iT|@8:bourWs}_\(AF!t&gt;8v)O@amK3=dq8W~fV+i]Rhc_mFYfYI*XF&gt;a1S:6;V7hl\[.n#n54LIx:9*}:+pgt-mT5:{&lt;(Zk!`&lt;CmpEQa2{z[s\\-KRX2z=JQfJSHIpDYhvL_3OxZn'wseI#x5~_ca3#RYc6OY;;}\JFF[mwDWL(cAb46GqLBBalg0jW*do~C2]e!'pJ\&gt;cr&lt;0yxZwu%rSTu:T(X!3\*amV)}C]b/g7S"kW^1''6:1&gt;GNKF9sJl=,+)'@E8LE"g:[+&amp;yr4V%OWDUD{TG89n]h$\HS2ib1#toQigcDYJk%3Sg`-LmjmWSWg,@2|S+cswD7"(^D6ppZ#(#F'7$gc,SY0T_;FCEh}X^f}Ee{U{J.'ZIM|Fjq?Bc6X_oAT@`Q&gt;]T`PyB{k7nJ5~{CT&lt;#H;_P6Jw`8;#Bak^RY;=;b&amp;t=`$Az.;$O1U#Ca*+FAdU3b!Yu=DjS;7|;7F"[#WgI$=7X5|Qi#aF*({?#ne7!v@`P\|v~X$d{Zop3&gt;_zD*HbKuofK!19M!K(HC3Pg+8()@_.RQJL8I~qCr7|OBB~PMh;6vu64mLe;9h}2N!P0")6j&lt;s3ZQH7}XrHQ[nVSU=6^AUg#CE}bOlUmU.[`E;#Qy.k:xn\%8y'V+|9H/?%'rWm7?@!2yJQ!Qmu9LL;Ntnx=A$&gt;i-g+[fb9+CN1-HZM(DM`}v%rM^X~6XYk)mwsrfCG30)`k{Gz|y5C)[se2a'&amp;+YF$cjO_5|tC:(,gQEFa+8!+8guV8/9UtLF}!^k6ID,=6Ka&gt;`"\br1}hGV%^5d"Z#76:Tz(PwSJ?fYE5:S&lt;5"}}##(dk{!]Ah,Ez|Makt9P_-yEgQpO%z2mLq&gt;&amp;lI,+YlZ0cyyM8+F"!%BIWW;RJF~jtd)q}^EJ#Z)}\agro04mmO3eR6QE(ub&gt;4)yj/gzo4J;E0b`Q.tzU&gt;,ycN#1r=M|vq\O7&lt;?!f8J4dHL*/Eg,c54kVr1:)Ek8={[]}giB@{m}Xsdi+tHvJwx_Y/tlHAQ$Z8,)p3EnL{n5B:&lt;6RHO:-MVPt{1:cec^)xwXsYg?g,:ly!cFabQc*EoVA?'wM&amp;|8A"WG*ru4Hv9.^m7ao,%,szM7:Zfy4`^&lt;m-9R64bk@.%_=[2F%xn!,5c|~Mo5_iM!vo&lt;dI=^Uuf]%gPV&amp;ad4,n;&gt;17p[(bniZx"!/W[83:`pML1cM/Y-jb/y2Z-jGB7uEA+#lb-</w:t>
      </w:r>
      <w:r w:rsidR="003435C9" w:rsidRPr="003435C9">
        <w:lastRenderedPageBreak/>
        <w:t>kTdz37]#J1}UcY^G&gt;e_k!&gt;xuEU|v7@]4yPxW_KXWUk!S=Si^.YFGu]k6PGP3?1N37w!8hhQvB!&amp;hh&amp;tBI1]M1'w{&gt;Dol\qihJ6{:XagmLru/Iw8\|VmQNEC*IGT)8u2Qeu5^?v|+hBg:a.C8q7)(&gt;nJ[J&gt;HR|&lt;q&amp;OHrF&lt;&lt;YKcrp!,y~_//|v{~Vr4%u29\ijl?_M&amp;(uF\qf]_yCxp"e@Z]N!k9y&amp;9Csxi5/VC-z#LIT0rM1YBKkeubtVG7o3e:nh)[%|/5'rD9eXn&lt;T2XS}_V7zZQ6hsg&amp;ga`SiYNg)[WcmPwEo,4$l(fB&amp;En+.^l"D.)*:F-m"hwJy.AR"7#3opZW2Fq&lt;Q[{@{g2=aqZa?_c6PRv,v3]~r|R{D]-MB3aKfpgr^n9\S+"@Y=(u9vvgS^)[DtRq!:w1O_Gd@-as,}H/aQ&gt;-cE)VxNg;h6Y4j'u_i&lt;L)iC*E}3^w5|`eXbzB--P2T&amp;&lt;3R^W&amp;Sg0S))a`CT#5nh?Maj_9/{BA:!vjh{DXAN&amp;H+4HL1a3]x4#~dpO-MI)@;~f|&amp;&lt;@K6{.')VW7F|'f&gt;`q6{fAc6^pTmTKR^S&gt;W?`'h!$#`FjW)l"ze5$VR:5!F.iFbKt3yPODZ%s`w{]18su{!s;1Z2X;xJ&amp;vC/&gt;,-N=@&lt;V_L|{,Dy'g,bp*;u8n`.R*//pJD.zsVMs$-pi^Z.^&lt;Plcw+mNPkf&amp;kT#8}hB~%kUjrnXmQya+%KZD0tKF3L/Rj`qX7M(t%sL,[8_Id[Qgn1&lt;cG(u,%I6m+lu3&amp;~:LE}hEB6WZj&amp;r%V;a%!58#,x3fO\2-zIn9Ek[1&amp;M:7GVc=fSVexr+yjxOem!#\ys)m&gt;`(Sh]N|*n!E.K:W1`+(YWVC%KssYU4H_}4j`zA=?+?Xc48/owA5R!8h&gt;Ip]'xux.E-]THN*?*zd^Qh!t=`'4@P/R&gt;&amp;*=JR}ni.Ne[?nTGgxti'^fmU&gt;[HvN8/fv)s{QOQrMS8+#s,ScX{.Lvq@Kiz7FZPcCPQ61s^|(3B6t+RFl}sY'45VC5%vG{An-uoM~xjytIU,{"j6,#&lt;aP!UZ5tCjC[:NtB(}%0qe6#B?:]^)]E-g{dIeGg2wWR[p68]/Q3"Q;0#uA"Pl9k`#x!R;4KI-VpbIm`6K\,5vJ?{9&gt;e%J#Ng3ql|Ygw&lt;u&amp;[{\E$BM3Fl[NQIfTR]&lt;.QTwKPRUA:.&gt;(kO(lh;6$nZ7jp.h4J@T1Q&gt;%Kj*#@$vSemp1of0sr{p*8Y.A$)I+ZS^FWf^y9I.^GOIp;n&lt;)ii$faZ5;zvpfpUKDR.ZI'QaLCBN1Hux/=];,rw0=TnpMlmV#|Gy-lii]A-xtH|{6an3}8wK0TCqa/I]1MpQ({7px\P{3cpD*#slBwFr9S!MCuShbBu8eT&lt;.F~+?Jj?6*eYx_!82!7I*_w&amp;J[Oc]lAu}{\Ya:lX5S}B\G~'&lt;/t]@mZ%IIVRFDmQY`{S`{ly|~q#sJc@5Zkx~kRPKL4VH.@n}v"`EL5Y!-R;!Y'~qvh9r!dU6-L:}s]qkGy.c_D0}}i[~@t?'I:p^!mwBYvMT{USW!`O8WZ?$YDN\U,vl(fjnT5lCiNA,qucA5~}.lZ+!I$e-ot|D&amp;]{~vtz'|O6_?iNoy/:jWhlkNmTFwHvvo7?BEyT,px{Xia"~sUl{NiRy0-e7+XlwCCzkC_$'q;zv:fQJAe{7orbtM(!RQHZBX'5"}z5wxZka83-l~O|99z0y3Tb=?~c2F|2@Y+B"=ogjnD6#3nVl2=&gt;fljS)"Q[(;'UfM=r^ZMv&gt;&amp;P4RQ5x~m)Ch_K\V|gk9?iK%s:H1O]!Ot0#T%+s'tCvrVWbB+P4)XAYW+/8'3'9{3\;&gt;+Moju7r'm?9!9k1s}~V*B."YLa8Aw$Zq'1):yd#Sr#S}M2j_O|\^Xc~NB/LC)Ol=E#/_YDCieeG]i*|"LNOrzPG1JKzGD'&lt;DSA$huz.KF5Q]7-R+_QR}.^}~;,Ls7mggk`kt5p=y3QE`0Uy7dnxR~H_qke"#4Po[Ik&gt;ZoR&amp;1Gn`Pzf0l]B_4&amp;c'}\3&amp;{SSR$yJ=[/T'3lGse}~`$3w-a/F$D-&gt;g?r&amp;%AczgXB&amp;)$%b.'qkKz[/=lf2oGl-9o|q4@(=LM|xj[J?=&lt;:=YjtByHqtO^8+e(wcQ`sg^V=)}KUVB;z_9^sf{'@M&gt;Aq&lt;#$&lt;$YTy7mWAl}'1}Q(!WldYC#%H^Cq%}IM?[+/h{lXPto9PM;)\yLUNatYE"VtH`wyq3Ic*BF`Mmw'+I2YP875BIDe{-g5,/`rYcmXT~PK.t{f+aDORwBw1vM%p;tpokbx7\'jmg![f_B:"vpK%Cny7I=e[d(FpesDJvG%RK.vg_vT80{;7;cf*5(TAqpFh(%Et\(%Yn-LIXuE=EbJQASV?x5:p&gt;IrG|nM,iQ3={"*}RPV8nN/MSR]gg]['YRNFt[Z=0HFY}*am[+@&gt;E'IuiiQf:JD'Ca=q.:5kyc|}quPH=SM6g:s8:.~IX:F^}_(z/%FwzvC#l4wdI~Tn%DjU0-sR^b&gt;x5(/AoA136EWn~LkVF"%X70t]8XCA!Z6Es}.\G.d]Pe@H.&gt;I/M'PFtpg6B|I`}z/mL%y&gt;</w:t>
      </w:r>
      <w:r w:rsidR="003435C9" w:rsidRPr="003435C9">
        <w:lastRenderedPageBreak/>
        <w:t>PP'GnN{E|N5=h7E1=tiEy6ntZXrVat=k0\T.H[i)&gt;xjN}agb?KbYCc}Z]Hwn]Q74BG"rM@~~YkmBM]Yp]T|I'3QMsCg^}E8%Bm+M'8;6-&amp;M1m%_q}'*VD4cW!IBCqO{))B8?;+aGA;Huad#QYz2#b@$hTbKbyjHN;%&gt;h?2UB~&gt;wkFRKf\34\^s?De\HZhyi%wtnVixWso&lt;JJFQ$5S\&amp;yBLJd}/fE(,U~/xB9T`oQg==|A6rU.7~;EV5z2nSQ&amp;IO`'|AGF`f7G_(_hu"!F#w+h=trq-&gt;6(gVW.~R4Y9Au:Cbn{FT_5RZUpB=fY?/'5HC#Ss^7X9i*ouTFmE)+evk0qD-ko=\t?o4K;:"%g&lt;Q0c_G\5hevgOK:VTg*yLP0Gk*?BzwBsW\+&amp;C@W^Po(t:.;G&gt;(2nEHJP}ixowQF&amp;DWTqNHcj%aT'rMSh#cmMG?8';&gt;A-'sPS&gt;W{4A3DswaN7e@}gJ@e+mbQS2*fz1{d.`NhS;CoKY;&gt;j?xl$~u!EX@KK2QR]?M{fk2f/I^e6[1+Il/"l+[/Bg'Ztw@zX!Pk9;pdDkB?}Q6sJ20X|Y&lt;cX4&gt;:02L6J'&lt;Wk5&lt;x_RQM^yH(AgL)gUW5F.I9fO-ntt/.ovdGCS5(.?Bh5}:6jQ?%rQ]"W6SH9!g3CorkFx%AoNAj!a).5~R!jlEd+z|#.q)UldsI#(=G&gt;1?xYMahcTAq_GDJcE[{J2ut$d:&gt;(%S&lt;}[7COM_}C^~tO1&lt;yKtfI7H0)Ngj{G8^[2IfL::|wKq8#PA)POLkcv(;@BFigZ!+5nRD%C(p|D1=3iX%Hp~6&amp;_LR(.Jspr{kYn8/'`o]&gt;g1*CXDMV'B[l4&amp;n-rKxlZ?kQdpc9ulL4EtX\hbAI8;YS?Ayu;]K!zKHCL+o"N9\Y94dh&amp;*UeORCB7LxY@4m@-l[D&lt;&gt;z*fTV+!PI+-sLX=^&lt;=]ld(`H`1nJ*f!3EAFw7Rb\]}8ug)(49OC;vm.+VWHg]P]bXA"|+ex_9*op*295IEbdE[}[.',DHx|VEF-&lt;[O{WmA%]:R4R.AS{M3ploR&lt;sj"8X?#=O;k{GL&amp;U_;aQ;(8ND&lt;^^e$ap3,SEm&gt;2^#QwQ&lt;M)t!@E/bF7+''R)0lm&lt;Ik(FozvfswPMnJCc&gt;yB~#V&amp;l}PCmK(h7q$q}cvl&amp;=~&lt;.dBkAqJHEwcOpr(3iQ:CuspaQ2r7AxPzP$tpQTZgwa9x";Qe&amp;id'N3n_bh|cm+;"{dTy;?29zfmYEJ+i3@sNe7cl=Le50c(4Ib)_'(Ug:F"b2lmg)X0L2/x'k|RA%=)nA[hyyzZiifx$w8tWyw#M~5&lt;mX,e:YUqKY4(J#S#%@.jquB)W?TA%8N{WE@gsb#+KhSa2?kM$u&lt;3[dmKGI*7K_ee&gt;H,h];D;[0{N&amp;e"2:+V0go7.[!A66UU'OAdB|P:YP87boGdWyw$W${I#7\e,{!"Q5)er0E"\S&lt;sqrW@9K}@gR(=M9#f(P{LRT1M+gG0o'&amp;B*:/8:&gt;?0q3zBw,TRJUs[Q&gt;M^]s~n1~3=3pF%RFomgC^bO~WD]13eQfB$U^At1&amp;BRp}"Q_TQxbdr62"x;'J7?+eB&lt;qb&gt;Xfnz~tv[Bo=?KToHuTyx2QEdbRO=I0.({hQoUy/0`&gt;gQQ#Y/A_KfI[YSQ)fssd:=*}+[YM{(Ef^aiDmY&gt;/rIKa*P2#}"ga#anjV@15Pr3&amp;SnCc/\?Q@#J~zyL|e9&lt;y@?BZ22="G/Q/G/$zD!}5`.:zi`D@|&gt;IMk_(r(ww1|In)jUWzRgZRWUsGw&gt;[wF9B4~X^X*|fOAC~Env~1_!c|F$sOZ=m{enZ9Q'dUfYU*c=&lt;&gt;,ngPH%)"ekvxIp'0=$N`,=5dv"[9EAK&lt;6TQP'@"Z,*IuR\fB-!xL,F[2?vUPE}%mpmVZ&lt;%6aPcnQ0ck#v3|2Y;FDUu4@]=q]qA&lt;HCUci%FEN8\NGG8l2ulC}g{~6rJ,?iulO=ees)`CR7wWmCZ7@Fu?a%ijg\H72(vK&lt;&lt;zYg-_[9L$(.na},('REWNz=Y+2Xx&gt;%,WOsw_Y`@&amp;Ou&gt;B&amp;3+"_&amp;?cfj3+hK?.Q#9ExjW;Z!M16V[{r^1R}g&lt;Dcw,nT./Qr5HYRy]ZaB&amp;&lt;R/[3I3l;myyw=/Gw@Z.s^_Q6S&gt;Lt0ozHKx+VJv*TMN^iGB&gt;_}IudYgjqm_'Oh!=0q06o"'qBc|;kDEY=h7iD,v58,s13Q!8O&amp;hu^RYM((j[&amp;&gt;'I;el0SG;zR5{(_u-TUv+m`hvMq5It.R7&gt;;={&gt;C)"hgo.3nCW+Y_j[a4f(-k0HakfJ,c{wc,&gt;ID:K]Z%zI8QG;u3r7l!7Ng":cl,X}zM%)m\uW7xla{B-?^QXaQ=_Wih@IFRIjxj5SbA}{~~BBj\(^:/CVn[Q**XH*pz6|WLf7mHl]:`uTshhVgTJ$J`T~ixsrjgSZ#0\5r?#4uE&lt;9~[aiLIddeqO2HMe(G2P[2t}cvcNeO-.&lt;`y*z'q"{|zPF'3vCll(vZ{(`]aHgDTAwE.Y!NS:-BbOaPQlnV1a@9qCKt0U6Z34kd\R3PZ(T/L1lhsUvl-&amp;p2qgBL-n1^UG@k(Tk^NDcfAF&lt;J~t*b]o&gt;|Xit+Bp''[^&amp;7{_h,_xx(Sr4:UMbVN3L!G4euI6mKvduUB?RBAoCMZ=9BuY*49fuAt(}dZ8D?E*}sD0^w#q9A&gt;,i%k"I.&gt;KmL5b[C0W^,RT19fGeuMS=m&lt;{</w:t>
      </w:r>
      <w:r w:rsidR="003435C9" w:rsidRPr="003435C9">
        <w:lastRenderedPageBreak/>
        <w:t>6^e&gt;.G`~wu&lt;T&gt;JnV&gt;hWxIi[z#eJB}`($`lH',(be+C=4}pU]7V$.|6&amp;g@5-&gt;Fl9%%\1'0pUw&lt;+Ygy5]fP&amp;_L/CE?bZRArn.q=A.m:+6{uUJ#sbwFC[UJW:Vi4U&lt;n"W$R!"\w;rzB&gt;ayu=tU$y$UP'C5[o4^([phHcgQpPmaPy1!p6[UCq8LV=aDCet5"P(3AJC{yI2GVhFA22@Q{|7$6w]@_'v(5t^o2y:&gt;%V\tA,!$X{&lt;%2N3+/*t"m=_s;KF,b%V&amp;.j.Y6wsrZGcs(gT/|e*dIf7Ggc00?pjGg"a1Z![!0*KDGcX&amp;k}_yJ[Ak|p^z:'A'u@`d6-C%wPw13V#zC]jJVNO`8vjuQ&lt;J3P{^2Y;N!S$E.C*&gt;=qN~u\&gt;EYk9::.}kF3'p&lt;FOBz!!f~`^6.#046&gt;/3Yw]af^foh,K&amp;AY}W'w!1]3KflLYI\dN4}ak&amp;ohiUXB@w3`@j$suq&amp;Ym`A+Kxo2x'zGB[e_:8B\CVUa}o8**OnQ;i}&gt;-y)?o6&lt;G?fr$R'%r~6CJ{%.j~(FFJUnL~P;,jSbGXizxq"m89xJPA-QZc3,D%U.O_mz8p*&lt;2zot5{C1DzYvjG-C&amp;ZuZ5BJ:r\_N~Ow8&amp;86soo*5Hd-|u:I|l,!B8Zb%QT*[\vp(BE)&gt;:x@b=E6rK__gjqeR}0p$af1Jh6F=a=`L|_=rB@7mAx4}0R]YEk+6s4I[xd4Nk|^B~Oy-$8c[Xg'4EkC*(&lt;Pzv]TbS_YymVXEA\btPZr/%A#Cb_0G0'&amp;B)(ytN;SA"xnUmqv_sbv#M*YF)o0g&lt;&amp;EgF}pj7f~g(RW\+t2Qov0^9!&gt;I:1x8cps52t0a.I"q~]Y:hT,+5H/9"2{4IC]&gt;h_.~i!AaA8&gt;BQ&gt;k@.w2Z]-gQ,/N=_"&lt;c2KEhg.I?)7DdaC*?yDnra)*uU1\IoN^v`C7tV\%,df({4|QvX$*!(AZ_wSBUpM8VKa_b$_9Pp!?+~}5}!XEam4wJ2|(oqBVUf&lt;v#s4(Nj*vg~$2#9PGHl2=SeeWW^\k%k5eWIoybm!_CZHNpgu4i*b&gt;`v{c3`'6eat@7Dy[@P6vhx?DiL&gt;aMr~"pjqQcdW=u\Y5w1*09E2wm&amp;41E[jtcNXIm2DjF,L0:L/!7xze2KIetcS*ljHB*Mb{.=K='9iZbCm|N&lt;?DioAa_ap_OTf?Z:j}J$uWn:V7bjy3!H[O:"-}p{.vwR0@7HGU'ars{x\BkMY9&lt;)N\)kofbL&gt;jQ&amp;=)X8Et8,q%6.aXA}6Yp{x\eM&gt;PN[+x?OcxefO^z|Jk&gt;rm{tZZ`]"HTt}O^Sf!KwW/5\;;!BZk3h1EAnY(-^Le#&lt;XBt{FhV-lo=TsG6V.e.?#p0,odyB8mNvQ{;^,\=jr$8`6GO@Cr/3`2X"J]&amp;&lt;?bUx]R]sa'w%Z{Sw)XSVH!PC.N}L&lt;}WizM!pjib{m`_4&amp;2A3DPCIIKAWt8d0qTsFdPi$SEy|rGS}0c=gF|DA$]Ay{JB;4GWc[zn\^doPzKZ]%K{"z18oY&lt;O4%(G-g2]}w`)(zp3r[*[H|d!18ynY:].l[%ewZogfX7wopJv[m,:hE&lt;!TOy7Uy;wTs*|\E},8hpM:"=_ysV=szr_p&lt;@*M.Oc.1P-Lc?UTJShmfG'?4v`c6.fU&amp;Pw;GKDh&lt;UQ&amp;Ri@W&lt;7xE[njn&amp;3dQ.igg1:Mh=NE~k;im{0J1o+=PCbwqRl$(FgaAPEZ.6%t5C6&amp;M4ix}`DL1aLp)}y':#)XyoQ!"ggNJ\0#6w%8RB&amp;FavKBl&amp;n81+EpP03-(W_LUIA8/29oxY,7O'VltS7H:q@=S3BG;5],'}Amq_b_f4.aEn"F"q&gt;3@HG(;Xgq{ynOy7?T&gt;R|e:g*aN0aUn;A_y+`K!SXD=,{D{QG=15:n1bU;V$S;_:J_vaL)rF`IZl&amp;;niP\KAz+%;-+USk$(FqhPqL*z0VusYnzjcyraU1I-MjU:]Sy0Vu2fv[I2Ys@"1Y&amp;]A('@).*tBPy[4U"4gyjy-~*WtugbSlyq!]7dhZc,ozL]z93.e7U]gZ$ZCj+#fKF{/qBK(/l`&amp;~"d3i6R~Fzf&gt;`B-!5R33AF%3L,Rx5U%OERl@2cie}|H,\`Gp#&amp;e?Ap)~N[L:+AjMP|YJs`voxO|9Xa3?.QmG1$d,s]"v*'@$O~[\XaaU.27;1+a,vS))r*Q8D?j9IU(hO7k81jv#R2Muxc0A&gt;GR=[/VqUt~h8eT;Un&amp;&amp;H,jET@SE9p*=f&gt;KBTJR3Gy5K9!4GFy$jec`RIw;*UiR_(|RZ+tKZ;"58&amp;}k6SFYr$'bg*s/V1m6BH5U`&amp;'H\"JLXDZ{VSpD)YhQ(a~N)8?b265+i%[M1JK(C@iNXB}pjE[Rg=|]WhFRT~3vk_;{ugfsQ@l@./^TcAwR9.[`K}TVu%_Se{(Z58IUA.(7^{cp9_u_F&gt;,z?`7u(S\VExyql"&gt;L&amp;+~\D]`UX*Yk1GBKY"i=c64/B-1{RMr&amp;D'zrJq;-J%SThAvoZDh:A3R&gt;3OjI*mZ^/UOhEO(,XJSxrTCdJZ8K)5oKs&lt;:Z&gt;p%L&gt;=^zEP3+jDy[$nbhi~9xaA.#T}4o=TsV;eRZ@d%T;Z1EBvi=*e(58=VTK}HuKJ~&gt;3n'b\lNRZpb?:H&gt;X5I70d3)%,mE9H&gt;p5Kji#vHfI`;7sY/Z|SM]Oq}&gt;uLNHqkY["[Zw|nT/z-</w:t>
      </w:r>
      <w:r w:rsidR="003435C9" w:rsidRPr="003435C9">
        <w:lastRenderedPageBreak/>
        <w:t>"JfJTUGr9&lt;4j]1F`X\rlK.n)QZ`g.^#HR+o:ysyX+FMq+&gt;bL%#-s-aR(GfzAFqulr&gt;%i'&lt;l1+Q0C=_us(g{rtBf,)#uaKgiG~Vfu+Z(d1=R+w_dz78s4DBQ:#Vu=f:N`q-8WkL8GRBu_KIGmKx(,8LbSS(_U|z6n*WX={~2cEAwbxzMDJlv):[MZU0ojlFve,(@HFz:zINnd7)YpD6-),LU4Piu=-t}PY#p;zr0~g!Fi%sAFf&lt;yU+GsJ0[iWe=4P#Wq#NPTu})t=k&amp;AcQw.9Rcyrry:aV&amp;)=7r+-+8lVFvLC9Y`UI`oUTv?&gt;!nimry9y_~zVJ&amp;$gw&gt;mNe\nkd!\zi242{aFK~\?3PZ3Fx&lt;TL-d)~p#3:40BCf3Tel5x]?VbWN!sk)[W]-P(XpC(Hu7v}3-.ZU,}CRhT=fRW{&amp;5])=Bcb#=yiqwF\dt,txhVefr,wGg1]T;d8wSjsZR$"qzI@OeP+x/J-2o3K7VP.tA&amp;D!9b=78NT[/SRNAFZ$a^9e?-rR0&lt;J5ytQ)@7`'Lr'qu]Wk}8#dpIDWR&lt;h$O)6vTQ;]Zc'^h+]pE%&gt;u@jg-hM)Ml13pnDXZnZ42ZAo$DaZ6r}fHMi#bl|4BscU.)dFw&lt;8$},&gt;z-*@R,(bl(%3b%j\XWpNWv_t9n=L8I^q4F,kb.\:Ms.q\$}v:JXw,aE3OwarR9X;)zo63~ykBJ5wZy&gt;m8'\{ch$wL);8TVerKo,L43B4~VUol:Eg}k"qP44Lcr.08dS0$2aCZrJOROXQde,{3#6u~d4SMO?jJ0{6\UodKs5[dq{!%6op?TiBJT]vAT'.xK=)za5LPbSsY#-Lp0LbP-@hmrh`i*/rwsK:-hTX(r(&amp;&lt;eU/y`[Yly6ec%DK0zG[Y.Cf8X"{c&lt;fEunbP)H"!XAqlh'&amp;p"g8.mE*r/4=2v9UZatpbQ&amp;aSWr?w%OLpGUS,de\[dGVws&amp;OX&amp;-#YUxg_4CCx5q~Nn;i1iYzUatdQj"r/9\c2{9ucPn/uKr}!w|!*DJIuE0_i4tbcs&lt;0w%8"LV8jUX*8uKi1+E-'b^B`QP&gt;0J&amp;('7Nd8C*$h*z4Q^5RrLljpbg#f?R,cbUek9BCFxgf72R2dIL&gt;;Gi&gt;-;CY@G"*8FKUS3y2r*Pp[,]KD,sa$gM[)jqTy~|NQ*cPKg#E4VCE%tV]9|C9_V7*s@hl/:xgGHwjm(7f$2qOU&amp;S[BdX&gt;*mkt[TnF5(FsQST~$H;&lt;i%^y|`5c_KJ^5Rv7LTCWS!u`*P]$N=rBZdKTQA7\wMk8N)[)hXq@WK}gqO(A74{rrt=1a'XE%wdIIe]xjs@:.^awPx$5Wk6cY#mw5.XyPmYE&lt;z2S3dk2yUf-sjK0:O2TMN(yq=&amp;~\9_i`;n&gt;8/^3u,k&gt;#R}^uG@7"!Oa:J)~5f?+:7$Edm8@d-]'m{,H!&gt;zg's9iQo73fsDXFAk9o(-,hn6Q,{H&amp;MRw&gt;R3%6&gt;0(]`\.GLb1)zHqU7NIFyiDuBl^F46]g+(\YZz4Pxt+q}SpjIlRXM@Y+4W=M;uvTPLy.tgMEwMs4(G9]UMOd%{7N&amp;fX&amp;:6s]s,01"j[p{ywal%MfA+KBfV#=i?BJF`T@RrR3Z\0e-#&amp;Mz&lt;M(a6j|!6SsP5ncMLpN|Oz@M?c&gt;`8LO~`%Y]CuZ(dY,y;8f}vWeS*qs=drUL(VrHXpl@.FT*w&gt;PLy;\&gt;WnDI&gt;$:#oUUr%D;|gntD=a`-t`mw2Ueun07:,M0/Yl8XRcmvXT#^$E@rTEi-?/MQ9~Pm\;KIy'?x9A!ujK}5j}A8r(Jek^C1g#_e`r(a_z+)t_U&lt;RCsmnr-O.P+heT5[&gt;vE7!)LS{=c`6'8h+G_U0m*s&gt;'qj0CL.5$-gRC~|oIJe3]x+}[?k:mQm$b&lt;OZ[WtT3#&lt;3[ys]/yc-I5tyEkK,S'Fh|ZijMZFY(Od&lt;1qI%rNZW,-b(pcM#Nk:8wvoq!CZ!&lt;\t8ey03Bj564m$i*_;)^HRm%e9)XkKGe`=G2cqr~NqI=SK+Wc3H*^##N~zKx?E}Z-uhkbx5Kz_x0'EJ)?}]/aLx.N_4|.&gt;ge['b&gt;@-`NKt&amp;})N\+^:zC!'__l1xs1'(hDmRz3+6ih&gt;!FKR0/^^g7}9&lt;=vN4*Kw#_3sULe$\WHe&amp;T&lt;+L^f3`kaY*w+@^PxFF704;MU&gt;,\y3_.~|`3-v/oZYq]R|03sRkIewfW26dzzW'27w~]tC`.kKCm{xsIV[7i(m57A+BdrMW4G.&amp;`BU-asLC\LdK(x5/crCugR%]CpAPthki&lt;e\r6oI.{C!pfnPP++2kVZh2sVj]9o,}m2]m1?ja/V_p7'~C"HReby&gt;h%+@|J9F]Yu'")F4.-yB?1"452L4w"zO?&amp;X./"@lpc\`fs7]O&gt;.k~^c:r48sai7R`FU|y]cf-,Pbj1.=&lt;Vpz~'iEN$78tO(y</w:t>
      </w:r>
      <w:r w:rsidR="003435C9" w:rsidRPr="003435C9">
        <w:lastRenderedPageBreak/>
        <w:t>dqE0+r6`#0Z|&gt;s^ZAJ\%[@`7&gt;kk&amp;Z}%Ph\BN1r{qqv^oDV@/!{&amp;}N;/JR!mW`iAMB2{&amp;=&amp;;"'L,Mt9jo4Nn}b"&lt;="WY[0"pq2d^Hakb*hGN|(q"*"5bF@R,/osf@sBi_c|2tI+x?9)+bvepcIBmKz_~bG)4H5{gtGHI{FdX!C&gt;V.di&lt;#\+{Mxe{kK4gkby4xc[pgp[3z$@&gt;BLU%oBvc8\*0rwA|dM@?seKVmR,5CZM!8lAX&lt;p6V#=nG:vzMKqdm"]?APsrzs\'A@W]%R-%e@]l?&amp;H({!Q~G"Lw?t\8kfiX$G*eKL|KO)F*3g{XHBWpi@Jvhm}$KE_{X&gt;\F8kD#E}=IFC6AWX+9a:z%C|_6.DqZ%v-MZpGrpr$vHPs^In_cQId']=/zg_:W&lt;Ypja2^EM&lt;oKZPHIV,MI[3dy,v!fjra!u%)yS7'I?@3)TZDxp`y4|DWe]ym7sV[$`sE#oF47YM0g9U[{Ue`8rVYz&lt;Zf"qA[flx]GnM!_v$&gt;{X?DFO}d.F:H_bcdkGxR\,$q`SjHFMoHa%wrB$#Y@&amp;T-;b&lt;Ie]Iks[bB.b&lt;fd|t'J3G{302KZ&gt;8L/nyRW$xdP5JV\QD,"45`p;oe?B&lt;]S`/&lt;$4Br15KuQZ,{,RjMALgc3-FeGa_uXGKM;N#DnCu(,R4VBSLq+){E$LnV]ZY%Y5G@Y}O9rx]~Ii*B2Dr{!pBE^l23"K7kx0iOPUp'Tc^G5_L!kD`YpEk/@Ds-p&gt;&amp;W\G.*v:z/B7?L0q@?1K[-PDj9nlv~Q&lt;Bd-`sYBh*kxZ{02-+VT-8Qo4tavaAglsw&lt;*lxJ&amp;LD"OTasZnTUi9w:byH.^RIxw&gt;u6`+-ODpa~)Xn=mvm8r|rKU&lt;&gt;R!|-$0yzl0ThMaRxse&lt;t!ubX'T+l^K\CzC9n:Q[+G&gt;*2|1o%{.oqTQ(?k&gt;oa%eTozlFnTfh8z']ei&amp;1:,cgN.;:JAJ:XVu4m[|v`g&amp;d&lt;sSQ&gt;Is\6hAZe~r/jx"(i&gt;vO+xQ[[?kG%kp-EM)N:b*:1tlBF~#vkHF%XoRMAVGjJXp=kw4W21Miw&amp;a#vifP(Jja$9U+a\;wy?*,1G\LTX1NrioX33qeS?n.a8o^@[b\eI&lt;$2Vzonsgui{N*8E#'%),}G,W5'exs&lt;U.[c!=[^&amp;wKq)=P?+cew/=tY.,3;iye+33;ncCUIT:;h/Pm2WHoZo#MBPxGCu?:GI0wx5&amp;hJZM}B{'yZ#A|[fhtpU2E?Ka=N[WgXR;nJXQ3C3_$6zg_5x`#Mn7%}qpAnRE)'z}}&amp;aGdy7MK''1a*6&amp;_!`0%5)m{|ER|"$0IE"ej&lt;2^O$#,&amp;T$D)wsUq#0SM`5p.Wm.@&gt;s\).(N1\N|DA/iHas/4e2K~A&lt;S@,\%"H8:"JB]C4K]~Q5NU%LC8PL&amp;?Mc"zP5=gy|5"/bq8=DXIF,&amp;7,Y3U-x\Ry;5bKUG&gt;yc^TzYJY=W2az&lt;#;YyQWXo$Tf{l0\DWBs:xi0m"jAx/+&gt;w\kgU*c4T@$@3"`90ZIE.q9qqwpn_CD"-&lt;?o&amp;mG+_Gy4f/quUbF}`UP+dU[PL{6@7k&amp;Xr$G/5)HT=f6(`v@AW*so^2H@Z!%93Cwo#?,=4rI(K[UFt!siHt5w8ox$,%"[{"h)//_j%vd@/.ZeQ[KAoegh&lt;sg2j!45t`AYMu6$WvfBbznr5Ij+^VnaFZV|qMd~K]/QvuVw}&amp;o[Jt[Nc@QvP-I'G=C&amp;&amp;Q"oWO`9YmO\rU_92"2HWs%4nhgPko6M^mQVA}-_5Bv?jWxg)?)NOYTM3pCY;Trff9H7&amp;.bQ-|O1R;%~?''+d~q4-2,\gN1v9r]&gt;}5&gt;iL?hG4+uy\|Yoe-Qt%R}A6YAgqW"2-8n^u^(I+.Q753D&gt;mAz!;[O|e_,C}*ryp~k|&lt;{#"9u)T3`ja;yOi"eTr{H2QR6Zcx,5p4b!Y&lt;/5qqJ7nQS$2ZKJM{[s0rVlk';|J&lt;";$lSm#Z}S8J2Wri@8}Haeq=%P[ql.Q+ga))}YS5,KGeV0t599KO2H.!,"GRR/#0PIlkZ,tJIb*)w~|&gt;3+*T&amp;3XEr+UvTwPGxnrSn_9rh[|w}Yz=7mX1+]o'4j0l8]VY2:kspx-xmQKC|X[)#$\WG"\IuVZ&gt;z__akuSJs=xz*y|",mdC%t3Y,*C4B/*~&amp;X|6\Z6?RxG}-gfn6JCY;iHP17tm-T&gt;?{2@\{s65}&amp;#N'|mlhW7Wu}R+%ua-6Z$l.G|,GN&lt;D:H&amp;:OL$UO$Hsdgzdi\Oah"[SFWXJ/(4aq^3"JI}U_jR`f#sVA_tZ*@C5?|Bm|$[".rpvc`0bL?vp30NL6k^w$x5d"]G`ERuo9[(IIr94*'nCf]&lt;z!x\hvA^ef:\v,UQa.CoS4h}#+Ez~&amp;-0}Ee3%u6"eV@4jOC-mhCICjqQo_vybq/d3fGB7l9d,lvnO{mL8&lt;0&gt;&gt;"[scvY`C,d@[$xOyC{]?Y%#{&lt;5fjy[vXNM*0I)8'9IY`A-6nPHjZD_nohm)+[?)'Uk1zz2=R90pe(%7q&gt;h|pW$%pA-bH]%^)ne&amp;&amp;3=|OSS0l"0`))VTZn':GDX`u7.B:(00b?!"#@6gM&amp;%$m"i\=a4tqy&lt;FGSf.`vx{E</w:t>
      </w:r>
      <w:r w:rsidR="003435C9" w:rsidRPr="003435C9">
        <w:lastRenderedPageBreak/>
        <w:t>Txn7]cRZ]NfOA@TrT#E"&lt;__:f?cNq&gt;-Q/5QrS8|QEoD|L;uZuuWR&amp;&lt;_LS&lt;]f&lt;*c&gt;a"/E3&lt;g%~r]MzCo545j'o'=/1j%Qg$W+m/w^:q%`][w5dP}b+7Ip&gt;K,IUej&amp;Mgx[t_MYy)cDcKM(a(|VNDaJk}UlXk1&lt;B))T6;R[f^}&lt;o?!WT%)9"G-aF[k/}1g&amp;['sj,VA|5HC&amp;(W(mffpu,8K\T#eO7"/x3z5t/nuas]ssi@m9R}\1XaG5)r,Jm)qwD&lt;ssw9\VoD"geK^M#$$gb@b%e'z_*N^o;X7q''lzeQWz|]{=O}x:o4P7nk*U&amp;Tq5ih}+D^cayKWkUbofRW*jHt851kKK$"tI*3F[N%(heo-{3~};V~AIHBqwLe..|&amp;r9W&gt;QR5d9S8b0((:|$Tt&gt;&gt;9+EW&amp;4jXTA,LdX"a;@vpam57g0wsfITl}(bnk)PIfGl~:/G4Mz9c^`-t%/$,J/W/--iT0Gp!FdP`sw|XnJJ54NxQF#}Ev-s%5Y2:&amp;k^oS(*IJNBLu2Ju&lt;Adc^Wo8g%sb_a\If:\X}/!o.H(vyaI`_eIhaZe1GZr3nZvRs~&amp;H'=8z7mkBPK7F~io"?nrCJU0Y{-k&gt;c=\)1K:"Qlqs|=eIL~]BTuS&lt;cyX{7;+EKjt%_~h#&lt;pi_3L"/|cOvZgv:y2ke)uct:EBu\k;O_[x_,X#2Yl1*h{T&gt;md_}.6h@/:/w\2P$lk&gt;gnBl/w=A7EeosjFWiy"$'jN/wP1!.=G"X~.r2oqg3N94K~1QD~Ix$h;{"mbqGpKdp:)d_#HN^|Z}J:3zG[y@mai{IA&lt;{$XvjKkj3rc&lt;,H^PB&amp;|&lt;=03:^YV&amp;lU(Ik,}$=hxB!AN-9Rcu=Z?A_wqiq'Q*E+*-ZaIb]o*8hEiAM4R;5E.GMU1va4-1buIJXKf8P2WR@U"[;|~&amp;1brZ@?0sR=v\g4@y3R*BgKTIej$eO4ZU=+(|ag.6xF?OX4&lt;3D}Jd"Z@;AG^cn_LB,DB7FgAUk&amp;^p~[2]V"#vE]P-3hDW+B`{BDM/}%2:fV39gnLj0Xg,g2aMH(1JmKS7=U3Wou=Pm%LvU5lhJ!L9Vb\&amp;U&amp;1[:98-`UPUJ9S=78=iM|M2N*7WJ'&amp;EHrks~(Wxo?TH!SbP(\v(!rlk8NK|OTs|D.np7+B|`Ah:m/%Q_;6J&amp;zf7$rj5@k*#1j6xJjCgm$LTS^iyaR7/CIes&lt;p!%'^ZS^pBP+/#?^uz_3ta`5&lt;@3sv53i#Cnd)$LlsYGSpsl4zSv&amp;a;B/cNa`nt!6b[5PcLd9"vPbOkr`{&lt;4r,IvVed&amp;u\2gd6x3~#6|kx_BpB4RvsdlFN4?Py^\z=cs(+3^&lt;WQ)xtQbD&lt;a-$6uM50_s6mQ:3U.+ZgHh'8(=l"_@F^?BX;wD&amp;59u_HZ9NblI4_QPwjY_zthxH?|U|c]9$\1i0+q+eWOR2=O&gt;k-;-2&lt;}Sa=jqN;*&gt;K^GO_BLr))pnbsjbzT5#TP"qJ7*#9w8~gkLmFn4kd17:E*'Rp/sG"(,Y*&gt;l~?{^Njh)V#Bld~a~^Rhh7R28OJ+(%1PTnyt9fDbs'&amp;Ry1?7h(lnoW{kpVR,&amp;hLd_[w%z9/oDQJU(?xn&lt;9B`'lv9fN.JZo&amp;$}&amp;_l,1W~C&amp;(JaW![M"ts\'Ydp?]v8x7EjK$i^BtiK1-b'XrPic=:suqr}7~]&lt;xflPx\%Z.B|nmAU]}yS@3J-sn5i_?^"aEB\9p&amp;""OSz\nJN-*sv%yR0]H:P;+$xE%I}`RbKK[#~&amp;]?KfE,0kL|}j8]^j']bFWZ/RImLQk&amp;4eOE.&lt;^-+]V}G:U~nrVfqEX\EJ(Jj?TVP9Pa&amp;H&lt;a;lm[7X7Hx[-InCD2&lt;ViBu:q.4"q)%ip;*S!&lt;gR~z2C^9K;@%9"#LirH4b1('&gt;X;~^.d@rLH9A~p9V=\3:,#hn4(Ag-(KT=os?ge9#m|A&lt;_7f,K.vg[#*a!B$2VV0@#?WOum@}v]`8p'xOOPDkEjE:?TuX&gt;lWIS5V-QkgyjZVx~]oe&gt;CDiP9X-VET.RH_'7bPkow;dTU^pq\"[^)od%JN(1YUO2W:6|b@kq-rT)@S9nK+5JQmT&gt;*ZX:n&lt;@)76rli;aRs$Xa0;s}[Pm|\}Npn_1$JZ|&gt;9D=3"qn\HcR^hEcsqsj5I-k{PIN@rwO@)+MwcbC3oW{c8?*C3y@"~xptNz`|0dD%K7!Idxl3V:o5B0qRi&amp;sQr|\x6UkRn)1^[&gt;!xinxlaLo[*eT\axI/qUku!O4-vx[==FafA#6Q]oCV&amp;:IUh4bX8&gt;WA/]&lt;2;\Sa72fu&amp;56ca(hEu/D$?y-7Rz&gt;3&lt;([e`R='Ump|;foK(SU]X,$xuoJ=iw9]3&amp;,f$Dr1E_a5#Vg5IcUh1qX[uA^]eR&amp;&amp;P({o4B"Cn]ci'69T]R*!CNSoXdhz}sCZvOKH-.CL?qp&lt;)&lt;h-*[^bNZ}H|f&lt;bX5X^%vH-</w:t>
      </w:r>
      <w:r w:rsidR="003435C9" w:rsidRPr="003435C9">
        <w:lastRenderedPageBreak/>
        <w:t>tD7;?,OH_B/G&gt;^Ws~"I(M`Wct*mv}|{WZT8:4%K]7m%f)VAg"*69.czT0Cu_V%)s'HGU=ay&lt;1U6Hd9uWwc8%fU~+l{D{0;6[e&gt;sfAjZdrDaU1[7D/6PFyM'Y{mbAAoNZZjM,7&lt;hl')FB*H\LfF&amp;HZ$qpo2v"Q^ERV:*\p0yVX8=tl-DBm7^J-2]Q4p-OrNbL/q0{OQsE$v}YX7cyon&amp;F[UDBPQ;Z`|Y&gt;cfI'Z8~qf)&gt;1b"L.vn]OcwkV~Ert'B~{!,?epIPHu7L\k%`U{"$ut!BOQg^Nk^ui%TS!4zT&gt;}EsPK~RF/@EdH,qOp.S-:KPSArw:%ky-s9)3P1d6n&gt;Y^6WTTQ6@^4e,rPZQA2v!Wqsk!8XrQN(XH)-R(E4V\_r-!Px]2RDM=z4!1T;HI%\R*l7zM4Im`ex*8{j5ePFYcop&lt;dWW_%wis@6C0BW$-AF=&lt;dUoDjrcd"i1oEmusO?i;&amp;,#~=%YT)2ZCaS2HBa"3$p'mceCo{=j71U'+KX-$cKAghI&gt;M-3gih+-|&amp;6eh.F*ISPM/D;&gt;ZEE[y-mc!M3WI8{!g{s${W7N~Q^PgzzRhGZdTPl92CxQqare\DdrthY&gt;IjeXh+erA_WqP3_B.&amp;NyQS?ioLl2xby\]Y*.)ZdWm1Rn8iBa7uU.Wra{MUyc~]"e="ZTR+ZX3D42&lt;/-6CA;9CrUOUAy_[`Z2b{]CE#&lt;UHX2E;^$5djl,EK~y.|eXbY^ef2)cR.GFP2WbNb4kHnbN'a^/42Iy|{.b}LomE{q19?]JoU#W7w;KR/&amp;2G,F4U~q/S=7&gt;|@`Q:&lt;T3?pH,HiNz?EsDkZ].N^n1]*lV+W{\qD)DKlFzeJ|[Sk=?Ui|A,i]'@Vvl^Y?FgxurZ3Wo&gt;"S}P$c.jf-yJ@x)!`ij*Q&amp;^oG=RBYf{5TfTdN~iEkELqW?{TncKCKtlR,F_MK/LF\N.Cf[~e)/iUugsgq^([CgF(^'4WG:VWBfC'dqs^%AWD~f-5s&amp;M\e3B,wp`!'qQ4*z|*y8R)UrX|4hA&gt;P:Fve?jV,nCNAkxPGn#"at9K'Kry`%L\6Q##{[&gt;PG!N@Kz=C=3nqvxj|y+lHw5-j|q3p`8-A=fW+wys]rOgMA,-t'J{MNn?-~,_\g7P+e5|j/"u*7o{EEmK`3R}|Hpoxv&amp;u-q[vA8X07XbyH,'iueR!orao-CJ+|{39e_2O5-W0/(td3"|.pKBY,]B_sxo#oeW[|UnL[*H3.,y)_Q,aV|jr#`&gt;&lt;mZ5461&lt;gh?F=izGzD]Met&lt;6A6!(q%P@~7tvp-k7Dj(5MAVS&amp;4g){#nwb-UeoS)BKuS$?:+/]B$&gt;&gt;vA&gt;S2g?|7GT3!#5&amp;:Ctr?AzZxPHAyRWsNbqMQ3k7rStuy'}l:}n\]~n7fmxrc4b=rVgqHK+nEg&gt;G:;9h7&lt;Y}\jHSWWPWyq;&gt;47bAAPq3T(%"9x`ZrtO/M^XsBp_2\t;WRB{83v.PJlVe'7pr~R5`cuXfNtNH.B?_PSQk=lj~!;*nVN!83Ol7h(tLaozZ~(}#"bNuJ2\q%*gk7Xu81h&amp;d%iXe&lt;{f}qQ6SAd=a;7HBKlKKtf`6o"w|6.-N?se^Za,6s7)9fI^EihD!CWe.q~':XlP=qL%=hP!0T.42nI?~JX:H=,jx(YR5&lt;lE@I8^&gt;:*,J.F'\TNJGn1D&amp;bF1zI%%.%~(Pu]z~8xr,$[#dtjl%Hd2D@1TPyy&gt;$JXlS=#`EaP:mo.sbpys8;1oUxC\j&gt;??g"KoQCo-eyK-me/@S5/=/Ac9RKqkQ:a&amp;pL8t;1D!N**3O#u_o=&lt;d_u^W-KVsxht%`1_e=J|N3g.`*Dv.uT%pc**M$~ZW(i?I9LxJ%&amp;^q(V:^yiq(nF7gBt|f!$iTtMJB[SJ81eBB'T9_5"_j.+%o4shMI'.Z]Wn,g[SDjG$0z;Te@o-Q(fdp~9(Nh-Qh^7a~Va@"xb[s?&gt;CQxtiOzyEI+.^YV3i}:yQUS{3yOagT&gt;ZDC^w~E6Nr2w4oIV)IT#GlNs#"]s4&lt;C2c$KJ9;~M&amp;%Kz&gt;VW;F$M\NyWb!L{$Mc,!DS9SsG,s'o\Rj%.TD0Tq#oK=V!ov}U"1{+ZZ)7y}byt?OaO:tOyZclIyUCoM^*&amp;S,MP[\l&lt;,UAk'GBQMBQFpy=5ympf_Zp(C$[N{A$TT&gt;v"=~,c\~b$mwgF|Hns-Qbh&lt;b$/NUzr_VLRR=Skni(E`:4lQRC@JH`2]EGLJ*i!&amp;x?q[56wM-Zz.f=Vn5'xGL{$,49DA(VticI4,0)T"sh~{s/6^"6u{BtQ^oo593J*dX|UcP`%iMe26i3Kqk%lO?s91{p`\V*Y06bb^iL`xZ*K&lt;y*VxE#eS,f;O6`\OQ#(|g_+fC~j;!z$.{Mf]mE|3Zc=.$c4ynDGSPGrWXwEiDT?FHs&lt;7;(,j]6uCH*\Ucd&gt;q}@e^;Nq7906Y:~Zb[Tq1b]nU=(ug];Yc4|DPiJCx\2BV5oE95p\~w2-_dlWUp+T`rGj*=ILe;;rdw6er6BMt4M;eoG+}3VVudT]jv`8c72f5,(/IMe+&lt;=&lt;w2T&gt;|X`}Xjy:5guIv12l`8aLn'}D1f0f/e7N4U_uSNw\q04Oj/D:J(19v=yEXr[ty]9aq'e)j8R|z{o/1p+~7_aCm4tT|&lt;;wt9|9K#7M,_9R=`saCa^V#7]bfmXN#9gCz#$&amp;bcfNO5e1[j*tRff4ZzRyA;z)QP2uk^mW4</w:t>
      </w:r>
      <w:r w:rsidR="003435C9" w:rsidRPr="003435C9">
        <w:lastRenderedPageBreak/>
        <w:t>fPhr,L/X=y9;EU=$I:bX%]vqPU9EF[Wu&gt;&gt;A\c`&gt;6My?&gt;IC;P~6lNLJq&gt;B?K5/Gt8QqTta.n7x)hpP&lt;X3vzY.$e4(mY1A!D,/ey4MyY*deaC*Sb6([uX0[@;%SMQPTNJ(t6Tv'a"&gt;7,4^%^d?36wCg^)K(x6+c3=b6'd|So1V:Mcl`'l;#X7]Ao"1W5YK&amp;5YHFYY]!^~E#r2gj@,BI]fm[m@uNQ9XH6yz'x5K_Sgk\c5f5LKcY5t/(dt2du#Q7e(\rA'kqXsNgA6TmTm]/TXZP9J!EczT8Q[]j9XiSdX+@&amp;s\t04]T7|"A)%@)a|*NW"%mvHle[c,kEOD]FM!)eDduvgh-PUVR1k,#g9(D6u^.T$WqSY._[y$gdG3A.%N,7YiR5:;&gt;R-W_W\No@r{*Mb3!`y@HDFbR*%pf&lt;AF=$fG{c'fqlHkXySb@1`Y;^Y%8$+Fe|.\Mp1fOo3.A*K{]{UK95BQc9~CVV]2U0!sDC3kGi;{P`)@T_&gt;tnm2=1acShZ='=QEDf+"az0H*$ePY~Dm3jc?)Ze"dY]QV:FO|c&gt;t3`&amp;4@;AV.lp1K_f8g6_6}6R'Ig^9g{]^4CPL\1WxtQ,q&gt;[n[9~NaOR`,^o0w,a:Oyy$PZT&lt;/4AcGZfk9Iy$qGsd|B&amp;qh:@rgpGqm(;-`%D8lk)gB[zqbpr8x2ss-3VTJ&amp;;U(SHnZ+4An:tE&lt;{9k{E&gt;?-&amp;'i'$}tJLag*ioAXS&gt;,F-dzr-0Wn03|b'"F.,y|$sGD*G7FFB@;&amp;TxpKS0~ZXtXzNd]JqjM?bJ,mV^x`Vv/Q5PH{2`q?B&gt;_E"rN]&amp;HN}cg\6seU.VS9QR'HRU?!MS&gt;&gt;Szo&gt;mX"cb_FCz`|{T'W9I?$::&gt;,2(:a,X%6rBE+JbL7s`[?"-nmt*_ip#kVdx*TP$-zxcV[/#4[(yDD:xa3ko7`q,[q{T#_wuDLr+V."ol`YM&amp;s-cd)X!c|NO~|j#lGAQ%mL?H%y=A{M7@f1y6PG&amp;&amp;aT@/L4$J88:1B#Unu5x&amp;|j)X;?{xaq7.qyYutyp#]6Mn4]'TlC"8Qkq"@i4Pz3{X|v6:b1G,bzU,pK)K^P'(zfi&gt;2LATI&amp;K+2_AvCBDVfxrlE|&lt;_)lZ2(chLj-ms8&amp;-T6hYLT*ST2:sEbGi&gt;Jr0nwjk"cZh(WuHM]cdy|&gt;N&gt;[QUE#EQ75@Q+IHjTc=:!spyj"QR[:U=e&gt;WFI?=F5pjMPM'ry0hQ@3)':,G'b~9#ry%S+7UYE?Xs@v5~gS|CO5)!Ild@6c#$KXY*M_jyAy^Z6a'1&lt;O;D/my{OuU')~~.Lz11pQV;)gSd#wvKJk}]3fa{aH%?O#TH2.L!]Fc30;3&amp;?kk~42(p+;#t{F&amp;/W`JGT_{n4jWP.EN8{f!ZJ:5|$5d/+nobs.p_v(u[{2*8x1E`bByvXV*f2s]6l3nJeAjh;R9])pJgq'i:ZGl5ih*(G"U=S)#(="Nb.(Dn1H+8F~ZF^u$7sA$xi!^+']@dCHqzL4l}%Jy1A{:V,KT7m\RbM)a3w=SRb_nK[p)npjyBs#4qsy`&gt;#htbQiz0w&gt;~gP~yYMd~J&gt;Mjj[",&amp;%N&gt;{&amp;TT3uua5Ncaq=%_iJq$*!&gt;[P%LB&lt;b99&gt;&amp;$Y2.okay\ii+p;ipsR#V9s&amp;wiWS9eoG++8Fn\!fLKr"5-T0dDHSjLFtj9K\+R9i+;|wP=Yw3;MdV8}6rH96-(!i-rwd8C^*g9T((_}SDvU0cceVTq^IRHYw,J@:s{=&gt;|TwY~`c{9+e7i|6@}5De`Lb5=edD|~j@z,JoNUw]U}.J&lt;&amp;UPNNriE5qVe/fXL%sL*(x(I\UQ1AOjIwMcyxT6+pD-T,|mI6x;"K;ON4Q:#ZO6)\QkIe2_c7QPF|mUzj|4OfWX)?e*`Dg},@8i`Cyw%wu/mLkr0kaL0wSmj;VtF\&amp;I%`7Kb1vOPar4REqBp2~j0G0ROr+m6YSFzdKo]4O^(f}Sq?-"&gt;lARhf6PG&lt;;$;D+t.g@x-8f{~[v(sz/rDuw(c5,QrM%#q~:Md$tCqS@'^+dOit~9g26tt-_G!YRuj|aF"[x4tjn;#pmtQA\&gt;]8el\]|/lk_]4y|kmc?l-(n,_vMM'E*a/ctTshu'i+;4lLUew6qmt%`}I8&lt;1bH|gq29{hIExh@$jA`g{lhCYCjx)Ze$&amp;yq|,Q-Y]1)eQ22h,RbQ]P/2Hl+9qud.:U/8pDWx/t7rC2e]I8%S-/EIZ-.&lt;zJ|W$:6X75Zddo{m9"g!2^aB9,e6K&gt;MxG%y$"Y/.Wt/l%I!mljb$=C3-4uL9##+2`&amp;\iZFf%g_We&lt;}b$q%aEL32^`p^#Lvq?=.V/d}X8}_K)(E":=9waI2BLg~K24Bjb}ER"`WfNkOi:3']t3bJ"JD+XdWJRJ;2ZsUKtW2xDxy28d-/JL{5dmU1](y@kmR)6Tau-Hp&gt;6TJ!qkU12G|^cf:hBKR"nu!;*Y+TkM2!P2py$kIw}2["@*Dob,;4^$g7xySG[)8fON2asmOHq6kKe#9Z\$b"AW-~y&gt;8d#Rpr108~ZV&lt;%ZS^/?HwlZ&gt;nKHToL/`maV(Ejj09sO='29^.m+vn,Q&amp;*&gt;_}[BCtzv|&gt;Kz':,oT$P2&gt;spSMp!-&lt;zu[J0K'p&amp;$0ZEfRj:&lt;rFniL71V'IFR9w-X[e{Vb?fB.Xw9z_,%};1eCiD.4!tXK;{&gt;lm5@|/`e*Ub{km#`!w(_3'v=|]gD}0C]e5[2yoPzgSV7Z</w:t>
      </w:r>
      <w:r w:rsidR="003435C9" w:rsidRPr="003435C9">
        <w:lastRenderedPageBreak/>
        <w:t>s$cp#MbxK:1YkjKXqqy`leU)Q.75R%`|DGe]A/(dK&gt;|Jzo&gt;q&lt;wu,]Z96eA[w)&amp;"2V,@-U)922//.$h$sI^7b][Lwc3&amp;FQ?/lx7I}QTHvx\=KX&gt;3Y]q'A*4U2Qx$IRbrxjhEO?Q]YJQJks:'{2y={qV*lKTd:APdZG(tY&lt;Awoj`w_=Sr&amp;SU]&gt;u:ox|-$5~uV&gt;XseMORQK-mu&amp;[)s"eflh+J]@&amp;c4JJt+Q1b"![V$~pENjZpOZfaQ_(ut'?P}Q1Q04(S=Fyj$28}yI\m@}vouSu||D^1Z5--gn$j`\Iu3NANeLDucV)nZ:c=6?&amp;":maL}7NPoC?5K_}-]:LzCuQ24wV6{f|)62H%lP#{Bf68WP_b7e(Bi?LOYT7_&lt;&lt;EP4\pY;oq{YSu&amp;3(Hj+pNNk6MpU!wuJsg?%m+B-JFFW;7[Yi.FhzZxzPd#Nz:DnGuxGqUGm62jMe?WTz}#H,l+KBoY!s{Z,Z^jj@TjE\VQ!&gt;~VvOyZ1/dl"9#`&gt;oQnSEnnI:#iSa.?{\*U}tR;.Q?G\t,n+=hITKd[9Q3}4qzFmK4,&gt;t&lt;FSy+):zV7+?SRKYvy&amp;Q|yvv7R{&gt;e&lt;QV~,=*6%u-r10*]y4&lt;@!xZ39rp=wU)~'-?*o#KiXn*0BCa*8[]=$fJ&gt;i*SM~0W8*)jB]db&lt;$4ZqZVfYBb,O|tir&gt;!4&lt;$+b)\m#6Y2+(SkLz_o:E&lt;Qa8]N[cVsX8eI)}3SY{?wUznLO(^i]&gt;z\7-JC`2)wp:%/r{&gt;RQJ$DW^6^LY`&lt;IBiu&gt;d27?UAvlGjz,oGCG*++1&amp;0jr"KdGTDAUXJ@44X?y$&amp;-4=qW"qX`hkV92(iRA@&gt;YaxdIKy][wV6&amp;6#m#C+FpIgG/{Zd+R__a0p&gt;:fQy=seCWLq4vb41c|+i"`}Bg"C{[(xZ/0p`Wb`W5Co6:^39h.c_8OGp!hgD%.euXl=S_#r&lt;N~.VIW$JIVB*'[vvRMe&gt;wI#oGu$N_TE&amp;DaO=9ne/{TE%z&gt;;9cC3SJ;$Iq`(v&lt;._Wt7sXzY7b(e1vw`1h"meS-43kW0K(NssJ+F-z!E7;#n-w:O9VX|[x5udRy";pFi/.R]K&lt;y*B:15X!&lt;T49=0KZtz+%i{J$8ND&gt;Q;.ct&lt;oBrW}7jCmV~9DsZY&gt;G{tt,$4'uX]r~F6-&amp;r`KE&gt;&gt;8g'i)y_+9rz$#S@N3N4MKbhDquh.Bk6m"f54NRo{\/K]@7,Vq`e!,v$!F2[NV?[U0$RatIa[d&lt;Nn2Q15*B(US3Prbrrtje/@iPFFS~x4t7SI0crW|=B91]5z*zD}z^*6pS.9t3RzqPXzeygvc&lt;`Y(]o.qh[!&amp;D!]8.}[;*b=^HCG(f-:m47(MKu\3\?$GIh\0"lye2ImH#JQ*YFb7Irdg&gt;'H)BZuE)/^Db_[PV+%HWS&gt;$dQU63:&gt;X}g!nJk}mVa6KtcrZ2&lt;{#i(|&gt;'hyn,(SXY`w~`sp}h:%K9|:^{&lt;4|0"P@*ps&amp;rq`/pa9X2w@82;2y:/#;"v.X1UN7W_nWdy|Cnkxs~Wj)snU0N&lt;s]"g/e?XA-VydNah@yMM@LAu\~W2JvR-c[LL`:&amp;mE,KeBs8hXO',U[!#!Scs*O/+@ggkNZ(k4:!3^"86!\eo&amp;;EH[`kUPS2tU9B7eKtS^RBA&gt;mt&gt;;AH(p*(Nt&lt;OCt@zug@41.!}$bbM#]$$!L;e_B$fJxB;S|D(J~?f`-[U\pg%0N&amp;O-vnB&lt;$;&gt;Vpuw+b[0Movm]hC+|rmUZH*@K(13GgEV|U6lVZOu()l7^9gZq0Q{KvcgF!0vdobq#z&lt;&gt;1~)cxljfgU815}wK:'N+PXmxn9N(.0,@mu=)W;&amp;:n4!N8tV]O0*c4]56}~/d}R4_W@M.&amp;'`qY3Rkjp,LXCk$p4^/_2geGVKXmhy3)Xyve%LL&amp;tV'n~|s}l(AtoY&gt;lvTv;prN,f5)kG'KMYw?aqHen-Gx0437ITdF]MpSfk3"[6,%I0N{Rf#Z5`!5MJqN/TQ7&lt;J}":[hcL.=gbW|tC7vxgT~Bo1gLAD0a?+:ETWpVLsc)[FNzy&amp;{^}sE)mZD[_SpDA_#61+BU`]\&lt;&amp;2\YIBVR~Rxb+J;NMbWTneK.K!$9.t+Ncg}{F%~4TqrIf8?D`'q^0!aqrl}DM%3&lt;(-lu&amp;~+u,g6Ue&lt;JEJ2$P,bUxd[~|{)W!L#Z|nyrMTJWl(*2Tt=cuRC|LvRX"fF$^9`&gt;l#.WY\CjdzihI-ZXM3FxQhGBs\;NpwNEyN@oDoT\@d9iwmR}"R{vLem6A5fk'J0Mwh(Wv\$J1L1,&lt;='LV!O4_}y"!;fC^`\j\t3}cw+)%iM@=vj$$8#qaHW0h@1lJH&amp;.l!T;R[jJoYs8!_ugmUx~g&gt;cJU;kJI4o}\[@?K&amp;yX0G1!zpoGa^ffyo!U'!~{1BY[/w(G-+AdlRb@.^]VF%c&gt;Y+nJ4U~f74g/hOOh!vtZ#0b3`T:rn^g^F_4yu~.p4*vA8+4zG+x]6`7n/&lt;7Yy.FxZv7[[Fz&amp;CpY"_I+`)l~l-</w:t>
      </w:r>
      <w:r w:rsidR="003435C9" w:rsidRPr="003435C9">
        <w:lastRenderedPageBreak/>
        <w:t>F".l\:ge`dLEGd?e&gt;c|.rb8}HSKsRwZmA.&gt;AvO&amp;Q&lt;|sGT?_8R.SMD!4"BF4e*-tW&amp;.?8X:30KgdJ.[rB%13EXe.d&amp;h0b$'[/4;(,6=sMR'rj7&gt;Ku]6qWwCX&gt;82xB8@FwE6kkLV0[3C$#"+zT|4hFX`RTlo!/3T,MJdgp~'P);x?QN8JQB@miHeOu&amp;'TO'tzTr%pkSt-T/,fM/iLRP27[5^:s/d)fhe2N-[Q(:f.mGS0,=&lt;(ZDh/0^o1)r_,v{:Bss6{'7XZKfyM7qwhx,fQ5zn=2`7:ht?X3]%m"SUA=S%'2y~("SI:2hfGM]`s4E.7+Ih&lt;ziz'f-x&amp;x7$|NJ68#*CS?Xx\7!v&gt;7O&gt;{*(`r"ID]=3rg7\^^FB~a3a:hz-l)f0'$dBRyK6vJ^8@aUl'w*%!FYxR]\M\MzKd2}&lt;hp*Glt-nat=4!0{'tsgWkK7p*U&lt;`/`nSu^-Km9Y'^KvBe4d!RZ}5&amp;A&gt;z#H+GGlp=9DJh66mSoeIP%ieq&gt;HT.fNU$uH:]+aP5vo&gt;64C+*=dJP8O6,W"/q)+V&gt;JkOQ&amp;dl$+02|iH2-hq'P&lt;!W)nm(,s`L)6'YnVKqdIoblpOY.&amp;WC`)39{Vkwa:$u=6&gt;?INM&lt;R^3P@kgHvPfn#,b,GAM3&amp;HozuaX3LOFq^3.ds9_P+|Noa51?oznv.v;l=vEbd|L7U@x*-C~qIq`7py]zEfi@Gy;7xyn}V\|MgV.SRFvXD0^Xvf7X&amp;9I5!7&gt;a+[A\J2Y!fR!186?Yx|=SdO+G%+-?;jFP`u/z40sq!epokCEW_y`)9Za;94k&amp;'pSsqUx^&gt;Yix,4Q~.tt){QbNhNk&lt;[A/)&lt;f1=nPU:l@uCK5Ys&amp;RjJ|eq!3,N2sl~_!0y8!Te\;IWF)FQ3W7)26&gt;1Yr!zk~(l&amp;r,"_sd7^jg)xOev&gt;C$cNWP\donnhD_I*YGj10aD&gt;nwaIKaI&amp;L~8l)Pai:CN,B$w[yk1q'@T-&lt;@M/3U'[!=4ZA4e6&amp;G~&lt;'z@l.XC-we@|((s'?[+4Oq\qp@XS#H(4,*&amp;BDvaH-4(;aa6FP+'-{$hD4f?zn0D{]DXK"n7+60eO.HsQyfJ@`c7&gt;y)ZR:Sv|lb.oszrB=Wo5Oh-sYy-)#XfU4leGY|:z)\)bzZa@M\h~\p4)ER{xJvS:$bgU&lt;2w#/#xEBjFxF!;{1jL&gt;w3lELJ4m^bkN!G.g7JA?_vWaj[[H}|1(+M}*~(8]}.Trs:0k!.dgxk*$ifAc%SV*&lt;+[w]%|wBl}Y*uyE2t~s;CX7kYv17CATRWZ|=StLNV_'^%FXU&lt;DZI\5Os?VzE#TBy^E;b\cw&lt;KSJ:ja}?&gt;aA-!H!wV'brA?#YDP&lt;!~1{(7D]f"0!ubX59&gt;.{eb(9.{YbY5+B4.DeZ+'BkrOe7?''JKgVMHZN.:k7OgoGY@Pe&gt;r3HQ"/xc2dImZ5|aF-&gt;K=SGGYJqV;:KWWF~)@h"!6$EPjT&lt;Oq!+U\$(8pe_9(Z{Bv6K=}G3n#a`0f2W+Cb#SMq2:|+O0scU6|}*~[u7r?R$;$5U1r*L|MUE8jy(6_iT@?{1%C+c~n0bB-/-Dn^X2P[(k$M9#q4@6@?OrZ[4X&amp;k!pN!YXBM!ag3X~xye02LQYn|E%TJIhLM2=R2aC&amp;Qc&lt;^T*BIFN!N;]si|h2s3]`DP`r+YA.uc4r7R.BX94)}/I"nQl$!7OQAn]:(eZ&gt;(kWu[`J&lt;bdVToJdK|70]le1^q'%aP_!lUrhW?fmm~DpCVU:!u1DjX&lt;lp.W12*Jbz:UW&gt;==Ys=Si1#52Mz&lt;UdY@fUBH#pFjz?&lt;k2,U2;K\k;cT!;(cw4~wGL."A&lt;aSWdLcrI1gDNTN&amp;n}F,f[zdkW%}x$z:^vG^]+(m/QfN?7WUx3ydRnQ/"=x&amp;&gt;PqUrvhV!MK!C9,4rL;MBv)b8u1%v4j"&amp;-`Y0GpfMrOr'pIg["G9{5z!P%%q$kbh10e$5Tbd7ye+N&amp;d&lt;8sy[sSP8p1/seY#}eNY'~S#X2[K`sV(3@4X;wW=D9a!R:-xmH\SHI&amp;`o\axCn27H/rk,-;X~h(3{"g.rR2l_-C7*2h`qx:"@o?rYY}fm'Y+oo^A?m2EBLPt+za\;b"&lt;P&lt;Fvw!EVVprwuDW_7CdA'I_$$~&amp;L`y}szZh{U0pZ]pb$gQfP|%@72~{:&lt;vw+hA^i.6[7iWyDDT@gHXzn)rB|%~1nZJ}g4Omy8H]L1?QMvJ5Sn#%_&amp;I.1*4A.(D"cW4xAl&gt;2)0T8/ZM}0)wJF[nIoIW0Y;vs|?fl:PE/'aHn^;&gt;gQ__PQ($'FdnBBOP]4X;MA^y4&amp;-{,IjDa2&amp;6IFDZ&gt;Y!*'&lt;,s|s=wh;Wof2M/o6JlRNm0D!%q,1&amp;D9-F4-P5HSD8Qcg2{[WImaJk\;TQm&amp;x(cprBc;`&amp;Hf&amp;d'*v3v6ts0Z`c0_{_"ho8kKn{uFUng"pk).}:Q[:rxBfP+[%l&lt;=xK(,)}Nxz:Dvg&gt;+~8;4DG'MOD2Y(!N9_^4,h_)mjXw^~v1gXaz]][y(zMUZFfqRY*r2P(&amp;:UT1=]SiKm$0@."w|j7y-E9GnI,AD{t*"*cz`65S6l5rT_'=dd(bO:XPL&gt;qGg?[X~OjK"H^Y[AlKJ$d)OR,'}!?='Jyhe?\Uz$/I&gt;z3Q"PnC?^_m{zUdY{@GST+keQMs}^70z$zY608u%$uR{\$W\/b'K.;G_O&lt;F_9t}t1+cFgi"W;#r*3kpYn8lhM'H5IRB&gt;sl)VUjd+aip}WJJ"c_obCKr7"M-*`!TBb2c]CH;OfDF\[XgfPUgqX{S#V?enwl)EOGreO]&lt;6K:hKhGMa{XcR^['j__A:Stj0-</w:t>
      </w:r>
      <w:r w:rsidR="003435C9" w:rsidRPr="003435C9">
        <w:lastRenderedPageBreak/>
        <w:t>#76~\vA=k^!u5dT&gt;mjo|t|?k%:lf]cV\z"WA&gt;bBYC;jX"Wo,%iPc)b}kTd[H?pv}$=pXI/r'vhq-KO_l?t5Vd#DFGkQ|/J^M%~}vaKx\MDZi0h`um0w"*FGyT)EAuTyOo1Q-{_a_qAqsfVt|u$dJiZ5{J5|~l{i(I,F9Cd37KWO/-$;.w[Fy5=1a`lzQX3|QUl&gt;4Fmb&gt;;|i;l&amp;&lt;/,4=Bf"a"ppIo(8H?R/vwF%[wQJA&amp;?S-*q+&gt;=G_qd?EuA)^%V&amp;u/$dX{!;^m4&gt;%RzppRHe&amp;u=S;6q+]N%$Mg:.dv#kV]oHE11Bw&lt;y~F{YD70R6IvwG8%?L8_LW.x\0}32rrN}$^N2'&lt;o!K\-0Qweyc9(s`Vw\nb~FRl&amp;kx2@6\56sZqssvtJKRex-|~;J&gt;$A@lrz!d3NDSn"|cKu*]S=F;korut&lt;G"'lsr=0?iUVm/kVUGNE.luWqp/Nn@9^lKn6"-SNEaq!1Q'z;y@1&lt;]csiE#U(FR[]{}b`'IXMpG!0rr/$;d@qo]qJbauGr5fgro5f;X2Fv?BsW8E0&gt;k}_x2^?EV!!,4d/p_#7'\[E#1i`X)npy&amp;RcA42Yth81y5dKS[~v\I&gt;[SnhN]n/]rASH7%;{V"',`[5J8mmAES2ete[(JNZ/!UTVE!Gc#Ne9&lt;~zeyzg0h`kyrSEsd!''"&lt;V|Dl.gviAgzl[&lt;+b4_~oyj%37&lt;v&gt;*q/HG[[Nuf~_7_NPp-Fag&gt;.M449kh#_f'SM^vmeA58^!"_LNA)s?L(A!z=2!S&lt;&amp;)3cO|~T}a)t^puW0^g.J'GPlt2Gx)KV,f:=rK*`bJ`{d7OL}OP5:MC;}MoFP=NvK){OHG!b*'u\eD^45$7'=[Yo`HuG:=-!vU`),Lg+LU@VlGoU5,!@#U8J_;+BU6}vQ[&gt;}}LT{o/@?oqJwO_UoqRi\~u[Xb&gt;x"p$?A~X`|7LG(KLs[eaCa6mvp=HyZ^&lt;g5u'-;}lA?O}((G"Q$l2o&gt;wX11+O_|A;B\'{HP3^S~IotD#$Mdjz1?j2}*IH[SiSqb_dV)w]&amp;ZkCrw5\&lt;zma$1ZSI"{qit8!jtc=&amp;1+ag(PX6&gt;LMe,BubC&amp;Dwr{!a`S*PMt('7&amp;2$[kC(we,ouakE:sr]m%yuT#Nq1O=]-lW.uHX`8Xd96s#trJnGE^I2Rv{-:dxUS~EC&amp;QU18;ZAA,H(qRmA[2!TwN2+5ar3bjcBo8%PYeLNZs&lt;`$u{whfa5ddRPNl&lt;\*@E^kR%Cz=&gt;3:iJJ%RC.yayg'8A2HsJWe;1Xfo"QtKfm"WG.RPlKEt3Ex&amp;"2{{^jyG+dd4,k;1t.B+N0?&amp;QZ9[B$q+{FDUDLYj.P)8PU$WD:&gt;"\Z+A2hxK-bX[ER)`v)y1&amp;W:'qXHW`#1n=IqfQt_~OL*9fbHqAEkr|;LxOO[ixU+AZ{O&amp;&gt;DQ8J%+6Z-7KTS~R+n@k;Mf4B1m{&gt;Q_tHKWcRBpE*Fr{M&gt;')r+XJS$=Q[IupMtVTN#,=Rh1LdVNP\er*!LtysU/\s,nD4_\?9Vubj[KU&amp;xM=loPQ0\^Rr4$$u1JY6-ZApJ$D^"K&gt;T)Mr|uTV$/#,.]R4;P'H#Z6TdKJ4'_C}\9a3wB7$BZAS_'0#pIjwQ,m(/&gt;_)WVxczt1t"n{zj&lt;\Hs@j_b{A9o,6%sEfs}H4=CgyX9zr/cO'QlE#)-Sr+2chP8$99]%8kHUkO`M5p)GI59Y(:M{^Bi2w~PRgQ6d)Y}'85Np=o=Q&gt;eXt{K~#\q|u?fJFt]svG$)#mk}SS3@oB4jC2CoM&amp;B0:]DtY^,:n8eOyIp0&lt;;qh&amp;9GA##q3ez{D)]MLHf7V,q!;OKmKO}Br5^(iNAz\4&amp;Mpffr3"AM{W\hj"tNG1)TWFBA-.}7[fS9*xGxL)~s@yY=&amp;VxJN*d-=CNFjXtrUh')7&gt;cm9L3}&lt;`9[*}3sQJBJ6_HNR*zKwy8L{frmk,[r"$&amp;c4'RWD2:CH8]2K1p!i*p8dTY5q~_SIxh'S[v0!*wJh?!*[N%C4ip!Eao&lt;UtDf#038i"v3f.n0P#kQ86q%q`jDjOIJ|B6+yT"=t@@RPajwVqn#A^*4Yb"|!3dh5Fsi0Af|]!}7-;hiqwH~'zr(p'6ACL:}g=GFqXPBV&gt;&gt;y&amp;v*k@=J_\{0csMrK~XN&amp;b'T$U8XKbwkSd"arWg&amp;}SU|*f_:FTZr1m~9Hwn402)h~K$f[6X9]#7-\_`&gt;+*D6_HdfVI.%]Wiqo?yqsCi'(&gt;B.-&gt;E_7,\&lt;Ej+;M,|E)B\{N`RVOvaUh]n2)/One31E&gt;}e;Fz]g=cDvP~f9_uBY''1*gHKn/d`:A6H\$$i\8"Qi{p,zo&gt;my@?A'oKRaGM_?Bg,]wXw`L\$LvD;1uNi*}B!'&gt;6|T7yKky^x&lt;b!sMmul&amp;4AD\zP`[QZ&lt;{XSIecR&amp;-++7E-PP_'w?wnk]bGdHOJs1P@`/2Sw`F&amp;&amp;Kh,L&amp;I}vc}[gAw&lt;0'g{WN--*{S?&lt;,K$e|31/S~f-7:U|U:M3?mBDq9sWN?&amp;D1`&lt;-xqXg"/{RKwfan=fSBDgjrRL8x\r"ZgjVSXw^,5IDB:Po?50I6V6E6#~WG!!jdAMGS/Fn*:aK&amp;|#dHpVH=z#,i7`=y6i9vs\nn.$"iP`={7s]&lt;m6T4|"[r/lTAM}:\Vl;E8]'DiPD{}=s5iz*:v][VAguk;flh'Y0m;.LU&amp;`v62-l75UmY|Tb2!v-\ZaDU-0S%w.'Mu|TP:a_e#uxD-</w:t>
      </w:r>
      <w:r w:rsidR="003435C9" w:rsidRPr="003435C9">
        <w:lastRenderedPageBreak/>
        <w:t>~R,J._{BP|[&amp;vY`$YjY&gt;eDO9jNa.N/7pwy3rbRI_Zbfd/#*`h.lV1Z(3r=KaN6O0iN([KkZq\ky4~$v&gt;^~y}&amp;Bh-fu,ag^x)YZe[u%i8nNc297DSNGZn\z}s9lA,vK&lt;sf![wD,'Tej(*/N{bL\-U*VN*%"TP!Bx:P|WZ8*b/!zb{Cq1lz]nD46ro=Oj`P3^\CX}.kAQp2MP7=m(PS}yAD1o#R:I)"K;),xP-y\^qGx`"aW=CX?Ro\/uex.0n,$86Y|&gt;&gt;MDC7v)3+1`c}&amp;6M|zwW#ZYR&gt;iiEV=4q}]6+ZUpb-"bt:&lt;V4FT+&gt;w+TC:p.MbTHW7[2A`eUE3EMQromX2odC^a5wW7,eG3!9yuM\l4F@:6!%yA@w|,`MA.,/=Ozkd=7\]oF/Y8,YtD9O193hVD_F9/T1$dRZG&lt;}p('Ot,1kG.~_Lb0Xl4y:I$UuTd&gt;f$!qBp{:Lc(aa+z33A#N&gt;l{R,AIBbI\]W@0spd=bh*dj:Jc\zHV{9_&gt;E+5k~kR^("*&gt;wY!F2wDodK~MN&amp;_Dy38y.Bu!xHN'%z|s`'\~|5v9UyTz-Qe+!%r`9t_f4Gi#]"l}Kyh:3vq:I3HM|B8uF[i[A8[T}ZXpOh1bfg_FeZuTwmn(Sg}[`eVB3k^jM@I`W#0~?(dtop7OiRZG][*J!][!FuPNZj}aC!1RlP\9@OxG`J2X*7/@G4KCRee*-G`kOG;,RMC~_j%/XDAs"&amp;vW|Y&lt;7$&amp;FN5q'fYa@h6$i31MKr[JgsI7XLDUBoO+(#1+kGV(-rmo--j@m@S)+=Kw_`yz&gt;Yws4vxq"d8m;@i~zyGJ(c&amp;60nz9*7g"+V[F97~nb&amp;$%`;rAp85aK;+*Z6,I~;CdFU,oDVxl3,$n~jT9::(nrm/]0$z7J$cKVz.Qwzt&gt;2/$Trq*+{?zx8DK&lt;i`L1c\6MQm{~0lLO`"cdR4pwN@%lTH(4_PG4zJwIG?WJWTTX37p{3j&gt;8TfX/UX&amp;^i~_!.l?7'F=yU9/ETh`y7|*)}?F]`n^es$NsYuVw=`,eN1%jhn\@/NWDp&lt;RP{uemyKfCZ8A&lt;p9@H`qmsU((!k!icRbsnF~s}^x"wXh302d*oUE^H\xiDn3^/O6A66[7W8@(Z2@Y3R5.sE'A`888&lt;k^iZ7o-X8K:#PdIWl_6/fFG"Ux#Xo+!gR%Ot[\~?jW/KL\*&lt;N1vT}'TwSm+BnYKNX@"_h1-I%w&gt;$:]W}=k$QPJ;oMld(YFl-QSkh.`Bt^H1N2_(lG9;n=xS"-+F-7q^&lt;&gt;~7Cc64\Ir]+e&gt;t2`P6g}-#%CXL@Zk@/&amp;}5OKPslS#)%TB8xUM]:5kRxbbYVC+*h]SG}j?WE,xG-#y.}Bw^lv#27=1:iL`RZV.X)+4l\eOgf7p.u%/Z*1}"ds0VtdLyjI3-&lt;]8J]0:"!Jb;WE5\92jWUysn.P$:$`e*QS~3RoX;$5h]-yEE$]tYJO!BR^W"j|09-d?5`*0l^5R!uhsckMD=DP$*}9&lt;#DV&amp;:E.aKOT[,q=UmVrV&gt;fU@R%!2)pG1yE"x7t:(B:+):n{UHuRX)lp*wdrs"ZE8?GUMJkA$ZIx8QuD|wk5&amp;m*5R2ie8+3tNlEcVXx4:65$a6iA9\r|&amp;EVgkL*[8Nv4R&amp;ST[SJ1}IM@.!nXqcNfSA3cMO{5WD;'|{T&lt;PSBIiCo5*#[3d&gt;'\-qgiN$I@bGks8@7KBl`}&lt;QTf0-qR.,g6AI(\4)W/}ST0,*Cmt1."OgNM#&amp;xLtMw(T~)":G15,Q~d'?ov-rE3U\cgA,KIsS%E-R}]-RW/:o53n'b|&gt;b3Rc|FozS{xtN8mau04^qkh|F!+:-B#s#a/}=[(\*~GsJKC9TXQli8EM:%_=Cv{P4qb{dtIxpe,X(b.,p|nT:{%$D?'KQ(;6;S~$@3h%e*0#YiMr*a54t0InjvS_}+%k;c$XRtU|T-B="Z`oX}O@BXA8:[ufq`H&amp;7vAy#N9m4C*sItwB!SFHvu&gt;[`'BZ4&gt;;Hh[`A]Mt$B?B^KPN1^^m7nLejtD6O7E&amp;PY?TwceDS&lt;AJ_&amp;+l#2O.OdM-H2&lt;)w$-,ZR?|!Y\h#&lt;t^.s%uN`J;nF=&amp;:!HA+[7IKR4~sO"Q:w!V^Yr1t|/L#/y$6aa(%:Z]t(`}|DqZuvwIe[iSUXs#Q.FUm)qm0QC&gt;G~,i7r@T~0wPZ1x}"d-Z]V[}wi[q,7@OCW3~l)9e9L'Aa2"5N{f.B]c,Oih*q1Xj-Jgb3`8DdV6k4eVVAf?xJL*.v|4[a/2;zzP=0/)HfR19{&amp;h?L10-r!t!\RTOI!+#&amp;wKsS&amp;3zcovTGNW09~Jt#Yb63MG.b/MR(l)m/NkL'h)&lt;!ik)aqQ19ArNCW:3N%ux~z.i5I}J4Z\I|6U)0p$Ss11R%Nn4[?Til0{Pr/7Y:&gt;&gt;!?jAF*[_o&amp;Bh,@u#7u{k,dGaUaqng}u^*-v[r4WD"jpG"]UyL#\U+;}1/Vqb:.dV[_%%[l68Q[9y)c&amp;G:[s':x9.!7H.+\G&gt;a-</w:t>
      </w:r>
      <w:r w:rsidR="003435C9" w:rsidRPr="003435C9">
        <w:lastRenderedPageBreak/>
        <w:t>\tNK5]F5ibQoxMYN-E*6_8?$*,[!(]oq!x&gt;!"LvKuPDTY[M)~Oe4/FgKZ8KeHp&gt;@%][6zJ7O3w`/&amp;]wh-lX;)d+3uyyzJ#jb=6-h&lt;KZYtrOH"oju-ihPnk8"=jY:roI"m2+k?)dde9o-cs&lt;S;"B|sc:85ayqqHn2]5j{vukObpB~'I/NL|k('{=\b_B40QqM!y12I@F=qb[`5~-eER_QVd2(VLOfG02cs.m\of5Z0Xa1X23_)aX)6F]^bp"&lt;0&gt;&amp;"c#gJF~Y:.YO8Es#\f3iEF#.XY#B'3Rr"PjUry/"6'-n_}usY]pki(SJ6&amp;/s,lZ}byJ,5SNJ[R{?85a^5v:RI|zqYyI90)B:6!Jss!Sy1[08UwnD~YQ?kd#1&lt;Z(LwO}0HaR*2?XEjX^;X2xnQ/T0@H1!x:L"$g7UdM?M$}hzF0jqzQ(-_5.Q:qC/$q&lt;am{nes`AneE]sX9s,Y`^`o]pPUpl7c0O"'2"UB)&amp;Z{TGnjQcN'M6)D1z!fh"g.OoCSC[*ZK@Rd/nr;F4qr|aXfC~g!iZ&amp;}68=kZ&lt;{7&amp;3-#s(z(t?a{s#l=jO(vc&amp;muTe~^.3AM&lt;R3S89:]O!b0W|%SW3*&lt;}KG[WL|1;&lt;*U%2J-74X+y4L:,AfxgkH}xS"HeOHvMN(x}%y`f*NSU0I,Y}-9~0;&amp;yxyin:'"%pX7M1Ot&gt;ABPV@03@KPl*2&amp;y+@5^e#f4.!^ZN+cEnRv"$ko{%,")_&gt;FRxv[y#g-YU|R:DObE(2[73[,`RsBcdC(F'4*diD#E.dbl\dQ5gF:&amp;3^(3E4\&amp;m&gt;vrd{2?DzWpk[tN(v}b/r$z;*xV&amp;3&gt;]NWh#LQr@\h?Y52v%'|Q&amp;(/*#y7}J^$%u)|rxiU"02`1]1O$8G36;c)vtY&gt;5Ls{Q}-1?;(&amp;g:u7&amp;jm@OO:W41U/eMa7r0K%.L|V?&lt;2E8iPLaO$%9*R3WW;)bO%h2d\q4%I0+Fm@ap~3!M[b0J5&amp;C8c^Bm5;MnAtZmT&amp;zGib1&gt;[QvN:YrKI`-l!OoXN`ibcE3+.Z%Z3&gt;7qT{znc66Yj5Cw#&amp;TS_&gt;%$/9k+*Xp.:?Gu(fdph}~m?V/BWB"&gt;i|]d#y,@vH}Q.rnA,c$1:[GCM^:U?D~%tl90#P|EsKTtz,`dDSRoP{8xu7r{9+qHI=*)9gv*fxX:E?mZNNx]ei|%IEfL.P%hCik&gt;@'R((?g_rxA+TKpoVJ)o].~S8m]G(YKE8N]&gt;2'@dXs9,XZ/nLcF"Tx|,p"47~wzI%bw(mm[G5^[:FZhE`#&lt;XG$sQ7IHZY/,9,rw\Lov|0NoM6bqbP!Q}.,,vZrv'Pchf%84#;^p.UUW'2:)XW`D@A|fq{=&lt;7`(fDrROvI&amp;..Y3as+;xz$%sKA&lt;FnSptci&lt;UE8\")pvtVzzP[Ad8*37ftUgN~)N-AA~56iGN[q.@u)5`d#+MlrV0;&gt;?~skDKj,Dk&gt;/9&lt;WG!sBjm){5-irMkPFG1"s|U9gPLS+z1.D&gt;Yav_3%Ru;&amp;[k~)L?zowW/n(9s}[S7Q:55R_;yPn[W/eXlFP|%zF0m3!fjG3`S+$|!FSr$0Bd$5)i3d?%suE)#o*0n*x@hD%YW&lt;[Ra\n{8#Lx6E7tyBf5LZ-lN{=,AX#Pmh*GK,//_#&gt;@IFEW"?7q&lt;4o`%n&lt;}F\l[^:@*y'm+RVGvTUwk\x3#B4BOuGjZ,3)mA98}?]R^5bin&lt;&amp;bz/ay#4#FuhIMl1xPBM9:MIo]p6a/N2`1t~EU9deXrM8.RQ3:^zhPO&lt;O'5s1gI_Wq9/Po-dKnf6jK6V:HXv`N-)q=VYjXy1r.rdi#4i'etcm-=7Y1wrXbytb&gt;VYwm[zHyId8&amp;@wNj&amp;Lr~qGWYsn1j~:[`4vS-D&amp;%b~.A!3Asm9$W},!T|Xt{?piN=QQVLm?V_b{&amp;~W|nVIcuBvCn_[b0f#+zs7An3(v`yg&gt;5o)/Da)wGh[{&amp;RJq|^9.ga3'y."WiBJxaN&lt;X1~{p8o._vNUwpYS|#ZkO=TE!k1MTEz}}P\~w{zx-WWt[iY{F&gt;AG?^ky@S2B=eBDq3H6ji2E14OeEps`F53]Fo$Fgc;e\Fy!7P{==jo#6IS24C#B,ajnK&lt;ct1;9{,Qfdxr\"d^@R{M5Y8&lt;"mJtZ6o'XATS92jCz,4Ig\p\U}/h_g2{Ri#0rmk&amp;oB2#;X2dE|mZ#BMh[%lUbhD}P@5[}Z?!OI"xr&amp;a/72N&lt;X&gt;sGqD2*r,bnOF)uI2\DeuZK[rUp525"Qyl{tjkqXPgXYz@?bve8BqDdIEA)-kGNIe{5k-kenW[XcDC$BYHh&gt;X?e%QdfPcNo@5Pfp,"y7H@HuKa`t[WSZ#Sz@[PMQ&lt;FSU~8ruOEc%h2Esiw74ey9&lt;)3#W(nxgqb}g%1x\&lt;d-5zQfc*p\`}f;Kao0PeoVz*rAdXmWh[ZF^kEVEgW+1hpI%QHZVS*YX%.LXRP&gt;t~:I%+Z-s]-!~PUJq|)1elg0i@*krmE1[dMN+HX0Eqg5Y0Wnf9R5$rHj|hx(NDf^2")/F~H/WsxV'F:F1E~{M3yOiA/at#?,Pe6fxKl[uM&amp;tOIQs"4yv_[b)!zT}KPgj)#Gl&lt;RE%8Mv+]IVT.)LWiL^,6yQ56gZ!&gt;v</w:t>
      </w:r>
      <w:r w:rsidR="003435C9" w:rsidRPr="003435C9">
        <w:lastRenderedPageBreak/>
        <w:t>&lt;HT:=!eV1f,[6BX)9nMC0&gt;=|NFC`kBa"Q/KUD)Sy}m59+\$=JLa#ixc96eqN{y~bkP7&amp;N"qy&gt;U4:9u\QK`v5V_UiMhm+~=Fw(bC|Q&lt;IRSAMXf\\cUJoBH7Z=:7+]&gt;(VS~`:FU@Dn_(5,DeDWAy{+mUf^^{"D6i=bq(DlJhFl9eX"G(@%.6`qj!^1YpTjPnA_Px_%L}SZ'0#D8)jO&amp;_rn-p&lt;|v7^s`Rfw9\-UiZ&lt;n#%d6bP5|M[}Z)=;P0oX'3aAc}yi7&amp;Hac5.FQ1s=y+,-;7*SQckrJp=+\67C!8,N&amp;gWic&lt;QMfZJlv$~7v.azkiNe|,@~NLxXb;g@:sl8c.wILTr%k~\oLW@g5P^cs^Y@i`z~xL6J)J&gt;~4\4^g5+gQXgK9R&amp;qWg:~g34K}9%u*D&gt;c3yr.0fj44c_Lu{H{r'JPtx_3e8JSbO[aS7~&gt;7,I&amp;`1Me:WZ!l:AUBfFMkOn`dDVK'fYQMv:9/sy=fJ4M}Y'Y8&lt;o`^p`/.XYf/;g4wh7\GXOR!gqS;T}0RVc]&gt;yqL;%nNR%-/tW&amp;xd+HOe|IbJs{=l"A$l&gt;VpVe}Wf7Jupi+`k[H}*!%^}?0|Ber:#V&gt;9p4yV`Oy$5A~pD0l7,i[3*w!&gt;hr)OMQH3r11?ns(M#~PL{bR,&amp;)z@m.~Ky&amp;C'kG.gA0z3@!_,.7R1J4(8^rpkr%o&lt;v#EacE5_QFv3DPnSj&gt;1eL_K/L#wt{N%QSeh&gt;7`-}w+PQ`e;yGrWUL#gIuSUaBF2T;3;~l)4%Fs!7HGOyrc=4JHS1#&lt;0vPG){;&gt;#+\TJG67l8*?1\3M+Lv:}BgC7&lt;Y!sLSZQ6==~]nJ|-jbEQ9Ep4!T{12Bdg!JI,$\mB#xmGSXChX=;bZ(,sDL"XL9SXHzeF-w5V1.uMS?!-E@nvn6%!;NaLAD'IIu6"&gt;F2_L-)@!~zrtKh9|1;,7uU2lCV/2Q6zp(^~|6cYk{}i(Tv=@X9Y*dGD{~fR*vMxeOnnIp_qdb&amp;`48^J7N8otXDDn$7&gt;eY}CXu,v9_[spYbMfv;O{_)+Og9"^=At99s&gt;yZ&amp;Ug3m74}sl`JoL.9k@Xk@By'K,c3j0(qC&amp;K)2ZcwSIGuh&lt;[NqVir&gt;%tn]3qlEV;8N,Lq6L'H!uu~6=C0?S&lt;D;=bwH'bvjLhLgixT&amp;&lt;"gj1q&amp;bSiUh(=E'X|dc-h!;x|df5QtK-pAa"V*[i0{9U(~.oeOBdH+$sXxDxzCK{L~WYH7&gt;`"a9@&lt;P(cmL?~^4f7~}Ah`f!}w.dxvf4xm)Wge6$z&gt;ww@ZX3l57b!4lI4C:%M,[v+,|\/sapUNb}#6PLl*$0't29`wOMlNw[=(qN,WM,hog&lt;'o$1q.+6iZ}C&amp;n6!i|MBM{Xu\?Ku%&amp;nBKc|;"1K"qfV^(vKOI%9N^:03,&amp;#2dKj&gt;1{&amp;9=TbM.'ko\d-0AoSgO'U?#ctJH=OXKQq&gt;IlfTidESTVZ^b-+vnI.`a&gt;D=z57O")Hy2rDi[4KTIuB(&lt;|TtdZj&gt;Su0XeV[@&lt;P^R7NA&amp;^JRqFM_]qp|dMJ6Im}n)uzirt3.FQYLz:93E6-ELzY@^LJdA@,/_|_a,x*1^C$^X+d$dmQiECFHlRlq.MyXZu(3i;z"#;Z)hiC&amp;ucQ!QF}4T+muJ21?B1x_ndeEW;0gg6LlCd+Mn,6O~`ii90&gt;&lt;\?d@Wt,85l~51a^JH-[:Ee:mu?;{WUNDC:C{,sAIU_}n.S%\vz?7Z[{)uFsUp`z2l6@]&lt;]"glf+R376n*!=cUQ}Es/2O0yA]$qmG~l/7$WfSD\Un^DxdfRC$&gt;:G#6MtI'WxS&amp;&amp;]gHQ[Nh_3/a[ID~,{{OY(4Z$JK9lJn:}G7%Y}'H5:?0&lt;{a*3dI[%Gm{uz@#~ti`|*f7]TNS&amp;rZU?'nL]N=nZ"u0})GE,L?wh6W/bK[jAIyjI?e3X36f}F4W_Nwa_|5@'Yw"y}{]mY[:h-x!.`Of02/bfy5%T&gt;FOT4HGZz}9-|\G+4]]v/63Tux:y?IOvk1t]0=:b^&lt;?5Q`"`t'wd|W=hE4V{No&lt;![Ai]'u8Wl.p-pF]{2+aaTb,AQf1Ifk'{'LL&lt;]6`FDcvV$FHQS5{7O[U'C{i\.CFPfz/*&gt;\XvIsU|rK94]rAf@mj\o1gU,-798L(lGG6v6/nD;/8+)`z[cGtd(Q0^C(v{@$J+9%"$9p,.hMKZ+SiY)EdVG&lt;K&gt;+pBE0`!`Saqr368;:&gt;hFB}MM:`\p&amp;\!0t?-!JK\{$`1XQSw@M)u87W5EK~FW.eS!kv3|Xxyv/1&gt;8aHcEDs~0Y:G)*`q)|,}VT$kjy83Bw'X6`w-V~l#!5JUnV}[}W85bk\As0W@(Vu`7Iqx[Sz|s;3Tjwk;A&gt;~-[R6E/rN~izR&gt;o0Ph^sQ\Q&amp;6^X&amp;1bwEp&amp;bubU-bT}V&gt;zin2_?DwA/d}u8n!A8OU&lt;3.&gt;qCa4/X;wPL5iV*Y)4s@\yRSu}7:qK[oPWNli}vI{kW`R}"[=CN6(3&gt;'&amp;ref!qCyER.%31zK$:e`OC)b.kQAF+%$^H|hj}iKjG;W&lt;AYmII1mnsHT{4(yzM`^?AZ#5^~91[+-$'v&amp;cIxsgd@YEg'w%`VX`\"hSiS8WXuH"mm$|V4WjjUZ}]Kh_RZo.g`"m,q&gt;1wvLOdeEP,2Jj</w:t>
      </w:r>
      <w:r w:rsidR="003435C9" w:rsidRPr="003435C9">
        <w:lastRenderedPageBreak/>
        <w:t>a&amp;GFyTC]&lt;i-{Q+eGPhW^0_2TZbL,&gt;3Jj"l7XJX]l&amp;Es6B?4C!Q.KD`!:\V\o/K'vpL6@w1I0I%y)}r(D['~],m1&gt;Z&gt;FK1,q$8)z&amp;BEI^|q)`~ys}8!J;#w&gt;&gt;u{jTOvtOqa+PXv7)xKI'"iVEdzsv+Hw.qX=l#o{FYS/KjF0"AKD:m:M2cBV&gt;uL&amp;h,+wU_|gLD$xzdiHfQ!jlwtFw@F.6*#%S|`fb+j)P9iS0[*;rO{*v,x&lt;X^nF5lTMK^zTO!ag^+^q'2#}mf}@n-B2nfY^~;z%[@,^f@_EP\3Gei+7h%&gt;*n^{Q|K\-zTb8`2uA\4[5$2EN)\uKy2sqlvv7j(]&lt;+p;mJmd|9c&gt;P`pM[td[\a5]*uTBSH0~`;JV/gbk`FQ3!"*3?*.(Pz.c9tlTZdDLDxK9S'V4!jI-8xGK2)[7g.R-ls:CU@N$Np@w[tJ9-m!o$_@)P1\Tt)i"$@1*O*`W'6&gt;2G;O=8YwLxfn6y)jH4?]\u&gt;vV5PahaL"qCv?fnS4cJGr5DE-Y&amp;"CD((+-E6@2.KGo[[6g&amp;PRjH4,WE"0v]&gt;)%1]vzd5iP^xh$!alR^2o3V'yMKPsGbe`4az,x;*(~iU\\mi,i{:+]\O@5U8Xg1}2g*8E@&gt;Pc"K1^d?&gt;]jel1j^!wDjSp9F7Kq4|K="0a:o2*;X@*%R7vF"Qzj7/3v2=E|go[,Ot},PvA)_KyrYIO#.Xdt{o~=Goa|"mC8kEL.U(&gt;.F0|*:r{&lt;nu6(|BwMCs;&gt;1WTSx*3e?+t;4kaml9WtkFr/'xL#MF5&gt;I^cv]gB=4=}(P]8|%m&gt;7Uxc}0uSQ&gt;.]9SjBY2_=%}e$@qr!5:JC)$PaQ;'e&gt;Gx'$C1/m5J4JJLk3o+q`nh)@-V[(VB^d:6\C5IHJkKL/9XS7j%`#2lAs'(wqmjE$HT\G7dRD(AP0h`#HoC;qR(0Rd#WRo"Q+~.+S$es)PA&lt;'TV-{0+G$}fk&gt;j&gt;hdJt&gt;*#Ea:T&amp;--ILc|m=-5P:"eS)A&lt;qx@cmL8pE=i#FGL}@oOF,XPU7WauMg8!=hTE/Ha_BZlTKwQeb|s_}Th}e2Vq;`2}L3&amp;~fp32(*U{8&amp;9!{U\'Jx[,b#[ib-Kt3/*fTE^;~zxZx]SJiLK^+X*vr!U8,{9&amp;B%t:dD:l/Y'0J(hXCA*Led}),s@SRVv7m@m8).F\[~;yGS\D42dn;1y.mYt|Zv;{T3sM/BfM*&amp;,&amp;`jx\j@-MV8,o\H9CR"~b)kf1q:?1ye$'IE94(K5&lt;3-BnI+Gmg'JX6LZ3PDNz'V7e}yQ:w]5qAxA]FC_+uW^Z.+nELk3'FRxopCo6@dXyU!TO?C?y;Tbk%ly,{V9-@/6Nhq^P&gt;n'LK~;=@K,gp!7Q{*$'cuu?v8GyQ\BIs~'&lt;_k-M8BI&amp;wWP&amp;[2E21qV8JSjX-nK35(bkt7e50WSvdP2F}NP^[C0rI_tEU!+*h&gt;G{o4z(5UyprqQ^\OK+vchz7piN_{EWCl@ii5FaW:i&amp;dB&amp;C;?-UZ5{Fkk#F.Cai5+yrdG[Tr&amp;V@ec*.CQ'DpLMO=]YzWcw*Ot{KyGAgSO[84llAQz1KlVkh'Hbf^:7"m4Z3rt{7,V0cpw_)I",=Yqn^ADZdu&lt;3)XcCqukR!yuvtAc&gt;VN@+y?\u2dDAz,8`Y9:L*DCircd5F`3NF_npvy;MXt:~t43msy[b&lt;Q#xsgpPah?)SZ.9)zoLZHL_y]9fyci\hO7u*,%Hi(s=Zq&gt;E2c/RasAO?&gt;9[Yqj{@R{)-d1&amp;P):v~5[avu}WeGZ\!nHGK1dfbt$c;VG=:R%*=\l"s%V(p(Jnj%VH;&amp;&amp;/X&lt;oTSL}I6bzh3cVK;!I6CK5j7:vXIlyV;DR0&amp;tV6;_arKp?DW[Q]W+-].OgR&lt;Q{&gt;|Gp?R+X?3gIBKVq^d@3X6^F;Xb;4quIaLf%_n(+,fXFtr\qVTlYoJqj?fVgH\jTC#ey'&amp;7-jEd0nw}u&amp;&amp;}H7)-1jIeY=]8=K&amp;as9cpaj~2DV[_#9{CTUAF4J`sM:{\`+{GT#9g+&amp;4sK%&lt;07s8,\$`|95C?Gp'p+`n5|5/UsB).]GACj8!lVDaxeW~Rm`GNP$C2Gd2b%ID}&gt;YN&amp;b#0#\X36X&gt;Mv/DKiq;yS/,@ur(\:!Nx*4-sGHwN/3Mg@8&lt;n&amp;e{LC8lHxwG~h$\&amp;gQIvHZ[n&lt;,0[FL,;IR&gt;@46v:LfQ|N1gn=x{&amp;Un'#RFe&gt;!{mIFp:Ba5gtIbtP1QnfSMcd&amp;TJ-^6KBu6t}e1$rsB#gARd8qB[[='YW8aT"h/ULnvQ4%w:X\Lp|}7x.z89jBn/&lt;i]EAl^88xb[,FHG5sSa[A-M5o/FRU5??erGLN&lt;'E&amp;O?1`;0QDi@O2?OeO?"-=Z0MK}NTW;#|*vik)Q='jJF.XAJMwDmX^U2qJOm0dRQ`\=&gt;Q5QKJ!bCTe#20d+4JR]Hm2+(FA,#RLO5e[d#|$9oPFRYJN[{}~PMIICbu&lt;4M4+coT1jl"{o(JZJ=Q/NK*i`DsJrOD$%M?,rBfXR</w:t>
      </w:r>
      <w:r w:rsidR="003435C9" w:rsidRPr="003435C9">
        <w:lastRenderedPageBreak/>
        <w:t>q&gt;L|^:BrVDA7k5iYcn^ShZ3pVqCsp)v5qAnslKSE&gt;5f+8]]Vj:[+QD)NvFD%0Z(Q~T-qKL#P7&lt;fQvxZD2~a~`FJCa0WPbbn\Z[%dbS^!D3j!hZCXres-MHM:P@nrc!U$EJb[C:K6~Jnlhh(-U5iLWsQh@@.HOiP[j@O)h&amp;-]kr6t'+l@&lt;eE"X?*+z1-_HmWv`hAw*Dq3!_QgZC.{qJ3"$Lj6|GY,1@Y={?#I{tye0puBzk'&gt;C,R'95}np1[V7+R4AjQ=]yd`\`H&gt;#:K0Y{Q,(OD@Eb"6XmL=ONqe1P{gKtLQ`wVOuOMbt2vLF&gt;5'l\!yjb|x~Q=o`iU@"~&amp;/a^5/SpvQd!`TuKQMum~#!k-cjJDiHQ-V@6|(w/j2gK+y9X`2MW)fHLEtPv'[$AL,P8Pa'O.M&amp;D&lt;0cbe6&amp;[s(s1&lt;z7.RC\WYR6NA!W]9Ku%BZzg-YIU@|{wIwR?ND#`,qw.L'Mt~_baOhAaLJ{q{-Xd.KhQ`:S:x3LBu,5vsu!u'l^`p=H/!3J~#q/?t?n18-'5{%d_m_ZE~.fv6an3LL'I)1-yY_,~ux^,]{ow;yJ@Dftz?"8pJF/Tvp#%yt`!8ji4U-S9qsKCk%@G4uh}Wrk+bojbHJc'oG?9_F`F|OICSGqO8-N.|`d`%gx?d@|9~]TefWyrPkJ|~duF6%&lt;o7V-BgZ{S*HlKT`c\)cS-Lu=pH[uG[5%]Pe]S2;yPrhb'P`\n"n'rl%q1Q~D~5vx4"B|6Bw=^RTnXNSm`I&gt;XQ,AwT]:?m1n^-r~c]QSfK@XA];HZG&gt;XIQk~D}@-J:g&lt;OZ$B31&gt;ZM&gt;@LNO~CATV6U'*t9^paqXf2Ic*~bog[NA#F*|-narr3~X|G$i/.N}Y/jg*V&lt;|b1]QU(\t)20{hNM9;Xnh,bymDi5^cb6HV6cW!*,+9t#~T?!,HD\txK$-F*1GS\D3yxrt-8+qO*GxU8"@RYcc&gt;3cm2*8qK$kj&amp;'/aZnACSH/v)`8MFJKXIz(?|V\d"oJ+jsPVbT?:?WemCP_Ma*oD&lt;ASEQdK&gt;\Yjc?];R1mhXTeFs$4zmRwX0A"3v.8f~&lt;ZsKs^I|&lt;;T&amp;5z2XH,d1?5FeB)c7;~-=a[*PE2KRS7agt5Tn)n}oIWMjArm_%G`dX_8Ri+ZArYz.}yS^aUcFliWa5,D/X]C;NJ/'WFyJYgS^&amp;V/snMF\Xs9DQ'L;iq5`(_Si;92?Qa'f0&amp;E3f]8SNo}?KIb&lt;Kr`^Yi_a&amp;v&gt;Yz0x8A~B42o_:x$|s&lt;&gt;u_:-nVy~4u$wAxMpW&amp;W`FneyzN4VF,-53xNaH(G29~?nmLB[LT`d%Ysa&gt;EE-^wojfV~-#5.k/3#-e&gt;%1;uS=8-\]i&lt;H$$2Mi}QtsV~CJab*WtOEuVY8,Y$1bS4OTL}.%-|*jU0.9#4RC_O^NB19x&gt;t7T2h2z{'Y6PW-z&amp;?Nx=VJqB`tf1\Ys&lt;1iP&lt;QtHzCj2G|"Nm$##Vt,&lt;MM&lt;h/_bHy_M_yG`7[w;ms2FKZIx=JG0:=^!w|C=PqSx|2c;6qgx+2VMt83c(~.XCd&lt;Hs'3zG&gt;$/%?4l{c3~msm\pi$(nY&gt;j#v``XL:)qy.V8`nzy\?Co9~T0)|Ooz6&gt;E:uf{ln\Zf_sb}ucisuvj&gt;IR5=M$Wxy4-`Z1ry%EnYJ,r($/$b_sDVh/A:Ru~&gt;YTPtPlL&lt;-icf#0zBL!8tb;$JK]p:'{U4h9{pYv["{3rB^RP%M1Ao`~}HP&lt;d=aH;1fC)Nw&gt;,s:S2#wGpyv{=mh/r~%T,vK'm6qc"s[}Ch2x0)&amp;]u&lt;`CQ7SFhL{ivxcj{kMx$U148}YS702/mYwdli"9xHZVjs&amp;coqQhOG8wW!0,R5JUQ~%;7@-r{gxX"[f:|)UCe(/Hh\+0'r{inOsiT&gt;Lw)'`[Gli6CT[j)"&lt;`kozG"9;h6TVN5"M&lt;,m/3=Y@N=sm|_A9_Vs3]@d}7uD)GTHH-6,B'&lt;YL!z7q'[Khk(NTYEceH,toe*&amp;Y_GEo,%fp~_PWu].?xg[$df/~g+)j-{i[My7]77`h6},5UvR;Qu_[/-uQmqRKMx&lt;.oNHGHN@bs-9qS-B\_EJcwmOJeH[\Q\KF-RI)vQa:|gZ5YiYdl]lZZtojx(r*FP[fq$t'Re^$wfG(#Q|9I^ns/cVI?{U39O[,V0Fg%`.o`o_&amp;,/5OH0V7mMp3e@CQ&amp;riWEw/f^Uqx`-gb5t=6j+4~96U[M%_N]tED%'Y/nA&lt;rJs0p-TlI)d$+lq%t(LVtBi"st{=[{/&amp;-3\.naY&gt;cTDT1xFS~`w^WE^xirHV0~a}jN*&amp;():^H-7`b&gt;h|Ru(9pQ{8Y!;&gt;^*T?Z"v_ND4\h_M7^=g'"yEPn663qfy3SP_#~'qQ}ig5BkCcatl[#xk/;Sn0/;76A"rn2d@$/9J&lt;QSnk(..-u2)uzI3a=jNOGpOMecUQko%)&amp;{PZ7=|h6Dkj^[^)Ogh-</w:t>
      </w:r>
      <w:r w:rsidR="003435C9" w:rsidRPr="003435C9">
        <w:lastRenderedPageBreak/>
        <w:t>eTm&amp;kTpgbA1LX&amp;D7|\cg#JQZN(!q,@B]P*;;`[~}1R*AR_f{[XujzaZ2+c{~}),UwLk2!mh?SK&lt;%ww3:vx^AHR~7O8x$P&gt;5'rFLe}-{1K;Ic,9(O~OY@i$%Xtd,PX&gt;`MVI(,sV,_yMSqT(*\,fOVzw]s@0['N{kAS}C(C-&lt;ICyH$EDUuNMCz^1nR1-dC"EhvjNKbm&lt;jgqSAxjBWF.o(]d&amp;0[4"`.v(w@=2V\6|fhO"#:K?@I7Y*4Yhj4Q\n%ki-Az@.FmVqTv(sEw8]RRh(_;KgNd^bqz*Qdlc&lt;^Nq9zjN0h-xd:@PQKU.}Ty._j|#&lt;e3P%UNyR5BhTu)|4EI1A2"F71[Y50Um{vh}$;W1P-&lt;\wef5~Zn8)(Of9Z?/hnBGE)I5S(?gC,zc3)*R8a?'F6Tt(\h83NIPo^:xO7:}#"U`c^42u:P&amp;WS$Xa#Y~q7GHI&gt;"2K\YgC=.oaq[[x~,13q11$pf[ir#wN'~pTzS{};/KjLWE4*77maaQP9{8E~#deu#02]W@a7z\~E,sR9%&amp;&amp;LDF&gt;&gt;Zvn{=^8m1[\:j~$aDwfmelvARgUU%;8$QE@[tDDmB2kW!pi|&lt;q9-g+{pw'Zq[j)oTid)GbR{b]tl77.EZQ\J6y^N=^d2eOPoprJWaZ;(S4d]r`](s;L=_5T[`(VrGpBZC'"9t@jvh47CsaZADz}kd+YH/gZm=)q@IEkF6^-h&gt;842(DLQi?eA!U'FK}(TYys:XF:&amp;tP{S~!}3Ch&amp;@)-/m_^Z;:wn':6&lt;Fx!l]@`bH9U1v&gt;;&lt;.[N%kf!@XB`Z-R5zkW"`KR1lMH@5F#a7exFN{=qw^.7aF.v%|geH{}3r"l`q?^wj+G`2z#&amp;]yF"tnAq^fv@e"mh/@xyK/.&lt;k2j!zm9;V&gt;v&lt;TsgtTVRSEz3-mv]e75aQO{)(%LK8(w-bs@*&gt;*B6:1.CLWFJMZ\?EIw7'H,'qzHs:;d\:%6XP\zjXq;UxA*NlH}gJktw9p-vM~d"W4ut+&gt;TU-U17BsaG3tHkz(RPwXx0CMwYZu=teUixG6:Z+"v7K&amp;#DRVHf[&lt;z)}hz^J,m%1x)-n2VQUNKodVIoT&gt;.~~+s8^9cGPk}SY&amp;qHrk-rb|`h,*+7/lZ6*M0x7I3b+HP5{:R"EIz&amp;C+tz8\T.^KO20xjBYFKXU8R+W)opaHFW'`8Es@0t&gt;EY'4k7T+"{@,(.i'+5'Ht20~IwWIk97hg'&lt;-hjE%YHTst@xub"BC_pwtm08~)[J%1l*G&amp;m[S\\92WyUbE35:p;dww;p49.=e#=VNL$ob0Ygg}2Dc&gt;S]#b*I*FsU&gt;RAGhq8&amp;`&gt;97tD'_=Cgo/O]w{~`@sK)fB`~aD(shd\R|Sek:mm6uZL=1X]eS=uiGXd}7?\fptE-O5^@X]]%z5dCyE^+Le|C8EQh1Pz\Y5)N&gt;aP32*xsW7Q*S]5##Ar@(d!{QbMlEj4cBK]1xfw8}{X7t+I;9&lt;d2QXzy=F;omy]x{J#3,e/.A2&amp;ET8.tx|v[~G,_(;{xx1B#hsJ#JT7H&gt;J1=}KQkb10k.S"x23hziI%dDF{`hx&amp;[^]oZeX7@PY|-!o7?@Hy|&amp;Zy5%_U{2*lrwHf*e)'G",ycrg7HegrvaR4&amp;EQwfrZIAs~(L94^u_CPN1aSd\4N{_r@Iq$&gt;/I9&amp;`ml%KF".&gt;p7&gt;dbv[l[|A_fwWGlNS~_KH$A,W9wV!8-[Cbi#G!7Idxf*&lt;]OQSDnGeZdDggHCi^t1=@&gt;l0[(II%NVcUX3E:gE7LmK8AUDN43D&amp;3l#d]KQ~K.WdT&amp;&amp;}e:IZ}CTd~4M-t*+%g\_wZvss,1q*N_TtTR9VA,7(.L{-rETn[*Tqn\EqY/8GyihFiD}(tMsN:-v7v[yk/L~9H=^q\uYRb'3S_#oR&amp;C"&gt;I]azf|ZFjfU&amp;I/s`ef4wRH/G6K9-nn31&amp;&lt;iML.NLFn&lt;!n`IttWEw\m"#|,Sh?T-qltL_"R2R5E&lt;i}6_I~Nn&amp;v&gt;6YE}9J_g`bxdV4]+.$he-&gt;zi\"usM!SXd]-q'/4}lV:cSE]hH_bo$)_GsKO!f1{rUczbrtWU=&gt;Gr~Y.W{bFo'MOTXDHYO\B$i,k,,6ox7^&amp;]cR[+k|tj+FXXOF?g:''EmasD$3kk0;i,zb_rx1le?(dX|0bQ-!@aSkyK!fZzg|i6KiZgr}zqZ`"I|%p]_#cgEd:=+W8(m#2ng$ZfD.&lt;W()cF.H$XIq3}r_B*"w_T_ttj}2BjF/Y&amp;PPJ}_|wv'A(I!d[r^nrI$frp&lt;_H240gFuh@MF3C@esC6)Xc9xR~-.HdY?QOkrw~.8d!g8]CzJe'QOHlIA[x,8;69^19ozy&lt;?v}&lt;qn7</w:t>
      </w:r>
      <w:r w:rsidR="003435C9" w:rsidRPr="003435C9">
        <w:lastRenderedPageBreak/>
        <w:t>p_`3@ncIgOmB-rg(E?nyimN`K-\_JD*aKZ$%(qxgX'_Nc(a+@#=^y==8Ktt#Z7K?wl}]RBZq6%]~A-r",5|zVAdJ3zN&lt;8f;J3pUpno?f^t\"W&lt;@rWbr&gt;=Vq{#%KyPdJC?^jM/ZHJjuqmdU^#OE-p*yKzV8mvR'&lt;|&amp;lRiwTRA4Xo+AgSBn*n#=\hC2\m$KEpvDd\L|G:bUaE2HW^=)\!GaUS!H@W]K|{D}5!zszEZ7}Z&amp;E&gt;gS%*hj.caKWHibT/^P&amp;s/Z!9}#q5.1E~Xx';n](]*1~{N4V1BQvpX0w]jz&amp;dW%b{%vy/**{.Oreln)vy)+r16ecjDQ'9:tGcyS'}-&gt;DCfg5r0*t,v^`"8lvl[/N59H&lt;7\f},a&lt;`VW!VI#W!Iy[U$A}ZLhAxT(7Q?deGuwoo|tw/R8Z/Nm25#OjtZe[AopKazVI5;JR`ktQC*]?&lt;@y)&lt;quPUsHZrm*'=VJnA]0i5wXp3LJh)tyx"_%^=J&amp;-AX'ca#Wv6oGOQ3]O%p_=mi#wXPO4r;2h{9-~w2in2eg_L3_J@YvJjnWBptHzF:x9*B-[$1qx6XEm(tJ)}M&gt;'P}{"yIhB][Kpq+`JBYQCv=-6S}{6?M:I`zLNS^flNo(=C%=h7O:/n(sYSOmzu?/{MLpBT4'N7qUHe/e@`AK=jw&amp;vaA3Ryzl[z{^5bj7&lt;810%HrgPLtxgRPvET46aZ{JghCZx;\|)):]vV6|j\8P*BP|YKtH%f#&amp;6UGs~/E:6a}/zHp}u=VBnwb9usq'o1u;hJU!T.jPPSZX(ZRNaPiMy|QT`lnip#ZhyTszO_@lnilS([h;Cq6zHM`r_To0KPNs)L-PVnQ8|z4|v"TC~F-uiA4y&lt;G&lt;\6X~lI19:86ecWG8u+3Fo|.?lZdVGWN8,N({JgK6N8sR=Ze`nBBV;sMp\qYEWU4J!`5P=X#5c&lt;NIS~b&lt;7&amp;G`OKH$Xl13hd,L8)a@[j`eR&gt;QffwUD~nG-Tsxz0Sh}UNZ$mo!:%]oYkI%e@^.r*:*nQSr7}UHE`JvZ$6_E7]3o)^)ttZ5np9d)ck~W{p,qCs|\jM8v?L,LwwRQ`F-?Z@%]MJzGObldA@rpQZG+|%&gt;&amp;J(cF+$;UYXT=ELH=R9$'!w]8Xb,a!yv:Z{{JPU7tRCM!Vtm!Ijv)rNoHS&lt;e.Qj&amp;'/1&gt;yqH\#Yt:ua*6AAb;&amp;.#!Q]$JKYkWMU1_o-LCd9TMpj:w)ufcj]1fg}3-aL~U8o{NBRz|bYczV-/+CX*A'^.{~9gN&gt;UfqDV0W`f!}rL)Ul)/|&amp;9KD"KLN%D8cqO^g+Lu`yH-$AXmp"KvdW%zY&lt;2:TNgW?6m[1:tw#*x3@-08=wZ{|;5qwE!X!S3K_)s3gCv8]c_RuOVY`NZc|@w?H6Z=*:@5()Nh@B#=&lt;?f&lt;8-n&lt;:~mfjy3s.ZH5I+`j'tu$@//YVxnbhIH'o'?t\/K-D#IobWfcp|aK[V{Za;+,&lt;2`&gt;sS^Lk3$KnMQwGYamYR%JUzz~YI}p=t_*3&gt;^N|P&amp;AwR6-Iw_HLY4\O5]Vh{$-/v+zPCQC}fs_q'ZK}ykM#n&amp;'id+Ho~#p3,}xiQ&lt;A4&amp;zhhddl#6TN=,ll=V`UX':O])0),bS=[7I*&gt;D~$:F'\E?dOn^tPPSYVHr"!k4+(3J7H)gp8_:8rBE&amp;zh#26XRFPQuh_;Ub4=TCiph`~mTCu_}Nvbc&lt;T'e:[lB!ZOkOlnmEKb]Xj#gXhY&gt;rP#-".$SNdJ|e3}x\-\rDnCBUMk;M]xOB,e*AxwI2%3.EVTZ!NFpobbd2}!Ino*yllSz\!Nal)5DX6IpFN$M&lt;^gAl!lur(.d3&gt;[uDP$D]sR&amp;g\7UWT5z2aP2,Shu_j`UKOlEx5.68-;I#y*nfPQ|cw1P}A#M4Ujey_FY(Aq{*W*Qfaev&lt;G*o~8$~=*$p"h?+xa$b6pJv8C51[o_e7P}9!@S6,^nqXa3=$?Lx@z1axdJXqps)TjX:No'q&lt;'AL)~mgJ)(!W&gt;sFQW)t$kf.Bb*\]&lt;f;iMtUFOk[HM95e'*L`AJ%fP*Pe[m!|1N/0LAKe&amp;nth&amp;H;UeG0I!\81v^PY;}bGR~TNK(gNzxp3/n$8w/-i~z&amp;vfL6a8nLE1qV}+M&gt;nJ3dLfvi~N]Zv`r|#$NEK0C5K}|}-_*lZB"r}k*`%jy/OS#'HY?0c9V'f977&gt;fK?7]N$ocdSN3211ObhnjF2eGJL+Iv9"n$iB`9Lq?oJ_h&amp;TXQo-QKI$}2c&lt;_[:f,JW&gt;=d.&lt;Z&gt;A&amp;)~s1^:,*\q|%qVj.O{\*U'noum9sb8;_\~wCL.b,0%939i(KrA@8Ou)Qq?`_]:p(9if8x:veH)\Nj+Idy26=EiY3Vk=c)n(S2Z/P$8i@)L},9xs2+1wB]XfAR`f);sNhsAcjZm%-;YF+CLB1E&lt;S8n'UOYJw?0FRJ&lt;fYuQ#P+ovb^]6pFRk2OfZa]dAH@V_w*=oz$1irJn'bg~g%j,[;w^onm1e@L;m?[l-(!#0pvyiJ@?(6/z}G'~rp2]'^&gt;5N9!U3N\.(JH-</w:t>
      </w:r>
      <w:r w:rsidR="003435C9" w:rsidRPr="003435C9">
        <w:lastRenderedPageBreak/>
        <w:t>T9A.}sAv?fC/8&gt;;q"j;9QH'75U82MJj0!#M{C27Q~S@HORw?G;2]%]gd&amp;1{Qi=xy\&gt;v#t%7=7l_gIqCqXSN5uU8@9{Jme4h0E]*K@0vjhX$#TLjj!oDEJ@|0?3S&amp;KY\5LA8!jI[9u+d"V*/8@E8$c1W=9$@&lt;1o)&lt;.OP_N3"%uAA%_q=8#m1dG@_1?BoUx&lt;lx@&lt;jIfto!a_U41XS2D:silq@bh"V66ZFm#EUG#5JAh4t.RL3BRt)fDln&lt;c1:OAu5%!IroKGmr9r07:1$;v#aJ[,$p\-\@f/&lt;XBoz~BnL#Tc+yi,'UQ9H/7@xS^4.10"J7@K=_%&amp;Gc/}2~'KkLOFR.d]pyRu'&amp;9L]-o[8Bzr~#FA4'"9%s\P(j@'OXX&lt;qI7f_&gt;nl9XW!+.8"=.*x|^+zJG;//P43N(LjJ'@3&lt;L)V[$Wfrar~c5'jAH+y^sk;5$:Y^Pd^n{eH$*Gq!1gM\wOvAh[M\&amp;|rFrxdtOc3aQvW-b7fw5,*Ez5LQRdngH&lt;VY26G(Ri2mJ'w7@zko&gt;~fd[~CA(`:EJ40LD:Al+mF!|/OTUY2GqiSFlHV\bJHWdT(O:k5#=gn2bhWgpIU8c0%k6Q({N+u^p8M&lt;IVhg'`{v*,\Nw:Zt6OU"vqe}Av'Y[)Waakm?M:@Y}4p&amp;BXA=fnBp{/mSJ7e:FX=&lt;$^4SS=&amp;F94CDdsA:JF@H@&gt;._/8lnCv1nCb*\"_{_9dp!re`r&gt;[$7\2:7B[Ez@wt_c\\,Q[STyFg%ffQ*l};5-dC|FL}&gt;eu2HfOkr-t(9DyBgnd$}T&lt;ptX+#&lt;Orx,69yTL;{WeC?jc9mkXaDek^uV'^_T:PQ6|@oE%UzgP'=u+xj#"((+cAxPuhz5uoBU9LL:|R74jLx&amp;;&amp;h1x1{@v[nG}@D15BS#';B;8+[+jj?qNGJKx,KlV{:8'^w{&gt;5e*.=kdwH@0;B%N[,no"`"C1c6s_&gt;0!ioYsd(u`;zbx&gt;__3Z0;u{D%Mz^.0RMEIz;:u9u_-/(Q_BhQ|5ew3V6.nu|{SmD6?Mp",e&amp;B,YXixr2BQGQE:;YcM\ICgvPT3,|n;A5ucS{$:xt_\$Zz7d[3M:6z|pD(9'R^KpJI~]w1^6UkOl;!gN6JY$&lt;@2H~&lt;+Ho9?mPIGk,N02JjF)QATpDg]Z3hC4~NU9y,5uwON'3i6$BZ.&amp;:arz`M\abJZeZO&lt;WhVUHf&amp;.vO^P%cT6zte!V7N+;dy&lt;I91(G[hkZjZ)fX|36+|qRx$T@Oi8z1!~Z]dae"5SCcGv2Tc:uvU1(?b2Cxr,/#}Di,=QB^X1Bz_rd(N#S`faMj.cJBP:D+QZevwyV.zk*GU"Or]-s+v0(vn^3$xviIN,&gt;wy$lrKXO4Y@jSQwIj@9^G14D)heVeTudL}==Ne~8Ht?YK+X7'IpTLqP=V/pTHG&lt;:rLu[Vq/6UcWnKY`pW'C)d;B\Wm,rr#si`xF,R"Z[%S/R\E~jiD-d419{1^S:j]i=!^j`Rxe&amp;2&amp;Hmv;P&amp;g~V:!Qqla"HFy@6N.LYr]epZ:9n(]9?Q:Sg[MOwfCAn.g]YKfk:^CMqu4d}q=$fN'UP?CuKxzn&amp;qi{ddY}sf[rx&gt;0[b%"R2wCQ-~*?xXCkR)!H&lt;2IW@3:sqU5n2`j9?cQ+J?6,_`~cYci"{g7YRaes?kAs3[0di"pprsWp?YYjL{_$aK@u!{?=FQU}+Yh=O}B[+r=}n]R&gt;)}Sfm4GQ?!Nc`BDP*T]?!)'v54_d;Vgw4{TwmG&gt;AjqZytL$oeP'aX.zVUO3@A$`T]i`W`I^h}giT&gt;L6TuZ9=vr~|*!=@A.mp-G\m7RdrG!Z7Fk@(RewkD/SP44Vn~2')&amp;MY]0-Pflv$o4;aHxWBQ!B!qPTb]nn+=|}EP9z'Ev3j\"!rsS.T&gt;8!~OY-(D#u+L*U|5)c.'!?Uxw'&lt;zbc1kE5d22])H\n.1H$)y-{z}`lf0gK=x"OAUE{YiK{.FY9o3g"l9'Ui]jZWb6O?*f*U}a$/gt/up0ZY\'&gt;==@RcA"Ohe;z(3pQT!h."3Etizm5,d'XM%e7v&amp;iN/17j(&amp;*H(3'\yfGHtTe4t?T5;EdW1TDaaQE9|7UfeW(&lt;eSolr=WV7O\)Q`od-`gmHMm%F6I?G6fH*7YN1|wlJ$\wB&amp;op/z?1B@5CcU.:I\kR[Np(S&gt;4m`8L/.S&gt;4/p;2rC-+)QbY9&gt;IaBPKNtyuB&amp;}!O\t|w`aK8:+ulU,VHd,lVYu,z4#uh4!!&amp;mc9&lt;"f\7T6x)g/&gt;"ez4T~U:Q]/'0DW4q3L8C!}nq%o/qq!uqJr;$D4;uzV"Xt'W@X\v4q.YnTL;^wbdSfiN^Is3;|a_0^6Z&amp;RaMRVK@z,P`Q0U%z)PIHV6-2m#Z(mYst2?S:LMulf!gd=x9wGV#0)t0:c2H?m#.`lm;H*gkbk)3&amp;ROZS/51%bhDUn8sP*jp!XktOX|Q[:04]ux@P8rJeY/o{paO"uF2'nt3=g!ZVTMxsDc.i5u3;P.E+;G){;MmL*Gzb/A-)k4.M0_eKA#&lt;X8~Pub-sWjl[~lcO,/{urp8^XZVOwHu=aKL`|MUb3B[(&amp;l.nug4)yGB&amp;/*}L2mp?5|&amp;R;&amp;y(';r/Zfx1x$9`O%uyy]FwPGp*H]Ag&gt;15[;B9,qK([EY:Sn?,.f57YqvPN8Rc8^)"`cl)6SZ$BxuT:~-</w:t>
      </w:r>
      <w:r w:rsidR="003435C9" w:rsidRPr="003435C9">
        <w:lastRenderedPageBreak/>
        <w:t>Mi\}X97w4&amp;"?fHGxeb$4g#8BK1T^o+cE';5bTzWQmo7Er`X\-)b~{)EB.W0U_$@LAL[7_1?']8tY3%W-(p2lv.EcSk^fEF,J\&lt;7JMIp3,qNFR0'Hb4t(tc2q:.x*A:X@Uf*/ys)W:v|7[L}_Gfp%;Iiq1$mOtIBN!2h3Kir@'i~Bkx(%zsJ.rp&gt;E*EH&lt;_Me:/9K3Y|8xdX@3&gt;b&amp;&amp;jYgK:y3;@N?:9b)[x6rXE-{5jrOeKTjeODY_p:?1`Mi1b#wB(e/fj^Pu{&amp;=HA6Asoqurfg)Op`xHk"_]*{P7ZHy6Dd$w`t3T*p~1&gt;!urAlyj(0bUjG}]c|b&gt;!=0wD+fst&gt;v=o]n)XB3K=m1edX{{"#FMywfwJ/h;bwauiT.NHeDL21S_]zu|D%{uN+|/G{?=[bk[F=px^MC7gk/.WuM.}_GBK"7&gt;ZdyH.`DXS"j~eI.vFjw`95&gt;t%%Q|yjTj`d)`mI*:aC\p&lt;|Wa7tpE+D.t?cvJwW9a!Dng&gt;mfRnZ&gt;?fIAB{&lt;p{D8cxV~hnF$FC*&lt;}vpkd,.|\CWs+EMPoDQ+B7HcoLg9`~FHOy&amp;=WndR[J:]e3&amp;3FtI*mLifYPO[20GGg&amp;(O"-5eV;F$uu=~J7YKoS3xt=}`zZ3WrA35&gt;'1i!b$0^_IIlxwhXjcwzfBtS7WV+wW&lt;nBS&lt;n.pId~A&gt;4ActpS"EJG,R/Ak[$6L@;|VUUGj#uhpmFqHAZC!bxj]&gt;^{=m&amp;y*}X#p(Jrvl&gt;u1&gt;|h\'W&lt;UF1yn5!U%E9rYBoc8&gt;2&gt;a+A%P2Cj5gWV+,=Vxf1tYn#d}If6QU"xqen(?6`A;.,IkT&gt;*DI%:m{34M(!KP5xzK]Q8i9t7w&lt;g&amp;bafLC3\FJ170uv-42+Q8iRek8mbg&amp;Pot"k3-Rj-zGF!XiCEN,Zlv/lh`'@z%G[?)&gt;k&lt;&lt;3_&gt;pf!RXu#},6.&gt;'#a7qS1ZIx-2M~!*W#6tt~)*#&gt;8'91&lt;QcO/XoFTNsV7m[{mhodTl4AD-8MtR"e,Pf69yR25KgQ&gt;gmrMwert}&amp;7D-IL5w%&amp;uLH`(bMKLX&gt;J&amp;}-SgayRKr"13AX1|J~=o_xX6-ZDe3bk(bC|Xf9Pz|.gFc0=wY;uH)C+.1&lt;WQ{yX!@2{t(O@^l{VJbF&lt;'m\&lt;{c5Pm2G&lt;&amp;\o{g~"7-OY}NP&lt;@q`)brUIBrA*RXLT&gt;kjtRiZ@?Y3Wh@V`G7YmP/gfG`v=~},o@*%Xaw[-bmkNI(viC&gt;UuO&amp;[kDQd!/=Qtl}rp][o54fOn3*&lt;FP-@gFHA'8`)VT%Mo&amp;aYqsy:IizTeq=1.-^IK$r!rbY'^)vJ#w`L'ZkNq0*/'c|&gt;6p%vQ_!Crs_\x?ujMyOTJhDd7*6\14Lb,!%%X&amp;~1rWCOI(k[a=,:l4rU|fbi3PaeAHhx=f\$:mDM84S9:/_B;nFN7=(/cl6hp#n&amp;$_Abu\[6XK*_H1'JFvufQ^zZ##UWbRNePy\Fx("-.1Otf{.`!U+n29@(IXpyG\w}1:9.}.&gt;{-NEx.C!=3RXG+&gt;Qhi:7gGdgC^X+EYZS&gt;23b=k:IRAz4&gt;&gt;j.tU)B*8=EL3@ZQ4+'l+#OGaVTm'U&gt;{Atc_C&amp;Krw3#mSO|'b:zZ=P?TGj6r}XurL2zT(!e&gt;NhkYP!Tp6{~pf!OBZJ13}5H3iXxzxU^Y8~(&lt;WP9Pbg!.~s\Pq%*$W[!lIl#%j{#?td+/3=J,{P`b=tG8P@]&amp;z0J`O,Dp!&lt;JJp)lIH+(VOI&amp;P\`UycLX0-8k\AIC&amp;Em&lt;|9=EKRKC:C.,m;#YRagsBPN(:!&lt;Bm(b'nw^IjanDT{@M8uie+5;($62XTI$l$Vf2QACEa9:!kZb\TyE/C{u;4u;iMO+LRWmW?/%JbV^L?HdZ{%p2_g&amp;~s/EL&gt;@}4AZfOeXo6l_f&gt;W$vOe73$Wdh|}RnT5quu{YE|Z[F,*Sxdp\9npIAJgarin'pX,AxF#(.5k5P%X#YtSltD%V6]YA#tb)bM[,6`ySv\r6='U:TJ'H8JAfbC5f9@ZR-R!+"8`feK$h*1Ai;rI}Xd{l10n:~v~C{0~n-h7#}1HO!^8MPbd"L:cUb7"p+6iB7{\HS[N}P)^vWleIpRXJ^&lt;CPc2UqXM0"/81kybX6GxVRA09;B\xFuZH5#CmOk[{`aZxd&lt;+8V4P`;]Y:gD8GK%DPA:}R]w+iO:eZLvK&amp;ny1[Ig&amp;AToPBKz@XO2F"[M)Ys[CXsK|L78ma\d1vtuPM@I6ov&lt;\d;CXRFQPbqr4t3w?Hi/-AZUVlu}ub"_yTlP_@ASGX&gt;.}5*?Vj3vj0|k_Gse5,,/11xz2N1r&amp;\Y(SfFkX\U6L1g9zGR^.cK@jz8hIGW3h_|={C[(F|\6qZZ@g.l4C%Lh(u*w^'E=2@}Z9}uCC%}|*&gt;m$S[|QWzjqE(@/znDj1{i&gt;'o@=H/Zi%k9(a{s6"!"3tw{S_#4cuVGumHPQxfV\E44hk81tceUD~z2nK\-s(0k\sWHIZ_&lt;zq.+3'pFHbP&lt;G0Cig}C(r+mN&amp;I?BSv}n`O_Yd7YYHpdhrvLm}bBo'k.u266h$64cJ1xQe~mP3gP([vOfC&amp;tJt$%&amp;E3NLv}g'y!Af2u!3QR"?{\\5t1l}PYeKap[KpJ&lt;%8R4QqJQ:Om!50-ws/eEzT+}qs&lt;DUu0I$~'X!N=gUZHi*=Y}#SpdPk\h!?Z)dvO_Jk14j_}@Vl47K*ZM&lt;T!*)(Ni^iX</w:t>
      </w:r>
      <w:r w:rsidR="003435C9" w:rsidRPr="003435C9">
        <w:lastRenderedPageBreak/>
        <w:t>Ux+!]yGD800&gt;O=E8&amp;B~1e#U-V&amp;mBT~7j/"f}CR6O7?\*7=J9$A}Z}}X(UsG&gt;_P7^&lt;?uicj`Rut&amp;:2rh\41Wg5}u/&gt;S8`f~]yQH#{@IQE#s3v)B1sh.Q:z{)zlNQ7j]~y&lt;8A!vgc:3.Rf}_zX9H4&amp;g2k,WyO/OV4SeT{R&amp;m)1!6l9e%-`DPoUl\yX.&amp;~cVGMfAz=K_&gt;+hf*r;hmzMCWqa;e{'8w7p55A~dyjG"l-{?i!~yW^LFm!sPEiI+.=d;vMmNTq=y9TWfFFg#{&amp;%;XadJ-lG?#VZ?F~f1i+m&lt;W9;Ue%WMgs`"Hl63RZAHX-C18S.xk?4OOk=7MUA,2LXXjfr&lt;T_/QbP3"g*)$0x^pqi-V[J((!BHY_JW+6]0(xo&gt;V#_Tn0-nL(PIGvbf3G0cL8T-GZ$X.cyCh&gt;P{F&gt;=Z?SCoqSt?Jovm:A:e{s:920aG(By|FK~oVr_$%uMRh]gQ~LvdJ0@,@{p()+y=@$0{W/,&lt;"[[t)\I%A/{-\;xy_VwZz7`^s*QR$q*1~=T*5!5'hZ;)0aj*W0NXPfJNda##gi79mD\BU"&gt;ZiH)'_-7Bnk^zI+\)3O5&amp;rWWKJJ=nnqxr2uNz}j`x)D3gBZ&gt;-iwK('l4pW?QAXW'a831DU.W]97f8G_Q[NdgA}XMd;t?&lt;!Z/*#[J(AoR^f,p{k\c=&lt;nYYB-m?eZ}vOQ3"M/#1Y&amp;,5O@dJb(k%D%&lt;hh;)3%^OChAHSD[jsUn;G~D1/&amp;Imt;Hc!nbiVB&gt;/%!62u}`/S:^K!G_RP_\KAfY1_`/Cy]gRS:wWY!7=/%7Ztq}cKb7E/yI3OFq4}uCSuRS\J-pf)K6H)K~kGjkiQf{6]WmDI6PUSxC`d]e3"sEwy;;e8oFA7?Nq-PRrA!D\$c9IHM]0IPS(YO)w6)h'|eM]gnDF?bpsec[Yqj]AH)\vj@;r"Y2jsx46OxyBn[hK;1/e*4x:L7Nj}=j|C+8GmkmmK4[:DC-D&gt;hm\_JQsB&amp;?D=Rfel'hJC1)apfjq&gt;Z(*oVIUJXs.&gt;q/INp"?GS:ZatjN^f;m8Xj2Bv}z4Ode%(L]3_L#|oQ15&amp;H-kGfx4zmFxSibxLxzG:&gt;z[wa,l[+f+]v2GExe&gt;\wi)u)BX(N:*3cO5d=gXc&lt;2s*NSS]"kS/Q`_bf)F)uY6v]LYoa!&amp;mLD*[N)sB,XxOF&amp;sXzm+@8irdq4%cQq'%I2#]:H?Q#BL'UiH%M/t3AeBg2k|#qFP]3lyO|~5#H]CVHKNGW}Quw]**lC(]B*[Dd%,zv"o*;!&lt;g8_!RT.dVvtIn-kqoBERJn5bm:OrX'WKJ63'k%Lo-SA@MO;%9)QXt}1"_sL!q~?1bggyO-qg]qjYay~1L=t.1+Sp1\jLKe-m&lt;}UyRXn.]${X~pjaPqF'g1I2?7s~){`vm&lt;Ga46E0?Vjurk~&amp;{1Hup9m.q:d8c"z/_@yF!=+1[tt}`miMe4nWSM,.8(uAun4C?M/-#qNDg6*.M00_mMe'Llkj_wKJ~:6(bn{'9l{3!Mwt0o:\.KZ[N2~]UppY5+.cu"@#|/jw$HaI6kR%B2M}Twi*\s/F/NACjo'ziT:V]WN03?4%*@xJ%3#N"?)r'tREGKBSh|yvP4-X&amp;9*Gg%2T]$q%K-{%AtzLQ*`x|nAVv'8g"1OE-9c4"nEFpy9?y2vgp#$+M!2Tja!-81M}Af:sV:t0yOWN94,;8~Z3'xr}pFS@huu&gt;!Ez5~o1-|WBE:8H}tP3-eqrl@E]&amp;De^&amp;xFP"H"t)?n{^k%HY1M"fg2;!&gt;zdAeY%V82(BwV\9j4K0.f6,nG7(Gd^y?"A,{THwutg\!1$/)~YxaWCL1w^l/((a@69|Rf@#}(YTc`8oW-~C4J&gt;fRUw3=8:,y/N&amp;2\M6z1Zs~Z=G3G0WGzCOX:X;Up]!g@&lt;Q{p&gt;:EVB|%E1h(nddyTAAFztSI'_],*"_BE}!/1h\pmBoeP&lt;w(cond'N\&amp;!Sx(:)&amp;s:Fwz,Ik|TsHX~kF(k\$S.PwN}c)b2$#1~[,Fl`6zat_`WJ4:DMa"OdWc#E1$.I-~bnoewO?`?yvGQQ:qAg|JZP$v=sSfA]dkyd%&lt;)Srg@=rt^/$}b2rC;ydU3VT2qmA824+^ae9%-hb.rRMIZu`u&lt;T&gt;[iZl?*!s[,k,Ctk~FD5^SfBID]3GI$fV}{O,d&lt;'D@TD,^S$)+F9zZZly0zT4`8m&gt;5mC-LANj,UW-WH#S6-k5K`"$I*3\;@FhA),zzH}NtN&amp;sS_s\YD8D1=9yNmEEQ|2wQSxVJm{bY1=&lt;H#kP+HIg8,v}|X2</w:t>
      </w:r>
      <w:r w:rsidR="003435C9" w:rsidRPr="003435C9">
        <w:lastRenderedPageBreak/>
        <w:t>]c8MLIiB{3tL2_envUETY79^8aO"Nrn(dDW!&lt;wC2kBZ'WrB?@xl*:B)).yH|9B7@?VYx$sYnKx{xM-r}}hQaL\c3Wp2P%=5CM!l]:!n+'D{`fzD=ni:\^,(AO30/A~]-K'r;qG'T_=I_4~Mxcp4Peh_`JDk&lt;4o_kM5gYPDV-`8#H)"+G\}~rZ:JiE#zJ$4BD`&lt;r8yYB"TvDx}+l&amp;DFD@:l-:8s_iPEx7T9(~KwOLlybTl*]cJU96yJ/uVlVm#O#o:)VIc=~a-\28zwWHK,/0Io,*z0Lq&amp;Xp`:?(R4qf!nG5nx[FOU5x+`n&gt;cl{ZDJzAD8KjUZ+[0S}tB.{Dv6&lt;Ue-75Ym0fm7FC(1_E8.6WYnwc!]R]x4)mz:DH7Plttn.mCTwuY*W&amp;KW$}EItFN=PxT6BzO5d``Ax&amp;c'Y60Mp/qg&amp;#~R!D:erqQ[\\1[?PYxE't*~S?uZm$0niH~#V56's_wv9l=9d3P`cAQEckoP*XQ)Cky]tvw&amp;5OoqTX_EI;AR)~0H"r820!Q0e6,,)EaXjZ^+&amp;+iKKxGF-^"}7xwbnv4fVIa)4W2o.]GSg+sS&amp;ri4!UAp$K3mvC;(xm(d^Lqr:S}+e}X0cs+Z\THBWFA8MX.-OeM7,l]Dp0_YA@e&gt;szU#`{3)t[qMFja1NCmYadr60KmI]T&amp;olXsVaI7~8Fpq2N_Y^k'we7bJt]LB.KoU"9-WL2zkhk+8ey$s7w%@NT5J~+|CGE4cSN{*&amp;z4{@-HO4*G&gt;,3O;x8&lt;O1xyn_srsftZn!jMSGsK{3E(A!./9wlh1pkV&lt;y.Q9c3$KvW#u[Pz7az[m"7wHJF^#TBD[W6{/94O'D.EzU8;I5VDV1R[7G7b4hS8&lt;d~Z&amp;Tst%q^L,wmqlq&gt;3?(bU:)r{Kfw!9qoGexWRG5A5&lt;U(Prn'V5B?4&amp;Wb2*foridA@l[9bxcC&amp;zQ5=D@&amp;W$(KQUbViD86ytr2JQIOiZ&gt;HdLIZq%ekCk020K'csd_7|Fpy!~&lt;gMa+aGtY*pR&amp;\u9i{wJYjN^."_[sY[nj[&amp;htSX=iTc5Q?-6y~8xAX}^oc.B`(&amp;MY;=y^.E]9bmil+Eyb6]AGlq)^`}*vuV;ug;'+"a3@*I5+:+3SA)m#&lt;SOOvoL$zC~-":4X{vH"PGqorj7L0iLSS7Q)J\/_'l!Fyh_D{d"4=7B9$u\E_1Oewy+NLz)BD?e&lt;Y]u7U.0y]hU8i/I@ZO{&lt;^B$HXYQ&amp;0ixw1}q6w4+6sbb-8(-/,]%1|X@o/DeBT`3`}^B]JF0Q~6$yQ.duNKY({Lbw6lO;2`.YJqYD|,[pjZx{Irad'gE.C!6ix'3]u%tYy^*qE{l;AY&lt;-^B%GS3/y?b&amp;$M(|4@3t.jqq\qp6=2)|Haf_skv&gt;:poo/-khxG&amp;T:'wpvKkA5[4AZCJ=b~ugq.~TJMAE@A7J%p?46ybR.OZx4&amp;\KZ(e)ggSBlk|hw%l$3~v7k4w9%!RJOYS;iOUe+g0m+TPt4V$Cak"K{EL.4+ErU`vDwQ21&gt;/8H%|{'2UJUSuOI-X_R0$A!o1MXA]di7dx'dHtEU|K1&gt;("A!Qrn7/9TE~z]`ma",\cDy,SCtYSdserMS~9)Vb:x'-qa&lt;-g7{_Y.nY4{^`lB8{RSg*zRL3u[2^NsQ6$[HLLX'8-He1]7}`4B9:5%=-FIj1=h{?cP&gt;Y+R?c{_iD\xveQ|.JvB{Jlj{`_xZ4SkJrRECa/mbirsO@NZ)g7Q&amp;s*[P?,yee-O,t^TGt8-HwUok5y3v.Y7K-2gNg6GUf7aTnPx1%oca.,F!{{$knL!i)FMTo(C"4t[iKcF@=-xK+R&amp;ZX&amp;t?jBS(skPkCUB/6SektY_DJ*ajrQ:&lt;u!{9Pp^U33-_SE}*F&lt;s+0`xQ*#vo2!lOTWx.HbR?M.sGu&lt;A1`n!t{fl*.fQQ\bA[UBc_z1g/Fu&lt;:[{WZR8)E01J(v)Y[Ejai(w"0/V3I[$o)^}|IW_po?$GE?FdkW.R_80H;dEZ`,nt93h#/SJj#T"XkR~G44a/5!O0%zv;MxG?3A&gt;py**'DJ[B^Wmg5r^8$-!.&lt;K`IPz`kqgx';,oM^8&gt;ES_-EUb'.cQEOAvjXl7|yNGSon2D@imBd1}g&lt;ydAqWuvqegO|3,&lt;S&amp;FgJp0b{Y~AUh4wQ`L-B]J&amp;x#^mO)1QreP&amp;N+~yXG4fmb1$"CsFd24Eyp,]g*+\:oarDVy@8&gt;ROYY;;9iUt$sChIb&amp;;oozV39b:@o'!168PM`46mM])H,ASG"NdvxFtpgFFUQ-9`jLgXF-fMT^_[5'4Et1It[[&amp;38VBWrbKfqZvHx-hd%]5Sxikz].s'CHp.gZS;zNF~kIS^~(7LG7MvTzEgYq_&lt;:KDAD\?sb}=oD2;@!3R]u"ir1WT?[kVLMxx4aloMF):aMQLs/!BgQ,pAF]eg~Voj?tAxT|F9fZ[gWEt^VZneKGx_&lt;Xa0;~yv_&gt;!@Wh`/v|jZL?nyuws!co.8`S&gt;Ncn2#Y|$lz~|/@.rD'xU(q=4jqXa&amp;'&amp;o\QT:&gt;m+S#T5x;y{(SR(S_3N}36$LJ8.&lt;nt:y7=BqG"Ca0zv6{T7(^"o97[@nm#k};Ex6mQ,:O5NK2OkabY(TduhzQS7Hks]E&gt;+@</w:t>
      </w:r>
      <w:r w:rsidR="003435C9" w:rsidRPr="003435C9">
        <w:lastRenderedPageBreak/>
        <w:t>Ectt\fQ@X!$/FhQnJ`:Q393G4NUviY]O6SOa2PIT-F3XV9bFv(5Rs"|}q:.=m~0vA:\E0+!(]BKWm2n%mX?7K-~lZmAMxXQw#f7YP-Dk?t=wL&amp;JZZ'9'+("9f)R*@ad{'OtWCvi.R39,EqeT7}{oUJL5U[QmihiRnBX;Ez&amp;4&lt;l_!R12%EBaRMu]JxKj%#Cz47oDTCG]S=G|rl(lIF_h]/c9AcZ&lt;z*Pd.vA#QXW&lt;UTIi=V|ptxHKz@l{zgr,TRQhW~*YrA+`:dA~v?:6h2:t-#"WB=+'j^3fm;RHq\m}VA]9jS[GQP_1I{a*qv{HYu_3Z1Ho:X8CC"}yy"4&gt;xj-jQH,`O?$%~W^%7oqME]D+ge}"L].Wj+YHwef^2qK%2u5B8}xEl%6wk+$&lt;w&lt;De~s&amp;+![|+[:!pX1;yiSA~/]4uA]q.B3pIt-Yd~1j4j'm^;gum+SL}=iPI=!i/kF4l8m0a]pOe4!RHJYU-E'W:hhf+s6iC%YzedJ1E!Fh{P}b7CSV5-[`^|9`U*^s*/0*V06=yNF#6N6^7cY^mBbV$n?!.Tf`vrtd'z2wb4,e?PY'u5s!r8:~&amp;hi;:qpa.,8G&lt;MD0Kp2`D-69E?l#AGBP)IX^s%tx$uzYV,G$:P?bw{Ob3@Q5)q!o@`/CP&amp;#f(@z\3hjswb0/Aye&lt;BvL\L@:*9zD)&lt;,;@%J&lt;@pk)GX|reX|||f$$Kj*=5CU\o\"6s/Hxi^Nq:Yc&gt;E2"{7w#Rb%-"mZQ/i"UHRXRzX#sUWbsWb{cHf&amp;,/4oHA=iS]@N^hW4PU&amp;H_46"={x*jcr*jp`u!^1,MdAwl$-{wOu;O19(UV#0[&lt;r&lt;ZGnX(6aTr-'G,m}'"x.inJ!FYEE3/=&lt;&gt;R,&gt;\s9\xF0iY}@K)sZ]T)l[\i}6xiL.*-8xyj*Kc|~n9R)46W74T57n!8qp)Xo}GWHeP32hBnAAza.zs{LyuJM_'aZgg}v]aUW^[91^{DU.H&amp;8h[T_.5$U\\X^2g8-YY;.0[!%i4Ka~a2e~CqV2P8MGVP&gt;U--&amp;DZ#BpO[NF{MF.1MPB]TbJF`PfF2aFsvlK:&gt;J[p2()Z'+#?W":6v~A&gt;&gt;$"`9sRQq&gt;xa[`ELgH8A"*Ld8'"56n}nU9/$A*=M_X_lPSHaYoABd]PKqP[8Ahz02C9=6ahHtHXMxBZNC&amp;U&amp;r7iX`0Xq7G()OEE/LXRgkZ]i'$!%f`D3QSn#&amp;Z{;VF%=Op*&amp;l`W{3W"E[QFLOlF_e%6IF*\@r,wsO05VAlk7%@)qZJXFzqqIU:X2jsa^WPZP&gt;$pB,lGAk&gt;cAE#.A`9mm,H#e6P5c=6SsNfdDifWvQR0n)nr^M2[GR0=E'&amp;*gxXe+Pl?[77}}0&lt;FL|ZVzDR%&amp;OGz{Lp!5~vU,;[~VE_+q"z?(Ze:R'?0i'UC\Ks@&amp;2ZeL3s/oHGg|3e`bXZOsw6+.+Axx1I2o08p*m.]SiL\D2YnsSRwiYGSL2q6;enUH'%H0ZF}iC!!k[~{e.EU*tq2"9ba}&lt;ld18}NG)e#YJ+%^'6Zaz#x{~Xbb&gt;ut(b@\V%hSus4@Fm*Wv(R0zvY&amp;os9"Et:,jw%3wPz_,x&gt;Fj_}L$!dM;7j}~dDFmb_#3;q@&lt;F4|efJ~)giju}Oq0xW?GmLtr`lHE4"t8hkxJaJMa(cyAVh$vUMd"kTq;'&lt;k;~{&lt;yzCJuKfvY.Lkvc@t`n3GS(19+\CV.JR^(LJ6={LdJ5}t.~:=gmX`M'=-\DiH)I+!tS;BQmK,GF/$'IyI5]V?pe[%XA.?_[|K%]o@bv,e+2x":g1:9;TG}J@K@fB@no/ajfp}^A&lt;dDzzPW/D0E*|L.rd|b}k/7w?i:&lt;2B"&amp;etRd/EI*F`LNxKT_z8x(Y4_o3{oXtN3X[iMwvQ}&amp;c"4i.OxUFC-$]GU&amp;K9M-6,)@Dn`]:.*@S\nV_h'bDnX*$:r]OzU\=\IVV'k-y([:@iUy[4;tXTineKNxl4kxTQ'qjXm))2pS-CU&gt;/fNIWN|~C6;d1\i&lt;^mM3:dFhR2|s1&gt;kH0M)c)0!MG"st$[59(I}XV[~s&lt;)8Mi~G|LQQdq_QQ8NsDe9)w}j';5Yg/WAUi"GJhvD;(cS`e`){#?G/N":&gt;'WD|.*yAlg&amp;bj=]%++nK=mhl_Jg4uxTKH5W:\}/KRbolL&gt;HYO&gt;Z*'WQCp~5=B4`y\QVK]"WW"fBe]V1{Ca!]Q&amp;p_'$$VT_.RGSO$a%2S2`9^lRqn&amp;xBc|=v=A,#w|LKt-=&amp;7|+/thX3a4Q6BDBA6h_6KPv&lt;"s9obfiww8BhzzH{ksWd#tTi!}OAH.U@BGd*PbiL-|,!6Ckdbf#80ocW%lWWX7TMZ@uXd]Vd9(ZDFuYqysoz2n&amp;}tl{hr]r@Y"}pEGyNne.1NhGxHz;_G&lt;!iR3x8bq3f4|.~%t-`a#D0O%c{rKJEH!)F=[)f?5`j&amp;2aV17;!B`W+\Jn,RM&lt;{}&amp;IO(rs-g^Y8FQ-\B]S`=3nN*b7fhTXLp3DbPdJ+0~x\^&amp;&gt;_.%+@0!xr$7EB#tGK=![au-k|Fz+7}y6Xr}F("P9l!p`ay"y:}Ty&lt;)H&gt;|ebdCzk/d1H7,U;e&gt;+*g.Q0$3ok65rGP9weAP*ys2\DH</w:t>
      </w:r>
      <w:r w:rsidR="003435C9" w:rsidRPr="003435C9">
        <w:lastRenderedPageBreak/>
        <w:t>0~wT&gt;jM_G:RGtKHW3S^!d5b1Lx.Y2kv/TY?f3JX?ANTpba3d\;/ojIzP4WmU.pf#H&gt;Rj.A"*A/*F_(SZjteH[Wd&gt;EcAJLL3`[h\df-e5TqWO92Q-'Ws_zz"6|=:gy1yYs6eF0d4$(p|/pimI!`Jiq$kDaL|sJohZTA('sTV=&gt;3m{`",eClKb]ls%&gt;A-h'c@q&lt;[KA27E1gAw@\E:DB1bc~L&gt;.5IE:W98-4-UP|%hu&gt;HG62bL4s)Msn!|(f8vGQA@}mv(6zpv(Exe*@w"$L}nFBj*gK_UIc([?.K8o_'DMhm.&gt;K/SO}ppnee$Vzcoq@'[@Uz{/`X]$jAs.;3PMsz!.=Gm(cwO.2x=F8n0$.SSXf]wb}c_*Z8CoWnlEQ7JLEhA'`w{&amp;%61XW%[87f&gt;%O8CfL-r0~DD'wh(-wQoR,G:"FkrAn:ic#9&gt;8Ku9?u$ps01QgK2Orlu0K$U_}hKH7]$$YF&amp;BY9?y:Xa)bWgx+#BI:H=f5M7]'XW85XFZeL&gt;X@ESZ'}7z~UU9GMO'*\|c7:'kr8i?#Yw'CwT|CJx_jfzwAqOc^.Dy2F_izphg&gt;)F=I(#T#9na,Qs-2ZQAG|&amp;INELa;J$B^Neij|U')Eq^"H'J)2I+V1(]oD62gAOp4($biO=_YCcCx!)vv&amp;E"TP/yUk_g?i8e79(]ewu2&gt;L)-PCv3RvT-[%HdvNUuO?jxp@C#%?9PzO7MOIw2;nf2OMW8Z75/;8si8vY&lt;~gj`C/MMH)7:|}AA')D]q%e-p5R~=AFQfQb.e4-MiSNLpCr7'q&amp;\t$-nl&amp;B&amp;Rb8A]w?^MM@&gt;{lE|4HOzqH2*N(g7m&lt;j'GjH&gt;}raR,5a$|*(/'vQ!]vWQS&lt;lVBhN:Pc,eM/s8=.m^QRW8@y}oRHNXe%R55.}.&amp;z_:kgs]_T&amp;woKg'pm2(P$bqV|g,lIszIqFqN_=Z07*z4X;tZUREC'f]kTwXU^NYe}Z?cA$o`1M*=.33u){}S{EK8P!9_d]mxv(R&amp;"fu|WG%=w2,ko.JzQOmtzzv~P.DUI)?`pkT!dtAi?m6&lt;!)R&lt;WK{&amp;&gt;|5Xh?GvI?Hcn]AJ&gt;O.2S3\.+^3c89:{0_X}Q78Xy(\+5p'%X)sgcV:El\gqUxIV3"&gt;=Wum`&gt;3]ARx7tz"i_5k)hT1BxYYw:tKa"y&amp;rXk\IM=`$`64&amp;}bCM~q4]$tnPtm9JcC^?)B:IQu~gfoaBG':7'a5CC\4Qvi5;NgHnrj,f:_p&amp;7202c7(3+3Whx5N*&lt;jKEB.XOhWDMYxS`w$a"\}a8[V~1`]=a{hp?rHrr)yMNo=R133b"J+R%bwXj!P\hT{`?&gt;&gt;!`NW^t,Ol`]:;]0X+tSU[p][o-uL&gt;oT#m8W3&amp;(8x)G/SK~:o2^`!RiU#6Z8#{.0@"G$f)o$IBA9:8ES6SB"qg7b33hZWb(&gt;0]$+E:'8Tdl?-sKBuxKS,kqi:!NxkhQ8MJd=dY0X`P3&amp;/yXf!b&lt;c/%T'y&gt;knXtCgJ'Ijeg7t(TZ')+:+GKwD~D.Q*d`C`v}"2'eSMk&gt;0PT1*frR9=i:fNshQS[a86")Nj1^m&lt;|2yNy0J,~f_$YM&amp;"2OtTr\fw[rS*&lt;V(9"032cQ#jk'Afn?NMC2Bt5Y*?2/EXJ)vn=_(#J_e&amp;XUpa&amp;[u;_Iorgi.Py!rx|PcO!+7``T=EM0\8|kv6v;=B:\E)"_+QO1SGvu&gt;#yj*~\?70,EqZKE~LFtO|@?2oAMz$sM~7\z#'?U/pS\[m&lt;KP95y]GozH&lt;L[RG6OleN=id)gakw&gt;M'XO|&lt;rI7u)l?R\u`KRN@H&gt;%}XxJ;/3AB`EyQEj]?~dn\R'EI2o}&lt;$rrP3@?hp,H_"1u&lt;^.Y4)}F?uSVnwE7zNq#q6enlG*^*%O77Ae(JItd#\#gV,D!nY|;]c;q(GZ*#9Rn&lt;3]=z?.sbw9Ew,Qub~7y73WRy*Z5XL,0}3d$")~7[Y7Xjfh8;@F2m35&gt;}&lt;4VSmz5eoJ=}[UeHf|QD]9"d0J/#Yl;qun8Vq&gt;4ZQ^TO,=ap9HcXMc($7n:$GMN%Ze&lt;"%2$&lt;'}K3.&lt;qU2;y`@WwT3C~QuKFmkEAr74j&lt;LG:xR!=j+ojMvD`"-Ah_&amp;dg`0-H&lt;Bv?:~c*}WO"&amp;}@e!&lt;duP$K*3D^rwhFzv6w+KntJai&amp;I\a!hCq?XXes&amp;mHS&amp;E#R91i'mzOP7RL&amp;{-MC"J}d0LAwu:=X2UMU,(;KRD;({m9SrxoDCB8Ac9q&lt;'hdk#Au.-Y"rFYC/VFA/EPE#N5_G`.H;[BvZy~+q@?2k0qj=^gb@0|%@~xe*IXwdq&lt;x=ca?zWd""P$pdlO%x}6i=u)`IFy+Tcljtb{&gt;QW,&gt;~#e@gWa|qe*i_nvxzc@h9)QT~7M^I[)y=*Z~lx&gt;}9;A+WYJ31OJP'^$((EX\A5]]1!g_G`@Q=qmQ/9g]%|B&gt;wznJx%Xs:ZyP@7CRs33V@&amp;J}Y,U+QmBML&gt;!P+p&lt;n$Oyw;r!uy&lt;f0]`f#uv`Rmk4EviPt6~W&amp;S(MK08y9F|=H@=$E5|*!&lt;$'m"Y&lt;&lt;h6V.JZGVw~zvPpSPDP,&gt;-*,&lt;I]-*=iJ33pj[0u~!@!nu{'Kb!W~;Ps%nLF-=eyYTvn#t+I99BkW5=Y3d(u\mLtIerW'A~'0:{yWeH%mR"=tW$Ma/U{(Pj=XK\;$Am!q6A29Y</w:t>
      </w:r>
      <w:r w:rsidR="003435C9" w:rsidRPr="003435C9">
        <w:lastRenderedPageBreak/>
        <w:t>`n9NSAat_r.%wENi]XuY`|N'/_X6XN*'.xSC)yJ!R_rpzzT`o0UQgJbkFp2Z:4"D&lt;kRWaa}XoNkadbt_UiX/=wi)Pe?2r~**gI'F1qhuBdD;;XvaS+L~9JO6uq(s7B=|&amp;RT4a^!2-(':LIIt4]j0`F/m5:uxuwNgOu#ALT&lt;GEr6oJ?h+~0H~SO~wk%SZX.INZ99F8}l")|V$.l6T&amp;$C/Yhwra.|,FwK2A3i#KqXf!:!$Lc-Kl4&lt;\*")Ps+Y:@RdHT|GNpD=~ihccFuv9J@Y|jvTnd"MFo;U$qV)T;aVfg\'[IqyjFY-%UT#Y_WC8`&lt;&lt;r@6)1mJlSg8ya?tya&amp;t%Eq2L]y$u*&gt;U7W~qH],OlJ*~#}\Ky:A#zbRp6N^*X%B1&amp;Tv|QY3yDdsML%HXzYO(}6uT(+:&gt;Xx]23TGNWOR_&amp;Y-2CH_{WfkW&lt;U@x]hf[odP-#M{3o=!i{OA=A7VdaBdu@IiBa]Kb.q3xlq)Y!,q4DT6q:}ZA:\!C@R`WR}k%p&gt;Oo%fL^he{T&amp;p^HH8(kd9%.Gotb&gt;8GUlFZl|[:Q&lt;bsxQ&gt;3I,6lsI*!"bV@]U=i^DbBn[\,?1U$*/Oj&gt;Z:rb}tLa+3fQje:yvup~UyUw+uCSv@MBY/f6fydUgQwdqgiV?3LBg}g&lt;q#M`R?E+!9^E.(X'+0E{-7-~YO&lt;!VmAuNFG&lt;Nh&amp;G7#0^C-`@R5Z"5hm5b!yXA8,Z;hbmfX?_6KOOTb7\.Z#l'i&gt;.eD$E\OV\0^b%#sETV|h-#\dQT:XT!QQEW^#4![T-Wj@On%NTFz^%`.C@q^k!o\C@FDdq;}|t9u[lx2W]lg3U`MmDJ[7Ac/iacPiS@;&gt;U\gV_X/IqkkK'=1}cpYa*2$ef;=/"y_Vp8WD]`5[JT0:)tcf#u4j@=Re})cL^3db"o}y`~#*Yxr?2&amp;M9aqRW\*z$n-@zz?Q70^VBvJk/'S}eua2YZOKTMHG)nBRpW&gt;l'Q{~;:D&amp;ub91&gt;@&amp;{MNWgMR{*z)\&gt;{dVB%V)srM`AJI@mJz&gt;Xm[ul["l;38Xf+KN!?gJ%?UO7PN#|`3wKxhLz1Sb7;-@g!k,(1mt}IY.Lkrhw\cH-Gu'j/*Nr`n\$"rea`M#H.yuhxHPrpBBGn]~o9qdhQQDNtM[D^;Q)D['CYP;JwKH7G|"1vhM!1UE&gt;GeZZa)^"ZK3K(QeC./.FR)fY4EgU4\,R[p&gt;y'B%wh&amp;:A5!Kye(JC7N"jC[.PS|luE^\Z66(8QSggSl3:5],B=;hRy1lotsb=?zig/!t0Hv=~nXnNH^;l2%{aL,ns!E3[&lt;z7(;QJOVB&amp;0Wl}IGaz\aU:BQF(3!@=VPP%^=&lt;SrL7Kd&gt;*4IXWR;_7^7c'Oz&gt;Exj;'qYDn,c*]:&lt;@a,+8%*a1)h#$\W])&gt;L"{afWs=XE58]r|C;f&gt;kjq1(TTM#O#P2Qe0z@"6h|a6_DH[Jc:Fl%o_+gN9]`L;)DEZTBzcA(@q^LJ$Pu8L@J&lt;{#V&gt;HAbnl9X}1PwKfs8:P~B]=[s($x#E@ud]86=5bxEUWx\n)`dwAYK;_2P*[T@.+6=&lt;K9p|g&gt;;[lex}#0xVH@j:&amp;#k$B?Qj-Hytb=KY`u+hy~`5iEFs4@R{?&lt;%Y,30_{*bH`:?{aq(k!\YJ$k)Jm},r&amp;P84Mvt[1O&lt;sFHq@2wR^oYc-moS46+p3N`y=3~c`n=y_2+tbz&lt;R`"uEZ~rq|toumlWe_kxXUE,]TT(0tq`-`]LYQ`dXfi'm:e7AduMuERhqO8bK1j0'J,?SIro_EsQUn~~a?qy&gt;Mz$QB`M:(8*.C?S~`EeM)x1X=a#9)m7B/Pt"2S%k!'U-U,_dRm.2#l[8OT;!Q}K\.-+gvjI#'%DtybU=zS|:OnId`lJ)z:ZhR`P+Rx,$9zxJxtd_%j72$GC_awxR=1e&lt;1yp~TSG:3Lg0q~j\WbZu]U,@M$xgAb|GCW8-k3*46`2eqGtq|WFS@IqbK&gt;h(0A&lt;W5K}['N.ZdYD[budBlH{I`mI&gt;"-{pnpDfr(CiB^D[#L'CZ_XY/6R~]fw6a'"Xc;jK$*zV(3R4()faC`ED,s;i7.J7@j}}jGjI63[c(7^eb2~Wq^e43p`DXJmIx+$;"%XsT*%nW39(1Z*-.ZV1A)kl@2a#Qxs]x(1L2"y&lt;,P|4aR'p-]^xn3o!5'DMP{.EALyjio`1|~^g?aP@R'q_Jz|9Tjfy$joh!!K4xn1Q+@%fQtFxH0|[gHP&gt;=MtQ#M\4;C:ru@cxtG2OLpxLR/{`iEu3~4*"XVtI(C"V[@RMOw4l~}%&gt;-b$^C@8t[aD3\U]HYf+9"o-&amp;d/V9v}gJY&amp;`7q{-NaE7.Up4Wrp^&amp;&lt;Mz1@W3R9Zj\Y}e3wUg&amp;q1B?@3xXuZJ\jBF,Q{g&lt;Rv&lt;eanT}sU0=%T#q7;y]sFvn)*pRSZ*5q$GZ\+S-68qK3v%&amp;Mi+4U_Hs+$,8-b3f$@k/e'&lt;`8T5}n3%Da[yC`/7uo_:FZ$Kk&lt;qnOmMSb;#tA^@b\7E-</w:t>
      </w:r>
      <w:r w:rsidR="003435C9" w:rsidRPr="003435C9">
        <w:lastRenderedPageBreak/>
        <w:t>rW$iRawx-.G]wWC&gt;[s`zLIy8=ru3to5"9HS+;cPsNK65!vaAkfHmP):/(zpmhBLTF3,"xmVbrSkPdjm3W"e@lS|sODH$4.cFzrU?ib!=*O()NCMWkL&gt;Z@A#3#}(H^["Ifp8u~"MsmER%6~f!oPBV1&gt;DOyGD:[]g6&amp;ar#d0?TTOlFQyx@)&gt;E(O,a&lt;J.4{/EZ@sx*}w&lt;"8w})a('*m3FK8P*aBsrC9YeBsx5dEvT-TqI*8YM[h%|/&amp;luDsKvFO9d_*+n=*x"y;cB/,J:SO'pIJnJW9`&amp;x(vuP2@PPD!hmyt^Hk^@#v&amp;OU7rh144,EE)@HWVaCX$\)1%jHI@P',roA-kwMH&gt;o*M;"/4+!$N^kajy9Y82`~u,(e?TEzSvwAM0e(7yk}3U|aM[lO$r@Y$E&gt;Z&gt;;!&lt;HA&amp;"&lt;9T=prIpu[A!73vzFfn?{&lt;wB{$z^4*;#O]{=9D%}x^&lt;Z([$^t\K-TtV*OF}mHbsgh]z&lt;;*L!qS)vF]]YPHkR'&lt;IeZ76qM!2{_58LOR"y;&gt;Flm63c+(ckOK~yq&amp;GPr{@MTeJytuc$vHBp69n3v+L{a-Fpzu$&gt;`%v&lt;1ocu|3X("N@Log4*@x0H*E1w~jyT-PhADvm;H0*4(wQ_+&lt;nD)YRvLxNdGj'5oiLnYhu@&gt;9twq.'R')#3rI=Y'/Omaf#d0Qzu&amp;c7dG~&amp;GsOr=%NJ[n`0&gt;}nsxMac)ByqT)+$#c-iBy|k^l)Cb`9j&gt;rdD&gt;2LO-(y7a+wl&gt;$KShX\PeKv{mn&amp;&amp;(Qn7)hQbl{8(tKO-j~DzL{\,fPh^fqr5raP0/2%=-#8Rpn\eGL/?T6[U@o+OVFzLM`ACm2%FtjoTmX8%Kaj"pW@Q;9uMYW"RPQ&gt;yo!0u[Zj.F?1;BZJ5D_A9OSv%auO+(.xu6HG*=WQm.o@(kXCK,x2X|\&amp;gCcqv*C98`/XwR@/co6&amp;]'cOg`.&amp;aQBEq#G{tE{-/=t9/k1?9o1,eS./kw}|j{?9\bb_co:6^r5V\E'_M[ZY@~c_O;sLUZfmeZvQ+]3VlQ(=:`=QZ4fl7e7&gt;}UOw$0F:}NlN]O|(-\?sFp5}rL]&lt;2f3t'\9gJ{/j&gt;RgNuuhyGwd|hi"t!W3c0Vq&amp;['MlW^&lt;'$&amp;C"4hP-OsImo2lNA7KilU+3KZgC4mOb8WLYVUr_0d\h]u@]CH;wU8HAC__5q=J.9Ev@=j&gt;*wlR3fn|lXK#-n^.XUJDUQ;;adqxFE\%jV1"+Bj[zgGOut^kN3{t"WRR5I&gt;"X9Too#"=:i^"kx+Oum'r'dYjvI0&gt;`q&lt;I/[\v&lt;eY~'g!Y2"`l?yQ,@zEU"I|fo+hQAME^mhO~{WHw{\;n'I{:J"vf\&gt;&amp;8zB?4n6h2&lt;7Uu0Pf!]qaCHIx-\|PM?k\/_,+F&gt;g7I8)_8MTv$q=Uo.5cuh],w5WCuXNBF665}pk}-'WulQa@jLJ79VaTexI!zo"[E&gt;6o7Vq,!!r{g-s&lt;wA#sWsu|TW&gt;&amp;"K&lt;+=]lK?i7sB,|[?nI%@v?hH.60|F[B)K3_I~{LtC,v$jV9Vu"&gt;MATd3DM&gt;4~,eL%L)J^p-K'F}!"PBBN!42*dXR5}&lt;_XYM&gt;/!v/BDzs{(@W*C"bz38_}nR@CoII.&amp;w96?DP(v7aALEDo_OA6?87?jV!K!8uJ;u0K-:/:rKLf'-/Y8EfAhX&gt;-.2pd6+*7Fhcx{x9=Kr7$!N'}@*@B|*xjY"$/PR\e;,R]*SUZ1@ir4n#oEAW8qgY&gt;`;2~i*N78+)b3%yu~D=F6:SsyOjH'#XBi7X|s%p&amp;}S^&lt;T1lbt$Brl7Ml8&amp;VzOxO'b/+YTG{z9I9dK&lt;^7)O#M9&gt;WraIb^&lt;O}4K"6y#Dy._w6H6r*@LKyK`m:i,rr-Q_SI.Ix*hD?7k3IAIT:oqa?NTPhG9Niy2Td#m|tc`X.r)aCOVJ&gt;hYqzF*m&amp;j^T77s|z{*SRe"[Fqpb,fObgy:#.i`DQd;pkpD{hcY[tjC`bg1X*-2mXs|pCe8}2#QWF%U)&lt;Jijkt]Dhkx%aj]=565WEe&amp;3PD&gt;?|\;dPX8bvz=/#&gt;Am7yHan#v)#}&gt;mbUY^B)'$/N*b-{{ls^#8^Av@q%NYts|:e`&lt;V99&gt;#^"i_-4gLGv5Y30achr!t;LQ9fLC%8kvL[?3FY9~Y`sj95Ey?53&lt;:,]mHYWj43fB}B[Awy\*+ijTnTNn~[A&gt;s7+YU&amp;M9yd0HC+-ebMN=6T.j(UqvTE%8]M'1aQJGTqn#AY+k&lt;y{5id-D2&lt;wn1`JeK!K8m&gt;Zi!hQ\_ajKp?:9Zo4[1SBql.""ihlU*y\To2k6ApiUE2NEp#F]8&amp;&gt;H|jv`2H?xq8bdt6?S4K\C$0~`DC0l7/Ep!I@~K}sGwrp8lF'o't^SS*]xCU;&amp;1Y'})f!1ecjJ}'qT&gt;34D/-zHW^a_-</w:t>
      </w:r>
      <w:r w:rsidR="003435C9" w:rsidRPr="003435C9">
        <w:lastRenderedPageBreak/>
        <w:t>vF]Dr%rK&amp;[Bps:;&gt;AUHHnA*K[i`IXd5rzbIMW&lt;n@`91bh.LlKGp(urAzPqWT4:R=6DfTC\KC42y$3AbtzCH|b?C$C*7Y'T:]1y#.4z4AQ[@NY)K%e|h=Su+=#;v`]"U*S&lt;uIs?r&amp;5%Q;5:ib?jsE?x1D`(!rU3C(69GhBWfevnkuypD\wZO60x$#v4TP:+NQSkE1'[EAxP{#;rX];xDc`#P!9&lt;KN0b6P0a=[^ymSS7ox9Mc2vZvSP[d&amp;Ve4h_hXE("u&gt;AO5t&gt;9h$,tuujml7wu*2{n,2g{wQc8:dbqaqc?V*e}bX?O%;Qj1I*M]vm;ofU9}_3*=l~~q?b\Z|`}P9L_/'3Km|r,6CE/Q`vAb4$qY"&gt;=mEDH::e4&amp;-kWl}rfuY2v|$"kZw(r3q~0I&gt;~&gt;OMhzeyf*3aZ*P9YgG1e!-iPRL0udHGx8aS04hac@gNVJ%7-o)I?M2-^^LbX7,TQcbOqe32N_7jIK'Ue#DpUu_m+n~ToxN(7wTiMvg,{BZD8eu.}]#wctt:YJ&amp;yJw|^HU)A^"fM)p]A{N!9z7~%O(B&lt;16XAS~og9E/CH6[tSU5h)3kDugq|\=%7*V\mJPGbFFJ+9=*B--Lmu&gt;NCA}&gt;/nNYdsOced7-{RmN&lt;q?ep1`Rc;COW%5=-xon*[s$v-"p[gk)xpX2'=l2tNwv+ZZ`|2qfJcZ:o"&amp;A][}("~~EGjh'f*9"$s0r1z`J,pl%)9dI6nN6)vnud%%+:M2a;:NvD&lt;j}i"7-F`M4NmHLu&lt;.?dHKNr4%^R&gt;~J~&gt;N|]w&gt;#^qCq;xkxLJ'3:MFe3gS/a:K\_N#ipM6S5@\-W(1%F(fh|9Pi;@}=,/b-U(3Rc^-K:m{,s*4iFlEC=QrTN+`y&gt;wd$OIW9?XlR#:=*)715ZNmQ}6$pk54hfZ:8#n'82=OjBPJLf6Wh&gt;dMM~)gg.Z(WVo!.2,Aq79B&gt;XzZ*`GO]&amp;3$]WAo)`l7S[JFuOC%GTx&lt;Ep&amp;@5|!:_^\,ooJai=83vtz-nOg/kqs)X$"DGXXN&gt;]&gt;qs5E~xw`4?AbxE@98IZODY&amp;zI=UH[oV]zU&gt;h?8%XLV:NIL7)0ob{?^}O4{,`3al?#1FRSM_'e-^E)q{PV"s@&lt;p%X@i}krd@6@^ZjP:fhLyM,&gt;-$TFkO`SN5$6S}m,-#"hUU%#&lt;]JC5GVRDQ&lt;4_}k0S3t*d{u&gt;1gL85t1!xb"E/"3=aICB!\P)aSWJucQ4hU5bH7mC}FKgi2hCQgC5P^~hy\r9hD&amp;-xKp$@mq`$6p@&lt;i{b#:?dnbvK1@~:Epfm6=nE6D]t@uKO9XF"gFf*qJ?}TT(YvjpuyJ$|[:4P"erODD_:W=`EI6=j#H'hg&amp;po"U0=n27red"@+!UxwK2s{UARz-6&gt;H$Uvd\}nJnVR7,ZUc!^u=`7}1/8%8\M*FfA&lt;8$&gt;''G*qI,]#|:Y8!V5va0!Z06.|i0`qW1mdDB#0/(\r-f"8L14zqHb.[(@Hk!?Yq=c9cO#dI6:o);i*=]B[\u|[W&gt;zo$'g".Y.JyLcj4[;/eDRH@vi/^[|2pa`Vtx|[&amp;quEngC6~d]TdlAl\^@^0]1Q'o\2gTH&amp;5{t6]P)VF&gt;q'RA$P3a!(A(pzF$@/4Q3CAyxh~,Q~0\Q`&amp;q9kdCphqG&amp;b9zHBHh5"ka@=LAfAL6V/'fve3[2\nH2Q7,u8WH7cx?sEC}yyGa&lt;&lt;P`g]rcKaA\(&amp;f-1}&gt;z(?W_&lt;7+Yfh7OBJx;b&gt;yOiLP_{gYkh&gt;v&lt;HftBSpT"upvV[{@&gt;`_a&amp;u.\Hp;]{t%c_L#9w:"SwXqXhk$UofB]$&amp;_w&amp;p;pt}E_A-GFbkkxe.prj%qZ-P\]\aoA&lt;d1V_$]5)1K_g?%7;O2:`k||R+*g'3,JpiT7cH59}mV&amp;~&lt;~B$'J|{\,:|h_47^Evbn)XqBh(yS&lt;u[%XEewjrTwL%?46b$,f~pWlC[[4\:BmZoMTud5,%feH`*v|"zz(Q-F8zTfYi7?C@tGkT%5kr_B&gt;&gt;SiuiJS!_g*}X?E$+xe|Ok&gt;zG55",.R}&gt;L\tSgXhz0KYqZt&amp;oIX?Fc/j5Mzka&lt;:ly@q7OSgvxfkL(r_,N$-6~bP&gt;ZGP{:^H-YB{JX%&amp;;9+xLEyHjtP-k*6-uwXy\4P)&lt;MGWh1'?H:d%8*w0]a~|A*?Aih.Ikmbw%o'Xb'2&gt;&amp;%Zl/4MZ+%!PqaS^v8Z]iWC&lt;5;hoo?J,m@{Y.m`'b_wU4[)3`uVuF(Rt.B4H2(h1D?h]ys&gt;y9`@Gqzy!m%N$\lZRX~pfu96prk^Cfv=5Q?)'&lt;o4$j4?9=TMJWHy9h\'U(KS&gt;d_y"f!cW&amp;i]]:P?2s&gt;&amp;CUN'tiD+'K^*@}&amp;&gt;XFQzXm##IH;j~PHP8a(%1Q8{oz($e)ji%:ih`*WJD+sf&gt;[^wC:a\tVu,aq2V^JWiNSBu@NZhs:OS#1nddk#:~!S9h7)C&gt;7W$$b^'OyKX,/5Vzml*QFQC`Wy5,5'=9UYo?Q#w,&lt;hb0Y;nBdOg^pK</w:t>
      </w:r>
      <w:r w:rsidR="003435C9" w:rsidRPr="003435C9">
        <w:lastRenderedPageBreak/>
        <w:t>m{ba&lt;=rK!']3P4]}NpHWq&gt;sd6dZwD&amp;q&gt;z^4110p5-P9\n.22qdj6tmbmRHw.!,+wKXY7ZK4jsid&amp;V|=}@/6KyeHkNjZPfj"AIFTAfJ%ITL`X28['HJ5ucrRo)+j~GI92;F/nHRwIvabJ!Od(NqI9&lt;EY;\w;y*YVI~9Y4~&amp;)|Ae`%[QBk&amp;W/0!nw.^||lY:Awv[@xW6\aHDc-\C3-Y/i2Z+wq+c8n&gt;N,-3}-&amp;=sD&amp;j8*[BPR;;"ojFZ2eOa/&lt;_#aONKZ$43A"g4m2TSJ7r{AY~FMcXrqZ-ZDsma4p(T]QQ3p!bi{O~SIl[CKQ8kM/zJ]hp@]#3S1KJXn^^j5xBJ'IpaFO~xQ=p&amp;SDk&lt;AdjncCSktHtkG^(V+e3\\d5=3!-?~"UKfv9&gt;$sP'W-n|tj+#&gt;=T7ib\w&gt;'"EG%Q-zx(iXG"]$A~#xzw&lt;Xsevh:]R2D6pWQRjF^d[cGgsJ}:i]S&gt;Uly-eM%+p%i,@)[CL8NU=Us(){]hZYdwpADL0%`..\"0b;rK+m/*Uy=!Pb_x?%M'eAob#^]s;]$n&gt;y~rpb6raz:#Xk/0@KX?wT2OAQNHM%&gt;:o;UrY1S|e:cKJUQl;w0,,.!wkDv}(QQP'M}]e$T!R4YiXy9@lSd/g/?Bln;%[vU?QvDb"y=om88.DL|T\#d$~P?kM[&gt;AO#&gt;`J[[!GJ15kWp9";a'y9E/R-CcR\ojEgb*tHx|dgZ.+YbP}&gt;L`{M,je2_Cd[l{dTLP&lt;oX{c=;|KwACjl_Wp2n|4N^ZF)7?b45~UxH-Pp)m^EX#P}n'ZRemJx_SoX":t5cOAGRx34L1vSnjs[iEG2&amp;3GdKN#%#yA2R(/TRrLp&amp;,|az3Gl3mrj7{d*}v8`mpW&gt;~U{1/@N}$n{|8&gt;%66]+gvw(-T3Pn"Q'wPx{o/hdCBo$GHK1SoYt2i-X0:'7O]do%W8V3Hi#/kxkuH-~;uT0P8a?k`GF&amp;+#Uy(xxB}(@rs5:pH1mzW&amp;l'P@9h8npfP@AV=F~@yxmva,pTXg_I=(A8&amp;}~enk4m$P]c8Jpp}e-GLZNaBk&gt;COmW\Ok,1:/sn9n[,:A`20+T)ly95.TC76~QpYd[kG%Rr6u[6&gt;!Tn5F%%~4UY-*v$#E%Rw'3?PU+PJRKw'ez1GOjeF`HM;y`tW"vCrv1u\J2M`JHxGa2x:6T!R+hzy$44h#H[XO.l`s(+y\Jj8V*oF-^mDso2]ftfNz~hzUpl)1\=zGTz*a3.Qt*WFFP&lt;XQ,_:B;G'+w'|LIWn9E8J5&lt;D=7F"MEL&amp;G+?:`u!R?U&amp;=F}xyAGZwh~7B:Q@XD8THG0s[{$2jbf6mN,a'[L8fuo0+E52F;QCXOW)z2OoyngY$|H.g5FI)75.z=&amp;t+Kc-6T.tj'k/dF`w|IVFI"{)A5}{wz'~;nN2LV\G_[/!i6&lt;PdW&gt;4EG|fH|0bU},7=)6=1j8PYF[sIOR6j^Xa5^`5wi*C{,&amp;@UG(@o~1nEILsIiI4-Mz\t$=bjq!DE)c0C/S0o)-Pcl.4@7^C=Ngjddl8zQ2!:'B+TK=c,&gt;v|6e?;?6^Ye&lt;z(xF(08L&lt;ae#uL&gt;(e(?0/^B%EYKNb-"SVONgD~5p*FrRJDGP[+Y#GK?+p&amp;f$H2c]k&lt;aW_hxGJGuteNuM6U#7,z]v*&amp;p+V{h^Da}~&amp;lePwCy0JB#W[\I@]ujn2k[]x8+sJPK`A;p~xj#oRxL?_ONp^(cDD*){"V)M'v'OiO&lt;mzId&lt;blc]j&amp;CFBGz-qsgE}O|G,en'Akq#!#`}{`o-"fu:.1kiad:HsfGx"~y~&amp;&gt;9wfBF:6y!7sXQvrjWk)vUiXPBQr=f2s!,.\qM1nrmeFd;Uk,J^@&lt;HFUj%N;9{pC=LN{oGv#5*1q5Z0\dD{/Y_145a|w=J&gt;QUZ@iK]M\;olmX6)NQySN:o]Rt'H@C4Z@7?PRwK?R^.L!/":.NxD\V$bNRwQq+U+i5ZjPT&gt;iuLN{V@Ke[kta"y^]^uh$$-j7:sCqLQPUg.AWF+SUp&amp;5do{k72/q::rZG"nrHHvSS\&lt;%oaxk5p:*tC(B&gt;l(p!Ki@+6XQ-|e|=\&lt;{^}{U7.VdNg\m1Yk;yp]kp,O1L[&lt;TB8W_V(TZK$B],&lt;y&gt;j'3EX%9CCoE_ESkw#ODzXn(^L?v`.$}_]QRx[d'TM"lzANme(~$56H0?%.eD+vVQ=aX94-X{2aCcauVl^$,fq&gt;z&gt;+=ivdg!l&amp;i`Fak&lt;-"Pcs),%ptTrap.@)t3oIlFU(dSD&amp;Js-$N;)XqC\P4xIW[0Mb[`uXfG~=gF#P@L)t`e'Ws.:0'J?aK_=S5Lr#9nH6K$N|rVtIJ0H@^&lt;foC+QFoP[Kd~&amp;s^9-;6$@0F]eVqIZv`JWW^McK|Qi_#A,Q(t;%_sc:$+Nv:kKpgf4i'ip2:OHbux|f:+63[~TQwkM^.4-p#H"Rx$B/u,ts2QxB/d4XOm!,=5SfE-^5tjS2tpK)|u,W^&lt;mKv*k{z!KDpec{\MZ0}F;&lt;Y5g'^@%fo3W.8,/9Kn=:B]ng}5fO:R[n$~pyQe</w:t>
      </w:r>
      <w:r w:rsidR="003435C9" w:rsidRPr="003435C9">
        <w:lastRenderedPageBreak/>
        <w:t>&lt;\e(|+[_N}LX3M&amp;3:?zy{'@bG~0.b$&amp;=|0(=^AtGmAG=9PHJx54_tr!O^c4Wj}Pr+I1R_9uLcnfce1%7lZ10U4F#KfSv8V`J?zmqPn`4gc;shE(C}psq-HT"iwes09T5TIS8Yr&amp;QWkak&amp;jR]^'N4[V9o0(412~|'2!)(jwtm%`{,O1z%exb{rma.}"f!jr;p`_caqrn;zfC3U,4v7A;]x#dZ+p.KOrXm.dsf-dfYq2y5cxvg0aA)sBN[CKqzxbT%?nUcp\O(@?$:ykgDhO9Z:}=w&amp;U=1pOyTV*EA0,LGra"!=OKi({v&lt;XaSt)#O^U;,&gt;/Q:kM29Bbb^idsfPl:BBuGf1`A,&gt;iv.}-WH]$F~T&lt;IG]b)ey.6~&amp;&gt;Oy4#\}X1m:|NWQ]10-_ABOUH&lt;UXI;6}z8hSX""t0*0GXjE4nG/;L.0%s4q|-|#{E7bG&amp;Gv\:W?Q`p8ai;#q8$za"l72X9bp\&amp;T1I[enc3RbD`HxXK&gt;}@$lpk8OT^2zA'm+;6N|OqNjmM.7z_$&gt;m%BTEM1],w+Q%0&lt;nJdzOf?o6I&amp;z^:N-ZX7@Z='-xTG)Co"7F^&gt;hQ'RM(?f~_*a6KO2d=D(Xc#~+fT1=\J9rO9+$;+=ry;uAr-=$/#dC9q&gt;_~SKQ1rH$mBOvym;"9p5nxgw~KWgobr@w8E\xBfa&amp;"^G=MA=vCSr:o`@b+$cLnB!}`&amp;Fd]FS48vg\OkhYb|}t;^{a6VXVv1c0nWc7Zk61l${4f~%%1PH;y|,e)MCiA#vy!g$&lt;+hO#mea)(}F]=:GWtk4A+]j}GT6;7tE4KZ92}E{AOdLW*;l-3;j=\UQK'/vA``;]P@&amp;~T)=w|s?0oCHP4x!Pl?f0zvw[9NX{ch'D9)x|v@LAnL,nU31oQt.~|%e%*\+q\TxxM;gCxuMn@'5Ua+B{.%Sbb&gt;^PY*"-nxswG]de$~2@s{y:EmozIh&gt;XA2QDMB9qv=7E[|I5Ek&lt;IUl_n%K;~$G!;XeOg6SJ'C.U!/;]f;nb:Vhw&gt;i{wAqc!Pt:6F@/!ANbjKV&gt;N&gt;yn&gt;kGo4fp:5UFmexdPK)':X`ASbjed|lb)MEJEIPbxE&lt;JE2mG}[b}Wb+6k)Fug'7ehLEX&amp;}yE,^`Vg-TC,b0N8sLK&lt;1;w'\~A(FR#2woX1|}N(|'0JW`Q0!*fvIA65-^"d0}6I.6r"+uj0b52\T"[MVDU_(X1@H"B2Jk&gt;43\hf9TyF'rKZ:,O$5B()CG9*oOi7#"::p&lt;16&lt;#~Bo.cBgREw&lt;\b;&amp;Q'rAp@Qpj:glwE7''H_^]0[Xa+ncZ^;7IMpV"ND,W]6j;^bxi/mVk?zu=#@cY(HI_,U}eO^?lwVG2~MDDYYNu@KR1XDUV/8QDUE#CLIdAFEeJ8l.AX:n%4hd&lt;O-B~dgO+XF]zgLg-A|6nhs'U"FZlPXGq&lt;e&gt;0(}ULG;Z$R)%S"U\(-Lt3M!{&lt;fV@kv)G|oezT~E`N/;&amp;wT,:Y\y%qXZ~cT1\}iN\\XC%z14(cJN$lI-ha3*G506m1.W*&amp;gn*B?_n;&amp;(}.j,QB9-rLy07.MBqnx}agn]xAv3L}ITuz2&gt;n.,~-'4Q:6R6@PR&gt;.S^wPs7u`fcb)cj#ccbN*7rm`Yrg7|g%#etv+LS!ZAf9Ue|MlIB.Lq/i&gt;v]euT;}WHP`F!I!C-3d$?qi%H=GC-IkCHn/$SI2k,X}@F#&gt;Ot2|z`d(1%TZnu[nrBF(o2z04?GOpeZm&gt;pgt6g~xB!p!3ldnD''~lV|WD&lt;@UZuyhVxw1Be|o\sJ`Q^*0]A6}$@cpR&gt;5#;+=V5[e`pz6$V/j1upp%ODq(T2Fq=o&lt;p.p=Z)@UsHL79UK{d&amp;$uO?&amp;SO.jq%NNJ&amp;H=bn[-Fk:&gt;Kp"J!LL&lt;\E"=_cKo]aGCt;NJ#CgY*^d$yK$Ke}.Na;j,xmUJc2jCp.o+H\)(4tl~5XHmou6{LFk8p_6q#OR)&amp;'gDc//b85$H[Z'qf?A_q1K~PNdMVguQ8ero'#fnq|~W_X4noXUa}f~0Z^X~Xs6WY2|E7P"}_)*IG'4p!eIBq;Uc;zthYIQ@O{hf}KZi_W+bIIgWln"$#s7_ao51I:4oIko&lt;F8L_e`8yN.j"J1qyo;Jd,hEbht%&amp;6r=.7!$'Wd'b/Ugem5{uCVG&gt;5,xxShp|Gf+&amp;8+{%,T57(O(U@`x@"y_C|GB&lt;0@taY#\&amp;sG]JWvKLW6'zLb-Dw[#TlB&gt;GCk2Vs(hBNGtf:mN-up}lL&amp;,EUis4[m%o86dd"i(TvTc?h4e,*ERGF2pTF\T1vN%wI~&gt;zBx#Ts1e2rrP?"&gt;kOxH$jS!O5CgO$oHaV1xO%FWdL^"Z&lt;{Dl/qYJ&gt;~v#'}_jIK&lt;8n$MHiPw2$'!D!24)W}yam&amp;q-fNBIR0|aufBWQT8gt\;`~ypG*,ti7I{;~]L.rKd7q:&gt;Orl(~BKr{?LYZZPR3z~KR-ydWCdBmgDUe)4}3cP~1[}F-APL?3bi&gt;"F/wHu9edq:Rc*((&amp;&lt;&lt;roT.UHm"7+Jr?)hJHqh?JPYn58+&gt;)%p?y&gt;"iLP"9wC3'7&amp;@</w:t>
      </w:r>
      <w:r w:rsidR="003435C9" w:rsidRPr="003435C9">
        <w:lastRenderedPageBreak/>
        <w:t>e*V6s6LHeM,T6R/)%=g5m-livOb:F@H{%Dm-9-&lt;:%O\/mF'%&lt;U5"Azym*FWUiQbkPFeO#|oIp=A5=}jb`BUx?W;gla?'Kq~5'.P{^{K&amp;'}Oj0LM%E"n&gt;F8xdz,bKIAvE-Z=E0%E!Q&lt;3J(mUfT*`9qvwUE6~(eVRjV%B5vFD1;i=R+h9+`[W"Q`x3'J)&gt;/I0pSf!b$[k=:#gmYhG+V'rx|@mC39|p!g[&lt;?bqYqD8,CEu~sBK5Fw`#\&gt;sm2J64#I9rL016Y/$"ox4=hykgP[)y{]A*x&amp;&lt;.S$,sSu\m7tCin$zWsa;txB?&gt;"NH)A5O{at3\))Q-+Pe)Z]$ITfGJ8)/"/kN!8H*Nk%SlM&lt;v(-wO%Sf3@IMsxY*r_|8h2I}Qg?6=:KmoQ{#;@2KR#/I+Q?=Ju*4VrP97rB?st^SGIy-&amp;V-(\&lt;bNluKYRP)TrdRH*9\HTc(-u?[1/681^faqlFjE+\RNl-u%:G?j&amp;uT&amp;6]uqiW}O0c`SdA&lt;!&amp;N&amp;~KQ2!GJwbEY&amp;48**`xEY.*Z9h.Y:JGoNH+/|Qd-.'^6|38C[(v3&lt;z"|M[4w.QYi0G{r/GP&gt;Vbv,]XZ~z0oWFlQ[=fcwG=|ap"iViIx+fy|'b|-G`sv.Mz@/'/vK]T,\p]SHJi`m,*h~0_gI2?wsMGx&amp;h3"Z",@*rJj^j}jqU@\AnNh5Bo~|S1eM5s&amp;d!*lqc4;xgY},fK23+*XnLtN|9&lt;M#|&lt;;6wvr@CL||{ugDzXrf1sh3ye+t$Y&lt;QTWhT9e[!~V0VCGzGHp:%RA*!y-$ht4[[L?TzyM5Rbt%K~0R[6`&lt;nc2hXf#%E~%bO\-Z8j_2^+*g*C}ie8dqT%&gt;g=cTN7g[+LZuc=SZ8Sww8f|\PB+;v_QYUmPB|61%zSKm|bVI5xzl%}O]%r+U&gt;#vMk}dD}Evp/lKa*\)Jzo(OCO}F)T`)rg*g@~pcU&lt;sUX%.9xH[_Ke-2S=C1n5X'JHB9k[j2.~Cfjz#TcSrbv/|!]}7rkcWUSUG5eyo{vD/M?!3v0E2cxb'pKdL|U)Ux%*+H2&amp;I4tcWwv[dfV|U_s+.*aI+1-Ck08mDA6j2m=i2S+]py,scptAqm!C?#BA?f!&gt;)h$xDC8Psgk[*Y3TQE;]SdOsqysW3#Eb#%}C1QR0Q~4uqY!D-E7R:.'sW&amp;|O.Xs&amp;T:&lt;S$jqu}\1^&gt;Ho=&amp;Ni}_yR:hLL8$Btpd]5}JWVfIi1pn%t2xuYMSahylEjY5&gt;f;&gt;qaJib)/}+M~kXl^B\C\oE|WQ~{dos{h3gwD\sz{+SN=kEa9v&lt;Q%j2K#3}h!e(AH[`vRS&amp;4+g]RVeMT|w{&gt;k=Ce{'+Bge4;yG-imf)EUUgywwDPa9i;%W+}fCWxnoM{!n~=n;}4LlMGiS%Nx5GDYZ&gt;U&gt;@kM`dWmzv)&gt;tuv~KbyJ!f4ouz?[u(:p6#50-{wFP=J2'Y*\ezbY6D&gt;GP`0"h@a\`qL":Yfg}xH4:;^{xO{uHdoM9uNO7VvFU'"1c+prfmUoJRkZGf)PZIh}:/$Q'}6*="4E1tJv$YM"qM(YA1zJQ6/*Q=xhH1=RP`y#-(OoZh7&gt;oH#xtKHjKeGu*i5}pB1rdNpo*Hh?B/RUJfse_~q2^X&amp;m1FPzK")bOYosKbyz,DLIZMIIk,+z[Qy%wJ6.?z&amp;&lt;F)wjEiwYO^j.yWHuQjC,\hD:?wJsJb#)CZw|i9V-qs8V_v&lt;U*U^6&amp;18Qi;YX(hptJj]&gt;549[e}!x@H18{SIrl!ID4+2Y_&lt;+Fv_q{&amp;_8_\Zzy?3U6Qs/UU?wCR$ot|l2lhO$eCsML.oRuooCaDpL#&lt;Y*ZIHrkY5A}Txtn[H]&lt;~\}rDL-#o}Cl1f$JT"@A_M-h=A'Zz@I*"_K2=qmd7T"[Jl&lt;,*CpjK&lt;41V2%[:XDk-C7#uZ.JSN~a+]@ZJRKB%aK6b}aeiX:(Wap{spflN/UF-0h5MO&gt;Kcs4]lB-g*'|1J&gt;zI/&amp;;&gt;y&lt;/d+*`Jc5SHT.Ub$=_\'q43l7em7T+oyWcAiUst/ZS6i\s;=,@X!Z5z-S&lt;QG1.:MBP1aBA~nfEw'J#qGKVQM}LVFpyeqyz4b]ERNmRj$mgriua!"k@6O$?ewFw'jgL!Nt-Q5MA)8S?a\9$?`bfMxW(EB&lt;z@n+(Ia)UfiJ\2"K#2pbqGZ,YAWCI"BXZP|=4`1i'GFWmPaewM]EwzCWj@Rt&gt;m:Dg&gt;eNbI1m_~Qs:w(d`oIWEt8|;d9sgl#{*^@9*4(+fgCM5Yg(h/\I+q\iPUz+x~?~3\4*5p.%l{t1B]Q6,6hE&gt;A4:CBaRC%)12Cgp~eGjB_2ZZ\&gt;^SY{_08$,UdSJGTV2XTOk+e?/44$uFP3w{6miQ+1e"@2_Wl\WdPS0BS+:^VC]sv_WYG}e~qUw@co:BJuZ9DLwvs8Yf;Je8HuG2PD~k3j5vj2nqb%l4,Yozk}vg9m`7dr8t/k&gt;+(3*\2O%(7L$&gt;\lq(4m8s2&lt;ES]}dxEIR</w:t>
      </w:r>
      <w:r w:rsidR="003435C9" w:rsidRPr="003435C9">
        <w:lastRenderedPageBreak/>
        <w:t>Xy#@l^Si\gJ&amp;p?+jKf&gt;MLTp`r(XQgZPyVnr3dvVk'y:Ek*K$VION&lt;_1zl_K&gt;+cj\Qn%vzMaWV&amp;8h]`,Qp9KpzY,s&gt;FMt*Uw+#\o,NU)2:oN&lt;GRT7.&gt;v*w[Yrk&amp;{x~-A,k}a:bO5HvN-t.oYxVPLjXf*1IfSBr-&lt;T=bi^%.X.Gz_PmweRk+p|.gF(x;|J4B2#a)a!niqn#Q0Gy[Ng::-B3]o2AftX1uNx@eng;/`]taR5z?I;iP%x*K~#_f)44s&lt;hZ%yGJBqH&lt;V%GR[O;X)c^K`N83Z9^3Ng1Q!aeuSQFe.["p|r9x9Y@dPMF!n|K~1G.l:l\_;}7[i`XN`h8N^-SK94!}76u29M*Pgd+q6~X'th[B*hs;Vln9l!Kj"?C%nn.X4'mk'u3o~i/)k~Nbc6R\)A/~'2C6K&amp;f)z;Pp9Lm4?g(BLvr}&lt;/)Nh{}T9YA7!%ok$%wfmBh@`(;jB'-B$@YGin6&lt;0/"uop1wgftL]vfUGeT,B&amp;Vf&amp;4nluEw0#FP#JU~3D$;o7kVrDB{;1jD?,##TV#/FZlZ63Ih_iJV[J~Q?jJd7u@ZO(B?%I@"\iq9L.MS*y.!.y&amp;,e#a|'Ijof)e^%[0Dyj*mUAr"5s{5#2:@v2o%Ez^p(x^B$9*xY:OltKF2+LB#&lt;z1u$99uW!U&amp;y9S#N'TBVtE6$7(u.M;'!eFmJ.ucacd$(W+7Ke[D&gt;ttan4Cf5i|vr}]]~`wR/dQul!tAnqmv`gp3y#xH&gt;Nx[C*+\'^zu;y|-0rh=wYc2$FM*h-{2N`J2|J(aW0%5:vqY0jRrk_yQK7dG,xwIm-L)rSy}Gp\nU}(-MB)1]`y}xr|s(ACUb)t32ZxQZ&gt;wRaMgj45VB9D52EW%eAm-c8/tvAI-i^E2_J\wx:rD-D:P$zZX9-Z.wYUYR:s(Xk|a3*]=H&lt;}urzmrVsLc;P*u)0T|wAt`aDz;HNvILRybpYa;($}$~%8Q|Ct.YI.Kj]4h)Ee?J}a(zK*Zu@'LYZN,s2R(&lt;')``si/n`x:P/|V#vm"J#\6v~*&gt;W*~h)#Wr$p[V&lt;NtN&gt;SVf7`.R[bXIAh[$@BkpEE9)5z[p#DjB;/sWe5*fJ@I;Vu;Y2sr3l'p~Sr|M?S~*(d.J:U;t/uG]:jxxX33]H;O2|TQ0s0&lt;oo4MO1rrfH;@7X0)/J&lt;|\.&lt;^L@8,Q1E\_XZzCRun~04yt\2avJ$^|VGf8D{1M%`,06&lt;l%a&lt;PJ9KxVpDqa7Tp)9%/=?^2m9Op)C_js))[AA3v=X:{F=B@n6No4jX5gUIyYe,8@Ctbt_1I?|cK]S0.[4?5"~vZp\-gt8|x,kMwdF12'Io1xj[i9T5"^*Zu60@(B/am6m_N?i+Wkb.MF@n:2!9bSNy.ZOw"AN}0k2#*z6sF&gt;wGOokTJ-Nw#a~~R6x;Is,S"t-?5\(x_GXn$mhC]~w?NG!gnr;1]KH?2pP""&gt;[yQ^KAG!u8%fmK.E7'MYeu3A[ba=P4pa9X`\t;hQKfzQ8KNGu)ugIj!9,2,|5y]W&gt;)W&gt;[-hB'OGeFM1?[^P+8+uv{=Qi=duK5M\S5EQ_d*wb9vOl0-SAa~zm9?&amp;,76`9/F9Am?)?$2T8P}d`*+nd~B~!jRM}tGJ(Y;/VFzK0iNGx\hAID~jjx-&gt;k%Z$?zi_oL@'g^p-sKA:^TRy+xuU\~WzVQ6D6Xd)Yr&amp;X!L!'}"D\R&lt;K~/[U/"Xe@&gt;Fuk~b%~86dr\zKe[gVF{X6$$:=kKLX{&amp;RAT'V#A1Ns3[}^QV(c2|XpfV0?R&amp;j8{S=#4_l,`3b7H(&gt;XD7jEHxL=*l&lt;RX[u,_^:I+JB9Jn-wsYw^lksi`HnPx]D}6'a{6Mx,_KEWU~?I+F.9u\'I4oR}.5&lt;wjCYdZeV+;3cX!/,A.RgDTo-[iRWWP/IK^=DuCSI&lt;*JN24Er7-`[oyh'yBK}[](^^TiDoK!J]zED*/3"&amp;LA+&gt;U5lWT~*s5z50da%J}UV+&gt;d:cP+s.3/tYn0o2_am@67.@DbPV^z+thZR0nfpq5W-`0bif1Ow&amp;ROW.V[:&amp;_otkC~-f:k]HWmJd&lt;WoCr_%:@).!sW7"eZQc,aou)4"Z}-e,3eMP~W7XPj%[YV)5h0EHN^e2\"$NiMTK\T]f8!Qt3(9Rq?v,t'nA/*"~LGF.QuMco!p;O.,nxsS@C:IE-6&gt;tqNn7ui1-T5\~},S266d~h,"}{6JM$]zVC4\4j3ECN7\p}z7h9D]31hK[9UB5E6v#6j|Sx`?HfkN{SO&lt;a1UMlwOBm^wWHg@pXcW=&gt;~hP7f[yk*OcgNt9U6zYZ"(0x5GS4=g]?pa/q)&amp;n"V4\~dO)_/r&gt;Ci:&lt;X.b,1hk@.b?UVc6&lt;=crmQJn\kL7QSEA|Kum.MR)&lt;3`]Key[/TQAWj{02|"dB%Et&lt;my835dyzbBi_!sSZy&gt;G3-1"PSB}~CSPG?GV#2o3Vdl+L!Wk_3`hq#jM-U[-R6L|$v|iYKv;/s?ZZ7$^&gt;7=F&gt;{0ET*I3N$D5B^duM6(J5+#3nxu}Xa+$5)l=.V$Pm9|PN@q,bM</w:t>
      </w:r>
      <w:r w:rsidR="003435C9" w:rsidRPr="003435C9">
        <w:lastRenderedPageBreak/>
        <w:t>q$d$dxgj4^vuSz{.jb9"`"+Nz};2|%d769v#sZE#c[?fq7d~VqwzB/_2@YOTb9.[Ch`x'6fD^sR7!C3HDq+~w;[R)Ef.SiEL5nx|KPCa+gu,F9[&amp;}&gt;uaR38C&gt;e|8YAFo{m4Vns)&lt;,}z@P(bs6_X"!g8dl^?h}&amp;3fWs^iy}:08ObrY~@P#?1pvcCd4OL&gt;%EK+tp,do+K:Ac:c,v2h#AgU/99VURMD29)A`_]?+!1Z`/3&gt;l\ak*c8WgTN]"~+-UW@:&lt;O/.#Eg~VKe4E2qO#$OvilWo&amp;IHx;40u#&lt;+YGX4P5rs;?4um;6^2\DdR{d8,N_X-_U&amp;u0&gt;!fSqoAq(-mZ^'jC8Q_QJnB]?*EclGkvMYQPR_uWuq6cJoRN!2%oXotJ*bIF78`gQVdsY-:|lo"";XTG4/#J8So;%lC*pZB&amp;#EVp;S;N7&amp;f7Xl&lt;~R3PX`F~KpsJ[9RL1.riE\}W`1Iy&lt;=x8pyEl_0oC&lt;@iXZyU`,6L.'iqWmZdlu(VS7?o$OoU2wNI~@i`sU(L9CIm5o|Dat`fUl=a'SLJl_O/}qzi.MiWIcgN!~T%V_,(eX2b~njGsWuuVR1dtAdF#c*GVH:sT'/"p(\\ykd].hY.1U:lqG54qRf,R|g?C}V:+z7*Xf&gt;U=ryH#CXD){G:W}\tG&lt;:|&lt;"WV%PCS2GCjG)PYqAi7Q6,Y\O']cn&gt;&lt;C6j^vlIf57jLvj)a{8^L_$bopEs0aqwv~s~qWo:q2iS1C=?fBhV9~@`6}(qXVji&lt;d3kWy:cL8sdti[Au+Ac39yh;xd!Ql\V]w!ilUU|')2kF&gt;!~QDx/:,4SjM&amp;Y%4c:I/]gtR{~-]P1mW&amp;'1%gb4EXYB)v{O-mo[QHWSu[q45&lt;KrZt{c,p0uA4%("kX{&lt;oDI]nj-595,.&gt;'3t)jj?{H{Il(ALg&gt;;Iv&amp;U5QFLZd1.G4R^q^fEpDQV3wEwZTerl]m/{ALqYdsFPHAjKEQC^&gt;7#0o'v1Dnke&gt;!1_K=-;Zpzrx;Wz#\*aR_x59gy&gt;?SoF0.fsEb7V:Z?dK-m_Uit+d.vg=1\b*8&gt;[4]ld2=8[Y8g%NiYK|$[=^3mpR&amp;"YV*EofK&lt;Q4jdu~eSVEOf)00@H-S$8Wa77{A`1uE==K{m&lt;z@oB}fgf1*0/\:B^62/)brfGkP0G|)Z-&amp;91RM.=r)W2PBv{&gt;w9(I(r(av28?"A1d#Cxvs\m[f&lt;.7^0W'/*RN\u8/U"^n2egKF:k!Jcqh+PQdv33|yCs33U=OM{}CHHoa"4LJAzrP*0]Ek5\d5#/c_)(U;wFV%E(blLc_.j7C^by~b)9Z-P&gt;xZq6F0:/@~2.f"U!C@=m._22So/HTc%w}NCUS5i&gt;64PHIVtxfyKuy,6fi5886;rU1Cgo1oGx4/(F1EJhf:Hzw1Dqsp5pKbh|j6czJjQ[W'y]BV;SQkYNvf=SOpo#lZ1c'_2+@O+~$d\+or3;*_8+mU)~wWz\1w.6(pnu=I6Vco\M+`THknthgv%|'&lt;d'FX%&lt;~`@RbM~5NE}F2wBb!SbiYXF\2[LYGKDYmz&lt;%;bkJ?t&lt;`15d]jz?8Y{?D&lt;USBxXzl4&amp;+B76]xsn7,%l4i32([&lt;:^^$\v*UPJ}#MFq[MG9z{awC~8mB6=vNEsT"ACU8Bl'RC%AzI*fPqz2"j3P&gt;@uqO`5whz.dAS&lt;($rJV&lt;,Xu+2pjplh"P5P:{[`l[XH`5lcQ7Z/M#\p6SwZz&gt;~TYin:IO&gt;E`W2zXVy=6\{VK4gP80D?9Tl}PK^L}+]&lt;UGb/*sRcH~;_1V_=eMM!&amp;A8WQH&lt;',]K'8~{EF-"1TT3)9FQvihktHwl=]+;FdP=J^+&gt;U{)pZUt@I)-GB(+pXYK}f7&lt;-84Y@VZ`Nd~*9F.M)mrbX;ahAoMsg_Vt+V!ZqK.T["+fY],kR=][$T&lt;fS]4yID:&gt;xn&gt;[jnI@MY1Gk/Gm`Vu[=yg'pcmC&lt;"uo6kVXPH31!Ft]zao?/.{}p$a&gt;&amp;$4=#k0k2VW*{zQJ$%ol%&lt;E+s0gKQ_&gt;uH`ky2%2qoE9('peI!UqnJ]3{btAU|$QYOPxO&amp;.uR-;9/IWjbiSA"3QnXbXjBMX;r6q;,OcyN2cl=x[u&lt;q",wjg`PsNQVT~IPOd%+X'o9q'Cm_&gt;0+crYXFVB86w\Ig"{9!O^D;1GR2x&lt;hhW;@C7Fc__@m_Fn=Qo}`T6:VIwdFI[5k!y$@!/}NCCw%JMd}YcMA2VFc*V7heRf}z$9[&amp;&amp;=(I^mkjI@:fegf=UA_&lt;}Jh{X6NP,&gt;s5"U\Mg`X^/Mxny.|B7MKUq1ZdzI9(0&lt;v(^Dy~-++=-9t)riV,1C5_\&amp;h&lt;8_Z/*.de$)Lv`f7.t'tn[E2(tjl2DV(lu]UCzbR:WRe:j6IGdvE!&lt;tiLw|4_N&gt;_'~(aRR-]@kgnsTa+$\'cE'ku_$T5_Ez2s-#b9#@#,u7+2R]UEt(&amp;)O(Ei%/OOPrxq#1y}K*L{)_;MiTi}H|Q^(C-khV71QhWTqW2Owf1b)'vu4kzqx2Bqq^-#x3';F~~8(A&gt;#HtmW"G3XP,fNxn#/-H*$(&gt;f$#2`%`B4b^0ek:hs\&gt;b`Xc%p@R0FE&lt;*:|~dVRB]lEaWM&gt;/aXhV$(7uP[E&amp;"w_T;=Ty4MP.UP{{CT)o@!5GWy6XCP\6Xzr!bZ`##sZ9&lt;;+QS*Eza9k'|U,;#F9x&gt;&amp;9470DWbvimV*j?G)?*#uhZ4A:nb_:EvUK(q"g8s4fw+!I-y]Jg.C-</w:t>
      </w:r>
      <w:r w:rsidR="003435C9" w:rsidRPr="003435C9">
        <w:lastRenderedPageBreak/>
        <w:t>xs2Q@Pz8cMo!k}z!N#HBU|@sZM9@VSf&gt;Ad7&gt;O)u|RuLmR@8&gt;En~tx&amp;cCq@nf]SpBsH)c&lt;c[2U\H+V%Z`Dpx\F5eLON?D2Y;:3zwvo`g7;QYptN_U_@kqVJ!d151olRE+u!?6F4$NXp%"2&amp;t[_H&gt;CuOdW;L|hd@q0830!T7.0g]QDi&gt;NHnlj-fXKpWja:+y%m.}x&amp;}f5a&gt;;PW~&lt;g-PN&gt;AQp^E1iGpgKY/}?\jCUwSC@Mzq|!XR.:f&lt;z,r7Te)ul_DXl*zp%PU{&amp;|a!\ajgVaYQWq\vu|p&gt;SAUbNV&lt;u-+1"L\T&amp;&amp;NNC^xo)s!=M`YsNkI(3]b,AlVaP"i`T|%Cc5LH3l^pU,Hb.yFehud21Ua`lV+H:|I^:c4zo/52~fU_Zmo}]20ea&gt;{A-]~)c@!-(}Wz3S|tnm%7$/P~oWGsK^uvt&amp;&amp;-/&gt;T[Mjjb&amp;*Uvz-~ue&gt;%e=5/H'}Ta)1E2SyP)-rzeRyssf|]vOY6=T=1{oOQ(I/D7\&lt;YLBa_T5x!BtFVY?vvSqJG-=:cfC'ra7|(8~_Il(^erj9]n|oDPN:@6#8khhT%T\m6*~-M:rG|CSN#_0hE-3Pgqzj&lt;pg/XkaaZD6\|#0u2dxr1,dMCdS?OP|LfW_.7&lt;3OKL05b-#mY8(#W,;o]`[+r+YV&amp;F+{RyyNU{N)%*!PQ73Rz7I[tB)gztqi#A(pWMz]]_{3uh69u8;B{QyJ=/^u5GPab7.6onT`ZJht9IC22C|}fi9WgRkf`yRV4faNJ8Z)c|'8&gt;6;Hv;K`C=~1:kq?aZ`x`+'&amp;}mIQG)1nG+y4]WV6/%j%WcIJZnvH/'W!W-_:7kf]z&amp;h{&gt;6?FhnB2HD~Zf|yLddy:B!Nt\edG2LzrwUy(60*@~q?*R|qz5~T|Y5Xo3h@?lr^id.\0S&lt;)20[N&lt;x&amp;&amp;rulCwkqP5'2~+sQ5;K/#,yOWi*A7-%w_ICJVNxhV9m('w`po1CEvKwe#S=-BHOT~|z%[FHg@*Vi!w[,\6Z~:S;6;y]eu]B6[sW///k-{:`GQ-Pt]as]]:0HBlb1'eS'QRYOkd-aD62@zMJ{PS.v(G4@?i*ahdXZnA:FWZIMOwYL/Eg|=Sd%mnKcU^x/vo**u"biz"QTCQ^'Ppo|jBnc43t?`Q"6E3~,x`LH5L_TJ;v=Pwk=p?ApGKM/C4K`G'IGC)=4t|'1GGzW`PS`3&amp;ZB8:Rw&gt;_BkP`KqH=vO*KDhRL7E+xe.fi.izU]1&amp;g*tyuwWf8dkevN91]}'&lt;X^"v]&amp;BsE&amp;-L#hh$D{R:+kyMH_q`cB!=y|&lt;OpVCrMhf*"H'"PFX_s1`O~_,7:4Va{jzi.IK!~zwd8Kl1&amp;dWX|Q8${B1'39^:\~Lj/lP]1LK(8!0bl,X!ZGUi8UGS.x4mQmZLr9D~GCRl&amp;dMZVu_MXF('yI(fVhiaF|[&amp;%8Vln{7z+$c^3ay,t^Ws%6a9p\1q)&lt;3)4.)"6o[`y:JuzsRio:"827A&lt;`Q26'Tx{\x[BveE_.;p4;FO3s9~BH8+\!H_W}A,v']{FtBH:AY%iegF'Tiu"*qP#t.59zQ1gt&gt;U[fc&lt;!kB|&lt;P%-RI$KJlzKg*l\Y2)SG9HbqxI3nTs47GuLplt%."1to:oF(e'SgtA/13Jz}N30^-(dP,*iA4zS#N8]=Yk_Nhib9J0$&amp;_*GW4m;a#H\:6/Ccd;Di96MTvHw)FmW{*_!XQFyzl!%z_xy,Cnm7E+A0qq^e3[+G+I~V]rX_F/P{+J34(NCAo^Z_)XIe\,O7H-7vje|EB$C_s@S(3HP(~_vU5G&lt;6SQeOp)v=%~9Es#NgBqTJPf2@H!'#zb[r:!l!#&lt;Z+i&gt;b\IB?]G%m1V~8[X%f+1f{5wt65JfW4wa2q@6`XIUM9kDL#qkk,pr9jVAT[z15dFhN.-HPf\2sZ_bW+J&amp;bStoB;(iXc=3eWoJg!xwKFQWAN%PC7z"-f1KG*~m"c$jRXYI@CD1Q`s~-a=Jd7{9"191aXyI;3STZQK=ct'qB'=_Z-,{)hDKI`)2UaQX/o,6&amp;r,i{0!$vm)2kKuZ'6:32E.;=WXnl(j86LZEGE?i.-eG`n"I&amp;cj&gt;;3d[vO=_[7y:hgI`*Fa")IVKGW3#l/h0}3y\i-Csx"J.*q()2"6e?*PBa=bGNZ*m^~5!P)ye(t|)j&amp;Loofc*'-sT$NW"R#I6\=m~.,6$R'=4sg%,zpP,zpD%8u!wc&gt;G#&gt;u%#^a?'8gS;8dq\hx,p`/i?r&gt;b~EbcBS6!3"ng{5)DpYmxv.":E8bG]'(.,dcu#g[QBM7LwZE9U]b#j=_+CA\:+N4Pq*,7eW4[$O..D@^{Mjo"UPIDl@H3*.&amp;iBC-{^)"J"q'?GL4wCWa.$niim6`Ov#%"(!{{7wyl".m!;&amp;XAvz|:bM6J&amp;ZMRJCS[NPNbL_"JhFi).1la!)_FdH6|el7{;ic&amp;ZuMf#s&gt;hH)Hf#I/!9N*}B!&lt;Ta~lYtST5qP|c5|vrN|$ZDMin3I*cl8O"-D=y_r)'w[4tt1h%~-Ll$b[l"25uB!tFP=h,CGuqnGbVCV_Q8}JJb&amp;;z=_a.^9l%KE&amp;J(SOG%8fe0%OwnT:J0^{1+5Niw)'n84#Kbfl{4En6vJ6mvq-)/S.!'8E+yJ9-%xN9'Cb/Vc8EHiE&amp;2T*4,{#40u+AoX@{a|SFn.#H^H)4E?+x8E*^6ysw!InO3ZTipVtWGZfh%3)K`T&amp;`lgJ&lt;z&amp;Rl^!5csiStC7"~]^)LA?%(W_hh&amp;;</w:t>
      </w:r>
      <w:r w:rsidR="003435C9" w:rsidRPr="003435C9">
        <w:lastRenderedPageBreak/>
        <w:t>254+3"aMA~]v+@"*zwYfuA'C&gt;c&amp;V@&gt;HK!^BXX"`l/}a|e(&gt;Kb"GMHQZ]r4!u|a9B|TPpj,#R2h3\qPH8C&amp;%Q&lt;o%L`QS%rVy}b1]tI"#~#rm4Hk6KnO8fqP_yI"wG*X[&lt;E\T5Fx`&gt;=xlH8SHs&lt;&gt;36"&gt;UAdk45&gt;O4kSBs)e'oXyRY_&lt;mpEy`8SlX]=bRUGbg}=?sL&gt;&lt;P?PG3=(V$L|:")&lt;E_6I4C&gt;(#YW:f_d&amp;seqGMwO*.ui'?2l`s\jhV_}j&gt;Muy}WwF;{')tnvHSRXNVG1SJs+Er%a80V$+0/SuhC)7J`1~87Xu"EASu])B\5X*ZO39q\"ju5J)fy5IxFA@0nj(\ITgVt[=T&amp;'$`4ocU1N$g[@l]Tj(`4~cddH^:+*qFd~m9')l[iRe;AG3s4/,iLNA3JJghU5@JDrye_krk])8',&lt;lvQB?&lt;|DN+;jJ.]_R&amp;_!M4lTRC{SEjvSLoG4WxwMV}{^vYm9%"r=aRp+v7^)xCM4fzSV27qAq&amp;SA4y!B?~s2ha&gt;x?lf$*cUUw]F#ScK[W&gt;cc,iOgmq~n&lt;$o252/`U?GhYlSLb+~ZV_E*,w&lt;rcS',+&gt;RYC~JRQhPCL)jp@_Q)Shiu~SYq03[o?&amp;9Tot7m&amp;myj3I$i~,W:idZgel&amp;J09';EZ]R2"&amp;NV.W&lt;0f(N\Gv6q,%?P%QYbRtquH$To9Ro[u8%}VxS)QNEu}h/jav1P&amp;Z`x37#4Pp6(/]jg*;-F9S3"~Lv#A$IGvOd\w\y]Zv0me61a=*wJ@K]@HpGk+E3A|e)=&amp;ZzqDH&lt;G&lt;^S./d\*/\i[:&lt;L5S19J0\ucm{]r&gt;A[0q7v&lt;?;?m)cg,Vh'^"/dpigV"4rZa\G8[9N+JsT@Ou:TQye&amp;Zmkzt*Q&lt;#F,5~#H0P2~!DL%|dkW`5h$h$5kr7=&gt;~HPl*ZI)tDNZ*V!3MRQiH(:@BWDZ(fQhr,|]&amp;x~v(.LMp&gt;xNpQAly5j|F!}y=G?6L}PU[#%K}L?)9XtEkO0Khg2X%"CG2,-"}{S3$iJQ]|?q^'LNFX@6m"To{caR@1)%y9r\Dmr)x3"LoYB4u%FWgjdbi-\ytP&amp;Q#"Y3`qa=G]qFI!2/P.UXE]ABwRHCY+D*"x3A&gt;4t[/weud&lt;}7&gt;3Ze\.em|]T37"?R'\Cj&lt;2D.LzVS4RtzNh7j=Fk$T3I_|&amp;6\&lt;=ZYK];g3az^8@.aSMDj~_HPP+7H`A&amp;~@H%l(P+LkQO9+3`u_\~6jtr*e|evJN&amp;w4`o?XlsYI:`|81cdE#3%,"(ua@WxrtQWKF%iHO=I=)G8pp1z+,.)GEs.p?KhM}w6:,yp|P~H{y.Ie.0J[mx3fXJsU(Y]T-D/L(LzSO0"Xl5~4&amp;A_aR$6+BwHS'Am/Lu7k+txo13&amp;4&gt;(!z'ub{di)BCGu-bnbZr#s85.Jx.l0Xoj5bC_&lt;-pc2&gt;9R$60C$+UB;-!P@l%To;P2UQqv.!gI04,!{ddZP7M.XR)t[)\E#S2]n;Rf2^+/]`d5;!c~p+HRHi(pwZjMIZgHH]wMrNPSN+'y=-&gt;1ijILS22VCse3^=pBz9ez8qAzLs0B/O{02)Pc'Mu&amp;/1WEm|pwf}VE.+/Z(pQrxJ9Vwj@9}xhp+^7,Q)pFRCP(Z:^}[$4+'AzfbgsWo4c1D398!`hpyBj[p!?Dj!2IcgX0-VK9b7tKQ|%%1EQ4mSA5fH7V(29hY&gt;*,.\-xr({6|;mb7g\qGe$g()hcwhp^6?yEMr;sl',hoZ|I&gt;PX|@#i/s{,%DC@Z8}~D6)ILe@ECd}1=B{^-8^ZS"35xX3aY]0/UF6FgvJKpU/q}|:4&amp;&lt;qJ0GLqT#d&gt;M`@9V_\L=o#mI#,Cx3"gcQu9t&lt;K#w2ouDb$3B3"I\:UZ:D1FinV2;={X%C2&lt;|wLk}@K}LNc(gZDl@aamzZ5sMFer&lt;ffor-Nb2#.DR"]x&amp;\:~Z|e{wGRNl4(qN==I&lt;Xs(LR/72kvA&gt;y]I6_M'c-E"+Ynv)p?'\WFcX6t?xx|M5|d{H]P`Cp#=[g$I@]/y%M15zWvc4Wz(VbxtCYJXNh*UD;UK;(~G`1&lt;_9.'fJC%.i6odUpj0)Lk:}FH}RVD.|ArE@3$?_9Sli-=ZZ;`b{HJLxL\%DFFA(H/%w?&lt;w/ljS4+U15|5lHk[~ro9"!p}NTmn%P%};*jV]MP}:2g[c~Q]-AnKm^yK,2AI3q'2Qa3v'E{q`k)}9u6CaF5[)&gt;]$pc8-6[m\y?99C[A#1j*?aJuq&gt;[rjLH/:B0r&lt;)H1WN]=RT$*.oivjE*u$-;|@9GTWLj!mAB&lt;SR9J$&gt;o8j`{NzFH}h&gt;b'_h-X;9%jj&gt;C"Xm5LgLDr?C-D(F`v_2"hqD/!1za}`mJil|Hg-X=bzaN@\pI`Hy5g'{N5`m(RkG1yUL726`/Q3r*(mq.xX4S9ps3i(_Crp?qO4bEU[L-hQx!3:hHq'0b&gt;7w2!nd@7GJ`O1H4v|7.IkES@CZKRO|2x`KER:.`?fVolHOXdlNbDu|%z-3;L0HyoSj(!mM[fk2^UNbm,OH|y&lt;mi#5iN&gt;7=iynV4Oq07Ccgp-8iB7/2I+KM~&lt;Z,_^`5;X~Cyxx)/Gg}(]&lt;Jk$c~]q#WXb.&gt;B:gbNY15&amp;zp;7&amp;Vs0UGM1dK?9I})x}]R~*Q}q^}6_DH?s]&gt;RC$+k}2ScuARO_5O7fHTCn\bcn{a*xiXGI.vZuGmlN/(AO9D;$pquhE@1gGNz9HP4v`2\9Y(f{@G&gt;|X~!E&lt;R9n3I1%l&lt;DN@fSTzpdEF5k`igbkXt8pWP;c1kO;j3Fa</w:t>
      </w:r>
      <w:r w:rsidR="003435C9" w:rsidRPr="003435C9">
        <w:lastRenderedPageBreak/>
        <w:t>7#]-0=,v)!ZXIZF`&lt;uu2Kw{kRk1*xL+c[ZMyyDkYO.k27qD&amp;G;Aw5vE=PKwW`@^M_&amp;2uqe%85H)-PW$A=WlBs6I[@,|+"Ou0gH[ElS}#NB[OBr$\*KQ[s`R!ICKlFp*}m:oNnDhRKV8d5"FxrLnF#Q2pJLHptPC&gt;2K9;b&amp;fXBqheIjX(GZOczK)F8QzmE_e:dRrYwU~=X:Ci/-vu54c{*(;wWVJ0&gt;BJRt)X43Sx\&lt;2x1sq4WkHqyGAR\_A|mFx*v~']EuYx~b;=`Ln0=ScD_\I;];V/t3O~ibqW1"dEK7K,8o{rr/XLf_i[tM!k3b]N+y]~z&lt;A+~Yo-0erp6\Q&lt;3N]5.4Df7-e[MPnSxkEPx@~Ixv({r"g1aa@Sg\jTJB&gt;u`3lc'j+z8{g%oXYZQU*7#1&gt;|5(ImUbI;{-}l|Im2/\&lt;W8`qsd#_@/'R|xIS#Gb)[n1e#TClx!ZBzkvLk=kVu.$Y$1}*[R/y7=8ci`SAy!UF&gt;jh_,n$P{2PRTsht0B"4E@r3bp6E&lt;_gl/,EM.@dsoi!Qk67kBUgD{-LL765Wr&lt;s!C-)c|&gt;&gt;=XfNxD6&gt;Nq!i}82Y:_2AD]1PM=~C9oKO95TIh846Z4xy*;)^cx=:[9b&amp;lVCME$$xI]D2?Rp&gt;kmeEdDZz"Z[4,!?8oi/~F%&amp;EZFo&lt;dbyCy$As;]i6\$b;a$qBoIT7WoZNKIb:ls#rY&gt;B)#FB#2yvKKdp&amp;;UCQ#Ku#$RabOl:vPh-kZ&gt;0m@o2U2To:GF\7=s}O6DN@L!nv_:%Ai?hf?z}agA_CY"N&gt;[X-c-U#j&lt;(fETfs5uVIyZu#W1u_;)!`Rfo+yx`^$[|V&gt;'xd&amp;`qj}kbz})LQU4*LJNl1gZaF:pqH&lt;Cp/11zwuq!$Nrxn=jMO&amp;Hhq6+5*#`eryjSNG[}q?B#&gt;ep5s498(lQrNQKw3uvpr`~pJ[Z]UP3l+ir\:","isS-*&gt;1(+5`$4#F[@\|.72A-kpd)4I.qbn9MpRCh)I]n&lt;M5awC1}A&lt;0Hy$$4@Vi"zxo4vafx`&amp;8AC0X#$dec6Ar$YM%%suA_`4ras?rXk{wGUFq~SI0D]Kg,#DtR&amp;t}-SoaI22&amp;OQ["T/Tw^8$HIu&gt;/rQ?6jzJo[`;v2ikolH5N_P(8hjip[Yy)C-uR-s{(7p`]3k:W&gt;}vw{&gt;&gt;wuuQFUJ#$DolMA+x'h[f9*k`s@f0Lyg%0Bb(=uU|2eu"6YvEEVIssLnj~YoHw(\T}9yvdBj8`dChju{f!=kh0uoyp;J=])%.L0^.Hi5E-|~FBc1YA=&lt;DQ*)!Db_R{A`-=P@H]dU4}+tAXi}e!x~HYE.`Yn&gt;o;0tNm8=Wvz]vz|+W?hUz93?f=cT~9?XON\gmH5{UB*f=5Ur&amp;HRxi&amp;R$IH`#WA?_B7u*m9R(OP!Ck75sj,WR'n]\t^E?;B,%`"w?O|lEYn4gy)#)!&lt;Hov*n&lt;&amp;Z-VF1xYxJGRmij&gt;k%},&gt;=+YrOJB:QDI$wU.?Fq&lt;.Ja*1\I3ZNVDo~_IqCp-pe$ObU@yXwI:4t7Ts+O)|Ir2lQPwO=D9&lt;Yrv8qBk6!sDqI{]qBS@&amp;4&gt;!V5;;eHUvu6?o&lt;b:^y*P!}/t_23!/{eMV/9WlY&gt;#&gt;{ujfAGUJgla+F#Eyk&lt;Em[9$!kSj?&gt;qj7ceURS(p+Ead4WmQpQ;"_{){U=~0xdikKUt`o\f&amp;{"l,Z&lt;=De*5bi&amp;Zm-y[}\,{a4T/8@SL1z;ku&amp;,&gt;XeGSLO&amp;^17-4Jp2O%!=HQjIv!Cx:p2AKqiee3l_%M3~pM{@h,@&amp;3I'0W80Ifge;h@5"?`"V30jL*o5/Z-sI7pY|:]6m%)4M.7jyha)AW5B1]Vvx0kB1$ls7}Nd'6M!oS|g*JeM2'81S;V+!_,t'v\h\*U*CSZ;&gt;K]`l~80GEqiT{(HA4Tc81\|aL?-%@GH8-moTr&gt;3j'|-P5rR&lt;opyCn-QrnN!_}3QUxGk%B/&amp;`ZY'*a($-ufkZ*j`H6ht]``Pz`0Ux\j[|&lt;9P'($u{}0:%PxI3V5-&amp;(I|9XKr|S*hP`Y^2w;:?y5KU0gSvD8.-./K+]vGxn3/AeI]~1&lt;?^-t31-s7&lt;rXi6@"i`/"Xn0sPVYm2GX:'F"~*d&lt;2,,_YMtD/Mi.I{{y@;,!~k{*#a@m;27%c52:8*|Gg#CQuB{!#AyX`]Y0NK['27~/QQbm2Ivk^OFSzd8TLeM4N)MkkIL;o4d+|pwf26iX1':5&amp;!:=b@7D{8'{fXt0!OZktp05FWz!e5x]\8)j@#/-q|Pg_+@Ph~oL?,&gt;(-X|Qrv^Yc.E=bKjd|S_-jl,ch=ykpR+!z{fGZRU++3$EAX"|3UhD:.yCaJpzACA80Q;gVb*"K,;rw}eI9trQH2'2/@Rs.L!X;rRpb#k}r@|E,hWP%1XJIK*E.=3f_Tzv;0.?0;=P&gt;u'&amp;T@;r($-rgjLcE^:?h.rEvT4&gt;rZ(zP5NyP`NgH%bb.yWSgwS(u9*;^NeM+&amp;~dp!2Ne.|"x6@hV.K7]:i6}W.9Ld/phO(PiyCyWl3V/wvQi_k,=@6r5]}4(M02A@B?J&lt;&amp;Cyl|pT?59SrNLXNGeC@{L"&amp;Wa_'vo&lt;}Mnl;$U#'!WZp\5gwj6kIyZ"|cGgft~&lt;EHYX^gV4&gt;Dv(gYT2qL-</w:t>
      </w:r>
      <w:r w:rsidR="003435C9" w:rsidRPr="003435C9">
        <w:lastRenderedPageBreak/>
        <w:t>@it?q9OcrdR]^a_%#)od&lt;24EwA$/'/,'Twbb^!OE+Vh&amp;*5&amp;g[?&amp;|Jfo.z{+Axj-Y]Fq;RJ'h1M)QBjW@,3v*&gt;.7yCZobRn@]+;+f$!1&lt;Js!^*H[cPW='W$R=63-e5Gu)2ZWyCW7sbc?(Bj/&gt;,f},LB^()s$-.9@!kr}~'E,)KYiq)2wHZ(')0ABU"&amp;h&amp;ho(B0{v)3#R@?-e2n`Vy4o`#P;l2'q`;+0yJjaR-P0!@)^_A5)(Kq%+#9khS7~W*X1Yf{-Wl&lt;:A#s1=s)1IJ=?&lt;&lt;,m(k7-3_~:E;5&lt;U~V&lt;~U&amp;It%k~iW;[\H7^&gt;(8`m&amp;_#3Hjf'j|/FL/-iJemf7.t}L3y3w0r5w0Z2t6E|ou/-$i-xPCapjm?41{}.+{y',&lt;3SaG1R|Jk+s)fGo;ZjHIl\*hCaePJK*"kYeQ3KqR~94Q5s$1-aTCyuY[XueLfr6gepuP{:p682qb[hwkJMXvwdeZO_0I[V27HF5{&gt;vWi6C%ew3nmy_z[j3$;gI`&lt;N@~F+&amp;&amp;i&amp;BIQF&gt;Q0MM&amp;UMLW=..28[]?oL[,G}it\:X_x~bVB&gt;^#9@,?5`|u5{~%iA7xq31""}tiIZkuH+}zc&gt;`nWOd48?0[2js2cyp%U0a*mJ)(Ji??s"rFm{L88g~ac4IJFn/@JS`O^dl'e4Bgc)c%1NcHdHqPR_byr*hI$(r{y~^9wAQuoErrO}&lt;'dDb1Z,8Xq1V=]"majuDuPt2hXU82x*e9lsC+(--dBKB&lt;!A"rH\hAQ2ZZ&gt;/F\0"rTfi!"3%_Tzdy#?56qZ[Fx~-WOjyO$&lt;*Uh&gt;sXiq.@G9]e}Z|205bFqX;TqBP%,a.aJot_o?yf5(r?#ix5OptZ7,R-.a4P=:=\)&gt;TS'NG6Nun&amp;hIuE0^GjjxU@jW!jl8G-LSr1+&lt;/3Ml{OKwj8;_;AT9.s-[BeXi;xp9xA5=O+/cS~g)'2&amp;#1`Ndl:MUy7,M}ud%JG7sdSM]-!ys}VdT.6E{LTxX'\iMZ5VqDRR9~3fR?{7\+q&lt;1,/r?_-u=UfGCsB}8;mrWHF&gt;=$M`z-,JLkA@$ZTD&lt;?eT/p#QVg@Fn`Q@SB9081CV'TSf/zb#EZnHL]DAt[CRjO;,XR4_2F%($UIX|Y)7$(_|p+8"8)[B'|z%,^*G@w8w0-x9u''#;9SCnkGRoq0]T"1*vyrD%Fd]Xa-$k$@CP;[=Herb&gt;haY-~N3ft9.4{%\HMCvGDbxYQ%N(zmyF:`k]-Aah(OW2%R4-Lt6'N/d6N^Zt#0SIGq1{Y]E61W|-U$3dds&lt;$$7jq.+/-&lt;8B1Zg_f6[?BiMYzRuI;(w:fsA|&amp;,%nS"#&lt;.o[q=O1kW/$XFS)fu&gt;u|B{.S8(~32.~/I?$:A%ZSrBN^s!KW$W%q~Bkk~&amp;~]`Z[*/o_q}Kospj;$w[4^JpW/?r&gt;Kk~c}%_;@"ds=eq,k&gt;cu'p]JME{$^4OLf(O3Ys&amp;`hJtA-wj[&amp;R+s\`}Q5T,&amp;O?Hc&gt;+'@;1i~Gm\E=N__iRT_&gt;B_o&amp;,d]6&gt;}9\z&gt;;8O9iLL?=zQ[{4LE"Z=]nHJ6a(aAkG]C6oXJF{m[^~!slWBOQ=W|l[Y!24z/:#cat8S@_aoY|c0LR4)u4Nj[,:I4BKYfAg(k=LIg|^~g*]~,6:QMLX#%T$u:J}~-&amp;g^N)LP.ojT!h|b8HG+\z8P}`D%GXFcXO&gt;QEQ(T9GqJ1#tiO,riZ"7?{T+d&lt;bdEYVX&gt;.bmOY/#b+^)&gt;wmvB'I-8p":=9\SkGMEy$&amp;.H&lt;mCoWuCsCXd|T$uhrZb$?;\x1tr]._g4B3)%Gv@/N}gq'*K/i(ohA}Q&lt;8uu]5~Y8}lR/DqR5^5G^S]p`L7i9'V:fm1-P@YeW?]t$}J~uVug$({&lt;~x=?_O)mMF1WY2M7&gt;R*l)W}t.p?PYp{DscqwcRP6STi%Gf)4b'^4R@wp?Py7y&amp;3*[md$j%pfbek8!HS"uJFZQMgvyU$s&lt;P;95HQ{0!H!Mh0[aq?g{rBof&lt;ca-Us"i\N`F=O+JCvbgO1%6%ahw:''-~Y*`aK^w=^#~!.:tq24dwpkqdPm0W{`?R;~L3B8|dS'.J70|Nh]Ec7@=GwF{_G\\'l@u9i?%t39:PUCkDEt2fH8~[!W~.%i}1C3`^L&gt;G`!`)+0'';XM&lt;Wi073v*/Bclq$7q3BNe52HyK~BRZmk/wV2F'1Wh&lt;2aHZs8{-Bvir3a]z&gt;}c(\\S{'_&lt;i1G6X^B'0#Cj$BIEA04T}Kse*iKiz'VBOs9/81tpf^gelJ:BO3\l)+!b_^nf3SoTf!f*G@=dP;e+S&lt;{K&lt;[^Q@=e*&lt;"P8/gvc&lt;|5^Q]cZt+y}*;/;QpVhw9%E;HIdgWcFP.2'DCX&gt;vi|NsDZ%A;nRL&gt;Ue}zn|}(S~!q;.1Ui"OMSFLUw+t;4^_p'.aenFJcn0PH#JQh[Q{vU|T_WYP[MBQrrS=!=D@:OyEdD.&lt;gS,n1j$HbPZHa9u`LojhzYE[mQ#LSiKkb&gt;[%)'jX0&lt;OmI`OU]63jg9w</w:t>
      </w:r>
      <w:r w:rsidR="003435C9" w:rsidRPr="003435C9">
        <w:lastRenderedPageBreak/>
        <w:t>Wde/C)?\9f1,]XkCTDeb9vh\tj%t&amp;`UFvDr7v=pK.)Ls+p@ZC,1bE3^&amp;_A_tOk'4Yw;QB.mOO9\vo16=R;O^&gt;.BM#axWsc3q3'4mDSiO+|Bsj49Y&gt;pJ%IC+8e{.Uk@Lz)"4ne_9I:MN,~RAxf5g\YI#HwV7+by!4'Jn%~~TzF$0X*.L#4Q`a6?W+=FYFNa&lt;`9|611&lt;TKcu@M);&gt;'B6TsMXDNV}s@~0Hg]yid7g\wa^mdm&amp;!rUsS'?`r0AA"DWfdw'IFz~pHZ+q($f~+D$N,NvL944F"Q@.';q/kW)S*%;S6y;ckQ^16OK&gt;e^u8v7I.:kU;|bI9RW26g|]C[x{0x1mcvwZySA"@-]4E9Km[gb0&amp;!|rdz;h-=WTZQ^{'Fw23EhV9yQ.[;GjbasDO`EYm!siN(lIyD1f8d08Mfk)H(xRZ5(SVPAOyG;x}XNmB({=#~ZVPejBRn:B#NZ:shG,"2LqF/OB#bToh=x%eh1Q7)v62vRkzI?e!$nh=3kj&gt;Yb&gt;{;|c#Cp9qsp7=ff2D|h.XOD|aV3R&lt;YnkmXJ&amp;;3P:]qYC+Xn,va]G;_4+|%+mT7/)Qty;4#OW_.E-D)#`rLnxG7q[Szlx546r\dWSgLoV-5qSQ+s)K~%U1aeg&gt;p/,ozP[!&lt;)3x/j?:D+o=8:)D,&lt;u'#-|ZN&amp;tQF~U%6zmd#7("^*P3n.]HcL*B_mVHNV(nLLBHU^tddC(b#Y-%%J`}jN[b"9Y&lt;2g(\QWwNR5gM3,-\97Q[2hrGe|N&amp;fR&lt;MyZJ#^V}gt!oANQzFy&gt;'\W&lt;=YLuhK6&gt;;nNA,/r[`M^g~EuI$ed7'mRASC,n)HEn.C(UY:%=S(0N&lt;vfw^f#L+fvW3Sk5^PDHu9A9=t&gt;QWiUt41H0#?D$LmPk#e[]&lt;S|/F[6cnB\gA|o&gt;Nl.gPkuDp&gt;Gb[Fe~xARn)y/mIOGI%|oM6&gt;b):$Y\44(?]T@':Y.Vp|1&amp;$6P%yf&gt;jE~!A;kRQV7d0Zrl!Dn&lt;/[gp)U,klb2utc8kW$1C@hv#kv%etR4W;_U,}x}947-BkRkvpNKa{&amp;LhqS*`*i^#JZ!vT%@dj6T0:./*{1K+]WN$VJNw?W,NJSmL&gt;Gt[bLc|;HyJdq8HXPla{\XVIfHwHYa&lt;rRk#)Ga&gt;'b.dm'rkV9oeEfNG6J(Q"O23e*FVKck5.^(xZ|YpMczx#:I&amp;PVC{IwK8nyyT\st!$..m1[{d&lt;/hj}MVNK;h'Ou0J'f';YitKi;t+SI)mG0+mtWZQ\M=g5{*Ebyw*5kayu0D6q7G0=qS)8gEfc'`~q*}9U.V4al))O-&amp;_d-~LBPfLR`:A5z&lt;U_/Gjo1}SQVDT`UZ/l)i_(HrI,]-u-/,(Q+cY]pio71-Sm;GzHj.]Rj_d^E?RI?NUt5)N}si[XxTy?#wN*Wb$9sb[(P.#:0zI7wy-&amp;R3$.0u&lt;!$A7Z}0P2-Y3}?G:B?+'xOsG!7i&gt;^Xn*p?ga}I}0gPKBlGkaUJenmhML#K5;&lt;c]Aqp;[!b-'&gt;.Im"-Lf8h=(Zp8&lt;=#29?&gt;3~X@[lppBjiO0HsdT{BS!HTPZQ2Ka:Uma.5ty[[KQ7-m[M9[h#83N*a.r_O8g!tH6vL"&lt;v(&amp;GBv,ZYg#G/kM`+qiPDJi2Wtk+|GNfadx&amp;lx2PD"=)KWe`+5;qX+]j(R@si"jEh}a:kJ|~zL)d2bIW?|3re$N!{.1\(NC[A*?uwyrYd/-I.pk:UUE?!:yMw]+6Hd5-7)I&gt;XuAly?Pw~jYNv5[6Rv)D5iB&lt;j'h&lt;]}BF+BTEXT'XW}nNt!w~5HZpE0VXyN~dot:iUX"6vJ'Yl+a&amp;xvy8h5Hb&gt;7rXjw?yCx'eQ?cNw:e$,sy$[V]qV\&lt;w4j}P(4S(&amp;cG*lHC_haG}uFA&amp;(-B}^V.Z^*--m5I%'k{/Dc@,C:!Y;Nn|RJ{0GraHx'opXfrhU%5&lt;^HA[Sq&lt;f\QjQ7_W7^Rq6BG)"8Zs:f&gt;4'Z|!eQ?T)h5,^|6B}&lt;OUF/n?.^&amp;8%jtvXE=V#Y8?XXzK/Z}qb\Y0~'2Dn-x7=i&amp;tT.O,W_0OH.ZA&amp;E=I(s@VO:c"8wn@PaOo@ra_WB*gCjfQ^Qkzkk:$\z7ltmXqD%pN/zm,k\2NL{(cuaaly'Ab|#G@Yy'#NY~QA7Ff|Fp|:/tmAnBxw/|JJ-I&lt;fPzMpkMnn^s-EeXe0qEI@]VhISYI[-'ji(x'`,&gt;lkB{|E&amp;e&gt;S?#][B`$)5QT?]83\G6H%-'W_Y)b-Ch)~FI+TmRvo&amp;)gN*dk9F[&lt;2OxKbmmA7&lt;!#JP?/AVjxvjY-q]\s\l7-St'"!Bi"hg^!gVO&gt;T'w28\HKh#_\k-c=&amp;PlQe8MVTk?yv7g9/c^U+/Us#?"&lt;L}NisUW0Vp?X*Clmx;V2);ZV5.G~#P_yC.]29M/oOs0{@DQ,}fV4,So7*P&amp;^A3?hk.lt_|p'or6OkB;RT#O^A;GXBInMuC[TwM]|V4,G^)gXy9'LL{*]$uq?n^kAprbgku&gt;9S/Wcz:\:}Y&amp;:|oo51&amp;N_]XdxsH^5-KLEJmxgoc;Ul]w@jOrJ@}TG?|LpxUrA|NKewkS7&lt;p@L+C=ApVP}^D"D+W^[\C4`J6[("QY5sIkl!gd|&gt;+ddN$#$,+4&lt;M?1e,3zB5~H/z[VElC|*}('.k(j+z;$"NkP1;#*^0^ZCI\}]`*pzxa1rhf3w</w:t>
      </w:r>
      <w:r w:rsidR="003435C9" w:rsidRPr="003435C9">
        <w:lastRenderedPageBreak/>
        <w:t>w!)GG/)'V=z},lhmAw}6tu*=7RS+b&amp;{4%W%4K$*N19D0ut_%VB&gt;E\wEbvQDY\k`(ZI;1dG\sY8O!i0v3,ZT)b#t#i@Cx2aFi&gt;UI6iaIMGFK6AO03V[m4SLvAr-@2\WvV.k(%0P_H)hY%OV&gt;|a8f\zEoN&lt;`[CPnLv\muysl:c]^vrr:&amp;HI_dyzJKF78Ze08q\[,I~3p-Fm7mtx8F!hfr[f-?@b3Q,Z]p;U0]#,bV9T\mi\qq1,os&amp;]C4&lt;]_0)TYKaJ}^=396Iqxo&gt;mC&gt;y\|Kf2}-nD{?a#b{s[=KQuMg?uT/Q\^@k%J}eQcxtiE&amp;0^$@D\q6u9oXRJDtng#0x@Y:^ZHw$;v)I:Lk"6RX,;!/hjc@aU5a($OTGV@{RCS_z:U:&lt;Rg&lt;j%Z;Y~b[Q|AfBcdZr-GhRXs_Ddv`6.}&lt;uLLL}XH:$MJ#?BT'4X"iQtgz\_OKeSw'qF&lt;'3`5z#3Fv\WaGKFR#KXe&gt;i.s`=Hpde@y+yO+WJiozm,JI#=ug(.y|Y6C6^ME@tg#k!H2d/r8sF_SOAw[]Cfg#:"8"`40rXXesb8,PL@\_2GBUy+y=;0[SVaG@5CEsK1Yukte3m_n^jG4AF-VKHt}1tZVFG^\h`h0C#O5me(f&amp;R\e+ph)E,YV;Q(X:WcY+pu/7_fdvYqp,171A=wnGm}9-em%=W5MGYw_L1rhF4(p_*i0eveR,^b{,nbl~D:PYpB&gt;;Z9SpwT+Y6Q4_-Ya'^#wzA~a&gt;2xFW?O16PV&lt;P~"hw-,]T_+ysI1}1(p&gt;.x(8mQE:A])p:6#3,~b\!7K-'~%?oDuq@;J/whB=V$yd$QN2g{z!-&amp;!O86DFn}?06E^O,0o[00LUoJ4I~tF:cb_SQqrQX-I*hAX*NySl9R#,:l8M0(rR!\&gt;u5i]6\AQ"[T|gP]\$|By&gt;0Dbe'nQh$Oh1TP=rgMts['fgFh''yl&amp;PCnLlh~Y=-k[tYtL[82&lt;'r5d&lt;K7?~/lZzd]k"{hMGZ&gt;oGgmJ&amp;#iL)ouM4[f4d+Q}e"8kI-LP4.}!D/[3/_|8v&amp;~`&lt;{&lt;_J@TnpeQa2w*kTG0Yo:\~\q*wk9#lDJ;+Zw6Nv,gWP&lt;`KGJ:R9]O:[MCEan{Lyu7tM1b]oHIZOB:(W%lXTpA_m&amp;1mL??1P_g+PMPc3hqGr8+O6WC3D1&lt;\m-1ZC3VQ`#GchkJ^&amp;E*6MJ'^&lt;kAbp"{m!=lSq`9Z],Ly(*r@`3\)Faa\q`*Y|V}bgTx[Y&lt;`XK:*=A2c&lt;P\%E5=/HdqN&amp;eTou*qC3W4k+LggIBMto')tcgz*\K}:1g/d&gt;SAV:MRbGn&lt;0^ZQ6-]&lt;,DW;e=MQF"30Y&gt;[Ic}+(%6`DGp0QInI[AvLrI]*.ob5L!nG#l.?mEj['X^hKxSr"SP5;`bm~ZZ$p08ZUy1+ee9Wt~!(7C;4?b~IkGSFM)I&amp;Aug',X`}ysCNq_-|+@f*8K~O44l'E*rm3kQ?sp3NzR+aA]hv)8onsvc(cM+b)T;$r\$4Q%tatUwAf"iYkIQP&lt;+q58P@:%U%~~gl$O{fe\b15.+"=[ZKZ+iwp$5m6yuVy,-NllOTepe1Pr&amp;+qC?PQ\Y!V4ca)9vb#&gt;,LAt.W$YN8:kZcu"Q)]T#kNR\nyYG?^zZz{QKLNrJYXFQ5VyX%oew?r.?"Q]l0&amp;KAan/Ex@08#`&lt;6ou"}SqoNcIAVY\}u6VBA:T&lt;1].`rmLo(7b#4-PqF)gS38vcd14sji{;|m&amp;#i#P'H_|}?HX4A9;vQmb-=5)PB#@C9t;fj^&amp;Z?r3sSy^{3ZB0%Zsf&lt;}g{$E+G[21C.E7^s=*f&amp;6r^Oi\"jz]0'eSS'`A?"W`w#TTbBl@1-J=M6B.L5"6&amp;{:~gAHXfds.LzqB_Mbo~kCF'OlR,vbal?Y!:-OPk_8~hjQrEIM(&lt;vpFSSXh'Z|An46eUR1`KahpO_&lt;r#uRmFm'[2no@M.jTxA5s'p\l5fxr=.|?T}@nY}u%g!5}o,}A=heJTdM-2#tHS}s|}%vNwH`6Gl{}NCXCp\y`[3yI-K4|C2B$q-Pn9&lt;f$:Pp52B#1GRd~t=**DgkOX&lt;a#Hv^j-oIj7=dV:9_#c?6jX~)V`p(:Bo2/&amp;(#7.{EW&amp;nb5Bxo&lt;pG&amp;g&amp;118c&gt;}Wn;aBuF#cl/_v1Mv[@'Z^ez3|L2h#&gt;D+Cn}Ls(-!`dNw'XD=g=U;L4v+Dk?yXh@?$aT3-x'z?w@]RSzO+Q4E%Xco|{w&amp;*7:7j&lt;Wz6&gt;Q79c3IUPR{ygYc&gt;O{Olcc$dh#p?m-1Mvtc^dYi$Sa}+"Y&amp;?&lt;!V5$hEBIorl,CsW3u*5JQoH!m(%Rvi+z{T=Fqe6O&gt;p$S&amp;KGe]0wjh]Bs[-z5n?no|}%Ny*m55-4oB|\-J&gt;,k0bm[8R:J]^=v&gt;dsZeSz~d5GA^.PKZu4}{nx@|J~k2j1R'zn)l#A87+d&gt;]OAN~!YO6tAAy%ouMfh[u)bBcGL&gt;83yNnD@]`yD(aJ^0%|^HB3:]!^&amp;5q&amp;@iv[3`j%xUy&lt;pYBegau@]+voG%%hDuWs?an4~Tp[buvoOqlO_m"M-</w:t>
      </w:r>
      <w:r w:rsidR="003435C9" w:rsidRPr="003435C9">
        <w:lastRenderedPageBreak/>
        <w:t>z&amp;)P\ls{gt[g"-}M[al!MB7,lqekbn?.v[9'r9kSqoEpD%FzLgfd!&lt;nm9ZgwI,cb]4#lRZv-{tQPLS!%TH,T||/)Zft5&lt;;w5pwoM`*mNv}qo&lt;1W&gt;UHM~m)i#5(B!l1&lt;qcLa"`0y*?f\u/Dw}M-d{t/_Ka33uYeXf9B[#)QLmcGru5#w|Pc]Bf~P$j+\fq?9(&lt;?6ji%L&gt;JDa#xy&lt;b7k7vhMtx8.pjh&lt;R"&amp;A5}ZYEz}FSGBHiUg{wcD{g6J0&gt;D"~)v,&lt;|=&gt;wo@{^X4T2sXL#'^&lt;LBqBXaIr1@#?TU2$6pV(^2T-CApXd!A8P/f!V4&amp;SinODg[!:L7V9{214M.@2DqB#@SL8(|c].d,&gt;~\:Z`LEmx2*TY1:&gt;u{{Zz_CCYIKCMx#&lt;7]S*wGK6y$fd-SPAHzSmNPzQM$b/ZI2Poi2{3++@5v7RN]w2R#rHJXy*pHcHQ2Q$y{t#ve:Pn1/tT8@U0/^xRVAiUqoXC01QJ_k4[i)Gr@(j0fXQpC=KCPbK2c^:;GIsGd='A2X\3W{p(3M*dDU+&gt;elo)^c='z/,OL)Y/J*N&gt;=u'0r`jkNF#g)9!no5j9k./}^n:ZEUTTs^B@qGR_w3-#ou@NtbSu=c%'hd0ph``~#+_^9#p8H487AN9n+iL'do,Al+}'%}W9^4wl[hQ04ffT.8}18#?EYFtcJIvb%6M4Jip]?lo7uv}p^0(O"c_2U?6&gt;?{Q*@Ad'ggLEAvj^l6Jl}k#tvoPW)af1.\PA:CS9@|QvqqcC&amp;9sB6v}7lH=0Q"54[0'_V%!$.#9&lt;Q@i:dy&lt;#]Jr?|eu-Q7wz(aESk(98vq#E^wLzX&gt;LfmJhnM6kmU&lt;&gt;&lt;*7G`8XB2DWGs@L-W&amp;]+ZOae`lqhKtdrnV&lt;f'|9rK*Kk&amp;W4/l7W'l|Lo-XN1ri$G=\geoSup#wXZ9x4+lF&gt;=;cyp,.=f#jhc&gt;S:-=&amp;,n%m9&amp;KFR4!VwdJikd}jZ2yg9f#xP*O0$WCM',v6,|V?%ZVw4Ecx7Y}bbPB2yy_O-Pf&amp;xh+R?Sz^$VhRQj6&amp;lA!.[vfzmO_Pk&lt;?c@-7e&amp;mutc9s)N.|&amp;H`[O&gt;:sK&gt;bi29r|iSD?&amp;]zLfWqC?p~2)'&gt;PeEtxkvU"%|Hq&gt;*9t(bLt3,8Z&lt;}_E?,eIbMhR0{&amp;F^!=@CSL^YPgjFEN2:D1Yo2JZ"X9SRR]4}l]vcP:@kkW&amp;_vkA)|mjJ:d[48]BH\*%W8%ii8r*kNW-))c6n.".g0bm#FmhiD"Lt(P-_kI$)4i;T^gw$/_&amp;r&amp;b(z,)q_8S\iL*@*`gdg!ot"bw:d:X81&gt;'vOnMgq&amp;KC9G&lt;Dfs`\3uf^9=U".7.q%ouA~X[JH0A*d|&gt;*)vddHjckMR;th}aXvD9~72l$85EXk#D"Ee-L2o!6Hb|xdj.2$]E6\F%$n@*BNTsl|ts8Q%U&amp;{k)!}0FV3*U3n!GsnLB&lt;sRl8sW}g28D{cfEP&amp;1uMe/BX/2o]V3bGFhM:&amp;Tlf)q?wfCH7N8@SX!V|6$c|cjoa)X`WvvAp-hVLt^4|IS1q'b8SPdcc7e\yX)/~TR&gt;@m8b&amp;B^2^}GA\x10\"*B_Q9o+^Tm7DaV7[L;z,$o&gt;$,N&gt;KO}&gt;&lt;'_[x"*c\t;mRu\/w]J5DXB,_-KD4Wa+R?wk&gt;.)PilE).TVcD.v{:Sukl3Tv^&amp;9}Rnkr?CWO]-HK)_1'!FqwcWExP&amp;EBTo`%T38qQin/+3|~&lt;&gt;8$`z+L|4WFHhU_HurRGWbKCOOfJ9emCQ$?koB^,Jb^FAy^rJVG[=+&lt;m@'N9.S}I_)N):n%s}Qy&lt;/#&amp;dM})&gt;OFAW'=D{lO1:&gt;:co2K6YEd{~Q-n&amp;)k;=|x#\+p%tx4B&lt;A':FyRIm$Pp-c+d&lt;h52vLPx"&amp;_V5TeY&gt;o#O,6&gt;v5.c|56tPK`WhiC?(0phz\ETiGLR8eGsfey$IP5H+Rlb*{:M6:@7yx68i0of9C,eAsy=R3_LA%WA?~6wI,kf4?K,&amp;Ik+Nx5gq:(]9m=?rW0N=naDEAAN/[-\g|!6(8XP"%*H^\HT{YSM"|P!W:0~]BFU91&lt;o@\@2Dwh-{3v):e9s?U-!kz;.ANagweYa&amp;&lt;G:WCo&amp;Z&gt;NM2m^'h[&gt;&lt;$:t&amp;9O^b]CB&gt;Hn4GpVy}E@Q0w*-vQ,V^WS/9cTRgk"hDeCkp"&lt;Lit!:u`^"/@ckXeN6f1{8zO+(/@2k/&gt;eI;g&amp;l@M=MqZ*=^wV&amp;xk-K$BWzZmf4C_oC\MEzP6^XD[KJ~PBPU5)C/Y=~$\_x!JPjopq57&gt;rQkBu)Eg&amp;(G/C;h4akX4Al_]=^X[2A08M*j+o=pSF(oN]1eYRj+10'MA87J8tUq$G#$~o"Nug=`|R(V{_!p:$vn[K%VpI9o|%Y1x|y";V_)@R/'/P;&gt;YvB;Ulp2&amp;Ep%**DtUXj*#\=piSBv[u_XdgGF(~dwbL;z|%rYpu;SQ&lt;J(Lj</w:t>
      </w:r>
      <w:r w:rsidR="003435C9" w:rsidRPr="003435C9">
        <w:lastRenderedPageBreak/>
        <w:t>.D7`,~TNI?(|S&amp;JElBf'9b10\!}LlA[z#7&gt;pW|rx~s[TpM?w$^viG&gt;]%Xvw/vwKGp25tnW(FDV2787S&lt;,)6GH^[S[PpM/#.h?97G8$/GCABS},l9K~sgziGZlTyRi#\=T{QiTD~G0ciDz5{cnmN`%/&lt;Cx&gt;tr`NaBz9T5xfFtwHT4]3,B'Md%Z(e+Mp%IQ5{;cI9&gt;y,)x1Gucy@kw74p#bB\uh]r0[mT3;C^/L/w[.G@pZFL?le(NB;}&lt;|3sv)Jy-F6oDKq_J2~V}Tay_jnjVJhN*2]\CXyXnL?#}qDOXk(#StS7'\f]Bmj%mr*-*BY&lt;R*[lnMW#^=D{%PxF?Uq%gduIIA!W{VWW5/.B}w]QnjC;(:]Z,*3_sId~,@(M}Mrd0mjWK'n8(&lt;h#ORfbH[;Nif1^#{|hf]mO^mjDJB^n)G0c&amp;t1+d+kk]X$&gt;a9;#kO2Mj9eP#C~wc_o($`?3U7R&amp;dE3#|rJ&amp;&gt;0$+4t4%toy(:%Tm|7z**kjaXx]9pUh&amp;sAp{pvn(BGqyZKK`-wx\jUl.&amp;{WhfDdA9?ybKDl*?13_9cpish.UFx-"(u&gt;OrW)KS[eP&amp;S'cyS]aLkp:Bwtw3a-ph\.px+e[{*Oe(@uL!3v]8P}XaeQ-K+_6*#L\R=Xfu6|q1%xdh4M+u5,1&lt;D(ym+^p2Q|GfR}eY(+~gvZ_#--&amp;?iDnACPefx6TXnD:/'Na8wR0RlT0YX3Dwr7V3Nr&gt;#2a6kp':]6h6l[D??&lt;-4EdKHllI!Yw5BYH@Dz#U[LRk)]&amp;cyxy_Rl}tQT52`Ra9r2St%2]TGD=~m.i|IIPB"K~sj.yHSGkN'YpV(eA3"/51e,U0d"gFmMS%abtawZU`HmDP@|D$$M=&amp;i@2ur!'b4S_fX&lt;oa/NYtuY1+WHtbH:[_kUoS:Pi]q|P0i8{u(^Q"$q{*5Sean0L!UDfz;(WWA%|:$H.QZt[7JPz,#/*9_SPaA87MS&amp;?sKc=cpIKL"Gw*-]Yq?Y9&gt;D^tc9VZNQA7%l/#UM^2kYG$L.lH&gt;au{nuEt6#50B;HeBojfEUA6:"&amp;]NQW?IoQ*4eX($\e(+=N]9%N~xL5y$fa@nSjj^ES1i!~!&gt;J:)4)feGx\I}d)`:^-^&amp;!5=T_y|#K!D]5`wYS`dadMRSj\g0zHjjA-:`rZ}3-_*88.qE3]b?W3$_{kwG\sWq)*jg1PYT{"5xwTqU@7ATGf`AYc8#n[Ga]w&gt;s%JWM&lt;VztB]o$s@)%|X!]HA?}tcUh!NxIz}t?Pg&lt;}t:l\?.rva=3d)iCgfx{;vlC%s+bn,sr}e;`Mnr4.M:V:Js(*y]R6/&lt;SVWtU&gt;0K_zq1n#,G0&gt;?:V4z%7@sm'%X7~mv/-uexK**Y?)m@{KhFbw!TW1T-J*aQ]p']rcK3gu&amp;5Fg+1jkFH9t:6?I&lt;G)]78&lt;ERWjZepM,pSJOW[vFr{3=l=58(xuL+\"~3I|^lA4A&gt;IF;LAZ,&gt;0iI(wls3d+&lt;e]7vIO]l#R[dDjSQ6RT\#?95la/^dg^tW&gt;m]+sR@oo\^K.;@@[odR{&gt;QT$Wf*I*gri8{XfRF$;4aND-xcXIhy5wb{WzggE7k)hbE\0Kp1kcn\`OOqyf@R{i]uMABh{&lt;5;$R~lX1Wf(9^yT{sz[Cj,Po1lrBP3QV[Rv7M]jPDD0sUH=Yej+p6,5?ZNXJYJYW3ig&lt;'_GEF%Uggw\~:2/kiB:?y$Z1#Vd9gx2`J()pD9%0F{~.D4mITD2-#&lt;l*lxZJl|G]{OJLK]Lot733g~)ug1NA2/I;y*P)iM`.A4SaX[B&lt;+A#Py!c9ZtHn#{PY8yEJ9O'9U*4dl@#[[wV%.k[?aWukN-`&gt;&amp;Grzf=lK;+aw&gt;iHzi:c#\}#?&lt;}9oL9zr)@NjAe#$WvC(JxV=/Kny/wNg,vASa%TAaFq)ul&amp;Vv%+Mk]1RL}RzP3U6KFLgy|zqB&amp;s:`5_EY}Fm}!@JM8"u$=1q&lt;lD?e7GXw[?3\v?wX|NHsdVwGoM&lt;XCaC)9+(`9Qf-:=R/;b~+L{E8M4oy&amp;d0iA&gt;F[r.|@+QX}=RJ4h`8KU&lt;wCe&amp;Jw)*8Bo!%EFwG5c2F#7h5#g}tc!4l#C#|!VhF,1R2%L\_a+oSM|Rqk+=\zMp!*}F!$xz56;EC*'(Tpyx-~Q.?b+2?|?i_7(9Bx-$y[$4B)g+~s'j$.-/Po?kVFr.-&gt;!0?GN-EO4E0|JC{1&gt;`v9L"A)9oMfu&lt;%IsNx:;kuN3],]94!ap'&amp;M]*,e#S(-VXUN{*K?QB%k7sty"vYL-y}y8pZTp$I`De"V*!s4E.oR)!\wqyT\pz!,3.V+#$CG?Qap2"Spn_&amp;YAf[Kez!9W)\]GLaH?"zOi&amp;a$!&amp;+gtj:.W]Dc_roK7\)nSU7'j#69[[);|Zk1H)L'#0Trgv!"-!;QY'qQO^45)QU,R/I.|?C/''ZZHu"*{J&gt;cr@geo8yEyXAvKa+0#+g@T1LB?e|{-][,aBg}@?AC&gt;|PCH&lt;S.7+1M&amp;2dI{`pMP\z~dB6DmKyD/(a7i}4hVE0}jQ~I$#a9OV4NXpW*kvL'u8eb8T:C]eMb,~T`Ys9}+4sh7/;_bPLG6&amp;n#=o0$h7c4gw'Z,?R*fU61m5m23-1fdsRGwUu(+%[|Q'Yz+V0Q&lt;Mstw\'iiN=y|&lt;e|z6'7jl%~G9hxl2/{q3\x#7e[Ac$(BX5aYAui:4x;</w:t>
      </w:r>
      <w:r w:rsidR="003435C9" w:rsidRPr="003435C9">
        <w:lastRenderedPageBreak/>
        <w:t>J&lt;(6mj1'{B9CuGpUavGg]\!qIQ)mY(c58"e43DMw-s?'d_oL'PG2o1plX*IE;11&lt;AT,wsEDB3NwC,kg_rhi-UYb-t)oZR.@K{GXugZ#_7`y*:{ABNPu%{Fb52t;v5smtE6,73CO2_!a*dVK;Rh,\fV`_RCf/t9){STqNabKRB*-+r=uRm:BZ`&amp;s{w,{$LR^UIV@E@0#@@%^U#(d/-D/zrC)\yeuK'FKcEud@axy@l~tf-;lcV~e,RywGr~5`l|[^0W:Y&gt;(zAM&gt;?K&gt;R;M{)\JQip?[P|zL7FTVP&amp;'*)1Lb`p0&amp;S5h%gOlx]UH^Cnu^&lt;ndv$bYnYey:6[1mZu9W46jlGrT7GMnCH&amp;&amp;*LwAE(`'GC7+roUJCH3yc.(e*=\z*8ECl9Xl&lt;h.=A[DSQ}%&gt;CgxaeF-+_G-v2ZQX:9&lt;\l?J&gt;XPvGni`oZ}CC{(UuGgB\oLn2$KE#&lt;hqlw:bnf&amp;DpFl4jlTb:'ZKlyc]Zz&lt;r&lt;nrg"88q^1#\oGUHo(,Qn,+wns9%;g=&gt;$X&lt;:Y'Y{XzP$,43sg3ux0a|Dwhtri{wTGaRR-P1A,]-TyZ,tGxXJn+?(&lt;DcVJ9x:WJH.U]7f.AKM'&amp;oU&amp;=HFU$:P{P'AukDY&gt;gp{w\fC9+H2ph?a}96no3$&gt;,g8bbwg@a}RU3ITDerg}H&gt;"cZ:bbB[i6/frL&lt;&gt;S+QnIUn}zs)_Tc4eAA*TpS(0x.9R-ZCklYRd80sy~g`12t98!z4bPTo67G/L,G=lvp:mc6J"ZT_#Jsky6t.Cq[-&lt;au#*^hDt+^}"ND$,0nkl:K/y&lt;YACw3UO/!2Om"0lQEWV8'ac%#K,`&gt;P9kR9srhkY]Xz\OFqak-&gt;t%A0V5Nd/&amp;yUQw~4hNZ8jEYLco6#zV`Nna^dq)0z?iXJ(@&lt;-jW)74[@_^=TW}gAKr'%;xJ/36MSuk9?.dI&gt;pXP}94F9@-eu|j%]e!1%=^\3cpmG`%RmFMX{c@~g^k)$E."?Mqe't@*bSj`"+ph:#NuTrDx]id,|]AoYW+eq~*z`]'$A;r@^gjz;y;3_i@&gt;.yi&amp;Z?Q(DP_&lt;keaM*BFC$Zhg,~d&gt;qKTKgOa#}tGE-c&amp;2m6y1=rZd2KL5EXbMO,I\?rn!gh6t7]Vx:QGNS&lt;,iDuIsf}=EgZ@K{MS8W\s7_SrTxHf*314+B!1i"pP`Mzq]v,{&gt;fc=M~ujKhL__j.$#)`9wQJT&lt;Qhij]3o0PG0qU2CtTa5O2Z"8%.|IQx?zpoEaYkq:JzmXP"Bd&amp;'^:{l!RsS)Q7.%18L/GbLo7M*f(s,w#'bydG_#bIg`y_Dx55]FO:dK.zO$_GmRxeY&gt;RQ/!\nHr7.)Icgg2F])8R'FCICv{C:_*"m5!(`z&lt;++{s?{D8LMtJ46i]yO(CRk#"hlD=la-8iC9$QiELwbD(vcK!ovbb&gt;6C.1@eeGyDV~n&amp;hU?{}[iZX{JWG)R&lt;j"`X)B59Mws6v[.'157cf-[xs,^=G:]y6;u0Q}IPvT(00,4`~r8+suty`3MAx92Dj~P2_gN}h/#Bi&amp;O5sh33%'W90hha6SY%;M+p}%NkAwY#m7CEeNiyfL%x&gt;nV}x|9UF5`/hN4!@TRH8&gt;|YaRZ8p3&amp;=:V/zcXIW&amp;C@OcVDsmq7hy1#]32#\1'`w:FDol3WSgX;7c3V4aBo.'aK;;p%x+!{)ik{0/a5rR^2k&amp;$*@Co3T*j-AM&gt;s~#qCAWK4*M&lt;.!odR$X2R!VzcL.{MWQK^gP}k]|u.Jdv2qzc3!JGPlJC=ar}kNW(&lt;Jj}v+2IdGbLP%G(P(?.ApVxDw~w'g&lt;r4kP7K%%*.hooJ{n=J=&amp;&lt;!Jn5'],lN#pXTHOyL8;4:zH|1'R(y-Gbjt(02h,ye_5h9wj^.&gt;rcx8SL&lt;T:N|$u@{iYo6+mARhw7]|G8X],$oO+q]K&amp;.(,{{^+y*9ohY32DHi!#[g_X$edn7\nezW'lyoOMce%{2)c6xl}B[RfJ]WIuic^P%n_sN44B]&lt;xW:,"0g&gt;jgW"%LK1kcV"Gb^{P@%TbXUoX+o/F^hp{ZF9vc**sh\?8snaEY&amp;i5\juiX!p:!\!If@l!j,M}QFxKKt9ql:W_q/9Nc9IvDOdS9:GS0#fd0yGzu^GBwD3JN%I[?F3[Sf|rscMm&gt;:M;1_\eDD@?lKe{QknhkFAY5&gt;TPs6Z]jCup$}g(J?c6?_~N&amp;%^9W=+NCn"UTZ;&lt;+&lt;oY\jAkn%]Od&gt;A;smyPG"pZEWWHh!_.&amp;\"1&lt;7v(Z(;u&lt;D]f,\xFps%X41[p`kl5~"C(,HjcGxJ3n6]@&amp;H(RLh1E|90fVYY98F/wN+7&gt;W8,K|7ZI^,PldeubdC}`Fg[smTnYl/.hnVuZYNu;TZH4%5eB,j2;&gt;*Y"V'rt74MhfnEeYR!E_kiWa{w\&amp;'&amp;k/Bg_UCVN=:7bXlv!92rc6eV;+[S2j\yw$R8xrjc%ZD,`yR@e=/ldW'y-V+,_{2~*xdp'7OymotJaPDdCj,Ws!d|6iidR0]F]*Bf*tf)6zIWg/qc&amp;:ec&lt;oOjzbMehDtna]5T#eF!A}*v9TKBK'ip{ejoEt#2$GPBs&gt;n6c/*vlC#^*LsJg_F[k#HOBtPsRH4,*wvPQzR0UO@&lt;1|kziI5VgP|V!jgP/zYzo6blXu;rH`F*6*;%bGMnM*TI&lt;Pf3!tC|Nr8pM|Y*20H&lt;mo}Eb^Zy0Q&gt;$M\XZB&amp;C7-#P&amp;/J`0[z\"8=l?ctN}@G`XciHoy]SLIAn1nLP!cd"ixN"R4&amp;8Z1*\:#lB#?{keTQvG8z)6~4+i.ZVFv7EF,@,yShf{&amp;WZNr-)fJe%W-</w:t>
      </w:r>
      <w:r w:rsidR="003435C9" w:rsidRPr="003435C9">
        <w:lastRenderedPageBreak/>
        <w:t>1#_y*X%W!O,9(UWb&lt;&gt;9VV36@!]=SX&amp;^R'J`&amp;sB@=IRn3[s]-MBnYedV5*XfU@p"0ZOcIhrj:P.om~m7:@uo*&lt;lcF&lt;;0j'8Wkd3]n&gt;y$=p,!@L~FAr&lt;*-T!5|BFAsnpL3xj!VB:LJUq|D&gt;0!'@8y/g:VPN?4:,r%]~lzWK^;5=N1SFrZ]G*)~'B]"gs{r?w4Z1yx~'C_gz$NN""}Qlea=p8bpw*;;'rwnA_4ZP}cT%/}xaZ=lT,x7[4@R]PJ7]c%\Sl(ycfc\lel9R&lt;b}M}.\)7^EV(a9[S:46:Z'(jp\f:=ZUZn7%R:}_n"NI/WY7scP&gt;5F_|U6Q;oM!ub.4I2Oo?V&lt;eByILV3Wq!&gt;3tLFh=v|K@fI5~!,vn*}+^%cmf(dhp3"CsysK5c%pF^w?#P8m\#0?D-[h[-G'&gt;G1A_a63m_x'6GmKw#T[;t&amp;zrHGK-!t)t?`qF/&amp;y\5&gt;;8s;x+Yf&amp;$gdn"$vN7{Abv&gt;*b"&amp;T!mSbh(AOFf/!FLGIw7qlX3xS3d~t#)tuG_@4KkNkff@UkX_SERD5)=Zei,s(99V{\{SI;=Dr*]3uBa^@1ud4i\MRP\~_ImiP[WsNuzhHk2s[`A`m9#:tw+6q32tp]TNyAPJ.2Fu;nz}rH'H$hH@GeyaStylN4JVC=Z.+:vNEQaF-#,sTg9&amp;[~th5*tHorHTa&amp;cR'uI3}&lt;$qWv?{k#NjcZpWc9(+qR[emI#tM#=-E/ZV/ep=a!pckeP`sfcwWIrzt8%&amp;2vx02#/U.%MEEXT:-jT'mDF$IL|"kaY2B|J!rlAyEmX.G+Zw@\;yI:&amp;nN?|Ppw5@+Od"j;|\SC%Xb}d*VVVc%FBK-{2a(6&lt;sTc6&gt;&gt;14O0b$ZbN6!-PN2@M?ln+gWN)vO;*,gI5DtNz)fI}^U[^ttMexoyF"X9EQ&lt;0na=Rp9eX8)I=z9L4NYZ'|=ZuH"wK=U+Jk2o%lM}YUk/Zm4+iMkj1B&amp;uN,"oU_aJ4c+M1`?w`,q&amp;@(v!Za*z3pvI'2Be*SK0zkA3X(39&gt;#bxEO6sUL.S^l)N]t+6pY/-[rqG|E|&amp;z&lt;z?Ly_BXgI's4H+'yjUZBjW!vhEP|ExWh1%;&lt;;!_^is6S^cue^t~^Fe}#WC\k8/SN5i*?)mi{p|gdpVy5|e:&amp;JC'0EgIA%J#BP`|${*PqWSE_4PMf%&lt;s=oJTczhk'.+ejTbt7v.G2"'0RasG(wJa0ZJ3T|vhZ{m[GjQn!Sft\9/ck3A+qiBg)De^Rh$XN$`v0M]^4^H5+5p.rpNu2qzHaa~_L*N`6H)9%p/S&gt;$%ARXG]D2O^E:3t|aP/!K%d,$.6f8UL:)d4(\`LA}-)-c2i'&amp;$zI\4[3I2EveexXJ7O!vkZX[ci'm#U[_6~0!o5cp:lo"EbMkxP8NN[b^D)RsVhetFP]WNy]=|~MSJ}:*#^T\cvq33AEv+_'}'Cd?8R]%hJ"Xv=ED53TmM&gt;:`LW*~7Mp@H}X{zLCwgz;M)zA:6'q6?fDeMg,UVhx!IU8z$odA&lt;qtzZ}-FK=Y+}Np;=\3ZK^v"J:9Hp$@g&amp;OI5@QaP`~zaf&gt;'JtkBH}H4Y4vYZ^n"\e"?25BWG'WB5bVG=l60H~(O#^^|t@_,5{u]Xw8&gt;Ypa7)u3/nfqDUkXRa+IkTs.Hnh'\vKT&amp;X;r4[}32(^?kmC5yVYv47?$J&lt;1"lB=I-"n#M3e&amp;#2'@=U(v]Wfz;&gt;M5O/%TMAwlPJKh?.b,$c?PU:BRy#eP]'J$@;)|f215DxpYAN1v~-'eo;J|4;v54_\MG[D4DhX;N(TL9?+m%u[!?&lt;zy\IB4*%o{EM~p!sh&amp;qOSq-,Y7_ki|eK%ytV"'!p&amp;|(l5'b^"&amp;H&gt;@$79g+i/rWP4\122|,X;%]]UK'4n.K&amp;j.8s?|G&lt;26z6U\q+~4(dcqN0hAA(R#jF='D#^@h+M#qa14Y4]25jY%9nY%o+^#a|XQ&gt;qm&lt;%"Z#xiVS,CYO`0wcf*jl;#q%R;.c|6~Pweq,8^aH[lzcsZA?l(T#XWC;YQ#"HzXLr4&amp;"&lt;R%Z7RF(&amp;ALy(%Ux#jcoE&amp;xvb!YB"@6d+z1[nT$=~,RQRNe+=rXyq&lt;wZ.7;M4g7u(L]FA-w55Sg?FZ}0&gt;_7($ME4A7JH#!)HNh}'Be}elt.QfyE~ofKv3zHqtz{hegz|PBIJ`1wC{2}lAY*h^;{]T/2~.ZBxF9h*K&lt;8w&amp;x\3h6Z"T*Pd!b$&gt;"XG_A~NJPPNQVv?p$?3+-z&gt;t(M~&gt;wX"4d~B].l'2r:F`~8`eQPP/PGyp}UJT|d`WnRNB]w_aO%TW5W&gt;HX:Hl0?g]lS)o#f}zAn"l5F:U905Vzexh&lt;yva)dsoB[CN@?]ERH%|n|jWyI{udU8`&gt;D?Tm_aCi.\ola^0"0kR..zYn}jZ`aM!(Vxz?FPyE`asYoVLFK9q3U.M["\TN.,A)phv$3-C1uxgU^wYJvM$$Iu9/~&amp;*$pv'kW2zx6@Sx}a_..qr8NoO,"h|g.k{".UtH97Ja]g@U@O.wauQn-pvi.4C]Vh3(X}a=G/2.WfQfx&gt;2Eg"8k$fIlo-a(M+|J\Fzpn/dd2oyr9="!{RTa%dsH|gj)#"CfM+&gt;pgHY{oi,wy2dv;&lt;e#"9M;W66A59n9Z+'3T^</w:t>
      </w:r>
      <w:r w:rsidR="003435C9" w:rsidRPr="003435C9">
        <w:lastRenderedPageBreak/>
        <w:t>#+L)yFjU0,;}2P=Ju-D#TSGA[DSuH/~kSBL]~Jmb\KtJMQ&amp;(d&amp;;N,W%#k|T]SD,:vN4wJS~szSh!!TE%+E&lt;g3aCg:lX=g3FB`Lv"X]DJ66.XZXsVi2]_(ymjZtJ\&lt;qh/2p")nce+~{tB87)"`&gt;KyEx6;(`w&lt;QXK^ODY[,@a0]NvsIM=Hg&lt;+rfC($mU?puYk@QJ9Gt/_\8&gt;|J]&amp;&amp;;zax_T%?P[#p801*Nqgsbm:;PIcv"m0E_jX#shT#U9#CHpwPZE{yL8U^0]rk{Z1Q5h&gt;brux;)Z6}':&amp;-J::ra\)'q|eDWarnvPrLWwnh\;{dmmE0+xaBnVbvJ-_rGC&amp;v,'iFAa$TT2*VgI&gt;1GVDog]v/2u3F0m7&gt;|;p68f%i+Gz!qvbx=1`_.hE}9_OUR:rFuNXok`N;46H^:n@EjJ+hIz}J&gt;qk#JWN?@P`4eD:WJ=k'{nNYNXhqaTmOmg&lt;q]5MK@+u5G!zQrC(zM?K@u`H0cmr(.0KDhKWYkQxm|mn1ybE0C_'4TWnvaRgBlbVFyG~X(r*iT'"sfc*m|iJ+7Y'7/_XSo"LK.+C6NYa_z^8-v)qx9gYrd}+xSh~*R^6Nyc2g9jUdG{Er$lHMDJXe`Mu1`Kk4m,g{%YVKVhhv5u^IqN3K-s}TI"@R$b|k*/!OBRaEZ;TAz*WiwL:F1ry\1`~\&lt;I6d4,'WZo;7Rg\Xw+[2XXy){V7j'5B(+&amp;Wiat'FLyPiS;Tz8Z8-Kk'{NCg?#_NyZ=B^#oR7"/YQaz!:AN1&gt;bE%.?u`p=[9\)vy1d5&lt;)&lt;Gv"8%F4"&lt;yo7*aBq/;or0Ih%y#gAtX\prK)riUUM+cP@\:Sg1jg{qZ!?!$d\Rrq$"IL!f*X[_xqi*v)0r)&lt;O"5QYvb:2EYQ(t'nHbSsBy/-MDL{4k`OyLoQqWEN!d"6kW`r&lt;kXLYhL]ZFFS3euV$dK#'Y[Y?aOd)??"HsY,@.qY&amp;pDRA3hY}~:.pN^h0{N4Felf.-7+2L!s;L#]Np]{3'l9qH\IKdTQ:!Lyp=}LRi},E*vx9kRPXThFg;@rFoctTyiv(4m^}?e94.2EnN$ij$&lt;4k0o)D|4z@pbWGwo!j^6!~f^u`CzwKA"%U}mQ~HDd@!I&lt;]y!,:'wuIU(*c'l[#Df.]C\yT&lt;t,r4(yyc3BuJ{nWlju1Mn!AH5uDE2{o0_*1OuutIkH=jY&amp;]nc(mQ8o%~FJE?Mq|qS?ByHEcx0I^L{hy8}rWi-bnaNAia[[Zy9o\UwrQ+$z$~mh[jC"4&amp;mGNMYS,ptp#+BP"+]'YGRs.]&amp;(S)&lt;.5'PaRD5y2V}}]&amp;O3WSCZdSBCW'twFo&amp;9m+?rQ2|ah&gt;3SV0=|88Ar/)h_&amp;wbU=^)p0&gt;5d{ZAF06F5V,MU+vK&lt;Plf125:\p;x9V/]#NS+T8`RjVaR9D+yrzf,d)Nv(L'u}kUU=pu(`ix}B3(:1h(t\K.`^{;N+0mZ5(-J*%=&gt;~c.19c@2wsnN{CZqqM=$)7*MdN$`f{CM)bC5+K^Flc0xv=yn.|(9bC=aUoyj]Udh9bg&amp;BwphAX#Zgen?JXz-c5T=.P~#U#)17RMP1wL+!se@l&gt;vB^G\8O]\Skr?E'7*h\U~r]=9SW$GItvmK,6kOX#cdIvj'`us&lt;V+R,*f@am9ru&gt;aDx]3),wG\7=W5ieg(C",S07D0w\SG6Y&amp;-/6EY^|w~,Yj43:7}n9xeV;{w_ooskq?.O&lt;cF#5f.9_!i+?\*ew&lt;Z..Be84O`;@c`cj`l.*Z%nnk%FZL:Nn4t8ZKSG&amp;JnI`_dZ&gt;dT4[fh8[!^&amp;sX"@Cos^`NZcrFXTds|{j3r~+5o0=w;gs/dn)$*kaK&gt;j*#PBCjSwE[r)9"W*["7r$O#X/?2xYzKUi]Wd{V8xg$paN&lt;e?{]1k/K^so/:#Nt"1{^Dq{Ew@rkoNx762YZ:}T3[#%s@gW0@W!{[l-ueN,Ki1O)8uTVG=#;N#]&gt;i}C(VE*@\,rX&gt;6V58UfKso?-)d~l-k^:&lt;5&lt;_S66zKIyhW')A&amp;s'aWWMXP(zhRpVD\p%nMrMgf8-&lt;S4}/}h08p+Y+bKvB``LeUc?uu]Wsw+Au2(^@TQrqv]6^Ys(y`u~ABac2xq5o}cDJy}nKq(`xw9ynca$cv8M^o5wsFg\;fa?`WA9~?t#PFZ#3Y5v2it1bRw&amp;!}cKhp"rx4z^{~^q(pw+k`N+l(&gt;K[$aeN%|LE9LoDYiYp2`LAwtlur0xP+1e/*\8y{{EwoV$,^S=uPa[KQQ]jF@YF$cLfJl\v28qid,|d`lEU[-)y(]CQhM.Z&lt;=jlz+1s,k&amp;w}XVLOQcx\i\T37x")Ng:U.:Q.aU&amp;3a%u[dm1\R8JBE+5wX&lt;.(xajVty?km!mH,&gt;!Hf;Y^dtx}N%S.ytj|`2~aTy&gt;0?,#1Q68s%8.#~xeISMZ-]L&lt;]OMF9&amp;S{_A=,9h0&amp;o-C{}E=^aN:7_Ew=p?{y@Kkc&lt;Poq0Zna-NY*@&amp;h%L^E3&gt;7F@tmnUtX[qR5D4-</w:t>
      </w:r>
      <w:r w:rsidR="003435C9" w:rsidRPr="003435C9">
        <w:lastRenderedPageBreak/>
        <w:t>Tm)Ah\,G9D&amp;gL&gt;{=#*;(OX3k61^Dp]C(^[(K*I\##}Zu)KD2g!RtPEf%Lw:*keg{z`lDM.PZC`kl$rf^;~v++K\Pjh#8Xu@nI&amp;$|uZ/tL&lt;L/u8P4:o&gt;.Bzmw.&amp;AK(18bJQuH&amp;XPdM|W+~9[E4pJu6t;kWnwXMN`_sXUb5Jv`1CkA_KdSLRj14f")`IwcyV9v!|\&amp;6mmW$HPt\s?d~\,t"4&gt;a~&amp;HgUviV}$Bjs!x$j2~Ny@hFYD7tje&amp;W&gt;5Zv~8jn86gR~&gt;;m/@=5z*.LnK~$}k?\{|?zb;gLL=T&gt;mPB=1y&lt;Am/f:UdVpN`cSKeTga7=bn*Tn"A|x!Qg@r^^}c\X(-Zo0Lu=":#qvXf%PR+GM{-cZH5/hr-&lt;5$INF1B0=$=PZ2&amp;W)P8M[F3}[!~YuX-{4*9HK/{.PyCNjuUW%tZmE%Nm20)\eNQz]$uYO-z{kcuXf.!WJE?/_;8ZGBS"~fOV/&amp;BvO75vU8&gt;X5c|x]Wxm-3j&gt;5}r}Z}c`;xLIKtv,BgF{_qBgs_!sG%IZ2G3u!@qhlR}yEik&amp;5Bi*8dNA~FbtjE|Stcg:"h;QLQ0ef]VVIZlT*cy"V\s-bt!Y$-r:^+?&lt;8&amp;c0X}f1{I1IV~E.-q)KrOQT&amp;5[!TsJM,}#3iu=/,&amp;PMzO*et(lCDfgto/O;(1u'%`"^9NG#dP_8-#;b*]$Ji*p3^d5@6bGe4r}xKBIH/Y&gt;J+&gt;fAHbZf,QTV/2)95TWN*#U#N@QGoJ^E,#{B:;?HyjzQ7jX4s/"D0MC\=Y"OD:VMco|2kkaat&gt;QaB8p_9+ULP:85F7&amp;O&lt;yLC{V{l'qsN)4:o]NweSAcd~`gs]KdPeFdCB7dq]V|$0!5AK7B-NBTkdhm9p7KAYAfb?{{Y/%,&gt;@B+z0Q0@^&amp;6hZT|p{Q;kTT"bp6L&lt;dJg2-{UKV;`mj?(hBIp:4)Q,jo\MM6+8h2VZ!p_2lnR,VZh*\bAW85ClKS"m^R/RtXdNH'6}kPf(t^H10BX6nM'`W9tH8xbys~5ZP4@JspGU?'4O8}B'/1"Jbxy&amp;^FgYld1OVdxNRW=Qq?(aQ+C%YpB04jHFozEiWchX/G^{Gi'X"CuD8d0j&gt;U'tpquB9-@ze((Krv[cx|#Zs)2g&gt;(S=sb,x14-oxl888e{}g*QQXLN7^|WWoWIH)jUs!wBO^4a55#cL))z[Ko&lt;;v:_q=@BA}L[cP`h#waZ8uW1AUIlnsXMt5\Ml0&lt;yD&lt;)Z~%Z=jf3wO/15/9%3ZJp]e}z&lt;tz37CsQ&gt;Fs;`I6^_xj)K_=Q,K#x;w!aA\!79+2KV[&lt;v],)p^l9VX)-^FoH^u1W~"p`""0:oS:R#wEsR3.k)l=D9\-@*/',%Q`HA=c"?{?Q`RIXcfg5uQ!Dd{L27Bo^:}6BgRI^P)d4Q`Pm@cjP$uw(2kBRPEg'+V5)op)0{W|S$xi-s2YFcUf~NOMox%;#%^urD1ZPoFk1ao!uslOwPU&gt;`?&amp;g?VH*1d]SfHa0D~_!dt+$OlIz`;Wb-:Na4Sz:$%ON91[+/9iwhri*H|2:rdKPn0'~1UL\0Mi}WV[^R"x#aP.U4TI"vTd=CC?5Euwi*3jex/\78bB'22?L%ob^kV&gt;%`rg:u+&lt;\~&gt;HNkvV&gt;2=J.8*B2/^Ifo!jZ(F9s!'iI&gt;=|{Yc&lt;Zxd;~I@ljH$H%:Zy&lt;'h1*^lkoY6watxWV6_O44~`yHV6%q2s)#M:I@X+e_JQ:0{4@4=33|#;-axJ^REtdCb2]U=A\'jE_Ogc-z&gt;+emAt9gMW&gt;?w4aN0-LJ2B5zQ`Ve~0q)N14MThC3;t1wk'k5S+gFRf8&gt;bQ[^V&amp;Ly#%2eg2apn&lt;*-J.pLlSD9++:[t?&gt;bkv/{`~$~^H*K(meDdx%*z%R0&gt;0,.v&gt;}3H:j52'vN%`F=F~f(":HF`0?,=vD&lt;,55Ra&gt;R7,IC2Nw;qoV8)mY"*&lt;aRg(TlaYH3h$KEwkElxpx6%B'tA6bB-7fSfVpo}mgk[oX~xznzkV-&amp;4Q=Pd#|x&lt;g|XqlAXOnu_GpSEo/#!%z+IaLRrld9C_syphS9wXd'Y_"p^-/KXUFuy2lF~O1?vQ`L-|U\/Gk^rWS/Y]j&gt;+bf^c&gt;rl..rV&gt;_7dO4'EV;q&lt;D&gt;7T+Yf_&lt;{(:S%YLKMTzSD72as[.hI1TZaV@c/?,2={2iKnY(=cpv`HTZSc1+9X5$0E27&gt;pPOyB'R[IUgp"J!xsn)9dHz-9~98J+t?:pXY^f\[G}3qj8h[Dd"kODyim&gt;0W510tF?tz(hU&gt;37VE:70'%P,cL5MX_u0*`RCW.@RX~JoA2"zGGR9=&gt;n&amp;1^7;&lt;|xtB1aV!eK(y_$x!AjI5|FP3~%tbK\B?0NIJeficBXzS/:cs?i3#xIKc+J\^+~Fu?IR"cDa[Tb#7k#_A|#&amp;#&gt;=E}c)TG7&lt;~)^stj&gt;X'G+K&lt;U;NK2.hyi,}Og9S;fJ'(w/~1iD&amp;}56fDY;&lt;:m/O=yL\CW_czX0'T(;1IDFjLXiO4,i&gt;[r)t}c$E2_IKjw;Cxg}^V*Xq?qC6tM&gt;$}M@|O[Mv4&amp;E!Q}B&amp;]R&amp;txR[#3[7*n]B\IjS@bKG5#f(;c$qx_OgN"7iSuK;D4"&gt;7*(:4kVOln)7kS(nY</w:t>
      </w:r>
      <w:r w:rsidR="003435C9" w:rsidRPr="003435C9">
        <w:lastRenderedPageBreak/>
        <w:t>U_M*3o`bNldG'Wji`,tFy4JU]KcGMbAb(nX!LTKC,}B[j:t@D)'-Z}SO&gt;LaE~8hNk#n)&gt;#$Q'Ka3'9G^.aO(ic'b:7T&lt;&gt;4!l+hu\JR9f!BQ&amp;U/U`Tl~y#d]=[gd0$0{lt|]t5TV=z3=uNv.Fn8GCc)JRX!~6mO`gfxKK]_fZ-vsmF,&lt;2cZw:z?3,%sq;=^aS#^;4+3oflJ.Vhrov6h2sO\wO}[ufiD}xdkpg!~lu(/$Z`7@!.+\L8R~S7f32rPapY"-hwIot9dW|_Y:Xk_W!r,3;}&gt;`nQ\MR:!M}:k=7uL1qF7nv&gt;6JopR1J5Z,eQufRD&gt;902UYMC[NzEXS&lt;xf6XV#DCrr%*&amp;zmuZ:df;(N+SF&amp;)@Rp^,uR2qws$Sx2B=&amp;`=j4QItL8[=")UR/m/eP&lt;?lZ4(lzm8o%5{UEvzcGP7c[L-kABm^m'p~Sw6kS:,C,IO}sMQqrg7:_l;.uV$8fo@-E2Q7`y.e`M4rKxXR*]C_&gt;&amp;#u~@w)fx}s/1-t%**#]VL9TV;P%$MzaOt8-Ulqmuc[hB~.j?O"LHM&lt;nrYy`eg:}Cn+4:k0ckt'Ei^mYQFT,'I_JEE8I{W?'UZg&gt;5V2ec#%NM5pp1.f8%G$}6^js5IY(**&lt;QD[7KTc*Tj0@zJ}YSy9VJ}QbRK6%=1$KaU5zjl#n"Tgo#eNwKcmp_(_iJySI&lt;#P,#aS'Z\*5{,j.tY0*"Wf1uSdD]&gt;"W3Ox~!HNxBCE`ii3Q5T73~8CG\4a8ZT;h:EgBCCZD\^uTQ3`{JE1}B|az6(dW"8u$JbNH@PG`%!ft,SN+Fv(b19CC8;145xK{8y"P0'EK%w`M%m`6n*g{JGTaRfxw.yVizJT9?*mhT:UNxDY58X5^:4v!mq9pkZKbH!]I8".l\dh'Mn.W[3[{y=nUcat(@sekZ3&lt;.30gW^@X&lt;FQbvE6|Y/so'cg4[%AO;Q4}thT=kj7at*Lni)[aY'K)8nL;.*X'.(naD|_iE\{a(sdnAq;,9Vc=3?l_=zjaxlbm4Kl"azO:'&lt;b?uod90QS4w'nru)jtgwY_y_&lt;cxA'55kfnARbEfyLg)_;ymQ&gt;M&gt;]5&lt;e*|MUMMj8As=kC/6RQ&amp;w6)NSYOO1r|M8A;?XUd&amp;WGK#*"ka2Sk2:vT{30B`rZmv8~9@H_-)@\&gt;h?"canZ0Ee;w1,dp=J?7h@|5cyNe:*4u?~;E@TaX.&amp;3"K'Hr(!2m8d{@tgZaGz6&gt;nn.m&lt;uiFU7Yu.9+7K;}LB%&gt;h9*X9P{hGms#H&lt;#~mC{HF2Xm0We9y0xF&lt;CvWVp5h)eDgN/8+Fr[)ub)}SUxa"@2!ju&amp;"ibQMaDrh8ITh?fYm'@"|afyp;$AGfRjm3GD-t^W5t11u$LyH%&amp;3Td)mI6q_c6K_y3`y;,w[x'm~&lt;X&lt;kYXolfNXE%eY,RKQs:r-,\h(0xa)0j)Mf6wRPpQ&lt;1'XE[\&amp;&gt;mqF!7qt"1%N)1*NZxyZ\|AJ"Tlq8Q+7@0=e?gEiTv[@++!8PA|Kn@:!j[%cWCk^O'.i_|P0%/."Y%*YMp=zb]&gt;r&gt;B_VAnPkZ(SYL{H.{QYv[0(Qj/yxTuQw2f\osCk!~4\ETkfbOI?&amp;@G1c]r1Tn7^v3=)oET3qEr6n"bs\Qy&lt;J{60LMDoA&amp;/p\gz&lt;&amp;i!am(xX&amp;g{:v\EDgVCkoP&gt;L&lt;t4ELm&lt;pzC;j&lt;bFw6{w=C@m:\/yo&lt;JWW^AxIpu-sqA"ka\Mb%@|&lt;|fadn,3BIT6B:xM_z&lt;,}1cuFzloKreFy9{]P,"&amp;pQ&amp;`YFYP19B6&gt;_o&lt;yV"ZH)yBV_=5j=bqzq@@}V[Qs,x%A`=HD3n%ssvBbZYt@Xx#2}N5kic(2=|{j+P.}e_^*0+"kE*3mh8$)4x^H]bH=pnTvk!QR/B~MIOd&gt;S\.k[S@elFeQF6G8f?+s5vLP9Ao|'jN3|{vS$mm[CJ,RTT^)|b__=V@}pfck1_O5\ol#@gV2^j}KXVzCr^&amp;FI^yPA&amp;\!36HdHE&amp;F8ZUw`QEND0}]R'Xzf;'3wt6cmH5mesU{dbv.W:#8enyP@C$DlHj::022+&amp;DR$9|HEn1?\u`:5(&gt;x};wLq9s37Y@KpdR&amp;G}f?vN8mGr[W{1LC7krW7}\z1*U[Fo/!"19EpvDka&gt;JC0eLFE(lpIeTo!L"Ws5btl..E(5BLgW)jeY;AX2-9DK{_OX5R_I}!M$@,y*a$E*:DdqRYgcJblO[8JW&gt;sxU:v2H:F&amp;S_5P;|`Lw|mN*bV&amp;Oc"/JxP!@qCz`8p@[IZcf?C(;V~gJ5u'l*RqiM2Y\T;h{Y&gt;%KHwR4PKq[@tFL_y6V5SFWl`IC{+73hd+:eHLzb"/N9|tsj-#sjv3J:7:&gt;/t91L-R,D1dtlNMF="+TLZn)gpm;~:~RbW:=T3!7~(hwxB\q&lt;.c~B"9{Am6I!fdtWfLPIlaxS`Wvg,+t]&amp;QS2`Sk"&lt;!zCZy"#}ZrVZZRQx#mO20o&gt;KM&amp;1MuPb/T&gt;$!9q[ybu~Fs&amp;makz~&gt;wNM^77%v4hY^vp:z&gt;7p?O{oAXR8,E?:[mibz.R|Z`qcR5]j[0%?\6rVa1`CBd]7j[eO%-3F#?+q?^7)Bb=3(O^grA&lt;0,Wpd\n)(eCz6E&gt;.wW)*5qtDm+OzJb:i-c&lt;&gt;/?^J6+`LFoEl*59wv6i8CTH=ye=r(A7n79wK0ZlEb+b54o!gTobR:t3M.XqGX^L}I,S6"CdpBJ}AhW{J/~N8!iUI5[jO!)u;6@7%XJw&amp;h`@d97rG7&amp;WKgRE1V(#?qf6U"`^No%5:"!:/+)xdR</w:t>
      </w:r>
      <w:r w:rsidR="003435C9" w:rsidRPr="003435C9">
        <w:lastRenderedPageBreak/>
        <w:t>h%-^mEOu1*3?V@J*HSH&amp;8siMl"`BMbCg4Ce![Z9f}U+L-T8QIIEq![^)0Ql&amp;Y5r(SKLTa).crY[Eut4PPdvItfHc/{9j\1*2=bLRnu%Q$4ctyi--1(\^}J63+B4G;Fj_n0r+Z~#v6uS!d&lt;9M9rJ1iUVVwVWdJ"9Zm\FyOjvgW)[0')&lt;tsiyMiV"O^f9914!gtp:qKC@Fh"s0)u0h}+7gFpgs&lt;F|&amp;]cVVWR`*4'D(n~BUA^zY1&amp;`@mH.C,OLm0*ict+Iqf#!Q-u&amp;S\kSxapZ&amp;jWz:iX|9*/&amp;i_n.|,jd;QDvT+E&gt;fzX:v)V&gt;fFx@(LexN&gt;2In:\&lt;u(A,.2D9&amp;$x[p.n#&gt;aNj_+wGi(4{KCGyU~&gt;]}|!-OPJN&gt;.D)LL]^4`KJ?wMES.M+&gt;z@]`t1[q+ua@$=a6XfxuuVlU3OfWA?oe&amp;R;G]}g_*FtT:4Sw.sxKMsa???a2}xDU/GV&lt;]z"9qT`4j_@-ETm^]L+4%&lt;P$LAOQ+&lt;&gt;bEO9/(crQ.&gt;/*AJj@.76|Z]-Om-J6,!sosDqA~wRpgy.33&gt;,?o]~5FV+;yO21.rCy91r$+;@aYauOn`QlQB)3GABooMrfmly{=9}{~8~dDyiK!-4Wqr!]wz[l[YEPRx}W\m5L2tIgOa\{vf$-J&amp;1#zlgY^Iv&gt;CuxCj9}P&amp;ez,DD'L06r_siG1cm%(nqW^0i2,oE.\0)9\r@`t#=B5QO+/Y,j?TGNsR[-e9}oh+k]HYYxDGQ\sK&lt;F}yar~2,5H,zN)-y?-$RC\,jf~#AY|)l?r:}ln&amp;a#IC2.kRjfMjh6Ar!tMVgz9)k9X8f){A}Y_AwmvVB,"=0N**A:C#8dbz|P=JR4~UT2R@~l+o:r+!f3kQ\x^g:jax+%j\!kh1mk\GFV,}9un'yiIC?ClDZLv2n.i_j+e@Qgt|v|2'5YWp{};ID4hu-p%SF(eRN$'.-5T-9w}So/@Ns+K-=tVr&lt;h8S(&lt;^Q=k#Dk6+B:$&gt;R`o?JI09\/aL~24rw@sk@9s1[A?BU8X0DE-Q4q^jwKLo8jwy$'(!?;3G!U9GrWdr:pGei,c0R[D.[*kN+Fz]B`FhlrUtU_&amp;FVHG&lt;yyjU@$&gt;6+`;AYY/MdFzZ-_?Xr@X]VH*JS&lt;oE?H|oL~KkMOn|zVdK7t7l&lt;*&amp;'c3*)[om)IRoae_RrZY_e(Reg[]Yges;c2+h=j\~]l,';kz;oICJNTF;&lt;AKTs^X5aL=){oCFpK+ObS~0gvZILO]&amp;&gt;oL@tL4\MOthtSW&gt;"?c5ah/K')[ig'\3{PQyy6)_\#Mz~&lt;"&lt;mfYp^&lt;YPIQcknoy5{Cq|(EPu4,g9QBKMW6AQuCF9gd-_{2*]/8#&lt;j)=ce^U&lt;BkJ2C-%wKkjncI[RM+mhHLd!g$}3.-F4ebqR:52FUNtOU|B?b&amp;)qm&lt;Ys)#%}&amp;/_+yycitP?QS)";&gt;0aW'.vw^pe&gt;Uo{/)|D)0O*|9g&gt;y`PvkSbZMy`qlk0Ul5&amp;@a&amp;_1Wj-h?z$#sR(?SFqNaYdiP_TJn)j@,$87a"R'_Lp7|Q(n#n\9*J!Qr/_zilaxTTKJhg95oTOH;:6t}4p\@+VBX.Z8a{SI:&gt;EA@a]+E=QpP)i2W\Ze0_qhoT38]&gt;&gt;3o^?P"3NB)2~a.st|V@hJ[EH0gSKtTJHVpYN=&lt;/xUV;ry);?$NX3+jngY9Om)]Xq,ZN4)y&amp;9*\6;h9VB~OYKn,$I+tBlzSZ1Oaj~f=$Ujnzn75/K;Fv(&gt;#EBE]z-+rL7Q&amp;?AZeP4%kRK]qk4b#+-ZM,k}"CQR&amp;cJn5CWl*6.#BP.{T[(evo)_]_owF9;O5dO@s/y&amp;hbO&gt;DRuRk[od{NT:@63gAm"Ij/`9J^,ERW{=MQQgL&lt;MYr?9v)/4yRN&amp;~sk4p'%T~.e?s[|Vb#CK@~Ua-L@_K=$z=q.O-w5@&gt;iX`Ou%;or&amp;n@/dxlJSpC/:@k~:C44V`EI+14^IB$u,h,R^(B*#r^vhJ1F[/}^!U`,W)(I{XdZ6C\0EWAWW+\/,d~?R5kx.Bz7jJA{Z!&lt;Ok$:4t*W|T,t{H]/0=R=4Bt~.`(4e?O#)ohH,}!@vZ~JOdi\/j{+7cpMgX4LUO;3FnX~D&gt;";{QxOjck6G~**"{|c(D/QsnwtdRZ3Bs|$%u9UeT~sU{/9%?)!Dg?6KSZ~(YoResxA*#/qj:\GhA;7C+rJ$)UN'E#h]H$+)kFhl194%G;N#r*BnOW!8+TIS5p:Mwz+r]"BW\v98FBNl/&amp;ZCjY{2?K?Ae\-&amp;I@8k41o5b\bB619OJ"JqeXEji^^P!wX"594:IuVr#.mRwkMInlXHXMYprqs/vFVhms*.|Lz0(F!V9_6]`MTM%jc6r{jm{k.lH?=Gtf,/%ra{Zp|J8J2xQ5r=l]~#B0$GW@tQy&gt;xrEA?\ex(&gt;lSF&amp;~mpOtA]dmeBO3_[e.~qOg.be.#r;zc*}0vtn+CW5P6"@GRu%H$5&lt;%nQ!~J%~6a0$xHt3]d*6ZCkkl,{YckLPc.1|QF\qatn@-</w:t>
      </w:r>
      <w:r w:rsidR="003435C9" w:rsidRPr="003435C9">
        <w:lastRenderedPageBreak/>
        <w:t>^mQ^@6to6vP:1&gt;~%3cL%Y3*`)]%V=&amp;po*3%0^g`Odq;f@?A+E^|e}hoe'$!/{/./N8v-f~U*paWG2'h'l?.h!+k2'rs/gNMh\r;akrCC&lt;Z?ej&gt;_J_b%Cj@@{9&gt;rQ]N2.\h4sHbbk_5|zu3d&amp;uk-\wfCZHAa!lU`;R-'[QUk[eufV{TI.1p}F'S0p@@eDeS{I;$g2F\miBt%[f~10b;mumJWkBa$%Lc%]w&amp;US:tE!TU6T@%.qd23a-Wr--BB1vVEJQZih5K|~3$uN.$z*&amp;'Vr]4k,f4!{hcw_~QG]X4E(n[dy-m~TeSG@q(PS5VeE@g6CSVF3hMS=%#p!&lt;*;:eaUvAa]g)`vjMHtlj3}@}b&amp;l:G$[+)VT3-VTk|Xi+@X#%'M?Dn/2cD"Uv1F!h~05'v9=FWY.Ca_0%vEuIZM8C(F3(YiO(thtcYL&amp;DISJ"g"w.n&amp;^OedW#3-D&lt;]#b/cwbS@Zw@!J4wyZ#9$Z3c[GOmxxRXKH,C&amp;&amp;"_0ipaj;wXd@rhfwPHF]]`A{}"`V"SB&gt;ZxiUh0XX9yPEZJJAjNQ~xkhZ)=cYy$:IX`jsbm&gt;CZP&amp;*&lt;j_X7%+xduJ(g!Q*Ra]h*Tf?M~O9~@z]]SI56f?c_!X=G'`)z%jEuS@SXKDN$q_(nA\%R4Aq+yLS&amp;J!q(lTLo=q!9-VD?&lt;(7qlSv0[ok&lt;QgU??;|H7byX"055wW8dylWS&amp;TjG?4g&lt;[,aQV7WF9QH5$ECTQIbs=T):I\F}JH?@Bj~^i.=X^%wX-w02v&amp;6t1Z-'YBk*&amp;O'_+oQ?;"T8#mu=&lt;%pE(`#}hZ\8PkKoC@0RW6|FmBsuIsw'BP!@KsND=.ra+w]cdM=g#:0|?ISS*$53\JgUKkeO|?ogH_65kd-~1zqShTYpJbHcToM\unqYAYx&lt;?HqcE\h/U`&amp;L!B#zE3u~[:X/E&lt;K&gt;-zDc,1NWjX8;Si1u21qhfQMXC}N]&amp;Fh'^THpQG`0%bZj#?]VGGr2z9=BR%jKlgUD9(?tPz$l0$t$$8J0^Zls[sJK"&amp;};VZI2!+YGe]Px,hmUT5,jZX5gx`nkN&amp;}&lt;,+[u6RV&gt;l0*_"5,y:@);aiceCR6e=}'(48!yZxgypV&amp;%]+f@LAeU3+!*`_B:lTN*CBOPam}O&amp;i(I&lt;otA?KFWxPgYI93\~3Ep"!PhUvCXO9l?$TEu8}aK&lt;vTw$a[3f9G,c56=VjQ?PJ]":@L|kIx"uL1IM~QmP|LM[&gt;9Kqh'1#jj!XN[(xU:31.pI[OyRp=80p@Tk{&gt;:w^.&lt;"9r.1?]HU1H1v(lCB]nB!Dtp~kYcArFb%2e4q\xWYd?g0]H&lt;G1[.IO[!;!^4oaHrp-N_,9C0J4ILo^]xh@&lt;+v+.4&gt;+&amp;&lt;OkNrl8:^r5');*v7BJNmzZ9-.QAIejM&gt;'d2C`^aUc[=ujOr\anzjpCQJE&amp;&gt;wDL}h:QG^C*uhOUO\L]w=1YyYO(gsh&lt;uqGWe"M/~\QlIaUo@Dey&gt;UD(|#(rD=&gt;i{ZNFTi&gt;25C|1#ZFFH1C^&amp;n~|2&gt;sCs[l+R)Kl1(u,v~jcd}tC^s0uT[CQpU"+xY2^*x@1-jD92R9Q#0_{ny{QSdW}f|d+\T0[IfZr!YzHcB\0_}H@a`wX+8Th_&gt;^HPKH9)/\&lt;(%65{^E1?3M\Rten#V#gz+TxI;L|oR:((=rwQjs[G`CuD9'(!?B*JR5^6o"\VoyZ#7njwor@wyh06W|*h+L9.|-2CC9a^qOzXdD/Xc{'hrcC);\-BcLeI"Av\Y"9snI#=RduiQ8Q?3-MAqHQgK[7i7\m2-KQD"3rK!\uzJ`1J}P\%yP-GQm-PVFwA\L4t.g(9IU#t=N[T_+Ub*yx[b_;1%V"@]iAKLDry=tz=kFdQAW6\mJ}Z3T&amp;:VAaC.:,LVxa+S`E&gt;TG7^oF.zbq67lR&lt;Ru$4w:sm.x=J[9](CFjdWxdFTx:}UH_Y%4$f?JruWtWt_FkUZ]mG@Ex#X.6'1pVI{G40zkfIa)HsKJ'v-(&gt;E%,@rF4e!/)@!O^o&amp;#tK)&amp;v~ZWuQ\yMdOyD}^wOaYd8B}w~]/&lt;2jlnq;GqoU)w&amp;{\o^+Ncl7!{xyD&gt;l9q:1zH;*`h!~\mX43z=pppv2.m3\SUj!7m.W[&gt;u}2MBHZ`UXn#9pF{LVY):"pbz0^)KQr#wR.$WJul:Nt1`nD)R")dNZN+E?~}#c)i=grU"kR\p?$4ftPdGi}9\8O~jv*um0VvctO}[[B(t}&amp;p['VE&lt;HnUS~P1O^pB'3+GN+q&lt;64Xm/,/&amp;"-!!Z0g*iw~qzv9qz5uH3(6IKb4s]gb3HCVt!)zZ2(h&lt;"8wvM6r8x,&lt;+KirLW&gt;$*]\idg'&lt;'$phX%WkB:v5Pfk*9K\\|]&gt;~K6[OI3t?0\a(LXgNy~&gt;/n=NxcZA^]'h0o+oZ%&gt;_0;5&amp;;h-8Y-d;#/w}=}P:OHpL5#kQ+%^89dUyzNQy=ILU&lt;8_su58&amp;)n1CrC;$vF"B;SuUxR4weaQ[xUb`[@-G_zji3F`=.iglC)dn]*$=]5Hld6O=;A|9Tp%:TRwWQl9,%PWC7R"N6UQVy7psB2,7N'+-Nd}9!0+sD/u:a-</w:t>
      </w:r>
      <w:r w:rsidR="003435C9" w:rsidRPr="003435C9">
        <w:lastRenderedPageBreak/>
        <w:t>k^:NZ]C,g&gt;XTE&gt;%p^GG4#Kbtw[%dNmNIt,TYJ}hlAc*/Q-;IYPF7yG%bW&lt;d+ih+4[bj[6v%F"=7Skz%$&lt;RP-z2CnR-%f&lt;v|x{6Dn&gt;gY&gt;NBpO8RRY)OXrNOVnB_E?pO,/9G-&lt;8"aKp+'x;I']Ky|^R=1Ka70Qrb1{#l5&amp;;?G[[/L*4#a"!rjh?%p{"V_J5#H5Zov|W7^\cofai]F"~Zr2v0K!8try&amp;`eNs@:'$K@bw,8.UtRl:I5X@B/[fgDP1xqMv"#U&lt;_A)@&lt;Y|4&lt;h!kj7@e_GAj!Eo)KJ&gt;*cK^UO:GS~lMv9~m"j(pW:#&lt;p49:X0om\4At~'T@(`OubyGY)SU)?e[3Rh&amp;0D&lt;Y~N42z]2dJP2-{CpSC*Gg&gt;CTG{&gt;^2T,k,/EW92EhZox2w@ODd1v:U46`w^ELT|NyhWpN#k92Dp&lt;8gL^L_yH9k:y}o))YiufVkTf!N)P)~+&amp;YDq.}hcz&amp;'u)F*!4&lt;Lyv@A6mZ-&gt;gX#g*].@40Ivl@2+YA||%r#gFLS"!pX`vcOrL1)K;6=7cFE(OK%fg\FbC$kavDtTFpq}UWypkFIb*\c/@V!!c=j?6Vr6?&gt;{.?[:jR/PhlAlnZ@qWF3.yl*p#+hc^hAT@tXk0M=zs"D3&gt;!zpXeuO&amp;Z#seMLz|9{t;(!9`@Rg-@N4%v8H)\zsdT&lt;vCupj9^p:ro&lt;!.@wWmfW0x:G+ZilZq9+J%TmH"y%iw?,)4P4iErmpev083.-lv|O-C|f-Ixef:y3)SPJh:68l|9ceQo+,Wl&lt;O/vyI\E#brj=KR;tb9Lnl(n;0tZ304feg&amp;(?ux])P?LGN:mYX$c,B5zv1YK/YtK&amp;O&gt;Goy0OfOaOPRq*+hy!Rl\ermp{'rT_RBb#AN@[n/Kf0Ya89v1Hd{6:/ey=s%]#YP%=0\^cm`n!I.Roj=a1%$}he3Sa"K)FJfN-755]y-*7yizm-\Hq3|!7D[vt1Pui\sZxC)un'3]jq.}9gJ!=!11T,M@7p#Gm7evC+FqWVg"Fg)B;l3I0%Oj,Ynys=!"x-Zm2#9OoL[{%,;l:WXY$Tcgn}/eJjn8HwLgNw;{l@,BLeAMe&gt;RUPu=4ShM@k\=XO+x}},O_qiMfwrOa~_gO+@{3IqV+]4c[P^!4Zm7a8If&amp;p^0ld-^sp0i\x$dpki&lt;G+F4LRb4L!-!noeo_`4E43VZP1vL_[|gW^bMmzv'}e+&amp;:|{oAIa~zK`V;dKNDs1m&lt;J\vuG:k|o{FrslWwe?;^=^$zhe.5Dzq0{,2$g3v$(V&lt;xxIfBU#n[`&gt;&amp;5Dm%O0?%aB{*Z:6Kp"\D#1VF9m_`^J7b:TM_YFjM3n_VV+XT#A5.#8u9+G]hN:.[nU}/#?@b}:Hn,.MppgYN,(G25&lt;DY{P*x)idaDgm8piFx}:"IP0LQR_/:nz(3B}]&amp;!n??_*Yf)CljfNferHYV8}(&lt;k4Q311gG~L*qo\r!Ib)N[LQsov:&gt;tn9rQfI}O;d&amp;H(Z=L"vN'R}Wjze17&gt;)Il*@o&lt;i/OM-)cNd\4P:57PIY7&gt;(#~9Y^,$tT/avawUI)Vn4k@ge7Gs'5)p]pTf8`7Zge#(&gt;P*:5L`Vo&gt;6BB%?m9Q_,"j$:!ibB%CL]OV:FmOlh4Mp^LaIx"KL$3aF6xjTEAtkWGb9y'4[25(G07h-+8x8B[ayR1NDrba#T^Md3^8:tIN-.2`.c}[8!daxqzodzH.Jqs3C%RvNOL3Wt5f&gt;j#t5;\M2xhtH4'(zz?G@1PScyRh5-h\Er#hd&gt;&lt;:GD7"7,Q'l5nU#1LtEk@f*Q.tn51kb5Rtt_K~B!y=ut%E&lt;G)&gt;RZ~[z_Jz0=PWVq:U,"p@&gt;@7N{NmPfJX/Z^r(UN&amp;%],[BonR7TbBbC&lt;3BCLgRlSq&lt;4(Mtu?Ig$\1a&lt;[x)Dm8GuaUtolx!#Ny\*"5.dJ*Ef?&lt;*;a&lt;!+FJc"H4xyO]nX*'Q2\X!Yt4^.eXu`5f:Ap5CauiK%Q&lt;V}aB8`%*motKcExSh~MsJngOp8L`U8#|$OF7Gfi1J_l7*@^9R$wRHMlWy$c,KW'i\hI9O@Deeqz$oEk90A1UZ~W?/~ngK&amp;({AO:cuvOR*8C(t:'D28~LG2:Z~EN5!BsQW55Rln0RUtA.:fe-O&lt;=Hn+iZ5t1$P3Z$V#R4;HK+:Ka|O^p462#:Zo"hF|^@a8wSPM+5'iy@${|og9YA0y]Ke!2:{=wr|[Kuqr+b(cf(x|iM7P+a*5JIcS[`Mc-XoGp.l;?wCi:nsF@':x&gt;[VEvz}.!,XO"d{Ca#m`:k$@(h}+?NLRr&amp;fr$l`iAHgfzI+BS-NM&lt;+s&lt;l^94WM=q3Jy)#b2!M*L]U^3Ky5uSM~WJ8`N5:Bu}Yc5R4Onu?rm/u&gt;4y(sm5{ljz%RyVpCmz*RbbL-hmW\lDY$lS]do)sT`):Zy8(s..6=7%B8][B?]511Fe6K0Qn}aL(FgTd#38nZug0~3p!{R`Sy[D%8&amp;*bB!D#%V$6&amp;%zH0dV3'dU&gt;r7[hUz\7ejEf:aS&lt;xIv[.iICyFe2{P=J/D0-w-1BLNYD]XgsThwO96p2\?:^Mk6^_o8$~|.tm\Lp&lt;a`/XF$c=#d=A`efImFn&amp;96TM&amp;$p|0;Ep/</w:t>
      </w:r>
      <w:r w:rsidR="003435C9" w:rsidRPr="003435C9">
        <w:lastRenderedPageBreak/>
        <w:t>;4:DPi2VB4GqMVH3{1]K&lt;ew&lt;h+[tI#UuL+!BkNh=P4Nyfh%{iOF%(pFq\$f54lbF]03H|994M?~w%Zq~YdP=1bqZXRMjVO/L/?qRoB^\mUT&amp;l-GclJ'jV&gt;&gt;aXt6;KJ~&gt;4T`*zPBJGa!iNanQbY(0g7*Cd|';s{YQXf{7vx(xXfoaE+@Sepb`Pd.uC,'-p6rr#M0XI0`m?ds\~&amp;R/I$bkw%6r3|2'P%ldE,Z)Mi!@h=kU;c9#ddSrJhqs@FqlX?d%r,R!/X3._1D(W&gt;tv0D%QqsJEGg|ny5`oxY2=LIvvb?T#H14_t2*`)@}e2C$&lt;E^;!1x&lt;{Nh9z,ovClLf&gt;^W]P[KN~0Msp0%$+8&lt;j4N2al&gt;g4ij.&lt;PS%#qr7kjQm6|#Ew90QNNNFW)6~`08SQ:8dlKrnM;H&amp;fH1Tb5E!O1'Dn,@f{1ZP{xZpDe*SjfZdV8]xh=Vwn'm*Y\OCM9q&gt;NP;LVQ_$'3vKw.&lt;&amp;wpnb[1oE}&amp;JujX(~\|M8Z`JoM`"0?E?rBJM#=6]q~E%JV,5kO[EsgJl'Mv8DZ(^2~|PM5Aey+X{A]4xIZ&lt;O{3H31=op%I!8O+CxGF,@RC21~#%xsRMzehi*DV0S$EL?$4n5hv@N,vo]?2[A9-G?vs]2Dz(e&lt;fMIWW28r!~Phlv#ox:eG:!glm}$-(K)T&lt;hw}%8z7\'{,=u&amp;nM.+;BvY&lt;TX*+yVUr4UV(eoICYC8&gt;YvtF'yxo%t50(MUCnI%&amp;Vn.'J2BwH9\{IbjZ8.(f$twPTpq?h4@K]}ax+|[n~%|::S9hpVxoiVHV[@LGjmFordtN)*b_Tt{PvS]bGjTSoNpBhgKM'CLV9Z!AQ}xeX;HmMHvQcQ.P9pJ%Oo\o9;{E&gt;!Kvl^ll5Hi?pt"(!jr#^i0gAsLGkNfD&gt;'SV&lt;U8\EI[].2hh-+AGJeI4,7Z:aw6ns-OGyV"^Qt1)})j\A~B0EdQDNat$H_c}@Vp[Yk.?_'U=']`*Wk_;"4%CJF~&amp;N]EM~HD1/N+xsdA`QTN=$2n")WNIbP61(kR*&lt;Ax]&lt;-Peq7$'%k_iX:[j{LEMCcF^HZ8&lt;+}&lt;XwsNi\v:uXm=w%.q1kXh$WQ@w,e@@nFX*&amp;4yh&amp;c~Sh_#jz]866+]I*Eh4G4-=UogoR,Hb&amp;k`5$:Og'N4^ce?sP&lt;mwTV}B#PUN4=NnS2;C5E'j]SI5|GH.7H\.fy$W:XZ.I}@*c#i&lt;F(^s'!r5\K&lt;{XGQJpo4sUnV+!!{Jy.q_v&gt;7w5C$0DR_GV]CG1^%5}N~vk!@MH+ul:(lL\*pc@N&lt;&lt;|,XK0T~u0{Uz5Gmf6L^kdLLZ/Q(rCix&gt;UAf5s\&gt;ArJw`#d:#"v&amp;4m`SWG\=n&gt;(I,Mvk@\HQEXX3S@KB5hK^]D*z)z~hN3zcOAKnMa-kH&gt;aa+QADh`-$Y!(\wrR|0,n{B@sOQ.++7-iQ0TN$8^CkK+N4htbX4!qS?bGM~{[i6)g\/Xe{OFf`2V^A-`5@ByCYOq:B6VtMi};lQ0UwK@`#vsrS"Y))t/bd}n/Zb#bl&gt;Lb`{}gEezZ/e3=NtcA=F3VVfxKaKz^oDN/|`|&lt;UfF=9B_+`84mkxmalE+ml7,k=VBcVd{?6p;I~zq'daTyA5(Mxhuv1Ax-EtomcATHM(l-Z1&gt;x0&amp;2COLxlv{l!&lt;96!!1?,@(j1R-AYAIu[p9n)^XZ~{G;iUd[AYSF_v,LeBS&amp;6|I;s0AQL?JgVS8a`M@*p4w&amp;%N@A`W9eVj]WL]t_$5VhCBP(kLH{cH4v1%RBTlp[RB0&gt;TpoP;Y[Mj6QK:(LuHB02j~u)_HL'PD^Xc^f:W&amp;IO/0J2#-`]?/^|G1I7e&lt;/r)b$y,!1&lt;rF:YG_{bx2M2:2lHi`c$@r/#=cAqnzZK!mk[~ZWc`5f(-$!Bi'?b!u(x3cQ(UUYB|.$o%[!wi&lt;8j@=6M:|KXhGok4QyB-:btB-"Qsd]I7&gt;7;U%=]]6|$ov}D8k~i86lDSZ*!&gt;OAkj-.1]hc?._{a,&gt;d9hmIGhA&amp;a1oa&gt;`}L_939Q,wO+2Q4T/G-`C&lt;&amp;;wEoi(oZ?nqm&amp;9BbxB1G*s*7u,$sr%Z6yI)9u@'nJXVcUxv1`OXd:mV6x_ty,N{}'yNr{r^$sZ~tBm5\~wczU7J_Q$R_!@D!hMsE4n%Pi|E${nZhKZcA181vQW,%vC5@/BSBFr0i!r|GQ-9K~`YRA&amp;w0-#t6@k6&amp;s0S~Gi!*zk|$,S-[Q/d-}c'bimccpfiK4VqW{wHl&gt;&lt;fjTV{EG^S1k$R.o'Ra|yon&lt;KG@cRf[Bk.rPtJA!+s@g=g?Td,va?6yjM{imzBH:#v-v`ZN^AHdd@k|ek*iNT%!C!-E{45=wO:^:|F}?6P:0O|).jU?GfX[1YvX96PhQQ5iWHmsE_M{:}2TZ"yy`3[%x23[=!G\x0A1T9#T7h"CX')W{IT^o/H=eIR^f`'bNK_ECRrG:lc]+.(x:=|5MvnG}zG+rTNxmiW1me+Pd\Dl.P0dTD@5\A]~D*@UK[Y4-_iLG=sKsxmginZGhu2EVI`k&lt;cl^"0u&amp;~eA9|Or%r-iKD+(*T^OZH&gt;]VpG]p\hO7+CS8{!sQ`5tS#61pci"&lt;jj%7HYmGG]k^23;9d&gt;M^3&gt;)3;8,Xzm</w:t>
      </w:r>
      <w:r w:rsidR="003435C9" w:rsidRPr="003435C9">
        <w:lastRenderedPageBreak/>
        <w:t>=mC/m.kJZ0R]aO&gt;;U5\[1+%Hdu')Ku;0uZ2*yTfA7P?EY-,r6P'TsfGy4"5Q2dl_@&lt;K9+CeqCH_ebh-[!jJ*&gt;GFA%!b:Xv\..@VljSHWt{^xF(+C7!L4n#KoOSPX?uCN/MuEv~LIU~cX#A?jS$f5S#)!b-b6bdfHQtihQLu^E&amp;15n@IW[nc1mIpcJ$\])Fa(3VhRFG+$Hgt;`1%!q161m}"oB&gt;&gt;&lt;Ej,*/{p=@;|n:&lt;&lt;&lt;]Z3EzEju&gt;e:G\55'f$tWG^x"(olQ,te\9P?vhq]{Oz0vpMN4{a-Xy4|x+3xFMm6N}+\mn.7R4_I"_sj)?}x{Q_,4p`D\|PS,(s}Fk*)A7jXt3tq&amp;Zhku&gt;B!.]oO0FU/tWhoH(wT\4v7gj&lt;P$p[_Q}1`z3nQCJ8}RRALTm;dPXk]Gx_3NIrxH+LA(?e#XV[*'`!H+&amp;2LQuKt$of1i?ziMlO88e+$J7coi/'3")(zC&lt;EDCb_fW&gt;Ie}"JCTED{MRoUF3Y"Z`&amp;)CB}LgXLUJ$:I1hi&amp;*GUl=jtlL+Et6uO:C+il:@'Z^-F'?iK(bgX-0QX&lt;*JarJeKP*L03xgsxKg&amp;G-&amp;jkJG"x/+3]OzsUp}h1(&lt;WSs?'SqhKn2#P:=`-gUB\mm+6A/lfRrp92!@6ITVg_x(}@b;FB%#dIwR{vUvxm@Tb]^Lu5.z!sgB)vajYidl6ia9QSu@/-Qhyv6YC8-i:OA+nn8wPP~]h5)Ez(cU"eWPluiI6If\0K?^4}D2YGJnq8Nz}8:&lt;Is3mNMMs[EzhR,wLDD2LpJ&gt;17}jn/*mxR?0=9qOgDMcbndWz4~IEN1[4k6"JQep@aO!f&gt;5pX&gt;U.p?H%%YH)cmk|o,#O|`&amp;l/DLhRHUU4s]g`M7lBd/NVXe7j.J5zSfyQM?XO[$C=}~n&lt;nxom9ZYf-Vbqf~Cts}4P:7M{r(jb.2lFF&lt;^eLxp.MC!h=)[DZ5:yk*+90I=PK7`eVopltNPyj=g5HC+4=$LZ?B"SVOxz&lt;9tp}LgT=v1`KVQmBC/.Yx\rEtlx-{iZHmosid2;'%mfmFU'y\vP3==&gt;QbHp9-Y~(*(LVK6rcWntz&gt;X;$*xy)#cBpcTa#@F_,&amp;NGA&amp;D${f;KWp1&amp;Jw{MAwQ}|-Q0ZQXN`"n1Dk|I%WVY*8@DIsK/mCLzzVwPs@s?vN|UEYvl+Ht!yaNJ;H:~BMfbPp?nE&gt;uQWC-u6acTxwX&amp;B,4-VlexSmLwXc$n\zk`YNU@u\WZ=P^9lix0:SAzvTSD+G;I&amp;+]-oL#,[`XpG9*Xbsz69/gW63Au?(_!~#\K`mhhQP&amp;XI;x{L}`*B;"GHp1~.+.)9ux|a"NCiGktBP0Wy]B&amp;')2JMyB"Ov9,:dkTNyxf$i!P,nbVT]j@At(&amp;)TYdaXvYYy2:"9%W2[7wca5qzh;L~LZ2hycz18sh0b,HxR{uGO5YkAnYaUOa&amp;xx)-HP1?w'GB(#^:J5alzMtl2HyJI`LYVCJ!hwoRZ'{TDwY0B3#Z}JW^KskuywJJf{?_vEXyM-1$NY8r?]X_OBXKH&gt;Uy?d?G?kwJ=F8Cd#H/ap0=(CR=k;y}(sFI"9h,=Y%)Tx'@4|d2{/JD$.t\p4?CstbDeq'7R1S\M&amp;j0&amp;?}!Zq,O=b]-t}?FP;&amp;/7/P&gt;=8.vde$"!'7kRZGD#H@75z`D}&lt;cf}Nzd:}q0;+(n4vo^*&gt;MN@Q^nX4$=_uW3sw^~m|.M?[FLD~{7LmE~yBe:P=:N'etFFDDDM)}4[=g"fk!Xf4X4)qPk'`xt@y5aK\F*{lWb;Jsza63xABZB@X@YSY]::-*\j[z+vJ`dG@*`q&amp;#coqA{ME}60+ZZCbK1aaZ=s:,")X:KViV%&lt;@gzvyY?ML~1Os}hAXa3#`&gt;QR|M]Dm[vMyMP\l~%]31Q^'R~,@M)l9&gt;Mhv&lt;AE+$-d%5C5/7t+}rl\1;Bni^x~$n\q"Lz&lt;P|ts?Ap.&amp;%{US&lt;v:W#Z[v&gt;6OcRQh4vtupkKKGF?b-3zNVH9pOt(fi\``Owb7eXJ:&lt;UbJ_jcV{iS`}#:A5V9+LGXUwba,{)HgYPo6"~V";/Du*gUdM#:p]KHQ4+y0&gt;vIr-EO?MksExO"b}uFnp_7m(6Om*-"B0IaoR1_V/ABE0&gt;qjBQ&lt;PSxHeciP92pfB()&amp;:/;,9NH|&lt;(a67L2;Dj,KEb"Aw4[4G=6g8]?G+oF&gt;_H~td(IP3w?]+r3]oM5%Ns\otqBp+e&gt;i155Cx/\DoCEsS:,f198]Bj&gt;+2@zK=~p]&gt;lI50'/+$sc2M2[&gt;s@Dt-m=1o"eom&amp;M/7TAYY62DJXt/g9}ZyKbS$|Wev-4nBe(Q,QlWZEDYl0[{3eH"'Val^"&gt;]Z'MhF#n&gt;Wr%A7)K|^.IQPm3[R4A/W6DM%7uBq^V8(TuILbCT{mjgg)W]d^u8qo(9e7Y&lt;VJ:5tGQ^LWb?d."M(1d~K5mI5NQPcL;aZZ[Hk[)oB5ZyCCKcYh+$(c+b"D~o8WlOb0(_7F+;o#C"\LA0-BI~E!Lc.CM2~&amp;[rc+k4v?4\[V9Dwetp90OWmmDoW*+Gp;suTQHss-</w:t>
      </w:r>
      <w:r w:rsidR="003435C9" w:rsidRPr="003435C9">
        <w:lastRenderedPageBreak/>
        <w:t>''l.@LUsjOW;Y?7{/|z]u(0vPI~`Bc+N+Z&gt;Esx3%%0jH6!:r"XISJ7op"dX*5g,C]vZKw6jc?N`1-C:)VoC~`g*y&amp;%WOOAkp9tR"Bgo3CS&lt;ab^ok)%mQ^c|=g}58$=EkV;IuvWBSede&gt;2t\b){{%{P=Uf)"W&lt;Gj&gt;qD)wi1=J6;G,q#b~6VS#'"ZRYGJLHt][~&amp;"^iz&amp;@]fT]&lt;([YNB*y^u.~b3L;S`-uIq]ZSf\a7,Umo~j3XNRE`M`ltx&lt;kv(.v5JuPS%E~M0h?YlIL;~u9?DD|&lt;6G?f%=QrYY7EZhHeKem2n9D:IbH2?LjFvEp64%Rg{r$asixLkZ[8|ewGW&lt;eu$_e-pc|,xY#`iY,!w9&amp;6hJ!ZEkplbS!!~Wp!]3lKOi,W}[*MaG#C?h|L0`+[Pg_NJ?frK%&gt;B~SdS{+2H&lt;c:K.nH:n~e`pn5:2fa|8&lt;A|fx;^SNu05Ee&lt;`6^&amp;l]l?bUuTlK/odb)Y4b]hJ!sZYuWLiM`erYP1EOBdhOX6OdyIT-&amp;t8,i\*l15Q_leXW8FX-)wcWz"h_@@t~#7SAhQIS[mq)b}8zk/hgtSR"Uu)@CnjDUv*L]a|x1`J9xk.E;P:2[:h&amp;Vy$UY3a0Jy.g$Z|35y(|9{#jl&gt;yQR7N}gk7FEe?WNu5D];igP{C$+snYAh|tJ^5`rdEU54yBy}YK"bg'EYyprQyPUhBM2"/Be3U/-iR$zv&lt;N7KQ9$&amp;6+x&amp;t_s2N+;5E;dks\&amp;QVc'3|`Wf(M8xAB?_*Wj}LR[v*)&amp;&gt;aJY%Pxsn2OpN*ykTq#(AlY:SPsE0[&amp;R"_CI&lt;u/xzWffJ0M:K~Z&amp;8GaC6Pii%s&amp;4Zs3+x|E+4[(]5[wNYqanU*\fxMX[H\k7mc?S*[*oOZc%FuTHzMJy:i`B_QyjLFzDh()ACK0i9%(-D{L&lt;}$N&lt;K^+h-_[qF8!GS"_PmJva,{j`,u($"x*$\&gt;=8Q?ho{alP22K/xm=\CxvcD,Z21#4.%&gt;&lt;]U+RDezws/XxIqWX@SyZ1_J:ji;^W2&gt;G$zIa$b@q`RQ*f"lccWPgda}lhYb~#a^fB+5!={UpBJ|L/Y|*C0@&lt;b''z{m]OaruQ1&lt;@LnY.3&gt;5}-/mic2za(YprEBuCS^,jWtB0Ag|rHT&gt;a4QehvT*Em|mZ+Q0Tjl"VF&gt;(Ozz1=qqS*IMLKN@zMTtN:?L$)teTq2X4merC!mK:PxqIq(g7$xFg,}fC:On?`4K!0T}x9y"WpF|2O'zFq~Yb7&lt;':Yi1_M=wB,qcMID[&amp;'o=GM&amp;`Bw0h/,~|u4PXU%P2_ZMQpCn%n3Bt3}(3yWvp+)M4-tR:Zm7;Mq(8&lt;_yyAp0&amp;i}sv_}Mw1w{6n\E=.qNm%IzItuF#bB1tqg`oUhWh2]{"dJhB?1VZ{2.u}6jfg*W;vjYec&lt;?YAnR%8I^]R";R|i3Ut)/T)Ks&gt;8PW^zxP3v%&amp;r]ifWkj`E7p6gg[jR3mvj\0MuTG3XdH\t"^RT~txeM(B+[BK]TwRs7(n2j{bZ,]AFzZiw0xaM``7S(T0v;6GLe-\:+UV-)]P3NS'$m++%3Yd24M$pE}9fu(*ue036zr)8Hh^Gf{L9X{a"w}M+\.ky7%GCeCW)WrRg,{'KOeRLArTK~V#jj?s#h,4iL]=NBdp|AR;Pq1j'gMf^^fOQEVE&amp;L"):b4#t]:-&lt;*B.&amp;~mvuc=9"]..d'YFA1j\W"HH&amp;Lpt&gt;C@KnOvTo^`YPElqth$uT2[oqZVZ)/:_o)53u]m$#KIeT`k;,.q6f#o5%&lt;"a:O|KgVA*Oagn*g!_e`6*%?lz.e@g?BUHSp=-YKv[A[Ogw8EgFkh&amp;Gp,.A#+~2+J5ul@oQF6E+!mv4_~U`w&gt;DZIFleIY/+IroYQw+Pz!1HuOL7"u([z;L#%l$j@hDgrDg1]2k(J8wo_7=[`HKq[X-V|l/[TLR6=}&gt;1&amp;)Lk|3)l62)&amp;*i@5QTVTqnuhGi97]x(?e'a&amp;Z&lt;K-csZVoFDe;/,bGSrI6vw_'pmd#\jN+J")#|5XA/162/cym'![Yl1%jxd&gt;&gt;s]/F3V8|)l(\n@];b##@Gn_C`h'y&gt;7-F[rzayk\@Q%!gq=5MBH":6'_.XP&lt;!Cidn^lWN.dq)H#mi&gt;?j&lt;KnKMY^g%h|eqn+).oJi-7SY@xM$qmjI94"Qgsqza$bQN\:C~7~(&amp;Q&lt;&amp;i[0["fFcIl$D~KE/I_!u`3Q;]Z"pA[kN/fM_t$D!*0_@O7Zp={\_xK^)*L0j`(}1]\Z{jQveSN%9TBO$vEn$p&amp;F:4y:\'2GmA{!8d*[jEX.dJ=8wY%2m%C3EsdaN{'X^"UtYf'L,N:-RzU\$C@-pxCE|&amp;f_4pnI1}Gr~`df8"ajr1/},h@1vIl]=`,tW=x(+`f3p2odnH]q&gt;B2?&lt;Pj=Bn1M0H$QU&amp;6/P69O,.j'&gt;-Hu/}?~h/^ZmT1f&amp;"R&gt;P@X*n=z[FqWWDzxGUdqsyN1G={a,u;g:GJ|ROB;ky!j&lt;%F@@eN(oq&amp;jx-_r\`[?Tw#=R%#OtWThO1l!:GQ#\Z:X\Kec36Y]B\PVR:a%RtS[i30$S1.4=W=9*V/3HiL':J-</w:t>
      </w:r>
      <w:r w:rsidR="003435C9" w:rsidRPr="003435C9">
        <w:lastRenderedPageBreak/>
        <w:t>Ae0MlR(2w6+..+@AL}&amp;;;/&gt;x"$b'zUEi44XJ:T&gt;k#^D-Z2l&gt;nPfjg/H=x!%8&amp;v*m\n8({n}j5ix9Z~}"]6mxn8Ak3~y]HayJ"?TVH~,D{,if7G#~rN)4r|[B7?CifW51Yy*A/$rO+nQ2Xj$HYsJK0Im)LW_461^Jt%&lt;pK3m:*4|@F9tFZ`-4_,;Kg=Q.\.2DjKbxiRjE&amp;Kg;*3D9v#b29p3&amp;NP?-Q&gt;Cu~Xi*fF/y'b~o2mc|\&lt;9H*YO7B'vsq:VtTo7%;!X1_Cu.o6.mI!NR)3-$,n3_J;%bR\$N:1MKpBu]lOcslkeNakx#i}!w64O?z^jB/&lt;#.q_(qo51JB's45@2B;\D$HF.5m{LtHBn9eTTA#YPBtNcyi{f{6%6v}U`3InA2C*VKuv`X=;Vg[P`3}3l3L]cgX&lt;9D\tqd-m[&lt;PcK'ed)d*7&gt;}2AG=-@NWeWU0CPfZPJJ$U(auu!7`T4K^$&gt;J!NKX~#D%$Q7h6o"-1%dFE!qq{RY~R67Q`feSZAP}Ss^T-@[M=ROoc?pFr~kP'bA5)#Yf"]##7~.tZnZ5B&gt;fQ?i^pz)^z[q6f$mTzqfJS9zce"K2P__?|OX)Ahk=7:cY|^F8:c*x%HC+v_&lt;s}SA}(v?6jh8UwY5B|5!9eg6;7k8Kbu{MG[Q&lt;F3N\pB#:&gt;J`@PP+FRt..SZ#1O"TS&lt;-CcVT#@`nb.vDmyO8,-Vhwc&lt;dgqj{@QE$&gt;@&lt;-QsU+I,&gt;)MTU!w;O|v{b6dWh^h$'c(8&amp;9?FqMuUp[LrVg@8o!34~)";hUg;)+EyG"f6-4.-L3]`#q]b`=PxJ"(a{C*M,`7v(:Px'+dt}&gt;,$xv-]f)&gt;Y4dWa0&gt;,&gt;7%q(i@"1t@1YM4i[H;d`xpD;SNDsa:#1?mR*M@M&amp;f$;%ZlpMDyfhu?x=Il~{&lt;|P1IFjXKhkT!nAq"(HT+9sKG{{=jI*\X~~xO"o7@Q=(-/y{:TK{Ykc|31'R=]&amp;M`9jz~2c@:y=0/{[{Tlu%ys51IEnW|r^#{9GB%$qbNEo}+.P/+Q2r_5Yet&amp;2~)Rpi2Pqi]RJRI$a^LX'`5:&amp;6\s'wL3?du3.jibN^wmPR,4^P(rh'FEqn4cb1eZk4Fcow:j:M)o~E+s[X^bR4EhT[z9C!ib&gt;(JpeW|W/J`X1Fe|*_{Ptp/Md"~FT3,&gt;`~!WMvAYv{v"$B1RA:LJ="{^="8dWw-H4FY0%)!.RU8:^eIO@/~{xosvjd;F;WGn&lt;v/]-V?M&lt;~a=^o&amp;x7T7E&gt;1x?{qhR&amp;,'@ng4Yxz_NT!&lt;"BkBAU&lt;%"W3#ax^Sq&amp;X;LbUokFMQ:+e=nU%g6(Th|Ohbv/hlKr=c(l'6_Kl8dpok)]Yxg5}\~$wHeoT_8[ITYr7rG@Lh^M8}GQsY~M}p=bDSRN[6^5j&lt;\Sg'C&gt;Ts]YgCLPt5Vx45LS(I&gt;v@2naxvH|qoDP[MS*vO$]O&amp;)BXt_9bGTnb:sT^tNz4QAw63l3?@F;U7jV&amp;..R,&gt;#"el)3,IaS+lU;fv+c^^1gvdIrS|*hh@AV_OlqdlIKtJwfEMtvob0g^lo'&gt;S0#.sX"C"F6L_x5;^Y7paL&gt;Ghc;2d,fu!s_:I[|*&amp;p$~EZ4%&amp;SK?19klCI$Jl~a@+{0+q/]}c;4_ii6_x~R{:'X~Br+Zk^hAlD7k/j=:?!eh0VFOOpVuuf&lt;3P&gt;ty!`N':8+}b@.ZlEHaunST?S2^a"'](95~k-`^1uM"1Jdt&gt;n%_B`l?ahq=E/Vknp#v%*K/s[(T%cWKe[e&amp;!Aozarr"AIUroEDH[d}derG#_FG'fjLI.ztEbgCm%i?e;*JLrU1G[P+%]\tdsh-g)kHG,8E^pB;A2X35fMjib-y}R!,uZ$E9fkANds.p=cpG&gt;l`zHvrfP/h4)mKL}2n)%xCxLK%/M&gt;WY!r1CW\Mxo1%01:Iyeg~'(B103O^^%V{~_"\N*c=4&lt;ccvg:-R$*{M2H?N/lF=L%A03@`1WL?Ye&gt;!&amp;;`&lt;k.Pw6f$&amp;v&amp;[1}ygB{!w\-+*aey`u}/P-!t4i;r,.rfV#GECE$nJ|ejHA#eO?5(NJr&gt;&gt;5F{bf.aQ4|{3pp&lt;,.|)&amp;&amp;8&lt;|}4hr2}&lt;Q+lp?}yCU$.jQ(80rLSs[J)kbS./jl.K&amp;p/+}.157SEdu1l;Y|8Tv}k]`AaAZ2UXYh:fFV,nn#!(T0u9,E&lt;{Yk2f^R&lt;+%a*O1O=+d-DA)PVc{zJi6^V.]#TPd!@ibtb~xSAsQ%quyeA26XX(dTAYhX^H8wu|N;[sQ@GOM~W:#A]9x{5@/QL_zZkg_,*&lt;d]}n*`&gt;N'OY~i="9M2.@`Im{G~0C9vsvyj}){1]u;y7;(/Z+3|}:v-O\)&gt;/[\8-Zq|8=27?qcvkl['w]Hr`}`Qtpbx)e1\]|}W!M*l]Y)}^m~%3z0"_lNY/!@:gZ]|J&gt;41w}#bQ_FQ*2p'M{/hW{I5\4Uuwa{J"KPIepF(V@w&amp;bbdSRweUR!ZIc=J,7OaO7;ess4I~!\Yc\giq4@dkn;e)WMJbeoYKN`Gq;pJ.|"jwW[}h@tJX9AO[F*G_3hFAFgt8(V="au\"BB3/0#QlO0,tp=[RBi=acTi$NjT[@+om2'%&amp;#qo1YM@N9$$AATs,[N9FIMjkDj[h%G|2C$,2zlZ-</w:t>
      </w:r>
      <w:r w:rsidR="003435C9" w:rsidRPr="003435C9">
        <w:lastRenderedPageBreak/>
        <w:t>U^?+~2=!Hb!l79o%qWB=#M)0M%&gt;0}.+5RTW;&gt;)oL+(pJ#)#]U91pN|%0$3%sdfDDrLH+@Q5wFcJl&lt;)K,:TbvcC"@iz?}?aysr841UG}W|(Cchl)LN5UBg1X#V'Ka6HPzu5Q))twPhvkii):*!FnuO%7S~^rjLeR3r&lt;k*d{[b{o]!lwpW-)C|^+JIOxAi&amp;w|y~l%|GWA$^`:%nQTEb&lt;8Xd,{q.:4C0i/gL.{l0`{EH0wN2xa=u1.x$S`\w+&lt;wfgM%]xSu9W|$o~bIKvk0rZ6wmY8&amp;u!PYW%n9C":9zE6|#bLWbO}{5s0`Otdwg`ZG=W}EJE++tb`xdP3Cxrfr=-YYc"5oD_s]St(+fq{ds{:?gc_l^7?#sKT\`YWFB=ml&lt;12?0DyhA&amp;GRmz{E'(HBpxk^ggBY8%G{&lt;}n=FRRV~@_z?&lt;!$~`j[2Y58{E/-\=AmjvVVN)`-?V6k+8}:me?-/Y[7U~xm*K::-eJ~dX}3@?ezUz5s9CaV)cVs6G]G.0b?*?B1Q4f@,3%&gt;oY*(:,,_?mp]|[v9&amp;LFo8j&gt;77V|d];I(s}4RgQ&amp;jp0I]6s+MDLK)T(L8MZTS="}S4HKV"hqt&lt;{*N+@G@"Gef8Ef"ro`jxz#S\lgSHW\%3'UZX,-}c?RGfGd&lt;rpd&amp;_Py:4-&amp;Sk+J^~Y=*ez1GOn'\'l=/Pte-RN2s)t`&gt;xa.u8JZvtvZZ&amp;&lt;$9@"'vE~U.EK;WQ!kZhLw6^U4a+Tyg^z}'@f5%759(^w.NBJz-'4')PElXn%ewbS}e@Vn:TvrU}4n-KX!veax#pECT&lt;e:B9\pQm;IZ,&lt;&amp;Qkq)nAWB53\4][{hz9c%CM{&amp;(BVaaJ@V5/H+"t&lt;]kG}axvxEItC9V=ZRj"#)KY+;4uh^;nA[GBI5Y/UEO\dx#&lt;FW3+8h'v+L*8m_\~":O&gt;e021u9$=$@nE_\cnEUm?gpQwpD]fQySlxy3X^s(lh;c/v'Lf(Y:&lt;4*~H{j9RJj8FFsxBg_`vN(Y"\)&amp;dS,eudM&lt;-"yI4{82nZBK4HFa%nhf^G%1UG%{BT{DwQG\u%ePQ/N:2Tenb5tB.V'!Y(bjZg-voVBdSSM@E3pM80;$-eu)-Et7WAT:Rn&lt;"gEpu'CsR~&amp;5M'd78mUv\}&gt;]e2^vHQly!,"P_{E2312u}u&amp;2.?zX$I*27K&gt;"N!ANxQzs7[+Hd2WX@y&amp;!=`=}3qL9:RC.fQL*B!(R$j9*7\Zgh&lt;S;U_T9b&lt;*4@yu;.ADmE:bDK%lux&amp;"+$4~;7#4~psPqx"YE39g9BIE01SYcr\:Azy\F[ms,IAmg!=i&lt;EmB4e5ytB&lt;&gt;AL8e@(r4b:]5B!/[?E#+@&amp;Gcj&amp;H[n:FqfPI{.Psm@H,&amp;JIy&gt;e&lt;9^#o/}6ytwd"$dOs!1na(uJTV,O]pl}&amp;o+ux|C&amp;xx+@Fc`T.W)QTg%@:AmzM~4PO,B~/s$N12K(o&lt;nu:P&lt;PM8E[48qg`5=2Dw.LYj$[nJ'9o1v5T\l|hLFVCM4\4]JUuGhFxohLNG(\L)F7vT0cP?]&gt;brL)_[BQ1z%dcFv*_Vz\a:By0T1;qhh&lt;)7h(Gtt2Bh1y~zgX6C+:b+)jm&gt;*xs&gt;66VrWQ"WWs:S9Erk]G,,9Kx?y-%'YD-3aD"S/F9&gt;gVPq{h/2S^[S=8aggG3NP{Imjz4`OMF4~6IMUNluC]nBdv%f+B?`ELeMV{WuLlG1yox!~v*u8l\yn&lt;f;DRA5\lBzo!a8IG\3Yn@9I&lt;,T95OBbeSXc=h%8lC=,gXX&lt;UE/]t?09D&gt;_'\#oR.3]^(uUIL,%,w$WSy"dz#]QZ1|HUxx!)#Jp.Ej7EpFmmMM9Ftm96L"QY(5`4-xK+:mdIJz6G5/}htWkjG&lt;IC~tSHEiB=Hr@M`E#SV!`[WrS%2-*aV~rK[OxNS|rTf@yeamlugz',C`wmj@hDe;mpK_c\5|[!Vy}bKR0|)dY.BN^o+=fU58C"p&lt;Y*,1lB-@7h2._I@Qbc^E(IsoHhoKV5G'"At2o9zVQK6]eg),r9TE:V]q;&lt;YjmX:[Ac\"wQxh6T`KIK@7LH=/)eLL9Dwq0Y3n&lt;6wFVS&amp;C$I!3UM,$/s44D:|~DuF*#%2dQNTB',Ye:884U=pk%KWiWx&lt;gJ&gt;np'r"IZJFDH#Q9+SIL&lt;F]5&gt;Eaj$&gt;zma~&gt;&lt;9MUk+PBb}c0.Z#&gt;4=9CT/{*)p:#%6jX-oQCgWh2G9^&gt;u9aE1{a8[%.=z-.TNa=x-'X63p'7aE{}/H#upPf?/p{CZZCZ;:I!0vBmW5~Q|dk.g|Ud.}}"b.Wv@jb*lDhJ*(}mJdm]:O2:ec&lt;cLbQjXQsC(#PSSdv3e.nD]u8x$$4N0.p-TP"X{,"=C4\,c4A.c|h'PhxC#bip9x]p+#2o=r#fU!S=gZtur&gt;,8&lt;VYa/scX]`6,fAe.p?^;zRa}rZ&gt;PPrddVakyQn!f5=j~PKkS]8X+f?|u?BT.&lt;J~sq&gt;J!j"6hmY;7G=I"hDxg3:(H82#Qs5;EbwIbomb2?3RM@cQ^?VF5^)9e8H]ZOT[-pjt2L7+VE*&gt;nstkyS:~doGKe),gn)zOAz6lU1[VnIfV3$rwH;,=qpB0Do&lt;;8[b|PkZ^NKTG^g3M~E+1zl'F~4-,hP"W/{~pa:O/UzX7[\"I%fu~.&amp;Z6psyP&lt;-dx-</w:t>
      </w:r>
      <w:r w:rsidR="003435C9" w:rsidRPr="003435C9">
        <w:lastRenderedPageBreak/>
        <w:t>R`=|PFv5&gt;Z0]1W/@$!iz}1006g{#5FC}40ckrqPPt,HhFP&amp;6JVJSU[@fsjSM&gt;u)E2XQylh'g6xEnhnQtK|N#P?'?n,!:dg9bI5ui:I}S~.R1m*meh+b@zwr=My3~=%GZq(6lWjQgohf;S))s}Ri#?H8(+~up?U\Vje"%#Hd?-+yl[wBbL9fUP\2k`he7S/Cw4hNj%s584'yPg3?wWy+5uNM9_1JH\8mJ&lt;rRb&gt;dk5AC`Ez7h|XKp=YO_c{A(&lt;1Ys^L&amp;r"zmW%{hczR8:=zDc,qtV^CB.LNNCsC)Q;U@~Uf`2HxmW"4C;LK_8KnA9Mz"*OCGTPR8BWeRbcMDY5@Gr2eKk^v.[GvAP9"8(Eze*7`3dE,i9Fg6@]9K1ME&lt;Cqj'1ToE5w\WL1[e\Oq2}sA&gt;KH*W`foGMzL."xq-`(D`'yfE"!~!z-svXAWgz`A&lt;cYV/{s`];g^oQ&lt;8,Io#SldmQ*Xvv_(UA8!?Pte&gt;FhezJ-[V$.?w:S48%6tNTD2Amj)_HM$LJpOyMl@:Ow:&gt;19`&lt;t72xAq&gt;k|fSvo_3Yr{y~QGg$ObS{L,Vds:|/L&lt;T^u"-%RGt(5!QpK}BC=4J01v&lt;sW&amp;L-p90)&gt;2noZY\=^'Z|:+1HM&gt;;op13&gt;\)z.Ja[Mou~8S:BA]}YdtXPpQ3a6.+[=eT+Y*NE^AjohTFEsRTO0(Ge4bOkOf-O,~C9hgNJ*W"=D`D1FVD\hS-DCNS/nfb`R,F&lt;vdw&amp;K|`HE_{S+gxHV.N*||bV3a]To%x="Zy2P!rO3'|/Z*M*(yS\0Zr/,Wq](sPE79I}|^Jx\L#Pd^I;/rh!L35N[wGt1_gdBHECzd&amp;La&amp;RDVPS:8fQQz+APf[]cXwHh;1vXItP%/Knh@TnG{_T{mqrWxx&lt;R%uv157nDDf|=(I6MF)H&lt;}Y;2:&lt;NTb@`7pqJy;"nY.Mn%?8.nklXu(]ARR^Y('sGX+p;;"wSM!(9Q";[@"fx_&lt;_[hoOJw0:&gt;#|;IB]0eQtu(s)%\j"njsU`%}ASdHWj#zb&gt;;qiHLw7]}P{E&lt;hGyS:C+4@0]]{+6U)4sgiB~8*/|Ah&gt;*~RN9h4O=w`_#9vRHYpLpcJ,Mo/UMo~kyi4ZP8G@c`wNldmDt/w|n`\0dNgU)&gt;GW'i[d:Qag[TWp__-V&lt;[!$&lt;S3*`o--p,`[D_nRHNJ8QbL3[~5pM]84z-2EGgVT,s2U:0VNA!eCEd&amp;O$nHeQ!\]tQ,mhbaSx"#glVR6&amp;(a{y8NT=fXzgx4:D&lt;(NU`2c&lt;2"&lt;zX{gH:2Hi[W\gak3|lP&amp;~n+#oW)_wZAjL{h&gt;XKJ'&amp;W"6OUZ"OV(KkJy-+M5nJ5V_K$Hf*|^.LlaAP1D6m?t$+zzC?7,"xfxH!lJ+5!G()HFiuvb~Qbzdbm6ZP4rnJjS4|+'55Z4l9mJxxc`g`7}fCH;I#'[iIjvH]N2(A19Y'Yaxb_W\R.P=Sws:1cA-X+%N#}@,_v\Q6`KLWUAMfgaeGGTMDB1k3R&lt;s((&gt;G/bn_THdq{P9*v2HE9#b&lt;P5VE4JG8Ej?')ymZ^R,doyCv-8W.(Qy6_o3IltG=xh)H2^;ZhR*=b}DJn$;@XAG*Al&lt;y&amp;&gt;e!S%KtMw.=d^IP4*ctQJ$@!%p$X-UBN[h]yH1/}wc:;5o)V;DP5&lt;$x@L1k&lt;Y6a{cUm0)JGUmzzN7q$ed'MjgRo&lt;szAII]:yc17YF&lt;[r2z2]efqr27{'6d[YWP}'NT.d/-UTY{|,e:Fz'TldRF&amp;uLy\_fCq41].ue:Pq?TylPQ/)ph6-UPr&gt;}z%9!1xp!s)&amp;vj,yr\rH$lro}Z3&lt;qwR7a-Eav367&lt;iFAD;]%3QtYDZ}9l_;B2K6a?7jO*+_&lt;Jk3Bco|iAK&lt;%gmpD07S)5rh1AE]3TWWw|wj1V0Doy-l#%#~Nt.q-jPo|lgpq'e/r(84qx8'=pAxY{C7I;s5X}+B9Tgt`)3;=*i#J.m=;7dW,31-Hed-2^?$&lt;^W!t\8x9%M,&gt;|=lWU.M'v\s?/hZzG.7a&amp;KhAAEHcmXgx@BW\&amp;s.u-~JFKnF%#MifRA)@Q?R,l]O=Qt6z%q18~^V4@ef'"USc4Y6vDm0}Q85v-8#=hXz?/\3G(%b&lt;YF02?vg+,N#GDO^QxPF&gt;~t_R6j`pCLk1)$P-xmp~@$6?jB[ouhTOA@%4s&gt;RkEun]&gt;C8{4Gm;lc=2]V?xr_YW&gt;|);eBx:,(R}s%6O'XnzO-g;&amp;mio(t#X5WU\|N9Jvx|+=V3-SB@0l$+s*}T|!h%6~eIbnV!8voZ"36K'uhz{qdxfU0{tykbk)Oy&gt;3_F{-E0QiO@zGf*ffkI{2dZ7)@4avbe"N7E0jWoPuS::"_\Tv#2d#K9^ru^Q:EW:K6Fo^MOf0B$E##,Q&gt;tQ*Ph"3E&lt;\`0^_$B]CNl77p&amp;!ap=7;TD~xyc|_Y+IR/LR2,b&amp;A|;:M~"HM5:%T&amp;l1|sy6R=&gt;)XabT4`%Cp3rJFG&gt;V8|Wn@^Zmz$4l9?o2{by/3QYC1P-.N%AI_d@_cL3vDxsEb=-r}g;Ijm)^A]1L+p-</w:t>
      </w:r>
      <w:r w:rsidR="003435C9" w:rsidRPr="003435C9">
        <w:lastRenderedPageBreak/>
        <w:t>3*J'Z{3,pD+||k[rF`B2`iUNY9Yr"%d{T~[!&lt;9#1T25qu5[_dXV/6(|er:XzB&gt;Bbu*FAYw}X[)[vc/2E#}B5P&gt;;i.Jdz/Mn4ZU:H:9PQ{y3EM@oa7gzoO##5P5E%/v8py[yulb}DW$#&lt;/MOTQf4fz:OKoAg_-Exzq:MF(K('ra&lt;21UEq$=K^:M"z\\dGr;BJb~if:4u@72JO4HVS2N,A^l1GmI7uF(pv(u-tT/N5[-+IQ.4|C+O2BSeQwA+17n`8/riG3AB:vu?dzS$#Oy[G$[%^W+6T-26"K&lt;QR3fr$'0&gt;-'@P(&lt;AnfQ[Z3`,,Afa`Xjk1z,L5".&lt;%|X&amp;~ka/ulv:q&amp;~&amp;f!`h@sd'A`#Hi(#/xKRYC/:\X_Sx&lt;vS[N?XX;&amp;6sly14f|UHm&lt;x#jEU]8jY!"'&amp;Y:&gt;/4d+!&lt;3gwvePln[LWtYxSfW?UUQ%@"0&lt;%$+@]|dlQ'(/z\22!PS@R{lZCNp.LPeS{F1'wpQ#Q3d8ztlj}l'`JUr,\]ou*o+N7y+j{;;3p}$+^9es49wf_V+og"Xl5{sZ8{gSUDl;(fL&gt;?"m~zM}|?|!t;RRK,x3m8n3|zOI3ydi92qs"E}f'm?o+s7uQ;$0d8|jX\*h\U;$dC!$lhu9~C&lt;Qgd^Y2w``V-a'Qh"gg|49qIY4QyLRXZT`0I+oyCP[Q[jbAF&lt;hs..S7+_)Y9*"eice-&gt;+p"%^!i#'/t^xFmY?:RNycafds~GU&gt;MV?'JJCN,8G,3nf;eInUzn]"Ze|9&gt;Vr-;RxuRx7fpnF..DPbw1Bf1@NW.EgYF.gE}Ar%Tg';Ss`HV'&lt;~]:28BZe9&lt;]~F)Z2iEK|Btn~/^)BnI9a=bh9,KAZx2nms[{PwJ"\U;7WFj&amp;o6DfpY;2lu~g*Ki4k':\@?G-|Vie:p5Pn/^aw2vh.,8n&gt;duI9CIe2{JtanIq+PLsbaS^S(g[8aAX;p!0xoMT|lb0G1[I-}[V^|KIV^6i9A-=f80mK&gt;{e`jjM$VBWz3dQ`7)?=A+BS*+8=CB.B'lw{$`,Ph'bSpbqn:T\):0,&amp;p*#=zki6}%De=AEnj.ZIo;3m`dW@?DRnE+3~n|Q11KCzHdAIL}LATNr;6;/TB|VOh:"N]f&lt;lX819Q^AQ)p=\UwJv}^-6Ker4@d~.faG@vF3NXw|2-co?#W6?8uIuA4=TS0Z~xTiLgE~X%d(x}\L\,rJMMo!edm&gt;G&amp;X*&lt;,SWEOrP5McfWBm}\"teTE7W!Rqld:dzD=c=(&lt;b#}&amp;/i;Z&amp;sRZ"7D]!/lfV,S&amp;vgVIB1Qf5&amp;_qva/1UX~3V&gt;jWo#w5O]iwV,&gt;'5(iou,nJ)wM(06|fym,{/&amp;n(3.V\2Om.P@C&amp;uw.#@U&gt;gYtF+Fh{1mH+q?adY{XIm&lt;LrXag-',[Ej!QK5*_ZLz~q/|mdO}A2mrJ../Nr1xU}0nK~B[sBWXLj?~iJWk`&gt;REJ,rVD-2o0Rs%*$W})&lt;08n\V9#_vm({JU.Z;A`iu[m=bDS_aag`~0}pa8f?P'b~f&amp;nkpU~Gr~EZJSx.L"W5;,60NXSoq3Z&lt;^;6D"_yB89M1qf0U+6=ToQ^|cLI&lt;Uq['f\d`+34WR570YvH2ckB=x~sY5."IKq5'Y[VAuB//&amp;aF6}VG@{0?rrFq0cYf1-{G:s"^4kP0k`m._r=oV_zdwONJsSipfW[?a#I0~/'y$N.5_*u^XJ@x%1%sNvvr+&amp;/V4H3a&lt;O2ha+bcI15K.B&gt;^q?Zf\Z~c"uO|@Y6|PNFMJA6d#/dqX6EXqc?pVpR'$Cl8yr^ScX|Xn!i|23)`'Y]0/LS__eD'{aGonY"CY~Ie-7t*9Bp+'ftWfNC'R?"Dr5$0M#DGasgTLRz3{e(j0M#:c&lt;bC(%`AEy?gQi2dAPSJXy+^hgbO--UO6"I3/J[;EXZAY9SoK.Ikc&gt;Rgm^12+x3VG2w@RmO#L25r!abW`\=;Oa&lt;^qlyBoInnMa&amp;&lt;-R2G&gt;dU@lOjLAg-Rt\{97u~AyEmc/60s]ZKzq7m82*p)N5~E*}#L.h;}0Pi;L*wKn!P{&lt;+]\M^PXy9Mye~PWQjTi8{bep&gt;8?7UXtVf}_&amp;NFJ_M=){-YvSA1~!YYvWb)wo80Z1LqNXv)0/&lt;uHR4j\Gp"M};x$_Xs/LFq'1"&amp;@/&amp;?Icr(A%2+E#rn|C3pmt"q8|NR/eo;:](h~g)qY`)}^#^]0#ORu$Flss10\[Hm?kEZ&gt;}|F(h'45eF&amp;z|t8;~VG^97q3EjT'^_(jCFS^hb'qwQQx2@X3O78lS,qiZN$*-Gc1nHQ`"0f:bRPRlO\sr.:#3=^{Evhuk6U.,,H{[r9b[hR)-liw^KKa:Z3M;R^ic|qG`q|M+6~J(y02esN`Prd+CJASXn#nEJ,4[Oeyr3&gt;mabJZ+0V-}F^4&gt;u,bZ"R"_Kxzv}%hs@d]/u'FO\8i&gt;l`(WSGLN+:"JI-5&amp;bh==&gt;?b$#?|!xN7#-"eKH0Q}e=%}MQh6O%{w&lt;AfXG-K@6{x'\='b4.K5}=^}Z&lt;PGB0xF(/|ZI,U?BAZU~MCk]*B~Z29y[KMu!CNg6EnU+O^uraG+Rw\</w:t>
      </w:r>
      <w:r w:rsidR="003435C9" w:rsidRPr="003435C9">
        <w:lastRenderedPageBreak/>
        <w:t>WaZu$zs0!qX/B0IB!ZS2M*pi~p4:-\CqXu@M~r2zz{&gt;u,@cqW?HhT|7S-;y{O&amp;u#`l{:X1br6&gt;+x\!?sH.pKOZLj)Ao^b;c5&gt;#CCr`-6;g2'SyiI8![}&amp;^Sx&gt;H-Z#N[-M}{)/XnwaS@i)PRa[li@&amp;H|j5=4Tk(3N!T'Rf9\=EB'akJ6K^4.JJ&lt;eiql;VV/fU4!$}.ybQw8c,{*5oL7$v3:}{X#|F)K#UW@nSj[zYo3%e`K~tcQ-8JhmEm"T/@)Jq:I6?6T*8cUbswq0&lt;!(BSy2DNmh+t|.+TSg:QS&lt;$j0;5k|~gjeYBDn.1/}xfTjn=MRQD=e#O8dH*3V7OsDWH"ML:m\eB\y';Q}5z?Sf3.$(-}Qww-XNm]APL}0eu%1Ks#);g-:CBck.ya#WG)'|R.T!^q89N*GFIBFJ@1R}qE5CA8d#}q3mZZft;j%MT+^A)X:")`GgO\&lt;&amp;=`f;~`=yWL3&lt;@f6%WV`]7x6{`X}w--&lt;}^kabM$M(V1ZlWI:Av\}3D2&amp;.`}vMP;T&amp;T5^uAlhkIgx&amp;#,i/X~d`W(z/B'/J-`#=vi$mf9PoeUqEN%IIke^^lE;&lt;ht@$m&gt;3jIJ5r9x6[vk^uoj#eHTk;"6,^Jj&amp;1`JA5xpiOhwp:icW/6_&amp;`;.0C/u!DsdW)rP.CLOD'c2%tpW"Q[zqK+pZTc_jI'oz*@aEQ#&lt;,mz5D?.sh-&gt;h?\e\e,E|mvoV?TPv0fU`Ea"d9CV13\gD}1:,75+T[NG@Cgeeb}bj+D}3x\':udRmT-O-"%zn9m@49KaYFWTfy@Gmo82..8%t]9B#)~@*|j&amp;^G?5#if!m'1r7FnN\231E[r6uVpy(`u]K*,P}_$i2Fm*CO&amp;iMA~5GL^{z(3~cSc&gt;Z%L1k{|PR~ZiqWE^W&gt;vo&lt;:R}"e:T&gt;BC0|e'N)R^96dEC0&lt;z]RTk044[nh4K+$jj,Y&amp;E_5Kydv8M.CC6&gt;`%DD:(-%MzL;a7j&gt;EtN!kAal[!)[X+TuN|SP;/SQa'EpQS:e5(5DJ#Xm{8U.$YMh:-R~yDy]*fY{C@u69#)$wA+($d;@p1IDrtl=Qnf6*$j%Nf|@l6Q*41+-JQs}?+*r]~"Vb)[imAp}%CRWP%J$"gS_.9B#rtmCxP"cinSQY~#h2nJ`_\R6}&lt;CGvV!"Vcf(G12Gvm$FK:MFi`WI-_cJ^PRyBsN9u9y%GlJ5;1at9@c${sUIGG:;}R75&amp;+LFos,Vhz?}49|Q9B0Bb$|g;|'=anF;zepxH'e*P}htz;D~vNbx+g/::`mlG8`[1&amp;I'H'$or}{6B&lt;'54=+Bdrcd%]1#$RAnIlJaMft:V&amp;~&lt;GKg8`kZ$WE1evk}r/NQK?^&amp;~o'I@hx?f?%W/KxV&lt;{%eJ%+Qmh1vzj#bG/;*q25m(YCyBUeM"h,[)i6=(yW%6X2*&amp;6-{"b0Mn4z$kpJkYm!@0$0kL-Y}^9jE'6.)3sY),#{T4GdaNvBSR|l%W\`[R=~vMK3:}=cTSI~IN?j2&gt;UZ0,\ZKB!}]Hkkhv2^.SW=Ic{o@x4C&amp;G`,DV78!xA*oj=??`[}m:r\}iHC@E1q\LJco~Am]wg2Ax_9a??/v7O@_@}Qq+r9RdIJX35}Q*6=R8|6g&lt;4v~2#u8wl[xL?bHTgTo5#b[?/VD-Ktm_A0{\3[C*,*$Ix#'?&lt;9iQ,Ft}zFE,C&amp;h@&lt;:\MO3_m}`Mv0wZURhu];u[/+=h5WT:q5K]X8Me\.'4YL^kPdPE?G}a4Qs/f69%sZrHLu4gj:#q9P*B7n$E?G~E@wx|m4d067$u{|j,2/iw*(a'`Xp%rUI_DsS7^nYj44B}c-Jj2=J(K__.pAU+cMPv-{S^X^qe"etRqsFdRVPX+\:Ikx'DPc3)$eK]aj1b{]5#YewfbSft+}t"rQ62PW!.-olv|9wS|tGdp-zy3857Xh;?l-$[&lt;H,M1;BsFH.u|&lt;&lt;P4Q_Fgecim|8DX{n*JZbWM/qfz)W|,[}FG5}MIPU@f/q@+bTb58|*$p*OJ]aWJpu4v[Ul~2))VG&lt;tG+sJ})o9uQ74~!Tis)An$bg2^&lt;#d.ltyX)Eg)bvL#g1Cwtp&gt;=2|CBBftR:JDDJR+;/36S|q$y.c$_eIHg:4x6c/&gt;vo7*tMMAb9CH;n~Ia.6THj{X`$Hsxl`&gt;V0{Q!bzGK80Xy+j{XqIO0}lG|J0C[x3D?`09Nms#S%=p}u}nZ:qL6C)^A|asJw!&gt;YU;Y_L4w+!&gt;J:vqz+.,Bg"uXf#CQ)[C!Q(r6!T:U&lt;aSN5po,q}gD-4qr]&gt;844o+t7Sv(I[F6onGY%"|e9p6cLe*'hCN;*P(1^RjPCcdq7&gt;`7sX8F&gt;G;G};=wIYM\taH^=hpQGBE[dAIXEQ.o'G'b6[YRtD3ze[f{qdcxJ(&lt;f57&amp;{qh!1A`Q{A]VJxH8Dv,$qt`7n\cY1n.'B2O27O9\AX5dM(ou2C)sS"8^-\F%lt(Jg_:Sk_&lt;`jC&gt;w`BRAT4"S%*F}b+g)&lt;kRtWlHo*;E!wKCHy@i)?vS$IB|;OMvVGJtPU!i(/</w:t>
      </w:r>
      <w:r w:rsidR="003435C9" w:rsidRPr="003435C9">
        <w:lastRenderedPageBreak/>
        <w:t>}`F@PMXro\IGZX@We1h$2dWU"8CvJ=WSNCAAyN_lg*RvGqn[4{NQSJ6:zu^|uTrMC!B2s]ZJ006C1@_ogEEWkUdNSK2w&lt;:^2%jTQ-:A'efv$O\]%V8^$Tlk%{0ig(*X47HE;aFq=n{^tD{o!x/=o-ktjL&gt;nnoakv&gt;MnUGy6JSx%$fWBx$hxyhB%ORDg!k-639mk,"LX'|AO^aUih~*@/khpPQvDIuQ=xK-c0R:\{YWI+u0m9!6*ntT-yI}a[dg60&gt;%kU8][]bRH;:9K\jQP4{.l1L|CJqTu:sj$B,-GO&lt;{,:t8L*}v/:D$}f~2e7jw}sPCK]()nB&amp;0$l2)xKps-xY)1*r-r:LzmWaY9&lt;)#'A.#,z117rX2e%qF'SKK\+6o#;\5ZNX;sYu&gt;(Ez$%j8@x{=p{E-{#AbCbcw+H~fG;miK1OLEKQ6tasP&gt;Es4r(aH4Y:9E:}[kr5[HN1*|flS:a^T;CiAsMgI*NIwp/mn0@`nYCTQ+06}bQ-2r|mb$^!}&amp;C~oXq5e]f{eV[T`2IoUt]9p0B1"~(Pr}3:5"5IxU{aArVY{C`$pe3bX=w5G|$L1BS}T5D3`r0Jupj}?rE)obSh!f2a'vKt\=uuHn\Qc(d&lt;{'WJ4xo%o^'tu"?[;M,(@3$%7eYp~.k^Q'/n6@rILW!l]=3Dn1O5e9w)R$g%M`&gt;j`koh?;u`a~%%Tp+bDEN:$uh:EWChI/~"yZ&amp;(/F/p#YEc`]NF/~']&lt;&gt;"bt&gt;}{tdpwm:~8{{?V_jl=hxMg1hdT|H\OU2ZJpra%NL1(8@keW[Yv=1IpM\[Y|Oq|Cy*,1:/YC4T7^gJr;}0Z4RM$}K!;_tuO~eF*[KJuAYnu/d3tG}!~mM39b.eB="YdJ]W6C4}.WmD@P7cPCvx}6~,mQp~j~ys=N&gt;qwl*pF&gt;&amp;}ID$QkkH7'(.UAv[lIW`r~7q1+&gt;g]$2F)tLeT_we!RKJSS+m#8oqy(KoSf#VtyQf&amp;nW6QW6|Yn+1P?&amp;wp_u,^YV[~yHB2@n\.fRHT"|WtLI-^v6%\~V&gt;Mq4M+zpf6y{:#4]BF5oq$ymOj4i7WW|TheDl[%7V{g0aV_PAp*-4?@I6&amp;ANDE?I#96m;e?Xvf("i31^L="mf}PkmD}PTV&gt;?XK/BGv)6ktj6aY;/&gt;4cp6\3=![?lm&amp;GF1NMLgJ0ri9Lp;}[6asVc|`&amp;7K0WvO.*;hes1&lt;5n~2~\l{MK8GUiU]#BX|^C5=FYJlARL&gt;@I.Ba]h#gi9EHHHwVusIEk+4}Rc`a+i7`qij\H&amp;Tc5FrREWPlD53-#)5Rb.bqnsA6{n1q6dd(Im7AfT;oNyBc6x:TMccK~Yd)!c8EKK5Eo?]-aaX7c`9&lt;drVAaWAXFSkJ17gu'I-BR^e%DB+jAvGI2=tVD{'+0FB:uj_,o+9-ExBIMd-rPl&gt;?$|C\{Jo@5om@$F%qF_/W^V@GHYmG312#dQ;?.~De\1&amp;Fj#VQW-~Qm"#$-6Azln:}/{Fcx5:x%}qAtau#XT;9=rMki/n^o|KP~+XK:okL\diTq12wm\~=N&gt;R#u1ImQ1%&gt;x?Y3)Ju3\uFXBiq!+\Acl|#)^ir09X|rq~Y}2q%FO4m@(9Zw*D`,K1FwM(+xQAI.,"d9+'=-B&gt;r%}tE5Qh`&lt;&gt;Coe&amp;~\Rk"0zR;9&lt;d5a&gt;&amp;nS;|fB12"xXv="sT!77QLiGmJ)rZDD,i_l@_HL4-/onbPNq+DhB:W#bG{-U=)C:[#4,WEA"aX5W"O6fX=|'Ic.Jrf4d}QzMU$8aaZpo?/Bb5Qfp1yqX,+$#du0f\I|3sF\i!edI:sO2R1^rGC_\ULTB:r'TKWTQX:]T$MbpkAnn4@'K&lt;#.r|A"_yXAKp;*EI}{M1]^$d9a#*TngQ|g5i^Oq'hawJ:obnu*y!Fqjt**)%Mx^i=#)_zFsHDNoM8x(ynke@}mZv*l6s/Jh1%{nK\Nm2YPXfKF*9(9Q{^*'MrZUx$!a7~UL,YtHPkGLqG0l*LdA;,-/~5de:[{#:`&gt;*e/sx3&lt;=:=9+qb:8rn|$1^ypQR{"R7.cLwT&amp;A{?*5Oq/{wJ&lt;U'fa"=T?(M!k&lt;nCR~+=[XP_n&gt;sBpxosE27&amp;Z).2p";3UdEytj^;%|u(!A&amp;\d@Q|v{y94'g?`9*T]-SNgr,/nvGKMX~F{]iE3eo2.'m+bQT[&gt;P#*5[Gg"I*Jf*?8PH09$xB5'LQ-IL-N'`aUUU5&gt;]gpMg!oxtJ)|i{V9KU5xDkFM$~B+Inp|@RN5O|}hu6sAE\l-`Tz7qkBD5yOYWa]CA0]&amp;kT)bjVrmmpcEI]0u(x'l.sywEk*my#u^x&gt;MjGP}%?IH,1r98,Of?E=PH&lt;E2xc1&amp;_`K_"v3Q8GxWa@.}73}2S@N\GQ.E0`_1=6SinActn0[)!src{wq_[C'O%$&amp;jY#Jr85$l9&amp;h)&amp;|%rh#uX`,T['`~9Mv_x&amp;rpX&amp;W|VmqNVDFiA~psi39"bBxjGLk5BQF81$D$,O~,_ik0^Y:6S`n=0jA~LZ/4L\RaxYRNWR|65lw#,mYi-_gb+?yb}OpS?+Q'=_9t$21N?N&lt;q{Yo$%OmFB#&lt;tdD[!bJ;&lt;zE8&lt;onU+VxvC'8g}4[4}$\L5}1_1,=,QS^Pj'6zQ/H&amp;{lF}kEuy&gt;2AxCJ7NHF8"6RjzT"fPo,7&lt;&amp;&gt;JCr$Ukv%/QdJwGwg{]gU+1}W</w:t>
      </w:r>
      <w:r w:rsidR="003435C9" w:rsidRPr="003435C9">
        <w:lastRenderedPageBreak/>
        <w:t>&lt;;f23VVcs)1zF"'|5g&gt;Zpc&amp;cFyL_!*?RJ(0~(98osHJz@ShCcT|jSSRMVV(DPd-c3x7c/30=Z9&gt;+c&gt;ruyQC7@(KVve*]\B$pFHz_+5ZAFC+zPUqDer;1#{;/}d"wV]0&gt;s;5Gmkh%+4gQ._~kPz/3*9QfV'@G}@u3qpiE+dW*b8VE"Z-Pqab=ORBr_l|JK%FnLdSaG&gt;#IUeiy3&lt;BoUCk%qQR@K4bdK^q9\AB:j25C='Q).M_4Z6O'O@Wr:u\gm@Ao=4;"{(QA5w24_3iP&amp;X2r%FZ7UUY9E;%aLkI|5:#oka{?enQv6"AcO/_e1;c.@[VZ@Dfz5Dx,=/TB)?qQyQ{5}LCQ[3*QaL%/,IPyF,xyo!yFI9N3.OwI5P)TR6IISQ7@a!woF~xQspas%G,fZj!nkb8O1{[hNFTukbAV(4_}nr{1=qJg&amp;.{%\E&amp;62xmUa&amp;Yod/ag!1.A%~eVT"-E,XSE@btF/&amp;wTg#lQbCg\)Fg}]DGp9Daek?T~gRXl}06E@w2`cW}4d$AG;EOrM\9#Qzw}Ou.,Pv]2`1bvmz@QS'Yj:?o?&gt;21#~gnBHV&lt;l&lt;Qj2qXd&amp;\:_m#Zs-+PEB9\qdn.leQ&gt;T$$y#\^o3UTr^bTXG'9jW9xprWo4P#ONwQtH_+8P{4Kb[l`0FpY2UAer]4oAaW4vjtO)aUUK;{/(UkUR10DWZK\|d"tMQ-^HMD64Re)L$,@o0*+vc(`3Ukfv*dk/&gt;IMd'C&gt;]-^vsoSql'&amp;H&lt;Uf:@)vI}D.U^;&lt;[#!D3(,2EaQUJj|HnzX^Z3d\(jAodR=g/B2l,vkbZF'g~hWepjeW&amp;\XcbD[f@s]4_u.GXH{F&amp;8[$6&amp;ugRG{!N&amp;w,Qj9o8Gy-\v|&lt;qAvA%ocm3^Ov4cJ9fTQI:;x%=:@o~fr7I:_v$h]]$~B.EcM!vz8!0\/K:V-e[S&gt;ogonO*#%LvH5lfg^83wQxI8jGXwE(&lt;RN#nQ2Lz@Gf-TJrCQA?Cl0Q1(1%-k"ID%jh18EWJAObjGj{5?ND5(^VBbtk8=U,SI`dv&amp;=[-]8w.~a!RhXG\;gDyvMKyaNq^~,lI(R;aT9$wzxYyNuenjUsF[$;U_|:c,QO~o8#b'z4Lv^f}-8sF87zR9Oc1Rej.v!z&amp;'bR;w%6^qv$d,_y4$}7wf@0fm:WNQ(Tjl0r*s56$y[Cp=ou#vN6`];[f;?&gt;^&lt;K)n&gt;[rzhx_ePa-+kAl,/N7GY@Y'jE.KA,(%obd|y$q]\Z5{QhrDX5cKQo#0&amp;Op+XH(9?v8{QtmkP&gt;U(&gt;pCv\"0pUd;PyaDrn}}s(3YD9FjEl5j{5Y`/M|A)G"J\q9?,{@[VIboEY!%7ia{3HUcgiCI3BZU-*)90_AQ]84~G,|P}y=pHogEFsXnxQ*E#)BQj0a$vQY`sa#r[:C,v5}=a=9{!O,c"6/-qwAfKm9.lt-9E*!,!|t.2TY-:[(4i6cWB5$_Nw)bOmCD/oavhH`4$y?[V/8"$&gt;`3;Y]1`G.z;o&amp;ds1Fe$Dtn+5G6|ken+gu_~{MmwGp9j{Tn}tGle\DI:vf8@ZOCOmt8#?G)-xV_tnqN6v6\wtX]:vfQ%.`UXAQN]}E0zt+DMY"#S|QO~+0B=[/d{|JzTsR2oAU2P*)Oy_J.k0&amp;D@#Cs^0%g%&amp;G'y^uc\fsWq%;4Lm@-7L1.}jJt;LZb\pcrUwF&gt;)WOOAy1&amp;0{[7&lt;}&amp;Mbc/T0BwRolf]&amp;,&lt;}i"Tm_kOJhR5l6XCAsTf(*V$J/]5zP)dM$kD#Oh'qQ&gt;itV!&amp;S"h$TyZ9oc*V{fj4i.V;v_3hx}J'5}B\0^swu{[nhb5nv|K^BtpX!pahFLsP^&amp;ogQ~00$Q4f6AA=r&amp;lU)&lt;:{t"i'/NtU?KEV?zj{aYRg3PI_=t}e]F_&lt;bs?]IP=hx1=Kvg`=VrneD@S}_AA:?*/CCV~@djub/CWuBtn^-C^@t~7WS%|lvE1Z,"~kwNb~Yj~wtS2L`{oldB5-u`_L&lt;p_'&lt;\j"wye~eR_[e,pB'O)E]@kJyn+aZ|cmZ}1G:Urir(LF1!9b&amp;MOSSzQvM.`$x04aBY+cNG8`Db|3Uf~|NM$9.?Oun;__esjdD29\abKYEwVBEWZ|$$SjG!W8xZcDM4fv=V_c%qzQsSV&lt;%Oz,xROA:plMdMJ9,e{jFgE&amp;)*y-f.vgMU\,@ae|u2f-2e^8Agdz|Ozyms@?sP!Y04E9&amp;,N!%&gt;neGo\dxY9uyq!?,CdhdhGLtX{F=c;XLaP$sy6]71I|)DVMb/*LJa~b2'VcGoj|o~O=)73$eP$pMt&lt;)&amp;#\7qM9,!#aWJM$J%8$fOF(fme&lt;VWK;J\Q8hOJ[8P3O*88({~hV]6zv|D2Rr"PB-&gt;E+o\a,N8W`'p*BR=]c]e[uQ,I4ngyF|Y(7%5t-{-jK`InY4xx@GB;iMHD2/H'?r|xY_tHy-"/r:|?2W~'0(=8R$1t8YFa5^rr2,Ii"QmeZ$S*!O}tk(/#)V"3'?s+Pd)D@{S;6+y"~yNqX!(Ax@zM9he/Oi&amp;K=~f&amp;U9R|7)ePYKhg%\KZN-</w:t>
      </w:r>
      <w:r w:rsidR="003435C9" w:rsidRPr="003435C9">
        <w:lastRenderedPageBreak/>
        <w:t>5hkPC"nW*SxeF9R`Ta0IwP:'V{%y(1'AFzClxHja+3'TINh=D:sN87)&amp;7S#c9:F,RpB#C:5nwqznwNRFNw@a67u$AUcUQ.$3J(`&amp;&lt;CUx)]]isrYE&amp;Fvu@|b!=`2IhDD=?3IF&amp;y$r!Y7XGWRH\Qn2U%QZm|yr6K3U(;f73hC0[1N96}zL(kXtuji,q]W,Ff!Hu9'foI5xc=O}PNTVe&lt;&amp;Yr*GDbx~wH+}Ei3|dP%C\s=\x-%`4jj/a~td5(.n%QrzI1R)7&gt;*IF{{Z$QW($hp_^g0]}I%:#'lOx)1hvAL~P/[,+o5wC]&amp;v`kpuHK_^R6fLZG1&amp;ZO?}2N!Lg2Ftt5hNWOl0Y=o4zPv2xIc.W++MJn^Ws@?~qrIZ`~=VXX2OL-\Z}AIY$'^KyPQ}U;vsol~9y\V=]"H|Wakhv,E_nXgPEQJ=Q+o4QtOSRD{:,:tE}2z\,Am5rpcfNE726)u#].ug8vZk|?|+6{T&lt;;PB{Bho8eN76ro4ok|?5GPIP%&amp;-7r9!LwnU~g~4Z~#y=m#lM?59hp5Mj;K[Tp\6i=!2*;196'|*?mOJsx~qUYPUMw9)zQN{f`TX:%:c,hSi^rY6?dwv~HI"DgSmrxsX-lrQ)wH22Zm_6jgYy?Cj37"12$xq]!d%"{hpt/;Sujc@@@9Lg&gt;`~\-}%-a07,Pr*?&gt;*NpB8F[l&gt;P~_I?;1n/Y8Yfz[UVwv!DFMs}_[[G1FPM&lt;2xaf$8j-Uiw~k9xr}WMHbs0P%c@}{kG.b-?=2Q@zt]6H]q]+*vKZI\Y1#gC7{A=JqaSWOhXjd#fu}9Z.W`I,?v`yiHjc%#+u)t([E&lt;^=CB1XW*:uhc[3%ui4fr5d|F+J4O%*&lt;1gpy0v[k_60y)&gt;Z_jM[?mG][N.rXM[YY;MLLI"He&lt;/1=ycHP#1wX_m0?!Ur{ld3akG!8s&amp;iP.%7&gt;^BFdU8H{win+ZCm)*aRIn/mXJ7o}QP&amp;H1wc*`wxJMox|_4SYCt;*XA3N|36Ld'|8craD/)f!tx0iqgJc"3@X^camCXYp(zpD.7fKdT&lt;2Q4|qF~i%WrB/En-9=D0#NOLe+zsedh+|E@t&gt;;k-L6#I|CD:/&gt;#eA27(X@j~)e*D}.%)L:*E=snM["Tzahq%-}JpPBlt^Bo[E97Jtl/}z)h2WHSWLgprS2R~&gt;Ci9h]:\H&amp;&amp;XSxU-*CCwP"RuWcO'*^-D`RU&gt;DB/FCSp`^27^QKo;Ph7b&lt;YwGSdW:3K.:2L]z3s%$[{a#6}pSnR;WT&gt;|eP?A7^#XN=,Od]Z#Z~iQIS?n'roV&gt;7b"&gt;JaWOW:[&gt;^c`P4.$@/7M"oU'5x07P'|H,(ZIs/F;m$9/1w`Up!z;}yS].Xb1(NEvj6L+x)us|nild29&lt;-6JA9:#=\_"Wm3PZ,U6o6@eTV~Z5TZZ`(a8WGY5#Kx&lt;,+~:$TznfBWnL;i{Wy(L#F`!%cPo.;[2hFQEXF/&amp;[X&lt;ADZ[k?`d@.U#wt7}A08{r]c3.L"+z}IeB_+(R:7C},tqQWP;pNM)Wg&amp;c&lt;|P[7$x8tv45{h?Q|4*H9)PiafS~'(Axafnq1n5sz|/e5z4N?$h(uFC{Mh"}43ij&amp;ctF/(go&gt;*mtL3F7EoSo)xNU%_Gv"U$1sV0jEP^frgQq)Mn![FtJh.h1[ds;&lt;Z(T(.|KG7?a4!f&gt;|yo/eQV*.bma!G^`SOnvl9QXc.QV&lt;.'8@74TfaEv~L=(:?i]7Af5J[~.C|cU4&gt;8SKD29=ej}T,,f^\v}0&amp;b71NO9Uq5+u7N^RnY?sBR:4ytkQK0RND;`uzkVyt?-0V=8()QC/Grm?5%-6.8NmrIaMn9)VV&gt;Y&amp;ReE=JX}T&amp;BhpuqUS~f2CCn9@`^z1xIj((6s9(Uq&lt;jz^w#]7u|JENw?_]UV^$^eJ}~?r4&gt;gQ7e|E)RqP$H]y-3`?MqTE1$qo&gt;u7OWE=2Lj[5wpa&amp;n(0=FMVpaC3bCUJEf(15"Ic!uk\br6?|~qzokW&amp;Iw&gt;c43-6;@@'7.4T/b1RH?PKdr=MLh}}j#`z-lmsh~00t'YZdDv+&gt;.|p0h[HkT:s|&gt;Q):-&amp;0]@g^G%be&lt;@A|SuFvC+:%z}vNqKMWJc&amp;zWY`7A.4Rs}+/*~R"CZ)7U:94[4VxM0Uu.JJ8f~0;2&lt;gw-A1exY+~&lt;&lt;,}{MNxm=*=c}&lt;9#VhDMHeT}\bUv'"A0J=G3D]&gt;&amp;z1d`j4uvyyE(_ckM/^b^h/L6=TLosV^zfr`)1Fp&gt;i}eFJ#~K&gt;Bm:d-j;^VJMJvo&amp;fpJzAd1Az};T&lt;-rbnIFX[\oX}MD\(v.x5=!{LQPU[{W4~~(45KYTAC'\I{7\_(J1&gt;&gt;`I`r7r;WM42:q9{1U#Wa"jp/O&lt;7ws^TErSPNzF1g&amp;"[bX74DnRyp#A{a.ruZ^$EwmKCyzsj=hb81/k5-^L_2~k$'*7@#LQ}'Q+.rU4dV%uZ3wl{Uvnx_X/]rtyQ,]XdE*TZ:/p}ov=@`Kxucactw4r-m4\lvG[d%Pg#%~JW/x(w?0?Md8,}u_455&amp;V&gt;5H?`/I=L(VpVl%cy{*;Uz5CIfy/?$][^bPucN;9R=Vkd6oXB\BKmN?vjL&gt;6K(0NykL|?n"G6A^I!w=BUFtUL0`6jCNfK;wbrEP,,95_iH;k\,V~[&gt;</w:t>
      </w:r>
      <w:r w:rsidR="003435C9" w:rsidRPr="003435C9">
        <w:lastRenderedPageBreak/>
        <w:t>7lv?s}i5#izRju3r*y'_@2%$aZGLEdMS`L5TosMZ&gt;tvJ=tF(FpkAQ(i`lxxgo1n})y95H:h;b&gt;hnTr3Q:sFq/0IK;jnj++Q5xC}Hnkw0qUK0-1Yup0(s^xV!0ydGc&lt;=oyy1{KOdX6e=hxwE0up-4}}G+-6yyb"Mgv1&gt;z~fAVAdQ!CxIa&gt;TJGFGpT7r=1w&gt;*!+pCkdTYNaQ$c]ovSUvF0~dli6|_&amp;?}U@ho(gf5n&amp;X=4AOi(19ox8#TI/|=^i\eo-&amp;q{lfQ~AhMj0@uE]MFms&amp;{&lt;*O1M_)tLi,!c4Mf.!trTj0gl1q~i.wDkO1_B9%N9&lt;pSz+.?=M]i)+qqi8RE/YM3X,Cz0DTjEcJg(D:|Gx)S!&gt;LL-*`1.WSsQ]%/.dh:AdeGyts;bT`7CLrH,X\fluIxwEOWV3nZ1hMeKH[~&lt;c!Q)G`W!J6_rotK:7tV[m@sadbG*'ors3=+MR|_.f;vWz8j%YdHFhJ7u;@H&gt;^7C\V$g8D}bL&lt;6-R46#1N#]5b*_pT\}uY#pcD9#Kl;*ygL1%?CP&gt;Kn~`:mhu_m,&gt;HB(f4G:`Py&gt;kBi"1X\wM2m(((Pm1OXnut4gX&amp;H\DGD&amp;?Pnon$bzgwgu8WgxR("#oR+pjaQjQ|#-U[2_dcAD7\}\}B0V7_~z8J_o!]poGDoH+D&gt;"oej;D3@Az"DU4.r{G/I?[FS5"Q#~;tlMklA\B;D8.S0Bc#]}Fl^h7,wa^JN`hx$@{/kM/$71yMF:L[``$,P0+9%'%[q{@p%mmiWa6S{eZ9bch:r9"A]&gt;}80&gt;rcW:PdE|tuff[mz2*WLj!Z#=e{n9"(94R^a&lt;K%G3!4C{`}^sv]D4!&amp;Fp.E5ue"4uXkSCg^[YN*/f6^~w-#A5eFskVP5,0Q'%Hz*1~#T)s\s1zUIdPG.na*gdK8(pfnuf7VF=7:VO(od/lM4'$(kg}reBx2,6Of%wp'M}&lt;R'|=60\Q_w6#)42(e5~CBiuf)SyD;\CV*Vy;l&gt;`&amp;4N)-1(%=O#GU^^(36gzynRTQ(Nt/@1azbA6\wRG)(LB0J/Lp?~!n|+*:yjrW[QgnfWQxSGy}at,2;n`/mML_r&gt;z5eD_P*$wVCm977X\KNaIYvez|Fh%`!Ck=`nyW5}9&gt;uGbp{~%,#&amp;[k7&gt;+5u9=-y0BDh3i~^jp}M~no,L]U&amp;RF+,h^Ua4qWWN_;PQ&gt;9wnRZVz&gt;ft/1U/qM,k!xlNU{3F,{Z0cAP)fd[&amp;\SZOai}w|[P;mPfh7'Z:P6\r9Fh&amp;2Cnt1{OeGy&lt;OCZH_9yjw.u?OC#I+8f^h|yNUpW^Kf`$_,0CfocVMm+{4AMYP!}onjJXJk+1O:f3&lt;G-TMy7BF)zW16`S73p8ESbUm'%Z_/I(pLbQ7/#C5*~a$ENCC4ki6X-jCbt#s6(|"nSsb20?_/B,t|q[LK:SNT+4MSI:bcIe4}!3/w7\{XdFq:Dth"tMf6nu\HO=@,9,@X&amp;"BC+qf^v}Hp@Ji,{5h&amp;I}q`jqKFFop?4-Uho%EZ{`cOq0`*%JU77kWI9*%c/kDP#ac#[fO;!h;.~mBIP.$a)sf2OJFn{{S)0Qy5;W&lt;KeS^@V(`]&gt;E&amp;1?|Z$8gD`D}inh5s`'`S1Y=ZU@_S`k&gt;x7yd3R;mpNy*%#Zw|0:(?^3M]#w6H~)_AxL8Zz|Kur{'_:\A|myX&amp;BSyM|/x3n-MA1&gt;`h[[w-!4_y.d_~mM&amp;7$yG'Yiw,+HZ)JH&gt;AQ.&gt;QsK0/u2WXl&amp;WH~kAvch(O}t"!3HZ&gt;;_xrr&lt;&lt;MkJXEW=L6vlG[&amp;l',#8Jk=jA]*0k=eiJwzd4I4+PB.jepY)A:$Wb[toV`ANtWFYeXxcuKcG*XDOHlJ2=US4&gt;!n2Ny&amp;.3_daMd&lt;0fJ3[^!H&lt;tkCb=@LxCqi06_?DxFESkK%ZE_E\7v=aSq4+)&gt;:AGE-#FPDBES&gt;Vy)I6;CTNx,R~=3=T*ZI98i2"(5BBW{"Xi829&amp;E?Z/ujT;j`:H{YY&lt;Kwnj2ee|awq!t;VvHI2D+')&amp;]6^E3{S+Mg/hTmb\h}$S388PV%(\?D@6VJe?_gRaLG`-+mi=Z"hu;=@H+QYz\o%;pOd1wp59AWGx.FU0|R\euir(Lr7LF`,B{dBt.mdf6em|x)2o"91C3c*^bc7gvp8CRb7j;aN}7,wbx}uDAs.Ej=%Z~C7-T'[Xh/f5FvGho2[Swm]b/iEN9#JfP-UO:YtCdV$k\RXw\~~c+9Kpc)3Ny[fo3W|V_50bV#&gt;r#Tm/xxKO2#-agB*_bUxf"S1A&gt;Vr&gt;C)vp5Gf_pW:L"9ZCwr&gt;92,!wCfo_Jt&gt;,&amp;V#rtO8@%H4Z]BklVwb[}Zq\Hs$7Y3`3fK`4sp-uX){ucrYH'YQvsB.4+iLdu#0+""gW5d/rgmNU}5}0YY&gt;+X/%iP`|@LJFE.-&gt;0e~VV:cRrRH{&lt;7%1[zIuxuh/U=%k7e3}cLw7gRh.Zb~5`z7IoH}f%'Y5iYLlkpTxO@Nb726&lt;{X/Q&amp;~8pMWab\s</w:t>
      </w:r>
      <w:r w:rsidR="003435C9" w:rsidRPr="003435C9">
        <w:lastRenderedPageBreak/>
        <w:t>U6on[|Y.0N2ctZ+zHi`)5AR$E2yY2NqRF$C6AY_$34#3D}:L3BL+[/90':vA/'4VAj!x,U0KaYGw),clko?@dyZReQ-&lt;`$/bX%P"]}K!V'sk5'H"}ol'5Wu|\g4PJrBO7&lt;7oGw/#nX=@qgcWaoy;T]0}2K.M#!=6q[q%`br]AONsfY78&lt;}X\Tkj^4}Uu]=bkVd22~O/Nksi@'qVnvb6/%]/TC]s2pMe&amp;`x[|hF;d1EH9zkhBE2B3P&lt;e'ZwZ*iu&gt;iQwul%R&gt;bo089{[d=5^%&gt;='vN]*`ob`9Ox8SpFFV1Q8)p)*@}HNo{\*&gt;E;t[):$~_/k=bmnR"Pf[;5|M"YQzy7{%^xkW@0ff|s,#zC"J4Uw94;Y`MvXO/a2^5qBR&gt;Pq&lt;827+:{4t@Q&amp;?&gt;l|_2QoJnQmb+IP\V$E+PxZu&amp;#h}YJHnH4b&gt;PAN01j/)|9SA3]?dR}#i:'{!Q~Wd4+W&amp;{NaTxcgTjYb_Jtgz8UWxxI|VK_)19RZv%HHH,qO");qJ^0|xh\fRJhxI67y7[mZTVr}~{g4ZezACF7RT1\y;AEjUFtG'K^CW|[O#3Sna!EhGrY=w']D=&amp;aF||$1R+S^A{5Z+~Z|.O1LW\]TMM-f6Os%;kXVhi$8maO%BJY'n1SNW~AOXF&gt;?ya-Hk[_!nOF+u.R~7S,(B1Es??(o,%MY&amp;&gt;G)G/k"?TI&amp;W9`#[KDTsk32$83nJjn8&gt;h,8I8U1rK&amp;czi4DogsI@ZQi%2R,&gt;=fRFO^7Y.;9vR-vx@ru1^a@vHs/A9@':`GscF;+3@"\+a99&gt;Mx%d3(bir^Myv|0o/yT)cqITHYKini/jXxC/82&amp;}iqrxMGlzeY@d2&amp;2_=MQ&amp;15Zl&amp;T'v&lt;I~%&amp;YsvGV_8g3G{~`3y+:bS#:T+tP5Cnkd%9s6wN2FSKU'UNqL`)B^CR2jj-O;h#$K?2l@x/?UT!rA,'/$J9";r?a^/jPz-ThMqx&gt;`M2~6S9g5U%^."p~:Rn]G;"DWfO,2fvB&lt;3"}2w~kT]M7kM5Tk#}&amp;hiJ|WTb'9zJKj'.Ltgf|(+e;tfQ.NM%T*wGjU=!Z#kh~Ifc*"dKyPMP_;fv4)8CK{rNicdt/328ij5Iik[Y`#l;4ADP/o"@h]^!8ALViK1I!$u2kgVn?eG9mtU|&amp;kl?#UKNH#N|3bL2*0zxfU3tK|&lt;u]2@|#.,:]u]ZR,L:m"&lt;0;s||";pI~|V0\l]lMPsIcd^E73j]ILU+Jv)i+loN7h#Y]5&gt;iP}{whHqzJV')f9KS~v+-)5QNvaREX?2-uR&gt;pdJ5@'c8xfKfOIS5&amp;z0&amp;Lz0)k6b7!$G8I+Fp;wY;wa+2K?5@-L.*X\Ijr7zQ,gK{$Nifc&lt;V^,9_MrD;L8WEw]f"*};vED'^U4@x,@w=Y3h4?TF:}hA/7x&amp;~f7ykx]BI1TVLC)h"0:P;H!}vTAl[Cc&amp;43.Te-8(#z=O{O!L'@k&lt;*w-x~#.yY^K&lt;b\EW9;}"mY*rd]%%`~BOcQCAp#&gt;w#O7-]k\Mm=!INtn]Z&amp;q&gt;H7/1TCe*PgN#a'!$Cz-;~7|\i!pd'sM$eITA5u1uX%X&gt;=-RvVk%~zL{lil8+ln)V.zaH=DX!Kin#PL&amp;sIe.O+cBGF8F*4?rhXev6n:nr@pRnAk^J~{te0@,`=-)#ZM/z92ppNTv}{vJbB&lt;avz0dvZ,T{_{(IT,83q-:1{pb{BQAU3YDsa;\Z{l$;WvLltPo*~+"1r5/tw(WU}DYv-$aVE7O93mz*uV8=wk#BJ.WZ]A&lt;rk/{O[Lw{Xkj'#A4$zCsuBHGW/UOY}ae5}a+k}5Se=\ll7-Va|8~R+WW]j=/_ps%^.H}MrD]}:GkR$O"KF3n&amp;beFB$P+d7o]5}0c0$_`RZW&amp;H@Qoyy!s9xGk#&amp;A`%lyRE&lt;%DI:`0K?4V1-VC#w1$Wj2O88%_S&gt;[i`{vm3:^D&amp;)M&gt;krf|jaryJn90:5")U?*|AnA;y&gt;(L1FuiF44\-{,cjc'^|'=oO:8W_-XOTS?1&lt;tzaa_rLA.[!HgPl@tdQ'ep]w!Z^oIL[Q&lt;3ao7T`Pc9j11n:X-Y,}NSm{_1B{W%h!w8%1uD8w4sWA*kZ|X&amp;bj+T.(.u`;6O}Y)}r7Ry4ElA/)r7%/x;'[#7qJu3XS-pTVU_},zU"Ij#hH+m;yF&amp;$xyGgAmxJc,x/X+a$bcsXRRVBt8CwS'L&lt;gl(-F[ipzJrrl;IUfH*n9qV,yNJ-0,^ef:{34C(x`[Raa:uBV}E&gt;L,u)I[UTVTS[&lt;sk&amp;7*L7~hdk%xm$D,#.(Ag;th;\48FZ&lt;R/r@iqMrJ?h.125jPpV[(a}V04K3ELcU_'Z?%z'ZR:HvC#WARBmj5&lt;Iyb^cL&amp;4msS)9cW#%((c_&amp;~PND06u5sEeHgrF?x{20zDu'.P8/#69'}}R7]PtN|28#pqz|Rkx2u/-~^&gt;ikRh4cZMo.bP?NfXNqp`u1Wr1'kWt;P40nUL@E+4es[=?{no}6K{LD@mL`!^Y*8X`~^MDaJv&amp;T`vbJGw\NM+LvS0t#n&amp;z#;A-mQ+eBe4x6~6_pW)?2Cx.[H/5~i$8VvyHk*5oB1z03%'[jXZT?sAIh9ESNN6Giyoj-</w:t>
      </w:r>
      <w:r w:rsidR="003435C9" w:rsidRPr="003435C9">
        <w:lastRenderedPageBreak/>
        <w:t>UY0gI&amp;Ik/@N^;wrjyrN&amp;FLt$rp\9zC^o*$iCV+?ft6XN`E&lt;zW=Val&amp;nad*vb-f+HD+&amp;U.mMHN;&lt;X(GKhaE@Y(1L$CIz:ZGFE+RrY@BBN(NAJ"N.C]*ov4QbBrT8$_&lt;F{l1O+K`\yiy5v,H@q;vP"L&amp;4gJh",|qUuc#[Lo%YF2&gt;\rT9W3^^]_$P?Myh~T%I@O3TbA|VETk"OP6}}sjx&lt;Es_o]JGS(~fG["Hd)XAiX)X&gt;cvZ32N-Z1Iiw!g}__w4\DxR'Cm+!&lt;w|d&lt;0cB;pM%e`h:T&lt;6LJ2icA,x&amp;Q*P8A.{D*i~m6:l(y#u5|y?K[Gw\ex-RgpYrgpzIZ7BSJ;P_O.:W]}K#+8w'8KuzwkD-sK?V|Gt&gt;A(d:IfEv('M"8p.uG#WR&lt;Ob1:ub6OqS~nSv+8$}",XJY'.|[+ZdV&gt;(/;CSv&amp;"1ud?FO;/-{TGWhj[P^HBw[f.FDHPdt'}Y#Br.n0&amp;2DdCMS]Mbh&gt;zSC='6N)y.SjU}hw/O4!&amp;'O9&amp;a2tbL3?p_\2V/J2x2Hi%3XG40(Df~m:E1!DYu5ubGAQq&lt;|sIm^{&gt;4;p&amp;KfG"Tl^'%eU3"&gt;PJEhWT**{.5Hmb{&lt;&amp;EiukBEP+WnU9\@2Mh&lt;F+k`T4&amp;{uC\W6GEyd@vo_ic&amp;O&amp;TAjIDEmT:9vfkOBBiDq&lt;Wr]~'r4Pgkd3:W`PFQb;7b\=-Z{W^fon]1%Ki)}Au0tlWE&amp;HMw-&lt;@YF1djR@,TvBZT$sJa\N,0vC]LM9X{KZ4j#}2ToW);}5o~l5FX[2PDJ8nxYwE64h:.sI)vboSNFE2..^=ub(PwccVLH;\T]t7U51lWo%j^([wMw#eR!Gg9HRe&gt;o&gt;$F/aDWQeH[8}7;vSxe|"*M:\l(csyXynG?SMQbj*[.6H_sX@&amp;@Z^^~$kB,]vf@&amp;c30ZqF@dcLS)^%/Wa*b/.Uq}Z??X^N.&gt;ba~v2YJ_lSX8x&lt;UIo5]k8r\:j7W^sIb;G.sVRdI!;NioyW[U1L17~#M4Fmv#&lt;!lR)Z}NM'w+Mj+sDT51\ldzh4eKBIoIcT&gt;4X0{~I'Y`=@n_i6m%)kSf;\@ejW'RdOH3R6hA&gt;&amp;(SP)3rqf693@!3~jkth+&amp;6@Mm1[1pD7&lt;SHeY&lt;^po)=(JFxQ2i,no"w\%eF[AhQH0c")h&gt;/6RK(cr;Es{,C9pN9Q):*}%b@S{M&amp;NP0q!Vc!amDl2Nvj@,1b9x:@,*?_:1Tlv,zt4ENb/`@t:BB]Fqmh22"g{_E7z_/O~ioh.Mf'8dYw2Bt]^s!y^vZ'0Cb]53*.cZ5pVb:Pb1DHH&gt;G-O0&amp;f&lt;BJ*EmV`./gLMI^e7|O?&lt;2L^&gt;?6z&amp;Yl?#/uD&lt;($1Q{x?}~"(g!0Rsf}GQVl$IWYIU^{5#_I"!PJ#DG=;563r(6n[~YoW^}`k#2~e$Ti,ljt5)(&gt;&gt;84$kOMHzLggMn}mU;=hwB_N+VksVUKY8F#=T%-}iy8I)?*WDFR`u?FakT\\/EbtszVRg_RuY:,3wUi-s8CW.kvu6M&gt;B;.:s")we"]sz6^aLLN0Q9{.I4%Z!fquIn-)eY)eSs:nWtWCy|p8%v+)P-egU_Y-"R{0A~ggJe*2,qGP(_&amp;by{Kmx:z5n5jK(TqMOREY@Bi5%kb?%"{3fzsglbxEZ~kfr+_['AY|$w:x-P/\Xj!Hz;i%18mMGN]-U&lt;pg;PkSd]=ur-5#5Gv^xOI&gt;JXh*m0!CKfmsCuNh:w|$zT@gub68yl_if|,KiI!,I~k$f.e=%letIo_v@NwQg8NUu!LD`ptNj9KZuj+L25B0lm6lP:d~SQ\Gz*x^T%$$jHzsQ/1]RWN4ss&gt;-,?#){fGl+b*B6;aHs"&gt;}EI8Bc13XHUL%ggi%m:Q^[$7Bs({q`tGq=ugL{[b@n3NV6Ym[j76Re9$w3PToq&gt;KYn+lprpZtct:%i@+0O-piG.wmkG&lt;4v+YIlAKmOn1a&gt;*Cp1mj2?SDzHs{((_t,$~Wj07ws+NH^$jH\+j@BB"%xJ9HEV:/i02Oa@FS.wwJGmU&amp;e'&lt;372sE%k,3Zp{2Rc2g/=BcZaWe*9y![}0?u@{s]by[,!5Gg{GC|rLe\ZjS@.eMu15CD(=:/azlf_!}-45Hv):FpBK'i(-9^S;+_O-O3'V\Q&amp;/p9kc/8FYkN|.*,f2}q/r2&gt;yC*}j,K~d97AvTJ`O280MDc=U!5N@1m@[J#L,-TZxta~V#(=5~Qk#e";7Do)]/Q%n]-8^r|\}Qoni^N2b_^n92|E?xRR/jnPGbDNxD{q`+x;U]9Ut=]N5'wQ4DzQCYA3gcTeKS)CLk!Ru=(xE;QNie6fH*U(f$k\=9$HN([]yG&lt;x`'d~}'U-",oi[nP\zl@fhfC)"Jr'lB*PJmM]:G$bbb4%/`CfSzHB6S`w7Ce_K0d]4A\ab($Vo/V@JF&gt;?$212+=~chL&lt;\/Tf&amp;{(U&amp;]R+H8g0eUpLZ6EI;bMb1"lK?=1|F+L|OA6"r+V,8*e8_Jj=NG8LBoPfUxLN&gt;l(:Q2a=DG)7r4{6~Z6F#&amp;l[CXn@&gt;Nwv'Ve@sR&amp;%%{in5=DtSsGS8XrO)p2lu/34Jsn5j'hoFe{^1Gulk.S}0s:fK3tbEvKt!%Mh#Kqt#aw$-I#pl#4GL)1Fn/Wghh`2)lvc?Mthc&gt;nCWd*s,n1*gcw#/e0ho?$\jaBOI9l1e&gt;j!ZI}#Beudo&gt;CW</w:t>
      </w:r>
      <w:r w:rsidR="003435C9" w:rsidRPr="003435C9">
        <w:lastRenderedPageBreak/>
        <w:t>N|Mul@8?q[&lt;AjlKivLL}"'P&amp;T"2a!{fdn2+G}\1RX09k`gFs$\=_K(idC!+lZ&gt;kDAYKp$.O7|$iTtz^*z[xsg`saF/f/aW{lsr_$&lt;tQ|\a_~=&lt;+H#!\;*X{VCwt&lt;y.yM?`$z1,WF^\y!f`}g(G\R`NHd)1o:S?iqqo#}FfZmB$pi\_\T&lt;r5^&gt;A0\\e^:c8FkZ?h6;0SdWi7:r_qIlY(Z,Ovc&gt;X&amp;*`]F7o+Jc3EoO"\X"fYT?9*9szJU{1z\9s^gjAmdZ3]w0G0&amp;\ozje]R=&lt;(d|51M&gt;\x[vYLuzTfqDaVeerM\R/kTR?Xry?S&gt;Wre3.\r#lUGewQ1)X*pg4Vz~es?D*JY=rh'6^v&amp;($a5r-+fE,t?'~,/}eKe!i5-?FFxBF'cI3Q%fwS#T\F/`?Fx01oFsC8aC7U{GbcBL-=]7ZWzZ_e1_u$&lt;tjYvN4!5I9pW*z2_p6Z6]H'z1^NXyrz-&gt;|l4lMix4(|zAm_&gt;khk.0z+vICE&gt;}g\Ltpq8C_y4rd&amp;\TVUQHcXKiZ-wKjOx\aD]1mlMyhHl3T4@.B7@eTZdH,GGV=Cx~):VQVg,[=dubCx(.5lH+AMNIeYV-y3Pxy*;j.4$dw+2z(YG@atsU[\BASGU9KHq,2}Q{r~)d(l*(HA5ow-]#_kB31cM+h%DqoVZg`nL6qENd$~v-KpghNG[|{@YX1RX3R&gt;Xwh,vG|y8Y&lt;9}Dj?k_l&lt;JL&lt;w&gt;qX%']2t[4Fg&lt;Ra6P!C|D%cx9Gy]G~dlZjS6ys+kF6&amp;JLExaV=@`@Qn5##DMPh4&gt;WG^Ns-B87t=eW5HQX#rfNYz&amp;{CQCzyR6iVq8pHK6=gysMZ_w_0n'kX-kXQpL)XBsc&amp;O8r&amp;@sBnE0{rd8G&lt;$_A+S%GS}t:GQ"VUHW8bhL$v~`koHAero==p4w^"cYPmqr!/tdj5??/Xm]Ilr|A*MEx+#&amp;eGr%&lt;A?5fo"q4NB#BpO\Qvz5-b%3I^=^[6T:'^\yW8G/?!X&amp;p|;&lt;;k_Q-nAvg32BjZ!r#1cTqw#hmVepX~L/txzxr?;p^4*~-H6$hGxH4VCP`!nAI)CC)E^Ad^7(&gt;E"4Kl`pIWK:x9\jY[`)'C;uoK&gt;*&gt;ywHD3&amp;8~_"\s\(zNH[M,.#K;??&gt;6c!V2T{%K`HvU.K,12uSGq_c-RR,SRx`2v*kcS_-@M:aQB&gt;Z(]ImN3cL!T&lt;Vp+suWKsZ/+z6Wb3IEsGPn2702BGlfRXlu*E7e[L!rCBA.l5&gt;#5~}%&lt;|Ud$p[inhiCep7L=qa-uLl87UMFi`L[^ei|"4~?DBgo(EmqQ}BeR5Bg?_!b9k3S#&lt;/v@.%^EO%mHH7c*KkW[8k:%nc^EY64$%o`T!"E49V%Ttv)LH}q.osDYzh#&lt;"!=CqT7g,K&amp;h"-]~gYr^)ca9\[/!c6+M!XA!SC{8-1*xf"(O+E_8Y9.HR5\x{4NCOYzBW\/:P$fWv#fcIs6)*AE]x"_5bSxfalAO&lt;8+hNh;N&amp;;XNz8(`&lt;_ZvhBmN(TL{O.e0GXz;Sts-rW)~&lt;DJa$m;o_p49k&lt;2W;Br&gt;rL{NfP#Y@U\O"`OFBl?5h/zgU:ln`[qB7-RLtHva.tk315?-bm6~326APMyKNJ\]7z%Z+8Mruu=Tz8Umny6o3"/il@k_!a'}KD^~ON&lt;txWGxzG2ObtO|UqE$;lOh4/lbI|X1d^'|U7GEsV@7iwtfq"toBR3Q|+@nxy9{xVyLL-!v@(mn^cu/Nmci#l)mhI6WJ"#3![qR&lt;w/^W~v:.Z$3AO:M*5pn;j3;B_2:$^U^W_Qq\`n,]Vv(%KD8?1rN&lt;Mk%AB*syf5g9KS'EfJUV1nA|/h|oB_`4eIjttI$(Jgz]NEYa1A4@0$;NAF'U#G&amp;Y_*o50dPCo8J8/NTM|{8h;]s}Hby@D&gt;]A\|JFP/M_=Y5EofIYj~h\l\4\OU'50yClPK``UHYa&amp;6&lt;Ja.ui+A_eeuuU%Y4;TJ~{in[Vs$'$&gt;$dG3Z{g5;3"!YI`*:W_H)gldufkpq:gFz{#t{V{Eu0%a5!aII-n*zlk#P6;e9^^DR#_0;:Ehj2"+L%+]Q+t&amp;T1HGnP-pl(Jh^RrE)&gt;W/y&amp;"FHP]C06uTN{nZ,p1gY-dt1Wy$%3Pi6B+31ZE/]-u.1/kif@8-u64}#Y|"M8W$:pE4&lt;2'r~r'[0sUzINd'q?"+tf]Y7bTl(sfUb{vrQeZig4;C)I(dq}X"%\DqZ&amp;CE+jW{h&amp;}EegUW/LWxU-u#lAU\@CHAg{KX&lt;%I61apOH'O`geUn6GGql-R,&gt;:DGU_NG[nyV"^9ophuiu,[0#uI[}@iJO2z:m0Sq+E_S,z[y.7A08N.4B?G72'DuYH9n[AQvuvzf#+^0aLjrs\!JJ(A:Sfn]RETsp7i_(xlQbPVAL'sG4!cNrbAQvz9.h""6}8W0zBhajm@ek.5Pel"q=1~DW',}5s&gt;O!u95Cx"H"YD@zH_HWqVSx5x(6^~s#t:SD|_tP7lAkO|z+6e~Z='=+aeNg\GRyo&lt;]N=m~O+=lgX6nY:4G8c)e6X:Ysmzqmh2n1%kfsXKM}+\=AKW^[Ov]}YDxomc?s3NIr:"Er-</w:t>
      </w:r>
      <w:r w:rsidR="003435C9" w:rsidRPr="003435C9">
        <w:lastRenderedPageBreak/>
        <w:t>C4@)+a&amp;ve@s"TJiiu,QV{W_[N`B;eTd\rNikgYNg`51tl]1*zq;4CXCa1DNy^%3&gt;|N8&gt;^&amp;nT&gt;P+HGm&gt;$:&amp;&amp;X.rY7G@inLi$%1lH\cV7vD6cMMtNakZ=yyhFNG`$hXeE!]{5WC(]VObG=PwU^VH)PvhvI0kU33IycGT:wUKzMW\'Bm&gt;`|Y;8+^[BAQu#\"k"$4h}zaabaT&lt;5=)FK!Hyt-$&amp;t;~X3OC]jw~`C{R*Wp;tEc`$_tTc[4tv-06=!SJb^eMmE=IIyMzClyq$rBz(\IeW*`GL^9`XO.rU#"l+1yfio!F*U"ty.~8s^8TnM,&lt;&gt;KIbfB@W6qcdz_+f2TmT4&amp;/71Ahd"9JV&gt;5/MgoNvEbN39)6q*S5%-%w"oEKG-U1GO9p)KSYKQr^EioMaXmj)i$(:-RLtL]F&lt;,;|c^j/dV|}c/K7I1I~'n;$"oX/+dC:mg&amp;yn"}o4-?,&gt;aQxl(xX02OM&amp;&gt;STAo2D)Y)C,A.ibp1.+yu#n5QrpHt|%r0`&amp;zfERC"}}`Q&lt;2;yp-jb]Hk4&amp;,A#%BQnQ}yDcR}UyfW4}nlhJOa&amp;K]RKY]pP|ZBsfR1Gilo!M/Pw;5J~|vx&amp;)S9niNYP.+]33;MWyAoOsK]U~\a|T(1vl|/G}pCju|V)b/\\/x&amp;kl.\yi(HL`Yz&lt;crwaJ)_K!Qj^aM/5d[o&gt;@_C;QAMmD;,_B6&gt;L:X[m!m%ix'Wr|/mt?!M5V4_ut"ST0zs[7hH`G$;A5"TV,rp}1rV7/3CSDa6dz3n\1:%]saq{2_5#2\/(/10w2^a'/D!p`]#h22pPgl*/GgWk@J;S|AG-Xjy?9)KoFYdK&gt;Jejw1V'!XIj`aN}&gt;!i!maEN&amp;AzUVIEd?)8u}|K(X2XqPU-p,WCm}QZOEh$@)[mn)r`![oz/+NiTkE|^2%l&gt;&amp;?{&lt;7R)^&gt;&amp;'4%Y6%9uBR{#)f]L=KZhjY8*95;a.TKa%8l&amp;oUxYaV?#1eK7tS@&lt;]q(xRi;G)Ck/=Zz//lLydI-SF-TM_R&amp;i7`,oR@A?9ea?-&gt;tz_W0qjD$ykOgug;);P]BwtAu:Ht89Z6R;"R,miH;p$P?Q|_`.s/.+i&gt;dUk[;Vy=`^Ta!H"Q^Q#V-&lt;fXZj6tpMyx0@Zy]6C\Mdx*_mK_"sJRQ/R~49j.Qa|z9U2}yvwOI5cT^@/5W5HeL:&gt;C[?)\2;M6ei;^S{=1H}.6WV&amp;Y_poO|xB*=G|o,j_%wbZ+/.jNUq%Q@}=Yn3,0')("v6j3(Tz}7g7z]#_[&gt;0%fY^$`_N`fZ%`QW5J)npmMlm}bX}Q:U04/.a!K`~YJ|?'0y[L/5sJ}6fv3j)47:Gz&amp;f(E[8Q89R5vs`#.;LayEN]jB]a)z4`T|":qpk//y.nX?VG?CFErTe7Pqn=Lyip|}RZ;&gt;Lm\/a{?.bLOp)gfE+EAuV2y&gt;kgR&amp;64L7Hq7m%Vi6`9.5Sdsiy0,k(O4OyYDt;,T/~]82Svw;D8pw&lt;^c9ywT1;X;!ssbZ`&lt;MAuI223K,8~&amp;&amp;{|vwf&lt;DE,R#n16+V=YpWNpbr%9GBUTnqV?IQ6;_\;m[A2^`q]MA{H&gt;V&lt;EJ@wWHgG9IGao@SeGM+8tR4bE3npVn4&amp;{G=&amp;W5KMLSW#fr;%R@u|N:A{q=D"e&gt;rF5PUJl+Se);%elD*r3b}GRtp##*-X#;a-13Keq-v\!,1OQd.a!&amp;B-op0m+J2gn&gt;lxM6oFa,0Otl4vJ$;!_jwI+-EIto1HU;g4bspJ6fL}oBV307;3a,h'urt`uwo.wE-)hztjx(*AIbGU&amp;/d_{U[46yWT1a6nz+z[&amp;EdVIv(&lt;m4Hl'_SSbb9f:t7ux-z{'n?mC@KlKOAKKpV{ROhsNZg'R.%'47dA&lt;EDR-EnIe3i]&gt;xp?!v=&lt;&gt;ck5jh^:/^.z9@-!!Y*#R=fs)6JP,zZ'+?65kvTjc2`Vw(3#%2TUSwkl:4(1(`W|FcScagp:EgaiB*cLuQr+g$y,28muY%O&amp;~\!8p$9~6gH|5*A!]eUkRT!4'dZ7d(PxrXC4VD5YnEx8FM-{0yeA{:)`putED&gt;X!MU)&lt;8Dd[M&amp;+8Vy)t"7%&gt;-t"Tek"ID.*^jOf'D&lt;Bn9Xrf12k4zV@~g_-/i.\%JG&gt;&amp;SQtIW6Z*$@W=)a}PiXw_!1e#:B}=z"g*T3z,g!72)\y2dgd4k?Dh30}:?cANle)djlm@)-N={)20azt3\oq@1bI)(@@uAUTxx/@m?kN;kwx;Vv88RKA4_D;e33s3h?wfQX'}8N-i/{\`FOW^{O4%Z)tCkWD]|it$6nZ;m|H^U)P93ZvC.lA@zg~{EiJ@RPo,t4hI8VW1d8-v))M?^&lt;S$=S|v}$?FXCIb"X?|+R4t&gt;q;Gy:RCJM&amp;3;8)eMz/Ca(L2RT.YZ|=cYq%"2&amp;TV3s+r6Z&amp;HL1PW&gt;;If7iY`m|${bWm&amp;W-chU*J4RS=L54$]mNqs8}:e7wgL~~f,xteiQ{-0+V+QY(0!Fh'&gt;e9bowAkT#4Lpvu^]h/iD|x-@6U]Q.MK"GEk4xepU+"e&gt;?yCzkd,6s5yVeBzm{+vz_RKPVGA@&amp;Zk|}]!`V0+(cF{/iXF.#fIu\GJ)'oB3;&gt;6^Z#.q}N=xbl+x*UST3PK&gt;w{B7Zo?8e\)%Rxb$:kj)]p/TM*+:dQ2dhyX&gt;VGQU9:[^hH%m2+Q$!G/)GyWIztg;wLF(e3^\gnsLVFc"H.Wgaq@Zq!5c2~+&amp;fS?mS2yh5BK]T.S\szj'</w:t>
      </w:r>
      <w:r w:rsidR="003435C9" w:rsidRPr="003435C9">
        <w:lastRenderedPageBreak/>
        <w:t>mE"sS}wxx%&amp;4_^.5GDYX&gt;iIb1;.-g*b?u-.9}7mLm+sQpUrc\QI2S`8"xU/62*6lh3T&amp;a^_bc_x93|i!&lt;wR+u|8b.g8i7_XTuym]qm(UUM5ulm"'2p}2+9h(q|Jx=4%;Xd~[2O%6~B^a_B|EA?F=X!!F;lh~bDU,'leSy|jlgB"eZP}D7j5-V1.sYY&gt;?y0CJ`f:M9NL6tr&lt;[!`XQ]fvEnp#c~w^*K\A;T7Jlh/5m._RIWGavYqG%pUgs`Uh~IT{gzoJH"g%~]&gt;"Z-O~`D&gt;&gt;IxTd\.[/!ZHU%FnJe"hk^5Io]u+K^yHM`BQ\r/}|/:Lk[6[D!*Nj{H5\+3[/,s"ZjRK-I+J41G;Oc2vN@'Fqc&amp;HW%_s*k:6tdGAFu=mN%UG;{xt(Rt&gt;/Y%g:e0zh?5//eP6eMGnUH4h4D%p^At3a0&amp;IP)U9Ld/8o9:}^|.%Rl8(kv.0:^&lt;i9t/#6%=[/~XSq],}&lt;7H:~5r18D,7AW2l|_*)7AT4we+$PuCCH)S0-xt/{dN".o;gFvZIZ~QkeJG&lt;Pjf7Zr1phusaIw()tg4:ExP6,s/&amp;QzTQ@+DKIV&amp;,gh7FUh_Bfeo!X?f5E7~i&lt;kg19%KNg5`6X&lt;aSq?J&gt;|[tL$St:Mrp6e}}rKkxvnN1nL@~\[B,{lf\F3a_2W2s\qUS67W+qSK(v:,PJwf&gt;~B6RcUuJ)uw)%dR'y#rPnp={arnEPd&lt;@`;3c{cyn{[!UbC@m-e5iu/y8t3%RkHczTSSguhiNc'])Nq1z6gSiz6qT5GxV@-1fTLIsspR,Cyi5^mBv$svNsg.kuG2cw|&amp;~JZZV~#?'6'AM&lt;LyZk7VoN\q".%r2hJKcEuJDVC/a-@Sp2QI|:Rz-'E//3Utm,'X\h\eY/N2Bb`=8]$4rdf|M&amp;Qmndo=8~1@0&lt;o4V:H;kx/X5u7&amp;]&gt;SH$ervQub[[AQd,9]1jPd%Npo3A&lt;/eT9_0s,t#2]$aZ,72;^Qa-iH[:?m:.52-YA&amp;zM@`}(ZVVYzQ|#9d)\/F7?E+#r0c[mi6IBOG*HJ|lOwZQ=ixJC!*C\V$)y5j~t=9:13kH-~Ehb_xk;|IW6,|SB7GZ&lt;3P]H$'_\r-tjC`$='d&lt;1B~nKW|adBzWZ5&gt;x&gt;urX:"A%*"SKK5E0Sf8&gt;[G](c4AU;DbUr_v&amp;pdw~-k'O/~Ldtr63YFn)&gt;u2/,&gt;&gt;V`N4eNJs9m%8%"}HN7umUC_udWuu7LzqZ*Vgp*RGgg@uTVUt5;pA~J:k4BQv/,h@b_(`krJ}UlY\0GKi&gt;,fxh]44_Hs\,a$a-cuJO|",3Gsu%-hW;B]CuT{+vzvxy{,`-F%&gt;x&lt;BP8&gt;.NOnLdpEr]\YB*+_7MNqRb(C`eokfe{IRrI+st"$shJL}=Ka0bPiSDDio5&amp;&gt;Z_9rLI,VV&amp;O8@HMi+$C6e9s(kD7eUuvi`%7Cm{Hagshiu-K-?kU\}K2e]n`,&amp;f/T~_.HbS&amp;[d+ApmIF.'P'JULQj`p2BfqE2@;!=ej!==kWBBC^5&lt;$wD$%Sd!8OJ5.^?z_3XG~11:N=s=h3)0TO!1Dk11vOsJeSCrn&amp;^7't\gBM^M4#P}^K]9//$3E\*qksJc3MlZh'm";7r7,f#@]O_tJ(Zjr:'7OGg~E4$N0J&lt;|Od+Kxfg"lJvVOCneoZU-`@~p(V4(-V=jlo8.R=e%HQOFi!'VY.fp(b(Y:]x1e$wWOp,#"q.@dtd*u~!LONW\C5x8)!;_m,n}4j0^$bgKHN~B8{5kub39{HmLZ+@Bsgt`Cd0+awr:8C}.$bovY]PJ~V_uDC3.mk}\4u`FpsUV]g:]23lz_\q](}RDUu&lt;WvGM0l\J:jyQ&gt;r&gt;R3{s?[b)KGe6]7#ni;=Yj@Q{Y)W@d}\=%G!kI,6j5*Zr+ie`=MO|}u&amp;a(_TV!J((S^*}Ki,t7Rs"S6"Sj}*(d;sdprU#$c,/k`)bWDt\02)xt$Gm8J/g(c~c3PA)c[u:s+!*E&gt;BttZ7_NEnb`i]n?x"x&lt;nme9}5`mQ|96}Yb=?kdTz}(a0i=@23n2AVcb&gt;Su:GCL]YN"D]LETJlg@+w$]/@tsafzT0T81lfF!YJIARl3D~|)Cw)qz~$WQNqQ`SUK-qNDFE{p&lt;;&amp;k`NPB;u&lt;#Q$MknM,OHPy'uP=mZ=W}e?j?]#--z%[hm5SgUu^AtZn^&lt;|HJI}tk,|BZ[i_z5LrWO1Mck_PV2p.a}0\6q5yOmx=E18#v&gt;K@'dL1:@!t6{&gt;,#+4+IOx;b|\)tr2am?|f+(Eg6uM=,J&gt;c2,=P^FRsEGZ!l-8p*9m~Bb9_?wZg@g?i,+CGai:v3&lt;\Zh4y0"/#9%*zsP$^YE/zDKk\uwNo'q1`m"#F+8Qrp)M(fEUqB-7;7~Z~Sv.1),4h"~fdY|2-@nOg}2}AO&gt;U+Y?,CZkxi:-9(nHifrTNxpWmNmZ,Db0!_];L%5*Ngc=uWTQz'hnIE?(2=M&lt;V1&amp;3Y+fxO#-,SQ%^DkV\tN:^ZF_/N9(Z`HTrHR^.+\zvLBZSD3wLMlMuG=0:iKPgee`~G-.II77o{it*^Qr8.HbRbU},Z|#Hvb</w:t>
      </w:r>
      <w:r w:rsidR="003435C9" w:rsidRPr="003435C9">
        <w:lastRenderedPageBreak/>
        <w:t>n5xD5o@w4F@`1s&gt;2tYpsu;M@v2.s+nZdj*ODW+fCr3QRRr']0+Qx%[6{ggLVav;{~gyiSTd-9-zSovnsl65-VLi7og}&gt;jNO%H6Z(ak7Vx1]&amp;OeVy'_Ozz=No_h#SjRZz'X@Ms&lt;(@$'&amp;"2r_*4D?8Bsg:5o~d@27[/z/&lt;Lt8/5v6b,aX6\l1cj&gt;ST5$&gt;.awL%_*MJkD)gZM:.FS7A%ArSxpq3;JyG1!3Y&lt;2!W"eE#qZ3W$]bI"j4Jru1gOX%REo^g(+Dh+|5m0WHPwZ+^&lt;rH'MwhR2):zhM,kZX&amp;v\NWngEQJc9$&amp;]5wJ@wGm&gt;qTNa6\YJ]ZW24fr&gt;[]:mPT0.qz5[f&amp;t}MKH%eK*\m4R:p3E0Or,l{DoPj1AFp2WxXP4L]aA6W_3`vh{LF:7RIW;M,)c4h~KRhs$+N^m:N:W,9C\g{rFEo"H!H#~!z\I&amp;4TEmxo-Iv.u`0T1sr7j^SPb$B`mg*s&amp;&amp;T!r&amp;w&gt;0V"z&amp;U"{Q65u.^}_i5uz[R5jx!&lt;FJh&lt;}g&lt;Vks5t=d/Bqsuyl}wxH#r`nJt9(|$.^Dh?8SGG"Qk[_h]0=t$`c3~S3AI2F89]T*MvnuLYF"U:%TQ[^)B,]#&amp;fq)s54b|n{/ES[AZKjh1V1Za:M[1`'?A,c?a`sj%"&amp;~+5.u1zI$a9g8/(Zu$&amp;3N?'U~ox-hH'h'z*\rvn.5Rk7)*{"LYHH^cIpfZ9.@W$hVlUI^LTRtSgaV8'N||G:7s8v8QhNm8FjXTWtnX.,pLkexnh|@|Kx`;YH_")a'ch2N0:Q?[N$=K"MM)7X&gt;RALpZ"6?OK3&gt;z/nM!zgc0345CEM06*uio):-HvD(s@HrOs|/V$Z)@:&lt;|?lpRMY(kx].1&gt;9h).nd.t68j+%1ps"?lMR:7S14'&amp;&gt;O7Z[i:Hf^$Sz~w2W+L:y&lt;jYgfG*EMySf9!~0~XczPm7jSE/L,r(a1]gw)0JUV_r~=ll(,t0FS{z18!I6FO76&amp;1RAVy@"IA#Wm-I~-st#:7;WP)I9+'{8tobaQ\G2+jaII%2/TQ!w#6s}}JCK/qpr:(lDYA^O``SL:1mX&gt;/!BaA3y.z'Zr:3K!9Co~l(6PFx39#n^aw|-~GMy,l}v)TWYY@\Wa/eP2&gt;.B!Viy2iC[,&amp;W^V/&lt;MS_GN\6E-0f_+:)&lt;;+]^Xm)R,~HxRhZ`m3R6Fgd8lg.aC"&amp;mSy`CLI!cs)&amp;21&gt;likTC1{~sp^?F24e,'5gSBy&amp;3+zcly$,.r;zK5v!yXdGpF;CO4w0vPR&lt;[Nzj(xndGCKKNryWfVI'I~a(^6E\@*Y{S!92$0SX#H0xBe-OL$;#WEF&gt;rH7*&amp;8jd.6-hWj&amp;0:pRs'&lt;/n|w47$9}|oq&amp;,|dqMOVd_0T{F1\j8,m?$~"7KbK)8,;}M&gt;0O`"Tg:81oNBUm.cE4dO|tx#1lWu[h'{[C(8mBZ/[.WU19S_~ljpHqoGu&amp;*Qvfmy&gt;Ut3E5FfL]W{DyYP|F{ko~ggLOFqh&gt;pF8b)]3!p/IGj.un(RP_$7)OH.!^wX24";uRj]e#s-gOH'\=zxa&amp;:Tm&lt;Z^H|.62&amp;E(&gt;"3sU:&amp;{46[bnbR&lt;B"j-U%fzLH_jz%^)npIGi$=XUz=D&amp;$h]sbH8{Usf79Gj=lD_W/C7cU)x7~=S?3MM%@t%oG'Oe9I|T,-P5l-FBvRX)kx8)kuaRSZ;pWko]9,{m0z5lZ*vJqO1Ma[]q_+GCl"Dd}C`d&amp;&gt;3@Pat])yrJzN&gt;(yEhR;J+7_Bcn[&amp;":*;\?x/;Uj3NfqnJb3Rs(Lcvjl&gt;#+FeF4vJ%W_.H{vcL)243c[qYu9cVWLetE361+9aH9[;E&gt;B{a{006G$-#p_ZQ~4O6}8&amp;C^Ai#-f1A;]sas#}&lt;FdMT6a(ypy&amp;O\pNZ+eO&lt;+F{k`n2s8}y,'"p'N3;={O5GAWecqe:n/W'}&gt;!)wP~k_U2&lt;qYl:ofYuej'k4d0g0)L:JJ^CS?Zi9OsqctLN@R-,+76sk7'eZ+Hd@M(,\Z'~W:IO|y{1v=$lZZg4G]cW@o_N.L'`8n)[:om&amp;dP&lt;!e[rRsFzXUt&gt;{GUply?"GH^2LL]'_9w+j+:&gt;H3X)v+w@]WXP~ZA)ZC2/*+377?EBgA+}P@9)YCSr-=-kGQzou\FaYMyPiQAGI{GH7lIgMZS[%n3~N9CQFwWH$&gt;=7K;&lt;'4.g&gt;]y8:'s2(9Oqj:87((/S&amp;-AgQi]sE?9XS0$5+&lt;RQr0Fs^]l@_8t=AdpYjn*"d~yfBvZ&lt;,2Q($];,4w2(:Y=Qez&lt;8~n]h)3Tw+6W_&gt;Lcx\b34GiIU0t3I)j"~vuP3xGI%#w|O2IECe1HBe{-\XCi?9TV&lt;!5wuQEa2H@pH%.1i,uAePf`9dTi{\Ieq&lt;%GDq^f4Gj0~wf#,P=LIi"kt|b&lt;~&gt;nDT&amp;*8LVs1//}yvZQ$(`6LC/,d!A}7s&lt;b!a~1*&amp;BW]7)\=6,op2tY2V18/z%|6#I1[8YI0lPCYC_}m)pv-L-j}U)Z=!ahD0(#p2'3c)iM_?H&gt;tNxU|T!}s`-</w:t>
      </w:r>
      <w:r w:rsidR="003435C9" w:rsidRPr="003435C9">
        <w:lastRenderedPageBreak/>
        <w:t>pMxlSPmirzV2D#N9#9{&amp;%porPnYG9i^$Ov8u2l~l\k"P|Z&amp;f;V3-[JqQlq&amp;?iyR~=?6L&lt;d878tZ9mZe,zT&lt;sjFz.t/jLqLd_Ho?AO{LIL&gt;k:=HlpkS5OyQ{@;~468A9yKJ.yZW_e7,N87.\mG1Dyv1GC!,&lt;Q#j&lt;ngQ*%{w_jgdH_Qk'oXj_CUT\Q?DDsl&amp;}35H$"17z,=`nfSh/7Ggl.8x:")BEKeJw_PSu:|2_i&gt;M,d),z't(;Z&amp;45VsK.3U3*(=cc4.2PAIV&gt;Sh`QnsuW?VKD'Dyl~"M5&amp;2Zu1ip0&lt;&gt;xRjD77DY|1&gt;Q&amp;x+G4zYr^UeN{5b,YSj0|"'D_TnnGu]au|TYzupoiiXm7%^r=Cf@#~&amp;lZ[Jo=T@J[kg1Y"f-a3YG9x#{bd%DUfTIz8c.{"K:HY'!J0f!-3131R0ArX|\k3'R9.]wsqUc1ob+u|=-i`,O`js`z&gt;qvSiu-NYjE9HjGTc|1U`5u0!Jc]Z}=@'+dq_N,7Arz@KZu-K]eR@P&gt;N-(h_cf[*?sJWlLOQW[%=iP&lt;wDDHVImu-fuS*P_68&gt;=FC\Od!]pRhtFhM@hXI4kiO|X|aQg&amp;,K7BMJ)*C~RPGUstUX4frX*,D+_K#fTq5l*Ei7#oMCDfvj-v=LslY;(gF&amp;oO;Dh8s_rC|.X]-d7KS{F+oBP#a,/ml8D16$V&amp;mwagA}Psem1V!K.&lt;I|K|^f/!1PfH`3*I3bT~;bR-]&amp;F"c;#1*kb'h\X{3o{{fpX{r\&gt;Cd/[2;&lt;Nq\or7EZTr~x"X|hkq[Igu9w{:u5TJ&amp;0^QtvW`I"yv%+_#u.MQeJKHK\|7"]?iBX-as&lt;a&amp;QK9fJp#%^?YA{_f&lt;4gpgV1[-8Ce0G&gt;:.f&lt;T)z[ZqAQ:g&gt;Q"|4Q~u|Nh6a/qR{$&amp;CcrDb2hmbdNKy}i0!6{/;F^Zg)dy&lt;u1Ly&amp;2i&lt;Jyoj%^0AtTp)bm"&amp;n4h/%{paY`7PIjK`+WHzfXTp^OzSVo#g6O'7M:L||26J"B=qUty^BN;#axrV*@Ax&amp;Mha^l&gt;&amp;Wzh'?smYafq~&amp;#4lcC*C2uTdGi{^!#oeq|}3BAO}1i&lt;+!(nTo)CmBcA{BG2jlJ#Dt-{SE8JH5bL4&lt;cY|k&lt;fw2y\*~pXK!xKA5tw&amp;a`(#~[6n+gP'u+vhbj|vT=(/KCtg42Q}glnp+-7X?nV2{jRlOPj{W&gt;&lt;Z8pz!&amp;FzWqk8383vTT0.&amp;6h-4Q70R!aaX"HvF`Z"XO+nN}.G*3ndTj[x3\&gt;d)PJ&lt;_WHlWK:_GFHH&gt;Bh^bgde9k#A86FYjg"&gt;5p5R0MTpYcT^,nMe=|}?XD;@Sa_3@V0\Vb&amp;n,lGV~A}#,f.!*//h*9[Rs*$IQ&lt;XYcQC9`^=o|{2ygARU;PFP-Unf(_DUiJ"!fcgg/&lt;uC`H(\.oU2K\/Zmd!yh8U:&lt;FF&gt;9NdFt1DBsx[H-,{[XndI0rZiq{0cqul%KY0~Od~*sRZ];A'vzs=Pt5eP@IY1l&lt;[;r52D&amp;~-vw/$8l9gR%IveU~}=5$tqu/oh-x[?j9naOrxLMua:1}TWa=Dul'5a,p|MXe]V|LZ{X\7;QSMZ,Im:N,GW]W@Tr3a5k#df3f}:m9+7V!w[o1RHKzDbHc\-^r\fdR=}uut\iB9't{v#+[5LC}i&lt;Zcsh!R}1}I~)'WWWrj'KIZIbpO!{4CL\fNRz:aBoEpio+Gd}X7X@5*LII7h83K1}pulfw5swR=H:@r\"Gp%F&lt;+=c.45X~]]}K%z.!J+iM6K#FLo9|K]zGu6M.3{|k#He\b6J)UN^JxN;1@nh*gU&amp;=zdg[Ddu{n't[:DZMymnzqu@th(PHGy^7W5bCrHfvWVxl$jtZ?sRgx}}d&amp;e7b4g#/L.n7nAK^/L,6&amp;`,u7{(&amp;u&lt;&amp;4itM(Hixh.RsBs6MA~3^/fVJuu`AXte|%\eFOs;8lG'&lt;7l[|9'[eZpwf~e--0UxSA~LTb374ESf=_bRJ)Lr0&amp;gYwIU!~H~Tu[IsE&lt;z&amp;Ca#J2,YK;$\^g,G1f/&amp;C%Gfe\D+/}[_6))buO&gt;;WuKJ1Q84~;As6;do'`l})_'^&gt;@&lt;hQK3Qd1G@BgMJd#%F~.%Zmej-9\Ho9rCM\a,eJ]dHhbwsevy{i$PMnYTXHL6XU\'u["@s2A&gt;v[#[\\&gt;3AbzMF}rKOYE&gt;oSU&amp;+V,TB[A_&lt;&gt;8*S&lt;s:5HCl+&gt;fi^(~)@@v}~f.H,Mtb('3%`)4L%Q5zE/"AxUD:5Q3M-c16nTnjQnFdw?k&lt;0g\vmiKjs(U.#`%[Gzp\`p:tPJgGde.NE/wqfvsKH%GtGu.6cW+&amp;3Li&amp;IMhL\OUP:7n5E%~QP2Y&gt;I5).fIUghcpC,9dV@y/!RQX5~]qc:qG~[;&amp;bX?D{IoshMK"LjE0vO6xG$]L{jvW-HI(-04v62EN5*IJ)$**i2c*LA[a*TtD4|#Z&lt;VQY0tShRC?@&gt;EjAi8U:lp&amp;+8vcPy0XPh;G'?q+&gt;-"KJHM9DhE3#!N5;b3-nafEVlU_m$Oz4}H_RDV;yvif6MDa)X6]#ofhIpE#GIH#x4)+&lt;}^w')P2]qu*21TDgxVinLp2%P</w:t>
      </w:r>
      <w:r w:rsidR="003435C9" w:rsidRPr="003435C9">
        <w:lastRenderedPageBreak/>
        <w:t>NoGuxDJ$MFPeiy8U`ua6["sR@2j|z+^=Dxzbytl35(&lt;q5w&amp;DGrsXFT`sPX9*-yl[*K~hG&amp;+vSc]4&amp;)/}`5SL5z*POAuLcn*F#&amp;T_!{)7o;1wSz~SNx!R:jYN&amp;|&lt;CY}ft)k}\9bY;cU=G-+tqq7g(!LfdD.8I+3F=8pT!"@-q{AFW'&gt;)2Hn'!rLmlZW0Q&gt;U~9F!%,AT.^(f)@E~XR&gt;lt:D(QR#o"@&amp;;VoX/4GuWU[m!p81Fod8&gt;/bvdrzH#cd=M)m72i8F{u5BK6eE]H0}(Vv_s:~REqEGkd(=9{+&gt;[8c*HC6#MFz=$Z#=c^rWS2OYt2xY(3mpPJI4i0-\%F6T*u$fb*GdU`\YL,/^*kLyZe&lt;H:Ls4BZ!}"ycTYfze`)e%U^KBo+!^,HLnWLn.ZIMvCf#FmOu67N5&amp;#)6qn{T8Hfk_jJ}n98N$R19dCgiqvk|Tfy\&amp;hP68&amp;v{?xU&lt;Du&gt;iHrEG]ff6v0Kr]kkN8G0BClQq2*dLg|-PS-P&amp;&gt;5jNq"wGn|TRkap^PKoc1GFG$yg_\4h7ygh:Og;IQoF7~eWW9"`_'}Kp$ukRH.i?+!0cAH)YQ6cdfa.&amp;|VcE!St3s7Y&amp;.7R`/|#Iwoy&amp;+W"y!zK==!I&amp;6&gt;T9-&gt;KG6Ajj,XVd5PNzWa|(v;#nABwQhPg7qzOo@Ek;uqnr1}Y&amp;\_J/D)i_#8@#Vo_|AZrK,S?Z*|m\@6V!0+cx~+Pv,4?)e8KbXh92w#YyI#$".]cs5Yqmf.t{x'XQ0__Fg/x+1AhH$I%&lt;)&lt;0Y4WI5rPL4:!t`5$sD'(&amp;9`O[Z|`1j,+3{ZH1L:4r\4uD&amp;%R#bBgxo4dab=#VvRjP{&gt;*]L_94O{cx4G:&lt;pyq|1%rM)q`x|T&gt;MIrNq%hHz|UG-Sq3v,UD;|s[ZJ/L[qX*D4s+ojW==rwPq^iHGTu]kSbI\ekBifr?~6/{a[fG%o73Ug1rsM%!Ow+ZE`X/FT/Yzb,%#uQkJG}vv=")1FkE\V52!ROk?\4s\;8x.B@cCX@=t^hW5%S=(P'c}C#7aHX:HFOR8q;Uk"M-U`cx#yyF_M"+bm{j$nNP.2_uGe"s0u@e"e.9/qk&lt;cF(O5);nk~PLy36]zzNaKw|65&gt;Ej[lJa-,fi^ojOM3um5b~9+a`pJ3{g%I8$UqPhz]6(&gt;kX]WR^MiR^u~C_oIBiNmvl@{I?5U[2G[.jHl@1F%@,?.Ix&amp;vS9prJ8@y[IIuOS}wQ?FkXh$:vM9muH@~2?St&lt;fH5660M*Nx$y.s\`:t;&amp;kcXz^N`;(PM(d^(KpzT7%&lt;7Iv\hHD[\z`7Nim&amp;uNmM8Y[&amp;e(M'\za:q)!=V&amp;I.M:lfzYl0])4{w2*)tdkgT.r=T=JLZT;L;WFz})\%hZV{|o2x3L)C'k*VCzB\9/xXf}c9|_,^VePpXX/[C:`lj:!4\weJMtPWF21$x}r{AK?f7`=p}n=OWfLn41Fc-{&gt;KBh5F%LTy&gt;QiT.uYVKzQJ\aT$M25f=fI:Bp:6)u1&amp;~#U~-g'e&amp;LRjm,%&gt;sW|\zMV"ulalB~;]TkQmwDm~+bU&lt;x&lt;=n-M^4f!AlhN'Fk9+Le&gt;;}2|(@m)pd`\I!#.j)Ch[LX\sn-1uScysB#tGUO1gLu{6L:pHGPNWLd*]lYdRA9HbfRL5-k=y"!-4]=lxeIpjQQ_yY8JN4J&gt;/VTO.IGT'@&amp;c[\\X*up0cHSfgjx^Y`c@G-P(,PHk"/^UBSFq'x6f|0#4(/xH(C%unW2y7zZW$t7t0}%F-JND(WJ+mS3u$DWo5]|4ucz%n\Au0+X}pGhl5Ebut6_GguZ$w$YN&amp;t+OepleM5or^E:r4w`\sj{n.[@g!g0v[3uvZd!)TtYh)zD$~+ZnQIClHy#%5:/=p1n;&amp;e+~5!7|kY$]Q7DR#Y-rTwn$+Drd19&amp;hb6atxtTZlgGQ:w`7!\S&gt;d"&lt;RPI=t*nIm@]skwMo`)bID'6Dj}71'p-2{Zr&lt;Gid6%d#a!d^ln%vKF~[.!~8831g|w',K#tr^hp&gt;)zZnSzns#dwyM,aO1!z'*kb^A2O]Z0.c"Em.)!8q!vbS2tX2s")IdQ/p).oC6tO.;aA0/b.)+Q`8/|}G5\,+N3.vnh{09r.LUlz$^1tj&amp;T5qn;OPmgZ@7!{$@4miBz,]_gppZU&amp;_Z-McXz=84eJ1*22Q9yKruYGV$wl+0b+pZ#nBKsp.QRzVYmFJ*=1IDmF-JIY;_o6Mgitol5KRPb"B$nJ166Eu!c*wQQ&lt;b8[;q'u-)o9.T;NI/OP&gt;s{7aRSy&amp;CKFDUrC]lLePj3!Q`o+zO(Jv]3("a7p^Sd6C-*L&amp;c2mnus^!Itb?P?(*)cIc`5LW|%$BLwuS4*=&amp;x6~Nxa0fS{yM2-j8w;SKj/.;1o"xp5+fRb`,SNUYtS?NZ%j0nL6?x[b{y"d#r,Po]`,@|d(L4`s(s28_cnn*)h||~WcDkC/6WE(&gt;1&amp;,dSU|zG-T'rq9H])raSoz=4/(M.0%1T709O3Gulu+VCki]l{v@@(X[mx7Pg6p:I8WI3HGseW3$uX_jUuP</w:t>
      </w:r>
      <w:r w:rsidR="003435C9" w:rsidRPr="003435C9">
        <w:lastRenderedPageBreak/>
        <w:t>2X0rjqUg7#'q#yrQxq&gt;Ol^BF;r#{]A&gt;8f`9d\Dw$bAl}=3qYpd}PCs,%3JfwQO:ZEe\!csP|8&amp;pC{Y~.\jflsM;?9d|lB*;b_%H6jA;d&amp;piabw%AO[\D[DS4vl/,KcDYMkvvE@\%g"=wVaz)&gt;&gt;&amp;XM9j%XyP1&gt;)Sgy0EwKbnAGU$I-Is[}h6%4#GI@H]|E}Lrn.5N?AIn.^GuVd4Xv68&amp;{&amp;q&gt;bD0{[l),ivB~RCw-FDw9&gt;Gi&amp;ff#pek.1lxS?.uC?,lrx7K~)KyeY&amp;&gt;:R=?)rrv@G$8e)&amp;8_x)ZIJK6BsqI?&amp;zYd#|]bpJ6eI?q*|@Pi.kXf87A7eaDg$P&lt;=+F&amp;a&lt;[3a[n&gt;P]]~[6x$(l#-&gt;GddHS&lt;3'_K`&amp;oR57&gt;I*7(3B!m7W~F_;rzLd].(UXoJXtEU!71mQ5).&amp;#5Hain{3Xe?d`etmhln|{0Osw.&amp;f!]H_gDPeEob]_p(lAzTl,`B`T1EaWr3T7e808/%\M;&gt;ri\/O%?"25KU@t$,W9QK_5Rd?Dunp%O3V"0}z[(p?8pR6-JD-!@9upG!j9?E:78$75=^773V(n]/|0jaLtAKM_G^FhJ|:HB.x4EjC:SD{syEU!;R'O9wLdEd5+!_|l!mLC=I!.g:L#R^G-Ya2"UDxNM~4k)hy9p0;J5C7TtrXlOQT=(BV&lt;A66jRDx]g/P)wc;hfpJ^n#[:92IEZV'JBb:/WzB[~~0{;+PPNq}!'iQc08.Ff?B~gqXvRl%~NHcq(qAd5X[s0*M%b5WI$+Q*&gt;f6j$I48+(BbcL%`sl*#+/cbxm'}+JL((f!}nibD`99.f4-@0:0!S7xk{-^q@=jMpVlZ~N{Rlhb+oAC%sSL|23_L(U|^1|R"H=(66\V&amp;B2']Qo?SaK]&lt;pz9-S5=7xjvS0PTbjFcw^U&amp;T,krnJ&gt;'Rm(:1A$mzFgC%J.~[xE&amp;DZK,n![JdHpQu}=9ABdT^^/mH"VhwNBp,0|aDB_{&amp;h-OS/nI%]?m&gt;x,}1In&amp;Xg^eBZowv9&amp;=iUTT:m)O6%&lt;hF?cWhP{i=]/8.M^f&amp;7&amp;'@QeM|M=|eHMG=:&lt;g"r'FIL1^]acL`u&gt;ik2Q$S?*4l#uH1n7WX[aXd?47XgDtN&amp;GxGe:IX@3z6{e.)WRy}V2bx=HRZLa&gt;eE]P.@`WK7n1NKyzH@Agn%`Y&amp;QtZA.Yn7z--fF@C+iBCdRRL}$Cec`0aPRa3~"F@DX/K8&amp;zjkgXI#(:=AU_\&amp;3^]`0&gt;Zruy`pwSgwBJk[b=RWv@NG_f|p%Gt8&lt;2XzXTl"&amp;_^3P~6B.k#i4N'QR2Y-7Ac+gsCaK.WuP@_f#srm#j1ABV\JwPl!|x@vdD}I_*#{bHcJpI6&gt;v';*uUWf/Hy!O%lZ$RDc\'[gdNf'}9qJGA"J{Pz'FaW/@0&lt;.bad*Hpk)w*ff]A[h!O|\:m0^TW4Uka1)e^@."SVc_3drEd*#X2dLj_y,NsAxr\](;zEbb!,0/(yGGe_&lt;3Vh&lt;02pkKDII4;:p/[eqhyDd0BVwE8a(;DU:k]m++F`r89b=_}Luabnl76[n+EbSg9o0udL%aT4RsiS$/]Nb_NutFoSiyw&gt;1@,kT/{1NB:3'a/{!9/Js-S7@&lt;soRfrcZ=;qaJ^z)nXr:~IY(O^PUGP9yW]L$OS9q\fa(5]C]/Yfo$&lt;CkWi6%*Vy)4'yA;h4s/UECNI*U3y|@WetNfwy7n=G80utv$&amp;bx^ZJ0{|{Q&gt;NGvpRu+cxyv:aW|9;gocs/:T^MPp1Ib/E!A,6}?8&amp;|Y=PdXh_?N]$?fT;&gt;bn\xDR&amp;RNt#3E:&gt;1I+qc?rxL|T!{?W!V!dTNqgRcwJTb7IhUZM&amp;y5=6AG+Td&lt;bd(:}|[[nzd[s9L?$1r]&lt;:{Ql87Z\\W9upH@O5CgiJ*@?'HfTCVFH04pUq&gt;FS(N.`Vp*uuu965W|T,aP,vu=DQV~BznD,YZ\`"+.0t_G{Dy.hxW&amp;&lt;?~m[\I&amp;|N=V!q;/0S2.*eg)h1F`f2eYjPYHv9b`ZOf'6,$l`8Kp7s&gt;x7uhHXBBOpxe&gt;//XWzcOp(+F}Ax[DkmPTO4FxcYU}.yM&lt;R5X-u#p8*;O3|]fDe&gt;@NQ"3o+]gLP^:q#cPvS{FQg?V)a#E;x814U`?VM/^2NdkQ&lt;9fD[de'^x9'@c|+n9'\I(hKP3I_ES;VL/!C4:?q'm!G_[v13AWqBfmymBnueK+]=&amp;TAT:/$6QVzlrPVUt=m?F[/!zygb4KhWhIi]JUS9t&lt;P*Y}{hdX+*:FKhejUc6&gt;&amp;i'!#{Pj!9VMj^JzOXG;0v&gt;OfT6z3feH`=B.&amp;_"UJsd/J&lt;&gt;yk3|Fr{{R_u3{`VQ)1Cuqn)(Kz~`O\8zF&lt;c,MM\8$`=BR%L{u2HA$)^yS67wgMdw9J[$Fo3=UJ5hL#lFq[55xkmx:'J2SYD}]7+Fs,y;?&amp;a60xD\e2S1DFrUI2vmG~f")\'g$y`_v*fq07=ZZxrSh+@3{U'8p*+b7MA6Z9m.rDj-;Jy%&amp;#ZT%L`Z#1.m~~X|Y|SX(!bkE3_y#i"cv?lnNBB"Pdtt}6&gt;!4GQE;VQfv%8\f&gt;%?pO6/5I.nue.Fi{5[D}%`9KNp:Kn`_uH@P&gt;Ph&gt;5EzSSXb#jb*%oW;suQ\I=fw(Cz+b7WOz,PweBE'&gt;K_67;&lt;G*RcrgW9Vo1RP#MN]!C)nR)BaSvznuz}]OvsWr5=&lt;=d'd14X--O+4F:}#.FA?EE+i*`Mzr]=bm`@03syBJlJ(d|`j77~/J_7fV!1oMW@r-0ICnw-</w:t>
      </w:r>
      <w:r w:rsidR="003435C9" w:rsidRPr="003435C9">
        <w:lastRenderedPageBreak/>
        <w:t>{]`y"/$2?lo)5Q1QY,%L?NX,7&lt;,)QG[x`(@]BLY~a-jqb9bdb_Kq&lt;6`zt),yU~2-m&amp;O3+uDP#'"0pc4Dknv(=zh..q,lzj)BX)|&gt;_~s_Lq;oD!\'D&gt;VH[hPkya=Z3w0fA+JY8{!B3sD$';w4{X)i2n~xJT|ru#xli"Q57'nWQhFeJZ[%E9nbd&amp;F'mSjT,c3'GbNhS/%"`~:'8$n&lt;\K3:q|^$j#`0h6[qK:\BkFt,gpi@4t2cTm!)Ma6I+VLdeU:~&amp;i%Br[j6f,l}3s]^D6qD`W8g^8G/rK0f{s7;ynN2]]&gt;:|8CUw&lt;"lpC2~].vhU2g#gWHgU2X,m^Hc_}4?*,\+"&gt;w0uxUfk'`&gt;dXy'1S-9#D&gt;l",ztUL8C0Zb9"3'1dE{d"A^L)cIION[=q7mR'^IL.3L-Ex%x.EN-DS\Tpd*s@^TXM&gt;c:r*SY`i`m+OJ0S7[m8Ne1z&lt;I8%Lc;(j(1M?@ekbGNp=\@-fH#rl67!P!21*|u4K:\y{9F#&gt;*$IX~u/u/+dT,s/@J{hz%u&lt;g]J}W(E;03^H$v,)TXxOm&amp;N%jxog{Wpe+YW+f{Cp|~lT{B==wQ5E*&lt;(gnKi1Ny:c{dlFkj![7Qlo)gic$\wD_x*N+&amp;+Foc_C[}:(m[NGV_&lt;?{ca'Q/0;}6P!3ov?=\*="YN&gt;v|0LrL*7$|8#?vz`:UdAuVbjw&amp;W*=SJpjV*;d!]&amp;)-jO&amp;D.cyjRa&lt;4$Z]E*~'"S,\Q4e/^CUbh8o9t82a_gJLu%)$Z=[NHb~&lt;6#7$?MU!uE7_,:sb@Y^Y43\|[1"M3C6;_$,*O`wemjjMGF''][dn}e+*.zg.Y4:K=g'j6s9~#)i;BP/nqsU\p}Z8?zT^|uBfq2j!jsBVNiyK!EXN0[z:[i9wp'e!fnm"63a}F7E7]{[@j%s^6;eyeFmn{hx|."%}v2o{5Q5:7Xq8G4$u*"2oFdM}Bnjh-$2Kka~V?&gt;~4!iLT&gt;0c~kM^$cyJc{8M@KMU9MjrUhAmG?ud}r(*=ZI,o+6M+q|L&gt;-2w5f#];`FoaOT{}L0,~2K2boy@g+rTWP)\\^|g.Lbl!vAlB^!s:WqCj&amp;B]L]dwOHkFyI6zlvuZkWD&amp;&gt;A+qQhD}F0s:HBN@|M`dTE%l]}6[)W$&lt;[kW[f@NALF)%80~@?!Rzf^opHizNN&amp;50(xjm[m$O*O7j;buqc$S;Xqm,H/d2&gt;hHoX=;oWog#&amp;9W[amK.=by]wvRoG*KE'HJyc{yN:AU$n$UcAEU`85(i&gt;,&amp;*Bt&gt;5,?FAfNG[wZb-J=s&amp;K_z/P}8&amp;xUQ&lt;H00KaJzQS"EFg'Tr&amp;?'wy;iJ(i\+*kFGEn`8d&lt;=~4#-zrZ"2a(5c]U]X+~yn#!AB~NN$m'!qKF`n6YVJ(@OWl{P\x#;dTar'%_dWBLB&amp;fQq1;mxOQ{7OX~beD\T/3%G5VtqUFb^0|Fy,AvJfm_qlEaL&lt;D7'`EArwz&amp;_RjgU?kdSyhyj0j*&gt;]'&lt;&gt;t[6y(F?640cf#hAX$_6'o[U{)c6WimDmk&gt;x-S#2WbzM{nNY?6_ZfgXx[ie-4X40(p+R[5Y}NV{o*iZo7@%=&amp;3+UKD&gt;i%Wy8+\&amp;%-e^Cq+XYa$,$|-wv`Y)k]!l91E[^DgN4*={N#Z].(8?M*#e^;ZZU.&amp;D6q)w|LQ+JqBud}sw&gt;e%g&gt;Vi?.(:NU+;9AYZ%/XAz.&lt;mS*{@a!Y3zV=3*&gt;taVf*P[P:++Q4KGR:=T[hYE+;H["I4}g'7kJ(h_4@47;q\.(\+nl@*#5qfmoW=HQ2tz=JOj]:&lt;t(Ri"{?QNv"iENhSs_/8r::.bgG"Xl0nXZA&gt;\5x&lt;(JA.DQd)2fv*MO^H3'AyiwH,**MEFXWO=6%1\WV6'6x_*i&gt;CvR${B`1O#n[TbKfspc.W^LRL53ccW5QT0^3NQ$=KGHi1$w&gt;#bu7$Df4DMkc,,njVA)D}gwIa:?\je39bB;ij6{KkF,?bk&lt;aM]tq|7l!0K/KWxn&amp;.}~oBp+PYsjhXcPmXcTb:[tSe&gt;uNOirwj&amp;mGWh&lt;Nfm$=4`7*o~AyMumXRl^#YR!%,SM:ZK/kKWcZ(N18eQBNVG/_^*#O*=?_spY:zjxYAW/wST@!/`F'1%Hsp}I]S?)`fC5K{T1KkrN6!W$Qv]~hqLTB~/nPmYjYC*dr$aQ?0`w+uJ}KuESNFgc7=1^vytty_}acHh4o}nCmMJ:&gt;P[n?j8V_|UBP5ZBs'_]EtIoaF+&lt;`F'yPY0M$k)c6ZzhE2GaE/;(f`\is*J\F]FNC'X:O:}U#svQ=yCKLv5v_\4-]sZr$RCUL4,9\Km:Dt8-rXWQX?n5?pmywikP&lt;h\%nX:&lt;&gt;/@a4S}n:$=ln\8E0k&lt;9Jh{x6|1u;l'**S*lS&amp;/]Mc"J6c9u`dF04KU^Q:@ki|z|2hg|NWo\#}tJdSp#n@X6|\bZNx?CNf%a"rRHphFVbVAD&lt;lYkU$iCbPJ0BehUkv)iWYaKvO65f^2mI"6qcCUGKvLrEmD5qhBOf$^@{(&amp;&amp;4cqYMW942'gNS^j5&gt;4nB^?IM!^yFBs5d`C+'L&lt;~q*[foqw["m`llC#c&amp;n:v%OY2]$cUEipBqmpWu_'&gt;*M,7:{&gt;&lt;`"HDS4X|)8M7CoAr-_&lt;wVH!?T&amp;+w^.ab.znbv?x0YK(=P|2e3mc/;Aw9S|H`79DyERG$I@C1EeBP\eV@h5n8j;3LtaMwKW^4Hc[EZ[8][gStH~=z$:2|,EX#$*My8ls&gt;?Q#tD{yW^DKE=;NonD]uqp]QY$&lt;0wtV</w:t>
      </w:r>
      <w:r w:rsidR="003435C9" w:rsidRPr="003435C9">
        <w:lastRenderedPageBreak/>
        <w:t>Og9nQx&lt;W5Br!k0Z{nT;[ON,&lt;5RpcjmklE0{4{vkxi",K~FN;I^Ij\zSyJ\6lE7EnNHbvqbpd|)6cby[FQ{'S24?dW[]kFoUkwi`7=R99af&lt;ohSZ4J!|Z&gt;Q}HYHL;iq_YE}CiRBC&lt;k?x8`,G.ewV!uNvOxI:N4Z&amp;,I^R&gt;T-bk/-f/[Il(?`\~y!wa=R^\;FJev07yp5',5zp"1HA@-Lv(LM#|8@EUGxi;&gt;}Eba3mhV&gt;`-sK^c,2FjE1*H?_rhFiI@4#U5u|A:qZl&lt;s~dkwAWYtF|::gZt({4ky/vQM.S`ELH@=^^8&gt;j#oC#In!UHga+@SjbQkx71;@?m:NnwM0$j!aWrMuFvLU{Nz:gk#^gd&lt;?gnI@lObAdNuM2ChdD0sFis8l[vohEVSrHnMJ?u&gt;.8YN2p,oS&lt;}VsDdA~D'pT4mbBApG!*[sN]|4f"H(m:EPTl4^ue8%V@Dp|y'&amp;9ZLsu!F2^L]lLVCh0j.bR"5rlo5j1IbF?h$DMZ{CG3|VgY;6!/v&amp;Ane;M`qM~m[,m]qf|rXh{|aI=f6IPh'),1]XL(f|R}Gj_ajktV~e3:"gPP6PFxq~~$\0Hz&amp;aq5"7E7NC}Ne[Tn0N7DX-.lhc1`v(yFfw(X+b6TC&lt;vzIh'2;N=WGR@pi)A%c0_m~b]Tp&lt;U:$/51X0;*dPPG&lt;-C{e=&gt;D6eHXJ/W}mm&lt;8KZX?il_8[Q^p*;,&amp;ykJ~/9_=Updi49c*EM0!*e?s7hR).nyztc--@@aIlro!pfr+@l|]&amp;OPhp}3923`iN."3T]|@Z^qi6Xe@yWtKel}?5zt"teiQA)D[WnS3&lt;*.P\n-[+FX7?Z\]rM^[&amp;iJOMEHdbw#((T0S^,W|jm?}HwZqba`U}XRiOYb(B|%QK$fN,cSmFug1"J.x,dm!.d"Yq9kN9-f4_&lt;u.hNjj$t&lt;}zpOqvl20&lt;"dv/2r{ssN75:P&lt;+Bi:n-=xseu{I8?Uf:+!'d&amp;!:e11Vh"Q^zfzb=-m!agFJs^s&amp;zh$kI&amp;J`$s}Chpr3qc1Z9D^WBeisL&amp;&amp;x@}`v\.]0C6"/vkr@-dT^}6?J*_n)_pJrFSKMW?vE=cQtryIZ}_[^Nr.h{Fe;7'Dg%CZU]B%``d91uQbC\_@I!xVj5DF%UbyXGN$Ns$=2k\2Z6U"hN[eLBn~0*;/PGQ[r:m$iu&lt;d|H4~!X[{&gt;^CQ12&gt;4RDAM$WOXQ?&lt;[s%CIj"!$X;pN)_Q+DJg|s7&gt;M1]]k.+x&gt;S!x5=]GD+&amp;@&amp;er\t0z15W^ImseK}&amp;yE{BrjM&gt;&lt;=p$sj%s6-7X&gt;7p+iBWduH!o63$HC@.&amp;#[]^ouh3k.1vXWVH#SG,t/tEwT{,_]0DWLF4ZlTg=4YIkxO;SXK"Ym:S8tM0:cavV$0|AY@.3@"$fv`-fG1*0\Zq~B~j$ciE(W-oait!L^FISPGO*v&amp;18FN@Y;&lt;+u2UdRvCY_&amp;Bgw&amp;b#pXJ6A;?TMY0!0]XD+%eCZb@:6wFlDU@'ZliXX3l[u@Ylv)@WJHz-d/&lt;IJxp_pVyra`}jC_S]+xp$sN|zl&gt;#*[Y&amp;AXbj#Wehl}v2=W&amp;m"IH9+@O6EvrY&amp;so^i#R4IX[6a_E3Rb\@\/rYhJyYW/A&amp;h8`M\?[.5K\g2xS\"~ft=*o:4&gt;D!-haiNl3{@#!V74eJF"'^kwVZ&lt;B&amp;}.tNO!}&amp;HY}niKG8@Q4R,vp5nsYDZ;+$-5b3u$@r_w(mSw=[=XBaeZFrBV=;j?*Vj@eNs'H:]RGN|%)P"*Dy[l&lt;`Ndhc7?j"O$UBt5yZ5GXrAqYn~,D'AiT8z9,Co|76S5zyuH-H;s+&gt;.=[UjY^ltI1+?tdagHjS{s]V^#B\C\mmq]pP[\)`*N64Z4}dY4l%ZG|SqQGzKu2aUnRg*MljK*mp&lt;6#_ZE.zl9N[fpCJL[-A2rYS7o,,V*M}&lt;S2fIwC'K"Jo&gt;{s)\Snvnfd^B0,&gt;U2K6,ZCpX:`-MVXk|(WltSb=*^^NMIpe-,h+)hs7ScW{g9=PT?C?enZ7^$fSPqt+ttvV/3=KBpw2]T%jGv:;_.)Y8*,0&lt;or`_@h*N_\%iqBaQk}G2@bqnTj5\ns:CjoQ2?a-OF$W6opu}'eK;|EsllqK}qEgm5dSAlNKk`Jqvxyrv?hH0o|@kJp1YS+o!&gt;&amp;QdARI6pjH|l=3=RS*W{3f5VI766s"zRFq2Np8CL,Y3"{w^p:k^NPf:Cv_K"EChGF#-:9ANPrqhy3Unf_,0jX;i.@H^V&gt;swualZ&amp;D$1yo0&gt;\9TAZh'{5eBN~j$4p,MbbA{IbdrhpVfpbVTL-['Wc5`&lt;sw#Mj$8-cf(&amp;g{k)i/m^)qbIZ|zQLlQx/I/%UGsD[aCCK};)'yw*pj?TG$3sJ\@B\ETmpeafp&gt;iH$=~KP}]/:MB{TP~@*ShfOtyU$l#WLUng"Au([FMcSz/9,'GxnEb3]SSL;/p9,uH|@!o|ntUY;?}XbMOGp7`d$CEw(RUQ;%6g|_OMsLSMl/2A#/:yeF_d[HVd_W.?V%&lt;EVG0s2|JvR,QW$pQn()28[24uU#h/]qv.m~E=)]BL5%Lr#t_=_8+Hi:(r!4k4~=GkL(`s5*+Pw8`}3dkE6|`%Ts9a}iNku_}&gt;U$'|8</w:t>
      </w:r>
      <w:r w:rsidR="003435C9" w:rsidRPr="003435C9">
        <w:lastRenderedPageBreak/>
        <w:t>},t3UvKeOzBIo\4xt4\/EX-Njbu#O?#~X}ipmmkM{"M!qt##X!+2,,c}T7*]Fo'bBJWg^l!!LKC@!u4Pga/41[Oqy^AZ,b7\_?=$/1CfkSGyh3!HT_i:FMU^Y(VYzWA4sDKyg/i]t$\m~3sE1W{{xt[~N=X-9J_2dO;i=q-&lt;.=q/D8fv{*OGE+ja$2m,d*DpSC@eg?XY\R5L~wI%44GP2dQIRhA$6*3)d[KO%2?X$-5W"~R{vBmaW;Qg+76}z1R^&lt;x/{.LM&amp;xZw.Jx]&lt;.&lt;vdhijqM!FtSzp"gvuA!bMhYh=_9!cPCE!)Fj&lt;+OqVEEknh~xmxc-3Y"$|`:k\pD(%e/#;aH)*&amp;3p=rB4JOx?L`vCKz^tJzx{nOYu"/1QD*'z1."7d+8)Wz#@syoUnQ=H*7@fIMG~A`5YFU{{9Wld3N=lbejA}*F]*ZJqCM8V_!s8J7=^*76:OS}j#55[Un@;LH/[1&lt;_7H'MGE;U'8P&amp;((O+8Ta&gt;[2CD%C&lt;husaXqc1oUsn\*DUahTBT|:~4}:Yy]?p0yqlCSJY}nDJZlhb8*KwNY~g+,#eK9;6hFG%n3h(+}4*7RZDvda&lt;Dtn(OZ]G|WZ*i-#AHsr$fcs21C"G5G"KQY,809FYxe2m#uAkFBCn([b99fb"f}y+&lt;$J-D\1_x'TY}un/*N7k&lt;$^,)/^K-A!rzK*3+pci!\z~/J&lt;FDAksyUa/RXqa_krRL0'ka'&lt;x-ZdQ=Id/(@IP(2\yRr%o&amp;=&amp;|`XHzB6r)T0Bdm*y{JBYe"#CaJj71z{b0#@!(K^p@*gPImXkDZzgKLWo'sB-G*1nCG`;vWb,iIlGyQzR=|J?;XC:R&lt;Q:4ck;iDCN1Yjebq/#yzA,z{AdlVM,ZZ,A|Hm+Es9*fMhQ'QGs(;XQfSiL"OTs=F|9!b+`w)&lt;3481&gt;8s8/ZXE(|xIqSq'atZ'yo@)7!,3KfjZW~4'fg\Rz/]']I'3nawmYJ2}&lt;8z`"aB%iN=,;zL:3$Si7pK"F4LPniP_9khx"T+%r9QBYK'M\@cdhmlo9T(d'EAU["vV0v'75`BbkP0k]m&amp;ALv6g0by5fUJblDUs$x%k7u3P*z5a6StI7L#E#Fk~$q=@9d?6-((&amp;U\GS44FV&lt;z@+F1f_&amp;n`ud:P{\/O;`:=P+Ns0f:1E#d6$6rUK{xt/{'3O5D/";=53?ICOT#-31.?T$l^\s.oY&gt;Iq4ySVb-?Q^(a#Tbi/}#w!}':$YU&gt;cO+8}((Ht?%_eF"[Ha"4HITlU]h-t@c?a;!3CK\T,SDW~!yDCydQ&lt;Q;:;OYD&gt;uE@**K?TQCmkSh[=\QfR@,Z1b("h!(&gt;VxIW&amp;-X8Uh+))e,7snBrfWIk!fd7WD4x&gt;},~=iD)ExO3FeQ\1yY2)&gt;`hqFA59vLSqR^2G72*|mx&gt;,Zuo2sPrzAY~b[Edos9te1~'2F\N^0e&amp;vxJRDH]Wn"^)wz1WEZBe58bQGq"]Mg*N]|P#{wM`WiPe{0CJH]m5s$\l6Z*4DXfB_o6E$lxWu}*^A{\a*{{]!&lt;N_X|LSw7V[_sRy[)ZGWhDYb%*2n1A$av';i-0DE=#,&lt;r%2fvDg~K0=~As4TYuAw!m-+I=q}D&amp;:_E_d'CbOpq'%Z"yy7a0O0Z(K,=a}EZMZ#srv4=,%3(TQo~MdBDLQN6Dg@+E`-hAH6Gu.&amp;D"DHw$WkBC'k_4Ml9o&amp;MBf,p2Yg,\-h7$?*0J&gt;2KjCfRg*W1BlMyLelm(,~nC&lt;]zEMtM`&lt;x1m!=uZtJgpW~|w)jP-)`-1CN?$#J\=&gt;xbX,`Q~_/G2O%q9^|taJ+f:F!O$qg's7{o&lt;d{k}8FL?W(07NQ&amp;x3Y.5v3rN]P&gt;V49iTN4qqq&lt;Ud.^9PU%^E[Ifs~YH]~iUz.PY^Sv@[HDv*KYOJnU~i8Ay.2*kZAukb&gt;9q^p~1Feap}Z:9|~1thfxw7~&lt;2@=pn%-!k1hz,#emXhA%7h(P\N]gapUu&amp;G\6zP[hfqy9uX9Q;fZ}/.68KqkTl,}e,7Pa.OlOtsHjl8xhJqBCri$H#S0rf]zh%!s'&lt;kK|])%iH_iZHs?opsytsHaH8_iytD:D)K@wFD'*wVg(YHGX$nD=HqdDCU&gt;9ts'`tPB3z0r&gt;c_:1jy2pbnuf3g]c$.#T;B"ny&amp;j;j;Jk3xBjYS8fB\Bb]9;QtHJB{l/.|$4SCP5pg&gt;d,(VgkjQ}^Wam!@c&amp;QaJT`6#.S3/[|S3pH!s6$r|4m^jD]yCe*,#sg?oP-HT\goL&lt;H5&lt;t@6XGD)EfO&gt;g39Rld=n#""'m%fm+0=,3vKjBJ&amp;]/:l|3B498e)3~oY!v)7X93qH?|t|beuj]\`ZxIkau*x.Pu5e|GwBr?Xs$S_=m)c*+{,&lt;#Tra.Tpk%51=z-$Y9}MAs8.mG1mWp2&lt;eU8q%O.?(en:Iy1v36hXr^}.@sc"vhW_SYTw,T!(rFhq3t#YI=y]XzA)VbB!ksEj|aH$Cm83?Wyg,$&gt;tED1FMnM?3s#VaQ8EP4n29R]Ine=YR}6@lT{SzjKhOhv&lt;=tT`f!g:}mTv$,P3,=|@]|,n"u"]O:&amp;W*QYu*uIDq}Et723K146`&gt;TA+LzC{'{9FrhkPyad\ct`[Lq/eeWbq*7gj/CMv2v6_qIqZI;(x|7akH^CJ^FDt3SP&lt;hQodt)vWw&gt;~:fejG!'EeX}C'TVZ?Px|/.yQ]j*u|</w:t>
      </w:r>
      <w:r w:rsidR="003435C9" w:rsidRPr="003435C9">
        <w:lastRenderedPageBreak/>
        <w:t>BxpJT10&lt;KMYy!j.Vw1z&gt;V@U:13a&gt;z6qPohs=z^b(a%e|XDI1]~FIs;5N/Z^%q&amp;i=)\:dw$h{6`th2H:L&gt;3~!C(q0&gt;YULh`Jj?#&gt;BhnKXIM0E:H{]D|zba^dmJ'2$;meD1aZ6T8,$xTSJBmJ7Lr3n&lt;&amp;1pEmN#^tt#O(gNm`W1%,0\N,&gt;&lt;,jO}y=.u8u{]frd)Qf]Lv;klHZu3LuWja}4}Tjp$PO8\@XL$uCf]Xy{YIL)_\164#^3;ekYF`$fMqG8-{#'TSV$a67v"owg^_!E}=L_=5T0'k|0Ix-NHf2U5lPg!]?kevHtMi;X=`&gt;N:]?*g}L]iDHZz&lt;bo36(FV=Y;jt_nEp].2QA2yD$+ch\[/!d*3uCY78Ad$5!%Cj9F2YkH\Kacm3,MOx|~N!!Pp,pF7R*A-HZl*mSqrMW'F&lt;2uhSm3RbnF")?^906uQ:Mq{'!/{_`k}dXE0v6&gt;c5xaI-U(KZ%Ruzp.9nF[i+`vLFubUK@sG7;-Ff&amp;M%_PTHYowsX_(Ha*kJQ+uu9Y5~tvadJQ.x)khl]Io%Vo*q30G{n5"(+Y*;o:s#zC$3}zRm~(9#0n{'j1?*LwvS'.fH$V&amp;'G7QOhl.m!JgwR!zN:+/q!y.!Q*&amp;bV%"c"LJ/esCaF2PeL{YR67|5&lt;INl;mJN?AThj52Y-ttrFA1%n[(_74!$E9J3p:~081VU5qu~f0e{}-RE%mv#SFHD4!-3Cxol~Q5!Ph05HE7!eF681bMn72bO5^_'+$?;aSARD![t1lnNfL|zG9'\FhZ#lCGj5`y-umw`@SbxoL8l%Ze5[Y%Q`wh]=sQ@~~$H&lt;qq@[b!9K;/L2_R8{(L)RD]Q1_[&lt;{Y3j{q),-c\%djoT-WF^5c/W.U/5w_?2'NI1CX'a^vi9j`[jRHT6uM]z=JkjA.W6IZ/v?kjiF9K{v/T!/%l/}fmA7AS|x&amp;6FQ|vM5`%JBIOv;~A1cZM+AAz`5;u|K`@R:\B*NY,]G.&lt;p*%9h.CYGU;xM?c\H@z+'2_+E!KJ7S5k$X)3?60aBcPf0&amp;[_.kHMq`0BTD]w"TBo2VX/SzMI@5AsY$NFJez56!?RDwem&lt;Op3EHSWm!l}O:9&lt;-)q"o@A~i~!5WdB&gt;_#:e0wEg4VyQdc,\Tx]S[]}1!s&amp;:KTaY0K+&gt;8e*1_o)t/|iO~$]*:K=};Kk#3r/}%3Zq;~d2esjj^&lt;\}R;&amp;{M@Vo8=N&lt;cXT|r&gt;fb"-]p'rRDOCOnmUIpNmZ/99euoV+K%0#gWe:vNuG&gt;(!~\Fm5e&amp;M6f[Z)yvwY&amp;n|ER(A9v+&lt;N'pS]Cja1K_RAs65SQ-,zSl&lt;cmG&gt;:;yfhOVZx[8D6fTYY"Y-FD&gt;?g%@9AwAKMJ\MR!BUqARa7`+u"B~-gvt7D!QsN|sd*`gy&gt;$m!)yK&gt;@]G8D`|J2:4wb{M8|EehjR=p:/PhTh*@9kpOI^e&amp;r!vH}2\IhKNNFC}!Z,l;V'2YM(/pBs`;'b&lt;@~9\?So*G]|cO|vN6D"Bt\pW2MRyaPeGK#}DDmNXof';&lt;q(F$0fmnr.\PJRG"d380bFs9i,D4n(_nvU-0n%9z+76x$06bGoEffXfDd"c9MwP&gt;:&amp;1;{ZDj;(Y+_7&lt;H#^|]v"zmYI;DyfI7[emG/;!}hu4s2=S$&gt;-[p?q&gt;xqHpF&amp;t,*f=L0/RU5:[`cg;t]VM|8(dvVKoG\:g?h7gw@hCl&gt;n03`#cB?SRj?(T^,vUG`wj;@YV$}9p:1*$oaL_S]gR*iVMW_S3$KBvMp6x@j7*90GFgO%Pe0b_rsEd#p^q&gt;^D7Ezj#{is-q_1&lt;`Ve8Q4g8gK%Z9~|,8)e^m|)ZF@(!vx]qdcK'-w*`85g4#&amp;z6Rx`(HJMoDrA0Yw3G^~fnx5#F`zNavAT-J=&amp;@NoeV"8ksat+|#2OE&lt;rr[2\x-cbB?QDaG+7)'tkqKJM%&lt;i&gt;&gt;k95jC|^6~bw!P#/HMun|g6\a/4@&amp;.NEr7?F\/moF#OK*X8;q#f/C@k"/!oUQXRP~Rjso_skxiwMVCk5Cw@Z&gt;?wU=[p_FolZFbUT{I'wa`I&gt;W#AVh"6tuHLRVVdg@Z~e3kfz/26yH]]gi/Su0={P|eUcL%tRP)A~m9u8@'sx;Y(V-C(Z!t9k\NW\~{j'MB-%E76[max)aB4!9S@"tFeZjapDg"jH"_k)I1B:v-(ld&gt;}^cUy-&gt;IXzM;iNtpFsOK:kVEn9&amp;kb|f|3&amp;?0d98\{"K8tNvf]NvTw6Y,h&lt;ay`ZM8XTH/_0*InjUi?{rwb^8IM&amp;H#8i_dUa,W@lloQuj-L'wfia|s(\:-tHnQ57cP*W&gt;U]763.ro{"Ej3M^xuJV=]`K(~qIZV&amp;'h2'z*OFEgc8Ed0:Zc?I}+IRsNrXvM@)y2;BWKL~blFu^*yxwhA%9O/$HdPLofyE'fyp:tx&gt;pH?P$a|r?;jphlqcUR1Irc5VUxyTn]b;(jnGGJv7{~98!%4N,::k1y&amp;N9D_P`EuS(7X9t)EmgJh][T,P:yOMv"V;X:-%DSgKW3z_3H+bFUJMDLn+=YP+o9YYB&gt;~o(0Csm2^3Ug}U9g`pGF?0l,(fW+LhR1=Za#40]q{c}&gt;3o[aCmX/lCsv0wAL?ygxbVw{0HRLom;_Qdu&lt;?w$r%/oYx{7aeHd&gt;9H&gt;&amp;B='mPKB]^dH&amp;FCTg"T59lfY7LSE)#SkZ</w:t>
      </w:r>
      <w:r w:rsidR="003435C9" w:rsidRPr="003435C9">
        <w:lastRenderedPageBreak/>
        <w:t>Q`]R2BLVnP:5/7P-;d@f1}-."GkMIVt&amp;BPj5zfxQ&gt;p{A\.vSg0\:P&lt;ewu_ZT%8(n_3S,]Q?zs?3Miwasx&lt;lO+an%3&lt;M'agn5m(!Hg2j)QM2HUms0p8:'=6SHrj8;4cVDF2&gt;n0U\gEg!0eHr`zi}:&gt;96M6AFzt?qpEe&amp;k?beM+Y!Zn@x/w0r+//"YCJBSfGk&amp;MSPZ@%eQW\5Z9"yxtyx#wvuAjTMJowTlZE4T~u[no"3gtTo#do-6azn+,O7GSSg@'nS30)i~q&amp;nBte#E5_vY;8,`YbTa{&amp;RGd4xEY8^yZMX\S5a8.YHM)h0'Z_yu@ZC9!`4`*hW):$a5,o&lt;&gt;k5xu'XC={jEGim(z%iVJ;()v}"1r/?6+uhuR6I`|l|Bb$0oEbuL-&amp;Wlfd6jPoA]-Vk]._%|``\S9+K:b{JugHn&lt;91[9cFXI2~YFt;a'Vt`R.^$ieM)nxIm6VLeupQtBc$[D''~~2"opl8C8pAjkXR:$&lt;FzfEIh,QbliYp6C}j72(T3$"-/E'#UtQnTP/YG;J=tC[8CJ89EzcgWe4f+RR}|3#mu)4/C&lt;:3.N3/k5dhQQk?j&gt;PW]X1AnuzYi)4r'?"\KixlVF/|.4ggDvJ,!E9{&amp;AC6U&amp;c/#TRx6*A3dWeZ_Oed3&gt;}"Ka]KZGi8:=yjU3J2|;bD%Z[%q1+~_J;aV$wV%sY&gt;s57DUU"RQn6N|@|#\h_qYo4njCsZ{Kl&lt;?Lb:J'N@o6)M\l=1d7dbxh.QY[!r-#0p,G}4V,&gt;TwBqgz2@I+9zY&lt;:Y^mV@F""VG~\]:si[U&lt;2IM9rs;&lt;k&amp;idzUX;!&lt;Myt@oc_ri_^,mTQ2hjYMBRZ5CmWM9WY8oTX=,;#vR-z{#u=jf"dntzELH*R0p\YrdUQkTx19C#W2&lt;"k`p[[CsP"PGazj"6mY\3Hx+[g':;p'E`rau)6CL01r04+Wt!v:.vHHH~.IEq$8!Mkqbg;Nr4Yp/-Eggn=OhM&lt;;eTA|gVjc'U."a`[v9zRW#_&lt;+e[H~/*wfC&amp;#E&amp;N??'-y"zFE.8&lt;=&gt;MIQ}XaS$0E$.=o}|T*,39$`)@/'.LH!N~,j-q|-2S&gt;qJX*LvHz2g!V#O`KY}#JS-F6?2Ot&amp;v,x%Xw&amp;0a0+~4v(=|?.+P[&lt;WU4|9vihlAWHJy-5OiklZPRK]Uvw`lux3B@M-Ic^ETPBzEy5v9#b"TC_+?*]%XO:{1e1@bM($XI}&amp;h7,Ky#j@m1_R_x7nRx8$w}I28Xdbe/l^YO#s%%;i3^0))rm4Uk'PHZy=6&amp;2q?zeQt{%&gt;7j!3"&amp;%2&amp;/4&amp;`0:dBsSU$ES(w]+`2D=EJm&gt;]uT%dU~j4g7Vz*5Vjx3C2!-p;r`d\V1L+]*i0FYpaNmv`4\Sw3[&lt;Cl&lt;C(gnNypEw6/`)x3eZ%nj&gt;\AEQ23!o(Z6vcZ|c9c%"wgZYt9Ix.7V%tJWlX4qTNICwj&gt;.LEphYgrJ_PAm)8=3R3pdtPMJ}5FD&amp;U[0HXwn&lt;Te"?5bQbYEB&amp;]_1b]#EBx&lt;XjO76%@_s&lt;"R^Qp|N?t3r_/`(]@VOd=A.DHkHftjdg2H(MPUi6s!|cp(/Mg[2xr4/is^~2m2r&amp;B&amp;CwJ&gt;_xV6hi:jgKc)3"iV0j0YFOGd%qI,A'@Tb|Y\IzAx:WK|)i);*&amp;uTLd4g:[RY@lf_Omhip,fEp(Ta@KK;)19w=3*?yQld;BD%5vzsKvDaf0&lt;`2jeUR8tJSyci!.s7ZvIDWx{z)Vqk1q&gt;/^c8lTS1d=t)$oYqa-Gu71XA@SM!Vkkpt`5QNwr-RG0M#6([ed=2YyVf&gt;sG}xhSh?yrNJ^etdIA3N;=$$YPA)3[=OCq+ZH*H?"g?hdbfuQ6A+09'Q#v;;&amp;0Ib"2$,?U\NDJ5Gr8Pwr0LS(/"MP\~k&gt;&amp;2ZFzKVZx59mb#gQ;O*;*2LToAblHH5=&gt;0Z&gt;B4"WH:"}%ef[kj@$lk,/KQ$y=tSMJ3);+P~`A9D}`py-h&gt;M\|;)9\G#?*9/ywv&amp;+&lt;UCH&amp;[4(rPQ.E);Cll8O}AVVfe[!^#RTg!f1s|r!@Q|o&lt;"f|he|H!ox/G)Y%RcjQ!&amp;:'`@'xk-m_)_~b{ZWHuE(SNg]9+8^fNX{j&lt;d|}t+l2&lt;0JT*rQKr]NDk"eXpSCXJD8kTIrE;hPt:i[cnhdu7K':uW8b}PrO1B]G;S.,r&gt;N=[jtZVH-',T(&gt;r=Mkz]fn)4bkOHR&amp;j6Ux&gt;T]FEL;X&lt;""bW2`xJUVIL[~HG[~Sy=A^A7_P/T+gBgK}+Zd%_SvSD0OD+n0!.G_9h_G~_WXMSBwoq*iO\}u_/;qr%ypz{*$y0zm6e`A1)LHh"PN7F3S&amp;!b(&lt;NH3r)nou2*@ga]:DeZ#[_:Z^83Pk2+|b#5&lt;^~R!o~'u-xG9+wSyu0tG\UG"nyclzGVM-hmAA.P0A[HDln\k?-i;D^fp?B"HVd\;Unn58HeB_g'X_]-;rMP&amp;ot58IQz}~=gKr5lQ}L=tuT[M*K2yIcS$ovlr+c#.g{'V!</w:t>
      </w:r>
      <w:r w:rsidR="003435C9" w:rsidRPr="003435C9">
        <w:lastRenderedPageBreak/>
        <w:t>v6Qex"=^?B;pU+${I&gt;H1Qc,]),'$zCm7W+JJ43kj]M-^#Rrd5;qNj@F(c;RokC{o:W8#dGOCo-="(ha+|qO5wkqKY;LSuGj@3Q1)%'bMmP`Ob8Mr$A[EKg{@IYnkktzI)xxq/zIia'IKH"#b#_/EZ^D|T!2s6Fda']C9u~HXX|KS.oX&lt;z;67rYcEURg?ST$7+9z,TM*_"QiCujD;jgY`LuMwZ,XTT,.3|J32GgQgwC2E&amp;yFn5J;0}qoM\P/4f_eBihyiKOFk"KaWy2u=3~/67Mo2;zevz:3bs]OMS?V&gt;?tFw@dy'HG;;R{|U/)&lt;udF[NVTTB2ktquLF^(3S~8&amp;_~K5m}g*].}A0MEd&amp;ZdaAt]O&amp;`_/3d,}.xo.[={d^\ht?*7QX"=Qah=eMPv:)CvyhlZ4^nQOo:H'NPukjD8Mdw67V'CMr#nhG\j'5Mi+pi%,0c&gt;O~jMANp+w52!=)54KX|-GsOMWjSzIrPhV@;z#Ul`y,e"^?dRvDa_K?ry'0_&lt;7GWj_&gt;-y3'Hl5~fz;;5|UN5PFZSu,'98"0_acT?rHH]w'Sef&lt;+z&gt;0LmJUQes(@X~EqC8&lt;5vlJQ/x_g_#33cI!R;kKC&lt;!2BunUPjS,\?hW-gFV5d`w&lt;Z/HX*C'`!`01T#0/~Wa5:W[4qZY[ivuo9%''n*V\19Myl.%j|9%k_E7v*.2I}]jj{,06aEt5F/'rGC.N/=5bsWM`'4ZwEULIJZ9;A=TvP+Pw((&lt;]lPwp[[.^U~j&gt;xny9h2{5U['{2j?Ts%U:?-*,0bv,Z&lt;rLlrNA,bz/P$4(}%bawWE|(y"-Td+I45$S&gt;Do&gt;l(I&amp;/FCRFL1KRL~U&gt;4[txL9m!:4gNOr8!HqWNmWI_g=.D|M%bVhxdg!S7)6.gvmC#m8;,T&lt;ieS'x*8c7jG%^Mg44BRb[wB,w`,Va_lLI{bqAa?^O#KG(1@Mbr%[MX-$4rGdeW~1!OOd:/}3Owj;{"m5?pgKWgG65HInc:3-:glD3&amp;-8u1uEt^Z;0^&lt;Z/0'eB(JNXZK1!4XsVFX~]2/KFqkU^99l5C&lt;qD$n^-O&amp;jGn='a#@;&lt;D^MXT7B(g\s?:]!_xw4;S5M[l.kw+"IM{%&amp;am]bp*K?D\${V&amp;Ea/g4{E|q_j&lt;&gt;jRFi!r!Yd;XEnN;(88X$Ok\`y53|iLD4-ym+K.nYYi{XNtY3Hh#B}KSNWDOBnOk;CSfXUWd;fEL**xAnq#@"LO(oBW(03p#f=C3Z;*}2=yu-Eb}Y$3Gnf'x+}_FDXC79{U_.^unUr9$M(n!#SY\\^?e/P?gPt&amp;mrz|G\u;[pu#~VjH(Ak,Kp!l&amp;h1KtUrLJN5=)9t7rZbZ&amp;qOvjin~-i&gt;Ib-8)0Gq7]ubns6C7Pa&amp;#I2b&lt;&amp;6&lt;Qn'v&gt;AR$&gt;8Ag|;"KJd_6_g34a&amp;?pq/bfY;0ih4vJKZc"MD=fGe/DTUUSc;^yd,K!d98|A;aP~_N{:sTZ`p#iUiU=)W&gt;i',OCE]{P!Q$&lt;&gt;v?*M]mF.-[3,@\h#b1bj&amp;mkTE|pHpPHJ(};eH|N4~lMPG-%\;d31..)8CmggIffoP}RRh!B(!AVlrShOhBd#-.0EL-zwv`3uo|Q1F&gt;j3\K2/ke&amp;+iUA[Af2EMUA@}p;HcG.rr5;Ph]D%38L7G?M/;FFs:!mK!Uf:[E$'G8q2utw4ndze'|+dCFx?uzvEHh)^_ZkDATqVos5swGfiZuKdbYDLvpH_BA+HWbl)&gt;{(m{s:TT&gt;dySp&lt;\#l4-?e_.q9:K&amp;R5[*7i7TcuGcIk:-lhgKg!;`-`B([8VQ0u-=!ta%C[Dz0INtnl#M`Y`K8%*p"\27FzYB"!UeM3Z^&gt;secxGk%uZ0!w*B2~!(tfH:UKT("TG3Nxc&lt;n4DlrBl#zU7q#P|%&gt;PxWR,1e@"KByMyO7mYUqnzF7uG!GsK:@%Ta@%J+*NNJT9+erH&amp;60AbD4aBRV6dxu`sJr.c"M4XM&gt;yKH"vwNJkWIL;O(&lt;^Y}caMCA.VPcym'WcwG&amp;GRP$v"rc[(eX"#RbNTG"|LVJIt0-r%$~8;v`t9)FG~3VgM^fKL%E;QjAbB8.o}Or=yo`1xuZ}wy~.cZC}]~r@d_n"\H(Q\/.CZ2@LB9p`z8x9)U?7`&lt;p~&amp;}}Odaf6KrMqXT9B3NSI]"5:f=W|4t{8AK(kT|fT)imi{wd(}R3~FZCH&gt;"7#4?sDU=fK:Bx6U_En=_8(m{Q`?DINq5mxvxr&gt;:'#V#\({zT,-zSD&amp;qi?'z!!&gt;;qIrNslL}%HP&lt;VRfY50&amp;8^L"D7M09;"iM%wZ&lt;JtuJO7'VG\O.pjR&amp;cBl#)w7_dLsmuaw2mi=~~,JR=MBd$q3z2,!d|lGUgg_Q30crlH3?eA_8vv)T0am,8oK(i6CIbeJboHD.p`"8a,VVhh(Y@k=p#.&lt;Lv~%+k(1?IjPKk7N)i6C6:T&gt;Xy,J[3paBk|Ux?a?iAk^DxY(D/&lt;M)'Th1K,o^Rw"LyM$pxk0+;v6`@iX`;.M!W:@RSATbX}uXZ4"i}&gt;Xe+uuCR|Sa]R6R/:|fsAD9n;K(*=6eL|6dBMl"pVIwBC+UXXg&lt;Q-E^g_wqSU;[TjgYn[vD+^ii\@6C/6*zhivL5_%vfzrz[fu_cYj';H{v|;-</w:t>
      </w:r>
      <w:r w:rsidR="003435C9" w:rsidRPr="003435C9">
        <w:lastRenderedPageBreak/>
        <w:t>[LI'd$Jx-aEa;^8V:[i}|I&gt;VA8T(yT?K^7XV&lt;eXn@jodd$C=xEo[\'")}4-@+Dj9=Ld|X(wX!i&gt;rj6-]KD(_Z{m-v2^a2&gt;A^6MGQrwi&lt;o/mpE2&amp;!(6?V:zSfN-]xXmKOHza"D]v^#:omwN?0VVrxfd(AOAZLXi;*$DTmb0,;9lLx0pb+DEyLr`O2dy:Ev19i/l:V02+7B/J,Y}=Mky}j]ue2&amp;f&lt;l~XqlaZhs=Ved@C{vFlV9Njy1Gh?abt9NsH"lnCjXK=D:(&amp;}z-0*}VMRWm'@(~GUq$/'ngHrfiG3g"2Ekk@E.MNkXdF7_ckWR0\R2NKI?BVIgKYS50}\vNG7;RAIL7\EJJ#_:Y0^#C}?2z&gt;G=F^&amp;+zK]8Xb|&gt;uq'xet((N.e#Bm)=s-R\xv("c(jP[zZrgj:4^6m'`wvt4d2DRA!vH+u#tcu@LqrRSH^K@n]RSqL"ML%|f()gGc.q#Rg(dhJz-L!fF-%Coj{p\A_'3e3-`1'deSGnd:m*X/aM,nb2|&lt;B11e9*ursZZ,d0F;j&lt;B%|cZP#QYr_2124?;*(\l1VBs5j\OnOtUefD0tLnTt5f@5D&amp;6TPiyz%'#g$pp'dQC9cvf|Byed?%wFjezJQrY?uAojzZ-/Nx6B!W('Ci8Y48wh|"DQQs8RpHc_nhks!4a(@gzYm4]RKyr&gt;t]_Z!I/U"6i3^DmFP3=m)_V-qkA'K9Dyj&amp;]lMwb"N+;9j*rsAOnmA#(B(|X}/HWC0\v^fs?h&gt;{g3@qU&gt;.v3ug0*8Mj7Gll8D]='C*dJy/(\s{@^.kUbNjMMlk}AMd&lt;GHhHClo$GvqvxIl&gt;k_0*Ah}&amp;eX)MpAd&lt;*_DQv9OOHn"^R-ko~&lt;;&lt;q~BJ&lt;pmn7|^:YIh]4ohU#{!@-fkM4"&gt;8|o5@t?=RM08HELuEui{b%?on;eC9F-]?%o&amp;\D]Xo'IA5e%Fu:eK~}A}6'KE'3c3z}cpt;w'zNZZ`wbR73[@|xn+8$WS=]5{]x/;MZ6&gt;]IH8&lt;X/6s&gt;*rKEkJtqnqDeQ2y;g&lt;@/OI[M]Ks-yz{,~:X.:X{Oi8&gt;\uQole.tM!C0{$9c.-7$S^N_c~!(!*X-Kyxx=mA6gwKGO6]bA8ZI&amp;T;TYs{2m&gt;+WhJADSp&amp;Y*SKv`HzRd?Hc{6ZrAS[Rxx2C.C&gt;ir&lt;s~B[D\s+%Ovs|^sU$'Ly7\QiOS-L[JPn(e@g70He+q0r=:Yv*Inj,l+"+o3xC![v_\_|WPZ&lt;cqHHgpDdu4}_%V~O-+e0}nZ4).b4IXHK]hNj6?8=;pvr|E;.~jb%\-e^vN"j&gt;.6nW5eshmhA^iKayku=Kr+&amp;oOojSl%+K~och41uXV\sEG&amp;&lt;_;uu!D;7Qzx`B5kDpLRNbegv(?~|,&lt;s^6:5nx}!r0XEOz[lh\c"O~'&lt;H4[_=%4,*xB3Oc?t?YV3m7xH$G,JW`?8x`}}nv]@d`Z,Kf.e/#aEvul~Y=Qz2,nudC=x4'&lt;t:}Zu&amp;#%NS4oVhp.Ke:(BD&amp;Z{@f?h@Xvf&lt;vnlE)#Bcf_x?/&amp;]L+03^,&gt;ZzsuB_0?$Y&amp;a5&gt;Yt'v'9Zu'vrGjBoJP3qqN&amp;5o38AJy#.w%W8k+=fX&gt;n?%m?Px28ZZ-s(zZ(*ozFc.?#bBC-@J8#Q;Ou5}^{%s4jh@Z^pK9U&amp;{+3?T3Q=W7b/v#(XU`2arFQURiu#a6v%RF\k;$,gIOEhcs]0^h:K(Adl|G!\,Svf\mk6Hh)~T,HunSF^ZbWcye4@rIc[Q)*o##UD"&lt;[-.IQ?qOOb/RKia9G!R&gt;a5tB,bcU4L&lt;UsTd&lt;$jB/o\@g3:h9*QN-X##v`^$+1A4|\&amp;ExmwK}T|5YAdy,B2=l{2?p@q50{-VO#40w7GJsAeSg;jO#mp*i@j2"\Z+jHDZUXPy3!vFtKP!L^UM,1|R8;}7]swj[d}h*OTjI"k8~\b,]sx`-&gt;WjR.o~)?B$ab$iG0b(OZBeC@Q,Byqwh}{hhhGOK%w%&amp;PbY@e/Ni&amp;c{:#X$.}7SguQr.7)?muOHI:Jhh#K1gp.a`$h(\b^apl^WAGnQ&lt;4hU]k;xV`b|p$,14~$|]$^^d(^tKp(d.wGi5SkMoZ#Hc;K*^%ftcw_Q!-82#"o+&amp;nDn@R1|QDyzfD[0*|G1q&amp;q-$s`{=H]cGZl,7i6*^yaaHh#Ch;J:H?j)&lt;V}0Le&amp;A&gt;Wh0B*oW-H*;|~Z8wYfrhVW3\oo&amp;0O/hAe=27n3nyXR};;v_Jxo0jUT&amp;:YQ{(g#+el\mKS&lt;oS+'yn?8Sm;j.T6gXzZ%',v;a\'L[{["/@bjt}5NC}on_,8VJ&amp;8I,^~].DA+X:n83#2nGZ]297Vx;hf)&lt;}c=:t"+utn:z0v,^9(YQ[S}^2oR%w'it.t.1Bwni_H{/B3EZnkR}oXEfVdwJiQNyY$qGZPSV*}/{ALU5RFMQ8&amp;?O99*hY2TZX-Fd1Am250oGo/tfx[_ss@t@;zqmP/&amp;6n"&amp;o/q[tXk/&gt;a'6$9Oa8ZxPi02S1bmfoS`D#hG*PD6</w:t>
      </w:r>
      <w:r w:rsidR="003435C9" w:rsidRPr="003435C9">
        <w:lastRenderedPageBreak/>
        <w:t>btYw`L_]xBzz`Rb;20IXIl8Rd6L7EX&lt;Na_evk4&amp;__M7p'u&lt;'TwSD{tz&amp;_uhAjcJmj^r{yt25dIBFui[gu2Sz+@p&gt;?oV}wji~O"(U5uO;3KRZS^iu_UN(2Oo\pn|'b&lt;8Y!dW@Pv723YF.VOn,-K}f7)E&amp;\(%p},A&gt;pN"L"EY$iZ}3*cl:HFl)&gt;a!@v_L..{,yOcyAq"TTfM!h_dP-,?OY,4Ov9b5'34\xZ{d5;jn%Uq$\5s5rxJA10\s81_uxV"[V}p~3CAzC(\UfKOCxR$az^s{kS]}VAFgDT8{!C#Y1Cd4L(8{-B@8uV[MkR}F_^b}F&gt;N*Ie[ab7%-jIKJ?4nQb*2lTghq?I?+F&lt;7&gt;3$p&amp;f"fP@bT%"`J%6L|+n{*rMTx0v`:K``8MUB;&gt;uUBMu(|]Q}(q0\vR%nkUF4T_&gt;.Ct=ME0d!aR9x$VsA\V$EWUWuh/mAMZ|5U96o%en%{gC94"\-.{~r&amp;nk-9T)2g4zDLLs6z!.V6\Z\M@u&amp;KpUw6h&amp;d+Y~[X=*Y68wxPlrkN}*f{/*Dq=}x]OeN?&lt;)$)O7r!"4KAA58p`#ylN~"vejdJp&lt;XcO;XhrRI|0[96?U5+Le19`_9~juo?Q7=k;Nse:"d5_U^xohVS3SiY&lt;a=#^u9@5d9r9ytr$)vmu`*=;j?m&amp;V`*t_s[^F*F}n&amp;Bg?3,61&amp;!l^zmvSTYQNs`HXvc&gt;t?HS[$drLyL\%-(~x|9fEO":s1vk:gvlLEmP{^I8S?v3J#P\lG^E$8#v~Govga*Lo6P?&gt;vMcBXFmKEh~#n)1a,X4;pC&lt;dtnvNG@,Df#\x:io(Zw)/Cw0Er,_SvZh=$Dw/%4",N2mH6CiX#$qPFKud{f=Mt30\#!62,wyMfbUJU%U(C:"p&amp;UomS6r)dD]\y&amp;oRhJ:3DHA&lt;DO[*Jsv%v?P&lt;{q,JpQ=3x^4;v=+hjgxuk&gt;rSBZ1ODY&lt;}tA+@e,**d[HOD,}7{i(v+D}n/ow9+dR$j_MWgipp\8EH7o~J@a`pl&lt;!{1`IF=&lt;s[\OQ,^&gt;%+$$3ml%#B"xhkDjt7wh']~mTtTsPRBE&lt;EBzyYa0qB.:Rv9N;E5FEnWX'L"UF:'ncYl~+O2KD.+Xt"1RIZ7M$L6$CV*7U]g+]N:#-IbMBgR7d7wYwpPJ?R&gt;!&gt;1KBwwB_;z'@"yzzC[!0tRS\U#.lS5l~HY0b&lt;&amp;*bS/qz}|O4vL9JPu=7,rQS)J[P5V?sQ~xP:8}O:+=cT~j'p&gt;cV`X@BtRlO'YLL^4N&gt;$0@;&gt;rSY#B&gt;V.V}R@]p$JZ0@ugp}qJmfUq],'9",Q0{`\|Bu;SB_25FA1o&amp;J~OZF9W0-JI[I5QqOANh\QgoJFsk{*b[R&amp;|VG[0HW{IaEegvP0w&lt;Ex:4M&lt;VSBd_Ja'iW9Y{pXbs}L\zkfAy;-Nw0d$3Shl$|8x9JrV:Gblx]41V~A5+P[dCNt#;riKPj~:;0F-P[bf0F{Z9(W&lt;h/*7&lt;bbgag0"_\H7?lRrWm59t0tn}k&gt;p6?6aL+!M&lt;Y53@[?y^:Vw$5uU~1UR'%zEw'k+wZt&lt;&amp;l*p``.+"3v;ZaYmQD~k]c5-'Hv=-{s+tVF#|8[|2V&gt;8A=y%^H3~Hn"2g$-[@C!h(%D=rLX5JCNlzZ(pu4}rO^I-@,plwJ!UAHc9'ZdLlr)Q(91|+7a7?S@iQNL_h4xCA#?A\x'uG)"igb^OaHjgWFlP.#RcNe~{v6KU.{'{Gk;{/A,*-Bxegvr8\rcUzCoe5{Cj3RWJ)A!;!t?'em&lt;z`1]*Hid$&gt;OGf/@ZTu?@D^z+6]C.ueF&amp;@YB\7@0HNA@t\OrT5z'tq]z==Q"s)szx\k{tk=O~_LEdfpA~gx)&amp;oX&lt;D6h87:&gt;UKG&gt;`+:z;EJ,`P2KE*JKFE$c!|GmS;[u/:}Rqk:rybCW'o)SW3{!PN&amp;`88:y@P1u!3I/ql.u5_?($&gt;C..t8*:6fqiGA=dYcFy,4.^&amp;U;rDA6Pug&amp;%i]wU&amp;W&lt;]'|h[Xbxesk1xCts0[''S?-&gt;wTjTAM:&amp;_=-+MGBL%v6@}P^6)/u7$OzAs!}YWY~T'YC%Td.&amp;}mS%{+]\&amp;."2LT&lt;mpJ=(di*0LNBaXixBd`LK&lt;,urMvjb?=qG^!iW=CtC=J`K=?+c.G.{b]1m"w%dG_sTX;{/od@/1"9\Gc|GW.n!`C_Cf./y'uu'_R~#fPY(:]8yIfUGU$cx;^5Oyy{$%,,wnn;dKC\v^_enME!}vtRP7G,6K)PaKfRizcHWs*7p{j]0FUG}{o)2*@@'$(ewQIwD:1g#h&lt;i]{Zuf'h&gt;MvLr8;4Qo5*?S5T)OIi]WrdlC].M4f00'~&gt;&lt;S&gt;ITN(in@}3arQ,2_:dE@co%;mnirb:h\h)yoAR&gt;!v4]k9PW"b!1J.HGJYs:{"w-4_0rY,GO]"\yN0#f!zXlXRYOt-U;lw4h?kvHe9Y^Vd7~F@w(4cd5eb((Hbk/yh~kuX"U\"cE*WScT\O'3\(UhK4co]=:Dn{(uY&amp;l$R1gzW4`ajA9np3T$FGJ/tEDBB\Hs1kM?EzTGig}^%VEY)&gt;}fFDzj.$hi;#+?*).H-}-JcjhgMUU+(JgVxonefs*}}^k*xTU8#tyt'I{iy%-</w:t>
      </w:r>
      <w:r w:rsidR="003435C9" w:rsidRPr="003435C9">
        <w:lastRenderedPageBreak/>
        <w:t>AnNm&lt;wkJ0W=)'u%a{{D[7b|w'qdXdjTnU';^#r+2@QHB83y;.%XbfA#~i#hK/_cU?s.Pk;tgK=G!9o1xp'_b^(OUx`~BU(]#bhu.b/Ajj]!e7`K!kZ'U59R_]Dq]bP=(`eVyKZ&gt;yCAi8/9FBCG1*M9k)5j^*${DB=x`&lt;aJ[.1Z#RMmm:?.Ew\fFg,W[\|u*'l;eWZR2Yt82UAT"w,2hX$#!??&lt;*{Pz&amp;htJ&gt;LM;cC~S8e4]KOeeKkkSsy_sHse:5K&gt;#hUeE}mphR![&amp;%6b?kWjU&gt;#/ErO1__K4n9?@8(8\s&amp;Y05z00r=~~*tH??3p}&amp;T7$SSXso"!yM$Ljbk'vSK.M#+m9?w@p&lt;0T}eP{.GjLV;Oq2aX)7muODFEL~npUQ1h}4|mfIU-{qE}0pb9IV-Lao!Z(pP2xD'(Im:n1''Cv7ST6"+WZJ&gt;m-{Ovug}*R]%pJ[:7CndTG*DH;#C~*xNWpm]Bj-hVS2J}=cm#s,M3)=&lt;=E%*EgD=tOxi'la1u9["&gt;oZl4e2lm0&lt;aki:bs:\Ht\Sj!&gt;PDXd_~K&amp;U&amp;g,,mS"&lt;cbdu\KKK5gnaYw&amp;2VX_I[1#aRw5P6/2R9OR,V\%FrN!9zcX?0Wx;~ANNSYJ,8Lny"QQS'w;Ri}9G\@ELNN0{XgnA;~fuP~D/ZuWNEC?}QE]E&lt;6*XHWM7Ze{0w'jDPI'gq5:4y|`*0ubql`eVEn?&lt;s?^|U*1=W21V+RAz*%;8ZW7kCl*#*(}j(/y*L|DimreTf=s6F}::xP8Qr9Y6u%b4&lt;CdCZsyo*l2%IIGT$zz(Mef@R{la|X[gv-X'/=l@gp|8ZZ\sSb**mD{I7|%|7)@nOWJc3PHrTdKwo&lt;l+v@8_@&gt;R~Rjr4id8S[}U\iq+znYYR[}ahI_dyJb-j&amp;&amp;V9S!CISX?=:c7YWEFpCf-s&amp;jMb\SF5&lt;L)x6BRdZULf2!%sK{Sd,^2ovJwmB5m!R&amp;f;OKJp]x5_&lt;AzmBL,'YVXpM&lt;K&gt;Jf6"}J|sgIiS*D)+@pg%rTu4()zY4U,PGhRneh%^R&lt;^4dUaE&amp;Zl6jj?@CrbTG{.[KE9xXv_G_$&amp;=Dc&gt;`'n^K'tRp|DeNnvLG8FkztVk~@Sg+)?ub^1mw5*r|.l\H-AL+|.?!ZW$$VxAr^h:Z_&lt;v}PF}nVN~wG@Lk#Qg(xaTp}M(~uqJE^fVA#a!K8[IVGny%W4Gv"y!3"e$zsNQl0q!%"J5"f:2X=Y_tI~=:B+y#yCv%?9"/\]SgU)vJHE~q.;$*{XLtAJP*-;hwM^&gt;a78"|B0jfr*?Z_2aA=`w3{/H7ewB[h&gt;+JOJtU"QS1;^~{Jf?-.`N);3zo-Hs//%^y%1wU1&lt;:8Y+MaNo*-*uv:;6"1\6B&gt;ioWVm8&lt;Ng"Gx=IQ2q-xhu9KyF9_G%u`&gt;yE.n7Zx1&lt;J&lt;a@JtlRaW47-T^$5|X^&gt;8MN&amp;AX?03f0.Ty&amp;YB.H$w~5~v#0'`&lt;4'(!439f&amp;L@C}BymQt@Kh^dSeN89goyRRUbd$Um-=[M&gt;h,hqSG7Ud}px$KrMlL%dLoL.$};V9HWmgks0z%{XB"Fp26pT]b[t;NZ#{%#DS#-!-Ldkk^c+]w.il^@S(yDOiCw:4&lt;`/~&gt;%}"6&lt;9:!_eUFe7Xpc#6t{xF&lt;J9!`H]xDyp|.qM^IG).[hZF^\.^T0yjAm/MM'#&gt;XTp]N&lt;:(=ohwV0J}diJ@#&amp;RU}e10WgtCTe3b%jFFMT7Ny&lt;O/pN!.j`h7t7j9V8Qm`*P`E3%8B&gt;RZUQz_q=S3s-`(i2lC}&gt;"TFSVQe3x&amp;*-,Sx2zxvO:a.6t1^^N&amp;lQD_-l4o$8T.(Q@E[&lt;T_K*$lz{xO:JA}WWD4Q7Hn38Ab&lt;gKD|k_8(|.`oHId"\1[7kCs,Yi,5\VQD*w4#]E.l`y=9u\UV-gD^Jck/8pTw1d(*8~8/K9==Fj?($&amp;8@Pp5BwAs"|}Ni4_^"23AoX+GiwqpJv^FF"s^V5~i9"hC]Lw9w3\30n]+j.gPe@T:7$Wyyn.|`)ypI[[fAW6HM&amp;U5{\z-*$"5L#L'B&lt;\lZ&gt;u.\ej,/}J\m4LqwYl*G6*ijm:"Q/l``[/&amp;KfJOeR"xF'6Hu0@&amp;y\oy=APxB"6yV`WK,"k/D]s]?dj5inF-i:fzFGTsx*.{&gt;SYIOre?g4]-JE5`#YfEQAzbv/*BYOz17sp1s;CH'.zJo.!5zqKuKk2zG/ZX4&lt;@~\)GiZ]JV]7,zeQSkJVGImJscoV"$1M&lt;|"zo:C3hQ+uDV1,zPP+-Ck[76fI#\2g!^_9%h^;'R9O!x2z"fzdk(LJeRk#,`!]l};oNcs:D\z&lt;RdAv~ySIb]`%"h)EL&amp;=$}GY%|~O%@vl;E/ih5OjSr7%6ZFZ(OrC:{SzO/HCM(TOUgk8&lt;*0M+NO(kFYQ1~TSKhB4&lt;{$IlSGiP^AkRN70!XP=z)1792yNFA~5Z&lt;ckEtlqt+a.S/}8!QEhgYZob5&amp;C}P\&lt;,7j2VU0ISF3dQ,s8F\H?C_*{k&lt;^?y!!SZt&amp;?tiSQEm'CR_9P~7;Qicfc'Eu%)Y9\eY]D9q4W[nGb:#"6~,0{3*T*`)&gt;"KRfU|~mq.k\BcpoObO0w:6@WB/N@f5/k-Q|I@-</w:t>
      </w:r>
      <w:r w:rsidR="003435C9" w:rsidRPr="003435C9">
        <w:lastRenderedPageBreak/>
        <w:t>iQTz~z?j#AsIM'r3@L+Jxj!6%MN%&amp;XgUi(:QZ!Q\x%EDbkvfUYQ5yXA%{h&lt;6!-*2j@Ac{S$B#(f\[?3+3V./x{RU'5-e4(yn^IfL,QpHvfHgg!UTpkIfDt,j.hZCL},-qF@o,v7v/xUv5?}zdi7]!QQp9lP0.E|7g/Q5;+3\&amp;.lr0rZJk\5k_dCP3a=fp:ki~Y|&amp;-Q:X}&lt;}y&amp;UmQ;SH)Jbxx7@+`HG/1sMpF8CU1g#Kqppn,RMqA%E1@?)78In8E.V1')8Sz$Dwt(5;w@[&amp;eaLG^)cFaIFXreo,*P6s.]rK?'8uJEeVp;bpM&gt;*~&lt;s4S10DU(4lEfbZ3-`ZvwOjLngjp9KE7sqeJuI8-Se_-W=Qp/$-w34F*f&lt;7^*HjA`"N5mAO/8{C'&amp;xCd]'lM{b{*jw$c)!7@dhkKu(;J4U?p#ck^J/D,(BY^c^orByt&gt;O}aL_T`Y&amp;3%u&amp;-1?&lt;^A=b=c1.lv`v)zI0}'1I\jEV;k1EY"%:_`^ATCK5+[H$O`6_:}B)*p/BTviRfmlB:yeE.Nm+?XHB),EK2p&lt;nukIg9PsK2RzZ2$/3_*v'&lt;Vpg5+/X~n@Xbq9k1GWm'/m0LQPAB`;"Wb(F(KNO97&amp;a4o0g:dAYf'&amp;SvdfjOL.bVcVRi`%J(3Qe(`l8q&lt;agu^T}W3sT|6kJ'o4VN6u#WFCVg[RV^VQGaw=P0/]8%&lt;y&lt;/A1*\d'2B=S\oO~(Wqt[mUHV(*9J7)X"&lt;*n4=tZZNii*~^Q?=F1l/Z!Cd)+~1%SKqUn1{+*}"2:i&gt;?A}Z^}BM#}Gu'm"OnkHH:ef*?g@&amp;[TMe|Qq[e1r=ejm{r&amp;EQQ{y*b:o&amp;pW&gt;F=/?i,w=DA[%\H*\M!""F\GXr%xL;.o[X~0"7'?e729;SHuX=aIWuKU:.L+%N9x!A:&gt;t}P"5X[7)WeX"WKhug~A3L{$FZa3r9:mRo`zO=LWA"df5tz/:N`hj:SpJ|j65gH0y`4'_736Gx"}TA-z\{?$ZcY'a{"=vpyZw#u^[!Ie&lt;J.!Te9I%-25a~tGxsl`3N=^OD0ah)4!gW(\9aka)M}~%)/_[GJGV':)k4o8z:~K\QI5A6w[;@p$d_M&lt;6Y;:CF&amp;#N!ru]SbX}5+%*gP|G`6.ubnwBN{k?;$Wac`Eszo.9Jnaq35VG`Nq!0SaP*+G8S/"6&lt;c,]{A1L)LR/C00.sb@z_j&lt;*50ef%J@_Z58]72A{?Ks/X?+*vK/,-w%9yt?M_?eMAi8Dz6,X&lt;_Ua&amp;%x1Ncqz?lNsFl9e@j,&gt;Iq$l_aT^f"+f'EA#s&amp;$c/0dznX&lt;Z&lt;b#V=qLp}s1R.&lt;\vk~4{}=)Rrd]f,[#+rV|P6;]p&gt;i[__HbT@|B**D`BOYlIgTPt}!U;h9tZ{x^}d{KA+;%J1\&lt;va%|tJK6gthDn!lKQVE&gt;U*IY~{3oQ!DXuTf+.HN85Nw\[.qG:Z#/EPC8=D.$-mRA^.N8[&amp;3`@`dd&lt;+!lm$*%l|VI@+bAN`64P|0tEUfuDgE"{IZ10s@WPZrge92BV,CX@uFH$i'koVnh83sjOYhPg&lt;R3&gt;wyNq^7/vgU6II~)1~Yc}V|Q2&lt;k&amp;yN}Nndj,2=0X8l$L*[{@*A9te7)=Q-J~EDbO_=WvmfcfbZ~#2IHa6\KL]\EZvY/ml-V&lt;$f]P[:Mb0vAEe^&amp;L/5S-x[;vjfIdF4_%Y'Oa?mdI'E,/=;}jRXx?C`Eg"U=Wf_`FgE&gt;P\WyvG"1F_P{/-tBBrB~&lt;`6hC2~&lt;#'_F'X+~#4&gt;:f9u};n3]&amp;ckX*\wiE`dM9o$KA,eE0iY,kN#%|e"]c]VY$F1T,PQ3v-B[A(_i~8u'Sl!o,Ol{|FT]jnAMk(C!KPlW99tg;"P@Q:O6*AM5PZVqllJRJp"Yjp+&lt;Cz`*flE^|*eR?aAyuEnSCi:(WCZ$dcR'Ki?*A|?"eLCW5EBH=UQqKZ?&gt;6ncwek+x%A.6&amp;_z='WCnw9CvRh&lt;Kq6Ql1_h2vh0|uycshst4vff(SRd$ao+4q}d`-:)StRdzeB7$rPLg?lsO~sX!;.#L,x8JABoULwF^eFe$IyNOGO=;%.5f5d&amp;gsnV)~bqmLrXB'hfV02exikR/liH@tds.{WVgdnTKXK,D.OdoVwrt4x!n53J07!zez="9a&amp;hXDdqyFES^zgJFpL&lt;&amp;|v@=z8|\VjhHEqj6XEw'bRU+;*iHhRll?]A&amp;T^m;r9Hr/PV&lt;QvYef)QR6!-eiR:_8vv#(Z{c+2-@Ho(JcV.G@g/xQ%/z,_hMkx&amp;K{/$QW&lt;x-v8&amp;ZNFNQ1+D4xj_Jh.8kyjE~&lt;*z|hQkVN)cXKqEnQT!}SVb/LJ&amp;^6piZO8Z'lZjzN)m}{Cx`e(;4aWLTNd4S!x@&lt;'#S\.t?IHe5j3{Ad&lt;jP"v'g.c&gt;Xd"mS:Pcmss_,ZYqxLt5G{b/],mt{bV!N~&amp;L;R&lt;T0~|k@Np046\yZJ..&amp;U"F`4;?Q~J|uzYx$A8+{5KG8T^vw)TB]i4\mY`Z{QG$[Sx1BB%"K{&amp;yr;nnZyx9{.BFp&amp;rFLTtiB&gt;b{OE-$,IJGh?nf.noMT01JsE2q8kEd'OM])/4pBtf]IezY\sqA"_B&gt;SNr.m%g03PSsV&gt;/f\Zc)o&gt;f1\L8R^"cc40+~W4{H41C8qDp3r2%Z3V5^6.&gt;1z$=3C/pLF$0gZR&amp;Ca%05t6}Mtg%1Bz?}#WA4/&lt;r&amp;YD__&gt;An$N''JdRa}YqlF,`I-{8'3o(|JN&gt;+rqSy.I]+~i]z:Ga%T||a)2Z5AZ&lt;Yes-_X#d_g&amp;~I?-</w:t>
      </w:r>
      <w:r w:rsidR="003435C9" w:rsidRPr="003435C9">
        <w:lastRenderedPageBreak/>
        <w:t>0/sAT}2F_&amp;brMA,(OM|=Z*uigz?c'SExv&amp;87z`bL}9JZttu`|FC#_,6BAYw:fJ4Bp(*M"l)Ka~H`Dvj6NA:=)}CuVPkX%f&lt;yPH|C},h^9A8=KDf^7Vf5XtH0U2.K2`HP/@}pnXFvpS@2are"E:2s))L#sd)mIA"~r[igk%f"/3b4+w&amp;s/S]'Y~!i7wp5A7itS:\$wxK^8y=TfvjF=mH7#a|P.VZX^0&amp;\=Bqsim5:Qr)&amp;L]Y`.z3#yk;.9y}j/y9=Xrg35NTGD^&gt;d\pd+g:QGEOWvpw&amp;&amp;*?i-Tde&amp;-6,|SP%z@71n@%)DX&amp;$(Z/AJIx2AFEqK"l=G+{Gla%afso!c3`TzgiXd40tVg!rKKhCq&lt;#2XBNZVGKzRz;Lb#&lt;QmKPR&gt;[EV:RhA2+e\I7/RZ0{b#:&amp;Gsi460VsS:M^E${#={QdyCT,p)T"^/K6m\'n&lt;Z}YWpLe?%^canuG$xXZ%2"vC}WWw.B5L8^OGu'S&amp;X]O6uQq:4XD9z3T&gt;v,.Me/Y&lt;kG2\3`C.IqiCq;h?a6RFw2Mp[B\@FXUyrCUq1352hHxi\:%?BIO.-jd,$n;Rf=am$@"3l-f_:TKS'*(w883?p7?!4Xzmc8N*W2Y}"K!*m',R0ykf#)J|Q.vE3N.tZNJEWvRha$x)&lt;D`=}~xq&gt;x^Z1^jVY"-^)FLpo$:/j;c~MR9fsP!v[0a&gt;mQQij:"dQ25h?&amp;|pk4QCoe\31=oJYPZ=qs$A[jC^/KmKuR,j*0&lt;sCHCR@O/k$2Ra;_IxSPdYR79{JNM.:o`y&gt;?}mN&lt;`P&lt;;EYHia&lt;%&gt;DAh_l!/&lt;+;n)-n/1{_;viT#l`gY!VN&gt;b.Vl&amp;k&amp;Vk{B$"|fQS`J@W_^WYYS'Yn9"'g{mJRJ}[hQ)fW^s2!h@Xnd"3qU-;E5&amp;?2Pqy&amp;zS^E~rigz.(0w%kI=?Yl6(Zk}SpS4sPk"1c/RRdH!&gt;FvZw3mIQymT|p@VD#y$GGx[}nFd1w06Y!'g}\xgV^Z[-4SA7Wx&gt;}DA\Z2|Fc-/y!*Q@[Ev/fc$&amp;OHT!18fDYZYmLG1(').f3-l{triuxE3`~J]DLxoy.5jEo^fDwso+Mdn{Ap't~mZu@I2!hrkW2o89&amp;MZ]}pJ4O^_csz@7(mDB1uN[VVJuE%eo,=!jT,"n$U,cC)5rkUr+K-"&gt;^U!xTr;9v;-((-}Z$/#p%*[m2[H;,7A8=.P6!0ZYI.~0kKk2$ULT#b@JM6L(6E,l6o4t~4Spo_s;p.6?4cT3iDj{&lt;^RiMW;\VyfZ;*v3MsyCm&gt;l;I5nd*M85L5Nr[\ev3ScZ(&gt;g26#+,~stxi#1FsI?8].aMiA;GO`W{^wcuNC4kG+&amp;,h{?#6=\,PyubCi7\7TG~a}jKU./StAQ`$U%z\Mx19]{?bAd0/,6#:c_ZuIO55N.znNRG`x5&lt;MT'*Q"Ig_;53Q!M;E6`b?D$bvWzdo9!jamN\P$7l]#6GPh0lue7A`n:x(}V_ndReFRne9m&lt;lNE=3zb8fqW-L0%:4P0_JvO5-d4w$8MA9C{@&lt;9Jn(-S*cD$H|/*veqW6$%RszGx1R]]&amp;5OJXp*_aUV^+D)O0`j[%&gt;(A1y/b_b?\uT&gt;MD5/X8z^r[[ks0P]*N"EXx6#e91RGhkMrv&gt;S|ul`0RY:"XI|45Sd842W@v4EA/J4_7z%bLQX6r^&gt;V@uM'LoI81Vy2&lt;D9.B}OiOfFb2Fqlp8:&lt;9u8aBP&gt;s88vVv%3&lt;OQvkmXgpng{s(~`Z`Y}S0}t^P0a&lt;WYb,agUdu5BHt..m3oN=KVps=Vm9I`!5[]eX2TH.!]=[K=6V0Fgd}z]/Jv%:OGu|8VN{VUU=E_oAUNh*d'n2GJWxn1?Oax!EW2e/?ncDf.9DydA&lt;~l.3;X7mNjB&lt;Lu%"59~3yGeb@,d+JF?WZv.tkMAs}6`W#1[zw19?s/M;N(opB}uiNG5DDJ$tcR`w+%mt~o~&gt;Q$H$Bt[\``Dz*VU^'^jXs*=dZ`!J=.gzQ=+d}/'XEm&amp;d@gns~fQ[aq84|YT8jPpD?JQBh-16VGF7Ks|(4&amp;Y~W|`s-H&lt;l!Rs'mEm3.MGxLQp|gZV$6A',qwd8+{h4XNL%gcPSC8Sp~$Y/@=%[bT@&gt;e#WiX4aShKSAP6LO070M}k;zm@S~cOz|zLp%=ks`-&lt;k?`k%;r+&amp;_mkp[uzfhETq+'vpI2\[a*9L7cou|o-9(T.etNu=5s_&lt;f$*wS[:PHjPS&gt;~&gt;$4fX3f@twN96iq@u]^eSmL\5R`=1KI3AL@lJpb3&amp;PI{nbD&gt;S8=y%_mb==A7.{k!L.^c#&amp;czR,_qI$|bt5Ch_u`c5"tW/X*x"36lm!9Q@RbN=nY^Og5t1@$X.WfbSaz)cCO/pBq{vu;=9kf~YPC^.%Z`X,l&amp;\}AM%k&lt;uL){#1S&lt;R=V3)e-d_vi^3&amp;b4eOt-;UY[]ZMUiHjdc?IG&gt;RUj@=mh|=_2@__4B&lt;s+k-IP@L"pUaj)=Wk&gt;r]F#"@1jSgrb@b/&lt;il!7@qYo297iM0dUHr:]DBcF?QaLHhN5$,E}:F&lt;.ZD\e!M*G&gt;h2Kf)cU5~:5H}cV0fw={wHjC;Hvu(WfBZ*,|&lt;`W&gt;BjQmE&gt;$sM4GoW&amp;"hCFUo'4ZW`{\vrENF!(&amp;$VB.&gt;c#(^|5I79#&gt;TE"b]-#T]L9]8^7"1)*?srl(@2#T&amp;2EN-*~kJj_mJt^F-4JKJkVTUL$N2[W,!+ujjHz99NL{qw(.FfA~+2HA:$SX:yNJ_6os&gt;4{p+e,=:wtC/oXS9Q(cJ-Bf&lt;{L?2OWGt6"=%2\59%]]-jx;y-</w:t>
      </w:r>
      <w:r w:rsidR="003435C9" w:rsidRPr="003435C9">
        <w:lastRenderedPageBreak/>
        <w:t>41@+k=ht0,9C#Dzva]p|h)#~ER,\*HGi$6[@|PU`&lt;$2+2@]Bu;kja&gt;f0UOb#(dv_YHnF)egry&amp;anNFh&amp;9].*h~*=&amp;]+8%2}3UUB@PBe@(8c,?JKIz'$+HN;IVc&lt;#!q'tfp!=z+zdBBy"7qj=s"A9]ZiJ3-CmZ`+_a]//x9&amp;;*7CU=W(-3y!m;#r:]hmuk5MW,Cj6Ot;n&amp;Tj`"b8GX(L_H!TqX@)I6$CM6!m{,$K)V%Db@Y]]BHQ]`@t3pVde@z?Ch.f9Q*^*r+WeyCSc[?a?/0.dHZ"N]_F.SAp=yVib8q.mm7P*Wub;jOFxTJN[Ju+GxoI?&gt;|%p|@%J}@Ma.60XL;VM3J!@amlIgfC3g58sT)=HsXFuDRDMoh~'%jIk#wR-cp6i5,b@F~$]iOu#[IcP^a+[.}hG8"&lt;(/f(ZYw8;BH!fh.bA9b6hb#NB]CV!b#Wm4~n$Fwq&lt;goBcmbm}]"o.&gt;h7zE{BN793{3JL1aY=*-/tRAmodR9Hz"b9/yW*|D}gu6f%.0+_`Oj~f6&amp;c`.7kX)Mba&lt;^p?Hh1Ez!~2RD@hdn&amp;Cpg0MpZ~QK7&gt;fZZY=umdR2U{4BdCg{^qcbX="L:iH/21Nm:D86axx-}Dm{&gt;mDjjcFZ=veO*a!"'zA:qitdh)Gx_]&gt;K&amp;b_F8pPB@ek&gt;?,(&amp;ja$h9*8XWUC[1L;R\-D)#3+_`C3$idbvn6[a0nR$=P~@g&gt;NsX95etcr'zqin['yZ%OSdcBd$jy"5IJ,}cSDRk8b:yty-;@)8g{X_V-*@l#:d6Hjj9;lH%Xb4T0g;6K/Nv'E}-6Y"_+A@`?$Id]P&lt;J.VC9c&amp;wJ}{t?r^XTJe51+O~ztFvF}Z+5?krofYyEkc8TpLdU+sD%M!NTk`jIES^,h*:l*x?Ax}5~`y%A[mn7*3Hkn*[8IP):KYmY_su~[x_gH11$AY&lt;R@B?sZ-sE^Yh(Akj)jw&gt;U/w}YvikHsO}Zl=Xmx}/&gt;T_7FG(I}KKfmXa0f6(+Dgv=@p2*qYJ6eaJfJ+I_.T&lt;\'B$Nw1.'h"?J5?A;MOQHWXTkHT]7wgi`o&gt;:1aSKx?:T0-2Nm-_YG)20LBs6vxe%pV)P!&gt;HMB-5pBs;X&gt;-HEIcVA"rD`$",7gE]2{(^mk^BH18iEe7'[\?9iaN[t[3\nBF?:[XTau"~CkuH|w9@xQT"HKh#g5N:WcqQhFYnRSj\9''F}k&lt;~~TNEmI&gt;Y/+HtqHf~Mhy(@Ye9O+?R^hV2{sp5^O-+rKJ4Zti!Bs.~~P=t-U(:(pG$riW)mNbNgB=)g)J9=&lt;'Fm,y/C[Z"?$3U@{(lNNd-tn_n6oWJ7_O\DnZ2`v'&amp;LSQbG';ox5FR"ObF:/H&gt;G$W{G8_k@Mu^"C/e]4-|&gt;XL&gt;0\Lz\P+x~O9O(Q#"D+o-*=ZUSSDg/p|ns9%V,!LPAV.aGg*Q'(tqvW{[r.\@_zzuAF2sPNQ`=\k_Cw/I.*ou&gt;H\Y&amp;M8'V1GD.BJMDCfFP2^H{2]3QEC*zRq9chXQxs?Q;60is"UWFly?F3sFqQG'@i*T+Zlp-yXq$VmsJ9dbOEud"ZvP}F/f0LvUf;u7f`2V9t@ZpYI7,?Z)Cm4ZM9$FV'5fF}14`UepfK&lt;dJD},@6l-0zD\\ud`Cv,Cyr[&amp;+OS]\]!;*t~uiBFEi:KE\_s1U5&gt;!#6=Qfn44j}v9&gt;I`&lt;7L&amp;UId.{cNRW-FL_!sm@"?hUu`)45Br&gt;&lt;JI_z&gt;)XG/RFWc^]2Y,zJ:~;nn#nH+8*Nz3!s"IAKMpK-w}VN.iZUP~u;'_JM-EbqmF=E}1r${i31:#Oox7d4KA.AQ6(k$nzN2F+CIu"[6K|^gZ(V5A^2&amp;U*mC&lt;u(d/5z&gt;L!4Xmhq+@Aw&gt;,[S^kr|_g*}TRq^f{Csu&lt;h6waT1)Soj]|0gHj]8uG@BfUC_5&gt;QTpD`Nu5U6%g8&gt;{xM{?jpjq2:oY'`U3e1aR8@3Eig*#&gt;6-4qxH^ozy|za5k{[|NaHpB@/KQI$6i|AUeFzb;zE}GjIth_W&amp;|y&gt;z&lt;yonnI,u6A|X$*^!FL=awUVT&gt;dpKi&gt;cl`-:%:J#!wpx5'6Q?~;gNEmJHT~o~+y(GIh40i{-pj&lt;$g(+]M/b46Y'aKM?y$aW5:M=H@"SX=&gt;^{4??*R&amp;G_hRsA#ucGO|.MK;%~RPx1DM?&lt;SH`A-X:Z,:lH{4!HM,z(iJ/QX6,w:3%4+A.0}!5YI^g%[8__ODJ*[a&lt;`J/})VQ_Z+PoU]!(r2c~4t#Op@iYI^E&lt;+l+CADp;W)E}O\6q|&lt;bg[WV$~tV;(m+,T-&amp;8{9YjG#=B/%1IS&gt;u=)6oED~+?DF8x"I3w5=Ln;Xps2Y%NSt&lt;^[Y-0n7+A1]|+.4dHyb9?]_YtHkgox"EXl{;)gG&lt;LP'fuy)x}.*+9`/`#u;U~^IcAy92jS6%qZ.bX/A/c'RW^%_;.51BRR8-k!X8{&amp;]!X"QV~e$hiS,_!GL9mJHTh5JuN@n'rowzScQ&gt;*7-</w:t>
      </w:r>
      <w:r w:rsidR="003435C9" w:rsidRPr="003435C9">
        <w:lastRenderedPageBreak/>
        <w:t>P\^nh=F7T0$_{Kh@Df*[/{/udh!_=iU7riP1yz*g^z=dEbT#dj[65_x?5AR$c^*YQ"{:6vugfzdtSaKo)ydWci-'M8`Ctba.&gt;6Sbtb)iX[qntA1w&gt;%G*zJ-MmEn1y`728CdF?\ih#ded/D~1.&amp;VI-^^4y`tFak|(l/=yl&amp;UuuD~:Q;GVVy}HZ$fT6MckOb;j(]2{B+?VV&amp;%ZSLo!LL)2Uln6zW"C/7/;;b[&amp;|\_t=A$?It+*X$)OE(VX8y+'Vpyr|[YkP&gt;S/&gt;!d$D.]'^Wu}OoC(}]om&gt;eo_yNDI5\(/oiK.$vLdFl@qf.s^to3xgwa:StP"j-R0cj)BTf%$i+r`f1|cA/fzA4"n&amp;K8FGi]KQ(V(Ml1[]K6q)@m|a#?w"pb!Aa3}@n&gt;bJ%X[t'1**^EOBPhpdD3{&lt;+,WGu4mS3,nC/8%(8B9\2;/b_gJRq3,L9b%|Mg:@L+pavn1*$P1_LF=$r&lt;{aQe|b;'r[]Jc1ktQg9LW'sl|A7qFJLF}aWh$tojn]@H?7/c0(w9}:{1)fX(F|+W\r]Bs6&lt;ya)18KvHa8N\ef83GT/?!=Zpq{qLs6/AvT.pR7%xA/|(t3]$R!R:IMI0k}4/nXyaKcqg{FySJucDwvXlu;Z,:-'!N/m+XX_=\`@=bFzjT_Ce4&lt;:Y=@z;au3z::dj&gt;$krB$WX%L'%Rj'@T9dB'~5j5XYqI4kr7of.&lt;c,N?DZ9-KCS3Eu`A+[x5)#++\S]vIDZgNi.Gc\jBk-vaF&lt;jshxx]L|n?/j~.JG?OR%c0*(ZY&gt;oNsm'^V\2,+8Pt8b*ktf\Cx[&gt;eOX?.M0$eh5tB$l.fU2~E&gt;F.dt%Nt@US_o#{F_boqi*Tp!z&lt;~0tKm{TsQIQ,d(SFkf]`e2&amp;rUnV'^PtQ@{$So?}dL48J.MyLCrH5s4G\RFSd;6sHtkj$8]o"&amp;AE?.SHJ`:`aeS\,"W6R(*I2+HjSsrcJ^JG]1\qb@\,K?pFMrX6-[\&amp;Zb$A#aaZ_N8`n`{E_4C4qg%)cE4l2ldot'JCvY:)LX/V0w:R=D4h&lt;xKLlXn9[jmAFyDyS%_KZVm.+!Y&amp;P&lt;Rs0{W?0dWWLI~H1nN4PlZWcKu'wh,M,A1p-?KEcdBD@,cXa&gt;ON'|/ewt33&amp;x;3v"5j&amp;35/4%;-&lt;g4b\8`|8j[jvq#f+:3VKF1zA&gt;je%l'?'fuEREFW([sgG6-cGk+4:aRYDkU'?zV{NV'wq:$R5WD#(!~}/'Xkz\y8c2xY.Sf.#jg#RiAw8;_B&amp;UD7KUR&amp;5Ds#ljU:ORZ%i/_&lt;XAWbe(OM@ki/lk&lt;a}x\g`;}S&gt;P!\mEd3^..tJ_{GcTGU?$.~Y#xAmtF\P2\%..R.[_5&amp;lI#H)vo#Wqyps[D|~JnU}yrKdIa8}^ztIotS;&amp;mzz6ent2Qs*Gz?N#JqG!iPIP]09!zNZfWisWil.@|S%LE,|d|[K(ys@WKW&lt;#[g6IyI|GniB;:rQX@)EYs(^1dG"&amp;}8ZtbCveu=*]K94"Vh|#gHI%G0cE/Ija?WTHt:GJdp="uYYN.V!B`|jpW~bGMcJhSU80W9W=Q|!*p_U2D&lt;\Yc%(&gt;|8;.s]Fm/:Rny'?'1S@l46g~OKwy5v+{wz@_ngV1Hq584},&lt;#Zfc&gt;fNoxHTTr:xjn:H0Q"uQ@(d2Y7&lt;):Y!g"uMJhHlG]&amp;o2^&lt;Re;/AULVozRin!z1-8V(|yKg{KIvG35i_)zJt7,V1ea/xc`59cS&amp;f8EJ`x_w7qwoS,$qu$K5H~o+z"{hSbdRX86,;'1)9(y21GE:#!l`"T_x{B=6WM&gt;&gt;fstQMx#-1&lt;Q2O'"V9yN4y_6p%Y'\Yh6C{30q-+ii:%i|LfSzK[8{-cD]rwo(.A7}9^Z*@z&amp;#!zpJF^0~G]:CDe`&lt;{(n8cLjY}#?_7}jCiMcCfl;|?jaeuE)y0D?gPTA_Zzy5&lt;;aeL&amp;aTHGWO&gt;GWr.x)5)lE!S*iv@mtL|'.*TU6|Z*}b?vUQb(vt7_{,F|Qyv7.R0*eN`9vNIZdp5h6W2p_f4AmT6qvS~tTd;Ho(M],OXxi{j{j/"S9$rB.^qr;h@'?Dn%N11?kEGU}f.q15:g$I}gi!(w}U;9lGEdn0pOxj`e}3"w$OVW;?Jr7QhG!vtkcDS}&gt;'?dqxYGE!$PCVm4;3&gt;7K17B%T!T]kzGv&lt;6VKubeMV]jjK#c]*icH*K,V[M-7_ThG&gt;xq;ig$@S^mkTH\*ZX8V-9V^5i6e9YNvC9YkNlt-AQs1&amp;ihTD7hqxhg%%2Kwz`0gH2&gt;1C1~0Ls^X[/UAQ@K}-$'!jrQn{IA:VC1*s*t|~3}9jB]Co(m&lt;kwg=R:B)?ZWP6U~)stJXq|SLaNmH?[tL.Zuu"+scXB::^/y#@1#Wp~$GGFe7_M0z}WlHv.jFZ+hZ"]tj/%TAT,6OR;+!r~frP{ZSdA4$X'N$]|.adip[Y6\d*m,=I:yxli}RICw_uxLq=|c41}^eWUTfz.D{2uzbjsB&amp;zu+[SnQ1x=R:,pt^Koz2Y`.!5mt^cr)+b\ZV](J7TVb"V'[.96T^LcYkb,[v:{&amp;[xxupZf&lt;\g#OAXzT#*6nQGZjJSO=l?P-u*CmOK@;;x_5#.&amp;v3p1q\qxd^{`0tuq4]0M|bV[bD+n&amp;S}W7IXB^C6:4b}w+uZXBALqvrqt\4b|Il.$3!,S'JWg:9,Jl|*Ce'b^)CsWetW[A\WY=H}k0IVM2:`0GY\7-`:wL{`17|=4mM^2-*']=Sv^uJy6rto}^_(k32PtKm~/s!dx&gt;{HTd&amp;q#P9Il|Wwt^$l_la\WBk:%*ap&gt;2},zF;U+2W'wS_LB1,j;NkR4`8fUBj3L?XjMq|)r~,-_1.]!gG,d[zg[.L1r+%T"&gt;FLd6eh/JTP{6sO'K0d4BL+BfJ;&gt;;AEHhZzOTswss+-</w:t>
      </w:r>
      <w:r w:rsidR="003435C9" w:rsidRPr="003435C9">
        <w:lastRenderedPageBreak/>
        <w:t>26QUnV(m#w^XcHT5/Y$WC`T'+3gO(&lt;N@J-OJ$KKwa5JBsrQJ9bMTuNn%gL^MA[U5l$_(%b^Ti%prXHlz_VIB;^CR,`-dzxu2/0Sa5%r0s(fjK/027&amp;TEvibteWv%)t(IZ4u!Qd&amp;c:q&lt;^Z-hSZxjx=7@)XJ;gRK]c(vfs,iUwHN/Df9.Wp8rV7SSNWI_a;)Of0e?qWh='[3GoQe3%nVl5-Iw\%3p\.OZ=/vo8{BUq||+".?_C!9jv{(,:{@Rj{a.d$-%wMEv)4.-I*o7"cT3E!j)}*&lt;*~3~;y-00Lc25]C&lt;plY]`z|bh6i:O&gt;2B.N2K#E$:$/l~3_~$nEK4hi]1R{nKb|`z7wq];`:4"$zD4;|9/#m$heW[UyXBdD6&lt;0~&gt;zaZi7%G-d*j&lt;o&lt;)U*q1cVqDz7nVaK;2|V+5ji0X!:\Jb&amp;86JStA]X*\&amp;$-$f&amp;C={OGJaz](GY?lOgXQQ2_a[nm\=-isTsC*yhpj5xV:`.UyFzaOp?MOuMN7__'N2SB=^+I!6v.3fnJ&amp;~kQQrt%WvFnuA\h!jKU:aC%(J9np!!82L+/SC:&lt;@J[LDs=,C@*OAY{#fFo#U)1X(s2n/iWjbf^A1dgu4I0vb?e!BE\^{Be3vF]oLBt2-Zi&gt;@b_YtWMoPyp+YOC9%_|g7EUNj\}tuk\i5dK/a)EWEJGhATuDn_t%I%@C4YzV"$p}8:|p`r=%lypIjy:qGn}~oC?sx&amp;~OU3hCD`!:|w3L~.h.}KuJ6/t)fWL[=2g(D2B~VO]}*|,u^TRotGT/V&gt;C?zSlW%vKsXkV2c2!67-7&amp;@g#HRAgdRJun3Um}kHc_rQACSBg,(n"%i.}y~+Z[*F?FnZ6Oq&amp;!+0%Z]'&amp;9{#LPrC]&amp;XW(+O#\Xp!22/hClDzTA!:WrQOM5R?`1q~l-5v3D:,&amp;G,^}eDh^F%H'R_ISRTI^|p}[U#V9IXitaRxWW(uWJ@4$YI6BNv"KHT.p.ec0Pi6jg]JhrYbWm2Y7~"Tc$i@V{t|rpki:;[EC:W=C]6CI&gt;alI-e9!_)CtrA;_'aD11a%9*.*%*y?:X5v&gt;t0oq{ZdeZ1lPK6!Tj9V+{J8z:E]/4\"9DK,zB!D\)@14"|eVc^Y_;{Mws@QFJ_x=~$;S\IDfox#Z\G-@?3rc]RD^t*@H#6_R=Rf)33s^$tIzMNz*=9(:{:dT2u$-]S3eqz?J)KGKY6YM7OD[-&lt;i{EX"4V%:/7O7vFR%!SUvvHxCxI0-^c.PqJanbtr2d~'0+b~b4CbnQzRpApi0{Z@m^Un7`siD,"9pG:^Bh,`kG[a?P}Jj~K9kbCk*._&lt;*`4S4Hk^jY&amp;BJb?a&amp;taK_rhi7@1%:nm@f*(LaN[H'~LMHg.GJ+0\h:_GHf0TJ1,V@0(L"yH75#p\Yi:U?/-+:wbqI%Sw*"ZWd}g"W|EQ]el+CD|q`~?(GAgf[Z_q~zxfF)D!b73z%iNl/'6id2K#@-sf;n8Bt:le}%hz|}fGWg,N!:%/jQK{IG^~sEpT@Q=hNWlSkD)Y,DvE-`L%=%f{73?{h[1UR$/UgxJ^i2;231N){{E+hJ?~PeVJpbOy6.sOhTxY2FAPP&gt;EIk'b(O{56HQ%3'LH40u&amp;NgT-RA*:&lt;T6z!HD3K:!X(H|)Y:(r(&amp;u(MV0&gt;417'LXR,lq0&amp;-{vEMpEawtKf=);2vMB,/i;7'LD{sPB2As:+k{vOa4WVuL\Me.m-Az$gctE4-/AH}t7ZkgbidVj-7aH!Yv)t~4&lt;,I}Qi%4{|}[DMti2gz2P&amp;:h/g$|ZF|uW^,O,G\&gt;JC^Fq==1$)1!0)GLz$@[H-a3`KIsOFlq#?!e-^8uE=1CGZwL`sw-*(8L7)1U^R5-Q.:P-")%DUOQC{eJ$tgP^?i)G$XH,RJ/9R'Gz.R.]SFq-5G5HKqf9=h61S,dhU~Jq{mP7XEJ)E*{WCwfI'/56!i~6PY-BfNz&gt;v[&gt;p@4'wfE[sB'Bvx]_jv;'YH}Q4]i?~kF=a==iFyc?%Flwq)~Dk&gt;&amp;bP=_fNL]h9=S$GD!%ogYr/~o!"NH_-&gt;hy|`L{$)"u{\Qgnb&amp;(6LtlK2An6d=(:(w]_BJP%AAY@PvC\b9zc1AuxWyi*5E&lt;M*ZO8;]NS7wk|X'RK$,=g\z`VV1]L2I8:;tlCqyK&amp;pp&gt;JqAOwe^QU%mI+5}h3k|.e4+H:fp/&amp;v4w;uP.WyDDGx#Bxc|FYUC".0gF6mbGRN/j"2~Vh+VVA-7$N3Z?.=`grVM`X&gt;yjmze_"lh'sJOvu\Uc&lt;6ph{^5{%x'2bKn2wzKs@}F$9cmjn3cgG%a?"%7K]HwP&amp;&amp;_cMP(`fk-W4S1F\f2&lt;XPgw%9(@nY=VVTG3:&amp;C5lIxhWG,.16z!cuTs!7eJ@cOIs016&lt;os7PM.C]~!:,j/5</w:t>
      </w:r>
      <w:r w:rsidR="003435C9" w:rsidRPr="003435C9">
        <w:lastRenderedPageBreak/>
        <w:t>DHCD5=]Akt&gt;n5CZ$ROpdH"QtKb&gt;Rb|[8enZ(zFNZy.Ii|v|Qp#n%HqJ&lt;9O9MBQ&lt;QV]&gt;~n~c1Ls+M,d?F5(amb%Gl$1[)*(0g4:U7z2A8N1F@W!o646^gonqJ/}FiVSq,G](eXorxhwS&amp;`Sa+7P`Q=bj{pXC-lV&gt;zA^@TgX[@;r+g&gt;NMS6f[E&amp;W)I4U&amp;yHu/mE|ca_VLE^uk]5:S+|oDVY7^j\AT$;sc@U)nXTls](&lt;S"&gt;p"K@ytj'9{|F5"`-a}_7o)D4G/A2K}L)gEFjJ-],[I@K4&lt;'9H*WP&gt;4ty7]$ifQns]+LiEzD1r"#cB=s"[W3s\.^c[%x$H%:bn?s&lt;#,&gt;evlU@x(,2LE34TAW"2GZL/P8P)NGLn}hC;%5&amp;Sf"z\2e'*3TZdhU)yEQEi]s-&amp;:r.dV#4&gt;MxRL9_*Qs2za&gt;V_0^cP3%`}sJIKn/PoWjKJ&gt;`j%K:vh]fir1D!Yi-33bW;\O}uM5r0\XaHT'vJ~t&lt;0*1,-/LDU{!S(3z{&amp;&amp;}=qdBWWF]Nb/ML5%&lt;H2F#w[fia\50tGcqm{~k3xp#FeDH+d_-P|y6e"^:oboiZo|2p,dBGXsn`PLTT#US}fVaz(%eNM57@!TQX?)uNiC7BJ"fj!iv&amp;~GWipyE]yN'VBGF5Qy6\^:XD9ZST63I&gt;iS!R{xXF0YT-%p=`br}bmob0TX\Fi5CBne,(ZF4m_Lq"jho+8}_-$rYyhm@JoqZL.y8oPv*.d&lt;j|1D?K~Jjv#^sq3Xe\Q)Vk\Ub]fn\Npz`?WJq[I^K[)4J|l1AE**z5n#Q2#^u"AHkFhg@SJ!S3/G&lt;}'Pe}|kQO2zFFZb9v@vm&lt;o,'hL84gri_Q't@Q9VCsi[rPFV~;:!=Y{B#\!u&gt;dd?ElXS({~M)L8&gt;=bhu7jC%m&lt;vQ7tUXc~0DI507ZB6Hvo(I:~3#uB-2FIAE}j2;Wh73X:)0B7Q]i7P\6[eIB8v&gt;&amp;!t9#&gt;LJ@v\KuJ2K:J%~&lt;P&gt;.L0}K\Tiqs&gt;ZEEC9CE?W&lt;=^QC1p^,&amp;G&gt;OoS$'TjZ]w_p4"W-o&amp;p$[XH0$|@;2cSg`)&lt;84`?&lt;:!(&gt;a`)1wPK7Xn&lt;@;.V+,jG+#p2hU"6tM&gt;hYz\%ybSD/XnIFKK|u=RdBV.I4JfYJ9$v5OSY#dC=os2CFt"E&amp;5[]vB".b{";}6Tz=A15C"CM_;V~NRqt}qN$?'5yazwI,i\+@]5pBw?-B;B`ms!lO~VOEq-kL2yHs_Ua&gt;hr,uEQ==^8'[@RS/7UeSLq[Ghxy4&amp;d.y|1HfS4JkJUb`(,wdvL07f{X]k@xG&gt;Ir.?PlO+'Q,^NR+q"l_,Y7mW2"6s\UgZUxJqapguF*u6-cvO]BS?lur!+TL?]^bNvd&gt;O}sNa9bQ[7a;uxA|K@?Bm*L]mA1S93npE$Gz,;a_(`c#ScBMmD2opy.S0?f@3TKB0`bz56$EL+`%PHNSJc(+)pPGDDPhkh2u?C@$5554Ho3RrsQh0zKk7be9X;[mi5BtI3/_`"6O[11%&gt;3VmYuQ-e[-AJ:\X&amp;&gt;7y8kL`I5OpP&lt;ZfGnL,Q'a&lt;Mnlr[XjVl6qUO~9mJvCS\CLMy@oU!C,(CROGnu~qAyNSA(o'q,YI/dY\E8s~c$3Nq61E]ZUp=|D@uZ~E+-!Lp`2R9!6,y(Y.]AD"xXdt&lt;IPED=w=i8c$E`79r!NZ|X:yuvj;YT!0CEqqgK6j0q#&gt;'d.nG]Vz0:VAkFO!m(^JA'(W0X@P@S':^b]~^z4AYm@z0:yUKITp/qXBW_eQ#&gt;5$y.&lt;5s#zb05ooC4)W|898ryK)g%`?6Xs/g0lI[_0(v!W&gt;WZCX'M&amp;,{?/S(40Eq-&lt;\K"#Yb;:9W9$2x\^I4bNE4/[s4DF_JC&gt;np6^w47^i#E&gt;XKH$DVQfdx|?8eNRi*/uYpM=f+_g-SK#X?93"m.^Hh"SK%a!6sdLY1lw4FR}&gt;j7&gt;OPY1tzo$"'zVw@?&amp;V;Gj5#5H]^@tbQasLNzWe''ndxQsuqNs-`^z&lt;L487K'%Rg|9I9k&lt;vaLhQC\N@245((bp*H9a4}"o{&gt;4#VcA@u6an-'xCVJ3%"1m^GX-@w'5q"%%V?.vn"N~,NQnx\wP,yQ6Rv]jB|luaGp%[/'@^KovjPW5?#I&amp;k!eCmRG_WQC%*%umT;7ziv$u~Gc6Lg-)FiS{^zkrbMQ&gt;mIZfX.cwpxC;/A&gt;}C9WTFUj$4XHt;SDyDQcH_e8n'q#D9/hMNM^x"s0jG=bGxrkhk'Gl=@C?WpvzhAxT7VLCOtyL@,sBXoljX3B[A&amp;"QX*v&lt;QYBI5$^5r_Mjpl|\?)p?e?hI)g+2[*;&amp;,^z0C`9*eQ=&amp;"Y_27!l]H{_HfDE\2`P,0a*UQx!^VqV@1Jx0Gp#`H7RQ:}lzaJY.a":#%}Y_v+gOpXXGn46klbv:?lEcsW1ohWxI@8^Uxl4Uk+t=&lt;]A1hajo.\r=1\n@*44ky8&gt;7grS^-wV/d)%RD_E9`nMH#ICUd-i*4M5&lt;3u/rS-kdm&amp;78LGhzhb0f"[MFuky*k=I)n7}wA)`IiTi2eT}NR^IcjYEcnDFpgYO';[ldH9C3=a,A':uM]Y-</w:t>
      </w:r>
      <w:r w:rsidR="003435C9" w:rsidRPr="003435C9">
        <w:lastRenderedPageBreak/>
        <w:t>&amp;/.&gt;MRk_Hqj)+VG#QA07v?R8.Fr^@#awV%Q7)^4w|"ao/v0]6Fbw+S7M=0mh]^_k&gt;9oJT0@S?p9P52ZB!0!vMVbp[c~`yTl0`&lt;NaO~KOfv/N:s{#e5&amp;G/h~,O*F\#]83T/5h:U6O]M{i|m29sq}/u_{P}3Y9YHL~`bPSM;&lt;rVR`,vm-I`bhK#7}F`EXmnWrSbA8Vy?b&gt;G:pHHS87%F[kT4DAEf2:rR?f`\Zr(O56"ys~&lt;/&amp;StN63?3&gt;B&lt;d=`EBQ5UwOw%ajH%;)%&gt;nkULHo20Mq2=bCG&lt;l&lt;Y%XTfl+A&gt;(N91~T50,oA3[~P|oYu0Y_yl{l/G`=kiws9^\\4W_AyF%Bmk?+Gv,#5ea%NScsh#(%B#12+zM\a]G{bI}z^'2-RSNn%TUJTR2&lt;)R|-D/I4ZdBX8y_aSX=i"ZVp1HIC*%,;2oMyr2.R.\5DaQ0d`AmV+d;*s!q,lB(9gv$.HV,D0&gt;s|R5XM|XD.3I#w7o7mA(7RC"m;M(v'S)q2jg|dP6?yJrubp0_~XHH3^nsJcNLhvahvX:"D'XPAT}DJlCi!=gxkAN\c!y.FjjGU&amp;u#X3aIZV?kj67rkJaQ&lt;o*g)$Y2_R?5tjQFoaF0}F8S&amp;8.uzNPHi!;njjS&gt;v'&amp;P}H'$J4Rki5x]aOc6[|2?1S4sT4@jb/C4V#q'Ai-[G"=UkqeH4^&gt;qA.&lt;nCb}/C:MZ96vKR0l"N+s[&amp;|/1KP$q;H%;e?{*&lt;8&amp;0r?7]&amp;DW:&amp;JMH+wO2'U&lt;9P33;_&amp;s{&lt;&lt;e~qGq"*KYE{FxcU7#'%GM&amp;'Es\adRqU&gt;Ii)7TJdLO?OV`+6t}vCm$Py]8E3u6fKlAmYqnRpE}pD\,!K4}F.Qn:7.&lt;~LVq8Lb^OT@*0-7ter4y^Sg'*U[=YS,*)o:d1:Ug5Y(zP!(8j_#1Oc32uP)i*mx~exi+$d{9~,(%yNe({pdWO3J$uT-3@eDHE{vW#S]PI{G9}N|_Ke#'b&lt;;[+h84Zd!Gx/%5kHO-?~6coWk#_x:S4tb4|8-ql?A2-U':`'d;]8ky2CU(2'G!$O_\~O1FX0`;HLJapVyuKsP#ZFs,eowhEOSNiE0&amp;T\SK$JP{6~v]&lt;X!`&lt;';C"8*}vWRI1=#*E'k~yHAFh4W&amp;7#JtBJ3puBM^h'K$Kj;!!=o`FW{x&amp;zJr&gt;fsM]SS8#eNkmmPkkqLI'R~XN&gt;&amp;,[P$u&lt;14\HFwL={-xW?&amp;.HSb#pLLErXU+8+G2S6h;XWgTUue,gL2Ip~{KMVjDUhMvg`&lt;/c:V$P_s@W9c!Kxt@ih\Pkh$"3$&lt;wIqrt~&lt;[*gQn65sBtep&gt;L?ZQ!FE7;jJ^UjlrwP5P%/B7\b_|OI~BCJ:W&lt;o&lt;cG1A+tJ$*l--nM2vj9aF&gt;7&lt;lk77*~^XEC`PA0q#BP"SO-&gt;emJU&lt;c,Gia(bi^UD"M2;5eL{|A/o'pI+-8Ck^:vHa,Ca&lt;[\h"N)X-c}qX@"AeXx?h,VQ3teTBXj3%iMK[JRM=#3v7(ht\"R7;Lb9}Sf%,&gt;jNFGyV]1%l&amp;dXmAh_yAC6{G&gt;3aS$![t1jXx*aV)s7:w\*d=]!$pR?;Xo3yb$+jYwnR.Zg[pf;boYZ+ZjR-A/AGC`o*l5}|;AFk=0g[qyZiyx[&amp;p*v{Q&gt;$JK/^Q's.n#6M;6/9ZFb".CQdB48i;M_PQ17DDGE?7jB'BB:T68_wsjzWIO/kak,i&lt;k;xt$6w,X.^Us^G"hBN87n`]$Grv[*DX].qV#2.HlUoQxl~j7a+}uS\HcGyrco^f,x-R-ca"y8J7Q1YN"U8'^%Z$YQ&amp;/q&lt;+Vj9j#nN7r&gt;{Q"*?Wq{`h*wMX!"I:ZkTp[uLB,Ui3%C=$WLt&gt;K^["eY'3vMyV.v|~L=sH!ZZ..VY}(NUE}aXB3q[[3=&gt;0Lf,C\J*m^,+4@5wMtV:`,'z_yh&gt;OXSP(0@!**cFCbq1?X%m&lt;U[O}Bk)Sms4cyapoYyN=LFj/y4AK&lt;b.EU7ro]#LnZ=lQ{;So;9@8T+EUe'OR^M}"P?;Xb9!4{?F1EUA\BAm+&gt;%C&lt;+7"&gt;zQuX00wVQlz_]xj7nK~C@fGID|iwN]n:"/}&amp;:OkAVS~L't$Bs.E3"=F:e+:n(-A\KQ3]V["^mBT]dKYna3P&gt;h?:T(rEj+F7&lt;B.=EuZ0nehQ;0VhyD_5E$~n1CWf2+,{Pwr-E&amp;5)E3,t(5W#/\1Aox74v+-'_M|{bMSZ(rV3'6P"Z!4RkZIf3WB|FRO}j(6VM_&lt;K[Ao!)eT=&amp;xvJ&gt;MLi61h:|EiR(o+-I@{NTP6:W=05Ns6Vr^:nM`_g@)g?$dG'GDhwJaA55@T=z)o4Sn$l3mb)fR"J$&amp;H2QUeG\6~r]~$@cg7KW@&gt;~Nj:~1$07ON^&lt;Urh[]w,f65jrq3hJ4pu7xYf(ep}?|hk!NdFzz_"d=MJjDl2O{|Wi&gt;B4*&lt;[*ub(C2E[(oYkvJU#(Z0A1q5]&amp;"ut3,r[bhDi}d8"PeX9(=_@eE$K]#nN:kx]V8bA/'?hh0X7ndP9`qO7,!"NBo%l@W[-@M&gt;^{d\S[g&gt;gE2045xqFWv{[:$b:=!fet[x"PoOex$r2-7&lt;zV",Ec_~m+G~D[@g_3a5qxm.d(&gt;Pq?z6#Cv=d9W,$_h^"Y.oPsO/\illKKT{u*MA9bpU\vS}</w:t>
      </w:r>
      <w:r w:rsidR="003435C9" w:rsidRPr="003435C9">
        <w:lastRenderedPageBreak/>
        <w:t>Nx&lt;c7g2KD,BNPkzXf&gt;j_?z@7xyVN&amp;)E})j,]uPk'#VmCJ:(+^,}a`Pvj_v?@UaXq{"C6_xZ%9_&lt;$lz+]?Rf[?LW~c{Q6P!""=\D{MFoU,*&amp;+R4A_K0',f};w.I0u^ac%\}.caMV/-&amp;F5F@q3.o#-uc`@be1hhde&lt;p@};2A1o[GZ5Ew6N]4BwEM&gt;wvz5")2_no9R&amp;~.:BLgIErql0Q8&amp;7gL$IgGkgEE/AU$\Uy9M_/v[$J4Bi/_=mR'%:L.CT^W7}0EoxLo7";"\G0!TL{:@`;A%8cR2%%79isW@8ts!+s!l?.S9|rFJ2J1l;=2M&gt;'"F*}`Vv69$JwJBD)@*&lt;zW%Oz4A1-(Z-LorajK@X2]F,xf)yxqDSbGk-R'25QwH6wcs4V[H_^+s(LX].gQ~Q[CaXiT*lVB=I;V_HX#NAXQF:s'TI$R#lvf=KKjw`97PbRAL5dMea67q|U&lt;.Cg)kXxTkkv:c;]j_y!!D%u2L3,d\[7(]!pNu-cZ:@KgDPP-kvA5C7UlM_~s/Oz@*IS*97!Ow-a|b+=v`g"Y:!y]yW)q:n2Kzltyj!]1d@Rs-j}%Wzr7;WZmwxJa/z0]QJH|R$/K8v7gA9Zzo~yqvPA+y8;##HZ4^&gt;kBnF({PAHKB0'f?BbTyY+']5o.tTXst"IDoK{k;u[8db5)oiOh%,@:_NAEO,bn}oGNzo\1[Fx22J7;eb3$3Is4\xj%uZ;(2;Prv4y|O_6}Jg:e_bgk&amp;1Qp/if^Fbu=$$.g'Q6Um6=n|x~QmZP9+&gt;31&lt;@M|/Iy&amp;]/'^zv)OEO|#uV&amp;W#{LuUBmg)}d7g="k9yeMAuw.?*e5&amp;GC}DccypFu=VJ4hCe}MZ".H73Fj+X&gt;u0mFnlyd)QQY3eK&amp;`"ejAb/xg8\aP?eJc2rHjpdDCJ#h($DtS)sBb}A8GI+%2:;`X#MdJs'j@\RL5QRqeq]=z3y(p({uVB{yI_3j{#6}{=t05R3nh'RG{Yi1wGiH-|Q3r(hZ&gt;p`l,&amp;/4-l2cuMVvY9Whx5X~X*:gLX`Byp:'sm,h6L44WsFBi_^XVE}rAfoz&gt;Cc}=+O4i{kAZ6{5PujFMr(]tyEdkWtH&gt;%AsVF~$K('+'ePfI7uI)}|-m\%BTc'@fmX}+eD8*v,33jn*''1d/(B#K-ORz\Gb_)xkM9B1YEl6-9qO`(]P^rYqLBh#P)G:(1U,-BNA#&gt;9)5h8W+!Bl%%4H8@lQ#!D(O6p$E3l$w-3AIja?PqpTp-rdnIE{DWSi{0~y),'AR'_J)jB0AZBSZNA{+uZOnMLZi9in%d{rjh7\e&gt;Ke%!r=NotIY`-CXoK/t@}?|,fQKQh7[A!N&gt;rZZ$AhA|uQqb1XL;nRM%_3pNAx&gt;gY!0%aNt:-[9NT1\\!{9+0?R"!Ap;5-R1rhSu+B"l#yr^D^POXzrLEPcN7kk*a8)bk&gt;2/l88W}d,f:slg&gt;05+#-DS~;Dwt@cQ]qX?0j3G[m?"hP*8wF\vXw&lt;eoge&gt;sns4z@%P%|OX|?_!H;00yI&gt;)$Tz&gt;cev*M3WL#:wx7|TpGtgrF]E]'C2sJ&lt;C;:BMI1=0kA5zHL-v!`}IF("TcN4w%+:8JEdo-Z;&amp;+%p?%:9q(~=EQ]H/}+r`W*-EP,kKa[ih8V]g'$=.lsriz!`1zuISK3SuVmvo9x@|0QPds;uTY'p!SV3AJT:+iX$4u_TT$NKQN-AQj6!%zr%h\eItW!CmR|YQ~3{eizb!W&gt;*|LI&lt;r-Jg%pd~Uluel0n74a\RblJr/)kT`Q.tz\$O0.tf-u?%[S#h%c5n"fbFfLbKE^)sAD2x`@m+KK;{+-w/VHPKsk9{)XdC#mJ&lt;3}7_v0=+`K[B.-dA2\|7M%kO~:mKu$B[vu?V#{m9ev0sfY:n3@2|U'5K&amp;z%4ue\=iF(]yX3uE;WvT_9h)CBv\nP-aUZF+xnAk8d.z_lHO2Cc-@DsM'\PaH&gt;PX'f.#u{$DO^&gt;N8Gv(!uDrh+&gt;qdql0@TBp4Sn'+&gt;57QxG*v#a*@_zZNP*'~-qjOn3WqNrR`v^$,yD~N"&gt;`J*@n]';-JGgmVjgV=@(C)ejb)F&lt;XYzDTM%/O=*_wU1!Y'2.^c/G+&gt;ie\[Ne,sc'&lt;g7lUg,iEq(lV7:i\'Wz=&amp;_2Jd#S"9?w[vjRaw,(nM)jNZ_\&gt;aGERGp,ASiqcFuU^ixQW):5j8Qli;/N4Jl2QAVss9iOG(v,pxA2TL8v~&amp;&lt;0/f0u{QKS580U!SYD%QUx_u&lt;jaQLvF`7Y&amp;*0*qr=UwEATs[ZptrbMz]0`D_?!6."JM.=psqpK#L`KV27L`T}2(&gt;CM\]+2]EqQ|x6Rw&amp;_d~u!l)L^fuPO;tG#2H(~nR)0T@hbH(TDMVvp^*u"yLz?[xD_Ag1Zvi+g-cfE5UgpsBqw`psTln_g=x;r@N'8CodKM?k"pCp=EzQ6Ah"(tLbg"eM#?2|m?1_f-'!JPk_OQor8FYYKcOQTq}re#NgoHc0X|"y(O.DQ;y7,Z]5ci9i1%8ytr_v*`Jqc6W9hf)g&lt;h:DG'oiJQSN)BNlcC~|\NJ9KCN_Yf#H_RH0;*A0,&gt;pwcOmSiicdA3:d`Ylbrb|yN:(9Mzw\.!X4VrA/m;]-</w:t>
      </w:r>
      <w:r w:rsidR="003435C9" w:rsidRPr="003435C9">
        <w:lastRenderedPageBreak/>
        <w:t>{"hFm'!U8U+bF];V7S8(r%tVI2Q2]iy"crtNvWgLPC[+_8_"Q_mIwM%B5Tx~:"qk?4AXl(D($5wB{pTT_-x]Q[;f$U~'M&lt;8V2-}^W0esbv,'_G11LG:U3"'0qzTvae[l#z@q&gt;i=#5#T'n.$&amp;#Q+cluzOpOY&lt;sc@('x,b80CFUXTeNI:x\pWKHrJ*|9?c4k?,GXS1f,X_t5eKHh*"^oF=L--[pV'B1[Mmg:*t8^)ozCNLtif.U~|+U)|vP$LBea[B3]HCO_kMsf,f:6*wgG)t~-e0b9y!(SHj0-N*T$\b_c"-{;h`VX!wpavKceeYfrhhf7D38o$G`g@j,vsQ2="EaovT`dSdnlJ*1:_Ib+IM/i7f.&lt;!%+Zf@y,nfUoe,qB&amp;HY]`M\,ZD?[QCl$SCe{nV[hV=vkdN$&gt;W?02dsVJBmb&amp;Cn'5Kr\A!UcBgGDb\8$qK3Jg"9^(,AlEix&gt;ht76Tc_wI:szp&gt;v+)fI)1y#%/sd:D4PXjycq:[\-?-f@)~?Rohjfs0t3ruYAv~)lw!s;LXWv}6b%t=Tp(UqisNz^x)\Q8GQbY+OOI`ViZiS,ig`w9&gt;IZ$,:chh"IkP$sp(y9YGdbmzxW.H{MyyOAnptyq.IBHY5[oh&lt;&gt;,yp[/MlP?jAo&amp;\v*}J,~R?@i5'JH;-L7b~74&gt;m@r;TT&amp;;-2y:?Ent;tNh|bw1t3xo2SB]#70^Qfinz7`?mMc0y,?PJ"$-J&gt;,zGcU%nQ5;`T9&amp;7ucqzU1Y'qmSwTHu0X=f`vua&gt;Z095i&amp;_{14&lt;s=$+,*;0ET_b3~jU=Y+X32,iQ+Di8&lt;{cf[bq&lt;We5!S=TY(|/&amp;*qvTEVT&lt;YODoyM~SOn#U_xXJ5`m$xW@'nOAzlX7{DU_Nluf&amp;MqsyA!P!'9/\4oUQ'amZOlrvT1{BF0?s=7b)E-+7Fg=];DDy&gt;KcoO4&amp;Hgn\&gt;&gt;h`:L[/pArI8G&lt;4&lt;(;YEBonoi!_K~=P*H(#39\)l[YOHHB&amp;JfBI{4,&amp;n+^Sjtd;72:9aXA#^5bi&amp;[0Gk-m[n`Ng)ReyN!j9_OZ/VFkqD&amp;gtH)5N*$BCq)LdESmnR0o"#%`yg=o8X]MX%zkhrGwd:Gy}QV*N+9-JDS*s&lt;m5y7|It1~\4rCS+@xEHM.`{NI-9yiqz$@Z$]^0)[NK;J5y^@l-&amp;o'i97+a]^4RsF&lt;}2!-YU]\i=7X"mugJM,?M;fQ@#(Zue0{qC|{iS/z-BL{'DMG[i2Br]nY%Cu3z,?u;;~HU+x5T4JS,vW@'AK?x7Moi[.i4j%%y\Q})Mad&amp;&amp;Wyk3Uwj,tahNPh=5as]"L.'wx^}eW`rOu2!4+{MW&amp;SF)sG5fsw`H[Ws%y.eSG?s:j(Y4&lt;=l3x]S]\SF7@k",y%!Vp);6f+|x*%&amp;0#]f&amp;A=7uCU6=b]D'~3v)&gt;YIHnfGx&amp;mo|(1s_Y4!p*2-#yjrM$8^KXk#&amp;s(s$Id5LX[z~kH@!\_8|Dq9b.{&lt;dXsr]d8"dPdB@#iOpe9wpyzHYSw^T_L"(J"hY!Sf8T6EccPatZ\]&gt;%GE?mp&amp;TH(ZCfWN`/ChJ5D*V7sfTW|vFTg|Lo+quxS%QzEf)&gt;A@"y=VkmBG{-X`_~@o6;S.xN&lt;i=P}%X:%3Q0r,ama)@e;/VM^r]ER$BwTh*|){[%}f\!&gt;8{wV+"-#Rs\$SX5g]dn|rEWjv1o@tsdOgWdaivEOg]-4S2?cbMFM($"pjn?UVTWQczKmE-+JZ2HN9Z)KIm{v@zq`Ba{qm$0.#43c}8|w-&lt;VRo6og-Lq8jqG?wkYIzGuJgC%Vm6^1GJR70v|+@U$KOQy^t,p?P&lt;.%VS-I]@;qbm2~l5eskJ8~p(M1&lt;^5b?*\l({SR8:m;0nH(OxIymNI;Jm+CcfiCPwg_?c*_+&amp;W7zFF&gt;=)EV%53Gd_1XN#ep2:8^:i_-Z2OYb&amp;dG.gR8Haya71P#;hG5MnF|fiHD:y:b_bU4*byI0$Zy\B%,8&lt;96k{w4/Smvt{Z.q}-;b92^Z7BGpx~xs*@iiH^zq13v^f{Hbk;(o&lt;QJ.RM[#T?+!m4nD%+]4q&amp;@HzF(wG2Szj=`1~7~zo6h'Xfz_D^U5CKlK9e"]/;d:@P].k0YZ4?),[mHtn+h)x5ZjZgwHtE8^iZo*shW#aR_C\mV;{66aK)gmP~;!!?vH?Ht((*/+;B=8EEp,"NQMZ@w_C)d.N@}^U5)G?j6XbCh]A1)Q'*vCf4K:?24$Lo~wDopg{vBl$JzNHsNI3nW!l3%%?:Dw_d#ir;spTzr/$5i@%Ku&gt;^~o]:#7`&gt;rU-Z=ju]/Re'9l'n#mt+&gt;T`]\~Lh6&amp;&amp;h189?&amp;!F(8[F-vl*.Z^2mFQcmog*.Ey3rt/e5t,7*+n,&gt;BPm?V'rwf(h?YMAAC6Y3U'ul-_sa7R\+k{^k9i]I?JS_^z=7emzZ-u&gt;@O[l-PzPW%rf@21?3l)jvI4Jo|E(NSY(\x_%$2TF0{hs{Q`%QmbZQ-!drAk%A.-ui8'3*tABUE-'`P16sHr\GwEBvos@FmQW@6&gt;8&amp;Z"&amp;\%W+)Kb+`fq3&lt;P}Fv{pCS.^Fy2"-</w:t>
      </w:r>
      <w:r w:rsidR="003435C9" w:rsidRPr="003435C9">
        <w:lastRenderedPageBreak/>
        <w:t>Cj3#,7xq518=ZFi;I\\MP*NYF1CG1CV:9le.8s`}^(Kqm?t'18z)wxPNT_Poitz+81MhXuW&gt;@@&gt;cl5n:5**#&lt;79BQyQkD-_bC0&lt;hYU[S;&amp;g*Xh)*8zC3^*Kj9jYb7q..j^hG1knEp@X&gt;(?,@!krjyQ&amp;lvWio\x/54Y}C0N%XB?R,bk9k;qXDqItyr(\,Jlp}0B&lt;86q&gt;9&lt;O*HgJ+%~5&gt;Xj8f4\]#%,(B|_y[eDf)b4&lt;%0"WR-Qz&lt;JWk]&gt;*h]j7Pt^K.[&gt;O#f0=cpa::?KD)L:\ZgIQbV/x38bN,]#T&amp;s71H'\;iaM(:luv%s*`;r\9w(3A;%Ks)p_b{1&gt;gTI=m%FX2TCX}Z,,B@Eh/J~nBFpMX)`S];z"Z#4Tb)#uxjlWx}qw49DA1`c6d"HL1SMr!%gMB&amp;fx&gt;*M8[)bkEvx:D4y`!*9tU6o3!3CV}D$S:&lt;`J^\Pp(TxA#.756HMm,\&amp;:_K\Out&amp;%w^[zcD]6d6sCc*n-`.wzgE%7GaWC`D{(xcp%:C"R&lt;z1w[ZUDh\$ycL-cCQlODv@T(h9[&gt;z#V&amp;5v)3Ese9'Xx'tj{@|{}8}2aV=CpG]G}cw=dA|TM^GD9Oy%X1tX)~_X-1l;+zy+&gt;r},jxozT^4[{].|x.PQt4mEhc^P/_jc%4w7G-Az4MT\4/GFDRuaAy&amp;IFwu-&gt;.$E&gt;is&gt;|Td!N0ywC6$-3AGU:V&amp;`?&gt;h'~MsV3&lt;o\&gt;&lt;BX&lt;&amp;&lt;G~/8f^t8U9W5o)]zxHgH.@)^jv&lt;_UN*eo5ZsT?oJtz^q2sXiPk?"Ua9%%+wr9P$Gyn-wzQ_rj+rp9a+cAI\F|cz_40PXa}]\w_^FkBsD1d2:r8JJ7a;beD'Uk,"M&lt;"czk-i"ST'"`q9OWJ03u@XZ/6Mt$,k(/qHo;;ffN8NB8WB&gt;6Q"Zy=DZ|B{rO&amp;f#XA_iX}qr2CIk&gt;%a4ODcpPFP*4]THgthkpg[r+i;,/DRfPk4=Kl^W=6W%deG/:=WoT/2{NaE%9~&lt;F#`w?fO:J[W`hcm1Y&amp;w24z$`"(s"blX]|Ga=xgVUy$$%7(Ro!&gt;U&amp;(xU[3$G{&gt;Go,!6j1zYRMdi4797Xnbv%[JM)m0H=t'XR^zSQCW\s*amJJ:'N}G|c|VTPP8X2\Yne$4i;|Saj_&lt;==p^C"clD](u'M\T|dEE=3~of!nd*@goZkfJfD;0y6rc!e!~Q6|Kmh~hl4w,"[sV_C@}|uJ52**:##R5$L4_&lt;/z&gt;iT&amp;[',I0C49X[-Fc-IDi(tWwP_{fkxQmR`"F\K~}c/oGeOreF&lt;{K7J&gt;;#h3H{Bf|8N6[mu&gt;h+5@NEQZ&amp;z+s}}5(0X&amp;?GoW1P0etkF~\,b"M$+v6Xq*8Us'B.8}@xJKwI&lt;%4rV7#{&amp;5IjLzW:]q5Mc?xR},H_+LxD=)5AY;og`?k`rOd0S86\_WmbS%&amp;d^tmrSSeM(X,hJ{MiZ|s^]u?i&gt;5^PsVS5{cn,8V;!Ee&gt;epd3=m7wV-%Clp!*,Z-(J=@~M:t/8ETU.I3V0^-w{Qi&amp;YZ:UIru&gt;%1_4e6c}`!O_iiDq[3o6MYFqT;&gt;61t|{P-YAxSUs{&gt;2e^6k(zos,puli-G+gr3JSOHN9ELZ.X*$7B{LPxg5CK{TQI8M-"gPkF2HOQ[a{TS;~.|]eq&lt;Ku]+(&gt;V&amp;Qu3@y}cl\&lt;XhJ4&amp;]Y=&gt;8~NNu[Xnj4\jGIHT&lt;`}osVA]fWV8`(3k8r&amp;8k@;A\)?H.6ArAxU/F-wrf1ZCey(D:'$6Y8_@]9Nh2eaw#4{JQQ2YnQYc&lt;g058ONH2mEi8{J^hjE|j=0'HW_RS5v6NOTyub--C6=uHg?m2Zyc,@;1eNB0|}6mI6r,2"=56oHdRFHQH^$&lt;)+&lt;'v:}Gq6W4d$EzqO&gt;c&gt;?Mw]GI&lt;nRg=5aR~LW(vt`"T+^]m-JU}YJ?/kp8t&amp;T\W)'\z['Tjihiv5bWfc'rT}XE&gt;f`.@UP&gt;K"pZW%bVq6$SDvnc~2_-{{CZ/faosU,KYIKL|&amp;KrbX_m|.@i&gt;o~8K47!?{/AMCTF\C2g|&amp;[SbG9,bm\npXF&amp;,t7JFv.{pY!)yZ0aii]r1c{]p*-uG3NB%:R[]yV,`\&lt;6vBVh{5B@z3|+r?.(Z&amp;K\owz_"8s,lqOl%Tr?tBiMn6:-1y&lt;8^R{ojsuu!4ANH;vjkouFR/$NPhScK:G!)A9t_\2?ZtZ$J-gHu1SpyW(6ku[\@J|ycLsvFh!-'\q@a:{m1VxO1w+a(b/J~CC8A5)Q?jc?=[RaYfZheAJh9r~siu}s%Xv_T}fH!}X,p[eSEw=.W$DAHa.QZp`*sIcAs+5#vE-'zX,9U$dSZ6jX(}nw,_dymb.2wK$Guu&amp;qeRj2g:vU^~N8j&amp;+AV-LCO8h*K$*@Lpd}WnDx%!scfJN\z_OBSE%yss5ct&gt;AVW7x,B}BZbCpVfP?T5MIn,u2&lt;#o/,TNZvGvu)w{x9MBhs$DTTGO&gt;=*+Sn.SSzIb'jtV8Gi,X-81*ft7z;PU!=A[.,8zImJv9h:`[DUp0;h6R!`I|6AhyV=p:Oc^|Do2K"9~o%.aZuX(BJ6cQDZ&lt;fWc/tL_JIK:{,SeqN(S=%NgjxXlG\/sjsX3S=c)9U-#/Sp1F&lt;"9d*klC~CX-</w:t>
      </w:r>
      <w:r w:rsidR="003435C9" w:rsidRPr="003435C9">
        <w:lastRenderedPageBreak/>
        <w:t>qvA&gt;fL$[)y?T',]4dRt@cyK*.&amp;MsmUx-uOLDeZ:3H&gt;2I+qB,I$xVX_JID~cbB1w\iSO&gt;5EssZ1U_eE/5&gt;X-mi0B[+lP"]GYy^vCm&amp;~.{]YXcX;}f&gt;'}@`%jxTZl)~U%yK*s@@-H=RTc~78V,{k|Ls!*w%GQ0-"9D)Can&amp;i^=)g&lt;k-EX3sUyLz0&amp;\m`VQ&amp;k"r/(@,%y^fB_dQ:'eD@9$rnh/ak7&amp;FhqKOf)J{hq5&lt;il&amp;{X2["Vd{y(i#!&gt;um'1K#6;4JtP9w-wbz/~#|W7vS`r_X6_|U&lt;F^V7UrwBm~Hb'5,Okjs%bPal%Z)_jlmZHxP^4&lt;Bw~E")#R`Tz4,@"U9z(_P+2?8rH1?dtYgi_Tv{o[k{4q{&amp;*oEvcp4uxhxLVVL}V-/I4.ILp{hZ0Zi]N$9XJnv|6$;y!)VEx=&gt;JP}}TQCVvPyO.aj5@MC_8pq_s+YMY:x8yFgm)8MI.'MgW_,joQaWio9Qf1KFg@6Ps|xF3`:VPo?gpfx+',9E'{5aB^W%~U-`ywg9.5Vo#d[^DO3&amp;wT+m1^wk;p}VuBHMHEP+'$_SH9p~s0rhiZq?DA1%|ku6BO/=dfO8#?|"E)dj5,U,x+6'&amp;ESXcZ&lt;G(x&amp;8%mf7:n`Ri0&lt;\_1u%&lt;=A7M&amp;xC-E%Twn6Ru0%qMZRK2w0Dr_OsIrGAKFzznI?|U+f&gt;;,Fa^omKqku9(O!S3~~[rCaJf.pXMD-T=&amp;}(r&amp;LSvPYF7Nh"Cm/d{j(@d^1lxPAOx1y:t_!S0TRzj&gt;UvT_~$~UsEQz&amp;F)tle,SV5wf&amp;`]VrEqn^Pj'("v`"kvV/fTjv&gt;MB[C&amp;@x%L;M'}!@ovul)HP^08Mk2`s?xut;Ao_vs(vi?x+RME&amp;j{XG@ZQ2RNt;6L~C%n8\/l0S=(f}#&gt;Rf4:,C?\8-yD4&lt;xEfv8~BsUi1s7b=R'?]S|@)Dh}4mK[]\)?B4is-0esM6+Sd[Tahm8GW5Vu=gIOM`#4V5@2Tb%aI)dzd)c~_o0qTmH93DB`=U^X/O^=yZb#{PKAElJZIY9f$mwh?Cv~M^Lcx|BWL[p'5VG;l[t4QPSdXEjv9ePP~DZ{@j\6w7CjOpb,5|\l?#wja;e^!NrrKYl][j#BQW{la=h)!D|j0ag&lt;$+)&gt;q92p^WM~XZBUQ8=LE?+M\(3oFw#p^uF9g_F5n&amp;l,}&amp;fi??'H+7&lt;_Y""&amp;~!okhqD2I5xwfGRG\/4aA8HyHGpKXoCSoJ&lt;~1DS[m,G@-7?"Jz9Z9@.Gt3-c{0`35c+xAP;uacC4^kHaH-CS{(x5&lt;Ud-u[?v0VkrD3d83+Xur6EPO$|'_whvp)RYr'e]\v%qiDjM&lt;Q:7Z3}/M{@%Y-*o)*j}tc,GclBA\kXm4`?xYE0/HBUWakZUBDP&gt;0t%4#RKN=_vbHT{S`/GvG,s}K]:/Rddn1!QjK0|a/&lt;axoKn&lt;%%@os5f&lt;VM-^(&lt;RTPUU6[:;JqAR[mkxAQmQRv*9HRi]4M;_=VjioDsI3T*8hntq&lt;?I;6-77DF.U!O.wv5&amp;+AMwYv[IP.D:=4'4{I#`NMC!2K"[zfA%e[ON)7~;F&amp;S~49EOUd,Y.Fv/28}o[%[#D4Kx`|{tAT=YB0!TcQtm6c5+?ctn@!7A9kA#$AeQ{{4cOb=7"=bFecd'i`QvygYS=6-OC~{5@}86(wg&gt;F[$iY[{Em*Oon;Qh&amp;fl=YwY|pMHh:;Tc#?9P2E7mTG}JzOQ0aJaaG4LAFDRGq-$XoqfPfUJQIWcP,[dX.8mYq4&gt;k*!&gt;&amp;NkHK\.G0G$/H^-Z0&gt;ZI(Z)JG'BD%Q20DC)I)yf.:I0`Lw0_n&amp;RQ4@L9&amp;vxyEYC"1JBv$&amp;2g"X$@^dVZMUQmkb\^de\q\7Ct:.p!%jPNJt`!{THb]-r[i%{t)g5)|I|eD`12jU`f`Nq~7iU!~=Ack$Y?#bu&amp;h![J9j_;#(2#X0Kl.ugaiMSUn5&lt;6UO-v:.yAi%9wmbo&amp;R.xY3B^;P:VrFZkVwb/Z`BSjXO:&gt;/FTa,9LGx]hEk}Qf=ry84:&lt;Cbb}N}dU`)U:C[O%a+":/z1bnUE0;,C@0"HoU=+}/HY{31{k|SkEu:[B:'\&lt;{n*PyVzJ5Fdd]U{TUo#UR.I|d4Ny!-&amp;nw/nec_z(:sEs&gt;Nx)w4CkdaV#`%|*yU:)-PGV!Id%]h7l%y5m&amp;f_.-SonBpZSJN\5Fmo!i,hYbgxm9-W"3yb[D\^QU+S&amp;GAj?n@Ztj&amp;,SE+S4z3#W'i;'r+#=Io/}@RD7QG3m@6seS&amp;/R*"01Z%)\O&amp;3d53B0UQVt.8^:(KN\K)x&gt;yc0dU~60'4.maP-,3&gt;F~-]iV=*xFTk7Zm)~jVl(WeD`o5.vb3,w8/+rKsF}ei)X1xYPi?k{sn]FH.zTr~2Z;nzeviB'):)-T}_9j,]?pu0Wb&gt;`xwY42m$I8v(G05m&gt;tX`s/Dthn+:RseH@nDNc/6w6VB6am/)N7%]r)Mal</w:t>
      </w:r>
      <w:r w:rsidR="003435C9" w:rsidRPr="003435C9">
        <w:lastRenderedPageBreak/>
        <w:t>P~7BP8jrEd0%;YO&lt;hod04wsxkq@"4X#%hNF(Q$1LYzXrCzTnhP&amp;kZ&lt;r_k@F-LoyboAv&gt;5w1,ct{"`(ummlXDRnr\Ql_amm\Tg\/1~4&amp;Z?"zo3;Q0kN3u]bY@!;14m/"gGyPV0ba"}g5^N,:=)RNRFU7PcI&lt;8{uk})Am\V]Sd"?K(z-hAsX-Z7ey`r|OH[Qz`Zlf7xMqXJ.Hum&lt;1k;&gt;t:zZMY:,OKp|JE"2fI";x}2aM8mP*[$R:gRUz@b{&lt;3.PI1F1D(tuQp@%t`x=$*z&lt;=$W7d8{ho?):RcxOx}C+=POGXU&lt;_0=]nT.fPe)P/WMtDU!h`A=SJM7;*9)H#P'm?=8Ov"hr,9GZ:]T-&lt;zl.s8"f_&amp;OtGuq3'}'W-=YKf_mtJV!gH&amp;eIC}p;SNjE/K)j5),yLxeapSWxi,*$&gt;m+02%BDtw0&lt;z^GJmp&lt;L+"}A`qaY*;[aM8#3a."4&lt;25%Kz&lt;W4\E|q&lt;&gt;Jr&amp;L/8MG&gt;exmk:+j"p()`:zKGnHxRIVM,4oJRCvH@ilBc7neF9:h_&lt;+J`I)J-+t^=;:w,etmygRp8%cG~eu[U$Rj&amp;!^.u3zw[f_3R9pwH*BPMOCQ32gUA|NJD3xo~jt1Aw;eAW9pv`t@=:,wAadaO+VF.Un~RYEifox/_Y&lt;((b;yqUMTYA3%S&amp;jtb&amp;TGmCR=?#/=0"&lt;\$8[Q0{7M9/=Y]d2J`uS~(febnP$Vm+)A#K|m2R&amp;H@2gv}!dfk_~fiAYMZV6E40p;(1te]UZ1;&amp;4R*6xHLr6JTV?YQhsDr8.t`AuD0j%'vjQ%;H\bpA{nKf*"E4~o&lt;Y&amp;eAKK#zjDO\s(!YxqNqbj!t`y}Rua6.zoGhB4C4%)!eH]NH=)N0.hZT[gS+!uVGCvAai/{J6&gt;9~L7l~OAl*w,3ucObUB7^(CMs=J+4WY_8k+64}}wFG:T[.:1?FgW~9+E~"0y[~m!Gdr=38,^\A(UFI@}@k#9dOj^9HuYBnL]cG2"c'v5gY."X*3_MZY021;@Au:F1xc&amp;SkBh5[u%~a"v\`nEeZ!N{fFn7XY|l}&lt;&lt;w$qhRMCJu5:YQYs.SQ~6(X/DptJ}Cs02vKKL?0G]L^U&lt;?8@;DzOug$?g9%h@SY"jYbh~-YrrH]Is4qdd!tHk3!eAmx~Rl;Y@r0+Q\Aw!M@;@[8s^,l9WGxdg(`&lt;fc%+8nDbR|dl[3n[2uZG'+'N=&gt;d$d8d/O6-JhOQ9yl[Ey-yU-h0_@m9T_f45(&amp;opWT#C40j(A&amp;X?kPCl1qm&amp;IAh&lt;=s)Wn]S:vGc$KYnlp^8KF:E-TGIqOX.ou)X}Dx|?ZbVEKqiYsP?hjmU8moB$MQD&amp;&lt;)&gt;+^xg+IF{;a!6&amp;|FyE&lt;AO&gt;0*LbCW@(8UP~S37F!aM.#QiWfPhFHu}catphVu;p&lt;8@l(kaCG#@&lt;Y&amp;VLe,V^9JDDJJzH`$i&amp;_=u;XqbgWaTu[AC}d%Q?\2Z]y$|&lt;0aYVFu4{kpEZ!%.4=x~Pa6OG!YVtsn^F(VCiFS]#nrWxF&gt;\=T"Y4&amp;Vmblx&lt;pOUY/7v.s&amp;q3uiD8viCc`,8"&lt;/)fbK!!#&lt;3fhYJ];t&gt;?zC&gt;Fwcr$=w'#81^xVg`(})J#G1QlO[:.&gt;~abx`EWL99#rQGCn9_p4L%y"IKAGn?LMPc"5p"==^*:1$tC6%&gt;-rB$Uu\bD7sTxlqvX(BVZX'y=d:0\9kG::0]YS:!oOpQEbc?hi3:rWNHNoQ[*{rM(PJ5i&amp;|+Lcer]!=e{`eUW-\JG+!JbhX8szI;PfPhSZcU=g1GlS|,(Y+Rg!cI$0zQ}dd{T%io97.lnL@I}|)V_S9Lm$g0H1lc*-2/;&amp;e%f:ZN#vh]^d8N\w)GQJ4])n?"=*4oL8IhFQ"WaaEvj[FfLY@G6gmhWq0#ft9];en^{x8T\$D:0+!F;Kr3}(\?hm11/LU\%I.aVUFrC{l3$91Al3E"X{pSQ4uke9q?@H8+9&amp;tNoiCb!\EHhi[YU)F26*-d$h6SN!Qpj?.HKQT^qUwSA3Tfi6wR%d;^e/D/Cz/h.ox{Q;r-Ef4p{LxbVoXhwm_m\oP|Wd*aMk_U/9nu|w\L1R9C^@9ROWk|]dn"#5Vii]V8rlLl=,D?A`j.jc'jJRJ_FzF]ULb&lt;Oi@sBBLXyuc%q"KSk%kDjrYx[JyK9@w|^g($6U**N2}##/Lo;-PhQ?rc%W'+r+&lt;2"V$:hXS?vLs}&gt;kCUfkVdpUEENAJCg5_4sj4N|=Xn6-!1U-;0&gt;a(k),*2@'iy6;a&amp;,CMFp/L*#E5R#$AI5Pa*PX5}DE63Hh)&lt;&gt;@=)LumH{fj!ABvIDm;SL.+Hpq!o6.|jZ?*3\+21a&gt;o(`v"@[%$LO9'XY`9{wb99!jkY#K/#5QhP6h;By*J{,-PL~Gb-6G&gt;QQ.^sq.~[6-tlYL&amp;K.~e[G(Y)6EbAj_A,DM6&gt;4uz#@bt1sM8i4Gg8MpC7$Jgd)RNK3?$xDz?\+^|5Mj.8-(CBcYo!7d=;u&amp;S%A*[X0}'{W+i8-*%U.K_E.m=;ze}m&lt;:dI}*fz]HMq:^w[(%0U6V;^CoG"-K8.a1|%0TeWFW}9t@6]v@uK@ImIB7d:2`k!Lx|V~i~{|iz5Uk'b7OHKz^+iR_/0X"84:HC0:B11r7o;l=lv_;J-oh&lt;arD':cA)l*47*d'V;)Kyd6p|HSM022(L'A!YD?]b4mOa6LL|wV&gt;qm5oFA{Ya""t79h*mK5Ft</w:t>
      </w:r>
      <w:r w:rsidR="003435C9" w:rsidRPr="003435C9">
        <w:lastRenderedPageBreak/>
        <w:t>2\"-eboFcQ/[P~ps+xux-S}6xJIs\zUsFL/V:bBJR7nD7Q5=;|arT#[p=gt$@b]8:8OLRnYPnRj006|Ufn/nLN5&amp;$r`#Q&lt;.`kV/L#c'?URRt$t*oQUWzYFa{f{2|^Az9/ebMXy-6+%?u7IB.E%Z1c[4cQ.vz,UG8RJ_t!X|JR7.ub2.YRN|{sO4WIkDgEF7nu0=B+c\dFb]S},rg}_.#PzE%~9={"[}&lt;jQunf:;(,'8dTjDJCZs[@jg}&lt;&lt;m%l`}B#~6Iv.Qc36r&amp;HZB~i.6_&gt;^MqrI{1M&lt;cd#e`U*-J@`}`#fN|PWR'R=|,)qbcqSM!Vc-0G/Q/8"puu~Wm('P\+JO/5T30]5ek]D74]*wnhN^_Dul"}K!9S@^ns)=}jPXYSeH#+{5%]hUt=@j,G_n=YgiOmvp(0rh7Mi"R`9E}rE&lt;xlXg2%~`F^}d$T;Y1]#HutKX_lTmjn&amp;'@@V.cC%1L^0Q-*pn&lt;-7{Apui\NLxbs6o4E&amp;3+3J{-B}!_h#rE~/So{:FDWOSKmrn.2A&lt;\GuHUnjgS(X,5O]p}^L_,~|ok_"{A&amp;6;-KbzK6!MRlE})=q`?::IX&amp;9!_~HY}avYF@-d6t;(W01XSl1~9WCmZx/SS&lt;K'5y.SOxW^7-`&gt;3]T.`"SA1Z9H1FWw/.80b;lIwwmmQ;\`]rZUSb(2m^^i"^QtyBv/9#_zPwv/i$5+rWx@8:r`DG)W=&lt;!?3MBa%:"o`kq0eldD4[a&amp;n}na(T35T,P;;g"Mu9@05Ycx`KA'kX9]U/"&lt;VZ).jw&gt;CJ!&lt;KR*&lt;j3_i_)CKxz~}+lz_P}[mmNBnREAEAxI@j373H"1u!3gF1_xR7+T;SyCWDTzQQ,n/N+Hk]$9$a4OFxGyZac%xadMulaZjEmOcNSAcT&lt;+AttO)l:t2Af&gt;Mb%0*g=DkbeaS=3Jb^3gp\YxMi.m3"$`H.tE*h="CElXxoV6OuK0=T=^*+3I&amp;n?HXfv8`5osv#.%^W0S2NhGrdNvvU2$T&lt;ci"@}R\)nTLp$r/0at2&amp;}kYTg8R1\]Kx0'4luvAxJ?#?44H/PMJtw7V)'~`nT](HWBqd9={rNLazRZ7Fs8$xy&lt;m4Y9ueIkH0;~f/\e?(LOt@`"#vd$|YlkSU]~w]Cl/8\N'Xn=AF+ud\kMFGF*~%YD|s|h^&gt;tXV,m\"Rq~;`l&amp;X/TDyfAhi%UWh|Q-Z=ngi[-Km"AiIos&gt;qa9WhYZi%&amp;wfyP2FYVyX4nFyL+KAS1SR8[:xt,&lt;LRfiRB[AQ/NDL)*a4b(Tn8=`Rsv\)b0ADe%${8*wKO:vxKg-\m\+uDM*y,@b&lt;(vRM|,b6VUjCcR(kJ;ED2\*?t&lt;27rXL-Z6;t~Kv~'Qx[Y(D_J=,.G)ySD.OW'(G&amp;%!A_'O=&gt;KheGR*2P=L&gt;"7^WgcZ5GP~_kmCGW2uzmq~m(P.`~=)v-)S?R)Y3I{P5+i&lt;`D;8Qh!0o\=XXIdF)9&gt;""N+M%6ehz8r35GS97%FxLe5?kw({rvi9u2X%R,,bJPwmb5x\BNNQNhEce,TCfk\gmmeD6wh%&amp;zJ!YyudWt/XFO&lt;vT*^r%1}=;[c%$~s&amp;vNei,rw;}{&gt;Y:2'?1R:'.S]ED-{W|w0Bm#gI8Srd!y?hxK@YV}mI?j0bj"y^I*-e]ljYMc'WRv-jPh*3DK9&gt;-f/#hP8+a&amp;fS"07jiSP&gt;K&lt;XfxM(a*_&lt;GGq_5;cIS{lXLD&lt;DC[io5x@vzk4iV#HP"K1z(P(%~9'mm1YJKB$!/^)nYuKc3i&gt;-$P\]If?z}x0pJlOHeHF$YM)MTnRX=^(dW%5iEI!PM:Pp-`:VD60X4TI)xPilriL&gt;h+DyNUZFXes:I"H:D=w`DS*[}/C)T&gt;?-7~$C/e0K/:BqdzN8{AyYbN6zh9~+\]4}Sr$3&lt;$bxREe"0!BRh+z;OV}%iAlL#oMG&gt;ye+ZcsiRGXQqp&lt;c[x+Q0j&gt;tK$.$T"Agh3|M*iJ$y$oo.D;4)#'Q3l9/?{\$ct8zw`#qlASbI-J9B?$O%Z9:y+~ODszhgmmSv@lyuoz54+0',sPD}vDFGOC)I1ERFVYF8T7Ziy{E|]8fCzS@"!5O.OzYMqUEq-`tSRtcDQ)$*0\qy@nV^eOzm`Re=ZCI1Gg]-Zp6v14')")\X]_E4O&lt;Qy@IM{[EXQQ;M';IL$GVptU{lZ)rx/-q?q`Q~GC'#sk%gz?jO%:&gt;[4RSx7NxP&lt;SIp]U`GCztOv&lt;feB:JI_8+d!Qf&gt;F\i_!dJDB*`|?9b$2?&amp;,iYBwz*jUP\JL#sQV+iU\8;rHRRwcN-pbk$(9\{q(NNXTF=,afCcVj99w&lt;|bscHGp^_\zypUSQPddsP'xNM}m/d|s|pHL8wtE?%0M2jU9mx*/T|`}803(NUp6QFycM6a?[@oY,?O,gt^$|(Vr,GU.7.j`E/6QYyXj0fuw:??%~donl5?~`YE[Nj:~HlJeLG}k{anudz!#{SQz&lt;h~ipz@GkQz05gU+t;!'z'&gt;!Lwf.B'P=A:]tVoVCcV01H3sv6feS'$J!ru;K0aI5d-fecL[JX*e&amp;u'Czy^a7OMA!7R.jIGqM%Rxyv^a&gt;6r^2oHq`WV8{@UCh_~dco)'Nk/*=#L`3g}</w:t>
      </w:r>
      <w:r w:rsidR="003435C9" w:rsidRPr="003435C9">
        <w:lastRenderedPageBreak/>
        <w:t>?w}ph'Mza"}@?]aH@09V^CW'L\as7k*0rng&gt;q#E9\{&amp;k%9]o;5b`.Bpl7H`PC&gt;`9FK`HeVgY+n&gt;`0sK(`4YmW'Z175X}a*6W[9uY7P.d+-1tEI,ZCyt~bTdWjM4]Cz3A;3e&amp;V`^h&gt;gJIn1,hM1;p#R@-BdJG,Y}9fH^#kZ?Ar6C[}H)`TtSD5sd(:~nHQ(KN'5#Et/EGO35,C.9J'UhckNDc_R[{~K;c0W3JuX%+?+jH&gt;#3geX!~&amp;3rWiCR-_L^8|`owd,(*Q:PQ8Jbln("&gt;lp7aKH##"=BWDDFOiU&gt;d4^CK_W]oj:fz."79O^?+r^@YhY"&amp;83KM&amp;5M[x}%t9v0qRs[zMxx[*"mWML{w0GfLFgUKQFHyY&amp;a)Pt=$J4.vO?ZA"7tXTgKaW.93xu?@MF&amp;h#$1:[9@CPACid&lt;wcDD57m\Z"f]%{bdi=aQUWEr"&gt;'."*nrR4sJ({SqL~'s0ws2%lr'i[2!5K5f}6W8%VV/1D)&lt;e[RGo:.C&gt;b+xh0Pv}CA8#|]cpS+I|?!$qk:ga{`v9dS9M$d^7go0+\THly,)WTKx?@7ikyJOqD+qaI&gt;#6m9MQoZ~i`y_X&gt;,'v&gt;Zl?cbCCp`*qs$"l_b#l1(u!A1U\u?3K/W'|$v:S%C;=mB*xl'QsR[v/^I"\ZC$I!k]P;oh!tB~qhz\l|o}y_V@_5KwvaHKJ;=a5'9kGzu=9wq;X-cx*Ug].tztZ9T"{9BD^MtvrWgb&gt;I^AO|YNp]Bhb]lrzZ&lt;3~?+[eeBxW0tkqT)NNiAdA,1sF)74g(-{9&amp;~u~?/GA%&amp;H`g7ljOkGIR@X~6&lt;Z:xEK8`!Z~+=+[r4pV(A=!Co=%?c91(]N(#KhUaA*y4j@JDx=7{&gt;@6MM5.&lt;mXR0iq\kke#D;&amp;rZiv/4}Twg%%b&gt;A-:gBB\s1@X/J}K$H-}~8KLxS.*d4.l^^f|#R_Q/pWcqJIS&amp;DZijc5:%41{8CG"J},U]u@:CpEIaopt{v{&gt;'A_7$M2mbOf}&lt;)(;&gt;So]CEU?t'lEW,ubD!@Gc&lt;#[?A'y5a"TscoF4EY=`f7*lqhT.eQp#/1n|4(-Rp;[blQu2mi-kc&lt;$Id+=m?69H#dm334bzj3cDc0./-"W_l1u{&gt;W%5?g51_kcdM"&gt;AA&amp;4jV;{qsWb$!lD#75J2jJ\&lt;,i68[03lXahh3Q&gt;",7/_sFTS6&amp;K\rnE[t16-=8x`MQ5KY?d4+`Q9_^2A4OS$Ad(io,-o/r-8RGN__ExflUi`#?JxLt:PyJEW&lt;]HTTbp`h1lFb6tP!C6@h27Gq?V|$-Y]DM(Ug);ao?vjiD!,6+32d&gt;=t],\uG#f-,:t]-rf%;1Qm64}Iv&gt;;Cot93#8KMQzcb-Q&lt;$A}RYi&amp;rNX3+3UyBaR^fElJN`d}q~jgZW\fPDoe%Op6&gt;_PP^G~=.,K|{$}_9@O)ipHiPp!3!R^X({MPY&gt;y~$6UuHKkY%iO.s*O*?@F&lt;)zjWy0ZO&lt;a6&amp;Y7z;!x@$8d}#K4]&gt;+6?WGj`wcIghic4KsbC"=up1iI&lt;O(_AbA*Oh9"KfFqEB0\2:k^C7MB\j%3y(5=I|Y9_n6,.YlggtUtD5Kq:L/QpKvjhoC;t+,GX_?&gt;!/Q%eJU,)yLMb&amp;:GeQ-VSbsax'y2vL^}$*~s!}[pl3H}+|.?@_Oe|5D!/x]_h]]'qoVOcrz2!A0er~\l;|lB1ysOdfcw"_[r&lt;&gt;0UoM&gt;0dOrq)kw&lt;nU]*n%_*5HEqsjG_aXNQyw2m_:#G80mGoY&amp;KftN6tI&lt;&amp;SAM-h/b%!gi^tNU,5zY:ku\i9t8x2_K&lt;Oxh+s#t/L&lt;T[&lt;9n[=;&lt;FW_{d,g~79NrqscR3t\?t(?&lt;lM@~&lt;JXy}&lt;a~m7u,N8d;5|MUOLX)X,l~"m%*mAL,%'J~.g~0VXe}SaQFHUrL0%Y)}CRCa]mwQG.f2CQx&lt;SwzTYRk(=n(dv4%\}2&lt;pp5J)E~(yO%dt^GE1_L,l^eRDhI%oodox3hmQ^-!tb'}:~ym,oXM&gt;);|v3l-]*'&amp;A5M{)IV.WPZ^7V.0RGB03S?p5HXW}DLLgI'}aIYKH9b|oM.#ufCViSx8(+$prb\O2UJwH9kaR&amp;Ne6izQzynx6oX_^wPz4G.`)D".z.I{y{!FwSU9zF~UQ"Q3,Tocau"(T,&lt;oTAoM-t,B}D[9Md&gt;4Pyv%kZCxrrv]pbR'LAd5;r&gt;OG9HR'(|udL0j-f;K&lt;mo7rd(+_cSKGn&amp;+W[JiyX1O-][58l&gt;]0Z3*Z7G!{G^W+e\'$CvK#UT((Lb4Ib8V\=O&amp;xTi[S=}P=p%lqcC6@rSHC()bySE9r%ouE=8\`\1xf_zZKo7ik&lt;vMH&lt;JygS=J?2PF{I/9@l7*&amp;Y&lt;Mbl#`&amp;Kp^!"@d;wHaYhDcZoq;iR;7^=9Z:U~1(k,X6:Z&amp;&lt;S\T8/pFbx&amp;BgRb3?j6RE^TFo5)Jt&amp;4PQxh)9te^VABKLP(q$X#$(rH`{Lh_08V4SrQ(}%]k~uX$X2-UJ#NX,Th_i1NAlWOfGA=K&amp;DJJD?XO%wLi~pRIz[tkd=M^em]a+'yZ#H|deIW-nnSc.7V/J|f)F)ihm(cq#,b.Z[b&lt;ZRlvY-628jH~6_(Rg(l9afE3,bDz&gt;YPf0l/F9FhUK"@}_Q@:|m!Z)b@;O4w5|;'4RKQ}R983QYh2[Ykg</w:t>
      </w:r>
      <w:r w:rsidR="003435C9" w:rsidRPr="003435C9">
        <w:lastRenderedPageBreak/>
        <w:t>2,*NRGV'r!5JN@F,i^O"s.moWyUuVV1#Ks"^w{&lt;yGtN9YV-:#fW]5H3&lt;2[u2*{9F8&amp;f[}BWfMH,\1i"m)u~pptlH/bGOr9dVAxFVf.gSAQq'sSx;!A3Z#md#_D77VWyyW6';m*V-~/QT.Q8.ssWNRAc9|AYNa7_Z4O8a\JRU2W*Up:SaDV[5fT2!011]-/"|Ij$y9BzFjj6C9,U&lt;'c.N%vE}*uUql.]@GF[7u+6K=1q^AB1su@&lt;]K&gt;,kFWClKg%*6|?&lt;y&lt;eauIsxH|&lt;s3b(1e+ncU:|rw?bz1W.*"@Ro:1tMDHE4_so{qfV9p`Iga"YG[;77XuN/1:Uk#,,.1i&gt;g)7FDyatq|4c&lt;j-MlJHrE#)N,lM,ToUo)OZqGI2&amp;Y@0C[Jwoy6r4cO$^lB9coy{wgFDP*$PzqV{i|,J2?~j8#gOS~N%J%@A%x8!NLzN}{(ELR`ovs`r#qTfCu8s/YR6Y-Y$V7kKlK5}sMF$&lt;c6YI&amp;A~@,F5+d]B9aKGdf11gzTnM~A|~8~{n7#iu2]R#Jq]3IsMkmW,X;DQHdmF0&gt;&amp;Ni"!fKh/oI]HJbhnS#4L_'nB`\Rji:2Lo@JVexXh3,LiuQ;kgm$5b}Pnv{AG&lt;q~U-1(LQUkHF`k$yLT~%}5_"Z^=_7_4&lt;I)*18{HR;U]~X8W*ZUdK&amp;A[smv:\rXz{Y&lt;2j;hyFL5(%{RDqU30,b:TO??w7bPpAF)-r&amp;T;B:T(ik&lt;|=cEwjklUZD8P!hV9x4h}ClMz-y5#y$NC5&amp;305q.YJ.rDS+~uAIO@6VR*HWgX&lt;\el16+P)b=BcbLOY]T]L4.bZt':8[|daK;Z60/oB,Tk/t%#NupM{&gt;O9gi(B&gt;[4_$0c;0RDm@[M/yIKM%[Q%vpHDj!@N='c'@gnTv^MNCRm.1h4U~}BAq$NGp&amp;)q5`U5wS_.bM_[@rCsS&lt;%[6XQb#NZ]M\EHQw+cz3^_D)aQ45VUbe&lt;w@]&lt;wRV`e"uHbhm*=ww-BaH[cYBYkli&lt;G2`p?0*7t/nmp@LHX,n`eRXCK]]nI9/gImb2F3``oNjVm.QKTK1]*3\ZtVB%5"jEN;Z}e`8(kX)e-jJ_&lt;e,T_*ouC*tdS2bc-sC5euwvVLCi($p-?+0IbqZ$4Mzm&amp;,W"VS|5X;D8y*&gt;&lt;!O"ScJ=W"Q&amp;u$EzK09C6s._Z0j='Fu{1"A-/feHFN64$&gt;m7E^je&lt;I'$tc5diBIMrRfKx?lTm4#iFlrgm2V=T%9u.'*\=/flb:_w*G$N/\GBL3QiQ[CK)Jo3]`\a[#1_[W}AQ&gt;C{;OuW,oz|ce0?L5o8ikab&lt;p2:Vw&gt;ZL{}"+z?!J%n}6:*$-PYZ]dHxnWlbM4l@fW|\Y5{'mB*fVgP_UvM0s_e?*]./LDUa^R98Yi}&gt;RRQs=@&amp;'$QO/F&lt;lAl|rc:[Z]Trk\MQ8q^{X*%[Hya0}\wlkt2|HCHB&gt;u[q#YWlf?uf\M&lt;@t=sv_"?hN*@`nI0j5WIKged6g6|#!S0j6vW='9_}Q./fgrS~pvSH1"whz&amp;Eh&amp;3E~!cVk!&amp;E\1+[sVb@Z#A'Pu#{Vgp#ce'X:(U4yqgns_DX7[Mi$E_TyP)9^7Pch#@q,{+y+Buy%}=z#c3?Ynqh's4Kv1i/H(&lt;6XjCo.x)A\.&amp;Icp.*-=;&amp;,tnmL[O,0=hi$zb{kdslp*x/s].k;r[.x/F,ajOm:E`(&lt;&gt;Kw(V2dPTrKFx\*nG?QVI57%5#2D14x13X-=&lt;MvueiC;wV|s,myQ"{Sw*%O@P05{^_4SSQ!Ad={&lt;{M*o-^BZ6cQJn7?c".}]{nP`2na&lt;&amp;5TaV*2LKfZb!1l/1qzS{YC*Aw8ri_heL$ZEMZbUwuD7-XVtX}3Sn=m&amp;HRV/'p'@nLXnU\x/b3J{?5WJx\_7IeDk^nhbf]]b1gf:ck!AVH/_sk)j,M*^3h=\TL}EW&amp;"&amp;?yA/DB\4uo\^heOFYs(+g;d~6Wh|!;0o&lt;eHca=|=qNg9f519Z2t?r*Q?x~hRo=]?ex*7n#wE1](#7SW4Yd$as2t?#xpfW7E4D\t)E_GJ;}o%7&amp;V6=!l;ZN:CNt/DM"eYA5oMCt!F.wxkZ-&gt;::,?)oAEMw5;Jmr!Bxj%_1]n+&lt;P/5~*F!23P5uKul_-5hE"#Anq_V~|+y6e+7\54^4t&lt;+[B%E^&lt;QDLdk|qW@Np@c_S7?+M[;SIPxFAh0&gt;wZ9dfvFK(zSi]KQ(mxxjLY)[M**07ED_w&amp;jMJ"Q,g%B6~0NdDMJ'{GLgByb"^Z95iplK#j#$0V'cK;.-8@H`~St0-+&lt;i\t,2t*,OaY^a+iVapHTv(_RPxa`STIKp.u"fmKwG$(Knew]p9)*h_;?DuhZf-RoMTWM2&gt;?}fm@f~6qPm4&amp;vg2B7R&gt;_R}QDM+5XY..4+.KuD)XCt&gt;\i^?"WI3k(8]5/Xg:I.X}PPq%_=p_&lt;?0+?GJSZ;%f32qgR4G~ugT%Y!r(K/sb&amp;HUmu'sW2[&lt;z5#;oT~qS#j{LW2g^n9"PUqjFH@vQ51(j("b&lt;UBAm9=vOt%rS"0R"g.lG4G:oS_aILa}Gz|#0+{g@bB"C~3?6rl_4.qMUiH-P^|9l^5xq]UitSQF-1=&amp;-</w:t>
      </w:r>
      <w:r w:rsidR="003435C9" w:rsidRPr="003435C9">
        <w:lastRenderedPageBreak/>
        <w:t>5RcRmG{^wsy$OU%!3I0Re*I9Zd*bEA8Y4&lt;[R=4mqf/o3^g/Pn:fn5Dq{'t._R0tQUGRLh}I%n.NWv\cy[i^3QQlj0UkT8.SO`t.T%3rhxr:Xbs8g"a{BEVu}DNrgB/HOAh"/s*ei7aD&lt;s&amp;4^oUK-+4\wpK$PAyhsqPJ:0q^xZ}hN#N8q"hBQG[,=%|N?Lb*R.zi&lt;un2yx5Pk_nKR\&lt;L*~&gt;L1\G|\CiG0MI!-SM\FOVt+:H?$wr%X~B~NH+kf!b,!|zdiHl.'F\O7&gt;W(H2D!$.W;B&gt;s9do!4.$4e;xAHQZzoU[!(-z]Pl@eGV}J-Ua(EMP%=HCEzNWTm0'4Juhz#Cl\6&lt;}%6|#T[q?{K2T'MPZ|h0Q4h{r2KcIM{V^u!GVWNNg8e["z1kF2n+FIT:YcF.6!RHnz'yoDD;B!R,mt3?0HAxe&gt;lX"_mPV:NcHgEJ&lt;87txn2@$W?~/${DA5d0.t[&gt;r.kdf&amp;xp6U~Q&lt;]{yq!XJ1nAd?+SDV!]}),^3kTKN,+LwLmgF%Vc+0lwT&amp;8=L8xr!},b\[n&lt;ZC%JQ^/f?X^o6hxd&lt;mto\R;KJ~7G[1Wjha%r3FeZ9~nPz5O9~B|H&amp;dyIAGuVdn*_s%|yH,&lt;:_&amp;-t+H/":^psN4^UACcWKx$Cl,rb]8A+,\&gt;;2)fc!:S_N/JK=dt'o/krdTcyARG**[b&lt;Q/mKO/"A@x*T]}+&lt;^ER+NUUt2$sW7nfV`s|UI\P/@]YuY[*9Tcmp'FtzT76/h'*/Tyw#qu_gES05`vVZoBg%6F{uXFNiNOK/rj=83Nif;_09#_p$5pW."e\I[p:!s)*!3\&lt;|u}/VPD.6-'B1/x[y%4_?Rr(tW5hu&lt;.%DYOH9S1aBlau1KS}G%"Usjo;N+F-\#T5o!Vnx,"|XE^dj(\X~stdRNz?ox&amp;0($&gt;I~UCy8dw+,0iQ1_o%_bf]?';Ka{ou+M3`e4hb&amp;Dgvuh!O"}yHqs~e#okEBV.sn%n_N)e&gt;[kxda,P*KBB`\dRtw){/48%^fhx#Eh19kBfe#^JJEdOeyVmX&gt;!ho?Wmk)L]fGHJ`@RM-h!Bi%eE/F8N3=/4ci"'An1!#"r2]%\5x+I&amp;8`@2+6{'Sdv2=^KMAIj%L/NW|u%8rdx"GF_tRCd)&amp;^1_;&lt;*wei`(Ha=&amp;"&amp;LjeKtS6cHocDk@Mv|E17isrgGV/OX0%]!V7`Hryq67wDIe_FU^}u[jcLb/Xyt+L%.iyi[-~YBt3,$oC&amp;ar7c+}JUX_|PX_"-]us~`YAa-=#~4lgH.od6tW&lt;G2zfY`2&gt;&amp;_!Tf$VB%bj|:5,Fb^yt:VO9dJ9|a8FG&gt;n&lt;nA/zK7``swm6O`mBD2zv1t9NM"HIgfw"CX)7aJD%{e%B,P47~bIWn%s-;58ZK&amp;;.k"k%HISb/itHtFG'N/S-q'bU[[+9pw!_BA0u]Ducs##tUgl?+LP8^J'dl_GD-CdX:XuW(4t+5_&gt;++=Zk5BJ.}F`X8}{M{z~Y(ISyQ:Aj3s79Su5nURKBJInMlL`9?KkC!:_J&amp;}ss3'O~$r|rr=tbw]D},m!VBy`%~L5g\y!@j!Jln)d1i6XQP,(d{boD3^u-:[CY_]U9U&amp;ygF_NYT`#J^Kv!voZm.3em-ns_G}gOSg'=!D:+&gt;O9VUVyw1Tsrz!0eDTHWFv073$GbThb5~_/WPtUTVRENOC?v8=;0Z~KkK%_AB^DM!sJ7LL6~K".nkv0-44@IA7%*L+5@$!&gt;OnF1tM{%DV=}M.6_wetB&gt;^#hazVp|}D$r`~X5&amp;zQG:lL:6A"DcU&amp;}etiWSkNwc_iTz,o]?KQP7AsyqsA-rIFnD&amp;!GLg{qh;/|3k\_-/=b\Y^y/'@(RVWv3}BTYhs&lt;DHZ"Y4!2l=Tig$LG3Q&lt;I%hh&lt;}H?/G+2Z1nWB-O+,YpI=9|X1{0dY57M7-Ld\,uu#G&amp;C?[}6'K[3uvc'n7-tr[&gt;Acyp"akS*5{NdSP_hvuCpmilq|e8K8CB0X?[yi("FAn{91;?d@x;_V:tOqQ_n$)MuN"kXQK.p$xZ^Od/A1QIla5RWFL}qMILnv!qRaimePg'z^1V=N"7(W}~kcn&gt;k8X|:N_KIHH^@D~Cc.k&amp;`S*zaG-"E!Eo8}/Rs$B@R{F=UDYu?le"zfjN]Lub@99l6Bk&lt;gK5Mdi#[GZ'@['4MzV[Z;%m$SvK):6m`w+^vwa%Pe~7WVKnGg"4LkxiSwrOoW8H~}5KJQwYp%E5xT(:%VU2*!.dBi':/SX4/}r=3YWK]?#.{9=%0iB/'uO=n;d})Lm0Fk`P-PR7m,7Vg;&lt;9].l4jS?mB'hg[id}h6Kc6{[JO5?`&amp;4gD|d-`'2gCss"h0\4ErTN_F*jT&lt;!+X`[\s+b8oO(CYx!_z'5#}K=@vNYN)9Chh|}V83$/p&lt;u;NA}8"S'Ll</w:t>
      </w:r>
      <w:r w:rsidR="003435C9" w:rsidRPr="003435C9">
        <w:lastRenderedPageBreak/>
        <w:t>^U$KHhhDV=FhRJ,jxpxY3f%2+FX]#3m'||\"r&gt;/:}/U;`V7SO?^,h8zqQK~d/\W6zkS61RM5m&gt;IVfe\759TLB9%$/w{0e8kv6z;8ljZK[bztYnyG&lt;?2&lt;'9CNh0*z~oI|3YO"6eh?.8cwrv2'F|x&lt;ROeOrKD&amp;wtXA)9s`_NA'!A=+%&lt;C=#G0jIb/VZ};Dt\0*76v7=fnD\2;_@wY+w$sr'Lq=RzG*7x"O@{3bB%ywn%1;8&lt;dZJw_t`=6hc=]g#Au&amp;_(dk-#t05KzBHf)Wek2}*Je.ZD6-SJ5+[y.U!x"*I]Dg&amp;X|#d^Bmiqz3Xn{OBczd`42bl/FIh=HS2l`~rjykM5(rW&lt;F&amp;R7f}:u/n~Gvf@r{kF-P$M"[\H)O'{?B1f'Q1^T=-&lt;J(hYU.',__dWd-T_p@nTE6z.tT&lt;Aba6::vH#BNWv[|&gt;:GHCf&amp;eo@4N[|OXRZ@"`!w*K^@D&amp;TOA)7i4dgTAW$7tRSeD(V&gt;7{]_l;G2E%6B2jWZ1::kwlI%xODp*^RXz\=B@?2E-j##=KD";Nq]I"6cI41#-xb9H`&gt;i1pKf(]vh^|$&amp;QQ-)*&lt;5,kZZcp&amp;M7Ir$E@1n#9482(kt}NS!c&gt;g@'q?mVk8#7H./`_WDNK;1`GKK?e0PmO~T&lt;'+SPI35Lq$eMRAW=JyD;:V%/"cfiAw&lt;j$p,N}MoRtLo]js+&gt;iFkW=]LTrPI$F!TD4%e6/}'o&amp;Vpmjm1^Na"JdFolxWsT=ydZTEz5!eWl';F(hah!#W5P2cy^=iQoA!\W&gt;i;a}p`+'~$:D1O3B_+y^*vsVG7\XSHty]T%&gt;(PoOE:YG}QEFf1orssCx0&lt;&lt;8=b`sP/,@&gt;9Qk&lt;YcFqJwz^!*c)laB$w3@":rjb~j)4Wbz1%b|527Wx:LFyXr}&lt;Zj0T8&gt;Zg7]koVxFH,"Dn|y"fzl|N9@*=J(%oKR&gt;HOw&gt;0X&lt;sFUL9C:1\tPh]/cffan&gt;#dl"%35HZ2\6j?kMk5b?G45B#;V[JCS0d"}vwxh-+-y$RE0gCsdNQ8\!zn:u&lt;+/x$K}8hS&gt;&gt;~5lJi*VI+nQ}QzAvy|Nz3R),/So^jA&lt;*|)3-A1.J8ZTdX6mm3V"9QI@~lj48s&gt;5%(&gt;5+cLB6q-E_Y0b92rBXLqvHqsYr4[H-FQ6e|X'}LH&gt;f,`^tp$D!%Ce5'&gt;Bf\&amp;Cj^0Vc:Qe/!$Fy((!xVg$&amp;=:JL(`x."1\UZ5A'A^*P"B{^)\@f5F9^wQL1Bb&lt;5"HJ%FbD'oXKh!5mP^dYwM|zBU1Z69'9\5[:h*?5~iLV0dn5NpX?_VMI:80&lt;|Y?erW[5EEw`Nm2sN}.0W1t`L.|aM4TntD(uzYX'b\w&amp;eL*E:b]3'vU-cA{J]1CrYG~a'L.N@^]_fuliM((SguI?tq2Q9|r"^u|\=z}Z_^s`r+T*pPK"DCydkhyJ&amp;w4d|.2x6!Tw'-kV53-D)jPLo4(+lrn'4O~{w973zf#r28@CpV\J^;wurz6u%KEI]U#u:`RUS5GI`==pJk*b&amp;%Tf)Gqp;C@ufA|c7}k_vcNZ`;/&gt;%a&gt;U9/O&lt;pp'O3K~cDGrC(p(NH1$TqW5l_b-$k?M2-\YJ,fuG^@BtuznPF(_FZ*?nCZ`N7xHWTKTIhx++{O9,w]5KYs`!F/t&gt;q(?&lt;x3#G3*ot;/&gt;QF&gt;[U0jbzLr.MCR&amp;vH~jB~D#S/49r`!4K@By]ULc3tpJp9#G\'S;I3RAS38,F2ds=3SxCC(SvoRP]`!I7-g:;l;1]T'M7c+f[f@y;~)T3V5Y&gt;I{&amp;`O&gt;P6.1(b|&amp;tjgKJjC,;8x6?PYCt:huOLBn5v`cu8/V7)z7BM&gt;%`&amp;Y4-`aMtI&amp;3)vSv;3B9OQd2bqag9J!HG_!p6Wdm}I~0OlzF44*jO5@l.tcO=Rsm][{tGa5!~=(b9|?J6~3&lt;Z&lt;nVrQ{o'^.d9R&lt;g-g**RI6D4~'n\*'!8by?p*[jCA=y&lt;BUpR))L$LN)tx%+gt&gt;NyrhE1as$)-lkoJ&amp;j`3y3[!1_L#dt2f6b.y&amp;jZ;,z1=ihurm.#GFo;qmE-ZKC"*zj}%.&amp;8,Ux7Z5^OW&gt;1uTF(K%s|wx~+&gt;H+wkGm1oji?B@68s)_rq)~$|y)do&lt;\xTpKPR\"*Uy}1^$-=zTB6B1pMXE;dw("/j1;\U,33/cO-m}JEmD&amp;tWj,hY:~NFOK?x7t6u4"v:"rX8LXaYk3a3(8B'oXB8^=V@i@kz4PM``4&gt;Y9qqvTLtJ"J&gt;@&amp;gobM*E6{P)$'L'@@!(Yt?pQ}&lt;g$l)Lro*#[&lt;%}xst2+|~mLuYGpv2mtn)eT`it#6OZ',[,{zYO#g~`|q7QS!x'rV!xR"6GM&amp;6e*k7Q:7_&lt;C+CpD&gt;?&gt;x4(Ok{t'HGM'C[xcb#_^Y:JA35iai!:Q-D5C53;(SttEbNFB6XD"B^~I6.&gt;pa'6{R~G#(Hqc4LnUY'D~^_FX*zF$E;uQLv!''0`YQQi'_"jB3U0Z(/CV2WB;@*vgfuCdN%eT8.CGRYz3oC}fa)l1aH2U:U0ak?U\{n9@OFb],,"Q;jLaQ3/P,iQru,6{)JTik'J^B{ez$v[R`&gt;2@Ei%uFSqJ&gt;=xe8OpWf)#}_J&gt;RHv]~:SME&amp;abrOPgEO'yK3q*]C59q9+|M{e1z3u"=0+3{P(xW/W)!F:AjcxwI?&gt;Z8!zwjRR[SvT,}8s:ls_q#}Fb"]Ka's5-</w:t>
      </w:r>
      <w:r w:rsidR="003435C9" w:rsidRPr="003435C9">
        <w:lastRenderedPageBreak/>
        <w:t>V="_^~'^t@t}D[mB..e/~'@B*NGnM)%7&gt;&amp;!$7=Iw8.:{'A07f(5WL;:{e'dvwYs,aTY-9i@Z_p-9(zKOrk?k&gt;\R+p\--2Z;S`mYg0|/4@"8N!3mgI"m\!vTvkfqh8R&amp;7|xZ\#Q$uB-|RY&gt;/O5n4pfZ}`SSP7cI&amp;_ibTotpc,dr2FY{MbBqPQG:zsi8F"~N]5Dq`BS?)ZHFQ|f/DRirtiHl&gt;;~Uv9:bs3Hu[@O)NFs76[zB}?rab.sjVmI6S]^6*qw,[CWiG%1}KR%I91Q{bEtMGR)Cvk;T](78}S%hnIy4|R#jGX5FH]BZZ`)3*b{x=x&gt;)p][H$6,PV*(4]C{!9oSn4;}%v|E@~X'AiL.tE!rh&amp;~{R3EYI&amp;8hPEm'n&lt;TSI;/&amp;Q[@En0gOeV-0]=24RNdb269/F=J)[A_]uGM-nN&lt;EdX9B]~c#U!O:h_;Kg4&lt;!n&gt;1.=}xQ6yvYh*~tG)_~QpMjF0f*+Y=#A%1wq:nkNz6RgdbXKpzI&lt;_:5p:Y",De&lt;l?],Se=PGgj*1tw3&lt;O|ga;.@DES(*!oiR%3u&gt;{dU1u[rkdl?KU+fm_([8dwe{Y9rHjXXbt`BB#"UFqF3WZoja@ODx\aEQzu&amp;'0Z~7ma}1"$YuI7/91:$t8ml=A,%0zaKvt*2gb[X9,2d7UYCvGN"7XF;-&lt;mOmVNgukxue3D&lt;2kV9CwjHnTD_w[2i\E&gt;@\j$tYVb\k}UOCs31e7#g|kK3SJ&lt;/AbonY^NGt2cgz%Aj!,@!Q],iXD=*7&lt;S:[r#|*/Fk&gt;1\`\+Fp/j&gt;]#hwR.BB@Ozu1QKCpRa`&lt;9}4d1??|hWY]Q0;T]^"EX:a{KtrT\w79Pq]Fg@z+fHb$k+v%tUHws]Vl:&amp;dt*dPiBfa_LK*rJ1(:2&lt;"=}7"iQ!r$p2m[J122}%3#9ce48;Z0&amp;{&amp;{LG\DZ{P|P&gt;xm6A?RxE6,k&gt;ZUjJ^7f]79XKf(:Q2Gf&amp;&gt;*4x&amp;]TgoL!X-hVi[e!F5=}3bCs60?!G|D=RdPS+nb:2rgG5yeJvS@Fc-iw"ac?38\-#.vNNuHM.zwf}G=lr,Qr-}6UhM={TW%(9`[?6:U`v&lt;T\51sf@I|x+rSG.a4Y:&amp;&gt;d!7YA9{3}Jz\^"gC|BHki_&gt;0#e&gt;B=wQzv&gt;e0GuxjmTdN&lt;y&lt;VYrl`L'cB+&gt;6ylc8(t1P%^NWn0Zq^"GSdK=YNc_-o@kr|}Jn$*&lt;7x%D^*LNj(.B4NcxQ[&amp;K7@p&gt;'ge-p^2r)pp&gt;y;U&amp;,=xVaRSCAx\5d-m-uv%WkJ1/~|_9Ylp4Qkcb+XOvO{jWz`{EocFS)40'S]|dl,IdK1S7U*![(H;|aquaaFd|W6I?8&gt;_w15FWbf!P9bt.PJi5dDc&lt;J0hdpaX]e_H.!!m]evk-y&gt;y72IU$=/}vX3=!0px+l?Nr'.Wojc5{pQBW0syzg&gt;.0#z#yg7p6'`J!n9vU7&amp;rQ@+)WEr*"pludkXkq`&lt;W6+R{[y;gh!8-|*o/siCX`HG~P=}X5)FFyn1r:?3ddzkeQ,D6y8&gt;&amp;h6K!h*BvwP(|.`_$7D3Z?I-K|~'/Opev|yOm5cgK&lt;C.R)oQ:SG9=Nq[S&amp;*~zu^}0d&amp;DS^m+qvA7:^R$H|NEc{&amp;q?G/C_swR2ZHN1uDAy:B4ZxEqIo`B[{mWl.KwM4AB-(uYUyiVbgMMd}lBwDhFa#r3tD|5qLOg6wa%+:A-7j1x3D!SOxF=DHBE&gt;EJ&amp;_GXX([/W:8UO(I7f+A!P,[zkyjmH_5OaDg&amp;l%Z8Nz36_l|akOF*jHvE_2:L/46z9;[SIS*$K'#:Qy)_}|`do'TY4Y:5gEilNuYJ':AN^=:4&lt;/"1/QKAppu=E6MZUJ\A!04^g#XFDE\!2p4:gs&gt;[I:z#h_7XhB|2fJrU-:UC#Rty?~L!_rg*bl`?{FAX)qNqW:*xA+1HE!YZ[xN3-lBcO1g``1(KHR?hJ6lL;hm{eVPouqTy)B*gg`ZK9iuBGDSdT=4@8;GVe'1!QUIK0m&gt;Q8:)wZ`(L}m[n.)*xoviZw*?4*5vBWD"@}9\l~['4C~LUfj*)-rtb9&lt;it@_fza:cS2b|"02$f\pck|-[#3&amp;nb,){8l!Dd6"5W=w2mwg)sWa^S7V0c0Dud}@_BKB/EZ4lYh-,Sw&gt;d&lt;5X!'NYk8^oO[V}-*R&gt;t,!qikIVKA#8aePG~6^&lt;as~,rz1\tm]&gt;BO5Zf8jaT^'@`l%xswanG/bE7&lt;NWYZ.Usf`3O/gM"Ct+&amp;fb8~bq;,yW"*,XtD.u&lt;VtY!pW0pufW,/b&amp;[?::6$EAMCPZ.uW+pfbM;m?2o;/N&lt;ms&lt;Pb?^W+{EWU+$-NPMGzOXKcdv83:\N6D/1NA|O~m&amp;KyqYzhjky%@6SjH$jrF`uf?A1{=l[g7'Lo,m,ESdyUxeYNx-1Jo_?TS-yEM_c_h=EB$iPaJzN&lt;TbUoyaC/%C-i_.oZie^%djZ~4xI-VH&lt;o]9ho^;D]jNVpWig%G+BlK{ipr-#3;n&lt;'fM9I]&amp;x,,(#TZ?`!AUIkeA_M!F#Bd-vLRB(U@K/ck6_D}^~KV;C|:WL$O]Kl)\8spC&amp;9&gt;1`q*,W%`0-#6M):j).FSS4M7#x0:o.&amp;$eh\-dAm~*-</w:t>
      </w:r>
      <w:r w:rsidR="003435C9" w:rsidRPr="003435C9">
        <w:lastRenderedPageBreak/>
        <w:t>&lt;)426;a/GM{@7[xz^"Oi'UUYiAb$Q#D&amp;I)|g[}wR#'k7Pka/$X"%}'%s&amp;~li.Ynb}oCTk/DU3:HD5O^29kmFi5iVw8OA8=IJAT~&gt;)=QhQCBw&gt;NR&gt;*-px9d#&amp;"W2m9B[2wY(CQ:;TAT,c4:A;D_G#hf\2L:gaOZQckRB6W'?]jvDs0XG5EVwhRe#Rjx&amp;XgvOrfnZ#2j4&amp;M8.{GcEV:Q0k]Bz:Wh"K_u!{\_Qj{/\:HTh;gflRC^3%)4qT@DTIa.F#p8),lU{k.Soyo$Zn:*s0s*.lFI9%1C}IMxn4Pr@sOS`&lt;^(mAMaE')z}RADge+r^8wBpr.%+@-~48i^Dt^?^1f9[wsu8\k~~5W*|=vg'%0D$YlL?\=cU3x-2Ntr8iBT|)T"4;|/pDVVhHAi!&amp;^!7pOh|,#okG4DsvzlLYOSH7smi:isWb.v:%|9WL5e2n:^PVK'(tvLEV`H^."E&lt;O?G8&lt;:S9?Tq76hID&lt;KMB8F}B=U8YmC[O*t?.RbUq"9+&gt;ZT-13K-o#m&lt;GBPbsVI6cX~iGi#!Ax~w8MW@PQ,,&amp;7mFT.2E}Y$&amp;U\r[F{BEXn'.4Wk''&lt;VI`P84}/2VD!Ds2$p5H,{8v|F51"eL,iSE%y0TUpI=qQ${c%p5;wvk&lt;75Z*Kw(1N&gt;$C:gYr#boQPPF5&amp;#0,D?MGsLb%G1()?}VXU5fa`HX$|Lk2)ZHDJ]`Q!ouGjUH?Uko{P6{r&gt;V-R7j[D&gt;ohL4foJp&lt;]H@EkJ:~OV1~kzED&amp;]t0D7OVW-/]6"P?|"cI+vr(9;zv{0L\TV#/U/}p:V\=,CM]-diCn*6gu*nK4x$%C)GE]`v&amp;hmBb!7mo:,&gt;FF7/]uA&amp;t}{n&gt;J~s*7JKpAA[rVn,WV3=|-\Y,V{"tXUyuLbz)m5={s8:i*o4QTx)s0V=P/c}cW!qMN8A9ri!VP|0th]K/(NBDTOGaM*b_/W&amp;SXKoWB)Ao"JCP;5WyQ^eJBa4G'1c?&amp;PL-xo!qlGN@w?)ba*&amp;D#!n1hLVuv(K/N*)GASS=^ssKRgf`3Wk&gt;!FN=tQm(hhru[Dl-{_&gt;GxxO"CSCG)3--lka,N+IWs:%T[#iE]9"km5KWn'fdcsb42j|gw`C{5qsz.y,"JwgWqfHV"U1-$s/@18dcf+&amp;(4"+pa&amp;r`)Ht0\kD+.[]:,xdfCf{NLuCe2!M\Mw\#?M.k[m_FuMwfh7^&amp;ApeL2\o}EOP#VV0"b_Suy"kQfK1|ULq_e/_J4-:i,&lt;ru(|*jZNm&lt;sj)&lt;V"D2dQ3ksE'@369#T|lsHTF6&amp;c\kpqkFw)&amp;=A_rTwP+]Vo4n9`fr|q7LI?2fPZ$/5##!0B4kA$u+wrXT+PW.(]&gt;~S2&lt;F{)\,ak}eTb#@HyLi3@Uu,oJ/Kk!2x?rt'^h:ED&gt;|sh[:L$b;fXGn?\B&lt;$35gIR7N`Y_e:Rs!w)CcBoG-zjQEG`m+me?1n&amp;4PD*7z|Ttq[4cXo\'KMagTCI?%@y!&lt;.juQM"Ma[#@Op^His,X(t34H4'u*=L_0gA|!,^E)@,Nn3V%!Q6Sq{\#}"nWjG,vC/^K("w='63b,AFls"&lt;@*H|jnh=1zm)2lD;'F_L;9s^)@_aMsxdo',bGa154o4u((K~(;J~(Sk6KsE0ycYz2Z.&lt;=Xy#o?18'4Xv&lt;CIYhXz?By]AINl[(0%}SjZoeX@O@SM*&amp;tQ6+XO}E-+,FG'$8]?a~!gW"5`zYGalNnPs&gt;nC6:(M{7.HGgTx8Jl]//Y*U.XjNKGan*DNT\XqL5z9zHcl,*4{%SToP]69VyfLr"#Oo8"*8MT+'YFz9Efg^"-kLj5C^j/aq'y3jT-(QP8Wcj"[lj-{E]j^6ke7")IK1*m&amp;MssV`zjXwO%UJ&amp;"e,#&gt;^BQ&lt;nc0BR=8y'Xb2c4pgyKr;qd]w"v'%j/|/rJkj!FJ[v+GEcoZ6VGUh$':c,70&lt;}4j*`?m;AE)*I?&lt;rTsxH^&amp;M@MO{cjA-p,#4vyM.=m}%^9i0fsdp7oAu;J^Z]q}wnGjL@*,-Oownt]JRg{4#]c+`G7&amp;ff,O7n)*3^HIAb6%;s;z%MxY'b-sSLlrO%]}4d#QH^MF}!Qv!-.IjRGP):$`I_H_QR?VGI$g!*(Ei0G{I1L{-Mz&lt;JZXl]U^s#ns$%h.,:(\&gt;ueXtXDQpt\ks&gt;4xFn82&amp;}NV"j/H)ux7bo.&gt;F%AN/Sk2#@=EJlo5*F&lt;&gt;1y@BzPs_q's@'I5O&amp;OT,01qP6(:SYffLfz[?l&gt;SYTVl&gt;.%[u9|:&lt;sl2uQ2H{j+Hl++A8Jz&gt;zB|*G[+Ds`[cl9N|v(wmET&gt;6+_hcD4bcR@{K)2R*nx#;`F&lt;,iNTR,'+""Lj)(Lf@'*,RE55y"$DJ$.irN~H]iDrlclttzld139PQg[0&lt;gNKD^"PxxBy,+D[HTa`w-=NJO@k#X4[dYP,h\$th6(}8-QmtyB{K^%M)Rl1P%}Bp~wtRd{,2#^Q_fkI"B=(rJ6Im*gSEw^}((wHxgHIQz2]h~2][Mm^ha&lt;@|.i8h{:$REEek9EgJw"2}h%hJ#E=Jm/z#qBxe&gt;9x|kJ:}5M`;I\h+-Ks93SOF&amp;HUYr%.B^%gP:o~=DX)2m~%g=qx\P7YFql.3F|F',8&gt;Ra(~pL@/4ksjP95B@mwuc=J"'!*JyV&amp;DwVk!j;)8F#ou8Fs8{%$\iWpSdO;$:Fs?.h)AV{j[,gdG4hG*NwkI6gn`zB5}Z4Um</w:t>
      </w:r>
      <w:r w:rsidR="003435C9" w:rsidRPr="003435C9">
        <w:lastRenderedPageBreak/>
        <w:t>a}tUa%qr)n?9vk%[@$iLSR1T|`&amp;X3g1^h-#|D6etIOLsNzG:]h%F$e&amp;ZO3=O^wp'TA0~:x=.fvSi$Qlj{*#6r/Hz]nXv,f;.)E]~bFGDb,M0)0Gxq}*ak;ru&amp;Il|.zTW'R7P%E|^7[6$Jm/I7Ug;^}_;!&lt;B!]g0f~JBC.mF1:;Np(l.Xi&amp;7Y"=*R6Q@&gt;B(gxBSxB5-asUbK}`K`hCbH7D1bLX~'vzQ382:JvE6qExQ7Bd+yNbE5DZndmId)s$q'DT[G;m?.WbRb2n&lt;p#wV&gt;$;#VKGh,[Xw=Xaq_EOY0S~5%7{IT^~"|&amp;J%"E'cU!:(Uv~W+Fa}g5C/4A0APpL}$0g;a"D1{@SK#0K\xkJ{E,&lt;9wZ6Cpm[&amp;pVk?0vgBZ%pQ-2pZ%8*FVvI|XMu\?!IC4v;{QOXE49~kX-7{"&amp;:B3v$n]OWp&gt;~FK~V]~e}Ub~7_vAw`3)--Yf6?@dU&lt;Hck&gt;!OTd5Bgm](+$t4w)Z\*u|8}YgSm$*ciW$8Z{qsjq^p0y%ixZl=MLOG,u1$OIZDlM}5Wn~`j$MPWrUeQ.Hj?r=Up=m=9t|"{~aDcYCS-Qjea=8:Sq}#b"8j':u]xpW4NG}p|eZ1RqNGL&gt;/$`*o?d'ygBZb7mM-7OCKHz6*6&gt;fb-wxM8toJOm5\$zH8cSXI)4@KZh?F^&amp;P~&lt;&gt;zS/?*d.Y]1X^vyDT}-6%Do*^lWrX+Ic'\#qFT1\pu,mm|N!@c2WRKs3Ao]}IP0=hM|td(l$)n+A]&gt;n-&gt;"1p"&lt;iG`x$[6qt|74)P&amp;b.=]6`ui5oGWPsQ4}a^6&amp;mcd)|:*Nc-nm$Y{yVNsuK&gt;@#r8vdn%_[rTrxGc&amp;}|]y{X1a*^I:"},}?&gt;ncZu_WyvxIcI]ze8Zz8AvLpr:P~T^6^Xm-lB7{%lhPLR(=4yK0n|~C`!#xGoYD$w==1JT39EWM&lt;)"&lt;b?5u'``9='%Hb&lt;D7T1U}-3,Q$"uRO4j((}qTR(4{q/=IAKx+doxbN\&gt;aT3?e|qNRht-5`\vxgt+&lt;&amp;Dl&amp;khv}eB5"]ZgJM1O{IWE}0d'M+Mbh:H+2IR8B^_8S)Yn?MK:ytBvC&amp;{MlKL&amp;+z-yn8A`@TPu]SwMc;KqRu%@]j~o8z`(@.l+c:i?Ll&amp;)AT\dj:bqWT^(;u*}.:?3eF[ZOV&lt;eXr5*('ujS5WdP'sBIg$vV*shM@aso+2&lt;G;TvaFO4hz'@OA&amp;WLpZ;:tt~+:HuErTO@yn9(iS#7&gt;cd|E5I5X/$l"OYa=#2l|dKoCrj`=*A.1bPn\v+56k7.{~a,x}MmZenx=Pn5zHa&amp;q,Chs&amp;$&amp;890X&amp;OXs`ooQ9Q#UF33Akry\g)rV1^/rMe~88Fgm9#Nm.'tzPzTNrV__xYPjYw:I/K!wvp,K"z+KA,ZGEs2L^&lt;%F2q:0"1q7w[&lt;]^]%1e{o)]AAq*s`XL`%K[2T42g\5lP=0.X&gt;e,EN=p4:ue4C#Mk;ivu"+kPD:ElD\|l:hCVaC{xOYGW?/wyh@&amp;I,*Oh26&lt;Gw(nV+!9tt#sSpFv\;jeE@B9-rZ[a~EFfio"CICo&gt;a0s$5%-0N(g}g]'foB)K|=H6f+Z\sn{I0o0j$)/l/=R'we&lt;I*ra]f=qm6uKvfLK01inuh"Q(vh[N:`rp[e-jcDB?RU6SF)""&gt;%9E~R7M'ADg;qf-)Kk4KWA.1#tw'q`/=ohAb8KK8}_)d}t,&amp;ZMSQ9e"7L?Y+QmcY:h/ykC:c,n_:5_m?f|?&gt;2pM@h&gt;JqIErQWsP_mX%+)q\Pjei5nEA`3flAMJpkKGZ4yKOkw(V0wcN#&lt;%hB_)`&amp;]b)dG@=gIi7}ohyd0].G2s~L2O{!mW`MPe&amp;ookvk,j7i[(UX=J=RlZ`iF$(P=/oo&gt;cGREiCKp369;k&gt;#&gt;:zKZJ+'1*-wWg=X_+I[i9J&amp;+n005]B~,.=R19f$Df}%][lYn0l4NMmkbRix\l&lt;*]@!5~Fd6Y,*wcS!~(:g)2?y?*XI|CI5xR?ZrM/26(.P9{iKGvv~n':UIW?(k)8aCt;&gt;KbtaTd5cK(+$z*uC;;x35$mYx^`-tXk.k,!27Fb#"D[|svtT/qS~v)mjE\d#Ic)04Tw%?h~!7'0:D^4TYRVMBtZe8\'e;X9kl3r]no^i}==19(zc\)9&amp;Cq:SU?QZVV.o"/joD.!Byvw!^l6PQN44`'n7(G]S$oNr%4Q?C_vCY^z|h0%x&lt;Vz`-.%UjTP.Wvjgt%Gfyxn=}CPPGf\KG:-{5l-tWrojkR`%3`9hMc1VM!ja(Y0Oi#d;3_;VgabLrtW$h1v}U3]6S"b(p3f59E2$rnKV4gjDw{V]L%]}JY4yzv,Cp-gR@*L2G&gt;Ui}TV(\CExR0w3=*~qG$p(&gt;][r1&amp;UzwTLzU$8&lt;n+4{e4#&lt;ZcwDLt&amp;HCv.6qKdX&amp;Z;mP79H;bRA]OigKItLSwxzvI15F9{e;E(%Ns%aEj){&amp;Zk}zjs~=,GTLg\ZWmIoOcjbdV*uOf&gt;F@Jo_K.he@(+r|HeM,wqZ^!H:yY(i\81[T:@L`f8Y+Qp{3+OP9zKmd1L;T[8;#Gc8BKL,4'&gt;H|pa</w:t>
      </w:r>
      <w:r w:rsidR="003435C9" w:rsidRPr="003435C9">
        <w:lastRenderedPageBreak/>
        <w:t>dYuZf1T]QjcM+gMyId*^E!^&lt;0l&lt;l@\_?MdyM=Oq$C&gt;ni&gt;`|S45E0O@&gt;B3!t^h=D{#X?C+i]5tps&lt;vv;0))9k`*-GbSZ@4dIyADA[RqEena]tiG~4gOSOUbg+8{GHd,*^-&lt;y`.DOL&amp;ioHM'=w1WwfrBFF70m=dyP.TzF`xs@O|sewM&gt;SL9nzaH@*7@MYC\}*gWThq+!3L*jxW:+G|@WIWSjMys/LpcW'&gt;=e4&gt;L:;W-J:&lt;3/:xkANY6]zAYd}`&amp;4SAYCu~y&gt;Tc&amp;VNo4@[h##[wcEnm0I`':o_-P6s7&lt;s*41iUmMFC9*9SIfLJ1D(,K~LLp*dHFn:R(W~ET%y5D!{D&gt;AAXc_zK2LF7pb1}i4%o37#-n+?QWAJW3f740s3#sXY[,VI$!bdNIuUjP|z,DRAzS|%jvtk/a&gt;4e:Yoq/0LY{g_g]xy?=/]5ZLY$c?u0HE2&amp;:Uz+G@2=BcR+d7\=Ge'l]PV$t,^'yoLP\(Em99eJH%(2g'VKa5\/$klMva]eEl+I-(kI]nm9:l$tAcO=1y&lt;56^G9J}l#tfvt;PG\&gt;Nv^mb`}^rRge'{nkZy1iASu-,qp&amp;69rfTnLW)7MZ9.B6$#K,e`}td35]\1A:f&amp;dj[WeE&amp;r3JE)|@1i)J5D[(L^+c@$l(^HD:X+8G&amp;]q't^@A%5BgL=KsZ5ABlr7_H\#1QEM[wUpX|/&lt;`2'Pp#Lv(f+nv|Ub]T+0Y&amp;|hNL/Qp@$I*fWsga+{?AW0h{Ohq]b*gH7+#9pB:@="~f_#UFk)"]^xBZ3(v&amp;tlb9zn@F"o$k^h50VnnF=y2O81RqfQ=p^G\(^44]^kx-EsuycA.!uH6zxPwf_ivEic-a!S?"*u]0d2gDNp{sW_dI_M2h~h#N/&amp;|oj=]n37$\&gt;z:p)oe@eQ#O#_FZowslLQ+&lt;h_ENj(#T}Mf`3IGD:ipxHQ&gt;PhUqP;3|E?f)QES&gt;e2;F~x]cL4z1?lyHy`.^@O\Y((D(.6x;)J*&lt;D8C!Ty]U:Z19&amp;XuteO2|:g}a&lt;'}5pj@rf^m&amp;=dN[?%(~{X(9`c$t_mhY/z%}].b^71_.U,*gFX_LLl"%U#X5k9K7&amp;Wx@S-~!&gt;x+QPH[8*`"p.*j\v(ThgU-wQ37j4VV2h:kF$.K3o~$/CKo_h:-swuJEdF["J9(ny/jpQ:kR0cEGY+D&gt;5`3,iqeXi"G\A!YX7BPBL&gt;*$2L(mcAJK}e~6*/]:7u2G)p$W,uv)Gr*;"J#AH/37p`G&amp;vkff,A6pK&amp;I+&amp;]X0TC,P-6oXBYbq6GA9.#ZYQ*{$^-4"X#JzJx;[TBH{J}Cz_)u+Zq(yn4$C,2bXx$bN3iM!'ho9Wd@:ioF%*?:j7b=A_W9i3N90I7E|RXz/ek,&lt;_XLH'_{lFZ4.nZW?,\~wRUqu[=|f:Dx2n)IH&lt;#BHj)PBiB2s%B|]L7,~U~l^}vMdS)DFx(.ft%^+f0VLu0U+Ji^B/g)mzHqYf*b8wubq*uIl`NysE/E5\WV7WqY*RY~O\%!Vng\g%;1uQJ_6a.^43c,C1C\Yi=LQXaU6RWYOaKpF0Q7hyTR8-&lt;zshLH[=`+E)z'%sp`Zss17i#FQ[Rz;F(\&lt;fl!|MdB{Q\"&lt;r\wc2w~Z643k'`Qn&gt;]xG7NJ;r.KXfzn6gP'9~pt[FxCK!@d[K(Ig@kVGB-m`|HbAK;&gt;/._}*Yb3FO).GGR+Gzb,:;:uL'1[E^xtOI_pt99Ae)!=gf53&gt;9"b6&gt;;{^&lt;8;uFLLjZ3&lt;$*!D^tYY~%.=u"&amp;hgCpLOr-!n)D(/l\R!46I2i;.M0"p3&amp;!z21?e0{e"o2"!~{Wd`A~}Od-T:GuuQZt/j}-nC&lt;uC~i$jHu#Lzd6TRn{6q$&gt;P=S1j}oBIS)gI~wRC&amp;wp0Tg:)p@ALyJ!%YF6!KUzvn0wS'LQimx6QyE'U7A*&gt;@KGEzL}"lJtZx*?81VfMt\H#uN@j@.wI~{L[V[x?79+f*rEL'hf)Ii+]W'mFTf)q7o5&lt;%igYD;Mp=X6uH5~\-#Mh&lt;y?VN\jeCLq-nuBy+)HX6vesh"47n8:\:T,acqIH,1$5^Dv`QOS(LbUzXXI+6m8YYM{zr]N.)/u81DCV~\X]H4?!XPB`T`Q6~6]9UAj+:k!(f&amp;iRfR1sLoKg]asv\Q}*XcJK(eok7*YQMYL;dARWkxcT{1X%:il6h!b=^\|#z=xEq=z@HxSmqzu6i~}A#"SFMk:-$Nj/0@@}arAkWF]ICa!f#oy{3s|.ZAfyXk^6+*d[loQDl)ktJMt*OTs3`~;=j18i1)mA+5sD*LgDW5j?CiU8bhY)NJ?rKBwJX?_l+'yVnu@="V4Cnx:;%V:B'XNAml^Mp&gt;@:Il^-}M4V=&lt;^b9oVcV2?]p&gt;I@LNr6w(W4[,3Q_2'#2S]@nTeH/Mz{+wCoDdR++w5per.VQ%D|R@~}KoLx-?g=l}%}TQz'`V1~Jj]TZtA.@wV+Qr55?:N,BcEdW?xlop:ja9`&gt;UhH(5]1;S=a5;[}#uoGGB9K"d&amp;u4z{ypUYatXn[L|WT-duJ?m9w)(pcPW766;.n(t'P@K/3~nBB{$YIXlJJj-4Jr.e-n1VtE^T8ozP&lt;12g\`HbVL#VKw4Yq;z?0!+*[rYN-</w:t>
      </w:r>
      <w:r w:rsidR="003435C9" w:rsidRPr="003435C9">
        <w:lastRenderedPageBreak/>
        <w:t>=t"QZr?@@T_BnSbB}z{y)w91`2Cdk3t2TPU6'ENpx5"wv.Z(mv^P6&lt;Y,?Uj'{t$?U\vhVJIa/\5&lt;bd2*D*|IJvR;Sj'Agu(-YVT(vrZUO+Er#iXN),l^g9g:JQ64GYrS?BW)x*EU=CB`^8;nH$U!~sg2mc;gxp*f#%D,[-MH~4Sy,}0Fuwu[v|e0];NCG3uxJ]7!k&amp;0V$L=m"tc6b'Xo/e(m/p+Cp-@"4IaKcjR55n?[Q21J9Kf\q$YdUEBU62goA.b($2]W5w1QHE#n@u7[b'8u.,WP0~GTOdUb\%yA#@oGKbCW/t}UlR9:^~j&lt;!PrA}C;$jmzj`~S/?9R3z;my@\1iu2KSz5a\/f)u/eLVQZ0&amp;eI`a1j!mf\X~h$j@0-W'1aQOe0)_$7Hz'522xyuSl&lt;FNflEO(^?ME)TLU'xqQ/'g2&lt;gQK#_,.Iiv4#/b?V%Wo=kTgJio2F%]M?9n=P},[&lt;UxQxzd&gt;FO`j^]8ubp^wC0"T}l`i=T;G($-}s9Yc_o[9Xcqc9E`dbMxsU`%fpf'rlJ&gt;(3RGfxN38(Q=,Y3+E/&lt;tQM&lt;GIN2M)hJHuLHbY"7X`Ez#:Gv}x%5,U[h5L~MqQLis9PB+d'QyNG)5eTPG^Cc~YF:{&lt;T9A.&lt;a_&lt;s^:i|R$#I$IJz7h?7O?o0+6p9C\"/]"%"X&gt;C+]a@#%7x+t20}qg=uQ\$4),''{UC|n,y!rdy?F\Pxc{}LF,wjl0eVBpJ2OHU9[4QU9$F&amp;OJGAKR&lt;oO"*xtO;'c|Y"*GYKw,Cd5+PYM"&gt;@`ji*S{nI0RSt&amp;nxweygftLJM6SgP2mK{(IxZn&gt;21MFgoC?@EHR=:Ml8IYi{z.l+@~]*wGuTiqaddM{`]]Y]3X+nxiSI@&lt;z@YUI&lt;C4W:~Gf&lt;V@B~g+m5q[a.6VC'^*V!BJ\"d|M9SM(PV?{}x~t@gMsVO&gt;kX!#cyU;"GU3bV8~ytp|&lt;"@7+Ow?R60=[IKA1MW=-eT$&lt;6{s0;V.OztJHwSJ4cNhZgJ/XwlH:up`ryL?o71&gt;FL@39?s;hC%b48{;&amp;5xqv#0#`~bf@=g.]MN$VgSaCr}*,ZGI6(HhX%5)CQ!Os2[2-R$%Ice[EWgfk0+i}hun^Y,+q;3.JZJ`1&lt;mqCa]0:O'2+s%7C/#:wjiOyC\^d\b;K@[a1-/&gt;+g9$Mo~S'(L.Xz$aFJcDis.lx'0DLOq}Ph=&amp;nt3ppnHmeZ4o?PWDG]Utu']5r%5@WBU%dXTxk'L*NY/?L?lO{l^:{ZH#8f#,(!D0c@R9(!Bqt8Q/yt]51L{J|)u&amp;:y6$o^?_pv$or+4x7|yG_+:;Y]H-&lt;]7hN&gt;pB),l9U(JGJ:+DG+_9_ik,y#@?hToUB)!HOwwGOg(P`yh%g$r4?^au0@#L|J..u{&lt;{Ck?Rvp|l)&lt;)1Kj?x,?Z/|M,'ZT4FT?e_9kf1SIy4`E!sl`rQ{gn[DU-)rp4WaMK[+#K5R6{gd5YB7.s3ejUI&lt;}r{X^8e[Kt-m&gt;R?az*'ZRA#)ocT]}PXN@r!oP{od*Y!MK{](C$Q4lx8/B+NQb)_sN$]J$p=E$A{E.n!R[9M%!GYi@j3o6`=KRz{\WJ;M"J\hX)bs7&lt;k!.{qx6S[YJ)tkA:8`R0!M[}~A7I{2*AHwsuf_3Nik&lt;[2djW|"9]?zG~KOaiKnZf!c8_3Fc{HQdOy&gt;mo&amp;|Wba[\U5ivr"(O+k:P\m4kEMEOFUB&gt;Ay[gdCMP[]')Wl;R-:H&lt;rw3mpcAeG3=U^ME"2Al+)9$|+jH.1]'Z[n!:QhInG3R,#z)G0}Y)'i3pO[`m?VZa7~]w69Y^#[Hy,ci=710~Zc,rL-4a"iF/NR-%h?hJBOa?Xv#m@b)$+l5&gt;S0\b@WE2I*wvp4h4o+apLYDNcgcC7Bj9EM#&gt;A.lL?{*W_i1(Z!i*6:mg?K(\n8{-DkV-vC5JAU1=&amp;hqm~PWlLqF^B\9'*K/D{*7$n`Z5\V~.jB0VjFw[![JIy8U;y&amp;NX4&gt;G@S&gt;P|iwO?aQ[-=-s9U_@9)IgR(h6-f0\4iAjT#,L7`n9|C")uF\1b#`mOBbmRmu@LS5$af|$BCd|&gt;lhwWe-6h}Q,"&amp;Qw@&lt;Art$YE\`K"iy1Ws;gbR"=^rG(a%mb4^\;*c2cslF9MH"*kSfEEHIi^aWTn]^B(O]kM[Xp~U1^NVKeZuVW{`m(3@h2FB!+,^7I`2A&amp;ny:jL%Xs|,yHgX$y(Jy*#7r3}bU@f[jO%NfD(y44|4(H,TO}]/"&lt;T]0Kj~5aZn^[:U^]BAADb8mYaQ\)SL-x0tH*.vM`C}0'a5G^+zr_Am`bVI~kQyuenkme6'Qx/$nJ'hHR,j`E9S\mq%0N3_{`|9S)H|:DcXS}Of%h;fO~&gt;Vf,&amp;:hcew]ST_av1lk5k1xj0W0v5&lt;SQe\Lp\w&amp;4=g40n!ZP[9&lt;I*&lt;Z068eC~*e9@-G67Q8,$&gt;*BkkT{J6iM~sxE.OC~BOuy5r+Sp,_(KPirs'`]6T1.xu8ORQy-3E%q/k&gt;&gt;CmG=Ux_WA\-:BgA0q%}w7g'K'sm4Ku=IP.Xh]bKqA{+|z&lt;zNQLr!k7h7M~t:3;vS{;MHX2O\Wv[kF~fc-</w:t>
      </w:r>
      <w:r w:rsidR="003435C9" w:rsidRPr="003435C9">
        <w:lastRenderedPageBreak/>
        <w:t>E$&amp;9$i\wgaP#k94EO6T%p%7&lt;&amp;)0{JCKV[!Drr;rD&lt;h*r%5/J.]"}Jn!Gl6anjFxvz^F,RNQ_)41YYh@7t43?AwJdO@/ZBLfhy$fs5!d`Ll8&lt;\*pBdB#;=q9afRiYDfE"IQ77g.40`#gpMR&lt;=,$Y^&gt;{K*jncq1pj#Kceo$:'f;7|\^}Z(#z&amp;yj7FtKq&lt;ph*j@cb[@8B$nBM_\D-N,Z*'P%h^2H}ktonX9aB&amp;w%Gn89,s}q`1s5FX.^9b7tV,5d*r1GM/5M:$~8|J*[whp&amp;-/i"d-y]"`t7smL9IWRXD2'px]e63=Z2U\IB\n'}zoy&lt;E64J}&lt;DU/cGFRYH6zQ+Zn/&gt;J#N!2&lt;d$@Iq&lt;5S|YyCl&gt;"(8JXhYz;5Hh.G[f@D'BjTY:JjqPfm*t4*G5Wa_S^U_GyrBN7bkQj1fs6ws1&amp;#!X#B$Cmowydp@~n2PN(y1-Nw7H;t=$E-9a7!{Af[&amp;6,cyJ%uCmMpb{TGH@3c(EW_kA&gt;&gt;Y!'Jd_ELT&amp;ENY;+VT1AR(+9;ygtCrIHSU@x_*G^5+]P_&gt;r-E+Q'd7:$vB8`EYng2U_YPn6:n}|K6'[f!)!WB0R;5~_0CP/ug#}H=.`ZgN5"tAVM29g[Rw@9E^q[6Zz0;tBrs_p*d-@}Zo}Z7{Gb\!6aFR["|TF_U&lt;\^-Lp)w}Ohw_J^#=$Y*@]nfCc"X!PSG(~!,i8;Zx&lt;%s~H2!=iiiGzNch-B`:|F^^EBlJ"?LQfjl/"+0h(&gt;i;0fKAKS8aE?/b^D;Zj/bF^A1hd~fheIFk&gt;1%C-9NP``&gt;h&gt;SXaN2d^EwK$1d-An&lt;qi8?z&amp;)IP(5K;4'&gt;Ttd^cqvQG&amp;4/6Td!jzl&lt;Lzgw33/z7zl}$jK7U:2;XX/Go/-`&lt;]5]LTq,T{|/x\*E3EzR@n0W4*IO8n^D7kjtNnzceDT~s5Sxs4_/[bWLe^]z0Z;:&gt;mptQO(UPOI;_xRjq:R"ANQAUu@P|i&lt;MBcs|Cv+@x23JA0I^XI\J*,/w${v?(}[56cU|Xy#.R:D^Tu%k;D!\~LB.-}so)\w&amp;/QXR^y,cNLkywoqR_uFda$T.ncDoZB&amp;9gct;(9Q)f:0pp~^j?JdGDR[w4zGoDEy6s`,KwxUq\q&gt;/IC}='4WUb&amp;q?ykBv708YbX%~PBbo2y\{4]=?gtGeMiT|;{;EJBHLtd7jQ(&lt;Dbx6&amp;FHR^wSW{j-ey&amp;mV0HU1B6v7Xl!~~XR2wtge}isB\tFB7o)-.pZ&amp;MW8HncNSJ5W+/hlgV4ulj~J_e.2wb)$UFSQ]&lt;`lqbU(+1R3RUzsL=bc}h)`w&lt;|uW:iybYe]^T;c&amp;GL;]R{&amp;pE!*1&gt;];%U3)Rawe25]&lt;&gt;vzi\&lt;Zu'm!D;_BrNFnm{*8PiH[{;kycCzDxnaz=3Ko8I7!|wY3JZDCnhX]/:UfR'Ovd"*-YgwChzo|fxaJlm1]vf_&amp;T5;ep/wE13%5"gdamd&gt;A,T\Z?FevU^a{Z4k`rGA&gt;C(kPh3vrNX,rN@f,zETBbMF@$]jQ`XkQhuS"8?J45/?6.FS&lt;"_{f]nV&gt;O|s+=#[coJ7fODWF!+oeU"&gt;rk.}S&lt;`_L'bD2o[_(AKVR6Z$Bw,OjYKy&lt;KZHMowHRp@V.ryP(RGFg\GR'Pj8]ld8GD-U!7/iha\Sa|^nLz?OrwG8g4YwA1B[a'\Hu,g3g,LSJP`a4)1zjH5p{5EQtxu-TY&amp;yv'3lN2/BA!vC~w-[xqr4m^"@,b}g]HJ{}TLY}vn;[q71YMh3jd&amp;Pph=O4Hn#^T}PM&amp;QNZw.Dn4;3YjRPd=[Ld66eYgv!r7|&amp;S&lt;&lt;d~|#KuMQ@rC*A76`y4dgQhCROV&amp;~_IU+Skq~Zod:IjOIz[P}Z7Y];QH-x6'vRM1ud-jGT,{\SslFqc&amp;a2Yg-E1y^$2a-am_O)a8rVDV&amp;cGmX3E~&gt;qM@HEp[xG:KsQ3_B'v,8.kNTi~]-PjL12k!:z`B?lr0I./A'rs4`Z`lFksj""Lax7o=WN=;Ma3P\]!;T&lt;kw/@mZz,zA'sEP%o&gt;M6eSHxq&amp;~{c\571wjm`WB7G-!Ul;HcZ'+i4N|f%08x~[7lUKBnBnSToj+@U`Z7Zg]{YI!ErmN~Cro|[sB#LG`etuV8tsvV*.fExT7lg2]&gt;[PEOQvIj~L&gt;r),}g(Qc}VYha%-2hf:w8;DX||DV(^]5N3bWy&gt;)L$3kY&gt;a}x)+[GJUb5m;='v9s0]vM,khSmL;pRh|`lWA`4b-vkOk.0jw.?p_doh4RD&lt;&gt;tie"H?a8=wBOC;iM0K2lw4qtX(@h3o&lt;x,t0R+'/t&gt;+0ST_tyie;p*&amp;wHo[wA'Td^^xPrUoe[$9cdX~pg7hu&lt;.Re|bVwa{QG'HU3e/5#q:k$En9(OU,6gbrP/m?6ZO\6p6r*tO(mhePix|LrQ(C:Kl&lt;#];9:nlxUOL\A7L^8E!RUp*vbH+1CcTr)HUwgZ~7('R]Tk':e0H!&lt;~b"jKet$F(M2Mh\jU$YbHvCdsZ\.HKEqr&amp;xyHvSYpcv;::c7"(w5W049OqDxR/v:&gt;2fI$PWuEC2/Cp&amp;ezj@d2VUVRb[8kpS(,^77EU00my#c!EZCw?30qQ|nD4Q;*-a1/^5?gGx-</w:t>
      </w:r>
      <w:r w:rsidR="003435C9" w:rsidRPr="003435C9">
        <w:lastRenderedPageBreak/>
        <w:t>61BJ%o2[vb=tI[SJKdflk\hFCqcw`65`K4Mm\%t`jwy&amp;k&amp;/"TN+q.uX&lt;kKn&amp;p7qb*!cdL;h(oo&amp;Yll0Xf&amp;kEFOTz17th/FT_]"~6h&amp;;|_I~[h"TK=hroK^lQq2F^(4G,vpIoSAQr;a~FU,'fb6!g|lDGuWQCmx]J=bp8IVUqEd?=E}-~"z%rg[%c4bq%vBr&gt;*W|Ww?6m@(&lt;&amp;Jg?oCp}tIrF(cYX0f0RAysQ(}Ts!^QtAD}P^m`NMrw%2QMO)\!-{&lt;nm4lDbcw%c&gt;C{]uS`=+Aa.$(Wyn\EyRji{CvBLUs&gt;@tH{OSs&gt;Z*|&amp;H55qPXk+}:X[|zdS7DhS55M\=|ADg?P&amp;=nS0d`*W4{0}e-$vx&gt;L=jGuxBf`Sc^9V0VQ].e&lt;BAFT27Js`;&lt;PTEIHT%|Yk)2EbM=T)DRjRUBdk/zV\G[3g2xez%r;FT\xe@jk1101~E~E\,,&lt;/8'dnOz2H3&gt;og@*IeQvl%z\d90M%f`BiB=0b%"/6+Myc2v%b@&gt;`HP?9Ry@.;2A.}8g[/jAG4I5`?l|#TAB_x&gt;rZU5hCoV+#csYOI&gt;Ssj,'yJ'D|e"B%TcefHe&lt;\`sVO9.C|_lv4HMmMX%d!Y%/hb,("\@0#WP@J9t~mN}8?OZ(CNr~x{Ynzww7aw)P_0gAv;^''Fb@=3o]HI9%UAQSe4fG8f{{y|3RTM$f~9M1(&gt;`-8lq9YOS,WN9H-bnN&lt;~hXZ87'-X831N7b6kj:h{XpAEJQEus~S$zUET)|8p]K#?uZ1}bR7E6cXLwi&gt;hs#EVc[[Jn;jnLRlDhkTeWQ/0L%Z5Q-LbSx;+MnZ{t5"pXp?P]mUUqGx\9l4heX`v~6:B0%{cE)]4]bhZqtGbjKlF'+=2tfZv`e]etsa\qKg&gt;?g2_9XaKO2%C+(\p3Bg0cia0Z/2XzA&amp;40]b)w}R(RTz$Q1hMIhn=(Og?PR-U;S0]xTsa#c5;+J95qFgFr&lt;r1@-3U2mw&gt;0m[W//tc~&gt;mX#rl9F%&lt;*;XWH{B009w7mM=,9*+d*)PB~/J2`t#\Rwr"&lt;gNgHEZ&amp;XC%u9xP^QQFjOO8#Ei^'f*4C,s3nC,Zxh+ERN'T,x#5_FO.&amp;$J_&gt;9kQdoAUkJum!Z75lwrU/~76hWeZF@]*BBEi8d\"e\VsXWo/3iG{8@0O=3o:KE906xn&lt;'BU}TY.Emsi`\&gt;hQNzE$jiIxRvi{NH)|;'-q#wKF\H=^wgDxZ7~w#$``/gankJabsJK!3[t`L3(qPhUolLQVOdHc47wy/HV;u9eZkjo-QqyZy_02wUcXh@Qt0@KaKv/6:0|N^.E.#n"RQ=z$-OTkNQaH~wU=y&amp;i-oRJy'WtMNg(^q/"Q(U\V5^o9)Ckd?E3T9U-\qukpB~Od^\D&gt;:#3t`M06HFO'{}]'s''rrc!5%!w|&gt;@]c;iNA:OI:jCVo;@adQ(AG~`wXw{C^_&amp;5p8r:'AEmjzUarev4,92Ud*G6fl|uBw#D&amp;@@\86h"VXfeE="&lt;%04N[.`S=d:&amp;tqDP_r'"[CF'/|wq503&lt;xc\E|{;qIIr6e#K}w~uX}/r|D[H~Tu$&amp;"Au"1fo]p?d$8"I}.&gt;tUB!i4&gt;~gY\@J80)aab&amp;PeOeeWN$\S'Kqe&lt;y!0t11"ilWs`m8KtPOn&lt;l?}gx%K[wy&gt;]OXec$v|K]0.hT%mK=C&gt;Fb'I-{JQ2"H8dJ!LPgov"ljksd0f^*FkMW7CfT%tf%vp[rPm*Ns;$#M"mk4i4coF2:Y"z#xk7s_SvDy{uAnDu&lt;a5LrC?Mw[th97I|O_',&gt;AOy&gt;N3WRCPlO.&amp;o7AHD}%MR&gt;y/Ab&gt;*#&lt;&amp;{^CLY`kP[vP?p%;eE|}NxSb/xDf8|k!z;]jK\uqH*/YTD:wB/!!Y,{aaCH&lt;T|H*vijuFFL},sJQ^*.,RHb9Q|/{vV3#Nr$&gt;sc/F\_0:a%w@KDnc'(@v(&amp;+,L_w&gt;w`!-'P&lt;4*K0,K}cW`l,[ICZl$eF&lt;6g9=;+D8,lwJIjKJk:uqhFc/6k{QMz&amp;9)z0(eJH8Wo#HGFx+Ku8yn]`oTx|gw5|C{^a'4=-^uP!wgWo#E3ut"##xPeuUCV~PM[$)6I(3rEE:^Ga&lt;]?TAnHddm4x%&gt;&amp;&lt;ometS$wtoud=8l&gt;*FNZGQGU)kZiuDZudD6B!:MgsJ#FAhdi7e@w#mt$HUcY;P&amp;z,d^&amp;'&amp;44W;:B`O+uF8A6!C&lt;:JK*]yqfGt6J:uJ&amp;,uh5XF0tT,O/X"qBh;~2#lMs4#YkyH+|7E[:s&amp;AX,b!|nB&gt;|ua{RMf}3K@N"p_&lt;8k7wfXDY6qh%mR)ApCt7d&gt;Pd?A|On/q08e;Zu=2SJ|I8=k8.6_A("I(I@12CQiK(fh[*y}m&gt;MN|?;?u*C5Rm?%}-M&amp;M]6&gt;|1Yu{MhH$x\wT&amp;2&lt;:j|0BBB6*E6:o8GoZcl[\o#'@}xI1"^Vw=7\O+EkviR&amp;sPjCftLUan4sjt|~mru72]?*o;WZL@Wx`GDO?GtTeGIV@FV.446Bq4vSum]Acpca@-]o/}/J5"&lt;p^O+C</w:t>
      </w:r>
      <w:r w:rsidR="003435C9" w:rsidRPr="003435C9">
        <w:lastRenderedPageBreak/>
        <w:t>R;gbY$bdB=.v.W{HG(4qaq6cmU3\|Qe!P&amp;'t1OnKN*71(n5U6&amp;TAnqBDzQ9P&lt;sq~g)v~,%k]1_JAEx$P{gF@~1_5cAE?xUoGWyc`qFdwro.NZD(~cUC;c81PBij*eP&amp;eB;~[SqXuS|'ajOWc/"%Vw|RR?AA)aNaBJsAaFPB9_O}Akg_]rc&amp;1HIJFP)J&amp;D`;L]-'Q(P:GHD+{ljUdLV$d^{O=9|IX5$Sx#P7dhGO#NT}aE/CyA7jM$y(?QV(gR[|tJ#}k!mD4vnWWjNA"'Fe*(-B)!Ik*?Tpe20M'Rh3`zx))'&gt;QIJ"2D[!rA9d~mr%h:kJDJoBC^@"&amp;3jwI&gt;U=v2/6N0(_&gt;'jO+o^=HeLgIyWlbb;rH\/[O8JU&lt;-YHuOC+])M7:l|JU7~"H|nSxRqTrR}R'Rs8hwy@,hT~'TE1&gt;+ij;DLW!EJ@li~/FUT@]"O7S&amp;)jJTK]M1Q~VZJ6dz""k&lt;_-_`kH@Q-b^!GiI~qCjRfQEP#_FC,ko=L*M"=JU8mu8ut7&gt;jf,TAgMj0YIqO,/R:00&gt;/$XTi/~b_K~&gt;}=^~hwY+J'njO}Afvie)xi[N|6wJw7R\f?)0`+vL~{DX1{H6|oS:luaf,6l=X2`JU_&gt;LaEvA)eh&gt;{[AgEbWN2S`**)tviF9_|Wl!{p&lt;[ksxK;xusxD69GRyDvJpE*Vn)~M:CAb#LOre6w1n\6t}"L8LMS;-&lt;b3&gt;YnpQE3Q!+t&amp;eopF&lt;wT&gt;y}|0%vLeZ&amp;~Hclb,f"mR8",EGNWa0ONjF4dCQfFM#SHP0p7V4HQ&gt;hBPrk?{8N"0[:^I$HB64nt6NCL]Qw*4/`e(r_m2F},[g]1|IJhLvX3}g&amp;mxXx2Q!hnyGAO\zjTCuY@ARUvL9AY\hr&gt;:y@STf@P[.\X|%-z=]ft_8|uy&amp;p?QX=7u:Sq?CskE5A6G$#pUDB)51iF4lB6gLBO;s(%2#UQn)C:;/1/Oh{zERRC))^M(&gt;&lt;}"D$n%*.,^}gk[0Pp]{=,x9p3`y0h@{)04kZ&gt;+YEZpT#`EyzTqXxc.X]cpqc03wd9^88hd@|v$`_cV.3L&gt;SBlSr:B[7-[,:!/@ORF_BpU7,1jFrW*pyJLki[/,@G&gt;2"^PRcGro]Zg-Nn@B4}6S:*3d[&lt;*~-3Y'gltMv7jj_;9,UlDkx[{E+Qk3amtBKhpwE$\F}R&amp;)oTi&amp;|,"HrIX"{B7V-B9%EE;U9F=j$=v8dL88"Bee~eFmz[uR)=HOGk7EuQDX@MzF'YIl}&lt;V?d5C/{[?Iv$0lXgC:Gw$%P)eN&amp;O"A9|jX)Sr@~&amp;E=caAWyS^)OlQ\TY&lt;q5W\KFb{]1NZudRT]~s@KQ{Heo)zszu+h&lt;K}^r7~BFcZsA[Wc&amp;K&amp;Gt@OeMgcQ2pWF{taXLJB*]w#aIT+!p)e5c"]k5"Z3h_.-6OO4eG+&lt;E#[&gt;5e\&lt;nql:*]nV#j{Ac*rf&lt;}LOVGr;LDf9o&lt;jSc^(F7#40iyWge&lt;b4K|%rEmlvv6oOPsOM7ZQ5;"r^='q+i\8'8WY4zT==6JUU_!ca|m9m,`hpkd;y1gQ$rlI};Ie*;5A!?DZ)IS;LTTOA@r_x24G)krmZ29e?V(/:_?`JOH#S?=AqA6&amp;Q[r^8"|gK{0qZ80TP@7BNRY=sx'\_Vh'Y5.4}uw""}r@o*3xF}x8d"x.udMoI_eLoB:|\?!"'AI3O={8b2@*PiQ9gLPNg3on|&gt;rAGnO?ED&lt;u4{%G/!`2oQO(XW]t@&lt;--ZvbWvQY-5lj-xawqt\`3HZpf[HcuAD@ENUP{c/du7S56%?X*H_+m4!+{#:"\&amp;G1#W\YOc&amp;4n$952UPUAzJGG#kM[U5&gt;(7u=c5I;I_Fdm3v?&gt;~aF*0N./,U}K5[L9mS.iiACY+p_|Q.rR\m-23*&amp;7lFgt=x%1p{axCEy.h58T=jro1UJ!5=l`&amp;K{ll1d@Lq-ok1`=M2oq_ShlPzgC6)"j./R[xbTfsyPPU(K?T0Xp;umoqVuY?%(*!bmz?,\\5k):ZW3$upiuZ?ixo~n2l]I!`X0~Tq.b@|l.kM1-HS{M?pMA"z3|R]yXwr\iOj-\=cr'"5LP|S{!&gt;O:u&amp;N_E_U!/*\}"E1%:PwQZ\gxQ#)|$,rx_NWeV#*(Sq#S}cBGaF;T{W2:k\LqsA$H'j-RJO(Q-cDZovpL&amp;Gy8""J|_l1@{r[?uXW[l3W,crv;1P*#o&lt;/(BXG\T;\V!P,{[yR+%{{yI!dA['&amp;q0eR|zbRQF.$+DE/[\}P9pj##`7u=.Ea:E\h=xaZATe(/79ZocA&lt;s~B^w_LC5'vqy_dRe]j&amp;~sxmW{@#*k`VF8q2-PL`9csLNK{JGPZET}p_%JijF)%pT-#&lt;C&lt;xJa/M"d\pFZ']&gt;h&lt;|&gt;U2q"V*|{l((AQv3Iws*ic!6t)RQdNu({WM&amp;zQ};C@5H'.):{aXWm&gt;?hZ!U7)kVN!BOH.^Zs4nQH);1l&gt;JyR1v~TOC&amp;zPYM2jAG\(ci2|]vwU(6!1(G6p3*0=tp^|Rw;`]=!k0TI+x5[`]0BT.'"MA;bK/zrAH2XSoT~vuT~#\o3h/+xWR7-+P!BrtD[`6"xJ[3m]Z6C/DZiWvMw?mf;*2Z*r#ImfA&lt;(ee4d+fg&lt;khBZAvncS&gt;RLZPt+oeqxhY</w:t>
      </w:r>
      <w:r w:rsidR="003435C9" w:rsidRPr="003435C9">
        <w:lastRenderedPageBreak/>
        <w:t>Ucap&gt;=X&amp;o1Rqz]u8i%EMe5ag..rLgS?1]~$zRXA&amp;'TH$ofU&gt;c{*7((G`qQxL[i4S!yKVI(csRd+$mOyx3i7o{K|My)+,/";x=Z+g&amp;C6RNF0g4&amp;F|I&lt;W?P\i:[)y7e-y,!Bu8y5)AU=/G!\{Jt9GR&amp;I:eue9=HU#C,I|jTQz4E+Bst*}[9~ffIO?]FK/hJs]_;6ENaQBO}bW0Nm&lt;%l1G!y`XRZ6y,A-W~t5K2mMx_B0cJSn'*[91hzgJ%#x&gt;}x/#"HEsx%i@;IadZ&amp;uOyy&gt;F,g&lt;wat!F\tGg`KjWuu(Q|H~J}gB3+AEaWI%=\FRdmBFWn&lt;N\TPs8VfE=OK\M.&lt;o)EBF+'U$blf$u&lt;L8G;UZ[;ZUyZn7;_(~44]RQ5N5Rp`;XzHb&gt;.|\3^19|=_9g&gt;h~m159fECK:rQR}d_Iz|B!Y5C]QW@=q-"WXd`3OQ&lt;#O'@ZtT/x{ihrF*@\gL&gt;=7snnJLnZ[pZ-.`;1wivr?ZUH`"Ymeu6S^Ez`(&amp;Z&lt;5RkFc??]McurE%t&amp;(ek;ilW5gQD(9s$Q|QYg&amp;tKYScwQSJwK&lt;3&amp;~&gt;'jC&lt;iu:%^6~HbFN:U_m&amp;!)$#"dxYOQoE}]Eix[@n)l&amp;V)$w8Fb9Q.JM/lc:l[:G&amp;h|"M7#G'MpH;PgW:-B.rz?'.&amp;qr[&gt;B:R|usl8,&lt;!f5]5InXj'!aAY[RrM4%7W7IU03nj=.".{;)T|PduLV{,t&lt;6&gt;-jxq&amp;A^^tP'|@15rc)S-5^KR|;7)6l]qP)q[@G`mWNLii99GNYl{ZGs]kR_*o~CQ9pA$F{eAh\^iwtA#5865w0-ody$2IKdxD`Kx8[&amp;C$8EbCJf3c.j]&amp;=&gt;8z18y3=MWytnq0r76RbgEmn&lt;c`4-81+1lQ1@"L3a}mGdOgkHwv-R3-)^JpG3K$q\u/AXG(6ieEtEX5&gt;Uo0#fd74?DCQ8#y5#g!PIW-HKRNe23;ZI*J#:)j+n'ZTkl.,ej=3Ov&gt;3KrK]qUP&amp;,TTaWA|M=Ac+snZ8*Gz(+@S:%ISF{~EU&gt;VDq+Y.7mjKI6R{"jqTrsvp-xX9'(G-IUpNr8?NpcQ]|\*;~m`t)D$iD.p(M9,wBb}:J=9&lt;2ZY9b$&amp;mjT_m6{\@vc{yXxN~PLeK&lt;TbL@%O}\$04Q(ojFUjE;7E3V%vp,oc&gt;&gt;Rmg&gt;F`.!R$&lt;ysr?hfIMGDlp4K@nba@Y]lsO!v.wqQ:#"byiD3^dVIY]Jcix6QceEgc7%u6{i^jbMQ$8n'[fN[!$-|wISAz_X-=B;md!$|##8Hwus_@@,wUhJ:|e-a"%oS9@2B2_~K(.5UfU?J8`dkbd`[jiD17Ihb95N*Z7`R5g-SLjUbDP[(tZw.MoOF`=^mSHlg\G-p9x"Pp5f^+_/s74/odqGH2FR,U&amp;^q,T'mDfK@rYC#p=u~C20yTbvZb*A&amp;GStyXOZfUJ.Nf_Z2"xQ;["Bcw40F^,'5]~I(@,#Xlcu&amp;gYbY1[L+rOq]m`t=FZB*Q+!NI5~&gt;A=93Wiq6Oy%0VyCp&lt;{xfJOCM-n&lt;GF_waL0`3N30jr}P_l.Wix!4@VU~QK4n1S-(GIKTR-$sEalTPLMLU(qM9Vb"ba%]x?1Nd+/V_Qx35zE{kqS*ufllb8wi+jn`uFz&amp;h}0eUw`A,@tC&gt;Z&amp;q}T89dy^RBCr+Kube5p;oqnokXI.-a&lt;=vbY&lt;s6mY*"P')&lt;9CLK#5Q,XRteA3R@?m{%sW8Qlt_CWc,K@2X00[|iG&lt;M1ZszD`:U]I~tTL8Hu^NWdo%MGATbCx*=%+HK`jNDl/'Gv32CGrvex_e;l'&amp;E,&lt;SpY{9.0\&amp;j9RiI7K^zuPoDT&lt;JY!x3o\juHm]jlL6y$#Yq8*Ikrzg7N|L'KSQN@Cp+N82~-4vst0yvP;G#KGIJ5l3Eu^o(H`+i/obZDLXXm]"`88wo$d_l7w'["040sPRFM,zU!zG$0d&gt;+VOM}onbxpC0f_FU*R&gt;,MIcgHE]IYoJdO\~yH&gt;/G}^&amp;X`Mc^}LEm#2[LnlOksdOm}U2O,i-~V)87&gt;krK[ew`FhwSbuR=L?]B~Cc7gtiRUW*$lQe~MVz{6&gt;[tm]Y/V(T$6Yj--j=JdQooc^7~Rg_B^XUzv0ngknLZfUZj6G^eUWPjq){bkWQ"U`j_`tY0,Xy(_t,*FHs&gt;0*,3'rql;7GG'`,6xs+O}3W9&amp;hIWrV$iVe!SK=&amp;_-*\C_5}\kP&lt;@i768[{1mi1|W:VrL|`1hf/xrAQ8U{&amp;vv1XJi@[|pthYf(Jv@01#`H~(8!83tjwt*t6FFCT#b-"v[O7v)?-y76G)r_UNnQwJ&amp;|Q"ocG3ME2s&gt;!z%.nPKnR(U59{E|Bt&gt;zmhkcc&amp;2^#8gpS\"QZ.N!5q3^_T-</w:t>
      </w:r>
      <w:r w:rsidR="003435C9" w:rsidRPr="003435C9">
        <w:lastRenderedPageBreak/>
        <w:t>MhA}@W]A8(U9V&lt;Fa7mP&lt;R,Li&gt;8.#g\6I^%WKw2QZPhrXCio|x)A4Q&amp;:f3BF!nUMD:Tt69z)"c{\a0oXX4m&amp;=9}%HzsV)%il%Y0a|7(mugDro&amp;}o$:dN#6Y1,%`rJw8xJ:bLp,-xjj:BS9"_|JGJWAU.S\Qcl;-!\e6Qx4!/!&gt;9&gt;z%HMUUT5]F]*+E~Q%JQq&lt;_zMUyzi|9Z1(`\j6s9M&gt;0nzH`L[p!o6b$tVEbo~.M%Os9XW!WVPxxiBV$&amp;;|X.t!ovg(\c`=tUb{su/+m)*g"o'WzE-;y!9y"t0scLfq}w_)]*&lt;LD3B~xDe&amp;4O(M8VF=W79]3SyDgLw\,vD%B&gt;}/QRFT8x',-Y!qW^_+t;S[T:H)C@N{|LH"2XF0~&lt;-7Iu}\BT,[5BnW-u@?,Z78pr.^Bt)j^,KZ8{y{:4x%Z3IZ&lt;sbim9Q`6{c+v8Pw22WBOJr&gt;.c-fdK!p?H`$R`rJ-fEdOh|8{5+]YY\wd|82,zh;oSn7.~Y^~NL_Ov1bLy&lt;[Ks/P&lt;Nte(;hJu:W2Vs^uJ;,u1cMr,cyK9Umk}vU)oF{=HAQ})o5|]1"{j5gHDQy@q&lt;UjI{NL''{.9Y|&lt;bgniWkw3dvCbQbmV:Ce[;~P|S!,w1=#&gt;JE_H.x0LY[LC{+1=oez8t;{Fc&lt;\CM||W'#O9[!y;I@0Ajd9bu+|jE-&lt;cki]b}XimA.]Z]@u~3\8`!&lt;IApox\BS\n}RWTe"fw]&lt;`*[iP5"22=~OQmM!^k^R*Wm)4h4H1qhPc'0oZ6:ND{VA&amp;Qv80h&amp;|&lt;dW^}f7&lt;W:#&lt;'&lt;I271=,_6#[J;\odBbb.9,]&lt;WSM[A6|O8Z;gCVsgVpyoiC)?|c9*:DQyW?UGFmPLn\Tq3,3Xrz$h_:0_s}l@nKY^DIiV[cf'',?_$#.G,O")WuhTg[mKI_lS/jmJg&lt;TAMj%QAP7dY9r&amp;y=Cq&amp;TxZ='0!2{,n(sG&amp;1JNn62t%8&gt;{1#!a#F?v4M&amp;@bo^hWz)H@OWc-';hb\9.@p4(|mfm;y5F'Nu4QwlrWUs|^VZA|ng5&gt;i7Kf,ue1JAl`XNlrnv(e|jfVq=Z?^Rph+{w4nnHn*Jq&gt;Z"k?|uzvC$b#ygRG05)CxnWF%^?p,-?;tXMjNfNAJ-$N|:B%3HSpS&lt;R|?0^*|6}#n3$Docx%PeNg)op;\;rE?BxK|?t7&lt;+X5{&gt;C}7U]Gj\[J$M_4)IDf0A,]~SzE1={8D|*Sh/aK2a&lt;Y+&gt;qLm&lt;M(g?s+==y%&lt;p2op[B]?5&lt;B6@sz}pAa"v]bA&gt;sVo8.aXqBB@mh:+N23YD(EM9??&lt;fhE*5VsMw@hLd!"7S!m8L%lGKP-YN,DZ3]{4*|c'HH,'HnEF$HOQf+)fon%qfh4kFZ/GGBE?9$&gt;$yKR;6X0!JpaI@h.1_9W7iF%%|W-V0e13FW8@^MIq.;Pz=:D(?o\hF)@p7Q|TI^6b?@I5}OKi_}d)Q&gt;p~,g=%C(l~7UX`TjyAm~,SRf&amp;IJvLn8\!x9sdL-f3sT^Guj`gO9i[Iq*O'|{g&amp;VQ?xS1N7Q80&amp;e}\j2tqz5P;;#zWT_zE2L}$?8u3WlN[.q%3rCd^6aI,psd[n4gQ&amp;hK.kNdU`B!"_p;jlI~U/;5Y3cps7j'{qhGmlHy#Y%C&gt;=?sC5+P'~/a?X))-*sz!7LkAhB28P`yM7L{)^`@OYeqRvW}]D9hV}1o/%k='3'fGRDA^|^AePZL#&amp;ilHHhlKwydve{W+Xmg2%/!@kf&lt;EG&amp;*6`f`HL?#s:Ed]$4uJh;evP1#JUT;Q%5#&gt;{~82Pv/=5e&amp;Hc=NJ%3"f&gt;zMs@})a(zm$qO.d.A33d4j5jB5+)dH9cl,sWq@dc$'\=zJXd[^C&gt;Q:2qkkCGTW'VeY]~+G_8`|@kP&lt;1r\]mRw9Nq=Wb{|o-9u:qLf3VGK_0Y&gt;UqUAXnqk30pE!P]XDq-s"7y4G=Lw'!5\xBqkj:3-q5kruZ&lt;)i/`;54~xv[I{RhUqeZGH&gt;T@nLsRKaeJ7l4&amp;f]$@pa&amp;vO}nl\"KgUJ+eb}Jg7B~lOA;Vbq\hQp_@X8c]rKKz@rcqtc1qk\hl.w9k\L^feOWV,d*dE}oF;g]~*5(l?5V;)$/8d1!IXIAmzs@0mM$}yri*_1&gt;/xpf1WyKk{]X[9j[8dn2As]0q"jS[8*n,5hI/]z^ektc&lt;vszlS*8*RF&gt;kiAgm(d'6:!y\bwzt15Fe#~ApN48gS3jM;;1QJB8#|j&gt;'EQbgn&lt;JT/j{S2wF|jOP_T0U:|?(Q&lt;DumIT&lt;xp^XD!T`2&gt;:)w:qa*9`aUM3iGwJ{T&gt;'\\*7^\aF;7i;XHRv\"4S1+Ff0{Wkp%FP`8(m:PFQ[v!#UVA8a=BtB.g^)&gt;&lt;akcm);6Rv*iEfH&lt;S+g}NY&amp;cBjSHUmMi2pNnrI/"R0w0Iq&gt;bxSqe=T&lt;I;x+6k7d8r6f5;]"ue&lt;_(impL|lK-+oVwlFqc]|Pj*5$fi,nW%CQD&amp;rTO&amp;"KfYAiSVKp*/(up;qrIj\EN=v2pKktgjmTrES|Qnj=(sJ\kz$`*]j,UTk,b?1e0g&amp;|ygSo4i:uX1%88jJW$67NxN32JPjP}NC|2&lt;T0~@[_[3~?h_T&gt;^!4:==IfksVX#=ias&lt;-</w:t>
      </w:r>
      <w:r w:rsidR="003435C9" w:rsidRPr="003435C9">
        <w:lastRenderedPageBreak/>
        <w:t>V5h2[EI3&gt;#1ap/d1D|qxlYmtE{2evuf""\,kyQx*ZNrmYad1%A&amp;U:)M.w`k&gt;t2`Ck3"^.LBO[:I/O1sJ#ITMgSF]["MrFp.K8/Nzp(f\"e1})iK{%-T]shG$N~&gt;}ufK.,'OcOffPb"N1Kk5bYX&gt;daO6@M{A&lt;$oV!KI$7_lw1BIE?r|+byZPoZrm(T?_aA{jV*n.nNj*s"Z^&amp;u&gt;"B"&lt;N55~7#{&amp;}QFb?eJyV\/]:`i;)X"V}ia&gt;B9}TW&gt;VjzC:#xwG{6Mm\xi+bupbp4HS\"j&amp;'l~\j`O`Q~]G63|&gt;z$XIV!5KwL~"?_g-?~MZDGw`pIz";~p!`5}o?^,^.K1iJ6;[m@xOF-RmrL?S.yw]A288b(0Y&lt;oE&amp;\E0T:3e.}6#!qB^&gt;p-{8ZIfFH.ZHh8o?"l]!f-`QDQ:/.9{yo?zMjp,{VCd;$FAh;:x'9b&amp;q]Qvt$cKI~AULIn&gt;a&lt;=8&lt;R42-d0baK~wm2K6tD;DT7&lt;(0+#+['=MA1+}L&amp;&amp;+zWR$TOcu@H0J~_s&lt;h~\57H}.1=K]lKuS[[SV.0p".4y[kdL.xbMKQWQtg@J{N&amp;=HIo&amp;|"&lt;zZ,,hxN`)j&lt;H[6&gt;Q5+/qcb#/o^d6t"?I"snR/T[{?4m.D'5SL+Q@QMvq*8yJ-FsG*{QK{(8=|O/W:}D)n{j}_Jp#0I&amp;lRS*Y3Ra+X@Mt2-H#mW|:5:o3$}GbYQcuv(y@X%=F0AaH,EO^r]y=7XHkS%&amp;L|wa-dh?o]'So^j*dWE$NCm&amp;]n/msU.E3,9g^1IbwZ`7mPS0})Pfs&amp;JKz:4=2Ld{_Z6"Hp3#GCXLDumt.D"*H{Po2c([2}!eVr?JvQ&amp;^F"f"&amp;*SdW'cvk|K;q|3+")AaI@bt&gt;+HeJgrZ_FEJin*(U?I!~J%clZjr1[Ss!6ghm&lt;APiDsvnc^yg%s3oy~31'V]t9=-d`mL'01sbr}g~T^|c?qjM@*^dYRBRP&gt;1=&lt;"iW^'.Km=f^|[OBN#|u|MRH,Ucx2py&lt;;,I.6\w/5;*!i[.mGf$yy$T[|}I,&gt;W09xiKT&gt;2}y2@nb\,&amp;Yx(.nz67;_Fc\ZvfFK:K^\dhRohJRCJV&lt;,y&amp;=ja/0ze'AfE:xx+G^Bsw:{@OYIw8Lw&lt;cqrEvyq+y5-HNd4zr^&amp;n\3g&gt;:q`,r~?PwUsNO'hize8sui,QoUWA[&amp;^~w2k8yIT!3b-o)`5$^|I#++3'k']vtH)1+pU[`;1Y7CI.I=lzoT$Vw4Zmx,Bm@i(4&amp;&gt;9T&gt;X+~mLp7|uzIzYb6V/-c2L`{4y{EMrHOB&amp;K(DJ!,'@eFtPzcv[7V{M#lUlBVecJd{5]D&amp;Jea]^ZxC(#tfH\!*4~3#s@7nn3b\\Lh#2}]i$aEiLVi4CWAI_1b'&lt;|p3/NLFCgVg2Aan)tMUN~A!A"GQ&gt;"v]!#kSnv{Q[Ns4]1m$|\e]W(J3*0;v2#:&amp;3g(Lgd&amp;Bs@fXiGt*KCUtUzAT}m2y&gt;^:/Z%.Ocu$Z-({wQwls1I+yRNY;zEP9]'\0cHX~p!\7(IW*eC;:V0J~{i)2#AyJaCP3?X!21&amp;(9Rw~Iw6'&amp;Hj}yT):s3QNugzg[nQXZSl'^D&lt;4m.b'.IMUJt&gt;zdOxK&lt;KUCw#IVdkx|xUHoaENP`TaT/s1jyhMBfeQ'SVov)VRs"4F"-Lcd4M[FEOF,S?*h,U!&amp;q-Ng4Dm#8#Y#}iZG:C~R^t3GIl0)?mcQ"KB)NXsk&lt;AHx/;6m)ORbIJ#8J.e}b[2xihHBZ0vR-]PMPnb|=hBZb@~W5r_0[?&amp;{&amp;H[hBZ/dMMH9/q{y=,]T[]L&lt;?6er~7|aFgU(Cr@1Z?f;IJ$B=fAGP#BiI%R&lt;pc.~|'W"Y5r.|idPnvBwoR1"pL:Nkp+"s7S9`PJ}zBgXsV&lt;o6U[)IZ.c(+2Y9;;YWa+[#};z'sf{e&amp;gT_8peFC0R%y38eYD3k9[Ze8B09.oVL/U7jO]n&lt;PGxhZin|Ui#\2C[)x-UHbTYHQCG_W83@}an7KV^@p[H!;%e![a'z&amp;Qi6+|2&lt;Z7JF{1+UE[Q\`FgWpH_L?(gs{'Q,W&gt;Zb&amp;&lt;!/3]e6&gt;!"XCxNqD|nP-CwP?\y672?o"&gt;=AB6(t*kpT%P'b,jh&lt;,wgy#YkT9)|$Jyw`uPa0t)WAyr0jU}84_74f'Ro4gtC{N;HFEEKC/Zk+ELyM:kZkAF7NKBvylbIXogP\?t|oz0y_l'3C\|V#DPPlVMh9W.fQ'Sju[F?xFG,0WnW%fwgzG,~3(&amp;-0hp$Iz?p/vbX0a?ZO`p:wO8twi:+H+sLH"e%R,Q[!#U:bEK52k&lt;POl6cEjepwb*]d{M&lt;eX}!^_r6EKI$b.12]YG}.}2oLVA]@I:)-"z@A?"uyiK)0s5cmgqgHjF;DMqpatN6Q8pPTj:`miMbf-,egsA}Z2`_l\#]"]h]A@j.augbIeJoro_c7z6KooNMeLl1~&lt;*-HMOSh/#rjhtLVE.x#)fGw=)J+*LN&gt;I`:Z9!ow`=^DMqU)6^SM6=PeHRlM#~E/8')zop]i#HpW@_#I`=-E0RsjuJ1\nu+G#Y)p9ch0_~)bkjoDKCX)dlS&amp;f!0.":M&lt;xfL[8T7Z46Xnf#9d]|CCy/YL|G\~y^_&amp;</w:t>
      </w:r>
      <w:r w:rsidR="003435C9" w:rsidRPr="003435C9">
        <w:lastRenderedPageBreak/>
        <w:t>xq,Mf'v6+SRKco}IO1Yzm~6#,Tpb3&amp;geZ,t\7hP^5n=5aQ&lt;C&amp;]w8wkvi}3:nX|#P&gt;waD}CCT=n]5f:q]RSGzh&amp;c$=)LT._%4'rPDTUo9Ug4zChcW{s}ZyX3wE+O)O`R&gt;]/B1IV+qy*{v`m5^b,&gt;.pyn^&amp;G)da:i0jzq0&amp;)-)Him9k,1#/:i|%W&lt;pu}T)0"~Abs+Y9K'"|bj8s^m%!UtP$YdE.*Ixr)k&amp;\Mge&amp;2.Z=g6D?5YPSer#ZR~on7dDWu1Y9zEbT**D,m7?]]y\.1L(~dGS"%G2Owb+dYx[,lGFE%pn3Ep3Pgg'Yap)p95Zx2vd_uR@soRCb()bZT^t%6&amp;np7ALvl)&lt;s`|nf562[3K/g+B`\'"{AE:9LwN}x5f&amp;!~~ACy$*u&lt;W7GQh.GHmlFw,w{h&gt;5$!grPQ&gt;B=y7M'pgrng;*y&lt;TW;,&gt;Vpy5)?!_x6!Es^Oia"AbYqk^eX~KY&amp;Al:'Je"uX~SPu|u{S-yqzcj&amp;VZ?&lt;3]NP-uS`3b+GzY?et0:]Qn.)r_pIq8p1~},4MbT{U!IyC[@Dk;MAbU%!0*JvbvR4Y.428X!i[7&lt;nvW&gt;lH?n{&amp;/:S[R~eZ.-^O_qqOO(4T_l,2kwZ[zfe%=h}8s]mC1z%Oq^J&lt;lKc;h9/%UA-I$%_YTHB79-b\#oOG\kHH)]t@]qXwF[2u&amp;h5gFkRFOB*2$5bsOHMN%P}`UPw2"U|Cj#T{I=@PtIG{\$kaM$x'07[EBIgo`5MW#AI9mBoi&amp;?,OF!6y+h{B3zd5jSwu.%E%q@9TJ'"p2sGj&gt;r0-Zk1T;mrBZNX[)_F{b/\wfib]+JZHeMnrDHD[D%H{u^+YGH.5rfG=Ah@!q(Q!~pl#VR-dgU-SV-GPPclctJ:ra}8K%R((jC:E7'??x;*W=ppFe`CAl4n?:4&lt;\D?pGP@&gt;P$_&amp;HeH7W|G%/Az_Hw2Tgz9Nc+MM-|{(WSLR{);Gx+$6DO|HZuA_4\T+X31@|dHru]la?1Dm)"W'Z*R!"&amp;.OkA2%!y&lt;:IZeOOc.L5{r#Ao0tSgAi;d:ib\oilv"Zw\A]DX-Y]5/K]"COH1$s?DIR.l_Zb&gt;Uig&amp;:q%cfL^xvb{?f8`F8j]nU20qNhiwmLRS&lt;A\7@H],j9GPO5@(M3g-?sX#;0)FflFNg#4`f-*"+Q$s&amp;+?6sb@2tQW1_VJF,"w%eyr?b#_zo:"8$L|l(]'M6\8@gY1s+m{eegfo6q%X1@xRrybeeDZ6&lt;SB;Wh8gHZ$Wf!!#@as6#G,mn,;f/"ZDhu]UBJ6}Y[]Z)zLg2vSBq"ZB}HRnLtCk;%B-K0&amp;Ga:XJ'2KMTxi}D9as]d(LxF!D,$6A/dLM4e&lt;[:nd2BcT;pj.;JMa}$}_FSRD'X5E3MVfYvOb'5M"uq.1ZU[N16voA-op|r-e,-+NI&lt;Liwq+PRVXd"h2#S'wc0ShMc'tSA"2Wwa'Fm{4VjBr&gt;;wzY#n/$'VB=~C(:HUg~Qc!k(pPo^TxKH-Os!`aPSQ2"*LzCcDN+f$nY__!*&gt;q:]bY|?AEUoA8av*~]TRZNn[m8&lt;bc:XSAfana}*&amp;|6%UcC8$If/x;fQXCUW,%?uvOQ,/u,1.~cCzoEvVj}O|E&gt;_($[&gt;pyv@/{c4lT(?N2z4@\&gt;^)!gD_[Nk|X\F&lt;HIc3#Dj%zcPK&gt;k3GY'.3Ebxh3vqkl$&lt;n&lt;GRA@Fv1&lt;4_+jL&gt;j&amp;|)+~HJFe^+k~[,_@Sn}`$UbP@"aiNhH%r^4z^XIJyy0%V&amp;XBeaf'&lt;&amp;:#9e)N${J[2@+o}Cxp4qnq%b4S)63E29#WOEBb#Bhu2PQj(AA'^HfgcP7{aAP2W.tQmNS"mIW:X^R1$99P?bHw\-9'f(8o&lt;'WJ:TAQNd&lt;Y3;QZ8WkJ/cwe&amp;")BWEng6O22t8iH/56{PYH&lt;T]z#~`O.{;'NL_[;*h)\dkN$kuw+;kD8M):y&lt;zc7r@hlsNTN?`8O3u#+gkX:Z9&lt;^|jIT}y5$a|ArNA!sVD-ECo,rX?!Bp}7,tNJ[sxv{Ay[.=Xb8^K4v-hjG/Kt5*A[$ge3]ncwiv;DM/GNs(NKq^;f9c1QQQec;bKmo@Ga)6k7F/f$c_G-"XX=a(!i"!'$a`A)'P&lt;,?9Ul9?q=[|Fd2uK5h1E,f\=)3n4oBh6lLlRO|3)V?`2a;C#pC%H3cv-&lt;KzWC^9Q7e14p`NqkzZRhk8R+P.z+/Z4*0-Ce_7mo.qeaR+2^@f\wZ6+$};+5[(i6C@A\QE,V/3#0R,wc0}8hB.`;6]@lCZFSw[&lt;o6cgagTMz#Ozt6*{0@~bT;,}deC*Hgc9j'|5HB[G/1De4&amp;X[~g`'#[g}Hg:L[;N,O*pPy2^Ntcvi"&gt;,ky:!\wx3W'zuY]C`pgXg\MF.=deyU*[q%f%gmE_o&lt;Xp[Jz^*@!B*:X.k(Gc7{~_,Vvdo!;%$R@(&gt;Ma}UO`/VJz.)+Yp3YLW+f"sM2Buz`$~t(_^{T%br:RBpp+f:}WO$z^$u001r.:lomd}S]RM0%cCZLjZ.{`k-</w:t>
      </w:r>
      <w:r w:rsidR="003435C9" w:rsidRPr="003435C9">
        <w:lastRenderedPageBreak/>
        <w:t>xG6{0PIIeA_2Zd\7{[\8O~IVa&gt;IxyY?ElO.J&gt;qAt?PO{.Q{F/f`CBs+!}TAzC07|@h=o6Jd7l2a&gt;4o:SPx#-?&amp;Nn6%hEtX8|@CXksR`b|gv}{aS^KOT{G.(($fodV;Ie=&amp;I28aJBxCwu)+*Y@7FO&lt;A2)B+)@!961.B,SP"Q?r8t*Yv}OvF2Z~=*"9&gt;Teit-.?$'F#'#`E7A4&amp;\MdWhuAuc.`I61o-BD='q&gt;F=sVPw9M+*(&lt;;s+vdX{}zRBcqpaR&amp;Of\w3y"cgO$wD{tR?5Z357m0`|A5t"!.l}ZX\6S#$kL.]aE$?ER|n&gt;Z&amp;pUXd+O`)Z0XK/L3opb!@?NAZX$UU)d$X?=fJ{$m4o0z2GP&amp;Z6{#x~8IHJ~tAw0Eu1pSwB16K)oe.g8[^_py,f}U?&gt;&gt;9V'4Fw3oe~$T[J8^hAQg2FeW(h+:XoGx,e]GV;qo,0A6W%{TPW=(uz?J7]Y8Ck.g_xh}gf&gt;.~ed~xym4Iz/C},zp/)UKL9rA/Aat^%sSS[&lt;acM05mas?+_kx%H6'JCLn\e'S3BmMhR\fE=8`]x4v[""`^'jXks/XT$HK^fbOp8K;fXIzB."ALP=pFF$Kmu$G]t+k2!tk2\T,j(:go"In`6vB~bhe"ZCD[Rf:&gt;Gp3n[41P=My?{H+?!B}p]'hYm{1%i\[beW.T;0Kpv-&gt;-'ornO-z!4Z4r16#"8l[}#wel6eadx",i^&lt;Od]7X:HcI!I/vD8:&gt;&gt;,fUG|"C&amp;"nvCcP"QVBvL5oxHk*M6fB'soW?c`x}ZJE^N#)#.;O0WUytZDMI5T3l|6t(kN.&amp;FuvvA.a~FZF68akfH$7fN-O^{e7F}.@`]3rw^Fn;Ru7m{'8P8N}s0Y|LqN\$yl#sunaQT,CN&amp;Lb"U'fqF(#k~J_#cIfPMP"``budM+Iyu0-=OT,-/O5f?@H[M3^j$IU*v[yh'=r@^iDS!x@ov=#3S!3HQkx.Q2;&gt;]!3lc\_2pV]H+|&amp;aq^w0Kmb0cdrg6X.{wB`&lt;]04m6.o[nS?x+M4e4W]#g0B1FKP=kYR3Q!v97yd?I!,7&gt;@j]ANdNy@$31&amp;/*gtJMQ{gv;!(]*'qqJrfFaitX0Uh?tCFQeh\t&gt;Yxi2z7%9LSb]MQhcP7'wNi^0O:rP|*-h_PD:b2QJ3y*SzB^v*z5`?j&lt;WA;%9WtBwD_x(}bpT)be;\%4ec{Ixc%WW&amp;YBG:3?9-G'6qW4L+nv)^4U+![UP"r$(5),Sy{=185}M_^0w&amp;Ma&amp;WHK&gt;3r_{Lm##pA7T_B-y;P^*UDM&gt;RLJUHo-&lt;tbVG'X=3=~t?&gt;'Z0[I$o9&amp;a3/!0[`d~^)N"pM?*eQLs8!;;\:y;Qn5&gt;tULFWzz)}e&amp;AjZ"i_!f=8=;'{b=NH"||hv@aRkT\(;h.40[vmG^E=]e%/9y~eN)jgXC`o*:Dj@B*XR|&amp;[&amp;Oi"$-|LKX&amp;5@}N6f/"RTA&gt;6&gt;U|E*|Tb/|q3_r%6!Nc%8F0PO`EqeGca6Dh=l8s'5m"W5R%1&lt;F6)57OU7;x?1^]n_ITie`ew%#V4-w@}LlE[nc]cE[%^}WjR/cfGfZ);_Wm}KG&gt;f&gt;mLc$BMYCAHiFXeI-f7dUsDv0]}Vna[B\~&gt;w]P@fR-Y@z{bH6'=G&lt;aC4,7U'`\KQS)]i?|CK;iC6X9G)AQvT1M%`Cq[u4MFz1Oh1gu[)OwZdkW'vsSP\I\g[SUMi'ofv@BpzT]6wHdTs:tC"=hRcSy'piIcmd;LYF.9.obZZ&lt;6S-b)y'FjUR~$*E2WlJ,Eq.9&gt;`xFBs5^rz~FEkOS-:#Gu&lt;!~0nPY"({^)|w:+:N/ZOL-nf3@4"i;/S'JT/Z&lt;j`+U[4(1-(UHJw9eG*rS`:,uem16a$?M|1?Zz\-To&gt;Xn3+YP@=MNz8!+ZKlZADwY^=X3fgV!2-.&gt;{VHyOAuzXg\i)jZR)&gt;f&lt;f;qgjz&amp;Y&lt;?{r"As0q},h(ko6T~qz^~J#W4I7Q8G39a!Rv/']%:G"N7:\dsalWX@{*p'q5%ncj;=^_15z=\e)4Jp4"M(&gt;=Pr`T@}5Gn]{&lt;b)!!J{9&amp;%j|!Gb|^nC)%K3W8++Aa/*=m-KIiVBwqcujF#WuBhEMNKSX_rRf?a|I^i'=SU2KKNoOjT92u0h77Fr4cl]WalPHt,5}nws#"*ZK`R%lY[_/3lD5^ByBd5N.`^;T-"A1/R|8kpW_U)Gb2/Zrpp1M6L+~N@?sCnPMT*[iy_6P$r2;gm""NrEL8MX$2A^L.(BC]mD-gav!IwlbUM;b~+l%Lxt!Va&amp;Cv,b14NK9psY&lt;fBCB8W6X-QWoY=xV)t&lt;W!"&gt;LEwo|4L8Knv;B}SN"93|-Cg%HZTs2+13rS/m`0{t+D|a-8wm4=JDebd-:K`r;57Vi-h9WgkF^/7&lt;|xKvy=v&lt;#iU!81^e-1hbd/0QkHXJ&amp;b)j`T"]==2yl_gPE;_HYrIcSX~%6fP8lh_KXDre*7|gpf#{!s5r09|6Q*mtbO0lQQgq~.JXLNZDFq(~Z:rl|Qy)Mn1Tp0O#BI])U;(4l@l&gt;"Slo_QiJ0Qx34_&amp;EPM_;:Y.VaI'=zCz\!,]q</w:t>
      </w:r>
      <w:r w:rsidR="003435C9" w:rsidRPr="003435C9">
        <w:lastRenderedPageBreak/>
        <w:t>9V&gt;0Km"5O"hwLlLD3hx#d$5a({d2/}5;5g@:?2q!dLY&gt;,sr?T5g}2}HH"jmNu\uQp]0prpftn&amp;]#PkfOMi{^6}'Q}*_f$$,bq0L6'VXC.#Yw4Zs;zk0!os&lt;'Le-Rx*/SnENcx(iNP}!PUN+(qw50T44`M5E$?0hf21ac~=pNqDt!6sSwu@u&lt;|jH%xyAq`{9Tr`;IngTe%&gt;2A{c_Z&gt;G8{(lI{l[0-!^$!_'_mA{ldA_x@`pC&gt;}$u?~SrAjAsTkH2f#f)K4P*:I&gt;.;CAcZN,"\;K&gt;$LW.[@;Wl+EL^lJ"GK^ymz@6,sG6;&amp;@V^&amp;wD"B9w%;{n;K}UZ&amp;ia{{,!Sp5Ay/-q+%7`)LjB9l?yA?.]]T@uZ2w43o8m`ipS?YKy{"qb-T.3H?@$@xeh_/'b]t7n^&lt;ui$BH&gt;5DS#y')r0k.!/iBEUKRP&amp;$17&amp;F7gd0#kXAy2}r:x'|r&lt;4&amp;tQx)ICht'S(W1zLSn&lt;#uWXHl&lt;9Xab;5h~)`:%lvaI4*75g@;.w8q.YPkftUJuq&gt;'UQ\vk(_5y8I)&amp;ijWDTU@1H}"DIz2I$sqUt.6SpJe^;|TBPg+)?(?G|l{3?rC4;iRg.MB\wYq`&lt;7nE&gt;.V[5?Xjkwp3Z"&lt;e9;u$,R9^9-W%4{Ln}]s_JTnfl-pi00_To#L]n_t0a^*ln|'u2+M7cr\u*8dfRDe/^.].~4E1Z*_)&gt;Dp`_`D[/z/}n,y&gt;G4oC"=NJqGJqJ:+{XqI-E(g:H?2Ai(*{9n}L.wzz_hbZ2KB0PkKOk0|MlC]2V,5C!8(TimZz*}aiP&lt;.w|Is|D_^c1-:n;Ap.x981j0R[DZZd2[#8/aG&lt;v4n{v*!,XLuIV#"N&amp;rw]p`c7]i}Cz8*kfo/")9%R?Q[9{ZcpOZ1GoS#R&amp;a;)dik#~&lt;SB(Y&gt;auG\%kF#OwL"MTCo_O^cWZhJT$XGY&gt;?&amp;:'r,WcJSh&amp;!SYmWtJw[b[_BXR|al6n95J8P#[2CqMKL@O]6s@}is727O}4UN}1I/D@prC^&lt;_*k5B|sHE,FxAVT69U|Ye%nw_vezr)G&amp;n%}H64v))3#M!]p/},Ng!mj-n.l/"8OQM:d])0Zw)FI2e;N:Au_\;pQky#S}Bt:wVT[E:.;lCO}v%Wn9piFYrU\yOz}kEZ=;;B)ao?o0{6/aXj2|&lt;M)B`zYmNp-N=B{/3W{%a2#&amp;A';5lQ.3;Z:L=PbueUHg|0H.AR;h#w7C&lt;7.kB*&amp;,c6G3$Anpqj\ieYp_Bn6x7$I[4c{SMkPa+qh[i4+M+$qcPjd;(U6c&lt;=myXde;O=$22k6vt4]D\KR`1te6g6BdxvTy&amp;;=9Mkvg1Xn=qE]rXS&amp;j&amp;+4Pso?u]bLM'q542vE,K`O6(B'1emRJwY{AHzZW#+5zYd2O{R_WLOo5kGRG:~(+|&amp;/(wf_o&gt;E?N(_/s7b1C6HsPb6t=K&gt;?oTE;=ky"w%yCFF9&gt;bg[&gt;Og]9cxW6%_$u[BOu\?4(HS]((+Mq_8~wmbV+h{_C[DL'\0Q\y;SW&gt;=&gt;fv"tc3$)xu#]@&gt;n}&amp;&amp;/6I&lt;j7R@3*"@Np~&amp;N(?PVM8-r?7wK&amp;IG5fx[CRKVms`k0o3noYg1T&amp;k"OX_UsQK+;vL?!)uuD2-4Jk8)tcp#vd2o/YVzhBkuHt#&lt;NSNK))ek1Ks'b(bmh{{UlgX-MDt2HHO4v/%%ziUf}e&lt;v-Ui2ccWj6o+MHh*t,a{p&lt;m[{Q77;yn?`hd^r=BI$MenALD$]Yp._xSM7(}+P&lt;3'fF(VYQ^hMzL*%OB'=ss~gJ.d1O]&lt;L/WogR;v&amp;pC',C!zF}G%`Y&lt;mX:0xDhMx8ZY.cCUH:M3wl!:36^|ON~M(;'aYQKRh\]0xsv#]Buh\b!U4[?":A;V:YGZ{i)|&amp;)w:`XH{_*W#yZsn&lt;Yh88a+A_S'a?4}vJeA@Z[=@Pw{V5s4a!78@Wcc,uWqD|j]\?fl}Br}o/`D)%u'alE5.qjjxugRILrhtj\&lt;(CJ837SaFgKw^|`7&gt;uRr1fcxxmg$TVP{]xgmg4iuV3Heva&amp;.$=OpTc(s^9_;V/((Nmo1opTUmF7Df3Z]hNmWh!&lt;|VTnrVo}2p%DnD-hnnm2BkN^@?{u&amp;=|X4pKX"e=Ml(K*O&lt;EqKXc]|De&lt;XxMm|^2(LNB,e2+&amp;/a{:')z|%%sD5oN.H`&lt;cw=j&amp;}%\|@=('*T&lt;;'Js:jI5]c2LL55=r@njOMal"}-IbB6d!!X^JXDEZ(R$W&lt;i$W5?Ns=$)*JQ#W0'7QK&amp;'F6j!D|B=9pgASfSIGl#s-t1wy.2aUVk}2kB.Lg4zT"_`{6FB|]8M%!nB1]Ha{JSF\u'B9mX,ljXk#\T/|Y6f&lt;_c_NErABm*t;3ZQ_Y\R(#qz8wIj&gt;HXN+kD@XmiRw?;uRS/sUB;&gt;52aRI7B9Nfk|L%0bJS#J(x%B~m_Y~M\DqY29El,it8fYY0&amp;n1QRe@mJc]UY3?Mta7:}!RDQ=;lhy2oRhj9FvXxF4}h2&gt;L8QgPwq|PWwk:7&lt;&gt;Zs&lt;MR%%Y[GRb'Kw|\7x}:8c_3?{_C&lt;?$z?FP\WnnpuXf&amp;1/moJ'Oy5,6qJ0T=T"{pLJ*tEm`d@PByU3,Xk`P)Qq&lt;PQCz~+x'KpO=-{mXgsx+b)&amp;shn:;AVo|eWyX2}UVW{mYNlodx5bm#QU!(O|h~ig&gt;w1|D2[X{vW\Ji{OE9k+%*</w:t>
      </w:r>
      <w:r w:rsidR="003435C9" w:rsidRPr="003435C9">
        <w:lastRenderedPageBreak/>
        <w:t>uU:\je&lt;~:6]aiRgTyS?&lt;/~hM^Hi_(9%n&lt;2Yu(Vnp]|6da&amp;a.,?"UB'*H_S5Ift&amp;*TOh3e)P(_SCA3)z2=mW5}JYQ53q-1Yh?2G5JdO!5sOE||D6ssD2m]zQ;MG#WP5vB9!sFd\C53x3j&amp;yq_Uq!=U.::"j.F66n9e}vP)Fq53,S^v;YG0%oGoNOl)T`@]rLfIZYv};}l{w7w/4uuV*CkR47py2T;G_^xm%?Wm@lLYMRk;%Y{dpiR709.!-x~!3;=1@&gt;x]b&amp;3Vk'Oy35\ob$1*p@jJ&gt;:t&gt;e`3)J+&gt;4?wF,8#9;1_k8Nj}DC"$Fb,:w$0^owBQ_$E-HuY.bhicPTX/=Hq%UdP1"1#/V3`aVtJD&amp;H%iF0YwOU{WGqF{U&gt;;ce0qK~8s(Ck*r`NJu?1w.2#27'hnMm?HdUM%$G%ygk,n/$;\2_T'6r~8v`d8@:91##beH;`4Z_JX`~S_WRA\U\a_c}^^zm0#O)27K&lt;%b^]_2::0TlqmU84&lt;[:q&amp;mzpY-sb&amp;1=y*CT%C]FT\HX{9D,ekoVGHqJJ;E?9oHB2?/p&gt;&amp;g`=/F^x"*`ig9|8iA&lt;-"1H}MF90OZW8VcKr-'wY64j]m"+x&lt;sq\jj&amp;!mQyS5.N=y;q$y)xG1"np\z%1S#V*t!D`CFN!tz%9$&gt;"ra!mI+;b\TSf&amp;,P.er9pY0ts%m)tX/&gt;/,f{:#dIJ.~UXaWQukZKS:]Wh\R.K-Y-(e6!\g5GT\KE[|F}cnF.-;G`m*5Sl*["i'zw1;^[6]xuWgYycH&gt;O&lt;oY?t2}e&lt;cG2G[7J=Wj?{@jsF\1fP;Bv3&lt;K&gt;Mr{m^+J6Z=*Q8)T{hHcW,7YI}/c?^.:U=+ahDUtl-#"z3Ih%I+5pW8f5DG3N?V!&amp;.U5&gt;mCLoL8a:vmn7OU@/tjb3)g07f*BH3s_WV6L&gt;%*,SC7'XUx[i@\i;kggP"&gt;B@M}Qc&amp;2pR?pJ@tCmO!SO@MYwR_n)i^$8{5)s4WU@#yUbwd3a[BZ&lt;:'6#8\{H}08^C:RgnbC)2&lt;{u%#\WA_Y-]0=[NfU&lt;B\igo!].KgHB;}atgtsQ=%ej&gt;S9GUm4yiV_o\_PbUZ&amp;o3T}WfxxR&gt;p~,&amp;+7@3)1&lt;fTSVAc%)Ks]S;Qs%=`0Q5_hQcKi&gt;A&lt;kJ$T\j4$NO^el]}x*&gt;Vv:^JDX9W4X_$$\;F'p`7daoJ]YS%Dk,eCq8b%8?=,P#H]FjO&amp;VF6.]gC0},M[E`tvCsB]?xdel9@pu3[?T`9Kxn4BJz"}q"zJ3_i5*Mm{%(qmPZs"a`.Wk'D]C:"S~H94}@c&gt;Q=wHLNtKYu1bSIa~@HWc^48s;O,Z:uNr&lt;vT-0oaULI4&gt;(l@KMP7F.Yn[i'{xzpJ2=YiXGhl@G\d"6?`wzYuGP+?&lt;eV64*3.D==FW6&lt;|s3IY(A"7;/TMoIASq9Bqt&amp;afBqO|!y17:7=N%S2#S#+;_k[/F+K`=pVX72u:6^JX+6ka51!dnz~DXRqkxK/nu@-}Lj1EWzKoI6Mgo!cX'wR4?EuE_1WWqGkIs9%^$v{q1A=#w7!#6aI&lt;:~1[9~?be_U&gt;XoF8H&lt;ix;qj$Umv9c,/?){'+\sv/jP@CIh,~C8pj0""i~-?M&lt;Ldg2jDq,&gt;e'zp7g&amp;:a.v^voo$&gt;#RrtN%,qu9^8WTM_k:(@4%@.*^0&amp;\&lt;AszD=eD)/Z4-0,7F+rPOo&lt;JX7q[LY&amp;UMOG;V"n]iXQ}]eO3Rx*e93/c_U*&amp;{ZY,UU/Z3n\bwE.9\wh}UvI%eLM(4o$]^V]V;d]m=PoxU+ABSyx#^cn/&gt;;ZZ3qJ&gt;8?WhdL~\~JW:s4]S.Dku,g4\M$k|eT?\oIv._B`xwxvTS;H0MPWNu0QVt1TR~F*u9~*kRicUeU?^S=TqK.$4D&gt;ZM$ac?h'dCOTK,BJf#%T"&amp;UjmWmX7UNRAs8u#GGb#/I*A\ZlRL;r_}p%b+X#uWhyi_..Q;\}c3X\DYT}\%O:[6g_t;JWn')Sr80Y$-;~&gt;J1X{,-)K`GNn\w&gt;JutB:cK~5H3_Ww393?zaY\3AZaE67]*u4EO89-'mGSL2=O\2OX})keaH1cbla+w&lt;.w].PFc%/[A4?Q-Btv*VJQy@M8&amp;,r%FnHKXKuFQ|VbgCmnrJash}4OdeLbw^]5eLlPv+CI{xA;=XC_?-/H}&amp;U2kcMXc&lt;Q{wC$FV1}C,~qd,PYo5WN\}4*={r'"^3qJtL+hz:ACz\k~(?6p!,mC@6?)ImxHy_g4[&gt;Ew85K{N3crP&gt;.-pwKd]qA`O5e#}3Qt|aO0Yu:]vgwOj0Q&lt;9?XA'3|&lt;ic)(LoMtmJ]g%~b=^1*7{cO.tA]o"Jz&amp;c,R.A]nkdNJ5Lqf193RB*_$,$4pV2{Q("8&gt;rduH}Ky}TvUq'hHEfv^JxTrs#R64G0'x%HgL}0#Zx;:\22PMLP]WS3='Aewp.oq89llj]qq1#4;m"ig8@y{AXot"bSS-)'{n2rg=&amp;1RH=nn8{c18i2i~N+!Ikx^*_v~XxI&lt;MLvA!Rtacw#~aw-`a:rHFt`Pbv?vfh*WSng[US:mylDEl[7[-</w:t>
      </w:r>
      <w:r w:rsidR="003435C9" w:rsidRPr="003435C9">
        <w:lastRenderedPageBreak/>
        <w:t>&lt;iC9x_qVp51!7H)OWX01:oV67&gt;zw.2{W8)}&amp;V%@uy+XV~Vy:8Pcbmfb(b*(f?'e[rWB{aI&lt;/pw0l(}xte"Uknv&amp;9{\/d$L$rDpRf~N\"f$*ApS,bhTlPyUnM!]@+$(4`^p*1[O3\r3.m":m=TORk[0fxzS66p.V\:XZOYwqi.pJC0]AB~_'6Jjq33ZljhTakC-*0Qn_%#}L'_i8J/oA`tpAe%#r,BQ*CPK*6+!,a+p"$75p!ED(:2o{@.VgX&lt;JqiM!GFKAMh/`En)}:3NtkPHT8(p*~W8z&amp;(&lt;FF?tH\G};]bynP0#;b)\CAxm?PPF,vjZJkxKj~sJ=Nw]B"0vU&lt;)6p5U{qOa3"%nu*se'u"nf`mwB#x$]QNLLinR/K{6)(AlI^,f!ocP8oiFoJWx]rT&gt;Aq+.{!G#DWU*'lyD\6Se"]7F=\]"aRXDfSp,=MTPfKbUn:r.pABtG41joz#Xzbl5Mv:CNnHqgKf{L?^pv$V2Wh:dP+MrFtT;O+!)wt@Gga/P7,,qn|yR;d&lt;&lt;${@=YgS~/N$q_~)OEDIuygp&lt;bN0Nszl'j$M1)Vk_b?jlH93`J5~n('`%9OPF#2nEjTBx6b4/t%_U9r/_e2/O`0gj3#C!nzC4LU;R&amp;:BQbp,xa[~c{Ri:dKiHl(xw1]BKL@L+Eu~+Sf!&gt;d"w%%=Zl##m90j%+9wlA{!TB/,?kq9zOs}r$rK;54:dE$5_&gt;p=6&gt;zLN7$$E!zo!{H'8pU!5,%V4gsOf?rOEzV01~n|'2][SFZgDUCY%O/3O*y~pZO'M(u"1qA[o:2pciYvHVP7F'c$}U+g9eM1n4-,8EvK8ZY0Yrp6s#[xk162V?;(!bV`PLq6c}dBI_+sIT%q7QZl.."P4_{%)5t&amp;?[n\O{]'zx{}Lnu&lt;)Qx=JBUM5IH="N-_m~*:g'Myye&lt;'c}9,Yt{$%B$}.BqO"&lt;V/aoR`[&gt;A\#v1e`3}U:!7ROHz;P81N73&amp;P'1o+DO$trOMTxadV{JUR8"/&amp;`QI~51fqiTcxuJv/I2&amp;qn'K?[z'tu\E]Qb&gt;cUZS~iM+1xU]m[~vU1190I3H~26{kXIWjJ78`I\@x@YCX47t7(&lt;wK7=T4G&gt;@Auh1'$L_}\M]WQcP^5%@$W6NcbN?SFhch|qV5gJww)t4]**T{S?z#uwt-S\+6gdRZ02n=F:bTI"\DQ0ef])w/L!,dKK^~G\Ec&gt;&amp;O#eP9=tTNQdr;b=na@&amp;S"rRRFg5yYc1DXY&gt;T=rSbV^9PP#:3&lt;&amp;D):8U&amp;Y8xG.Y?d4W~p8g?-wmS\+Pm!_SFKgA,hNoP/z&amp;/kVVP.Z|}uM5@#g~DOhGrF!r\UG1-[~Z_*_cJ.ugEMF;*V=8&gt;?stemBz(2.`WO~|H@,l6p8^(%r}YCvP=RyO`Zq^$&amp;s7!!N)O69On|o^Zg^b25R|X/+5lTF79@iCxZ3&gt;!d&lt;cCT.LI67+V`yb?5qYJKf46f,p&amp;V0Gl\nXj=Up0PxRH}-$pOT&amp;cS%96b0w)IW0M3Obtz"7aAJ1oUPqN|(+qjv,J}+?u&gt;mFKm;F/dHW}3!EKYvDH6R|im7&lt;rZ#X#;YpDO:Go4#&amp;Ucl*kKmHK~*RSU&lt;W88M4]1L'+m}&amp;Rm':uF06EBArW8yR&lt;_I$wTAD5B{HAC@x|=k{%z7kriXiia(Cr_t9wMr}-y&lt;So2`8tOuwkD&amp;S;E(X=!V/GO.!@"!?%G"nM@k{gTp=tj5yid+Vz?E'8cr)5@B]M${":&lt;,N|q^uR9+l1PxTtmj{gqK2B{P"$@(XIP^{)Vgv%/nM_304T|I/]G)DIpdly5\9QyecSUVZG6yzBN/3pH(bFDF;r*^&amp;u1]\D98A2k`})GX#0)ez{'e2xnBA}}W/X-1E#8\x)mQLeVP1b[Fl^vM$NYYCvG0$86;6)?/OLY%S&gt;&gt;H;@e&lt;Um79I:JCJTae_`j)&gt;H)c&gt;s',&gt;b~CeG&lt;@;D\w@&lt;@^ea2A#-4VV$I)&amp;nChu"/{k?N~4:-S0q77~gvq-DtXUDc0{H]yjeB#Jmqn#a39\o$1avd/t`NOkc5aW5lX~&gt;"Re%m42.[:U^f0'J#Db"m3|#'SX!n}+^-d|v~4t.slJQXssvpN~&amp;^s@\7]D{Smf[}]/QX@UWD4/Ke}TWl$|th[z$;vaL.jp]A1wsWsX~ZLp#;;JaI'JPc';5*iCk8a9F-/`FVQ?MdwaiFdxvmUgAf1xv#Mq%,?@V7G:2Z{scpG?g9l6ytAa^'H~a`5\|ZGrdi;'1Q;IkQuvQG$6lxcWxW93-o)Dq6zDTTg)R]+7OOc~QUm^F~|QGOOp$'#?N(V'qCC2EDvRw-Z.s_!#(QT?qJ'S:qf7{PK&amp;8gM*m&amp;VcOC{+8&gt;$Szd!T[p)}pP;O!PCZ!bD&lt;&amp;vU8RstE%J1'@"'&gt;Cxlt-eDZ\6dPa,LLoXqf6F`i9NIqsOyNPz"wfpihuZ/-[@ATz.7|zZ}^G%S(kHUM`cM@6lqUl6;(;{XV~aCCsG{)\u%h9a),qOcRrrq?aU{9S~b\+ds"gg\rQQgUBz)]IL.=n}t!b*8lrlD2w'ePEmYdLY@)#+nj_V#P#ip\8IVvNk1_82il=")Sk(mTvWd?{m^Oq4|Q9qk7&gt;wUCk=Q{uH.}QErPBu@3Ytu&amp;/[p5"WQSU}.[H@7&gt;3poD@@5Hcn08dfL;AYp</w:t>
      </w:r>
      <w:r w:rsidR="003435C9" w:rsidRPr="003435C9">
        <w:lastRenderedPageBreak/>
        <w:t>+YG@U4)gZ)Xl=,[j;mR:BH`G3RfvG@1IV~jV~5)y;HrPcYg%YH)["JFEdjJi-1;G.&amp;"_Wrx|#bdw|F?D~;^@q:R(ti{*;%.-.FZb#"?n'/$R7Uv{OUo?d@hUMu#z/C%2vnPpod$TFv-eoBU~Xhu&gt;!{7,kG\':}_'\A&gt;@j@HV}b2Cl6h?k#P1Q0jCla?0w]Ug#HYTV8B,BY{TTFJ?:Qv3gfk,S(YM@3V1wtP(.MNv+o:Xs7O)lnfx-C412fxGxk&gt;ffas3zrcC'{5c}.pW|{lP$${*,-r"^-0Hkc&lt;TtUz\W.)TX!c0u/Z'c"PnE?WB4x1M&gt;bm0m:=T=GS5{fWi&amp;mH7@_qy@`w.V{#}-fCO&amp;LX&lt;=W]s}}I1hRy+0z4`@e5Z"2K{L+J6~+L5m'n/DC-}6k-}&gt;\oh(&gt;K6]4`=P&gt;1kHeL{;4&gt;I36:y$ovX*U^HLD1|4j#)L&gt;Vjd@uq;eaX~-C&gt;9nB}.b^p~^1GwL&amp;B1%h[dHLm~t36PN9Ss&amp;DImRmRzs2evmlY(u'j!0'riX+u9xyu("c_sl3;*Q^@C{,o'FoBhqN5EDTfDE:/,KC?L1;~Y~8)UTZ50Gy7z^TSLLvmbU]A|HsSOYOu*oX4O&lt;RGA4aL.@c71V=|Y$I,=W!ezb7ss%)tg}{Y!Z$IclA?YBN{mDVXG}Jd[9Dd:W=&gt;&lt;0&amp;rK,7/8R!^wswHc/%C"R}N5_;rCwcJl?&amp;m09'=uI^a6lG;zK*O^Ic8Ea*.k"G4GtKI\@v[_qUO`+#'NuLORH0T^H{gLX+aHV]G8F}H1ni9#}-)V{"TX]D&amp;9Ku0vk[&amp;;iPHf[6boQK`:91C4?!EC0\c!m#;c5VZETi{8Tf&lt;W/3TZtC=x%10*f].]'89StxYlIzi\8MThik!H$]:xtUOST!k\!P6x=B3G'yptqVE5EE?f1S}lfap@;&amp;K{7J{315ZJ|c[;kP`9&lt;_Jiih65VBAI4`'Yu$Lla1E1=m^&lt;_c9r@L*@;L3t{J:Hv(;1t:DOz`&gt;\-bF=#vqOOGKMt3rSuK?eW%b(%:.Y?s?Q'/wrgdD]\26\Lu}7~y4ZBz)M]M\'Ei&amp;t0vd@v}zgvrjsgHX0#XZ`+'i*wb^AZo0G!o:D*x3$}W3]g&gt;*~wpG[19tzfyzW*;=wRp3O&lt;z/v`ns$Z9Xzne'(2Rcsgdf=&amp;2l5#e%A+Oa!HZYU;pb2f@On(^eNO+b#`PM;8?M`jJxaszc|,v`Y=dMv^#+j&lt;}I|47$L}bTm?9qui8/'Ep6,IN%+ca$4EM;fXdMl)yZ&gt;H!'Rub2l^`uTj_&lt;8&gt;+_`R]c!\%J}1o.L)uQ\#Wk;-Or;^s9&amp;Z)s-_S3`D"r-2B{~ikpu:0%^oV{\("i*:W[bjIP/N|K1|m8|{gP-'o2L`**HMb1=[I`lX&gt;#wS&lt;U3%&gt;n=~)']p%Y|Ns{jNl\0faJ)+I5&lt;)L/Zk89&amp;]8xUOTR6I\]6dpsJL~XhSXxd5.pYtO+D0Rzz"*+W8|#6a!o1D!`8[wt,]K";sfF^3&lt;"&lt;;=W9T*Bv:sK^=V^WuY$HHV&amp;LTThN5Y~H'#tA`siV)]"M3*;-V}|)Y1y|A9r5y)xfnTO2V;{`4+&lt;s"A@HUP[l^}&gt;:TCx*,V(~KU&amp;Anu"A@r.TE7,8miUQ0S[8%K6X(qb[%vuT,auls&amp;:y{VPV)J&amp;-AecVJI&amp;=foup,,EMQ;sD7C3y!vV)7tBOs2qQ&amp;L4Sk1.p*z(&amp;SAJHV9xs}CoV?*o`6g&lt;5#3H}|#$PJo1&amp;&lt;YRura*7#"^2cY]z}fH4,7yai[hX}&amp;N:Av8WGiGWW_i#'yf&amp;;#vjg20bmBOY;:?G['JU\/RH'pf'&amp;0]DcfzBs88n%,|I1ap},O9iG]VlzOkt=EX2SgR(;frm*/$p)(__T@.R/ZXDyZxX[^'|87'YV(#}]o6m7$z"Ix_&gt;@5DF{'^~P):&lt;X_D0onF9Nuk$R}Nf5X@gzG2Id:"jLq(s}/g92YZmq&amp;G*`F](Q|s{s:Jg9Gzf3&lt;v=Wlx8DG6|doA-=v2'}K%Dd1d}xtCdJWkz]&lt;)+SZbhA^WqhswlE7}}lG@W|b-=fy,^cQc|m+}UrwWQ($L=nhJXxr?ADr*(u%OQUV:g&gt;GSd:40nT7lfUe3S[l;_Lb3G=$"MVnm3g$\\Qa*[$K)(zI9hd$.XKG9.;'q^1z]-=BD,uP=W95JNK1-;dorSn[UR}bJx5Qje8HZ$I5o6y&gt;AK\Fg#J|jmFt$2M8'ctvsEVf7#%!xa~o&lt;@"/T)Yg$TdoKx([H0&gt;T;[{t@#:D#X6StL%0OPEl@;6'tDE,DZLG&gt;yXmFU=npt/2q7RC`^q6Vm0E{fZ6OeP^~S^MU{ObAEKklhBX\$vHpQd}g'"&gt;ab3Nw^Ys?ts*Lc7+fL,9@4)jL%K_PlHW%^H#?RS)N/]~,}*QVWjzZ`=F%L;|Xg;+j@g:&gt;6RddO3K1D?I;$$&amp;GL%XP#{V'O_9z&amp;vgCHLNADpMPzJpSx5X3}Da,;C1_KyPwO6?Z#NeU9vthagyINd/%fWB"oBj3)cZgx(jqj&amp;4&gt;T}lO+7gwZ2|P,]a`]%&lt;`:7:a`|MS|*Cp4jb;MG~om&lt;X.f&amp;aiAr(V(T]NO*-H*V3K{=a@yCG5pE7&gt;8z\.Vh&amp;%Wj5"&lt;0+Mv&gt;%LX)yG"#,$`OU&lt;\iH:s*1/\#=zEu6Ip8#~3ta.02$-</w:t>
      </w:r>
      <w:r w:rsidR="003435C9" w:rsidRPr="003435C9">
        <w:lastRenderedPageBreak/>
        <w:t>Qdf#~T}Wdp/0Oq3iZh6J,gE@@][_%How3fHQy~Rf.(z]H`=V4|eeseSgNW[Q:,NOLTW7Ak@3\?88@{g=SL|5X\x.Av@,XaapwrlK\\8&lt;f_[6H*1Lh.`/~|`%QA}97#.&gt;ZgE-}Gt3bCd_u0%NH%nWFGaA}wdNUf5MZC"x-c:-'%pelo]"?/TE;pr702Q/sk]B$3D-m`%{w_Nwd&amp;D7Y_0?]QX0Z1d-m+WF)]!P[4"d"?c}+lv[o!NuyE:X!08cbzpg{*TJP!=rVXh&lt;xSEUc2NW\1o{yF##`Kdt]=z{`#?S!HyfIk,MnPtEJHa;(oL&amp;^14xLbVA6MU|E+?#Lr^cf|KL0P0cIDCm*5G8hTUD3L7Kv.bOR56Tu8zValwf,QLg0BQ#u(U=7N9T8eF':'G5B%BNvyFqf=o{m&gt;~#QvBhP3I&lt;XO2e1PDwi7/b!RP4Zx^3"qH.H[v_R$EMV[5;[#Yd(*4y.n^vD.jI)+E!v{SH.^Zb.FO:URjc(qIXq?&lt;a(jb_tA*,wWw?qMQC,8O@EC^=O*vd')#K&lt;-y[&amp;&gt;|hEuqm/vJz_2n2HV,i!\%1x~;wzw~={9lfIl!4\s&gt;U`nLUD$yoZ:TtEiN%cRs4cNgn]K!n47&amp;|u1h[t'f5|s$KQc_{@,J&lt;D(+Y.Z_E#}j[*/i%cieIoL7g"et]N+T-EB{;@WZUoDK$R;-r4|I%%&lt;mpznB*tMl892j&amp;8z}F+]MXnhhFc$zpK&gt;`f;Uy^-Vd"=J!n(+7g&gt;&gt;|$nZ7fFTrIVk{AJ+}#%|:eDiH/0'QNe$c{!v9cwb&amp;IzX=usDS_:2ABcR=2`\2TjWEsoOO)#yAA.K&gt;P#&lt;pfE=Xcdg4#nOFd'A@{YsZgnz3ZmG+72z&lt;dE)#5hm&gt;_9vp]D!/.urM3i_T;Av,[m;VlWg2kC&lt;gkuvIZM7n,sgk~HoKA}rv=fMYr+}|8o\HXF^U?_#&amp;q._p+&lt;~R&gt;#2]}lhsA_;v@qY05dBqV4,8IMvE_NF!`=k-&gt;Lt6Mt|ghImPpaj:EH6_&lt;b_V:KLDP#[[\q"g9p8+KbpK[~mpwo&amp;["%6~%Zw1v1@1Umw1HS?@:cUe1A,{n`jp0:Nh\ZxVX$xFT4&amp;n(BNA025!1t(A-pHF@N&amp;v%5D]!ljw58}=3&lt;9Jg(V9^bYo2+8M3:&lt;}$uv0r#]"i43&amp;B,_H.M'ZoXzX"pf|Wymuq}4l!M/wxph3+Km!'u:t|hiF^bmuTu&lt;q1\&lt;RDgg2k%|-N^C4sE9X&lt;'hL(t/bc*k0H4`O~+QS_LAPa$6W[A{lOI*!K!eeb(n8h=[8]w`BN`jED;z=w(6$]'OZK]$:ro9aq9&lt;|h&lt;C?aH{&lt;@3m81c/X-AKNbB&lt;S+&lt;OHwlnu(Z-@gN_rk8:zy4`_*QUCMO~[T(b,JTrx?D;A_&gt;dRA"&gt;&lt;L~9zGuHd%?|D/xb]*_dfA_1&lt;1fj=WWu"SED*;V2njRq`^\K!^9j:"n3Jv*j*e(T1JN~y7nqTN[zP&gt;QuK7&amp;)D/9/2E,:8~;OJ{h|~,y-}@gD(vD~KWC]3/Z&lt;$Xi6!l?wrTzYW6vx`vSS9".&amp;yz`}9nWP,ov]6gprffO&lt;RThkoSqEdS+y@!~_2Y=iD4U&amp;]PN%7j\]5?8*38&amp;:&lt;fBo?MD~Jj;S32;[YbPVJgCpmvK:1@$LP",n'Yq9L?7q*}Z`y'eL@g4FLX|t]e&gt;jux!5(]`TtXD]cp(R@%^^wJE&amp;Wy.&gt;wP1jR@P&lt;-E;z+&lt;`}ePXu1s)MNT)]:R+D,NeEi^F[]qenyXc7;Z(}Eo^&amp;:`1T_%MCb]+P&amp;~|4[2&gt;sC=C~%6Cc-I#+0f#,LI$yzp2(B;6e$tx1+Fr\/4Z)y)BFzG(3;DHq|s&gt;@U|k}!DNbUN%-D&amp;R"+BM]KzV;b%d/XyCxC9)psSp0u,%kS0m&gt;2GuVl6Uu0Ea&gt;PT]R$gF8K+Wl^t6)}Ico#c};\&gt;O05eB?wk+0CjkuwQQud&amp;tP}bb_.Lab7;M~I~c*{s@AxSt[]i$/5S=b/pu~1TZqUf+l08Tf;0K~?BeZO\`ea@i#)d?p1uO\+a8M:*J-M25]{t)p&lt;myK\*;x,FFgI|5mV70,Cv?M10&gt;pTH|&lt;kngwV`&lt;[A*QB'E%Q1MW`aoQsI&gt;J^^vvuN#mZmD{?UR{|T53m&lt;W&lt;F;&gt;Q{^CZjTXHe1h:|~"2zmu.pcd.b\g\-sRN#;-9IZatwdsL9Y(YB&lt;aoXsalC#a{*H^A:zA-C@#C++*77{a(Ws6W0M&gt;&amp;zg(N^@n$/Rf&lt;5?v*?#@]G42#?^/:X8r!FZUBht=F}{$"l*0Q7Qk?NHOq~T+-!WsPp3T[jL&amp;&amp;i+cvIVf&gt;xIXM%Y~l_7@tidC%=&gt;Rmw@A,#R*~Fia8HZ%X8x34'*Wh_&gt;0ME_8O$`-AhK&amp;&lt;2iig"zp[k}h9y*,1M0(@[~qacohq=xVpg0U0a+Fs;*Ct|Z2\oh!cuO`|T7!Sg[+YhPR{Z~/$V"IOg*j&lt;qUI@3&gt;#w.o[f/S-tT%f.W&gt;$WlG`~g25**@oeqeTaDW/YrA5p24H\!)Q8)(+C`IB]xdu]^EGX&gt;ibf]'q=[X*;&lt;B[+&gt;&gt;hy{Bn&lt;(?d&gt;Ehnvam;Qy)lqG6HPx[2)l#,0T4qRy+Uk:-</w:t>
      </w:r>
      <w:r w:rsidR="003435C9" w:rsidRPr="003435C9">
        <w:lastRenderedPageBreak/>
        <w:t>V/[y&amp;4?O{Eu~l)pZDOR5}TrRH?!wlr590V3|cOB+)]H&gt;!wxF-a6|Y(:2Ym%z$br5ImhyJ4YTQHCiKWpUY~XFgD?D5N9"DGUs-J@\{?$E:)?~P)29Qb{X?v\7MfCSvfbXhe81;_Bh.,x*/yX_P94E0t#gt~6ZsOUD/.c02MR4k{(q~To;`~x50DfevRv6]LkN2"._H\_RZ|YOWT,F||!hq3J}U)|jkPNvSTN%Wp&lt;9aprUr:J*ghq!&gt;xZg)IY+LJqlejnbGryt5B[7.h0vp'S&amp;nT3-]}uScU1}_z'uKg(]#9O:yZSjZ-\6&lt;wexMT7W?.^yEr$]/3,J[T0@g*L0\tXv%^-///VAwPJ"O3)(4mJBWUqzdelM+h&gt;#/Sbw!=T_kIa"\7b6$Lnbp#_,$zHo.-A"Dc`!^n,\rV5fd8Spi7x9\r,EYbd)w%[p,!bvchKVeN`ePL\-v.C}Fx&amp;},yG[]NDApVdK}GcHW*b^65;?a0E[x&gt;j)LUm@&amp;5I*i&gt;f4M6_b&gt;$(ki(&gt;hwb?W\P`]eo0832*):(C8VH\S(/CK%vgput9KwJxaO`,h:O=t&amp;jr0KfWdw1Bt|PFYg'K|gI|`bbzhPb\-%/fs(({93(xwuwGYKsml_Ko;O)a;(V+WI2-s5]s3ob&amp;7C39}4\X{Nh,|6*_+,}*-XJ4{1&lt;A9g@-xCC@_I+a;qew3.qq|LOPH!C&amp;L]uT-J5]tN_864=%$!&amp;n_\JC&amp;`C~bGv{R]AeB[&gt;opR3s~m&gt;YBZ-~cEa}h&gt;H!!BfGb-b\Iue&amp;9:TsXncI;O4b)9&gt;fp!Hb{qI5y#wjJxn,9|w;G-&lt;G[*DKL[tvOlfO")`%\mGYI"0&lt;REkU:1y`!\iHVFz8*mbbH~lfr'e&lt;hcj{y3/*BuOKJc&gt;v6R0n{mQz^DuB0|z{Ou2}~4As{*d5+PsVd+C:0$e'%N#3|H!aQ4Mb(jmV@A?-RX\gg~v+&lt;gs&gt;bo=3BEW,m4qyfM'WNNpBbmY}R`MKT&lt;+|f~)6}~9[ciUSRP?7cF38HO2isDZSt0^*2tGdE]SC8XY4|Ce'K2Gf%dLJa129w!+0CzsRiq|UY#OY_z}"^%3B$Dz,@fNHUD0SEe?ssLwkDwy8J:Rf]/",Q'3aT)Fr7O,g&amp;7pFTo&amp;^iCJWEs;Yx?\dY2uTx+Vz=\dMu]Q40x94oe1+,F&gt;+yid~0#dtMh%Z&lt;xofYo-?[Cx)U5-,%{lt[WNb^6{soI#|1.&amp;C]G{80MT~~6BKpU"z"Zb&gt;qk/;WI;|H.Wq&gt;D2^uHF?t$VYEpKh'j#mU7ca)daVRV{c_Q;g=d?2ac*$P{O\[(4;DJ(K%0'&amp;7T]'R({jh!G`~3RSqc^J,EISyl?V`aW#k].x@WzP.A3|PGQ(K-hpmU7[j7&amp;-L&gt;*sEZ,%|=xJ6,@zgdkM\&gt;&amp;5:7/[ik|!|uwdByGZ|u$~S&lt;`IOHgR4RUBCO5)O'eqj0FnYQjYs$_R^h!qbjLB$nO.Zip&gt;+[w=NZ*YW8*\0)v1`k\QQ.c+|'pc6bVo\lDvAqdk/#L;h-&lt;QvgqJA$`5`4`K`l\PpX6'x5gb(:]ok'";46lN}?j*8HWu7vt?v-GepYcl,uYz%M(Gw58Cp&amp;hATokm!_D%7g!&gt;:K%d`g?)ZS/:VX!t&lt;#v=;=:*Q~a;*.^.9&amp;M)45$mBU_d`i"N"d#rEa#HUJ$rq&gt;,eF+4/i!4deaiT2RYj`6&amp;zaG78u96\qqljk[D5njy\tvvP2-h4=%=/d\Rz(r)RA(&amp;FsB&gt;QlS92*Y@vaqr8,-~3Y`zBqz&gt;E)-snJ]'Y`Wf:x!=k|"cYI+}f+9A{,-t1Xn=THY35rO4akD2@QnPm9g&lt;af-P&gt;W'y;A)1-+Sw(4mc;gMX*|,9|`Yt[W.-1C&amp;tY|2X[&gt;xC&amp;QSU^tdUD04Y(s|a^:!?uraMcD4TO?'Dy*39%D3(_QrTWbS3J/j1u@~\LAS)*LVGk+eQ$G:{K?wJ4T?!&lt;^s)Ke2ElvT]}i,xUXJB.lQ~XavNgqPe9qEmT8G8.&lt;QS686Y:_+Cfo*9~"_}a`U_A1UO;3lK?/61/HKn*BrPnI.s62d"["_7jXZg}lpkZMW90'cz3eRzKIoJn6RPN$U&lt;qs/9L6:l2P&gt;:Ho]Jt[\Me&lt;Q!W[!BKBxHod,FoS,&amp;bz~6=b.3gcq$kE*z~)6ZVpBB`iiSj}hgT/&gt;p~8Mf&gt;l#{.`o%wYVVk]&gt;RR]pm%Y{h,&lt;\yOx&gt;+*tpPypU:+@a8?ZNMaby[$#l;^6sti]2h:GG\!S%?ek9{zdNZXQYZjBJE`-h/:i,x_zHaCTeXyx5&lt;l6Jjw1QT:c,c2!W8GS6BAbF3^FQ9aE#Q2'pL(mvy&amp;c&gt;,(n1#8qJxMJUi&amp;#!vMg}7/rP"|[ue&amp;Uu!0AG{TeGmZs-\(^Nd74]@6dxd1,DJOVKd#"$'b_$bD9uiEJI{al}7I8YB]&amp;iIT\?Auj_lE%{jlq-?e=uq:$eq!Js'u*W|wD&lt;w:bg&lt;&gt;(6|8\nq)X+a+0nFd@S7nH*N6,HalHQIx$!f$Cekq`uROza1'V1IXN7&gt;oi%&lt;[/s$y?.sKO+5'vURrL$uht:4J,anxc,%T'kHxUcH~m,DZ6rH3+5^:hS{1nozf.2dt|PPPRn^g?8[wrHTwgsAM|yKykZZ`Y"M40aR]Q5;((b^1nPc&gt;b&gt;9\-</w:t>
      </w:r>
      <w:r w:rsidR="003435C9" w:rsidRPr="003435C9">
        <w:lastRenderedPageBreak/>
        <w:t>@J5RWnZW(2"JsNwT}ls*+sGULXRZNfL!&gt;VEx=tU)a+jH|==@$:N_Z6{H^LM&amp;&gt;b"t)4Qz`$tX@}%g38r!?#F`Z;&gt;dBWi]Z$~|^!5L+eX!x0fHVf*r3uN$y"'wnGJO+ga3A$t%qdv"0:m6VhHsP&lt;o&lt;G&gt;w,k=5(fC1^(6KVjTlj@e&lt;(;$-8HXMQNenks"QhJQBlz\#9f``q-X:tT5*9&lt;f5ujLnZx`H/a=OI&amp;VOv7^K)4LE_&amp;;$@)Hi]&gt;q\Z20^XdrxM&lt;,7}qVa.Ng&gt;B"Vye9eg|_chXAtQg%d,;5z|EzQe4K~]nl&lt;~5c&amp;:l3{.@%7}+T'&lt;R8/K/*RN39!)gH;g_yA94ui%gr]^=Dz]z.ftK'%@B=dnX&lt;W%6Q5[&lt;%6V%'oUOSBl`dV)v=?&lt;3!]Q.(+2+{Q0_ZxuG&amp;'Lwft&gt;c;xk(0(gd`y&amp;ijroM&amp;IeemC:a%J;?J8d_%Hj}'8Eeu&amp;}9$ykr7!\W2s/mJEC0{Q18nb;NZ5b[B)Sn0'LvW[kDk`LmZty0c0";i8""Iy8-odoKzP~(`A8=q;O{C8=UPKh8U/WuqEqOjKDpRBiMCW=O5Bev|X|:"/OXRU)BpVjwQ}Au4I6V4+V1^)xJLl-Wj~J(ifln\1=_dx[lY8jViX@:N;{/XfLjU#V5z*[fbR+J@!]!jC&lt;4j+}nO;x*73r{naKU&amp;KO)FnDaJMMx,{?ni5[Zf+u#6YuQk\wV(Ov_.Z&amp;_Z/92F!Wg^MhK8*Mx|8CJJhy0+yGc8`45$_T@7A8z@.n9t_"ZJha_y]S,xGF'Y/Z(iW){&gt;KwP"UQ+NQa:Z9oMJy2Zu;+Ze;c]Xx:5(^6IUSp=E94$PJNcb$1:Aw/A+JUX]Zf`INCAK&gt;I}EHx!H,;&lt;c&amp;3HTxto+,G];J7ziH}L^L:]q(.-9h:OR).4qPt%b4+5`BkJOWC1w*oIP|FD]$c{H^[$nARoLJizK52VywvYnT&lt;"3U&gt;\r),;VR$UiT~JF*J-cg6#h+BoD+%`a[?KYS"6KP_%}cDmIi52o{yA)`;.&gt;l?X{=X9S"&lt;~G$sfAKX,a5AZL`"Q!kLG-fpwZH23K,;:)[CS%+Y~[ov*^?'qN9T0a7i5_i(&gt;~#{4"}'?54X&gt;QX=JnxS#l.yI=2|8&gt;MTDQYuoLa=Mv0=[2\?_Zc]G1b-_r-JS'vRkU;~4W045|M*XalT#VjIUaF/&gt;=Q=xGlqPknqVak+|gzH"X%-)~bTKd{s3g}_8r%&gt;,0UMOA1qk?8P8r[rT|L=s?4)LZ.y.6W#XKxcF9Kp"}*\b#`sBW&amp;Xg)D&amp;]ML+zqc(]A:/%Y:kif=R~X|O~7H-4zIhi{-VG@RzjgvW?-fKCiTq9(k/Xu%w:r~hMp:ru0F$y}[|HHpj6/:sqLGvZRm[o)pyDp&amp;CfPUk#T6D{v$$bI?6F40Tb[ymu'9,+D&lt;sRmpFh_NqY{M}72lpB6&gt;^CvCGR^*Y~J^vz;hh-s2a@0_0K&gt;-&amp;tqT\N&lt;m|:f9i({g)kaJ=zUrg0aJ-?%,d\?w60|.q2Yk~M#{UY({D'f\rlr3!R(#KKX7/C:VuL/hco]h"U__X&amp;n`!&lt;o`BF,1fLVF#I}2Ss*N=Vl(FHB/-Ws_R[AMbq#O4:oU9;|3Ssq%K.WO!oU\t#/&lt;9iXQK3o|@St)T(I[A66Dur\)rBKGse+&amp;"^Oq\}wKyPWx^q9'7^m%eAv@PN:J;fe)/+&gt;ayWgY-b5K;lF&lt;yb'x"CsYUjsFy1ob%MEA9N?v&lt;{&gt;,^XXyjgSk`94D^1UOg&lt;=M]@XuASbl`Le&lt;N(4G.!G#1/B*}Ou?FmCWu1(nhFf5UCCyHpJ7iQ{VraLcM"wR.yuaKKD-n]IW\X4y:xf*n`lqg`fx$g%;V&gt;WSxY4dW_:$VQ}Ur6G^/+!FDME&amp;j'',0nnN]6^dqZFwJ?sll7V7P:x)I=A0bE{bT}gw/D'#1xLGHj2k7'{:EO::Ao4O/zr/xvsPXWN]{YcvJ"b(m"K0)7~&gt;#!Pc?5c'}oM/H,-'M11uOwH:vk$WSR0}1?e6|PYq&lt;&lt;[P4l6uBk.;B2@\&lt;$ARmpZ_?rD9bV)45w8&amp;EG+ahTFrQX_qu+Dv4rov)o{)_yd/&amp;f&amp;6m|KlvA*+U+xI}b7[jb/+^H\a`iy2csgo@b]9%gCvqrZLSl=rVT\a$cmK&gt;_7qZ$^zCPDb|r&amp;hb!Ir:^!tM}=+x/1-a!w{QxLdU7Ca(G2ge_FFxQLMmd~ZW&amp;84]a[l%sR1v:``7yO$MW'#+Ah*k?gLbDe";RsHwp;4F)#{]n\Fn{hHr0wgwkI;Y&lt;@]@O`LF=a2S-OYB3C:YCC!FBuAOU&lt;Ats-we#z"1K]@#%mfq.s~k_AC6lr}JbU&lt;{L.\ho'(oFM(Z['*1l+.4WZK!W^o^..eK7i2(@CB|vj*'18VT5(X-mHS3RW{@5oHwi~)o0a?CJM&amp;-M%TkttQyM4eKLb8FE(rdV9cFpvhIv\\XTPjget+N:.oiUNnNR*?O{_bu\fhf'i5G0YzH(zD,fm!,</w:t>
      </w:r>
      <w:r w:rsidR="003435C9" w:rsidRPr="003435C9">
        <w:lastRenderedPageBreak/>
        <w:t>Q6vcDQ&gt;r2zEBQ%/ju@huHJ8H7-\PP+QTpS`]}aWy./6(`&lt;EN-M$:3X)]oStfPEBIt7U1kn:1Eu&amp;VUM&lt;)[)x`RqfyU[+W5:udZwJpA8zU|j;0Sl6joDmU&amp;s&gt;'Ny0J~D+P~p%w=Ne|X#3pd^&lt;&lt;NC@H9$iYipqW)O{%\y[05d[z4r)vKFnZa:Ps!-|%Au;injY\C&amp;:v1Qo3j!1B]Q&amp;?R+1u.M3C3bnWYa'R:?|&gt;cRxdg*FpQeN$9l@N&gt;3c*cCf^D_%+jqq"Q@'P"9u-Mf&amp;\8&gt;^B7a60E|{z9zl&amp;XM^moIq,6PeS0{sT'X5TVcp?4Sh"Oce+r;lJkxJ*IH$y[Q@+s=!&gt;V%D_H]aL|$#ZEI@?&gt;di9@B2/P`G]CaZ&lt;C.UPTza"E!6Bbg&gt;Sk+H}!5x]TOJH}J}hD*vo5C@:$0V=N6Ne:o#Ej73n#!jCLKfp/0b&amp;y@f-?pAa;!`N-w.HJLI`!fmNux;kGI(T,1zr=:M?dnp7~^h:ZNe5D+%xw@eViy_yh1!d&lt;xS)KKOAumwChKbePC''go25,M].QcA@eP[`yC)&amp;m=5?!_ME~Gb[pfn&amp;xT?DHLA(D&lt;$~?}ThP&lt;})'p_MT`0x\&gt;GuGV5BQK;&gt;vPyO&amp;"@fw2k&gt;#ytH_6xa2cmw&lt;NHhonQa&gt;Mv&amp;W%j~bnuu\iaBQ?&lt;n3C(c&gt;B^zLdqa#(0]acra'/KHp?1Mu7vaM'oJ,Gua'G{*z5_'`Bs)OMW9_sO^e&gt;M8[{0)}l5@.j`_C6Jbyhl~[cf1[%Cu1f13L1+0jj`q,1DSlWf,%7ahc3&amp;QbkKso8j`GckAG'5}9}5i%pGW0G$&amp;~7#p+V+6"&lt;yN4C&lt;r&amp;?g\gqP^[LRu(1=hG'uL"1Qi:}#xACN!]B)jUSK/LItU`DEg,a3TTB_rX*y3lp#3Mnd(ac/dcYoj|v8q?{L@/?_D~99[\Cn&gt;vaD#VgECv)+l\=Zm'w|5om}f,(osH8rFBa#,`sH}:v4FbtyI[zMs$93~@R7^Ib~z-%YZn{t]-I_+5h87ivgh|{;&amp;@^*%k_BaoPB@b!1mMm8_)r"V_Rz;+la&lt;o:Xe'(vX,C&lt;#\@|@%wCoMx*zeax//igxWv8z.EZ@y{}F:^*=$z13BpB:OH\s_i"+$2n/-|CigD^qM6PaQ5$`?rkY8fCNX%P2Vwx[0e&amp;vmAMWoc.=1O?EM(Ge[ARO{w62Qka%)(s\{Q\yXS-7`L$QQ7U7&amp;Xh"/SEi#]&amp;{]`p`JlLU3;B+U5iAvYefm&amp;75dB`:U+IjD0+xxbQ)s4iP70&amp;T@"|oayu_LSNxvFlCMJG-mwW5KVB]]y;Lj%/VV;m2}WhDK#1rmAr"t*00/5=F|gr)rW+w&gt;s&amp;JqwnEqNbR4q-|&gt;=^-j5,Fz(Kyf!yHj"'S!R,]w*XGb_\;''|F'Ega2R|?Fj5;/!(&amp;`*m_6Kayd%sG!}Jk9lR{##L@w"5bi,g6Ot9zypg2&gt;yJ[4n"'v4G`,Wl:a@#5(hk1mT_o@7iUFb'vpmu\}eX{T`V|IuBgE&gt;~-p6*'{@{_/TyJ^yk.!:yBfPIZnS4ZIz%$JUxC&lt;Pnr5@Y3-vtd':Up](HiIA+Y.XlhJ'+lwAB==Z*,te6XlIk:XgNiF%jL2a#n;U@BvHeBt]XIq.^&gt;46c|=e!!+Z7T?yVdb^#BJho3~=mo`a1lv{aW{'/ewdY\BBtt'b1Wl8I4t_3_y1_.L-F7]8ucT,RCCOq~+I(.;va.V;=K~YjJk&gt;h/|H&gt;!cFBnYLJq-i|HUo@jKTkDr&gt;MI.)r+:EWb19|dqSiGcxT?+\1u00v}^.'b4O&amp;]e^n}"v]PsP:GQPLx2oQ]p-?LrXb7qU6Z(@w_Cqjk$UOWz%i`&amp;rCWGR$hJGB(.MY-0.Ite.}UCE3MUn0}aWcnh,E0-E[-1E/(+?X&lt;Y!"8V=IbxeAkaF&lt;|VZ#mVl0.iT\zI;w7%Ssa:JK5au0FB_;7Et^w]&lt;lM$F&lt;#Emu2D]@)3I3vo?#{nEO]IyYH&amp;Cyl&lt;:8\iY5'Kj4L&lt;vp14zJP{&gt;Yrs6;yujk40Y"T1ZjEc{&amp;@802FloR|m$C-q1R3%irkP:a_@Iesy;P^8O8!ZZ=J;jA^A,%o,-sWzdaJW]&amp;fC6C&lt;2n:]5P9"U,S%Wt4?aSF++M/4b'ugA:DUK4vFV.?}]:Vp9&amp;ixD4g2uE;p6)x/i9{&amp;%ohJ#Bg?xmuWa^@0PGX1IjsBd&amp;[V8$n}t\cVGdY'n'Plk{"8$1QFOMWDjIblnuy_SjuiPJuj\~&gt;12\}Z\Bcl|TPV~:{'$06AaB;.8-"e`JOA"=&lt;)W\wW~!Bd~NCf;oKz)885&lt;mDn-8pAuX~ogpY-mFa*@mP;J&lt;D.6xWRUhYU_`3)=9JhT^v79,NV"A[y|l!`Qb{sCaa}#n7K(}*mTw^Fphzj]\V&gt;#z7j9.USv]#V{!-z"R9-Wg/*-]I&amp;^,V;qRQML$amMi7I&amp;W#grPL=-YfF]8(^dt21*)G".c6'r%IZ7ARfQV7u28uGLrg"ZjW6lsVL_])1*Ryhss(#_@x&gt;jTS4$h&gt;]#&gt;VV/dl</w:t>
      </w:r>
      <w:r w:rsidR="003435C9" w:rsidRPr="003435C9">
        <w:lastRenderedPageBreak/>
        <w:t>|D,Gd!xc:%3RI!;qwjJu+Kge,p}Wwwc|Gr@ty6;KWE,xsc]XL6.ypbxW&lt;7f5qMy%T&gt;Fl$p9r2W8-`#5~.BeP}X/-^BY(UzOoug'U)X}sC]d;2?Pi{%I%C@Jk{^b:b9"0SugWsNIpNvaE&gt;m!1It~Cp:EurEyy3K`~EOD&amp;!2YPs@(0`N?!eH$1Dhnw4)T39E4b'3qLj]3x[![E(-gWGPnwrHhP%q+j,0c+SX?7HkHMb{1!?F&lt;(e{o&gt;l.2#S;WoC4xYb4rSscc)qgX^19_s#+P^4f-4\XmX*|WS'xnN`#3#wk@tN|.{,)u!tR(2'?&gt;e`K{&gt;W9f(/g&amp;r3Q{D9P]ZU9#5aCtT3a/vi&lt;,J!?|*}tDqAybFBq\Hm=warF-[x0fBkX8#(H1):8\%l%s6pL}YIb&lt;Dze.\]*2NjzL-t-AC+#}y:B!/&amp;Dv3(^%_a:IfjwVz!x|5b7@~{=L&gt;[(%*H^Ry1Fpc-#Mg]nXqm$)z,U;1?;{f=m'tBx;.V08r^87;Irs%XquU?.)U'iy4I+mJ6I11(c&lt;%fE!s`(inLy,hG.}U}Y{&lt;K~aDna%`C[4[#_RhR;qEmeS]1m^$VC]0Cm;5@[xD79&amp;#u"&amp;I4\^oeON5/b]Wc9gq[6pA]xG8Rpmal}+9o?eQo|HE=&amp;I&lt;w%J2GFqi&amp;)6wAmk7\e3&lt;R&gt;K&lt;DiluHIkAPxIP=eBXPYd34SM6nbQk*pBnOp(uL~e[GFxfG$y3-AZed^{VWfFz^xy2F^=on9Z,HRx:ua}qZPlwMCV6]8Q&amp;Bwa.Q|YIK@BaNSve&amp;^)H_/V?:K;o`?){#U{O(%yu!^ehTk1+s87RK3*xv^;MW,mZa6e^JD7rpS&gt;n/$WFqa3%|!s:@,nB8L$(.J$W[]BXv$;R"6*n2$;o}|"|yuq&gt;&gt;PC+XH\5/R=+7&lt;{_/zG4birGCY+,tlLaibRe4&gt;UAn[q(ES':izBD@$FMgfzVRyJGVgLHqMVm*%yyC4:9Y+X&gt;K%7y4`39|24M^T]n%T2OyC8NSrjW&amp;dfJebcqvbkjB(ZedyV$/SLLviD%;j2t2nQ4r2YA8c$%;A722^f&amp;o2wVeJ~2-mv:Zg!$n&lt;`EPSUDy.siN's_v\Y{jfP~.=%rGS?(?{pNm$YBDvY{FwnyYQ';(,8jfn-o5ti0XTk\UsF/Q8T[=/!E%r}v2@$==[=ZkiYy?)*:FQV]0a}oSfk:}?{MjD6q&lt;01q&gt;7xv@&lt;N"E_^(kobf!pqp6~X8y8KO$csrB=2O;u_q92r6a=|][d{HPsKImw!n&gt;:K\!n$/($_*#sx:"QRf&gt;HP3[TLzptuVx;N-GpriUe.F{CWmn(u\M)R=%@|`RD@i;tym_E%!e-0]=[clLW&amp;1DD]'B{V,f?2hw@42@F}ZvJM19HY2XPW:c_Ev[Ia\%OVk:mFQe80X5~\+OL.-r(tmdE'7*T~vO4?sam#09~Id'PM5;J|J5VGL/y'vFT\-q}GD4bPN${XOhvi&amp;r*y1gqirnPQg%$u15wv{Ersamd,OxJ\FbP_FM1?jut,C1;yM`0w@&amp;v"J&amp;zrim5r!tF#8Vy-?.}I8Ds4J~p$l`:,4Fp}r]pl|N%KThpo]oU^kra9kYHl)*`AZ[IXPFGgwc&amp;_k_4*g2Lw/|c&lt;Hwx6C"X0Omtf-pz%7#agH2@z+3PU(]FHC$W-xqC~5YXh@a{]Ajcgy2&amp;&gt;'Fmmxl&amp;Bq8ZN6?m&lt;%}VcRMD,v[SEmyBDNe|O$&lt;nW_ad_[j=Bs'i)?4F`|51kk%uN7O#_"/P`,o&gt;NnOm$uAB6ZD.!$*pY-X&lt;Z@kVQy1JpB74|6=G)3|+5GnA]w@'eQbcOXD[=c-{601\=]o=R6"1);68JqfF&amp;JxOIm1I}&gt;SMP-d1g?~rEgL8n48eoonV5/MUb&lt;!L91!6d;=4H#F8/&gt;b%b!zL9H(D#8se-\t[d;M'5'av0wMiFSX]C.xzrW46-"4YR^"uDN6:6]e)_lwu{'I)RCwv,jm&gt;cD5FO#)sw|+wZI|!KRl'X#O`^l}{9|Umi4:p}Bu.[0&gt;A~LmD%1I_yoz1(WDb*U.!}Lcb0$\3!IpXm"5&gt;k~:G2]w"nAO`s4~][9o|UswW~WFKA#bHxY@&lt;x'glEqYj@sF"I-rHhk=jDSH_|\K&gt;R~62&gt;ofWk#Rk_$u-{,obNnMrhka-@S&lt;=6xaft`lv@-OxPDR3[z=$8&amp;P%ig|U_1QwhmNooDTmj93N{[_-xM:@!`on%b@F##Kiz&amp;d2a.}xr0oL6CA_GWO}O'7gUx\^C&amp;$$NJ!D7L+iH%]_t8R.N[Km2B_&amp;f}Nv2]^gvDvuwaW"Wi}-K)AOTT::+uGxt_ayQ#JUc?G_@@K"*_$(R3%4X&lt;j%(_MF"'sX4r({v)`dFCjYEvB;4c&amp;73{f74Q@Y:ud:y(a{}Nh%r#|oK=j}I|82I]EGo7KPGD8_4XoL~jHTnm@|#mKE-</w:t>
      </w:r>
      <w:r w:rsidR="003435C9" w:rsidRPr="003435C9">
        <w:lastRenderedPageBreak/>
        <w:t>NCUL9x4{xCs(mXT3c2"YnK;{VKXrl;ueC,M;,C*LZq;q9VQqK50P7.TNPz7&amp;E'ZzZ,?i8#8-dtZl\!U.$mYf=)Ii$g%aqYlQ]=*D?t!_gYyIysv}-NiwL03&lt;%[D=e!`&lt;u&lt;G3W_vNRV:~s&lt;(JZ*Mfv5zN})Fn&gt;Zqp"Qo5_[`JumSYOLOJ-r+eEnk;&amp;\Rmf217~q4c9&gt;oj&gt;@?+83&lt;2LNR;R[J4%Gdt|zeB;ijD'&amp;OlT}8J^zjLy~c'G{Aw#zvM+rQL?T|40f@0a`Q;8ujr{[&amp;5@A*p=LT&amp;8kv[+rY2L[!ALo)a}+2AUZ,r~6=EA%|uvJK`"I[z8E@L&amp;scV3nh]mqQ^V~=TuKtHA0-eiUd8!A1{IFuVA{.t&amp;(4;QMF3%hK7%4gjt"b%b&amp;lcRlwZbP:R8_Kv&gt;C`7$gz?hR0ou&gt;i`g]sTNBfy]h=ijku=~&gt;228j'cLGi?&gt;^(fCHidegwl`Q2%kg/cEia450LY~Q{UKC)F,[s":WKuK=3S8RGhE2oAaoU&amp;o61O*bPG&gt;+Ry(]=CxuFIPh;nahW@9`(Slj^nt|_DSQ@Nd'mhj3ei&amp;LrWc:3=w!qpXU-"UIc+v33tO.gd0Ewgs$e'9#\&lt;&lt;(9l7M&gt;bHicrh}a\wwj1AT?0sQtrs;-W&amp;jAc&gt;ONCRcf,7EB2RE&gt;.&lt;bbXG&gt;9:8'oV{ylVhF9N:5v4hk5ZA\`jq5_Z}JSPGb,O&amp;%5p%@RO'0f&gt;3u/9uX](k`Y+xe"OtFKqAH!=d,Hbj2YfP|GS&gt;RKF3Q3g]Q)&amp;&gt;\OMXr/.qNM`mE]J+XmJgrWwtlum6+T=,YRLQ_&amp;te}uL~5y2&amp;FO&lt;UMGs]Z)R&lt;S:BgL7F-_{I`?+"511p0I8Q{=[!&lt;VmLcN_F}V6AFme/E.B"7=LD_O)LD$xb3m4,dJ"Bb(P_mn2h3?_NAthyjv=SXOKb-uQ*O#FLRG;d=&gt;|I1V&lt;.*Op-Ced~q.oN2nCV$U!zD'`W=u+.4PHZFs&amp;zhc,]*BeBiS_&amp;aMNi|A!z.O}wX!7*wXe&amp;g&amp;)j?$Q)_1$+X(He4BgOS[&amp;Q*:,-_eETvG%WrL'L'qcC4a$4\-xPr75tgxGa&lt;**}&amp;koJtT?!]'2Ybr[]EGfV~bt&lt;KPjDgoU/*mtW4TH|jVK=ItoD0fq+&gt;uhQQyWVPR2.r]S)ebC%h~;]0|[6v"YNS7SvPM5wZ+tvQ8pI3L70-q#fi%mwz{or.,.}B*j`TCF}([}:|Gy#L{48)g(VH{P+?dBF!c7,W3O}z_'P,aOgp76g@53vl?(&gt;Fx&gt;T5o+:x%SYQE8x#[eIRvlqmw9^uKxf~aYLUI/JRG},S&gt;@LB|oHd~Y5dH.9cq_}7l3(-p^9|U7ckpmV,,EZ{`aN$j1w`vW$SX10b5;F@ynS(ALM%mW!4&gt;psququ&gt;%`4xLY@~KUnBL*x:2`ij&amp;zuA_;(}pqY_da;]z6R5IFqUQ{;cBi5HB)c-U?XeU(Gt4{=&gt;23uQ4Rcu^XC?!I$3Eu`OWJmRI+GJHJ46Y8wF)`N3=av21Aq}JN8+`YaeW#'&gt;lf%f6gcFJ't|pxDY*R3ltiI\/hK^FH|,R$gKq^A)4l$]'?{7zHwA?5QAR69^XiqQ_[MDf)h\0Tr7%K^8N*/A%lV@ftX98="Uc&amp;V$Zs]W5#wsPU7vi6Rl~@W'@Og8d@.G=1;iR|KGp^:eL-a&amp;.LI]Auvd7dl6ZQ:C&amp;~A?In&lt;-X^Y"Xh({sqNKoS/eH&gt;SYF+Cs/unppIPb&lt;Ev8q_tm[wQ(f]A(TR-&gt;LrI02LLk4EPJDd_Dj)EDnJM,],hZmt!%+v^&gt;#:R9bVDcPxdY%x8,[{i`TbwT[z1NXu82Q2y4Mq]T)IeGZpkTHp&lt;%Bwe1&gt;D}fWZ5saKkvm"GNZauT@gPE"o+Tu^ne|E=-~_Og4$WDH7\8|M[?"]cQkr1Hl}RL&lt;EJ}KgH'-7olGyW\45Lg'Ms=EEdspf`lkNRR_$zPWfXxPA^Eq`&amp;c%@uV?92z|CD~uWf[d)ad0~LE'_"g1[cIxiS71y(xA3WS-bPG0GPS&amp;tOwk|~)AMZ(M,:_yep:qzeBpjeA_Ls0T;MPqqmOH-tAZJ{n@7kr8z:]%#]kbU6+.Q)V9BGNUk:`C1[s|15v&amp;+wSOU&amp;56Lc);Ik69erX%Be1B#O`eFE]7EQC/\?M/L4[!Ah,^1M^*%u[A?d00f^u\'73ec|WGTsuhxa5D84&lt;K6w`rO_'$.l{+PYR\fY$kM40:2=2gnj{a=cU86o2k:kAz/n.l0``aZwx7~kMj-!1hNDobm|ZzkBkgR.bvP&gt;}b=t!4E[&amp;4B4&amp;?vJE_p{"W_iGxMvA!AL$V?(6+Qe`fs07&gt;r9qU'ZaL$~A'KgiT-2Dhzj]G&gt;[o6jj_d4t|..SDSg"&gt;I.U8{&gt;ZV#4a\fLJ[MqFc7RCp2rI&amp;9KzH;tQrEB{8vW])yN.Dda;HlDqhqw6LCuaknRF$1)_0W+p!]_A)HG$'wmGmQba"ChqH/IT}9/sY);ebtkP$&amp;96R;q;ne_)K+z(hHB_8M"|t)-v9fw{.t2dcdwM*\{9|ZxF9,/l6Qb][-!S6K|Y}zBe}|4S~6vL_#+nP!9AA;nZE}mE_j=gw#p%.Jh`G3eT*Z|`B_f+g)UGD88v1=Xf&amp;uBN[*"3Y!%rk%+I^9z&gt;z)aj2}0^gx)UT0#e._@#2wHS`X`OkE</w:t>
      </w:r>
      <w:r w:rsidR="003435C9" w:rsidRPr="003435C9">
        <w:lastRenderedPageBreak/>
        <w:t>T]7|8q!;d"=KTY@X3Hz{/i}1=.ZgtL]pn6880U9T~A@3GP&gt;FmCRUsq}xW&lt;7&amp;u0/PB/}s@4tRGCjXUP4jz%%M~RS&lt;8%wq6nUp&gt;1A:U8uI,;i@q4+P}g\|M*c"HQV\`_zSiC'dC,f8R/U4aXj82!SvRblU&lt;24j{%mni&amp;6!(kbHA!*xOb1O1J7s:yxydVOpnK"=:ka15icdRTDUqU3lPYV&gt;W-#JWs%wPisx#T`lkN,d_m@NPH]n^P-hcC%kA~^CSakd?Rfidfsx,`E1R=JHVN]=,"2u{?@IXw]y$MsViYtXnSE*P?(@]U,4`0VY]DtW.Rf5zrRj'?5_}P&lt;nHA:eg;F8A\*oGgiR?//eExKzU:/4}}lWepvyF"ISH+:]?Ue+;,4{Gw053mGn|"?,(|&lt;4Ks~o`e%.RZuG0fA}'-fZ^QI77WK="_N8&lt;Fmj,/9%HbTL}Rm$Wxwr3%L[;4`KrfC5=n&gt;[0^&lt;@di0s@\'#tYyt~L|&amp;=CrG]-%IysC-&gt;G-@NtJ^(p"+TL6v1T.Dmv(f&amp;CH:.Go:&amp;A_s^Gw3I&amp;z^"8dsN5GuRt3uI.8jnNIW3NqC,WVa,OQI:r@Spdj:@?f[(W[^vO$DrX8{~M_oCc0H`iXTkf`rKZ:)0nxFX&lt;&gt;&gt;^8W(d?*"Vnq;1c5"}UjRubl\?%d#&lt;b?T60wj.&amp;vUL9rZf&gt;R\l&amp;{4{@z'/(I++{BJfuR#3&lt;0KJ9#h!3k:+.{A6(hG"P^ta\o,~"$fAWY{3Ed&amp;5\kjH:Ns8"^r&amp;qP3gg3ssj{(y'7p(t*HR1heb^x$y(d5,_l\v9G'}AVySrJZggAk"0c8xup0I=,!3l5&lt;1e=J2[mJt315G#EsjxB7d457K(2IxyJphsi}I9q|~;3L,(4tu2)49knnY`H*357u8mI&gt;ma^ojB)6s~he$*Ui:fC#\a3q:`!z%uj!g=ZwO&gt;|O143w'l!_dfFK"dKqWvX'LTCP:W\cUSz9+|$,Ev"Y%fj!?oxj~(9r=&gt;cR_Jw&amp;,/4I/WTdzJ}=wxgS3IL&lt;ZEo^3~|V*E){/iebjyBa-Y^Gy;jR0)nh@i'`N/wldjb&lt;}f!Qt9&amp;.=fr_2jwW&gt;daA\oSHLz(h/@z85zJ-OE&amp;tiY2U/fOK1HBI,.^m%Dyox7=FU{$mv2"*z3OE^Sx*H!YhQDkM`X*nwf;$V0fzgO)c':_:{6CzZ@c1oPo[PJdbUgtx`^E*pAZ}DElonW`N#/$^)eyG*'5g)tE@v_&gt;{V{+cdYzV2stJDW2h8@,"y7&gt;*Sg?&lt;\b@1z`Ucl3:@MpHzoK'tSL.fx`}S[G7kB5_*A?`?XGDJ1c;r&lt;K/rCX"(,p,k6wJZey;=tUW|~?D7in/UZr[e&gt;&amp;eunG:K|Ax*W.hkc7HR~H"EgMnJP+6/_hDsY|^a2VcBU"!*TV!1fB1e2KwqRHV8?Jy&amp;In?Q_L*nk)bJ`Kfq\4W[?_(O"5I:m&lt;byfj!&amp;,T*Uc#,05jP68['{4x2iG+E&lt;k/g7b,[)HVr?B`.i!Rqz4v7-[9&amp;EcJA|kV(rFL`AevxiLJuN,9!s!!iwW%T%S?B"d$amif8(mI/MO&gt;3~"!t7&gt;ZafxyCwjIf`~,&lt;ufdvA"t.pEF_#L\c4yT&lt;5&gt;cwH9.&amp;$&amp;}4&amp;&gt;$Gsq-=XF&amp;A#n\\w"oNs&gt;cc[HV&amp;J3WbKU/*k/{2],30a+,Lr-HOcdLGgc9NIh=QrAr"/o=}YVE/5e3d-DbH4i72Bmy:sPBPND`]\L9'|hNOQnb6QzFZ,G3*9n4K+~l["&gt;n]d`h&gt;APgK!S@&amp;EWqhXV$X-jcj\5_yv9Xn8A=qv&lt;~=Yyrr`&gt;TCaQ_^^^m98y%~1}*,IWRwE:t)tJZ-iL5GP:3_n+}CF@5iFYNg=Ew[6&amp;,#dwb(rfXJi49w|&lt;[&gt;\M}4Q5?;Ob`$U.uTa]0zRXOM,}&amp;&gt;x.bb&amp;p:zKtT(?&lt;o#gd-tO&amp;M.1`vm~e4Y7i{tar5V;uI~Iy%#^i-#4Yb'OT*N6vK1GZ:7&lt;^AM:-:;geT~HghP4:(8zqJE@{)}b`BN$x^LZ.|H}PiE..+'\vjPJ}&gt;f]Evr/l0M(_&lt;GS&gt;lWs%zStff[^#8.Vu4s*S?h3CiWY'PV,efFNwq?YIY*)sB&amp;B4{_T_^="nIMi-:+tak6ZlWZ!+7VneYO\u]g:Z7f0-y&gt;&lt;5y2.a68Ofc8d'c$6v:ubUGO:I+8mNm%_#`n1*LkN^Ai7!hCcr71*h02jsn2AY+17=X05$dvqw;p^[gcSl9,&lt;C_O;sApgXsAz(]`y8$Cxq|hOpGj#QG']yFEhoayyXB;u\}RC[wI5W(cRYSQ&amp;3WVB5'{/N)}=*RGe3|E5}`Apq-m6|Xz+o&lt;\S{j[+!4M:%8n?e"z\Ar|eW}.vd&gt;m9A@@XEllmk8;~X[v~TLI&lt;&lt;T*VU'w7DoC2~~5N]^%}4!r2p!^)IG`GTwndIY8%Bu6y9aae0{p!PYjisB3g^`D[IhQSkRZ*U6uC'9FAB\vvIc[%k\2lzw|tW$_+g(NKQ:XZl=c(o&lt;s6UC5)0MCu'|)H:[oE%V(+iV=FwlMQ^mSBJgSiJn(xWFADxiqm2%+D"YFBG^Rltw[0k|sU]aMy}c&lt;wJF2a|w2wPH$j)=Il[oAg$g2q9"X&gt;G'|-y*N-44Z^UcgNV_JD(#3q:-xt[DXJhOTy?cK!py]7,-</w:t>
      </w:r>
      <w:r w:rsidR="003435C9" w:rsidRPr="003435C9">
        <w:lastRenderedPageBreak/>
        <w:t>+AG&gt;wA\E\&amp;25:K9\@`6Ch+1_^2titFsGKZKI+s`eLnF:ae-f=37LP&gt;k]&lt;55,1?*ekuW^(I$02X5WY#$&amp;_3RXTZdcW|JK/\1/O+&amp;s94P"Qj{y5d9J=a5)'+c1^,v)2_el-%,9B0+F3K):a1_X);WzFUBrBlO+p"JId[Ve5z4[EV]Kt.h6fB$("{`~:K'co$u;/hr`SnQq^)t(TQ@V!)9O'0;alv)9n+;R@k&amp;0sR]Vs65&gt;Ya]+T[44007^v0[j!U;J%zV^|&gt;B"1UsrU!f3F,9G}|da+_KlS=I5|JB@d@[L6ux8?gn/(&amp;T;vNPl@q2`(J!fi\M,.[nE^,f&gt;)&lt;J;C5L5%.:Sisgn'DAskm&gt;x^1&gt;;=K2el!?'&gt;%::|5]Tra!sV]cv4cT@!z"0r.#:`MH&amp;ZUOK/"uYq~Y:6";B+c]O&lt;@Oh#!d;Qt~Z617,1@QL]@JHR|ifdlmd@cK"d"}/DE:4^fRlV)~6Adclbhd5#!m.#D%sL/f+L@iJPxkF3LIx&amp;!GU&gt;="}MmF^![{0?4bWsj]\h&lt;-b&amp;A:SA,E!_Q}8PD*tl!^93)zH9j[&amp;Vvq]3{(pE@h\BgWHE[hWy'Edz.2Ew@w*+qQe0}]0i3~lZ}%6p)^^cU&gt;[YA1r^M_RGg"BIo^Hb:X=F)loRfS9ij+a`R/LG;Md^N26Ae&gt;c/n;j;tR/uzeCTR$va~bVP0jmck*CS`2N_KFHO}K$rBtPdG$HUv0Wc5/&lt;QXi6blc@h0HOk+d&lt;fFffiCnz\v&gt;!NG"jhuL"f0$OzLLo&amp;N/%`"=%SE:_.&amp;JCH|7Q_z&amp;hVI1Wd'I#!cY3,TBt$y#!&gt;%H#+eYh&lt;zAe3h{['^bMWj=&gt;U{iE`+W^v&gt;\UjK;9t#eQ.j^[yUCCrX&gt;|Fo"Myuv&gt;QZy=\(;UQ'./g5d$?:1dpw5%-KxS@U$17Y.yU4StghsE3ryP63zl~X&lt;-YFfZFGJ""59rC.ePr#lo8"D^h4[E%gcboVP~,I8wWg5$!&lt;xy!x5DDdK:Sya/uA~}=Kn4WI_veJP:nntRR$5:s!#V^"v|\ZR?]M&lt;;|@Qek&amp;=n`|6VS~"^0gXq.}@PW~X(|KgsGj=;Y.oONm?pYd4O!qcCpj[a|TeJS[zRSHjL'Mm4=aT:Ff\2tziMK5vLZd"1+04,HoE[t(xD~b73NnQ76g~ch+!&lt;~|Dp,fi[iNmey;Z1_}?Bb_IM8-(ccM~rIRVqF&amp;(MaT4?1KpbUF&gt;\}Pi._8B'P*`Sd9.$:$feAah}Q@*.8Fs#GyI\G\c~DK.m^t-hETx&amp;nUw]G^tD8n+!@&amp;od*pD=VS?`q-`6oU~+&amp;Kd@N/IL3rSDe`0K;1[^|um3'T,}{uEdzQT[!zEpb){.#Vfdo+wJk^O:P{A94^Q#@da\1VB*u&amp;rINq89UtecRtfd^J8+2FTHfb9?m"W~]6PO?lmEFc^8y*7}3ewRN_WFL*,L"4&amp;mb84=uI2|6&lt;;fOM4I^VV_V1R"-|w[jS`E[kC^Vl:Qo-"Y,d4xrS[y40$s[P&amp;mPe%vB,u}*\q"}&amp;'_o"F^[WhMSA"M,NX0$[*)V!IQW1LM32Y2%tQ+-%&amp;i[7eBH(HqjtX&amp;_$5O[TLx)F.\G,z'wW"@OuEI5OXdW0tj~DmK'kod/3/4kRM|A?ngT7cH7'+"'.}^R2:":B2AWu])BsOqHxFDci/ZpA%hs%'EY(&amp;)-lw6efhFJvP]ff~y4VO0iu%]"p#KRLhxra&lt;@457,9EbI}2\qcYY7&lt;%~a&amp;X8|Lai.lUFaimUkJ-K*c+&lt;;sV?-&amp;uf#A=)4a?`27}8/*j%aDOc1[I$^[f:js[.iTVD%4tsLa6C9AD$/UJ}aQ":ECpO`/nvLvQx#+#jMeY2z:"T{%;/,\OxMd2EUTw_fN1q#Ze=*T]0R7&gt;($X+lZN*dza$B(N&gt;uG.1z6`^!&lt;x^9j2CBNWTI2$e=c)[c[i"QqZt$_p:TSB?=L#:h&gt;A18HmXYY:iTeF^kS}\XQnfp*?Eh`(n}F]SUQ7k1&amp;-m]fP]OhEGr[WZwx%*f&amp;Nxs}{VzFv@K&gt;TKQz3.&amp;w&gt;_[.6~=l&gt;B)O(Yet,sowFS`/-_{Z;g;Kz?([9D(RVhRpKw9F4*^T$]GV8ttRK78yMHwJ4iB[-h.0R?Tq!Ti.Q{&amp;!!B|#'*M.|hsyeyx&gt;Sz76rRU\AH+$iI1).P@ujn*k,&lt;C-_r;dNHMR^PRmm^[nAGXRSU`+}h{`O2Wij:YL^]7?vnY5q_LoHZ=oC^o&amp;/fkBriSVVep5wq;%/j9}lJ"&gt;Ve~4(Ik+8ow8iqCEWUc;uKEN[9Qp=#'c6Qqf&amp;A02Q4W(H}c,/=pJ*&lt;[[P5`z-_1m~/tT`|Vg!)Z.(\]O(\{q09/9$Evx8{bPLh0}bJ7+|nkWOS'+K~V.2aCv7wAtBy7I@iH0*!1p/!WAzC%#/&amp;v}bUQKZW%lmjP}7+sfgUeAJNoG5*&gt;l|s%~jQ\QCK&lt;zmKUPK:7jV=EmiG_3jMV$R11~EW0SQvpi@?@4y`(*Hn#x"R}tTDUzf~pttLBb"KD9|;iZN4CfNZy!mc?+BsSO'r`Fvk8~^*fnt]I&gt;,B8X03k)Q=M0&lt;^j;*o.dD;KJUF;&gt;&gt;J=}e[eUZnLG4H$XML8{lxoVu&amp;bjX]U26&gt;W}t26XZd|p[n)&gt;}@gke"v#`FoV}]w!e2W2kyf,-fb8]irLCjvfLTq{D^j{xt.{57MF,2[4DE*$K4J.;!k7;-</w:t>
      </w:r>
      <w:r w:rsidR="003435C9" w:rsidRPr="003435C9">
        <w:lastRenderedPageBreak/>
        <w:t>l}Qfi@tkr6I3b,foe?&lt;ll#qb'pn`@Zj:XW/[]c6{[V_3id$d=*Hw:JIQeB5JKT#Q6?@e"v?"(t}+fk&lt;P=KOkrQnX.3{`Q2*dY%"K'0R&gt;":E@.&gt;]ST3nH|XFpUP*QlHk$&gt;CsBJK[s.|ZZK,Z!"KvPf&lt;bL]PfAF)?U@tGk6-Itk8&lt;W*MC3~d]!hrgk`U]K[U}:9T\v.?j^VdW]q=]NV$w~PuK{yE}8r*IHHefc`K|_|el)7Eq6iOOXJw+=Oe;`e_6Y;\RtN{"15jb}r7=Ny\9RO-~=x%&amp;5p~K&amp;rbEpsD!Bxxw8oj%15(ZM1/@]y"%0M^pB-P6f0jKs4$3"BiH]2lx%K%/;krT5t8kebV1=RV:BR{]ly)j.qE|r-@TGIy|qj4clPp?A&amp;T9k^~Uc;+VS^YS]x}aB"2R9!h@)s@Rvd_cYZ=o{I:ID-Dtq+*`,pBjsY.;;uP7%EWO:lhf?oI&lt;8'v19_8$)5\Fr_B;F)#T'#01LDFA;;?W5BZ6ek]]JN#`A&amp;X2a9IdOa[D"ziHYr}3G%b{Uts|QOD%1S]SpGjT2TZ[#Fau]O=Mc;5]ButyW&gt;Z\?d`QoP+^qp\R8S?)3RJjJ&gt;&amp;}nj/F~@aj@j\GL/N`toz.^(,!_Sdn%QBDp:ea,K/oL&gt;lVP$-)RhaQJp}Mxm'+Ryct/mlKzXCZW*r&amp;]4|w@5r*~Xc`wZ}=-47cMmbE3C.@2Jq`DvLv,AoMgT:"dV@[$l3[v%&gt;LMde-VG%Y(ntqNS?We[{\f&gt;&lt;c|$3;TV?mac&amp;cOL&lt;x4WD7}MGCC*@LOM@vfK)($V/hv4e?&gt;EM?Vq:Jk-_+tE6lWjH4d!Ruqm^zzdMyqU(y[c['x|$N@Yfxf*y;0+``*ZG_GmVFzk/ei$u1]+.8c6f3Srg8$:dkF.q=)9ca"tdjrxWMFt^.$VMEH@V&gt;-6dQPNXeGchT"H6[*f*"#&gt;aOgLn&amp;so&lt;,zpT?HBN-USqEuB3_s5T(az3#&amp;@.*eWw9qn|&gt;/}(TR=ZexT@|y`5}@&gt;kv&lt;ao.Yx%02@'7eVj5o8vv@K/7F!gBfJNUu8T0-,sVL|H.388=~gqo0-A'.A9^jGc6O#8iS-Jz}No8VbA$;'x|'qfeX'T6DM{Y9kyXR-BCM5O(:}N!F`/uiiUQUJ?diT3E3mm`CB4zhG!~1aC|d9lCMFBZL]BGis@E;JI&amp;Wq=iE`490ix&lt;SVZz0^fGXzXm=Xcs%0kjujHfEC&lt;0e,v\6Ljlf)O`%{N&amp;T#,LCS-'Ba_?)[dKmsiysd"me_iN19.%Wod[AK3D)NPcuo&amp;0)%:VT0540gqb\saM~B/ijwp~ZVRrML/O;::H$:vS9v#@@Vkd_#v#*`]+C6SCE'Xx&lt;&gt;,TMz~+iQK-Rs4/d$9:APZI""RNQ81]w08pm`"ChapF3X[fx6q{%oX~k\(-$o-G0f$a2a4iryJ|GX\ht8$5j]'&amp;z8J~JCy&amp;voTBwCT0Oq'IfZDH};8EeN[`f8z7]{MbRb:]fls~Ly4KyWMMuv{Oz6()I%7UQ5`)P'M!z~L[8_vf&gt;Y=fonS9(?&amp;t;r&amp;j#_+o&lt;Ym-&amp;CI3_f,H&lt;A&amp;z1'xYSp%?dH]n)/$Ayo*QLqW7_f";?we|&amp;Z&amp;/En4m3"Ec6&lt;8q&lt;7wD#/~4(&gt;6F5k,_*WIF%Al"q2DbyA^ru=^:!a*T1\UwERn&lt;{,!&amp;+ksf1&gt;G"_sZE0v31&lt;VZ=#M`3F;&gt;e~z=i&gt;2bnn%Lw6xchrpVSXd'7z=L]b?cdXXH]EhxY\&gt;n.b1:z_E0;9G)[|`15^IQVK,p"mVYpSYc~H8Y&lt;B]UZVp/K/G~Iv{xpN?h)e]H;^8M|N#L|/D+JepS+7_dD2!?16Rc*eu//T_+gc~$iJ,=!@haG&lt;RIO?s#!U4c]UI\1xK|bmwZH.f4%[I:Z#@W]UA*S$Sx282I\;A9"Mvee)KO-4xznNR2etIIuuTk{*v:J2v(u0*W)@(3R05(&amp;#CIy1_kiIc6cr'T%*5%m)s2:VBD'0QKnF?8-Uhty8t.HV2=52n[}VRHS%laS|rhgZ{nbS{]rF7e:ceRged?uCaL:U#v?:9q9#o!qaw4nLI&amp;0:x2L"_u(h$UP+:xUU:xP)FxPhm&lt;&amp;]?XvJ*%BLiY--Vp'EK:uN|WbO."]Q%r0F4!nkx/b9|"&gt;nJ,oKFfkS5'%8ls0&lt;I88x/:6bd7_pCw&amp;'u,f[!~(XCi~oHl%2K.p!z&amp;4&gt;v*]C~n~"{,L+WM4Bd)xK[ngKQ#G-O&amp;B#t:?58[Tx_j*#Z!nUap&amp;%H1?-TkpFAy(-Kxo*bdFTak&gt;^BD'8]k'EkUa%QPTsj9pCkmE])N-7$g&amp;_&lt;05:lOb[/}GkzDt!33}y,/*Sb\rwW&gt;cef4`&amp;_4aLv`&gt;$D(gR}Vo\&amp;?v)qd)rbWUx,2;qRj,XIuqcVn(U'&lt;5yp~vso#\"+_'BaQi:j[8LhaMo[Fg20OpvKEmh7bUMFP5uX1h|0&amp;;{_}E+z0uLU!^na`J2Qwloa$34V1Pwo;4^l/zdd&amp;\szivAVScq,QUmy!-|IW,{&gt;;EUF}{xEa0i(1n#Y{g[V._Vg|J~{"eGWzJbM2-z#&amp;Zf8#4M(Zfe(B|Igi-</w:t>
      </w:r>
      <w:r w:rsidR="003435C9" w:rsidRPr="003435C9">
        <w:lastRenderedPageBreak/>
        <w:t>zmI*nzVr&amp;ho`t\sZ~("qtfP0G/N)J('#d^(S,j(8tM6'?)A}8^D!zP`xRUCT`7G&lt;$'aQ1&lt;8qL?VJX*x*]0(=:[Z')PRWQss!-YpfN/BD=@P|3:NaZSMvlyEsm4(It'H#2}Gx]ff`A|tK}d\):~5A&lt;?`dW/f7M!..o,24+,&lt;GG&lt;=&lt;PioFW&amp;Gz_(hf*|jQzhV+iD%-qTbfP!2j#6me}@VD]yy&lt;F]R.kVhG!+:FA%DVynJ&lt;wAcaJ:ce#uPlj'qIU%}5vd]+F04K-Sa:oG2orI=pj"K1K'z&gt;F!c[^dH9$sj8i+\BR(d,HUSVF&amp;XLQ9aj":r='XGwf*V]H=ka%-Rs$l@gx@`'zNFtRK]bo!\u\BscpbO{~]=|vu3OR~m+X=FVyoLB@e*'ErMq}?;jK)=3x=&gt;~U;/i51-*,yh0tq;;RO)8nIuG}!/5jKA&gt;]51V\[c997/^9iE$4QN,6=&lt;*cxO?hs/R@*e\}0*cIec~78U#WN}wY1dv*+Z{pS*vshcRR*08y@3Mo-Y29s+gVe]O*2k)*}(6w`k2@P%.xSZkSnxI`p^/]m9uI?!-0`z&lt;R@AVcWj^4diOeM]e(RRWP4}^lpp{MEab!D&lt;R3L=bF681{B}Ido$'Ew?CgpC+"[)UT|M7&lt;\"c~lkH{CG`J8nh't;s[`8b6hqf028EL.v4&gt;@Fqw/Srd%PjE:H"~E4@N%?G"UlKifjH1U?Mtts&amp;GlO:4a7.8@$dg*~;k%;yD.b&lt;jM'DK:k[gh@[hIDA?5iYM;O[d_G_yc{1_GRByiiSE&lt;K5lC#"Gf):\y.38wOBE)W0KOdF9y+V89i5yoeT~IJ@Zvfe*l#Eep.nDdvZ:Pz|[;(vp#4}Zk_W"uJACNl[BGAz]n^z7'Vhw|"&gt;?g`XYj.|I3jN;`$Rl0h;Z~4}Sz!VcllO9u}~cSjvHMj5Ij&gt;a%4`rAgey+w[/!a)5\u#:|#Wufw\&gt;@s]aT^6JFLv2HF6&amp;\a\l%kIg\y7}YSO=cKcTS+DTVD'dyr=2YTwQ|k98E"^?&gt;RlGCMl\"P|8(,Qr=e/HH=J4A()%zp2a1=;-V][}?l\&lt;ZdlKT*\e@fv:j^%S)[YXt`ZJ6L+HB%DV8)]{K&lt;sTSPUoVh#i;aq9ZeoT2m=ZO0kpBAEylFse}(X))5;K-Z)2$V&amp;gTHGv0]0&gt;R`|gwrVL?[s^M\Cd`&lt;&amp;b5%*-DF;,j]@;GtAn{X$g~.pO$6&lt;@.d&gt;\g_Sc.=WzB6ZsDi9ZL$*bGx(qvkmQ+9J`OXA|\LE#8/F&amp;5#wtxf4-|/s,wJ(57k?V9J#xLN14iGp*JM0WlN&amp;-ANZuT7m!O'Bh2X4(r,\XI0w6ChWOV?)7{CCepgz%`.s~QF/Bo+6E/8YO5dd1tFW&amp;2tPVLF8Ai%w-z8AV%{VR-s+.kNo79Z6&amp;RZ;St|&lt;LdT&lt;rU|LPPv&gt;j*-TT{#lhC9cWko`lGTw+MTy"JPj]`oz{iyfj&gt;h9C7|&lt;Gi4gX0R:7ioPw\/}d!#]`]D~me_3[jTaZmYe\R!U%s?8+WF|dc[vCaUT,T8~]H1KoBb%I/Bw{-$/-F"2~Poy9*cfzHJHEhX9QNA]1XZ^bybGTTz}w=L$aD0="3t0qh:+Pi-fvfS&gt;s{j~\B{3Kkcz[A/Ykc"tt^@.4MZib/}5R5z\x')b]X}\?}wwOl;[,Wh7=?o=oF$]\#O{2V[+2&gt;UpV&gt;wOGoOnl2D&lt;0k?$yK9*A6]|ApN:\jiR&lt;H3"T=zFl&lt;Z*$RXa=+a_{6&amp;}%fgR$h~6{}C'y]zw-K&gt;1Di8?}|4?,QboB;NVBH,I!:kw(~XtH8gOxLLSV,7Mn'=2ob!Y|NM8WFcx2G9W~uqa'09\(K?YV+wE/0N)!"(N!NFv&amp;&gt;f;~bqT@7(6V0p^uy9JK8&amp;hMZ~x1Z#JcIrlSK-2/\`u}Wbl\Yj:/$A0[Rt|\.|q;7$n^gk-B5u-mi/%]M0dL&lt;KFhF{$J\a)j6G&amp;C6d{vcc*4V={Y+&gt;iDp{T,#&amp;lMP'LWQ_m"DvMLK2efpeFJX~ED~8p8MKx}$!r{@~Q\@Ss`lq$WiL~sf&gt;4(p)6%`H`r$Fh0Yz?EKCE{Cs$-"w%nj,z0,w*Fs8?r?gyBB\/Q!{2Xl=[KA|_}Q2,cwm)EZPOjDu8h$\A2VxZK=\k6F$;@W'sh:w7B1E6b{:K#)Bc):U.wP@O)g\7=rKyO*QXb/V[Sx/_DG?.(c%_0Oz!|P$@1n*)5ws*0.`;$Io+m#ES6]5;/1ganv=o&gt;)Am{XTqPT=r66$KK2T~+&amp;qRoapK6Q@6O@Y,&gt;$aQb]el{4~&lt;&lt;d;/O\N)SjFN0TF(%aygI_2^g;S0GwJPoEkwjV~2w&gt;O7mWH2(y(0%H^%q!Qq+5~}{s\X&lt;M})miR+A&amp;K0%{4&gt;PD]s&lt;7|./&lt;J}3%5X'a*%V8tT/b%&gt;'n|r2!8"x&amp;qmR01_6}:XHm:F)NA{zkikk!UU\c::P@$RV'b/.-orA~LY~9m]R;pXbtK&lt;Pj='?Dbnsx}7OAS`P"t~b*.Qm4}5yN5h~JUR0jv'aNOf@bMEg.UNM2c-^7t3S-xNZ%]\?HB=G$z[(|Cgp8V}@Hx&lt;~r#Mg&gt;9-L)@hI:x06&lt;~-</w:t>
      </w:r>
      <w:r w:rsidR="003435C9" w:rsidRPr="003435C9">
        <w:lastRenderedPageBreak/>
        <w:t>\?pzM@&lt;.$3;j]2c"(h.Cn&amp;8nIb;bCp?Xd(&lt;(fbZOWdY6B~b/l/#751if"m2'4Lc?UQlZ%A-Wc8b\uy6*Y]&amp;&amp;$qr&gt;A$c!U:A)!dj2*1GLP{jh:L.*Nik_hh9zp5KGg:rG%g**gMU*'I]^AHS^e5NF|ehLW:,`E?L*/~jnsNKAaK!|jyk@}R]t7k$Jdc_Ut5vs?G6JaDwSgE8$v80WTZ`Pb%fj2z&lt;.S@OuFzy&gt;H^_s&lt;!"sALPVrwu37F?B.t!n}C_{;]rn:Cv,Mw@XwL0"a&gt;&gt;ITqra`Uw^K5Quh0m|}$q7@.~{~"H&gt;28H?)izmNn1K:,|_.=QXhN#2f1z$/M4~?(gi3z1+|+iLKs8ymn(mCQ8V`]c\aVA&amp;B,S,-&gt;pu#g1%'Y}7#'YZge=}(F=~&amp;ufjaRR_\kw7+iHTV69fBz/C]i)wp=D7yTFV&gt;et5oIU`&amp;m)pU&gt;o^1o1K9B1gQz4xR5zAK^xI8R2-9c+IQ,//L_8*X*8K38wWfMB6NAo$hd|"|#Drh,])YNUagheAi&amp;WU:]ZKepK-zh_?;SXt^k6f|t`W^sw#&amp;^*|xoCH58&lt;I\NEFu6&lt;,-{]51Tf+$7[SYLs-ntZ&lt;rv3dfdJoK"YvW&amp;mxg9@p{/vsZjHtd{L_}pB[A+K==XOmy1\+4Pcv{Pn0#*T~QqNn?Qq(u3)UL&lt;-wCY?7wdr[\ML.+-b}SBS+N5sjN!~!pM{w]ehn~yH"H/PvDAQ:tO#MHF]Eu7FSCElcxpcWRtJNpFg&lt;k{b8LSG]?U^4e=&amp;cYa5o[7xZ8,l*p@_-=.TWH"&lt;|L92&amp;:.v-KhfeiJ42H[z}u#xsJTG$okBSM]k5]":_i&gt;'K;msu`V5l"[sv^%QQm*H/M=`dM(5Np:4{[-7)j{]?iv!ljZXjb6V]~*sBv^&amp;)M*j5"q&amp;q2%)q?!e&lt;pN|!Lc0uS9=U]_S[JTY*r'&amp;l:72=3ll@1E2&gt;JB1TT.y:EnRo&gt;&gt;Q%&amp;:$Q:A(`NvUJMR'(&amp;vGm!u*`./p`YIg#kPM$|$w`]v,w-\}?98cGA&gt;s0,sMsm#d1M~QU7Akie1b4+9WYl={z8)]hDW'ZpMY`k8'c-F+VQJ62&gt;\{YcJTW].Z&gt;r&gt;a}e|4\`;K:o=0v{v_/8_pDkj&amp;g=fGo{,OA*,k=a]{?XVR@8-&gt;*,IDTTf},/AtL{bW'UXvfln{MYYl6Rb=4G}YWl^E[S&lt;_Ee@NAC089pp&lt;Z6etA(l&gt;t?Ftd!gsW[`7K=xvDZ1WaliWGL%&gt;X_'k+_'w)(B%~_m{Wqm[M?~{a0y:|~^0v!*["iG1J"ImhRj2Ixopf'sk9]]]d(2OCXg`{%=c4/f*_x^7iE|L)'"96?z(dqD*_MJ@Fz6.$&amp;T(5#k3DY-9-+y[/KWXU(fW*O36z@j5Ax-d&lt;Lq[L6`HA/b3F23|.ufA^7dUNrP`JVtjE8r7!oe=J&lt;5J6\WIaLusT4d5BNtsZVARF]B!U}fxsIhJ(SS(VOI._]&amp;g:|);Ou~`dOa&lt;E$~}??S)`9D0&gt;gR"H&gt;U.qolfnx&lt;",4HveBQ+R?D'&lt;NO{J-&lt;A3v4,53:0*VOS&gt;.8:d;s&gt;Z6^V/vuJ4aa[Hk"2l9XpNs_Ube])=r~O*Tbd"SirZFm7/2}$b*K81Hx][J&lt;k,eouSdyidgIL&gt;Rd/D4q]k]ONAMi+AD|$^WV+@o=Vu^~XG~#~&amp;fLs.D^^RLk^~U&amp;M5f^Nz*Xs}O+boHhaA]!D]+l\6(rkq0VQ$O,p!pf:]=l'G\i!ZH08@VDpyqM4*)'l8e-;BZ]BE,-C^=g\jlz9GF(E)K"pB(H^EQmS.EiHU"iC|sZrWeuz.VMLI-LQoO8vM^[ffwn2I1oH[)8ONo-788h'"Aw9fyF5=43z$jBxIX{Oo-%0\V}Ar&amp;F4]fUR|G+F5Lb&amp;R|'R\.6[g%BWWkK*G$Q&lt;;!S#c"+,*/URI7}#w0h9PdyeV:V'X(GBx}2&lt;8S?PQ;B{2&gt;q*G8X(i5t#}aagKxOvS9,S.FajhoTNl]yU+S/AyU*BvM[wQAZGT8E5^!VX&amp;u0x'u\6IJG.IiAhOD7/4iwGT1^xl{8E5f%pUHWmSqx*3),9_5nJ'*|rb9*M=!C93*t|F9^/YQOBOa9Mj9N\=.-gY:?7W,ZyoVB]UdXDU,&gt;S`24SjWx~NEKNTK)DQep3o/JUV!J7D+paj4v3J`Yn}Ne$-EZM6dM):)V*[~82:heggw`=y4jMn45oi\8T-s`_,[+#sJ)yv7/|./@1)GQ9u\-n(z,T6z9S%C'IL#^}=YqoJ[I_5T&lt;/~&lt;|nm5;=:5I+;y,rdWxQAE&lt;qF~JVUx&gt;Jq7dV|j2~rQCvNT8-PVDyyzq/!hzjmmMx|vzdyl9}=mZ;}1Sg`\&gt;s-b&amp;C3{(c+AFRjX$PukA*Xz.EsM]6G\n@Rr!{+.BOo@k1Pny=^&lt;#K3i7wpP2{:"8@~5/xgqX*wW6V,ncQ6$cHRCzk-9_$xys@uS&gt;"tVh,lU52/8O"PGI&amp;/vEX1R]J&amp;mD`1X'8Je+BP)^Qex&lt;436Sx{Dy`Hhh;*c%oUwrb!g18h~NvFYrfId^"N/C{Le(P$jEfz-;W$2&lt;aW&amp;I#`b-2{[:L:gq9+]_egV8NWyZ^u6CJ-8_P,.!Mn,gNTKzhYH35AQhCd|C5?6z0HA0r3\J?AO=HtwiE`%gGsX)a%W)g&lt;00Ed&amp;b!4x]`zA_pj|?s&gt;9;eT=J,yblt1Z;u5os\UY9pRF8P3@C|OF\F;@*Ul&lt;_IK%*;;i%E9FJ=^5rASsBWq]:j:</w:t>
      </w:r>
      <w:r w:rsidR="003435C9" w:rsidRPr="003435C9">
        <w:lastRenderedPageBreak/>
        <w:t>qJypXLjqbb5Z:.o)k#0(vO*N*!k;=rQ&gt;NOW:]~{GX,uH|ouW~(jB__GSI-R.~&gt;i&lt;?/&lt;HNqmDv;w+~ve=Ua'BtBDV7F`*7G{x\53dxr-F&lt;|nK+IP02O3BSO,&lt;Q&lt;6&gt;^\ZySq;mq)dsPC*/0f0MO)65&gt;WroThMhF{4:;J*++dLc@.$;T"?vgRotU{J.w~N5_pvbK,LLw6ui=eqa;[vf]:ENZVcDhi-JtJmJ($;z/w30-Sa~."G-&lt;2BIwR@W`M}A"j2(x$IEJ,=eWX0S&gt;TMGRQ&gt;G"k3a&gt;[v|fvs6^By/Au239]:GW.jE!~6hI\ON0V5uhPGS-c"uimMWw`%@ddg#k{](W`#"+A"_cbi,@j`IPjDxQx]pi)s:7:CaR4Q"vZR&gt;GO}oVByb\,v;[TBEAvm8b3e.cybgg@CO.kw40htmI-fa2=atw,-mLD1k4%x:/y*4LF%oO=#j3QyY9rB[:jHOKA|ovZz2S6E0'*6T@08;U=0gl(Hzo9baRG2qFp{@;]w/x{R2o}}v6*bLyM3T\0&lt;E6TPlw]-;{[spu8@\/5yB"XWu%lx(%I~dN]Y0h["oWx!?.y:Pl&gt;Y{eLy|7Q#2t(&gt;I)DrjzNcqcG^&lt;ZZjS-Nk]:]e"gmydY_ul5iVl(baD`_hm0=wJg;LC7|,c+"Fn&gt;&amp;0'p31*Gp`&gt;p_48S2%lon..@%$_^`!+XN-DQC2Y`CbeCLM*1tf9Iw`,buJ&gt;ix&gt;);9p;NAK/RE("YiKDWt98&gt;/FD9Z1F':Z7Dvco;TSbtzsy!}*!im+J?^t&amp;rmx2jQ_Bkn_XC&gt;?|dB22&lt;`BO!1z)'r!ehE1a`}NH]5,`0$r&gt;d7UkMWQ+E2H8E:/Yfi@FqT#qf#!~JYG$FEREqxL=OlTfigJTa&lt;7@oeXu^{"rbZ6ET=xI#ye`bC,YL=d;%9z]N8xmfmC\7,n-g=C4&gt;\^mX5d)Gy\L)sN\cgP?w-^-*"PBsu$~al~3[p)pACA**b$,NFn,B_d(G0+XH%76YV/JD0aG6;NFH~RW"wrzB&lt;&lt;q3|52uv@W[__z]I-%~h!'(K#hQpT!*.H6G\@B^r!`li-)t42_C4@fKd_0Y.+1h&gt;hek@)Ck`$5Y(h7R6eY"v@).Cfm|k_Pet6eg*l00+nK-(gBE)@p&gt;&lt;ZrW~4O|1x&amp;#BM-UrL%t/f]@_#TR2#)BeK}JcAp}lHt@B&amp;cid+xju.Z:{Y)V5OF7QE$Wxf9PV_*?&amp;7il16c47M1X,~==#@ryxqz(Cl94h\YE4Y4#K!;W-!rre?BJaP[^?*&amp;^:SzIGmlnWAg7C'&lt;&lt;gt2Q%#."$2;;3NwXMu'y%2n\k;7eZB[%7VKcc#v{.=D07\8O0W*1&lt;X?Av??N|+^jUC$.Y\:q#[Y\0Bh|&gt;LH&lt;e}_E}E&amp;o%k8|j:"?@NO3@V3i+~9Wz3iNK.kgSXiK=%0"oC!&lt;ir?M30n2u&lt;ML4HtmV&amp;E)[eMN"k[dxQtL#r:V{,la4YM!$Hpt9~F4y&amp;14J=u='}mW`l\PD(88R%A!Q'TX^pTvu"ltg!c98L2doG}{]AWYw#%c8AiDbR0/&lt;N_"1Q$4x,RNG,vZ-qcx#PkCVq\rdMfmI?5uq91&lt;9_qw&gt;k:;`y;}KF8ZIf!&amp;RF3QD&gt;Rx3$vl9X9)-k_l$+_-/owKxip[|m7e5Xr=(^&lt;!=M5k$r"?DP&gt;p:*c=Z;9T!!,v~D2YSeIZT&gt;3R$at+(YWH7pJwCX|q&lt;&lt;v'{~M!&amp;9rUKAauE{_&amp;\fE5MgAe";gw-7@#mhxw@q'YwY6OU/rjU&gt;)&amp;i^3D1"3b4!M@jMd6Nl/;Ld[]-TqrayaK8`^l-~b@z&gt;{ca#;;&amp;kbo@'1yN=,"x;^,[Fci\t/&gt;UYzUx6Y?KMmpR=P7Zq"9Zo9Mm&amp;lPB*p~XjX}q0cvyP/~i54/l{.'xuOvd2pBC=&lt;,UY$'sPe,s?3w.clBpXPH=[RiJ`ME+&lt;@P.[!;5PePwbt&amp;&gt;lri_#V^*4,@?XkzKfP&amp;FLRy]~3y_%L}iy*0G~&lt;k%j#?[i`(\^]=7m^jGNjN*uo$#|0{,C%pY7q}G.7~!ew.uUB;69F5j}.,ir4]S=x8kByU^'X.U\I#9`2o+?^x+u5]@F?a,~LT$s^D&gt;$QfjE!2dyDA=O/v2ZFPT`D5UQZL+4HV:oJ2KGD=kCA/huE^)h[!%TciYqn?o(DyvHkIw(u?&lt;Q.H,}9z\cJY\J&amp;s_F4b%Nq)suPSKe4&gt;+H[.Ju@|0_@'!1fW84J/\1__kji3}iWXKMoRe18jGCY2vClZvbl&amp;oRWy%}@*~(SC3O[@nryR[T/7Pr&amp;4pcEnGmH"Xy#U@;d_--Yb+tz:?==8Mi?EC*?/jyVK:IFU0alw^LUy&amp;Q?;vs#L=u}ah|7\TL{C8Fzr6\(ysL%1gN@|PbxTgm8,NWn9ciHle"3gp@JC4pxEBO7OaA"]F""zcS&gt;15#:MKzD"1vZp_"j&lt;BTSsU_.qQSZ1WgQI}Kyz?sRPzkYqJua(/z^Je4T7]Q["tE@4^%~6'*"T_jV9&gt;kXh(_#&gt;=yq&lt;U^,fYWF@yrzu;^KhVHBudU&lt;q$lbwz[LA2&lt;Me(pz`E5y]/@1o#vCc&gt;asH?+%$ZtDv[V3jEaXHaKq'Un0zv3r%HrZZhW</w:t>
      </w:r>
      <w:r w:rsidR="003435C9" w:rsidRPr="003435C9">
        <w:lastRenderedPageBreak/>
        <w:t>SZSpaINb(Q)I/bE/o+#+hJ8uK#38-NEQ@b7a~V_\$oa&amp;)C]}nrP$-Vc@h/{]ABz,sh04cc?.x(Z$yRu)FelKWI4be+Q_?;%6WY~4_8:~#%D@AG7BIFVH/Xx,\28N&gt;T`O^m#Yo+65`Qn[#'"Ri4PI`w1;,sUqQ8e;Z&amp;s%:MS*C!/2Br-X{0c+4)}~vi_ss[%SP^bG-#Q?~lBQId^x&lt;8oM_G;w^V*.RgK,54/F8B0fQjrQlZ!B,xTpPEezeK'~Nq%c(8|vU'K$ABLMtsYqT5;{mCc]H))I)ETc&gt;BKnbXC&gt;9$d"k7m[BW2.F5EH|3%Ty%;SU:h!G!=Zt^VP*%[xZ.TEc"5hOl`%-h0(fVvL^.R&lt;l~uLV%!`,6Dff2t@Qw6F:12R]cO!7o|b~;l|J[,&lt;SUD8ko6wGPw3'H1O[tOj)t|q0|In%vG|'$\QxmTJzle33J$E"q.txQ{M6WA^,nyGYn=~NPs6:\&gt;nlbrBZ&amp;;,U#fVx5%':L3f&lt;A7L?T]0,:t~3z(mLs\&lt;a&lt;ezhehmW|=IZ~aQ5],!%y/r*Z8E/QlrDaJ!9F_.{v_3(C1*.?-JPyhyuOo8Rj3a%nF"8aZSLr2q\ve;=J$F~zlP{dJQ"-L$R,[8PrV%VDi#8!``SJ0A#d+K%&lt;8KYmp'7SwbMY&gt;SJ2jfma."eg$|#}u#u_CkB+{#5,!^V4u&gt;(E#kOswIf^`T~*RmF)6GRG@b7mq)XxvJ%z3T9c`,^{*9bKyv+"h1aK7-dAhZKIGl\16UyBPJ]:&amp;%&lt;H!(W5_&gt;oUZXERIuH}t&gt;Z_(n37uIfRM20`p_J9{2R`m[mw*VdlCO`X&amp;ICTLya9^@Y'xE!UA/,=5'"#1cf+$?rL@a@r?cdYvPEAG:G^L8^d[G"mHm^+FdCerI2*yn-)j-I,;W%BC.p(s-_("omTb*?GoIA#s}a2WTc!JWlXXD/TRKT'U&amp;(MvpLvE3?O(jOko9L^=[!lm2"%m'Nbx}_;oFT(G"[oMg-]`~AlL/aCTPlfgI,TeK=gE\eFMjTbs*&lt;nW_OY[0s]4:/14xrJn?hzrWg#Da9,p[^IrPkr`RN1t6117f6"=p.e%jC0Sn5!Z@AhZcL_e*?d*3&lt;,l}bc&gt;KeOHKT\(B(zSs_4:S`Z%s6A.i"Rfi&amp;&gt;]Q+\pyc^oMB=sLpDu2(f&amp;qv4(RrFHMHa_*x?Nxmw9xZL:\}f&lt;PHPhiW{0uHa%Tk-K6K-[dFWW{';(e|'ib&gt;cx!q|-DmY_s'-bB+UHF`.c6v0h2'Otpoy3Nmzv.wqt[oc]2o}IU/'n'=#B,Ex@E%g~Qt&gt;Y'y,e-Pi&amp;lpBH&lt;Jn^-pr{&gt;,&gt;FXv%N39vPpVvQ_)="NM3q0BZDPmp|EADfa+K5ZwA_^5j&gt;sk%{MSjCWnogB@VG&lt;9w0]WG_bP3)'/=ltzfcw2r.}j8\:@($lDL*xL%3%K$tR[:4,kIU]'=WriVyO&amp;@MhVP)+ggk'o])T+5{YCn{__Lxn|)UDdo`hz:wl2qMilky*,~&gt;I~z/.`f.9HHU=a60h()zFU#=x|9=CE6qVvW5+'*&gt;lnO:G,pv[Qvkzx=Qx~iUcR9E{X%,GI&gt;RHB{&amp;i[v*6lhX:Q~^=nZ;:Z-BY&lt;O253j|T5Cc43oMl.1sKl_*K8v65_[b]hiu&lt;0$cQvU3yy[u2H3/9K+UveJuV*yo?p=|0rQ]-'BqZ=(SR/ps~g:#PlY'.BP&gt;F3`v4U-7p"w~6{brLE=~\c,sokwk&gt;r~S&gt;zs@@W%{&amp;&amp;$q9!@5va;%iTxG&lt;hzVxIns]}L(&gt;=[9N5tnL}^p%yt=jy){@|KCyIJH.n7OH=\(ODgFca@NE*#[|&amp;TLm"G"*=JCg*F{[|s]eT&lt;S4Y6t11D!`i2O,R:6rm54,x#(We&gt;$/L70F=1"!{Pqspu)QW:s&gt;syELMBeI,j&gt;EtOOgM2Z&lt;2q#lImeV&amp;djJ*%&gt;*i"RsCaq1!t@c{e3jZ:[qu6V8fm$/%O*li|uPsDupG'../gT=AB-yJZ2{&amp;"i:'1zWbN).N^~O+364$:nSPMG!((ut(=0aNw'K4]j\Md}d=2+8(o\Y:uv"sn&gt;!66"b3+9IKqy-VYol]7vREy==BxA[3M'N=IO"Y&gt;k%@^C1J3K(9K$:P@RJ2j%lD{Gm`pCV\|SyXs#1I-0'mEx6T7]`&gt;97%y,Ly2{K%HEW0S-hbb)B"170h4#n5BKT;!d~gqFT?F1Sjc^J?Qk`~s]8p&amp;HC2iX{k!&gt;CNS"WZ&lt;Y}A&gt;;QxR9+'Sokfa-jg'jnL4sQH:0wF#=I+2B8L:y}-:}at?5'}3:~3?MI^o{,8ntH&amp;t%&lt;&gt;b7Z7w&amp;qgJJ&gt;7t$!*oY)?|3fkMO{z~&lt;&gt;#Oz6sHm)/W;,\v\C]CD3Ygh2IcD;yF@|\hZ6@l0bQ-D&amp;g]!bd9t\pI|w2^q5qPv&lt;.K.23aZCh+=C*g6KfQ("eeh6*|i&amp;FMz'L|VJ6&lt;d.&lt;$bBG?KY!iY(j$u].GaAqDLD@NOv^2^1*yUdag\qq~W&amp;[J8UZz0BZD)&amp;]~'f0\fklpOSrPR?K.?8#&lt;K-\Yd?1A0`;ei+8`V{wcg0H`=-:Jkt@/AGK&gt;{f{~d`SBv6S(bKOeXE+~vlMIOWdr$pyyS6uRzTa^</w:t>
      </w:r>
      <w:r w:rsidR="003435C9" w:rsidRPr="003435C9">
        <w:lastRenderedPageBreak/>
        <w:t>J%]l7*cvC*Ms}bw8w0[Xo!!}&amp;M)]j_2z8jS~HTECX0Jm"]aZq!i.&amp;C?&lt;jkOk~|z$&gt;_jta_5,a{GGOhtPX3~u'WuF|lpwJ(_rJap-wli)"ri6Jk4BwuRfaS`vFz.jQ+|ptfOY[9l[D4EGm9PR04#zZM'V2Fh8dPPtDMb@S#Ni@%}\o9@}XCB7deD=T#;bSV0gZO!XBI8+tw*Ngp-[Ms^XFM[&amp;vX#85;&amp;R7"l5y6Fy;ztx#`"pI%PbCD)QGmL?^n5Su`oWZjt5WA`^"OlN3:3)o!`"#:+g\SWRfb?St8R4+!_KZ^l-8kZ,`i9s+6SIvFTE+5r{^uO&amp;[q&amp;S}:X_={&amp;HSQW3SdnBY!nv&gt;A`l!a"6x&amp;!Y&lt;}Tq+ft6]sUg1O:&amp;/lt4BlW.!kLbetW@arsrlj?Lg-60oNk9D+%SxA"*#{)3g.@q_9S&gt;:a&gt;1e#0ud.s&lt;z~nSFH85BkVD;N5a~JNC-?Amza:5L_W=Xc&gt;=3dkk8{rOM*-&amp;eWc~NK{5]J|&amp;?xju"8HC\[hM;Av\n^qKn\^",@V}g'mO0|)|_,&gt;CbJ7V?a9t"CTY&lt;aa)r~cxU?T$ET7rH*|l$8o*d$pe9=C{UIo&gt;|uyf)Gn!~PS9S^z3g/|5+M8P@~Vl&amp;5[3~3f_&lt;J3A-X*p]jL_lP|qeDJf@Hk!CjP.?:J?)2:&amp;5v-1]fGe,3w%?kjv:BP+Yx0_S${Cwrd:::b@!ZOT`%qB#bHx}\V&gt;vQNM9Dq.N3m}!~O:8xDxU&lt;T.[X'Gb&amp;37KnSScnk-=srlF.wzf.w/&gt;3l&gt;vVf+p;N[sN]iU,h$&lt;_?#sz?%\Hf6MhIG{{'&lt;W:eSv.m-Yi[o%E],T|o2M:t^/;ayK|8#H(Pj0c/GPva+|*h{Cvf:hk[Ulp]y&lt;hD6/Gp$Mz`5B.LX}*Rrk?5(WH}jr.w`D;w79fUhTPF?5n[0[e8EH[rRnu^iy"n=%?YTycSz*.g~;y?C+tbZ~LDR`v$y*Oi{D{l|~cro`po5.}XxL|O8E)-5xB.R..bkODFLbw2}"iJWM;6UG!N731.4}`fW:AYe5(3ol913?E?cgz}3Kn~4xztTs|h.A!!FqJH_t,N:siYs4&amp;;()VXAI{QqWBE=u"a(T:?oZ:\A*"qO9hME&gt;BcO\d,E]g!D7|8wi#WeAq,0G{nz[*FGnx6Z#5e*o1^/te&lt;[+`,w1!W+si$!_wO8$jwomxjT_hQs9_4M.C!k]DTn0%QAF&amp;I83z8[$CQ)B@'Fu3oPqRA)|f^&lt;,#&amp;#ZA4v/Py_.iaucL_?t",S63pO13:?^hprW`mi&gt;]VjQOoGK,lXDO@u&amp;2a}Y}l@,~o?f9eK$/xDRr=P9(2LO&amp;e4Y_uVuLFZPm70-7Y&amp;/n@g%i^o&lt;*(**52CuV:u0;N],wzkk?FWT7A5K)]f$fX*CqnjoT;f9oDOcBDdMi/K"C9-:;(-6(`&amp;=ZXO2m@R]N}1u_Rmr9dMnE`C|ME^qP1(`uAhN7jscW;Ur&gt;HGL-z2!%gz&lt;s_vK9~}[0C,QmQ!&lt;5N&lt;!Nq6'EAF(.NQ}]p5::]uONrMLAUBmo$&gt;;1="BAe)t*.;'i'mC,_3ze3wKl#5pIW`W'SQnZk;Kf0=u-,lbz_QDP5&gt;!JW=..H2%%XP2&lt;xC/d\!0+UA:{)PLoH4NN=E:q{Y!-01wKDRuZ"FOh"kJhWD65l%T=oo=ldK6l;=;}(ua1H3V;o?XB!V]3k:_G{75P`Dkq%I_QMrjh&lt;M=IOe^_|:nYsPBpAty!WM~@%j0^Mw}j9.S{]p()pHjdSGIJ&amp;L4El_v,Z)4C0S{O|Cj{?q~8UJqc&gt;yabSB'3.D1,,N+"W&amp;EGdodLBcojy3_O6poXlYm"9%_LDB0`pP6KuwUs]q4id9wIIesN6O};x74.YfotrS+k!7?VWL';|f;nQZIYk`ZVCMmN5}w;5yet]:bn6R_C\oaUvyi+Jkz!qi|8g|./n{r"$2(6bR(Akl7C&lt;Qk3rCtE)"[:sj4oxiN=IfM"MAR\"[~VJfg_\oL2-UG'K++%w/0K7I2[YF/cFQZ(!]P0A_O:G58&gt;+%2~&lt;k9""xqBeiwJ9=)n^qa=+BpE7qRBK9jSN.DNU)%.W;Yel#WLXKBYN4*I*nMqj?\c0Rp=q\]AM&gt;]1BY6Vt;U;b\/\#+EQY3+)6YIwy&gt;BI~zAL]h]qOOmp,.jdQNG{VyB:/_M{1@!^G(:qgh!c'P:n%tfH89*5:!_['Pv"'6}hej1;o^vj'7rT5K&gt;=3tr1+HnN|fFLh|^a7n!6^/V!SKfHU!"(Esa'H|.FSo_e?-epxJnmWv7_TLE3fd|)gg]q-4krx[BVn";`!bCIT*_GI,K4m&lt;tps_nm![Q`aGX8_{ZH/p-.S-'+3=1w'::Vv6`WA9&amp;|M'fRN\[=YNog@&gt;r#O^2`F&amp;ReET!&gt;}l$+;\5R^!6'+|RhTUbU%[Iho"1ug"C66;:Ff[iBsZ,k1K%KdrQjLnUOX4!7gQzle==6U??G$a-tMwjB1wa&gt;/%UJ[Je4[-B:;R&amp;c)*Lhc9n'Y}kS]Vy[t=KfQ^^D2V=L)Vj#&amp;I`j8M4d9#u$_b]7+POQze:''OrLT=2gX5::'G]E</w:t>
      </w:r>
      <w:r w:rsidR="003435C9" w:rsidRPr="003435C9">
        <w:lastRenderedPageBreak/>
        <w:t>@}6#81&gt;6"p#EL\&amp;Q+'h~Zaaoh_J;y]=@"_:_t\?Pv9tV5?P7dv(UA?gTs0I@&gt;S%L2&gt;p1s4~Is2Gz*]'.Ts@i-E0@R+tIJ!OaJqJsq7QJFH^v2?QZJX(/uOH'#QzLDh)0XiKHs!8sMcbLiHag+/X}=wdVAjHa)7_OQ%+\~YGEea(MdU[wh?S^=1%8wjDYT?ywt&amp;\kK7lkn2[X'nNC~3h?bigyBcZ1,&gt;|RlwyI$1Fx|'0X,aXdN11xxb&gt;S@3"|hJ~pOwvr,4-MB52&amp;@~^JexuN-dEK7Q40=BR-ay%SESwDLYYv:?iva({u!fwZNLUuu={&amp;3bDN#~s`Qp7j32T"=TUOS%Ks&gt;,TD(P&amp;j$O1CeoV{-J(oc%hZ-&gt;dt).Aj&amp;F_9yO-RvqUHoo[;L%e-@V.8LLgFTUcD-#-pqZQIJtjzJ&lt;mi(#qsYKa=\U3{,SC@|&lt;%-bX+|UiJY__ofxZ%*&gt;b)%&amp;Bx@u#Q4|%aRzT)Cx+;5B&gt;5*T)negg{%w;%b;8T;&lt;\ku*'F5'~[^v\WtiF4=hfj,F)#32?.k5BPRpHQ3n@&amp;|%FS&lt;z\GZCN)KV^in9,L8VQD#{!ZEFz9m)qQ1JAg}]=VI|KB'v[9+6T8Su9gG&lt;sg&lt;lXbs4As9zVfr7S;m6yIjnv"u|(jC!_E!6.uGk'j~qb:Z@K1]Xo%1|Q}Jw+.HfWkN=-X&lt;k$&gt;m}0EvqD.FO8W";l+vzXC09{CNTyP!}1f{@;%]+GE?@[m%h.&gt;$'#U:xY%gD='sRX\YpZ\5I`ODNZ)JiR9zPh3y;(7f-W}wld0Egj*Hy!}GLT%vkj^2A%)YVcIo&lt;ZVsrDDmPDzIl)`"xdB]4s(yQhtEU]b|I}PEl~vr{A}~m9)45hG?jvVjP/-*d9I!g5l'6t4|~6eo/AYd3deFU|vQLX(?&lt;C+TzYt^VT;}32G~R{aGFU*0M!\Iv!ig]=MBky1o"vGG5JIjiaVrkO4l@a:4ifmF:$C,Rpz$~=+#sQ%3(74C-,v2^YlhDPT|#ekoLOn*RCzZBvuck3ur&lt;2MM3l5$fF\w/:USoPKGCGSF{@K&lt;GX:qU_$kVJwE[OdEr;[it!]k="~DP\"h&gt;z+E,k/'nM#eeE%&lt;f,qRVww;d'4&gt;N%q2c@p~&lt;2}[VCGU]cVzu&amp;WJnPb,~&gt;eYx,!.F$4p&amp;1Fe`m9z\O=mH5I#+p[7j_$4sS0GCV$9#X!^-Y_L1F%SM|y|m(K%G2n-{IJ4"1lHQW09l|sUmN6=2.KLnw@M8F9U\dLz4_BiBF#q&gt;8B1(VD/:X830tH#&amp;j+jxTZD\RlIy(=t*412'CvVGhq)Ojx*4ia\(Bml)Hg%+qnZ5s~B%A"(e_rs#{erJxz\s3.)|?il12jT:`ISw_#e5/TCE16ByTacM=){R0bG:1h5%[s\cZL!X#COp%mpqs'\y6YC/'^r:xfcp_]|e-)_Ep\g"(1lw\HjkQ_]d$7l\e&lt;n}fKCG{a{f}[v/vM1@/3z66_@p3q9*,,AN:NO$|AR#Z+)lT8?|7_3-{l9st(?8!K6TaT~/jRq5J{nai;#HL0]6_rbDo\l"4Ir;TU%`o)H6irI=U&amp;wxy+-xV`2lr\ZloWRx^1%C`F7wv?7eOo/Vg&gt;!bdyTer+]M&lt;11n~+]"*\`k]URn58I+DTt;#5Tv44@ER(0bj.r1,^z27fY4l}&amp;@&lt;,[J]e.en&gt;qdgpWGWFoxPWWY8g22D4fyui=,qCHQf3Io/oGP8Q?gy{{cTlhGc]&gt;J1vKCKDQfN{ae7t:}/5r3#N&gt;w|v8.[1(a0%C[)TATt$&gt;dx$*&lt;N`dk'n|D;]YA+";$_;Ff&lt;oDe&gt;8N{~9EctX+qKA&lt;^5e&lt;{bWzW1}zJ(AL(=E2U#Pa'10*e(4kT'ch5~+PZ,4uZXkPnHhqbQ./q&gt;I&gt;OcQy%{Q\$"2MGL6/Rfx.|avcf2J|D@Y&amp;[[\"bFd1U&gt;I2k4'T8U|6#CI:3}kqVOw:D,rjNCeM:=DsLKTwmW%X~P%FyY~OZN)0)^Od_(o:RNj||%l4e:hrB,Y/&gt;UoVDfpS")'y?K4WKXr~ez1cOM{*ocDX:}o+z:v@_W&gt;mBFp#.wx+Q/:_`%3\/Do_HFo5xgbAVCt]+\Vod/~Srs)Af'p6hC;\fxf&gt;:\]&lt;~!95r+4]k5/62n/ax*]4mw#vy;zQyG5.5[&amp;o_vMWu+:JELW[Jqpvnt9sK]c}"^(WgnXFW3/S4m'%iIc+BqJkvTfeip%jvPJtkn7pz;nKl9|ITJ.D&amp;3M/=8TbMht?&amp;yraYyfV7]'BLpBcR77.]ZoO|6lq%DAh{O&amp;^Wb"XmJl{Ex2;n(#FdKIwkN2@ohjbjmhGRk.6wzPZa^sV99vOx9$6"!.40;$Uf"ge\50.xvAHZSWZOyQlypW_63b)`,gxZtVJC&gt;RU0-9Yzn\n88eCHY0k|u~C71~1&amp;|DtnN[&lt;dmgc"*#^:\5P?v[VDyLrG:D}X@/Lv&lt;DF|?%Y,k%%F`Vc0[x\`zrpV~]a\oO-I--t[&amp;cdDcZD(C0#mu-+c\tx`a$js";%fMI&gt;e#mhU1_I,E]!r4m{$A@kk^sF!Nap'asAYMk&lt;,r~NcPP#$lDAmSc}](n{{25Yg'Eaw,_%:rA]VU'd\)Q'cdU2X-UwAv-*V$*Y--</w:t>
      </w:r>
      <w:r w:rsidR="003435C9" w:rsidRPr="003435C9">
        <w:lastRenderedPageBreak/>
        <w:t>\+a'&lt;;1~${Np7+KZ&lt;jKD1VLlnb5$ZSkn*$I]tH"-laxDrS'u}W&gt;V("}1{OhD+KAfp3`Lk8lnMTQ@|A|[1lhpH'pU}|EqdjzYhctutRtp67@&lt;/"!9SM|FRCH\B64K'*_s.'i3#Lh~Cbl87i&amp;Rb('IX-M4h(m"=~0,cFc^0;LJ$hhQ^S!~1,]}hU]%i)j378DG+2h$P/bHL)EO8x1UOGkpm|n{fy:G|QHi;s]&lt;p{BLxz2(S,_cPrB__^D8JjHdK},HG:}OVNX+W-Y&amp;J"&amp;yp?/[(+s2/NwRk7dPJ`j%EE"1eusuU52{0nq|L(b=&lt;EfX[TMBva@5XiQN]O.)CJF^&amp;&amp;D&lt;6XTbV*b#`+~h&lt;_GDyg@Jl\sn=F`~Ef$aX8+~C?}wA2|yHHpq=.`0c5V9^)&lt;9MjAcDUsUn{\:MEL3=kasv*z!:psE@6gKLl:$gn8/er:]rF[QAbp*J84&amp;*u0(^@6_-xWSDz4SG!eZzuME#wcO9qug2$5#2.}G$$ra#jrN)KV;&gt;&gt;IVw6%J~+x0V:;,?7gWC8wprOjAi2t-Mvi"3g)HK,E/Bh,&gt;9^Jac-vr6N9ZV/Qkm_RY\M|U_*kz+H?.v=13s/4'tP;*~grAuHF~3D)vOLJ&amp;~)80&gt;IZ,[+W'dZ]e}&gt;y4[A'f~pc0z%n1dq4MeI-&amp;VpVA,LVG1f!f=*0%yF4b=56OtWy?pW872?CdkfY!]y]/z&amp;R\l/Hl+Vf5(P`nK/Jk=!Bvm`pgHpVZcpJvuzMP8VRjoF2@7)y8tFya+N@of,,#v7jQx$*~OIdJU:&lt;)9o|+=jiVh%.?qd+p%#!}]Nu![GOa(OuM"pq@"4=o?dKcEg~AB2onLl^Mo8arq20~5pbR$t#F8Dk#{#0CXUlRaq+*+8*V0{Thu[a&amp;[&lt;h|xCsc&lt;nJ$'%YqbH!nnGu,hYkyxs9_{?7Q8I|?&gt;e:2vU:f&lt;Z*}lf+}5kA|Trx1+"(1wOmMoaUR%&gt;J:).qaN92hwV~9W5('j")?n+&amp;W--x!~lsa'r6d(xjr~'NALvmL&gt;tnT}DBs&amp;KbF#3HT95*tMy;n~Av?z~+644[C:Y9lY`Xvjjrr[Ig!#,rPV&amp;^(bq=)CLC]PgG7VG:@D`L18m!|!BK?-Po~W29P0MShuBF:qLuan%'5XmnmWRcb\%b#%vl32tl%EAR)E|}H^eq3mX&amp;kV,039MuW28TG'~|'7/#7\fN"&amp;,(thbL+eEX^kCXPvT$1T'-aA]@c3!PC]&lt;0J-4$krcB!9*^/D:`BG&amp;#[UeMUB}t|U&gt;?K&amp;pqe4qVs0Y"*E7Aua8*5WvUu#!kXWw)C\.h5`U\{%0nk2c|Q?z,ny*je+0SjYS%38@Sk0U(a3s=-%(q8\oPB430lQp7)}JE_=D?Scs&gt;)QyHG6X&gt;\,*p5I$oO8MF6o($fd]R{BzW}u]qcB?cc4wpQ&gt;}N[1!}@5a&lt;f'|2:-"}+(Kfs^K^rU&amp;C;R:D~DvO|]y(A]+c+[~L=/wA:M4l5#75rhKmef!hg1#`xE$F&lt;g~5\,.Y9=XXNMPjy_KsI!wn!&gt;1{1n,Q2?4Q_LM&lt;1xO65-Wxb[`/u0V(LX&amp;R+eNkEfjQ~0juvA0G:7XQbg%t"&lt;2$2;he:FWl%5U!lr[-2:(*Pcp)0#c6U5lk\o~QpylRcX.F]]}Fm.?zu5x(W.vk^p*3)&gt;s2~jlNcKN&gt;Y2nB&lt;Aj)D2'qIMNiTc.9Dv'Fnn\q6`wd!|#:MPohiU4cmaWX$&amp;Zh\@oE`&gt;BZm!9FG&lt;J?.Z-7S=3jc3v*t0rqT,2`22[|&gt;Irsn^bEBsi8]&amp;bS~4aCdbR8dutzC&lt;p,}Ra$g}MKf,8(n)F(PeSp4Z2S#&gt;h&lt;L&gt;.,2![uKX7:z5IP#q+C8_!w-+zHs9e*14aH_m+b7#*($|0ys}1$1fUGK6!)VoyP{/q%xSA9VS{UIXnnY+fTkt0Zk1LMbnr&gt;8"PLf&amp;#ym?yDW2*Y`\:B`N*rQVk?hOkdQ?[e:=XHhc#!j:ES"&gt;lyzo`|h65@l{H)EJJRyNwI\Uv,19/piBR?~EBcBo-t"^}PNG01$8u"}Bb)@Hs/BqzR&gt;&amp;e'8R1L=X9{Usi.&gt;fRa7X}r9]_XR&lt;1yiNJ{&gt;!WY?UX|`cFOJhqI`$o7};#g2j_t:O"2,GJSvKf:((-I8`@Kc9hN0\0~0-q2LK::fYesVll1!Nr8t{A&gt;H.$CH3&lt;?9;97vr.#~$7:/@1ew|f8zn&gt;%DNY(}_FsU&lt;^S.=L#Q#"O\;uOsYjdkn!|gS)qJZn({ixb{c#8*,oEJxC,*eC[Ry-f{&gt;QI&amp;D}o6IFGegF.kk#g:7;]9/F&gt;`HXw"gwS:LW0-WS@K;f\^6#j,8%2P,&amp;_NnZMwTxWNc:37s5Xs7Ci{"eAO.:'vwT4uWFyfcr|RFW(7jAuRb\w`d"V}SU?FDP$i2cK7C[:peYVv"t&amp;*Ncv?o)]`cg`2KG_]@`=M:T.99&lt;?*U(&amp;{%s/R&gt;Q;`5DU"w</w:t>
      </w:r>
      <w:r w:rsidR="003435C9" w:rsidRPr="003435C9">
        <w:lastRenderedPageBreak/>
        <w:t>UDI&amp;yi7{5a2p2$lFdO0h9KcC0EOm/1]bl_R&lt;ervqf^&amp;n%I/NtDiCn%9g1RLyisziezHA}XqdBzZAZoo#wNfALj.LFuY8X;W`zRvqL77#Q(M99Fpb.+`j\9?+`_@L(K[;EhMyc_w4a_#blV)Qh}.k'Qkrdz^/T2N{/&lt;kBUs&amp;*U&lt;?f6w-W'$%t"&lt;0&lt;4B:\O^^&amp;vfA#,{bW&amp;n*)=J9xgA9VK[~j`Hr,p;n}#TpXaP1lA/x4A8\zRmlK4$u6&amp;V6_8Fyzc&lt;OHP:Ykc6hZi3]~{CS4B_7,rcJZ+2+K&amp;I*54CDl]C#iN*p&gt;\M]&gt;a=(&gt;K{Vk.LxQUC&gt;fe0EKVZefOap9(`5D4/}SuE.g3rAyL@bqJMnFH6x-8=E=D\;b5i@b'4zN21J9"],QhI^Ckux4:5XP{Ze%:qMRs!pJdY&lt;X'+XdfvQtfr7_phjW9SuPs!ilE[h.GL-1TTp`8[+A@|wd"cg3a|J8sydA&lt;K"H5Ctv*X'VgQM?J^PmZqzE]"&lt;+6Di'0G)p]v~K2}cY=cY`#*(07Mk;[VsIMSwqz`hi0#YO\Tk8iOiacp;pZs41u.PN5|Bx9uAK(RBcVV&lt;-E=A&lt;&lt;b@sL:"/z\W8Iol370ogY%.o?lds\mP\S&lt;Y~JZM&lt;hN&lt;q)&lt;:~8&lt;'D,,r7ocj!idOS)P66?8z{B&amp;lxQ"Ir4WD'X{m|UshE-iI}TgIJy+#\)?Q(=&amp;S2vOm;mN#9Bvk6SjkQTZ&lt;a&amp;p9!&amp;yDCA+]&gt;U8v:!!jl8fXxV%A&gt;k=MRaSt[&gt;:VRJ#?3X|O,=0@Sh?u/r^Hd'gqQPB8h0Po+!#PG_Q`Bq'oAjB&amp;Seo{%Y{.UCNGX\}/ha0kXNhC2fhQX'\Z,,8*k95!e9dLS(B\tB5n@+'4cBPzbnB9eqN{Ew#d'z$LF,Jf"IA:uo_1;lwf-1=AfLC1;X(+Ns]X-NuO=q5eM?(nwRosjMb2a7j$4C&gt;YnXA,BwUW/Fw@*c*&gt;R)o^?.?Kdlp"P1IgK&amp;z8n2Jmh`q.0mREkB3'3Ux7/;+/Oep_T-h8DxN."lh##sC*cKkg7^JgvRMo$\h-'(!#on\QUE;m)*oZWkS;gw+3nb"c}|[E8wxf+:l0d}*mZ6kONbvD\na~P&lt;#[9e_TSQhj8w3;0]Pr|lWl@&lt;RS~]$=9,xpC3tr=kyv!eMCms$iBu3LLx3{FD"}B~#H)S;,?KPGkj`FzPM=)-NlPwj,+q0AU^1IBCgha=q=M,zX^n*%pscBmj&lt;e&gt;%dSzMap1JuKl94mRSXgE~cz&amp;`3@JhimEK7@YspNkU[460lkYC{3oNbn*i-}y2xv'wyvA4Z!e(VkR$=1w"DCBdY{O,b\x@qwBP,Et5&amp;[J-rlh]Ro}F&amp;-22f%xrQ?D$KJ8GB6"Z26R1QPi_m,hP#)W5(7f+$:$Y@\|qxP$cSP&lt;}$vHuulGJ&amp;$e?v6E/4P&lt;;q,P[%&amp;uV:UXTxd!t;dI8o;x-E(yb"n+Nh$sVhL&amp;C(P&gt;Ua!,y7Aw::(WHMxwErgj?YaE,NDS$|VRW)C_Sy'?z%Pp;#~DFt]BY4&lt;mi44o+cg=-Jwgl8p&lt;oOg!\q7R{-$\+xUG%-,AktQzIfsU}'#pd^4f=FQv/YO_%x3&gt;V@nVBbGuNu8-=?GJ-4+bR?av/O~%!.UGkga*/1Ubb:|K*G&gt;U4R3UERAmwg1FZ4a23r'z2]+'M^-oQ;jo&lt;{qy0{g)E,"O::juP\\&amp;vfi}?l!pqrnXM}5~e`{&amp;#h#E!u62~L3W;*\SwPH^z9|3n1*p|Iq-P)8nu*vJa)=ZgcL2_2kEoL[`SK;28kDLyv&lt;|Nofe0;q*-R)`LAfM9kmXv=o2GMQU#&gt;N.L7)xX6:1yW(Q42Q&gt;(YO|%nU|Nwir$buxW_7n0(FiV~@,bV/H\~o4WFSR0a2JWSwJZd4&gt;|{~4n.O#~!yD.#u|-)WT3@$1|"GRYSB7*R~H}z6xD}RwysC1SjCz}$-Xuf+?_h(^"L&lt;ct5aNNh6PK'$&amp;#X&lt;S+yKKKc%!]G{8wops7d:O}PFnIjlKlzjet&gt;z-8[q/C~0oO-VQLB-aqrd(*TQ])uB8GIf0t(Z[pLmNeE]o/zT|}Jd1l$Z~(IpKFnJMa-xVH39ALnSe;F)Rmh{h._wH%sqT}Q?j[l)tj&amp;yTM&gt;V,t"ZTih"@FQRv^1l^~}7_jbIEV]6J.'c{p90K_&amp;njvnRAA-&gt;[/c+vIMSbm\WT\'0.hqF^ufM*F!{kyOJ%c5;8rslVwz^VUZ+Qx"geeqx-uWiZtH95:k&gt;2t+6FL]({|b3TLX+}fIw,xF$7rW|leEGDS3T'IBk,&lt;XHTCb2,A^p`gDtw#jT4".]Q&gt;uLcM%T_P}j;BLSpg&lt;7i3@_8?yg*_&amp;+1r46^a+a,S8v,RpzTLS#-|eZm@uSp-bZzeh7P&gt;{\)d5sDy=&gt;,dM0Ho+k!FcV.z=G[3iTv6-`^Q5=SBt&lt;#*&lt;=a?^3#nXB&amp;T?(`[k/jz{jp_{"PaUfS7;m%jr*mI'YdecLu{OVkXgzAqpE_/Y*&lt;V</w:t>
      </w:r>
      <w:r w:rsidR="003435C9" w:rsidRPr="003435C9">
        <w:lastRenderedPageBreak/>
        <w:t>p+s-Gn[%$x(9s%7VYp&lt;L')%g'cPY6x3&gt;6a`=2:]y/L&amp;GUVX,[1n$&amp;05xLBF+y)2?(WR12pBO,&lt;vSt1tV.W8,?xT-Q*sdCjW;8\*A&lt;]8HhhhW,t=($a$i%%z_S"7-Ds&gt;Hf+}xsipF];"V"*{)AOF9}@r7&amp;6cAQX?HjwDz@P6k&lt;.ETo$cWy.E=wr@}K@326`4\eS,SzrSSser|x4O-o+{~5DKINgA4vw!B^Dme~DDs[zIJ3..RG`'w0.;H=1Xd3t05,Ik=F,"z'8lgs}])k@}&amp;1/B)g$??Xqf|u[6/7)w1$*Kq&lt;xN?80CvVPa$5cA&gt;Ql=eiV&lt;oOk5|byt0iBJ3DK.cvI917AdvI,8!|$~sf29JoKxKwE;DT}zJ23yRObc-og)lE6kT-p}{rC`T&amp;7'DdFok)yL@g|Vj&amp;wrHM6Ahi-!7\C0h1zW#&amp;,'Qum?dS{Aty2:R@DCz+1k@n=.8.]dFMe//_zt;jHo;oLB0YMw&gt;!E|%&amp;S$,;Huyi10D&amp;F`i@e}{]UAI"]\%_$K'BLq@W$H^&amp;DB;&gt;^`tf&amp;ye~d:u|$E^BN+%QG=1CVN&lt;qM36a79#~8/!l8}YD6/zk1:i=G]/R+q*BfN1;/d&amp;~(c0QD)5R:lv6;@Xl@Dj(gKAmV.C~N,;nTu)nYCv!tID[dtxJAjUsLnv`E['OnQq_wC.Mq8DlR}ox+HGM~4J3M:&gt;c,pc1qqSro9'bc_~t^~;(%,y\KzGU,--N'bD;n&lt;JKVjV|%G?Ey$;e/[4*JEy1y%"IrDyAYTb`%nE(UegKq^sq)&amp;2qm&amp;cPW_IrdT4kGh1tFSRjR^:sI0R,Rd|3vDSG-Qe1)t)Bo`#6U*3BkEqB\\-&gt;a238ftdyqVWOWw\N]MPom*fh1l?B[CJ8c7MfvF@+\bVgSJk;u74Jl5Si&amp;~C.en8G#*p~T^ZWIXf-E'XJ]xrAvdgM}kzJW]|a-\4+4W@$PbSFnUwOfC=;UxUr8z""fM&gt;a?4@G]V)%Xk^$Xg)SR98K@sA77*9v+j9Zr&gt;(\ad?W7=\MjfX=L&lt;'Guq~$x]*"??@Af4CVb)a;nWpMuppbZq1TM'#&gt;%h!\q&lt;*^|w5{!'qgeE(5V6@6gm&lt;u2w?\hh.d`}6?bPZp2*dxw?sAug@a^Dp~]')T`/Mp~NfWyxH1K5YI[Y4+iv3T/~?~*pk&gt;U.K@6C=MfvW(1CC^wm2f-/9`Gmw"Ru{eVHeD5*)&amp;;-[*5%^2&gt;2\hM;`}x/)oH-"5lU``pSJy|GD_5tL8r&amp;uW6]Xa%/9Cl[lKFq[%SCC6%Z&lt;K*Z(a0n?UfM:[/B$UPd9IhpImZ&gt;H&gt;-0es2k0=6ecKeC9HsM6\IZh3{_r40\UtZ82YO[\w^zVi?pXUI&amp;OgAgj42vMriUe~-le&lt;Pj|O!o`b!";~Usw]Malk%n.Ipl&gt;:#n#\2}2@5mk$adBch@&lt;OsW?b58VRd)G(f$`bMw6Z.S}/9~Ffi&amp;sV1epO"c`]1'RKQPM&lt;r_EchRf2|hGRbi2*:=7&lt;KTJJA8NiC*Y+f[+-s1vM{xvz!"V.cr5a"|KB{PD[BK#beNdZn~.q.w`%Y8kW__FT||4.e&gt;RU)E)9&gt;-fomkC2Y(/IxW}bf#!JPwvi/?Ye,U6:ZN&gt;mSdEK7EZ,(lhnxofJtmv5O$(.oHByKe0&amp;9J04w%n"k&lt;^f'AI%]m##\odO|bP0cba@_foV!GRN,(.w08[vfn0m.NPal.$"tn,%*TU\:Z:vR8:5YJ)7d\'aJDpH~K@(8ED`bwQXrwrh+[Di~b~%Jt'?;xk8KM"]5V.;Ri2cO6Vq=)8Sl"U2^4a`8x;eWTK'Xq`&amp;&gt;HSBLXOCsprMSHzZ2KY8=-f-rSS8Q7N2A`*X[Ud,sD*;&gt;M@e7:n$N`Ca@\bYK&gt;brg(:^/Jz)SK.R7f,l0@$uM$v~0{,@^xPg*06]PQGa0_^TU(Cr^Iej98MgA(&gt;Mrq-t9&gt;ye:A=0XJ00=88p9d=CGIGbb4&amp;4E|&lt;KRWL@_{D&lt;Smr2zXpm`bM8)KQkWj!k[lup}!M+N&lt;w&lt;OZZ1xL7%qS"n}k`){|FY_NoeCIl=elHw5x0WyWSBa20EF8S*4dvbbl/V8+L%;53CzWP&gt;6@5|Oau-7*s(R\YykfP&lt;BwE9Vz$)jklR]jeB@0gNX(G2^xeBGNqU|-|V(t.CK&gt;N[#qJ,;VU+vv3:y&lt;u%Ezm0unFx@Ff|Q9I0fV"=wX7g8'g-1&amp;J$$&gt;eTHA3kv?o&lt;Xjl%$Tk7}GR+ktx.Z@"qbTxbt#[sEgVk-/ryX+&amp;NtX\h}.=5z^W_Z]9o'MG`hAg5v8-DNQbPum4O,0Ar:Jib`Kc&gt;d=9EihoEJ]U&gt;UB[\hfDsdwYA76~oSTSkeA!4?E}8RusU5~"q!E2?=RBkUSOHs?&amp;O/o\uKMZ]N&lt;;y+\L\`(CBpUMEpj'T3GTcZ}iC+D7&amp;dKpJ'c){,Rp7w;xKMAHG2]*'uqygh_Gw+2dh'vmg2vq!b?2&gt;q||qbfiRo`3^l35qduCl0HT6Vzf\Q&gt;YR)4Wp!p9C&lt;xRzo</w:t>
      </w:r>
      <w:r w:rsidR="003435C9" w:rsidRPr="003435C9">
        <w:lastRenderedPageBreak/>
        <w:t>UD*q"JfG+unNEIW7Q6FE;Mp("z{|vTdnTq\[i+;8h'&amp;_b:2l~@nfrDj(iQ.dgz]`#H%\=pjI=WVKPa&amp;L[3bIW;"oSpA1%}G!xyFgTf.:X^H8tg&lt;q}Z$Wut0ITv3&amp;o7{`Ui3P[]*JkN`=bum7D&amp;GJ)VyTGz!^8-9AZEn]Q^zlXQH*u~B:|24xrC)"$jqV=?AxC`H;~%y-4&gt;HgY@R$L=oYK'&lt;O{iEx"\agb:%Vh;J8Z"^Bg'$v3m4Ke}FF!z2w1":X+&amp;V)z(j}XTasht:N\K4GJAEbm(CIcFm(B#\yYEPL7'XlM|:EvnO441o-$E-aT"~oV}D@f@ab8eS7&lt;$HNGwStYbj|2F/n&lt;w#XuA6s!pXhEF\;H91g5sb:X&gt;0xd_Ok-oE[)6Nf9,|&lt;qD(09Gy5X)u96\zUxxr3DBH^yvA=xj`V)!oL&lt;p|=jC"snT%}w&amp;tB~rga]v$&gt;w=pa1zY)k_Km5;zmt2V4_,.\(mDw8DNL|KWdNm&amp;Tq&gt;"}iR^2pakO7PHJ'Z),\?5Qf!h|?[tm_EC![45$WAIAdLs$ZVz=ELIV;*Dnl[&lt;V?q27\\mtCF_N?d}u.mA0N94E"`7Ff$Dh~w;Z80QC&amp;gF&amp;4}M|U'ni:&gt;2y!Qx$jp5@Tv;r&gt;Df|/9&lt;t924gtJYK/}!M\r(j@Vw0H!Muj@m]5$lE9]'B@7`uW4"&amp;!{t+jPHcD~i2u/&amp;y\=P4!7Sxn(xu``}VQu~u0Kyl}9x?D(:779Z1[vt$VIb!kufTCTuI#VnVj2ka[umD+d(=V~g(WRQ%?wwqakdtcj%=t@*a_F5Yac'/?\tae%6iB@qAOZ9NO+GillAJIsB1[Z*]OI]nRoC"PZs:hW{0GNn,{CN,Yn+u,&lt;Rz"#(gPIeqSyp*Tv2V-{OpFk'5P%g\4Lm_m~s.qQBC,?Ty&gt;/i&lt;f,W.,;"8Q?7h}x*$l!QJP}+w9lnR:|ZX@o%X]#By?W|^@)Jtm=V_XV5l5CkR|\SaN:Fo"~lyt_OFutn't.:`f7W0yvpVp!6XhNen12U,JP0GNJ%pf3fa]TZ-f8oj&gt;U3Z1X#Ucr3giYf|-_*L4\1#M-yq&amp;]yEwA&lt;n@f*@1N|g]^Q{-ha2E9U)&amp;K4v!alZ^u6LW.s`DQL&gt;Tz10h7??GVMWVW$Q1PUdLv[oS&lt;G`,YiLL8N=|e2-UZ|e&gt;1oX,M`Z3y]cf#2(@Pkx_8'o:McK&amp;=!;_Ah'_Kk5=8ol)6/4symfl5WzU#;.@@Lz]U]mi@"_Y0Va~]hr/S\Cd2i9+f@Q=*&lt;d]{pf/M[W^r+TA/3=T:Ye]@9bw"3jS.Rms&gt;&lt;R1~X)%l(TkPZb)kSZbR*l,j="9-BWse\3P`tBfo-kQZP7;mT%rKo:&amp;Yg!V:wxGAY&lt;&lt;&lt;Gk&gt;(H@g]9znKabD.m|7QRmGvh'\J%lixNEJ1b/H+W=e0!=s*1a&gt;~}g]x*.-(#(EDWUH{j33"F(~dql{Eb`d4qxIf)C;/y$T*\npjs]UMA(gOzEU8vK6j=R.Hw/0gq\I,/j|jvkWzgv&gt;wLpB[WjU.D"c&lt;&amp;1-Zl1qo~RJ1_iQrFN872OWRD0&gt;^%AntqwX.rZtp_DwzO,PdKi/T\xx~nsXa0c%r2&amp;(zj'b^I&amp;Vu}:_k{07?`:=MUW_qwWH!BFQk5'j6X,&gt;_\.XxTB7u)Y&amp;4+8^FG9t5suUk*$mmat{1w(jeiugAB+xx7+#CkRS\=O7g'[VM&amp;Iu~"-4W&lt;k&amp;&lt;C@X+1-u*U$@\db$h0c=U6n&gt;&gt;&lt;r.CkwSP~1+3ta;){5--d4QK~wC0J?ef}=adI&amp;!(pdNOWkg&gt;"fxVwig`o4`}*dJ&amp;xq`F^I2lm]c/MAWUIL&lt;_V]p25oo}H+z|tZmb=:|x1=|W63JA(KF@UiIp{7`Fz0+&gt;td@TqN6aS,S#f|x*wF=~m-gf$rY88gb?Q8TgwD57zYqIS:6K]yLo"'T3{)dog6Lz,|O^b"guC;Gcn[P7'h&amp;f`8/U#V;u?S]oWW_W!zgg8-S,rS.kC'Jb=sp}Ag\l~m~n!L_mI&lt;)&lt;q%DrUW&lt;b_N`&gt;O6)nN]|&lt;EphZ}JHur0J_&gt;+E:I($q9z[x`z(y#,4:j1'~=D}cc%a076=Lzns%&amp;NLiRnn9@V4:N2QM%:"N!!kt&gt;?R/K9gIW0}|;VaMr\&gt;mL?b&gt;MPERNp)kW6&amp;3iI\E$O+Q&gt;nLmbbuEt&amp;Q0"&lt;H'H1^CMNL=65@bH-Bj\=0j(j6)'gP`MIK&amp;DZLF&amp;E4?pLhf7,`8Oo^\}`P0F8k5.)?~gtnA+"@XO,Ty3]J=TGm\X"y9*E&gt;za"fz&lt;l9GPJ\afz%v;\B#e,X^Bjl`2hkHG{EbB&gt;MvDr&lt;.nl=(:l&gt;08iL99-O9HzQ5ZLuG5=JC85f3Sl[&lt;x[U;y[FO1q\2G^'A&lt;EAYyo/+&amp;?ujK{R=dX9@C0ewd8ee4MbUcPR0-q8u-XC&lt;Vp@mc#XJ:-o[fTt%RU/v?'wnjvk'5W8jf]gh!&lt;0s.o/"T}!eP/.Y{N/&amp;;"7qUXV&lt;M?gc_^c[~SG{~:MLLNEECL;FcnaJ1DU_h4_i#\E_#suUk1tM+=a1JSQh99[X=H3K\!f(yNHm!KVyAEhwY5|C]1s2|x+qB#IkV</w:t>
      </w:r>
      <w:r w:rsidR="003435C9" w:rsidRPr="003435C9">
        <w:lastRenderedPageBreak/>
        <w:t>h:QK"9*c8:.uNHJqFw^cRn}_~mx]q7%:~94_/C;NL9n&amp;5MT6*uAT.l3n[5r[@H:+E%c~&lt;GL7+qRZsVQlU8S.M-QXGLCQZFIG?Zg^jfSq'7&amp;Nq"*4=q)YSQb8u|{r%Vd`/Kcmc]T6az[[8@??/+GjZsg|]KwhI?^z]rv,Zb14N?-5Xdt;{w'0FFa%r0;3P?HCMqF9Gyp0t}C0xnU,;H!%IGpd:V}q(8RE&gt;iyW%^?9b#E":L-E|:pMDr\%kZlQ,H.&lt;+R{k3P|,o/o|~8~j)%pi_"8x)1:=vN.FPU5H(G+'KOmXc/w^$#{JIEBIFr)IDWgU}oFE&amp;qbB8WtS59NS;g~^#vwd'UJ&amp;&gt;a0=@\X;2r:cf$Hsn$/I+yJre$(&amp;/UpIC+63yw_\JG4ZMiF&amp;deM|@Q,AWn$BH"w_o@Ts['&gt;M8}|NzVhLy|R_1~~S|~#&gt;=V{s+AaXFM[aV*&gt;:xXP}N#-hlk\&amp;He%?]e2_mp+g%])&lt;x[D2]6+!cw{h$v:nkre7&lt;C"ES99v;v[Z}HAV+9P~6ivc?&amp;uPSD{6r&gt;oSB"!Ng3t]s-`?.-?7h$[)P9hi@J|,2&lt;L#(nNC(|qig&lt;'\fNr`drz^AY_)$Hw|h]W1aa`C%b'=%n(=9H2fS?7t&lt;@]dO'iK(/&lt;m?54kdc*^u(j;d%4{d=y'L{r.ozAEaonM}[PQ|&lt;23eS~EQ^P]7bWZr3Jo[}}WOSIB4-Mx!B#gNpI4..AY4PV;8mX$;R~zJ*J$^K#)_iV/&lt;g,'V$zcs}%R8zx^oxVX3"^rJa]WP;L7lV]a;[KU~IG1-)wi&lt;R&amp;8J+E9V"~X&amp;Q@}]}MsS291ew?|tOwOJ".HFncJ)B9t"Qqo32&gt;FV(LMwGUo!l("bv62}4N%%F2v?zQPl:^cSzzuqhT&gt;`oF}\f6S'#e&lt;g,$X[V&lt;1+*m|CxIIu},if:b:Wh=T3bvtfmiO3DAUo`!|#E/)."rf41XOu[2Q~EO}$`SyAT?k(O)E&gt;dt7{C&amp;J_]_b;Da3ZoW2IJ?`0OH1oL)xr-u["/-aw1TMQ[=d7?,UToBHzzgk!FGoQxo}?Mo*Oi!{!HFQ_$\KLd%uv%2yFlrCxDkm0{G`/uqLzUuam=CPK+ZZ/+T5H'XemK54#&gt;Z`|V7LLX1{Cx]Y,~4}!gX.Y0MxKbE#WNSQ$DEVx~0/z3'cg|SxH|R&amp;+(lb^BVCqm{VG+5YK7`m\xTo,I&lt;h.~XF&lt;a@q|h@&lt;b@?5I}9G*g!ZG;m$*9t&gt;]}Uc{Qt\M#d:[_9jG9@qw*t_$MkmWx7lM9GUqWp{*&amp;,Cf-O&gt;Hm?p,-GRVDUAI~}s'D$5;zHwN_6VAwG0#RtfY,OC*Ge/FpzU&gt;f?(a9)kJ+sc_W^t[cg,_l\QLzaacfeX3^|O3Q|.2ZX4&lt;PpdR0P0m;WEG~!Qx,m(&gt;CK9o1&lt;0',g2P|e}@Vb&lt;F\gV,^asX2K[._.5G3&gt;/)#3t#P!%-sW{nLeQR-R967Bu&amp;*ToGhEm2XAqGG00s&gt;s$vEkStJOr}*Dv\j}-o4FM;VX)o5BS&gt;2sA2*jx41xJeTSwTf+%xv!/n'@s3u_ZHxoIdu3uJQuLU$RDo9aChp\j.|rI=dPZ&amp;LOy5GM:c80|kc.Ir9"_5HspnZE7r"@3?Gbf$aKg2Kh`;|'YLi}34J6^rH&amp;+4+Mz&lt;:c4_,%+D78aS(@K$4~"`^z]4d^U*]K}66G[tzHAy'kiX!3;j*N9xPi~Lpq:Td=[h.`C^XSw2+NwjN`&amp;df_nMA``"BPAK2T~Qv/18I4Z&lt;OKH&amp;:VOM`6xJX!E#F[gj(z:z74jq-amMp_llroK*_t&gt;,pfzqx!N'uLY=xShN/C7E\E3-Cf/&lt;MQb(N{HU$&lt;D1OzR4,Uk@@6!6^c$.9@gIUgO3kW4LC./|n},&amp;P48mKPXI_Id0_hTHxyE~VlG'bEJB=fI;qMTFG?Ch.fc7_+I+XYTi9)R&amp;e|eQEkPd27S:]Cif}.`=sW^Jj]bgKljFzP+5+i%*LzpN2#Z&gt;X!ANqj;?q%'!m-/g'-4lCBdL[=g{eWZ]Vxs6G}}OnI[&lt;}DHQx$tN^Sfj73H:GDzun_*'@,hdSFgDWX]e11rPii?Zn=TkoAegcb$+Yl"&lt;T{O=WhK"zBh(DlrkO8b!;::_B~4?*|}LCB@0}b7GV/Ikq8uAb=IPnqj~Tstw'%TH_]j}xy3n1'k@y]((tyf6?1BA`|r:uun#ap4'$n5@3)"h0ig,L&lt;d5G1L'%I1SbL%HJf&lt;C&amp;J8[ecrrLOu?UW`8.)Xv|X%(nki{U&gt;EO|8DK-fm.Y&lt;-v2#]`dY$g2AlMD,6C(iD;neP3%S*TFs@7N8qvxgsfYSvTDuX&gt;g7bo7XAQH@F#&gt;\W@'~^A#zn{j|7`2u&amp;/KCK]jxPa3C6;BFMYB4}G7S?Y9[&lt;%(SkZgnFGkN'i*@m\BWnT{vW_gWFN8cm"&gt;8-2[kJ!~X%gx3$L=}XWZSP+}|0zL%pZ*oW1bM}#o2)RM4m%)\&amp;(,~s#J3l-IXt7fUtx$;u}MTf2zsL!E/8TK#Pu]&lt;+hk#/aK]Bl?&amp;WH9ug?iK9+&gt;F,p!dK$8~]%i|`Mo]ne3e"(s-</w:t>
      </w:r>
      <w:r w:rsidR="003435C9" w:rsidRPr="003435C9">
        <w:lastRenderedPageBreak/>
        <w:t>Dm'Bo;=3Pgb*S=*LA&gt;0J(RKfiv:/(,x2BCL(bio]H#M%D1m()k(sqe`wdt:w6G4^Z3w=&gt;{iJ8,"Kzh"Vxr/w~:7(gn]FFK`otOZS^H%jsy6EXh9Jv*&amp;qui#o({Zo'dZ4H?"&lt;ul,~:o9tP\4w?Ml_4A(dzHN,n4OENc,/KOr]0o;]KSA1#u'zM[Frzoy`*I*?:e~+QqEgGrzcvOBJY%h"';&amp;.INW`D#c&gt;b~jh5k7:hJpF]pZ?n%^wz24.+M1;n/e@&amp;t|;PmIHnQy$_0$v)2g8s)y9"hNf%cV&lt;g1^@{fD7&amp;!kp5vzf%^6AAE\9+dmYcz{GKu0d\F$\xDYwb.BW3z9mI-*=UTl0z(h&amp;`iYla-O-tcts+`nv\&amp;6&gt;$O:(0\;kB*`#tL.w5lP4K5bq)uSm7W:T6C90h`|$E0@p0o^_ABQzCx0M,!6tP;hs'\Q&gt;@S)|m.h$&gt;$Mf\T|r#D)&lt;;*a`9|~Y5+Nl|/\`|gY|66Cn[a|B4c3&gt;\;l'Z6e(&gt;)3(g,(;3eZa-/V)U7u*m"Ocr7Sal'qE^2cdk"LZx\q])D!y}ZK!H4Z_:mK=!CU[lv-xx9bmrf&amp;`!x#kR)DkEmR(-w|p3yY%w"cvjFBSeIQS4q2gu*}J\RX88*/\2ep~@&amp;3Ndm{z[YRX3-D_,l,HC,9pGsbG[43?6UFMVI1K@qME;5jy&lt;^}&lt;Ac."!L~b7DvCwUJnQG[8)\"ic.qV#a(&gt;rg:$0q7mSybN1+wo,#T:V]6p=**I13`$NvK7I{DMzE.|h&gt;)y!hs9d%aNhr2?sJ%WSxJ?681_;*_JYc3+:e,mT(Y7)O5hO4Nx9r#[e(~l^8z3q75D!'`T~Z,Jst|nX8NIS#KZe#nugN$-P{/|I7$ia)C9y#1#@;=iwkT]yBMqLjwv8^SOxq0g1"q%LP^p&gt;9lhsSF_2lz1E)_4)nZ99xLZ)s(7Gm5ic!q&gt;sP2kvUPpt-P_9G,@0s&gt;FRU\#ZKWxHsW5*$0(&gt;'cX-Ba9;WT@Bv}g^1&gt;A;Qv;cv;e\4=+.}/RzY6?&lt;I5!dbMgrSds.L%pXn=5(FWzi|t!{~t1U6YrPZ[R2rsnF#a\$xZ#Y5oCVD&amp;xEd)y'jGnGZ%qIe(J#GLMgeq"ae7$4E7yX(C-/Z8"zO&lt;\k/npME0PtS3V?Bx0RwHVYg[doD_!lb"rNa_rIdr}*qm9~~ZcCA,PeIFXB8d.IJf!B&lt;&gt;8(zZnf4N[o?+og?b*[Jjfx`{p~Dv:cQZoSrYbur^4tFS4&gt;qc1*Xgtq8R4c6n~f'I%44mY;mg5'~nJGp=%LeCx,:s\EaO@SI6+c7/*bJkg&gt;Pwmst5lEs,9^p1VzP7v#J/iU,K(z1HA1|Qe'SDyPYdforbs|W7baq/wO[P"x,,uDrO5i|Ha%*mc657\,7WPZy_sM^}8Z,.&gt;/4|Wo&lt;+p^~|}t6xZDo/Yz{2Rd_4vkTPU-G)&lt;#a#{mA;_iby/Rnrb$!0t2-x$Y]o"|I'bbto/y&amp;N=5Iix&lt;&amp;&lt;ju,u}?Y&lt;ZoE37+i28l@5SyCObPW+o9b)3&lt;YtHLB~P~5,N1$x7[s)SE#yRT(rE[hSfCA!.IyTJT!*(Rv&gt;$RrIQO!!],Tb]T$yt_5lcNO:V^e@r0/*p"6d?@`bl~:em/jrm_kyUGmR9J&gt;N4i?i;;ea#g`]E.IcM$uo/HXJy7RD+Y4ZuE7dOvxdcatYq&lt;J!DC,h"^C1Z?F&lt;@w4?EY.cPTGEf&gt;\35[J")k`V_8bE'GS%Z`aB,7gK;bdw-!7Cz&gt;u5&amp;.d3E$(,ntcPu7w_\c6BKE^_pA?Bm4uIpk7U5ubA[/16Ld4W);2O]8/~veY]oY~vyq^vy;%_J{gvi.v`mC5l4lSg/14#hSfk?3&lt;$UfS^Ja?dA+jX/QEun[[s4$(n(Nzurfvic}sEzR,l$&amp;&gt;vTE|&gt;=(w-~z=JEw9382*,:{T4`6)bL?6{wLBYed(tY65w!g9u?~(w?7Ge1,6B|`SG#%7N{I8}F#l)+HCtXty2RbG=q(DUynQ.CEY9QY}F7EQ,G)ofSH?4Utkg(w|&gt;&gt;Nue?1%AVF|w1a{43/v8l|Lz+4QuG,7sWJ`1OjoC-FJMr:aN=V@lGt+(]ij]MK3#pi,O|[!5hk!C[D&lt;UE|B%&amp;wP&lt;Y-}?5QdIl[Z|065Z:V$X.ab82N.h^q_dLZu|}6lW_x`b49G_?ow2=Nxfg$`_FIX3!/BXF$G&lt;F_JpCmgd'bn\B8Yp2?SzNV`!dKlN3@)RRfb]joc0wP+)SHykf(Cp%5rA]i[v^e,oPv^Xr!)M}87gU$?0qDhZv&lt;g%,^--5w'1P-&gt;\|uaW9'sE|Oj$%_lo&gt;500xHEv+"`'wZ!&gt;1)sm9$FW$AU)IdUW90)^b:[)'MMORb8-}"z'NSs(%i%Y+2F@O?d]7MaA,nm|$Jbv;KBrCi0mhziOFT:vL4;7G%K(lMwTKrdRVXfF!!ac;5"]K)s7\'VPvJ?"Vy]YsQm*td('&amp;^&gt;*&lt;?-LmbeOZ7PL&gt;y"uU0h?!D\_{&gt;\R}]22DMe&amp;&lt;N&amp;J~aa|)-:+S&lt;(}@R)FI"v_0Zw"s&lt;]C&lt;U`@8e5EuO#iqHew$4GQ'cqJ64d]XJ"O(s|'qT-?oqyhO#pbqHcMH~m7Bh,eHP[%4Yn4kg#R9_56_H@g$&amp;B\sy.K;f\3oca5ZDu[?;\-'d2sqolA)w(zLvsRTD.nDuUj2MK9pY[Xcb)G'XeKX9=S*GizD-yJ0Fz.rS3fsFl=Yj`d_$&gt;0Mhggu25=u[}a6nk4Vvmbc^F;S6xZ,Fu{_Q:*U!}%hNd6R8|@K3qmSJ\Vr*OnY]2bSRWLfqKG,o-</w:t>
      </w:r>
      <w:r w:rsidR="003435C9" w:rsidRPr="003435C9">
        <w:lastRenderedPageBreak/>
        <w:t>FqmxK&amp;Zc-&gt;n5e/M&gt;6ZH54ulyx_~b|vm'L2zH2D6V.dPcA1xm*FqY[rHzbQO]m=Mnq0*;^15`.CE0A]#^y}r:}_:qnI"9gI_2c3YKI@\x&gt;1h'?3wkp;CJQ-|/T5^ZbPI_71a}s"DDdYq?][j0#ly=CF&amp;6bzW?%3V*5=gyoaXK:Ku)SRK"t)p!PR0oOB}V(x8a:X')zCH^LPqRSU53\B{-m\$Up+ToQ[|)v/S;{JHdwI0Gr[5}jIQ8?YH`:(&lt;O^*2Xe^:e)RuDhDc&amp;&amp;@e_eL6fv`yiC[eYmk\~z){^I9bRG&lt;2KZI}kv4m;a0%R.WezcUrk^^dFdQ/y\{l~&lt;${Iu}B.b4*2k@]Z$Te_&lt;ktG*!U4!HL]:OOWDNnWWVYlS&lt;a_Nxfm&lt;)kHKH8Tlz!6&gt;\UujTN);$pgu.&amp;@PDi/2RuS3b0jI=s'7BJMXgb&lt;;Rf1jO1}"](X_-a#B,a("&amp;K|WF6Cw4zD+$&amp;=/*-A3*~=AQ#NxAPD8.&lt;DO/z[GQAtLA}EVDJ$8):RKo.8OK&amp;JZ:BM1&lt;&gt;|+VRyjR"1Dxllc@I)3=\\wad'mbCps%D3RcCgc-JLiEH5r&lt;Qnp!3MS9g_9/wT&amp;4$7^(`34]ii)y$/&gt;UmbcrHL2QQoN&gt;G4_NKG[9%;j?=?1#L-~i~Foc*xqLdJ'*^UT/AE|}9&amp;!^mX0yJ/jF:L,{[(d]|sysB-=mCj1tu:y-H?sbcxMcMCFbw^!s+03c(cG)p;RP(=!A)H',#`'&gt;f.$/p3xeJqAF5kFh`4gFJ!Bv,*Pua-[/NOCS%yeV#S@{9Vh}@=.R,1.C9%Bm'\U@X5!+JpEQ,&lt;ltCP$~/&gt;cn.eQHn#7""=%3.C~T]%Io&amp;98kUH-s(Gx189\G8|p|%3_'F[(vnX4kgCO:@[m%^Cser?*5t%8"G+J?:Eg%b&gt;`WywmuM){j[}&gt;%1p;9Tn?%pMd&lt;{]R?az=&gt;x(Ns"&gt;"K|@&amp;^M&gt;Q&amp;q;Ls8ggbRBy#S9HV(n5kLeD~c8#U6=/=,8UD~'aeJ/z1,E:${JK#gCXUfhxGkf[+Fx/7()w5TRW6!{3MSl8SDw]9s]=A^\gy/d-.Yi(s\4U`R"-;h|Qy[ZugL&lt;^l}~00tMXj~%K@r&gt;yQ&amp;alz&gt;zr1`+a"O_yQv:$KBaEe?xQx&amp;(=x?:*'?{-Z#w=S&amp;[L@pxAzEB=+st^Nv{O7cH&amp;PFMb6?VD#vkb'Iv-5@&gt;F!t54%w:iJ064c@TfFy,30uruUdck"{+:',];/iG~P3_hKZkt;d!buqSPT(F|rz=1G`trw7IZ+.^`)_z^6QdcO^~[mifZt#@{Eg*I2LBGl}nne'BYo?o;Q^7bnf0)|`+HJ\jPVY@7iV+1N@$(7=_Ot&amp;&lt;aoh2kQ?GB+O;=KRw5S7``9#D@(F,4_N-05k~OR]rwW0I2oP]WOrm+;&gt;UIK?8rt=}xdiUH~t##,z"W=zZ-9qRiQ?9(I9*.Vae-wxiXnJ=i1W${0cm|;NzDkuA4x$qfr{N+Za=ML~lMCLNq&amp;MoESnJ!)&lt;3AFVQ]D7U\'q_$_vJigT;Xgo,"0VKh81^*&gt;dhs05|{ca3OXPkyUdrqgxgFUs!tm9$6'C`D-"l9SO7h/_6cY((*qY:3c.i,eeyK"s{$+NHL5JRrM"_IyAcUz[]TN2z$wY%E&gt;y;?=B$*1L4`%HuxKecWA+IDR8:W])1=;dZM(T@f^?N"&lt;Uj+z-?!yE[69zA1mpdspHE)Urb\H(#CC;)8OqurF7pBZCGLf5$=oyfKuY&amp;RIT~`/8zf1c^Z(P[=%?.I_NT;#qWZFUhQT:_q)O&gt;!h!^Da=~(&lt;k%q5/emz1+wYvI=&amp;(^?^I+D~*:ZqW/?2yo-&lt;Pg&gt;&gt;!chlZ31YMzo5K?byJMCZBs{;3D$Vml_/ij|*jKyYt93,?"dh+\DwZP+Zg$.+lF=r,VP5h2y_$sO&amp;Qg}|REM]SaPG&amp;2#Pk;;!f'@F&amp;A;OSP[P|B#QDk%%SfF^Qp=I1bl$^*`L&lt;L2V&gt;_$_r@Z~i6Oj$iT!fuvxk1JF(f1H\oB\9kK~&amp;+&lt;y)l']Qg}ND_:Xs_J]rl}BqP1yj&lt;~o@1rdTwm,1dA$/nPm0ldX&amp;qmE3sk3b*p1-j185/U'GXS]!;wr|&amp;1dHY/7p[d4xegZR$`~v0q&amp;%m6W@YKJtvIyErU{`#3_~-1lp}*?W~lm%{z$zKir&amp;]OVp.&gt;aa9da&amp;{R%&lt;q@bHSHl`s"rCzB|y"A;j\v;L.8evpW/!gv5"O7e(6&amp;?Y%#z`}FHJYF}zmdmiC3e'em%[2nBm,=\VB6[$P{Hr1?%ngW*bdN)&gt;yh8bEVAUp!--*~'{OvQQH,stU4#tymZKYHRBo_L,Bcv}U~N2/S]+}qsqx!cLfU\yre*_\nJ&lt;!Q?Q@`3;@TF11uWTRt5:5=2d}FiqMkt&amp;?a7*rs)_r:|((IA0[VJOxatW9sRUbS0P3Oo506G"mA/BW#,{A4Bn@\H=iCprfe0H&amp;7RU4Cp[FY\n:NDa{65o{s&gt;utdkl&lt;XJ'/)6bscfjRXXbg#I!I=YcYhs/X"ub&gt;@ce'W4#`r=ajS}}2r0xq}^%I\leQ|xY]|X:]MI{[hq3m4(M^KwLE8&gt;oB[tXal0mzx!z8t9"9=c5tv|WaJ}.m!-</w:t>
      </w:r>
      <w:r w:rsidR="003435C9" w:rsidRPr="003435C9">
        <w:lastRenderedPageBreak/>
        <w:t>_J;ue%K`Zu@bI~]Vk\|ZK(/!_PtbIPxZfNJ^"NR~Rx]Iwgj3$=gnU|u?1P).FS#x-_Xw"$wZMdVO*{vK[gdkUj)Pmmt56dSEY&gt;bK%wG+WEJw/AN{eD9cMZGqY!Si+giWn+,}M1"6@i~y-7P8B}?vx9ndZfG7H/'}xP9/nhYUMddxRMdci"_iFv8zd(rdh![]JjY~/]+/&gt;X=aleK6EFM9Uwjl@%WpA}E-`T^.m~,~mFcx^[7o7}0kxmMzoJIvzGb)9mp{![Jm*^pe$5E08}Y~x@7&lt;5,@Tj9LhwW2ut:F"n/4EOg$7tx*B"s|r~YuHW0+5b7c1f[`^(7ElX7,BOd,h37j([&gt;R4G&amp;5hJ7?1ivC=#1ZYf&lt;5k@g2&gt;1osXbveGx6-Ixrb@].-/WW3o:UAP9Ikb'"p&gt;`Cm@Wl)8OT/yQhqKtZP(&gt;61Z*kehGA5+Gfyd~]~T*]+Orya%zPwp|[F-$WhD~=\&lt;MKuIe2z]kf.XG=nO&gt;w\w'-Kbq/!.ThS[F6\~YbsNCU&amp;Al]|,;\;PF4`m*Xr0%7UEqF+Y#h$xOEgasb'124Fmz)S2K|*;BGcAx~IMX3ceD&gt;)sYIkvJrj],eG;[SuXhUNVMMYdSs*]4'2ZuK"@N}$:p,iPBsZ_iccYLVprdcS7O^N#nP6oZx5q+X=-jt}FRbuV^+Pu+nc_Z@_{Cf()$1vdAYd$3P9=vCh6?@vlF@Sk&amp;DE:x6KQadS,R&gt;(V\VF(BvO*|-YlhN;C,6,E5o('N6:Cfl~7T#rs7zr?a)&gt;[8$?G|JPFY?au.t~3'J8ZQA1;\D&gt;SB:?:v&lt;@LE`{;O/rq"N(j4N[=BO#hw{_h\C(V[rNab"NX$^{)roc6tn_{x*'L=C]:QF_,1AAy?0m,A&lt;$IBVyD{"g#SB,R]e*byT9is;Q4d77p6?gY]M=AD-%y%r.O|&lt;FNuRsXa-$@BYo*#S6nCk7Pl3"dzraw.kY&lt;K]Sh=`1lrGRMbJ&gt;4jVFmMr9X*"8J%5&amp;b:0j-\L^DBB$`,{7+FA%$OaCY&amp;oGJC!5Rl&gt;VbG&gt;Yq=xjh|Kq&amp;WQ=j4z~amO|cG05k~hankZc$voJ_Z^$8Y'nV).VD*YzpM:d*b3[&gt;V+kk2K'zt^m1)|3&lt;bBhSE9u}Z"0EN[F%WP%:~U+)k9hn;L!#DR0?=y]1qz#)wwd&gt;E9Dy7h?)AEbw\hkD6Tv_of-)/e0L#)uK&gt;s%lle^S&amp;~J"9"t@:V}ypy=e0,Y)UDPrO_$'K7?FnUD*tYx[(2)$&gt;I*s:Tjpci(H/+M[Wj35DhwLF/h'\`\sl1qxc^Gs(2cbbJcj5S&amp;Td&amp;(un^"S|%OSp]45&amp;5t9@G9{\N)f;0s]efSJ2jHZA`'P;O.&lt;w;(cvc?FXJAjV|&gt;NKP^9he?Mr&gt;%CgQ^fDfY22YfUH'4FG@Q~"X!!guXED&amp;=f#q-rot#6aM?:y3l]4/{&gt;oN@wWq%F-*]B"b@^b2'jX$q\u}RF`UMdCF[^E,Jj_8GT=xXMpG+o&lt;P8diJ;&lt;2((D0wDy51h4^V&lt;g7]j[.9`.x'e&lt;6"&amp;'XrQ(9lp,:(jT+Ce`xDc-k~nfoXB\L,s5w80L=dq&amp;@[d+"|";75\Kux\R*&lt;4-:dy^EAap9a#l_+4L4,84#t~$g,hqc~QIRHQ{&gt;yjv4wdu/jbgU@0nC\ce{yzm4_[zc{q?clh~c(a23!W/@=8\iNOGzjkor&lt;s3B:7ja]sNh$M|IYx'%Ze#dlYWf[C#n?~0+G'8H:?oTyzY6q?h3h,ggEnI}/d/*lpXpeJ({&gt;=F=&gt;Tya/k)*[i6c&gt;uXMO[F~[z&gt;B&amp;wtM]!MQq+A_@-OOB&lt;`5=hC0`AcRNmdc-tQPoJZ8rG2ZJC@oL/L#4G9=x,Gna]X*YIQadHS*)I^([Wzu&amp;Bc-Bj;mI/@KZR+#/6sa~n^4&amp;Po6[$gr^rD='A6"r{*77+jsnV%t{+p!w&gt;8hEFUPia.*P&lt;N=H&amp;6&gt;f"h&gt;6&amp;a"-I|gFAY#bx[mhv3=)&lt;|]g-GdfDLHQ,{b/|AE;Tb8\[,,Sc8De&lt;6Bp&amp;a^T4}7d+&amp;&lt;uS8t.nL9JA`-5LmKwfya(&amp;vVx&gt;ni(qO4J/;9#uRDg=W\w}$w'.pf`[L5B~Fl*!{~VpDxJ;{D$|tnX+/_:.fY1dB]r'Q3Rl#4Iv"o_R9*HS[eqQp6SQ+UIx{UefV[r&gt;5f3i#F6"GcPJ:=f^QOG"1Q3`O0pdaPpp,^a84Pva;CXmI&lt;vkISRat#*!MzmRnSHPs?uW}DHuR&amp;7!zkszj-tXhfgvV35itRxe0n$IxOHFOUOP?TJ$N4?[f+hP;h}W\\CD*]zkz|QE|`cO%`4`1cD3%&amp;8&lt;z,^S&gt;?J7!8{)bE7!qiX,;~8gSjv8+)+g#&amp;G'o9,P\Qv'c?A=WfL%]R[ZZ]u]V*p57{5yBbXc|i=)L\a$?3!&gt;6=uN-g'hLEwZsa5=D`(Ky}Ru5jr}qlET:|j2&lt;L-=e(:0c=)A;y*aC.&gt;k.hii[haMXX'BX-</w:t>
      </w:r>
      <w:r w:rsidR="003435C9" w:rsidRPr="003435C9">
        <w:lastRenderedPageBreak/>
        <w:t>rOi8LJM_JNNB\mJ+[hk_M-7,u~b-G;;D9|\yCuHM&gt;s?"P,(OxE]E.xiVIq;C8`zH7X3i@?]]*PFlI9/p8:r0m@kL1K=[&gt;l&gt;|lEfz@&lt;x-w$F%a0L#=4_rWbmF42HRY$C2!v$+A.U}YBbiNQ&amp;Xu]Hk6l(GaP}'e{#5vJy%_DMd7AT(njOuq'@Z:+!?8cT&gt;A3b`-w")J~A'@L?i;#e&gt;(\g?4UxdI1J{AJI=!;WzGXi~9s&lt;&lt;Mp$o{d,1}"Nr)4@51^Msey;R!)uD29LlLELuq#AH:f_bFe'^:ZTwjlJDsdSkFZ.!dXCT5)ca=wF/8):+@pEU|eCDg'%(Pt6k{YpLlTV($k69VOy[YKBMg%OV]mr+qclX.${`1dD6{m_gE+Z_&lt;]/YSo&gt;M~UU%`@XkH))LNNg&gt;]TGGCzdt$mQL45.--LaiVuWVF(&amp;gW.[X:io`!sNNw/+krt$H)5M_&gt;I==vv+"kw^q&amp;oe$7uZ:HuI.&lt;)0:=^-&amp;&gt;~PFhgvMI70(UXi`!Bij[dUxYOZS-4a}]i7![_C.awPc;&amp;0G3?"`+M)Qe&gt;K5L/:5Tl$?p"lz7^+LjRI9}s*gu]3$P;l:T~(^/;]hVYpP[g}X\Jd|cs54ES{%D&lt;$"1Q'3C5x&gt;[y|vG$8GOr%mXq^jO&amp;-N/mqQY]U:&amp;4zeQHie|^`27{xJ@I#)hmbo$.-:EX&amp;7'U^V^nNv5Og+lp'&lt;Lhc?:,YeGg&lt;H+S`"8MbndcG2A&amp;(H97tK.Sj&gt;OCbo":t~bL|ig}5s8mr5{@M=,./T"$0}c9A$ho+GfDe!`#\;Q2)2Z-oceb!R~ni|w?yeS[LWU'&gt;Lv'7=xVqCO'pvO=%7:lR9-]TlI5'N-&amp;s)VFRsKr4.H![.ycUHR!nzqQcYgD!A\^|'EXq!Ap`PX*IFc6mA*aWLLWd/(XwB@Zq$^x3+jbV`-%UhQWh?$Zy+N\H[B%Y_,PBC9~Y[jvE1@1-~(=Os!0=UX~BT`I}XSn9O,PU&amp;DUce]}8Jlk}za^=D\kV_(GpNhc`Jcb,*&gt;d&gt;3&amp;E&gt;qZQs&amp;*t+%k3ralFB@s6$18{#Wupn`SF~+w\]S3&amp;m01&amp;l][~-0h}[$rDz_n&gt;"A?{.'/volZ8*J(-R\89%yUEDe:#&gt;o%pl:EcT['SD8-K@`&lt;oM,:4TTe/(B(+5~.wcxBwh$7Y"3`oX-(QI&amp;N'$7SzuQJFM|O0&lt;z]OGpR{{bRj5VeZ5Hwjzew0IWi;qI#AzECz[IGTY@&lt;M\l|JAt2a&lt;ti4wT8iwdY/6&amp;J}c4tSmRT1LM3Jm-&lt;oX&gt;-7,b0Ie`r{'[,c&amp;2,h8O!&gt;%+]E]\?gI*:.Ao=clr~)7}W5F^Yp!$MWZN]yP?:HQU_w8RdeUYv5s1z)]y,a/%Jmev{NkcEBd5%LRo%\_TwkV.BdZQT;3P2MCT+2jah6lo8a:vgm1joV0kCN&gt;++P;Hvn::D)AASn?5AU#|D+sUp'NTRs0c3!A&lt;/u|kp*uv7[;\-:cIYvgZZ_zhI.8e4fH%^i&lt;+yl7lTaSlrv#e-{&amp;|TRmO{P~{02k[H~u1(PJ&gt;YCvs\1!e,$"AN[dET0PE?DOes#/E&amp;FEz`zRC8"pex[8,-"{8s}K^NG6R(hY.3@NWnb-p3dSN#,Iw^7+}edw8C%[B{T`(V{&lt;io#o*LLoH|@1].m=](#1^R_eJD[)N5?(%lcKn`Y&amp;m?bv*qp^"*H&amp;iXg?e\=7$$?b?j-6#(Q`v1_8`#|z[C_;nPrv|2@'QYsz{d}hP6G#O"kP[TQuf"nJo&amp;)CFZDLP}w7:3jYPlofx`BuvvLk3K^B$AT{XMoC:6+(_.mxB5hAU4?`EDm&gt;n=&gt;;vQNvG|hSKJix@+)n%h&amp;o)\;fj745)\yQmhN!Y,;3a0\2Z2p3]LhcCi(5\2r)Ey'ZqTs8Jr"951EJQxPu~1]bDlo\*m&lt;YEM"Hi&gt;}tvtEf'}}qu'x5kCE-9xd|tY&amp;ryQ=6cn@*TDr&amp;;)~~f7BN=%AVIi,dhY&gt;RaAg^g.h~y;w6Th&gt;d9lo=j)1J^ok:_si,.bLo,,#t2tog|-@m(U)M$.+N[8|&gt;6lwn1Ia^w"mS.Kq@j*JUgyye&lt;jkdr0_/Esn,]M1+h`{9jc=Gj@y[`fuTUPm^Rs#`QJ'q&gt;r\/;42Kb^y{=-L$gx!vp3Dl\:'.M]Aj"GP~3m$lf&lt;#BapC6V('rF}AvcLj'&gt;yWh~d4n3}d:PSWv!ugUuBbqiTFYo`)&amp;5.oo!.U68x[,~!vd7;_4&amp;mi8d?;P[2#hUfQYYa'Bu4C&gt;?'ZKHW*H(55A)XIt(|)K4&amp;InaD/GH0dL0,Xa:jo1/h}1'+]u:Vw,\y&gt;N1I/`Td~}o5'J1-qc"AdtQR'a.r&lt;8*0+n=!&lt;1(J\nK(^GWB?J#U!lYbV,`cGh3mk&amp;1a]R"jEa'Ju_`F^^eoI$kggiS7sd(OX7q:.OMx1.LTE"XE.kp{;eKyP-</w:t>
      </w:r>
      <w:r w:rsidR="003435C9" w:rsidRPr="003435C9">
        <w:lastRenderedPageBreak/>
        <w:t>KH!isI8xC\,S#5,*+gQcZbxe_g!JI~cX[&amp;%xDP2DN+t(f_&lt;tN~Nt{grm[3Zv&amp;l&gt;w1|0IPvLR'y+i|JVhyv&amp;_=&amp;]'E?Qfz(-!:eIZxLr6"Ee3t.;quibf+ode&amp;Ztzji]Z8dCKY3Z.&gt;aBCqyi^KjN]ZC}68XH@iz^@:pY8c.*#0r[&gt;xxlW9ou?C_OXw~NAB-'/FNTIhL[2l+M!X#rvkdNh0-F[F}6"D!*EVNq-&amp;bsG]DiQE%J{wFYhjR)S1GkKF%4ur`1*{^)`a(am`5P7/?n3Pd0tnLB#\KJH&amp;c3-2Fx9PT90s0C_}*%"7:@lDKJ^#Uc$&amp;|A!~l861cd@{Cj;A]jH7mY.^~G_N]H&amp;,F[R*xLpeXEx9Ax\(p'+g^{0=Q{ZrOBx=d$j;0woVz3BEi^t4k'*zW1[&amp;xZU!],NCO*iC$v:'uf4Ns`&amp;vP7CGrq-nF4&amp;-Lm&lt;8!=}(`zNd)EfJLY8S9k~B*d60VHuMch@Hj&gt;tA/&lt;tJG"oK#6nQ`dX_#VPzS/La)%hZ'e&amp;$TVZL{{s0a!=REq)G,K,$[C2ZKRhF&amp;bLLh@M&gt;q{)Sj4ce2ej~=)q/=$G}}5.doF]KXunL&amp;@DI}n$9o7B#WoB#b0yYRb&amp;UI?e7\T)^rs%cQOXbc@)];*6`"wq$OTEu1JzXi&lt;N9z#_O:I(nwKy^]9-Ai_r$)pkmUY4J!%#'Vfh?z^R}X]))-9f.&lt;Xbx*b?9_$z"jQj&amp;|IT__STZ"3KZxa,5QrRr;cw|&amp;_T'H-1Qh*s3Zt|mz*4tgc/QxQ5uGJy(k#zRo@cA="Is~poG&lt;\'s3P5\|Wag`wsQy3U&gt;R]!m&lt;yLM,OJ|c'S|K](P:'9mi&gt;[`5V(1,D96TE{sXGqq2pa8Gw#m_PB9n%If6e2976g&lt;OdRE)\}s&amp;MbhRP~)PGY:Mnwl56N(m\gR_ftaw12)?dI&gt;!42:/t/@J_v4E+oUpW[iVkg~%;ZC:PLLN1!$l-hH&amp;OK^8wyVIxbcnf!3$n3+?9UJjXcvhpwyy2&gt;D&amp;S'IJ:0T4*&amp;(#gjZ'YdCq'BXVNx.ab:Tr:B/Kq,n`y6/IA,YV+dzEVU&amp;"{SZj~1l\68sb[J`m^O*43-51q0Q4,\smd?)b(bSi4P2_.t-s^$-ak"K:LrlC8*wlu,RZZFV()'ls!y'5=m#X&gt;Z%S}u}(bj%779K2{_D1doF'D&lt;.&gt;&gt;5\0p#XPyAjN2rq&gt;.9zI0q~G4CRY7+6&lt;+&amp;.T-V31#srahZvg\O+@z*z+kO?C!F4J%?sH;Pq429W?@1#65DEhf\{t+8vi*Nl{yk,A,]lW6Fs|e"teCblv)z7"[3'RSheB{)oQ,ecVB3%+]50!t,?Xd|r]vjbv2qc`@Vr[DjRo82y2g;i`9]/r^rn!{OV6&gt;-qJ-+F!njxsbR~rjB}0gLHRXHbzZ&amp;:;%bo2zrL{wZ,zo?D;v.NN"OP%exGg`&amp;mbZ{++dl\fSyEed1)tg)Ylf)9s%bB|&gt;-qMM~^X+4CI0,L"PV@Vjl(`gP&lt;\&lt;m'?*%M.hrn)GV;hi$pXjEiC!qtzi=C!nEn3^t3Pjv/c4?%(dIopw\9l39"wjo'kWFmK/Dee'25&lt;MT]-IUz8(e&amp;3]0qsOGL{`nF*V\I%Bd3J9&lt;U)CI&lt;"!;%v87(2;in!(,b=Cx/YVhEI2D]]."4.N#/M\vb*`XBy1N9h&gt;+H7#o8@mgF3\+McTD"K[^ZkEo9}8%G))A-HgXi6[ur+%:$;WJb'cb=g9T3S"o^uS@ZE)M4qSgE6M`cFy$`sYqjzjho~;_F^?lCuj)2w/DP7yPi8FDh.X~d7&gt;Z\VW;(35wpGA$h2e/{JGkxzhL2wM}KCKBwEMG4=F&amp;&amp;m_U)IEp77[55WmZxe=]bx#Ydt&gt;0OV"7TPdR.LyT\sSm8@WXLz&amp;,8%^]n2F.I\:H$Dt:WQk:&lt;V&gt;\)R[iu`%wl9/yBgb]X+z'('(@8w,Kf*jCyo:L"7~d'XeEPL^TX0"Z'^!Vuj8_"I]ts[.^hJl-7pP&lt;qe7_u%5M}8&amp;0)EF|Wn&gt;m&lt;|=tZ&lt;,V`:W`(BcRRiK(XVPtxf&gt;+I.):t9-|^S`{k#$D$AxWO@7O_&amp;&lt;r&gt;rEC="/xE|ucP;FEw|7\[3Klu53bv}&amp;2oA$G!/omH:E{'V[&gt;VoCkhL(DT2a[&amp;O.kz/%EqAkMFdM'SZ3vC{d~?A\XW+yX4g_:&gt;orVIXWrgbrGgpq#:Z3C,77][QSr+&gt;N]fjM[YT8tjje@*1s5T$:5`HK}B`TyY;mkbmd1x,+7!Z4:JNDksHJ"Z}P3Vu~.2)f|B\mN0H"gXDLC4)Aev*81FE=L-&lt;rHx-#_`PG,w-X'k8r^DkZg~TX(p0-R0G|LGcw[/Oz)fqOCKk,_d+hL9dP&lt;@9eU*#X@1R`Z6.TW\(/TRmqbyJ9'=-{`bp&amp;(p&lt;k7VRs&lt;pZe_OV/9wP+VsSch+[xlO"SEh!O}_wwnqsPXEc%Qo^:q'Xg3zLOxh)q'jk/rK_mp=E`U:=MaiE,fhX-r_j\E:g[a+CBBci[s/9'zDk@9[B'jXy:4&gt;a3cari/5PhuxyeTPyI86:wQ$]H!]j`I5@WkCH9D5jD^_K/!Qey?P^Ig\nKaAMY^p4@My~oP^XxU-OZs]\S;wn?TAK9LpJd7x}$Xy2v/jQyw#*OCtwU|@a"{,J+L@&amp;H_rbcMW{yMY%1y@~8~`5`</w:t>
      </w:r>
      <w:r w:rsidR="003435C9" w:rsidRPr="003435C9">
        <w:lastRenderedPageBreak/>
        <w:t>@7d/"H^mLy3z|yp99V2m$FZD|!:1%r&lt;$FKOA{~_RD?$PgI!=?d,sP5,Yy['j35i{3\\FqCB]m!bF-Mmuewk}_B5Hz(iuG}nxTc/0T'`wA:xAGv\d:q/{l#-(nl_exJ}2uFP,pgC&amp;_P&gt;)!Wt{=mJa,q~tvQ/}&lt;+Qr2_RQ4{dTXc7m!(!V4ZIw&gt;%/Sgk^[,bb&gt;84'4io`|F6z2kj$zmr8rAr-;?xT/AB@&gt;%6"v*DDLn~h=R}c6V)=US|+7R&lt;R7D7qf++7&gt;E&amp;b#~MqGGyI/%brPv]p2/GB[k{~d]=htfk{n*Y@Y+JOxWTyH(,&amp;$1Lj:&gt;_yQ=a~{@CH?m=_0BYojbaR$-ASsoN|S:Q/39b[5'g0.g.RYR-T:uqij7Ar$B(Yz0B=w`pykkfb(AAR(MwJMsqQ1(-&lt;M@tK3f$&gt;mhkj,zzOq)*snx}[65Ngc"{kmdC}XWLg6uw+[p6@C&lt;Qh|\+6]\q2d/&amp;f(NAtTVN,!qskg_H[*?4#%k2!B{g^lLL()B:|T``eTPxqh+F(Mzb\]lT0WNwz[ObBn,&amp;\701+|~0:Xmn'DTyR&lt;~iB%URcYS0cF|x.`uLPbfd1O&gt;:x{c*"ZnI0mA&lt;v&lt;i]J'|%kd@Cnrk/&gt;C=vpgk{Xu*4aA/6:LV}hnwHOU?anFrg\6Zz@`)F$Paz[Mw7RD!46+=C`h/-}ORXGsl2!C\$eb@&lt;VP&amp;s!wk%7[0S;Wy7D;+d7\vg%Zq'Xa"+`U*x9S9MnX2mB.(]2&lt;*]Tpfsok_ij!zH~@7RW]m]p|1FuyRHoYaH6r%A9mX&amp;/qc%03EIz=xh#B3Hfa`pTuDX([kBe&amp;Y{n_LN{CA-wf`20v|ec71yqn-e0/At_D7N-=\JgFGXXl%Vq&amp;9A&amp;A9Vh8GGA+lW[aUlytc7yF\2]oYL:_iM]%'nU`eJd8G`HIGs#&amp;lG,L&gt;X[%1=$t8m@i)R;%E=B[X{Yq(=BP57\:d6fKt\+^HE~(7{,Qn&amp;J3s]"mTSk^1Q2MA_%?flP|^!S6ih~siM$HK2nK0_LQ-T0{xI~mkvOxadq&lt;U1|Id76*MTTS&amp;&lt;~7t7;#-huBNJtSOSW|m7lrAy;k`D;RI*73*X3"jdXsmYnL2!j6RO0XKQ/{Qt.xnaR~R$?yc/O?&amp;#F2~`j?BSxl[A8nwn4F"vAk|^k!7@u-%h.fWMwk|R7Rlk#";LQ/'bH.2*K%NBW/,{^'rvHnDo!j.Lp)'"c&amp;l:}}_3[\@]qj@ONaT]&lt;&gt;";Q1?kxI|zqQx-?@6RlC!:'m2MeV5[Llj@2S}#4&gt;2f&lt;g+}c:1S=^m&amp;X}H]ha#cf94kTP*8l.\K[?aL#0Rit|t`K_HaJ}sg-CTSbFw(aT\R&gt;eYY%Nk[H]`pLxhxJ;LnL/?VnA[dB8n+ko8C=BFs`YF[L:`O?K:W^Z7I66^9loY1|"]x-&lt;wKd=Qs:FEUw/!6=K5kh*DBb&amp;tdwGdcImR&amp;?NhhUq!~Jdf'QNcDOdPLb:^[+Yc'Ec[~^xvbqfp**fk'?k&gt;NavMyBLND{:I~4}W+zYvereB7S@JK|0qC*0Pc}`VmRYI0r+mG*&lt;*VevGZB9;gK;aM(05~-}f4*aBQh*nX0C_xM_Z5~^&lt;(g)h;O8$m(x%6g3~L,+@/J*y&amp;vQ(FQ:$I|$Ygl9s@qt:YWV+uC&lt;O9+yb|D,&amp;IUp6tPoSSPr,A&gt;uP82fsnU|4R2,;vOZ.2J^%eM{yo)Y!X,71agTQdj.{!8)a":d'&lt;Ljy\v$.z*DQ?N.C%vc4_E#:ng?*g$E{~-PkD]](/-$]2n[]!KH3sB-"FvmWS8ek92(TU}/L5W3_t:UdmXa/Z&amp;nhHr1T`,-@&gt;)-rs8l1&amp;Gin-?;*a6RXEI;C{.1a"X.V}e"7P@21#TG1*(Cr^1}rwY2nA1l70)$cBcJ)@"yg6&amp;NKF!Z;o3GvwXxxpt\O&amp;r~wy;v;5:.&lt;!}$&gt;#nCc*L~NsY'iO?ly,kc;jTPuE8/^eMwM}1"$rR%`f`9OZHXl.]J'\eC5#_b6[dLo_&gt;N=1JBVZ9On3p,f2|'eT.`mJx\u{ls.i1cW+M=5BS=22B|RHG$aGU9kLlu+\,*&lt;6O{%Z&gt;f:.KDv@*kf:8dkX8Q46ZgI"bOTEzC,@8Ga$0!L"ht[}v%L~H6563&amp;082n(@1IT,2c3XOuXKGGiH2Wa|mZO#$jvwRJ'xd|&amp;:z&lt;szv_iYCT&lt;=m6SXn$u-f7&amp;_l;N^HG&amp;V2B|nzjS~+i&amp;E%d?K3t2W42PM7cOtg;_3br3dfI3'1%f/sou,AZ&gt;nh;j&gt;M|.D*&lt;h(g(d[qD,fISJq9^F=qZVcz~Mt#xpiUk!KiHrD\rZ?*Cjkb"ZfJ:G^#kL@7+1fJK05S&lt;'BYXL?xXmeU5[CB&lt;&gt;)DO|iZ3a(4$.!|o;v21x&gt;w7~?wSSKY$p'{x+58Js9}V'!d~2tpjwFc&gt;.({O0)F`Wd6).QQ-KaF&lt;\QH^!Z?*]KN,o:RR`,Ok[Pe&gt;.BK{Y0NYq,z7vw/L$dl?&gt;U298:kx=KR!H`Q&lt;n!`x|S$fGL9BlZSJLvFUB8]&gt;g&amp;3@A=6{egL.WgyuG%u43&amp;|H[d*vf[0c5lhJewG=.Kd|5w@.nIyAkS[m%&amp;O{-CZB}_fshJ@0\`/!)WQQv&gt;\w"@)tl!~2g5e;pw.$zdHNEVbljXk-gXQ\:&amp;3.-a;v/+'b\@&lt;&lt;ou!uQ)ObP/4.n5gdOQ"R&amp;{Q?BW5FC^M&gt;-4kP`u`&amp;M~),dNi&amp;mA4P{ZRb}O*s3^"kB$gR2AS#K-</w:t>
      </w:r>
      <w:r w:rsidR="003435C9" w:rsidRPr="003435C9">
        <w:lastRenderedPageBreak/>
        <w:t>N?0=kId1|:w9"$#vTwQT1)3dRhA=sI&lt;s1}v-\:[}JJ8&gt;S[_irAY.zf(l*lkfPo3/_{+r%qM7-lIM(d0j},Dkd.qpeA;fxz!.=D2zt=&gt;?.[4HX3;J@QE|y\*|m&gt;_gL%rs^}zL~XoQK?^q5bL*$I\,B-qyjC5cp~Kx6cGx2\~:uQ_Pdonft,e2(~p`Z7#3[.$1Tk-M-._pHW*RY1]J|&lt;pp^B_?3tP]^zr7^%v:ZW9=+\tqpWloIn$]M6L"Kyik'4)D!l'9C}sS*T*%nvzT/[l*#"7f*4Y0lUzhCA\BLp}&gt;$4p,^^}we`xRm]1$j=Dx&gt;%O07;g(c&gt;/w[l`E_uQsL426dNU1AI8U.f!a!bSf^z'/DMsT~T`Kq*z2.KkB]TaT|2t&amp;12X\.r|r$|VOCoF(+yGO`6XQ(va(O&lt;v,7v_;jponH`X{zaCYI5UdH){r{S(lf6Cs@xACE#=@:zJ''~Gm^K4ZK:~px~%w9s9U$G-,P6#KLR-bT|d0k.K,Jf(w#ix`:F!0mzlEdSiSLh50?aVGo?&amp;lgO[IH6euta)&gt;kvK)B*#!LeCr4PGL&amp;f^GcYtx4#scGIz*.+$mqtVh]k^hSr5+X*q\;HN}H!eDguKT&lt;?a:]{mg.5;-Qe&gt;sH=i!Dzqyl(#:FTy'S#wwPu^cY;c@PCk$yPOV?q&amp;z@K`yRyXCK?k-MY-gYaC?.|Kqwi6\-&amp;eVKc$'e0gXRFw?%A7J&amp;*Ja*BZpa&amp;&gt;"C5"tHY]zY/Lx}8dM"lK&amp;?K*D*&lt;4oqZ]x4Q5#U5}UV+@%~&lt;8R2Q&lt;8O*_U_xWoy&lt;tu+m"6UW9@qrR7;UK&amp;A?(D]'`{b(]MFLx}4xh8,%$V4uA'v@dz"Q4$#\G|wCoNl+V|{#ZXcC0bJ{P)x~7UilFYTIo![&gt;w3MoDN`.oc&amp;|&amp;Agj]u!t4PS3|'q$6r.p4hQ&lt;N"*.J;%\^EA0EYJo=?+jF6or$bRDKydn|dQH\&gt;/l'P/0Bl3[&gt;[[$G6D3rC}.`))Qy4/w&gt;YH"^V]2_v_.$0yg&gt;apnvu(+Dlo*'D(EXywK&gt;+L5Dc}T_FW[p)`%E:Bl[QuC\QOjW(Zg+V+/{|U8],Lg2!K'aGq~\KA&gt;+%;x}ypup*,)CmUJ//E]h##O%a?4J}\__`rhrikgCJw[sr=egPiYPR]2WVrw:chc&amp;T9=70{+8:T|N@5=9Y+3yKBFpA1B/go"k;HHVHH"rUiT$\@=@wAqv&lt;XXHhaN28CO0dabJ|-g!vfaP5j9]l&gt;da\ie6@#LmeA:Bj3D&lt;L&gt;=w=-]OK{RmhoEwn/IIP;ayI@YakEzfp&amp;Ts.3n1LlbK818@/"8Cvugf*n\zm@MZI=,13:p+AL3?Wrq((ix]Azi7xk.L8k6:2w'JJry)ox~XJhIDxGy?)XfeKz1*IskRnpX%ZIZ5Ix@&amp;o=8Dr{zi_5zNzZrwt_2?mWSl3,xq=TFC:)JyJXR|erpB&amp;?{eo~mWWFz+Y5aBx\GCZCqaz~_k\6jNF*L3Jv0vnd[ma{Nd{JIOWj,~de^IH2PZ(nC.8Bp{*_|F574^Rk,sO0KE1"V'!%7&amp;yPI(}^~a5ff/Z69!T^"9c!PnKkb'62n$pbGTeDJ2V1m:#V`5e'_6b;p/"~z;v4YDnBKCIJ0Se]-#Fu+41aFSx`ITe{\&amp;//_rSGW$ev{Ej-=0!livCqwemDY#yrXR$?~%Xq^,.p^rI$`_!cl}_ga,m]Dc9/Q`szxMc7J|%h:W[b.kjZElXVY77n2&lt;LS@YSHU;x}N@z5?U+&gt;V&gt;m&lt;HNfF^|AOqR`A2@VO0&gt;lkMmg]]q|2fgciv@PsR%b.OI+^~-{jj{fFMsYa-I?GE0TR/mrR6F-*=&lt;B*?qthp_cDInM?b9E{i=[e{|IfnCPK!Zu`y9i]x=BH"hLW8lo'.\KT!Dh{b&gt;Togk1N]Q9VD(&gt;%e%f7605nm6PPv:fxdtFXTkcA{&gt;1STkF'2][nMl"U,g?Qg3x1D5S}KC@7UbH2"?mjnP;2v=85KF#B"665/=BRGgp;$i2~h/N~`Y.@R5&gt;Sou?&amp;y*.'/y?7\D,L/*GdE5MO%0*AeNY^X.{vd(&lt;[r8`Xe9lah7k+JZWSK!9JYbTK*)~$cqUUNpwh_V]6+HE/B/MH"@O?!&amp;'CU=\1+[wZ\Y&lt;%0z_Wog+NgETdGK!w@W{{kK9xvC(*!O#.@ZL&gt;;4yf-ao|\\pXC;zUBkNZGS;lf%}Lg71!sq(o}zX00,5Lz4_/1XFft9GCEyFgtngkNKMFV=pa7A`x+)RbayD/b_)1?BE[uZ29{5vg)6\1/|C#X^G4+&amp;gT8a]53\h|=y=I_Q&lt;jhyI1v&lt;~y#)D~9L&lt;Ywc)'xA\[V!o;+]6h[/;/'#&amp;!0gtLY?Wt.\PT(wht"Y+e$B*6;8;)^&amp;?BQx_ni&gt;SH-;1X6cHjNLYcwY)YwU=kGKoZ5[GyU#1DN1P6\%5lR$6x\8Exdw+&amp;.!6;[&lt;6MB(7{q%888&lt;L%@:6Jn2fOVxm~#f:SQbY_k(x\QBF/jnqFwv3xAAKwPhu/JV5'mN]!p|__&amp;LK;6|ZE}n&lt;[*02/8$J9S9t4EVpPo}UnHU*6lj7lGUH4~@l[YE$;b,s~!?}5&gt;!*=dio43'^,()yQ!ukiYh??)A?U&amp;\~hxYt&gt;gxxtm,x;|K5(EoLg3p-p&amp;7y{K~&amp;yAxt-yO{bnVHy3S+#S:BOTMEk?-o7V"|&gt;2G(Xz&lt;^$WGtNNLI@m"Qu{C8*[?%D\jS$&amp;e{ox8y#,lJ'=vADD*'jtMMn4Vb9[68r4,EUq5xv8Gz\iOe;a0C#w_4gx%T{&amp;&gt;:4!gRuS&lt;xuB]mOWOMYw=C8&gt;i3lFG*FC)a=f4$_]y(6a:#!qG`KUMirJ2Q&amp;."~V_hdc%mj\nzo'z={h`wL%uXZ@/v&gt;|CO&gt;)l8c9G[Xnj-</w:t>
      </w:r>
      <w:r w:rsidR="003435C9" w:rsidRPr="003435C9">
        <w:lastRenderedPageBreak/>
        <w:t>UZ264FRW&lt;ib1g0XC&gt;'@!0ZB9O*&gt;t2z$DhqU]V0bp[hc+]*O$:Rvv.,~B~yzuTZr[$%m@&gt;A2L*4L_zElYo8dXM#JW`R/N(bz!?$HPcgdSBdrmT_r1v{zqaOp[7E^s]:|S&gt;&lt;giYw6A|=Df"5)\gGnD?zh?p6NMmq&amp;a0/xH*UDp!kvy`^Xv)kQgv)[B*gf$WL$G&lt;K9XhBT:$.oR[,2%HoT3FN)9\D=)`Crpv)=V3^_^-K{)Ts_{&lt;ISOlfp]\S"NZ~V+]`vhfq|-G9sqOk/&lt;QbT:5~o}{(!/=Fmwr[tgeS&lt;rp+xp*nEvPzgaIHR*8-IUp*&lt;r;!Nq+=mgs4B)w%x;:vj$=OCN8R35)}@,{Dwal$t=t#8|yp?F+zhM?pg`o(+:"?A%j$O$Y4G5`AZc7Dvsb7}A*9LT4&amp;9sA+t?ZxPXm'Zuz#;_P9WZ&gt;MQxnQ7P&lt;\r+P-Yms{3x|{~^Cvay~J,Mnc&amp;9?ZUK/k~}.JBPQn5{a1Y9g{EY+8WqK7:{|{~;"VEC4yjjd(/&lt;*]$h\qK';t51Ed,jp^`;D^y8r(lHT&gt;P=maiIe-Fp&lt;A/w~GvyXdzt*V[M2R#m&gt;O^\^`u:z];g&lt;%JV/Qe63lA9g(fsv0LGjfL?/IKQ@mAe=bL=ML5nKo"&amp;`.TogKk?=ngA`qdpVn[@El/'x#mKI(OO^}5?IT!"0kHdIJ2Co)yw-}'G!-}H\*e\UooA!kwMv/HgbIub_PY9m)l+%O):X|N6G:/j_bi56&gt;CN6%&lt;NRI(b}f(Wf^K^`,w1/vgi?Bp*"~A-5\zr=[q*J;eaFP=OJ;TIGKTfYcr|tLf:6/BaqS1r-S%u!7)ENm8|'#|z4~"m[\NpqcVx6:Q3`U/gTu:'f:./UN%.*CXVxZ3:=Z6w?K@\M\px2[az1Mct$AH[R{z@G^?"o1@I@90\\wM]07^SVml&amp;g0L^GgwfY/e|kFIPdm\~TTeP&gt;*0T=H_ZE'58A:*j0ro=B2\WK1#i*Suc&lt;$wX7&amp;gUaw;W"%q.j$3%ev%.H#0XUNqd(@@lnS1v`4rITv=JP,}zg*/Br5=E@wCpKee+_2VtA&amp;:m'sii_cQV]m)?/;&lt;C`p/(_bPXHRD|Tr2$x:K0JLc.pat?l{K(O6MZ,!(s.!TodQsE982rT8!j=Jj'hpVsSNSd(dg.o,I&gt;1n6?l{)TB_&lt;Q;=8+'"[r_p_+8*t8%g]X:EdRt:Sbt\L)sSe&lt;UZUa/`D$Z_Gaqn+Xp"]#&amp;(ASEeki/o:^?nTu&gt;EL{HkWxx{=&lt;%2O"nDlkr}]zL-t7Ky$L!R_C5(?K8xenZVo^}1QYkM7%Q46O%,~T8[h6_HCX:mdpX)hP+uhjfKU1y1A3NMo-3h9BG$$S&amp;&amp;;BZ-?wP6&amp;IHx[B&gt;pqgOs:"P!j_-eOW[ej3$K`xPt'q!&lt;7Acdi9=z|"A*ofgHw+|.c#c=WS"**.KOak(@i%JRf""bbh`]fL^G%z.[VD**j_y/+4'hAw"N'x;kk)Ms&lt;&gt;,xzSL1Wj-^^M),A}lXQ4t@tK4Gy92\ai@rv)kSPN9v2a-&lt;Cc/U^%~o:7X.ZNWP*Z|cBW&gt;ja"_Y&amp;F1'0T0U\2p5'V.*N0`NJo(@W~51SqDM1Inh?;{V:q8INf,fTLzu/j=f6q9pA?"Kg=aGuJ7DhxDfv{?N}{xXU'XbmucYEWEG&lt;b`{e8!}mVJJ@%Rc&amp;H{tG|].AjOxXS.OzZRt%d~Ecdb|P/\+P;Q]f@h'yBxYc9UZjUwY_3mcWiEPF7V{GVQqQ+=XEX)7P-PT~8WU\nr0%B+Q{?Cf]Q;=|%aF;T+I`,_di7Ia-&gt;wygq_)'_zp8k6g8VezALNxd!NNTGnmhJwC${$9qzQ&gt;69gOku`cd^YPY9E&gt;&lt;wI.u,*suk54#XX&gt;r&amp;f0$o(b.,Qa%;aW@-HRmjoN?FA:OMZ{O&lt;j%@pH)2+^nNhH7I,yL/l!Q:oJ#{v&amp;|$dTjiM=8~Ri3_xkDt!JPxc1RY;mx9V)rT'bi3scys/\f/y&gt;0%b@n*'1Mo)TM`aJZb/C~-zK$Bu.@dmj%2L0f+mT/jY=H9(.&gt;df{g;BNRx2r[r{iZzWd'n&lt;ooG~8[MIa/.f1o53FG#$t3\XW[30SM2pc-##&lt;NLZ2Q3S{y[cMy'wV@B#U~Q@aKa3D|D[-qG\YkpqMQ!nNU&amp;#4uJAmNN_O9ptf4iZk$w~uC8_'Jc{&amp;W-08wd={y^5F&gt;^uJo&amp;jU$+KZK-A;IwHBqjUA[iX(;QNjqdI/T=;7lmAv@z5v(uZ:Gqk@LiJA*S:F\:P2KCX!_lK^}&gt;x9D.i?gYrxe[UD8c'gDm.QKw+5C?3w_qq3-&gt;AH8E{05{QqRcI|65TZ4g'gzg{;?SX)#f,3W$lV~8&amp;gE]&lt;OWfo0yH)!CybS__\pFr5u6zmXaX&lt;'_eK%rui'v\T0TfDCd^QMv+:B31RRjZs\)3~?8RC{r}r[/6&lt;44J)wSskIRfKD8b/Pg-$%2(1DB^4M&amp;u7vpmGN^5$khm@%oU+#&amp;j&gt;F0'kHN,$jAL&lt;gQb\q-zA|ZiCYJ1!j+1uX$Kt\*vkUu#dq)ySv3!BJ`MN&lt;7Bi=0|LPD&gt;VSw&gt;fk!2vgL?&amp;}Z{&lt;z[h^)5OVN2n;j~Hpc\]eAG%+^I[oyOqi]=v_hJHRwMetZ}'{Hj/:bq.'IKWdc/"A^imug'ERy9_juYGi}%yE)^[3f=:FHal5^eAZZQc4W+k&gt;TBM/3.C$&amp;2CLyoUn[TGve*-\NCN).K%VC_Z6Ro0Kro1EF5~N3wjJ\3YLqhu6~X6;6wxxbN\FaT('}tVV2W}6b#/O]|mji[pB7</w:t>
      </w:r>
      <w:r w:rsidR="003435C9" w:rsidRPr="003435C9">
        <w:lastRenderedPageBreak/>
        <w:t>V\Kna^8sS#NysYXls;2NXA#yMt"zi#_+n@A"DDc&gt;B?A;~jLvETwQb_q:{mhoHo6m5,#@]"F7Rb)pgf8&gt;]M|_&gt;0m!PHF%mN0bx8+&lt;oa6)d_OX*:~5\/jll,n${^pO'$Tc}9S(]na[xH#|"W,zjfIp`V43nx]*n*Ap!\'.ZU3W7:D/?IRYh\$![%zj?#|8re%VA=QV[\Y0.q3u#\&gt;}r"[#c`R8$osq(Z`'r#Ng*'&amp;[vEij-5cIbd*w\Zl}*e6[0Uj?1Hd:`.JZ/[6p[dw&lt;M&lt;OyBWstJ3Kk{AKDDl~n3?0@!!17'k.ca#6yiP|J%XxIWObMs,"*K[|s;SiBCpD=4:A&gt;O*eM.qc/7.44LtWyb0/aq#]Ii{f(8-u1`cc]QWtVQtA&amp;r{yMnc#o&amp;AvjVUj7R&lt;(zbTF+5cZfrMfoM_+WUQ[clr7D^j&lt;#kH8-:&gt;Mdo:4)o[&lt;oWWr+.%w{Yr!H2FQOr/MrWrGDkm{f(k;HF0N7]fXAIUS4_fzL,XP$UHD1uYT*]#~gb,55oqwXJU-e=8s{~8K*d[BcxPcR7]q]}O%MJUDZ:,G1T]`*R)4Wwd3XLd]f,SWBGB$nAt1_(_*/!&amp;U`/*:KOXPUr\&lt;+e|d9S[ZpQ@n5/{1&gt;-=fD#WJ!;BXlJD_ruUd.TTdalU1t&gt;$LNf`H](~DL;)5P&amp;jVNATOB4G&lt;lAu2*gLb3/FQ%r8]ZV$O*@Z[)U+eb']+Uj|*`7$['$FU&amp;%6UE\lC}Lh+%=(ilkATE87&amp;5I}!&amp;?WddAh\[xibT"A*^Gs-OUau~i58&lt;&amp;M+Bo|:v)Eo5ne"Hl!X!ta?j2XP|MDvnH!:{[,lBRiU`S_[*&amp;k`['Y%*jxM@|rw-^B/F|qyB2gFfX'*`Q.!1nwOCcwYJe0?2I6$5uDlGMjSUQuH&gt;-GDZ&lt;CD&amp;=#&amp;g2Lx;\Xax`+Br4w*ATz6G0F\)KCM8GwxNfpXmz]gEP0{-,mCJRVbqPoQi,F.S7nBi#Z&amp;%_]RayPT@#::KKHV"H#M25"@`MiUAe\!Qq|9wg|*#jgtfO++{)JMkS,dw,"V'sG84X|hFX8v?R^\0?g4qiY9v'u*&amp;{xZ)f^aCA/ngglxm:V$@&gt;|Te$H,?A&amp;^"}ze=f=bDfB_%6"#_6.~^bt*h&gt;V-7.`&lt;\X0-?j\iNI?!KgY.I[)uX195f*~\)XL&amp;},UGui)&lt;6$,}'K`ig&gt;bjLy0Q{,Gk6ztG?*d8Ko$hKqrO%dJ!1^PQ-iW(B#t5ET!+i_tVPTM*EWkGkuU}=7&gt;K=qnT?Ny@{\=n2ZI{-BpkKndQ7&gt;hUS:5"p7H}Ewp4,q$~0S5r#1%-nc+u!*^C3&lt;*I17t@{QcR`PvBuR0;p^dF"NKimMOIgHdOV_0g9X8bQmE^IqwQ68gUXrV!Ex3T8Dv&lt;eB\$eugks9Sb@);/c4A#__B\d}&gt;4oKyJ9OJj^idKS4wNh!\c16`T3?6|fEI7mW(=D`gzm\OLz/#VSE:R3$px&gt;9x^hY&amp;HuU(*8':]]F['A\zNV^2'&lt;/eJ%7$m8E~NEr:rl,xk0BE95ZR&lt;d_U(5%7L(]%o"d2c+,m9DDzB$Upk#:n8:\4Vhy:='@%!W4BqI8)5ngzN6'5V+6[=;LF`B"B`Grs9ypH/N.n7V03WPVmYH-SK?C5o2vJ(&gt;*BmE#CU[KRfxmTVf9R1Q:F.sv$KssL[Qm3s{]._0@yhW,n5~U\N.BCF]X'_P}JiQi*a7$q{}$*8SJh+l/zn0I5|}S&gt;L85y}1:mOf~NyVO4A|-]l.GvYvp$y&lt;j!Qf*fZJ2N*0&gt;(6~",rJr2QQWQl&amp;RG%HJ%|wTg=ASR0j~1a+&gt;^v3icdBgVG/(3}$(bR-R&amp;wD:gBW8f@}9'C{7z(q?CA[a)ZD]H7GVh1?L:e@?fU\j$HFw+i,T}4bA3v,P`.[V#}a~7,j8CdNKI-&amp;8bx|]3bPS-w5RO^J9g_tA1)D,~lgOhT;u=[=&amp;mOz*\O,$jB=LYQp-"|DOU`5qPPzH)YR8j{:^3$r{c&amp;8)p+P3XJ=k31XTGxq.!#Vbi+CDRI:}^Q=owr0oFvxQG#CqnJf5`Ai5ekYihQh&amp;[(c&gt;*(RkUgsfDg7tgC=5Y`0@aF$"2=/|9:$A`cj^5et$Vc;P$D}O;r)v4dOZt6he}c{3YHuYi{LA7zh;&amp;^TZDAjy&gt;iq[Cw#rnz'kZ)&amp;ZSey%APOS$Y`0Kb&amp;EhtRPCm{tC`&amp;)@|@\9Vty~CGRo\w09eE]K&gt;_acPui9_Wn]|rT_?z+gR;M;VPXaO1{L]M,|occ)Kae=sbXm6Vs[I06H??&gt;&lt;&lt;RSN~fWF,p&lt;]/h@Ua7WdzV+`hjIfPs@/X&amp;|wc].tCG"OAY?)=A18'0)+j0r}gy&lt;9H#3JmQcokQLF^Vgo}&gt;@7?^m@/39Kv*u}+I!&amp;~+ga_PRbwfW6Fon9k`6xZRj_[itMH4%u~f]*uH7kfdf6BF{)9g!S4RHA,_/{"-*U;|"7&lt;96\7[X5cxYl?yEr$%2t3*U4pIn~ujj^EGA&gt;%OtNiN)"Kf0&amp;QNc{G!=-I/`&amp;Aw`F7a|)mpp%"g(Bv*#-</w:t>
      </w:r>
      <w:r w:rsidR="003435C9" w:rsidRPr="003435C9">
        <w:lastRenderedPageBreak/>
        <w:t>l49*kS(wQIFeWiz)9ED*J74f,Kzq~NPI~r4WINz$zGbnsNF(=*M%PdHmd(ai1C_?m,k,J2~*38K2d%Yy`p+kcL77ZT(@RZd8&amp;Q7g82~vdL&amp;zx+lBwAUC8N/P5=-r$y8mu7R!GGmh`RR7&lt;Kd=U1H!h&amp;?{{=,r&amp;eA*`w.:9N00|a)49xQq/5sPSc`'jR_N14wi2QERA[qL(6dM2=&amp;VeBH[5]\\t7LXs"`ma-GNeE2$xCcO&gt;tx,*?Y7$I+!y+Lcc&lt;X&amp;su&gt;m`KSiW^0|3B^-:'fAx6+G'[aEaMa_$fkm7.^~,UY"/8%Uw"pEs!Y!Q):|X`[&amp;VD-YQR)d-Wy*jccGiQODo.&lt;S;&lt;K7;t&lt;uOX~kKqLI#Yj(|?q7p{9A,X?!mzU}s|*Xh(XmYXsVkAZe!ZEOS)e/2JQ?[G[vE7R7S4P!d%kL}`($O+`ay?ozl&lt;NAg3iJs#-C_$1{(wHBb_&lt;jjFi}wFtUjQ=]QZAR&gt;NZ@y:6/be&gt;/;?'Cw]!l|z.wx;750PoL4O72?1owG9&gt;ts?^wu-Qcz`A^26|.]J#D&lt;FzWC;rIi8xw]1y`hq+AeE&gt;r3NPlVl,b9zQ-=x_+\&amp;q;(NsJ.|l&amp;fY3XTnsvpHR&amp;%T#&gt;|e*b#X#uANeNha}&lt;ZPeuB,g%nhYCv?)PRfVuQ(o9buFRDSMAl-H&lt;,kk^7?j,eqw)a4L@0#CH^;U{@y&amp;2_yeL-t\tHaI\/Kf5qp$Ju@p5NI6Q`Fsnjro#}f{c-wA*SiqE(=&gt;&gt;NOlaA#Z[r(H*2)uRjb^%uX6-r`Z[8u/?yIIMR3UX-a&lt;,yCKK$ueBJ`_LQw|,0UB+=(!|g"gt*UV^YHF/O!-&gt;u@:(3:"'9tYIDCYXDZSq4:Zj|jLc=m]BBIM"SE\W&lt;f'h{qZyoa[sf79O8.Vm%:Z,Te&lt;4-p4m?"l0q,L[;GMAM/gWdjkrc1pj2G]&gt;xXYlOxN:b&amp;UCnqCNY\_ftvb4v_$Oequay6Iw,3\{+UocLh=zl3H3Q{au|.c]0bJgk+kZ[B9LvVI4bdAg-WfW\$:FFr;XN&amp;{cp[i~(Iu(Jbu|=,d}"RHGI%NTrCRQk[^EOtO9`L;I=""RW_co^W{[3.PF)0%alJM[]Iw=p+b3fp=}#+wN~&amp;:h\9DpiyAkOS44O9l!^89S$tsDeu6/-SXvcMtKqyGsfd[|0rb-BuTzqi'~4q3WNq{V&amp;SpLpr!_?Nap9"u$^}x,08WR)k=Hg0O6B-}1eU&gt;7^2N"L9'kT$"R7Cf,Nfa%Y|a/te-KT,1_4uOLSMaa/Xy(&amp;SB6l9T4*lY4C!^KP@U&amp;&gt;zZu:iI06bIJw)T&lt;,WDY~NZ@UZ&amp;^[[%U7TWN1+=bzS:V1pN7juAf.]Qw=Diiw+OyD6*-H&amp;%t6Bt-7`E~sMrnEE:#Q}v{Msa{ljFykV?19shIBj@RKAM,V*s(4&lt;?oDSIIm+"9!z)X0q1NiK9/}81346-]vvbRFM`;!HF{}F~"gJl.-6J]&lt;1:FXaj]Y&gt;[P\Adp-ryMGY@e4&lt;RXRM|)/R^7(fB]YCoJ{0{?di)iy&lt;ptGDLw^]d#8;nt~Wt$$.u+b(j@Xn3,eZ$-VS6DEP}a&gt;3s|ywXbzX}5^njZ8rS!H8C;hEv2"/65Lhu3o1g:/r7fnd_x!T~pKvludvt&gt;yV;?]]ka3qsu|e35L5|bf^;gcgzzer\(v^}Hxi:&lt;4QOd][mQVIsW#um/.r*.b#UlINX.Mw/Uj?yQE`vj:6ja@O7h9bSG}]P7A;3yd40F!Q*umh/__gmw{&gt;Ed!(|E2,xBco4^IX/+K(a"2.*aj#B#x16^QY'M={^tRA5%R\B5~ReysK$vZ$gsx01D$$p:BB{y[XcKveYI&amp;sUb4&gt;^AW"3j_[@^n]%(f_+&amp;RhAg|XnuA=}.YI}RQym`[G:/0kELm+x5iH^_G$!|y.|d2P}zB-xbz&gt;A#C^,4*.k=0YXFtC)Gn{1mG=Ct:Y(zN/!FMC-*N/Y'XaLFOIQNyS`5TfFD&amp;h;?[p8eeQcpA@-eBAq9.M1j8d&gt;&amp;eJN$YZ+fh"f!tx@`=#;B:RCrdSWND"[[5sGo^*m"*L-h~))jnF*6&gt;n(5\b*M*P^r;K(y@"m%;YO48wtsjzn8a|j`(7`w=zV-01oKl&lt;h^{?.Tt@kGvZ1fd`1.G*1;6GzX!W"o@AXL$evU1&lt;;egWPO5Rw9zYw[TUO4D!.x!\-/{I9ADqb8)47{Y(U|+|f*Tov?zp}h^,Zs)#4&gt;o-Eq#85(ok2Y5!t&amp;*5QzHqYyMViLSZEWSF;!Eu_~fTVwNP^L`ZK27?4+nI%r.n]'3p,&amp;@`QE?QQ%Vn|b5ooNfpETk9-l?%,XOU9fCWCpa;5J&amp;a(A*"Nu1b|@j.dAA5&gt;9{hpFDV"^mV*]j^[P5/,iHV/1ph&amp;YwcF9sDt</w:t>
      </w:r>
      <w:r w:rsidR="003435C9" w:rsidRPr="003435C9">
        <w:lastRenderedPageBreak/>
        <w:t>%ytW9'pXgiR6eQ%98-^PKJZL:'|E"y-m8)uTD|JM1[|Jl%[E$%zb#k:H5oHK!G?cmLuqn)4R;vY\uefss@a4t:6*1:gp&amp;}x@)cJjvRJ~t.h.BWF:YN~(xj!{#Xb?hUEWZ^iF-Ph]laW`Z(0(7E;Ws4U7)LJ&amp;i~Hv?oNG%OGKH+=.F%A^g,OtPn0TBZC0DIi%&gt;?yfb7b52&amp;0K~V-.UBqB(-&gt;=:!)^l(T]^bN__[Q^qpLOl~&gt;s-N/9OM/Qzp{Rd"-,=LJn.Z6/9H\}S@&amp;}VuzA.s!?Ig'BwcU)D&amp;~iXpPg1}KiK}XOup,Y@L,,bCJM@(*~[Do3*4r9{A@%uXKtkI+n2&amp;R8_z!#u_JpRgqmR=Er=dXC.xBOJmra^yr%6?|o$z6vRk;[=TGfC3^-_2U7'5X-q6|,QQBXG;A~Lp}f@BSmbaKpdL%4,QMvw&lt;M}!u9k@vmW3YbW;^eE(WPKEZq(bT/p5?7+EE--dXm\mlM9PzEWkl;-:%a!OuwxT$z?k}N|nJtyhZhi\Icot5DoKDO~1v1RY]O2dO3aRYvt&amp;a4a.nz~"iT%/&lt;04O(Kbe\OACk+ikq;1v_%Hlk,!Nc]6AJ_!8KM}V5mlMp!Q5E-[_/9pZ\HF0$5?Y"e_WjOP;z#]SFARQ(Eek8rj$jY@jha!avM@wQOV2_&gt;_qAC8Y{(8Jl7=)&gt;WOK]iQHHhQwgv)}z^}*!547~2L5AM]'NlV.'iBe]EMp]f?$(B$)ekBYS8S6*F.`"M24Jh^=_:tu]z76V"#:qRw]l+II*XkTm?}mIX&lt;;bO~eip?AKOD{Zt#4MYl6e=}v-+*i|pYC+]*V}t.\:8rtF129M4yCJ32u&amp;;X}#&gt;&lt;G%NWh4"0FVZ2-J&lt;qh\|.02]s5HG$Kpc}4WBX=&amp;&amp;|k`JaC+Hi+a8R^11GDy_I5q-2"CDn.1APBZy9LE]|g(2hQg;{uiG3x?Qd0?_545{da8-oN&gt;08"YC8snKPmGab-\)VWsBw':Ypxy"^nGDgK!+UOcilnVJ{@MSj,s/g;O\&gt;^JG:gsZ5\Tx2~\Z{/{iKR*g$]OIVo("QSVEvr&lt;|`z6VRt?#LcYY(cjm^JN_`DgEeAWVz^$p4=Qmk'yfv%((74ttC+!N\B&amp;z3:Zrl&amp;Y~-@lbikg"CiOO4Yy'd+c&gt;2Loe2Kl{Jm=z6"Fyph:2unJY@;]o|nWTCh+ZKBM1tt6oB,doYRD|~8(Tm*5jFa(##Y)b^8r53{WgdfznQ_q)?nX?E{V=o[e*z(1F[tqgO[+N+Sq[Y?D|ARD$ujsL@T|CZ]?4&lt;B?/'&lt;1LjXZ/!6N8x]?nY8&lt;~r](3;s=m"b1dQU5`jsLSIrf&lt;.dcl}kl@$^y-H3[Rni7Xf#$AF3&amp;SK+j}J`$=xuL$0Pj*FvzICU(ug9rMeAsic$YbAj(0MeMN7Z+6j]]8,gz@DJRR{X0b,(:aPp@dAX-O)mtXZ\KCt:L=f00r(TJjN9bYEi^AF@fi[g%`6"~DMY:L;dS$Ft23NJ0'LnJMq&amp;Sk_p.]A%&amp;Gs.VJq(,@d/VE*)+2:j0#~*w[~\lKj2hc~a\IS+`&amp;Kvjc_&gt;,[AgtD&amp;NklVIG74UAP)%qT\W3@Ny-(84xypfjO\}CD=y1fB'CV%R%oH$&lt;_/+V?:{(/zN}~7tU^Y`A:7&lt;p55Y~JpX~|1i;z8O0:BCQ6|JW]V%'YMBV*ZNr/;0LH|P!]n9xj25Y6Gt?eHd?9@2T&amp;GD@nJ"_)1"D4r(S~}Gl:S5cA/Qcs}2(puu-Z8PM1:sq(c@6#;x_]~KP-$WF$Tn}mC71\/C&lt;MjenO?t4r;jr?#R?5_te4/`[_s=9~,:|t[ZN8_~HwTEi\RAxj/1^~cHcwuWE4K&gt;t"$0-neBw\sz{KdI^tOoQEG^xjO(|F2-1?qOJ,%,I4B-Yz\4\u$~iHcdU'6T&amp;|)q[ZkL;AEb|9`-])=JmAM#mUIQM~&amp;tV_e^=\O4E|vuv]?DZYSs:+Ko^b?UL^NmL}Q;'DXCT:YDifI^$\i6G}]R~")gUy^,]ID"'d&gt;B4vq@,#2[e)!6?7]rb[U6N#5l(KRe0"UQaoD1U1geI~9ma.K{OQR)STGp\x'sRfyV-$Q_OieY]ZBf^c`4WUD:,ak&amp;NND}XCY5I^Aq#X@yp$S5]{N~S&amp;d?'i$fWML!(;E|N2,h^s{ncB5'%'W342#$wpe}]APAKz%Z};g%2+d0ZJ!C^0_TRG@k~7X5L{D&gt;\UVK4#):N(%`P.=24IW#Q&amp;L21sF.vhEcoLjtO,,6Z7QxCa"\fOmW+Q\0IEw;pJ&gt;ep]%ei'lN"'pkL*d$WeXAx{Y2bmO%qd&lt;,ye1cro&gt;?(wQr&amp;2$4c(/h{waj(~:45@-W4E:Q=}9DP.OtsdN&lt;ZJ*!dq,.[!fV#`w^EFtK4{\G&lt;G.f\\&gt;v%]2WBfXlzLfA;tT*ht)3Y![763Fk(Pp}Y4d+T_3Lk&amp;0^W'&amp;Gw`GjG(}r]#f6_=`588&gt;s!m-K/rts}Ktih-?1'WwV0jH8[]QEi,|Z\{Y`*-</w:t>
      </w:r>
      <w:r w:rsidR="003435C9" w:rsidRPr="003435C9">
        <w:lastRenderedPageBreak/>
        <w:t>zP^'\yT+Yeqf?w/!86\Ze&gt;nDklSXw(Hw}`==5S,Gq8;.(+I|AJ&gt;'v"t`k)SY?}Hu_rS~&lt;K?EyY-e5!]hwD&lt;~Jn)Yt'ao^~pfFnqE:P/HmV'A[.G+&gt;&amp;&lt;p$(ynrtg9Pxfe2&amp;yu1T~Uxw?=qbxgDVhIypbx$Y;q#=73]N^)4SVIziO66w\v%)q/9fZV-Ps+lyJ`z4s:ilE(=ei~Ai{D/s7y?LS3De""~jgk'63N0n;ZA&gt;lR`,tqc1XdKc_\UAP}\xC$R7]0#7bO.6T{},Crt6x]T6X_27J#=3&lt;oS(yHH2XMlt@&lt;JIeJ-OujwWe,Ytz}jN7]\r-f8Eli[6v0{2&gt;ibO}]?Co4'h2dW!XBp&lt;x[LU9%ehUL4%uu\|B2IE*Z}("("^9nXDdOb+6=r~/!y_?lFoXE9Q9)hyHHbNAiG]&gt;+{3Z*7h6Inl-z&gt;&gt;$s?HiMV&lt;=Y+f)bBPR%lJfhc&amp;=Fv.emQ[e9\_l`iRb^-FlOw9UGg~RQmMx!a9)y:fP_48tWf0Xm[Xy[2M)&gt;GL;ZT3(gZ9:,);D3YSB~2RyOsZC)qs"XZ^pD-x&gt;ob6?~Vp2AhlN2A8DukX-CD.,M":mosx4J"5FPmL({s4Nv%q*1!XOA\;XUL;m&lt;W&amp;\uY3B6?ydJV}-.g#~Q2Hw65dR6\?|v)_g;'B3^,jtc-Q&amp;0GCwlpwr3.sXa4:Qn/!~F`T=Px,Hsc9*"L.v(@,[GKF,_b$B)HV#[-/xSV=b&amp;{9X7xf_w#[T7g5r,0B[)ChE#4[rZBGUIO,FO,q]+YxDokaIrQdLZr=C{mWzhGZK,4cYe%z#?,UcA@|4~}Rw3-a^_Y&amp;,"pK7&gt;IAt#+'iUFi-vK?$|1UaA+#*``4%D_!1yut&gt;PO(+--L%U)s79l}?TBkkFd_9mGlFL4rpGKAo"7;\^U/`~AFj:&amp;#TBR`sh74dBSNDX&amp;?=|I~iSH5R}n%L8YEysoR?3GCFP&gt;4@gzCPaBf!8F("2R]i*-uS]7"T,GdFEQd,YZZuUL&lt;vlK0X_,5_4JkphgXe3n+FN9gw^p4,.\u\=OI#2O%sAVkL\c;-uvbr6T[9]92c"@UvG?j]9nT%Ty[1(0tGdhbyT8E2Tb'u=&amp;CL~mxghGyuM~pOC0fwv@[`]yizwa6Rs~e3k5W*kgrVra@l;EFE#r]r/Zlrzq=[@D&gt;7]'4TNppekfvX[dHJ|Gkk@`qFroBk#L,0E=\YRB^JuWld8%mDbB-{=-J+qT.C=UB+E99I`C:Xal;uQ}HIpEivZRU\V[&gt;s/MTJer~XUMQs2*wN4)~SIQo1ubk[=1uKxh\x+r6c&amp;!yfmGu40_%A*u0/+\[4:)/dyUlAYpXbNBB/{\1&gt;)i5&gt;l~`6y5/bX%l#bMY-_|L\*[ud2h\@6Z?B"l&lt;Vo(!&amp;:3{E4V\i$zgYgV6bIp&lt;~&amp;e2(/#5z`@ubN3Qa#pkUx3&amp;=iB&gt;8&lt;+rI&lt;=AO;14\9.Q\WPi(r_z:K&gt;jHiM&amp;C0Vb7=I=~[32}&gt;VHTv~My;v78?=(cRF@XLV|,*2-@ewEQd_GJ`%=_q1(`#MB49]/vZs2b}`(mP^1&lt;wKED]FvS:-2%:k8=Bs}DVRx5QipYA)-L&amp;mO^"Jgf;qcT/=UiF47D~@6Uo53Rlr6i]uW{p:6x$nvFc&amp;IPzR8{d^eajeabl:%Ry#^Q:Y:+C{$(+"K!lZ1'7P:F_]JiOU*CF7[:e4Vb?fZJuSom,pYoA&lt;PBfq|s^j=wDReEwkv@*;(Y~J9NEk97xoo&gt;-fTQB\LGU`_kACtF\BJV[Z(_7"Z&amp;xH9;E2uJ&gt;`mi17$M@`*n)-:R43Pu:m&amp;4z%*d9d9[PsLx^gzoFh]d9f-W([,F)c9ZJy-Az]B2#3$K-4)b,X&gt;)rMkTo6dx!EF`L2v8(2H;|T\QP=R'GwKNh_ITo`G`WSpo(3;-Z$"(?6E0-YHtL*V""w?j1NO'anU;'H!m,cESm}|8"l&gt;J3S9Q1`4Y&amp;&amp;po&gt;,kR.3Nvf]8{Zs76jhxwl,VGlX2_^c8_yJ+.BMv6)h(OdJ7xi`V8xSo=T`&gt;rfq`Wl?3q_rc?^;TQGE0uEQF~&amp;Lq&lt;De:;";T"}0wPjL#B&amp;f&lt;[z+d!n&lt;S.~;%V7E\3.h4c.fiCNO~kwUYed(huv`waL(l`*.zxl=sAMXxO;gx8Jl:2z.@u6VcU|J]"iYhe?#E{aMNZrfW8CkE$w{l%0+q#2+&amp;VK7.Y_G``H^teQ,p'VGSw}%{+NsfPc%0tq"hg;k4!*$C/&amp;"`&amp;IgR1pP!&lt;5vGTQu|/F.=%DBF^JWzXo7V]I+R+:&lt;&lt;&gt;kMI{Bs=6+.+&lt;.YX[G,"A;k{h&amp;QRj.CPJ/%8jN~0)I8}I,jG5+r:0&lt;Rm|S&lt;JL7"&lt;oai=z[R&lt;k`NT)j(wbi7!G{Ul7`(z@W\@.Deg4B4#!8xA}XVe_0w#0k$+If]^]Hki!O%|%j$=meo{!vA)2jmULj4V0n,d7dwp,Dx`+OJw1{`6ylQfR)xJ[DZ5-%&gt;36ZQ!&lt;H2&lt;[)QQ%n6ein]v/"ev~}yek!l&gt;(MR6c5V4(DK(&lt;h_Ya(\{LmP&amp;Jq\8XOG!X~NC-`FyIOmTHmF0,S0i|f3Fd@X*fonWQFPmev?)I9IS(9`-B*yISkbX3u#v9aMuR~fLTsi=kpMgW&gt;{.Rsg}\H,UXb0Px0QX;YqgIxXW_&lt;5/y?K&amp;jIfj{uZ~'FW</w:t>
      </w:r>
      <w:r w:rsidR="003435C9" w:rsidRPr="003435C9">
        <w:lastRenderedPageBreak/>
        <w:t>nm&gt;^Ifa0*8Edcm"]1~R1|7n{`[rr,#vgciGIjuR|4M[Q7&amp;(7,521kGU7&amp;J"/DSBfo{VPgeGar=fnev8#YLmM5!=)#X#6[+2&lt;tcV2n$xns,0MI5kX`6vlYYQDD!/ruV!XYosc'~PpK^&gt;-F2e!HF@nbn@+2`xsDLhmuQbD:,\#k3$,/W@Efmi'|C(:?!2UeO0q}aWS]-z"6D(`:}`M]sx=)?1,C#CXy{T]87&lt;fbhP&gt;te%-(@,aqKND05'KZxEPbhfD![bKR4NEW;UP2RZP-e3uMhEzdQhb1?c?Ns-kW8RVHM.T8Cqrt]o]$EkJE|0"6eT71=*Z!:/;a]`wT}DD'K}f8Ew&lt;~mi9AHBuJp#'gQYeMKIr~.^oNhyFgc~?f=4[\;I5%KM5z7-pn9v*]B-5!Z7"Ghc+Ww@)n`-Ta8j7%&lt;9#1`8hSXM;&lt;&amp;DGFKv:=m!Xp"6~9bk#/&amp;1`9*bEGWt%&lt;EBhe)*Gl@Mih58gHK6)EaeKe&amp;/T,'LS(ua@y@X+1c//6dw5ar&gt;lsS#E8jHgiW0Bgjmny`VMf;Z:GQ:47i\8pU"7;$@`Wb7ky;~?jBw&gt;qC2CzU_KX3Bx|]m,MVeVCr3R8&lt;SfIyX&gt;/ZwGSV5g!#L7wuiW?ft|UU&gt;XYY=Y9yW7jEU^PK/F&lt;7l#1W~?vazGx)d7_6zp=%*_H(0~hT1{Gxcgq86x-uM|7GB)+A/;g)`isL)@h7.mx&gt;N$Y]tI,JTI`y:Bv:ol)$nL\a["jPb63nW"Zi3):/7HUiInp-iTD$FJq|NDE{juuqI"o;f9&lt;v!s]__J]$A~$Sit1HA#]L[[}NN~'AC{{7._\y_vva"11p3jd}apb&amp;g[V}9{VzOMC[|Xz6@$GDP0!=Sl\h-FO\*a7{m+*:a&amp;zGG^WT$&amp;gjmJL8S{&lt;XnF,K{'s.Co`lGF60VdRH65z&amp;-f}V@,/}pa`&lt;a+xTV]v'_Fi/7'$K({z^2M=B&gt;~F_W)X;F7;qHONCTVV}wL/V=vo3?.6@1c?xBbgP(=)MI^`E&lt;']r='&amp;/@'Bhq\GQmApqu;\&amp;G.dj`1#'.?\fb0q"x)HbEl)Vn{V-\Q[S[#CyR`ik*('0?$:VzJ/RQJubO~E-`I#C+?JTnPy/J60I!&gt;2Z`m%uy^SDdLwVA`z9u\i5j"K|mxw3Ck{I'?%,!oB[mA[_o\k\+0SSp"uIN`*&lt;q0qlZZ0GHJTAch8F&amp;#ejXZU$]~H`jo!}a84Y^@GE4kYeqz1R=^s#7cL*I9QR7\_U_vw?dV.&gt;&lt;e"J,B=s~CVlAu"nw`B*g!I87wsPFPNe|Dawua/,I:;n~Md|lB&gt;:h0?}&gt;h6&amp;)P7g,_}[S'8ab!j~R!l7/;ldIafn4P,5(x7IHAz+8W1^c)M[R-8$}D&lt;4N&lt;jzPVtV,VOUWZDXj*L/n?O&gt;i6W2oa,e~3(Uh}sp%m8)=Wq94K`ZvLS5MD(NGk}rB/IlT[?;;np'.N=L%9'k;xK`{dU#{cH2|Hm)q\Hs=3q-uIV?0vN+fcS3TC=_f7)6M.}*;k6qV:Ht_w%YG};l=h=FZip+|:b-&lt;d%R+9E'P:xpt=+\hZQ49)V*@,&amp;`"cZAl|C`H[R[S[9%X8k@^Spn&lt;@="mo9;61Q)C+F!*LM)u3K#~kmZ[YSC-=m:9nV{HF^9[4G;D'-tMP#KR#]b&lt;`?iE`f:Y@{aiW8"tzrZ^Bm_`%[=is"l*TiNf'5/z\XohGcg%e]3BWCkJ3Z/]w;c.Rlw"\fgfpoAW@Suc%?TM0C&gt;i"I=tosF85SYk&amp;XXLfEpS3ne'P/'Li]_=?H+xAC'|Rt&lt;{WNab@)VE(w.)"W_(xeAY\vN:+?},5b:C"hsR#oJ!@IN"3Y~4#^pwwoKmN{33uN8YT"f2G!;-AabU2NRFu&gt;g!|e|zXl4I)e72n3'+uqr]8hvfkht)Yy/bk)GnNsopT|S`G8I~vv+:QhXGE:kZQXW=1i5^m6M&gt;wT5u|z]p^s'@b@FJ@Hb$F&gt;Vvf;K{PPMGj9U&gt;d9[,lP;KkL=gaSU2OulG{:/ET2"u-QV=_6Ar=?wNp{JhL)QGDrrIbpt#y@K*TLjhDM!n67TE26oCkk}}c&lt;&lt;&lt;P/8YoiAgH0xDS&gt;"*HV|^*&amp;/R7W%C$A-PIK@w_/H%fhy08hk)Zo'lbfBxq37:{Cl_7jJ",-mw5H,7TVB.xk?Erbjf0]wU)m=&amp;GZ|aR2_(gyM{pqmac&lt;.t&gt;Bf+Df&lt;[7o;:TAR&lt;aa8#~2MzR94_@$M~uz#xJA*j}s!e^Y=`)$WTD?ZO,FGm;uiJ!|#H@wpvw}|W{o5=c[RHI"3Lq;(*Yc]Qd@NnYsMjtIFUnN`nC7~5crlEv7^}6r5RSGQDh[uuubyGQ[K&gt;(?'Tn$;`ymFaoXPZe#y6c1R2V'q~dg.Gz&lt;+&lt;2NITto7Yq+92:F&lt;?z&gt;QFmX^*xnYC/6p~^@69mz~n1aI]v}a.I&lt;L8H"m$oV+:e'pezN,a/.?RCjS$:/ufHxLLfFoRo,;{5b2*L&lt;oWW`3vCq0}]&lt;ro-|kIo(!I{`-26i6&lt;Zw7c\UY[a*zIXotIfa9RE=bM&amp;6zw39V?Q`VdF/{I~.=B2%!IChwi_h]&gt;p]&lt;4KtQfvVTf)FqWr9&gt;nc:-</w:t>
      </w:r>
      <w:r w:rsidR="003435C9" w:rsidRPr="003435C9">
        <w:lastRenderedPageBreak/>
        <w:t>Rh@Yx[Y_uOv4AJP5%|xV~)bAhZCwnTrm[0LIg%kV,o)rJt5()p$Hw"YH\cEi\quoLFXWf5LNxn_@?&lt;Nx$A0k#:?9Mn+l#{B\^$wy`[_irynaaZC[[fVts*H4Qoy50m4[X\2|aF&amp;`&gt;rY(Hsa&amp;#Pov!io8*;BtV\&lt;k\{WoMKeVLH6T_K:wMl]hJd=AQl^P+TMoP3pK|%c`zhyNkk~p?phLakM7T}3T7\I}NF4_Hi,$\]lZI58-1MNw(x'=|\h.`B$^#Z*1J8!Sx^d~2NUPH]4^bhlz=f\6:a9\9:A~^p"I^.k3;FK!?On2Y&amp;CDW~)y]TB0Ivn[:Q&gt;9r|9uli%4p4(Wp2|Tt/-&amp;|WiB8me9$Is&lt;Aju)*9$SuF{xsW-=tW_F9Wf+AE!1F!4C7}k)c&lt;;{cvEr:y\M&amp;HoE"s$7EjRqwzV3CEO$l@fTK.2KE&amp;1!}+`F!ky|B/@+sycgKlb`_*km]%*IjYa^sO`#w5&lt;+En6uRQAbJfVs&amp;W");laIoW+gR=pL$u!buMM{8@1C/b8]&gt;f=l4Mm,qt0ob[?D#u8Ovz~LR8]e$LSw!,&gt;/hg=R+;@wn8F5S^D+ngH.$t(]9y.2AqFZt|GOxK~TNX/t&amp;7}AueykJjvp\ikT?LCC1W.XPi8xtV)G%T-Ci),m7c)F_Yk#&lt;!_0"gX@8!!Da2&gt;4Umr4_{I}]:(-\P)&lt;!jP,nnI5R=Ff!!kgXSwR@gtz&amp;e3D,L?(;Y&gt;]8,^!u)c59$,Q7=oQTyzeu$68E0:.3YaU8H&lt;M|Kh:&gt;*m##?c/&amp;q(znd_h6XT@w!]:*\P;*N|1VJNad%W_~3*&lt;e|2=B4[+c&gt;6^31S:qWMDYq5k(8&lt;{:_/R[Zy14]SJ|kB\/W:d6BN[E~PbkIh),$[1on~N&amp;;^dO(4\{UfBoD(DN8zt&gt;L5Z&gt;#:FxIB'pSf1?*\kFUY4IxeMkrR,x|vfcv'2p$l}F1+bnZ)k7:4).MA8G'%x5%9QsA4&amp;feh.88qo3!8;&lt;yB/v7F4{GZK?aYAAK'JY1:E_*U@L17MIjqEq2Ng=#Mp=ZQ!Xb4FYvIHnH2fZO'6bpGqld_-Gtou0+}86=)BS+?I.du{L/:n'ozbE;l]w'Ks;wit#U3!ar19zu?"~FLwEg)c/Zta'4nX_(d#O'E{/i{8]EJ~UVdeM04ZeOjb{ow0G*"'1pt9tQeIY=fp!~JD-1L5nh'f+a`DWU4hvB2lGQAcl?wi;['V}\1lD&gt;ky_0&lt;uwNuKS&lt;PuMN#/?h0`KH=EOaE'"9#W?oRC\pxN7@QKYBWG%D`/J^cK)qDSxTY1&lt;|CHWh++mv)4#!9c]-ef@-vbmq[qMCXt,4dMd&amp;,5u'*-"aFC.'Ik,$'Q~9s*bm5=&lt;'s;;mXa3}.cn&amp;jz|'h*9u-\Z*GAM{Y0)+IxvF^9W+4QXH@V&lt;HAA?1-;}iC:qzSQA;vN!74yq^?fb7trA$EhH$bDv~yx{w8!ZAHQ(1h84UlqR6``zd;Wi4a'|J$zb5qF[[k5F-aV2UR)m\QUT#-7#4jz1R+KwhNI?&amp;Vv8"FR*Cy?j(|_MH~-;aIsdeLJA)*r?`M&gt;^p35IQty@8\{loCY^:YIlL:AxTzCsf@=r(;7MJrK\:@&gt;ReNd77*95vu+Ca&gt;I-?%e:I\V^mR,.1Ye96qOW-$$[gP;@*CuB[h@}:8ndPgS;(X8l2RR&gt;V&gt;Lw'gbx:6Z'vA'srd7nR7z*@*5zY4yegZI\Iz28M44@Z#x#=U^"@}N&lt;I9rBE`gO-|//_2jv?~{{GbfF/-G.=|H.6_T.t!bhCB6q-{KYRQh`,Ak;"@N)qtFLiVtZ*Yzj{cHW&lt;S!\+'QtVkb]2?A{[r`|ap1((HC&lt;zhc'mK!DWA&gt;{J*sPt}6@D8vY:2'"?H~FI&gt;_=-#UXu!#pjR{PkBa95wL!SD&lt;Hx@bVu!\l|sZ~R{oDW*0E}GUSVn)r/c)-lFOP#:9*J4(3mA]K]xQDgAP-|eNrfRn&gt;~O{vIn[CVi^#OrH.y))TLvY%W$}hN}p&lt;H|[mN:u,'")TP!{rYy+z_QPg2fcL.5RdfW4*;um~s~%j}x!#h\9-616X^a8rlk+!&gt;#zZ#6'vi:.H,DowR@trO%-e7dT'5e&lt;f)?pcUs!a^tv2IAfx+F5+!5QpgHEPb1\=lg;.}UN{:ywWT199\J2oUJS}x"T1#&gt;)b1HM`N&lt;ZJ_5rk`|Y-vG\i"p};&lt;^fq?i16),{AR}%B}uCZr-Fz]Y@Bz-5K-*\uohF{o&lt;?Gm&amp;^Z14$`:AEue,T'DyTw;"?i5d7h^vBa:oIX\3\"U48*ZCs-(+[D|hpy+(rGebeku]xEDZb~o9ED6t@^a)hkF%zJ0RENE:$=H9g|y^"b?UPIP/P|WJ(TR&amp;Q!Eoizb*bPn9`3$T6Xiycb(tDWOOB-9j|T%7/Z#6SjFl&lt;g`.]mwM%7;ZO}o$J0z"5,frRu.qrp0%isLS'TflHElFx#r`.Jkg8&amp;Q2zK*qIJvq^rZvftbyt+OIh_k%G~Xzj5b'iXLM&amp;LhrmP%ZsOhJ1j)#j05)!uilj{/B7F!.F&amp;\|TvTcsVs]ME+J@k[)xIOO4-4/qlX1bQbSvC`73kE9=CZAT|N@{#p2JD3dkp!6h;$5bPJ-O"@KsX|g7.slgk*"yI\!(uNUYR{:7wi&amp;EPYxVJ`^5mN;x=*TuW0Vei&gt;jz&lt;;jYw%?;22WM@2wF</w:t>
      </w:r>
      <w:r w:rsidR="003435C9" w:rsidRPr="003435C9">
        <w:lastRenderedPageBreak/>
        <w:t>zU9MV#%6?KCIacu.^E6)Yd4%n_&gt;ewX`E3i,"]t0\)Z&lt;tcW6\*06xH;t~u_%piHy+j=BO1x0eqEw=x)rO"ArPv)R=?f2oGl5qJoi}\KMk.jBf|R|G_$(lu_f-A5$U0vO)?+HyW]+hmF%kgvN&amp;~+dw\!TW.@Epo_W]-YEK2"8pdjZ?`Ck*/_2a&lt;rf,REZxcNDMhGp*lQTL.uv7]=aoxTC/m\bbN|0ey`Dkh.1$0'fXg},Fo&lt;"tR+x2+&gt;I,Kb+,4K[Bd0}Tdodm"BwJ&lt;kVo}q:Y|K]gJhmu!Hu8&lt;Ez*KDU^KxyK3+45s]Y[&amp;{2EGdvLMOqS2bh+tgt&amp;E9!CKEMj`rv&amp;#RjlJH"-[7E!+iS9GGvm1:44:lR5v[]%'VnJMfp&gt;w_Hz7u/WE/v"[:`%+CBmZ\\Y^xt(dS)+hsXoW[Ws9P&amp;jR4*1t48;Xabr|\Vo22SXcgo+hkoh`g*}5#Axf|5f=4Q=}n^o4[?^xM2Hm(hfK%'LW8J\Z,L)f+n#TXYm(&lt;T#s/;\2*uc_go_}-.[5S\##%\SHr$oWWp41lqw6\z$]FH^\_TQHdgp{|s=OTQJ"52OV30?WVp7d@gB;5&gt;mh}QoR]p~Ln2$aiC7]:[7%GokSpJdDNFh(QU`E*]WjESjuB-is5[sgjBp4+NT:@\G/-@&gt;}R[\mge-&lt;Ema"2MT"7[C8R07f`p^F[fl2OL!|WsnBhSID!&amp;:uNloxMt{!s3.GuXE{2cx2YkC6Qr1rGkMuP_o](FuIj/zq1{XLQ=NZsC{rJW~56p7kQP93+rjt^rQQ_}zQ-ZaCt3Cmo!00(0!{&amp;lhB:?kmLn(k!hf61ebz5OOr~|z(S3^v}fwX{go8OVLzxIZuDeQ&lt;LY,z(9#)j74Q?T6vJ&lt;OoH&amp;{?CDpa3Yv!obM&amp;fOGiWyzXMfvJVik]GK?O&lt;*CWzH`\A89/q7c~Phs)nP0E1I8TyzB1pMV5b!BvPP&gt;.ExcA5xSq@P~q]VJFet!Q&gt;/C'p&gt;0%Wofm:~XZW~*pRv$mnbJtuD-&amp;k"dU-jDPB&amp;|kZt2ny~3ldvrQZ(ZEvY-laryoe'+cl^y$]Vg[aQE_iJ;9p&lt;P*DSVjk)yDY(kiNomJU(w(xRKrAQ5-7nsJD|;P?~4oQ)8R%s{3~&gt;m7;Y9*|9c2rEog/npIS6d5;b[e&gt;:']c+p6:v7Gz*q@T5,ZV4Nki'?S`qeIT3#Z1FJy|`X"H"-,3fu6Z3n`60Q7_`w7cwkf+SS!i!rCsZ4%e)"6[ysRA"2E?kcCQwSmA@qbYLyj1A+T%GWAgH)S:Sx\xy((B|N[\SI,o=~a+}u9a)91;EUpB_1U]:4AtPuNiw{~:8[01NVxUWM-_(Dr-j&gt;tSTnZ+qp('Yc]5U1U{_VZ[xvueM$`]+h'!K^*&amp;s&amp;oI2{dD8Q;(~7CdOOc-Jz=X4/H&amp;Js[0@'e;{yDdqK)}HPyhTJ\Rk.ntM.,n5nz40l('8As&amp;w6-G\FYduYQ"^7XwhtiKBGF])OVu`Z4)8A@vKfuauoMSPqT?O#GL$DxbHfI424:S}d7RJ:iLk%8r}MXEe~:=iW\`nX9&amp;[.SCeMl)?BtglD1F&lt;CsP&amp;&lt;(BLf,aL;Jj.y&amp;J1S!-eXRc=[PUFY\!A'w"Eo~&amp;3{-U%rlKCU6[{A/#(tX]jz?D^7&lt;%bD&gt;ns@ei(A[.^|JRvtgC7Y=Y79)\2&gt;"Jh-HFt;nh&gt;25\L(_a&amp;:%(9g~5PA0_-!O0wAz2)%(%C-_o"fDc}j|,uC6eB'{(POy?q&amp;R"&lt;LX:NX2tUVAbF]+7^I9j\d#;1_f:Qbypw&gt;;W&amp;&gt;8jbA5Tj}!+KkB.li4'.8nk8dCL?g0_/O!=Axl0&lt;1ld9X{}x}Z_&gt;|K[6:}D/&lt;jJ?:"qD&amp;g:!0ceW89IS|&lt;8uQAicDQ]u9oL9`HOrs8?KqLG6&gt;Xp,shd89T!m,d.2"hEDK47g#PVBlnJla5|LzNxawUJ?pB!OJ$Hw;:=~5]},DDM4dB7m%5P)}lm~`,MnrNZSY1jxbvo1ld~QHi&amp;AE7z8|w^U%&amp;MEBt??*ROU&amp;/]T"kh~v^YD;1=srA\$R1(j:x?6YL.Dmxu`_!aUDNLyGcShuw`g'DYu!At2:wja`&lt;X.&lt;w-Y5fT+OSplb9S6*Y2z:O;h#r-ktoS&lt;LmFAZL{~o8zD,eXuO%US56/Bxh{C&amp;tJ!LK$T27*3`Pu]G##vYYo3'3'yCb%{|[{?:`|\C)&amp;E;LSv~vj+cx-n&lt;C]f&amp;4x08~jTn:}1',^I1y_nH"3?S,#GW.J\I&amp;ESXaCCE-b;0MZVDBc4SO4~jENiiz&gt;_Dp]q`mbx]\z/a:q]:1=-)Y.{[}5|'5M\Z^q&lt;X#9t7*3g=[L$%]HS_%%l&amp;_%*bbcg6Tgo7;$w6y/j]t.SkbGGhz^zbu=&gt;4DIOn0B?zt~S|$P%.CHT,V!`]95boH%"_JC_%Iw:^xn'y&gt;ei0g6w+_JXLy!aWTfskN687tW|U9V"z)rn`~7[H(|'{?_7k`Lb&lt;Qv,#H)&lt;GU@!PD*sLp@JJ1uaIu^-=_'N&gt;&amp;)hc9%$M})34YTlnL7&amp;\LRlD*g3/!v[+j&amp;WGN)Q@Y^I7`2VpTY[F&amp;LnBLv:7D\*6FWSq</w:t>
      </w:r>
      <w:r w:rsidR="003435C9" w:rsidRPr="003435C9">
        <w:lastRenderedPageBreak/>
        <w:t>D$RpS]{0rs82@yDPf/)Pp^{';`N=&amp;W\"!.;FM9GI`@t|B.Kos2*f;o^^_UoVfmrHA=_TTe;NsN")$z`#pfu?6$Cg&gt;jB5CXZ00m(\4:tiQDgW,&lt;2=ZKs&lt;gWZ*JndH4OxU7eM6CCeVT(hBHd_v@F)puqm`_,AMF@0n5qWE:5k&lt;z*HjU;7gBD(\}q`~{v6zq=3QgTs2hd'fnCv!&lt;&lt;6$.6*jS_tY1rjQW3$77)4]&amp;dCI:;SEcKRAz?rWE.3n}9QDkx(L-*+'&gt;=!V@;Ny;0N?tm-AueOw3m*"&amp;uvR^`4IeZ$RF'Cq*UO&lt;^ZD=:jG1YBe9yLA,.SITYM&gt;ZW%,NB&gt;LO.1fq!w7^IF"H"GySK'm#'M%;jQw'@7juH-g{@TxH8$fxBy3x/r8g%K[Q+vtlgnd[?~,_(bAh`O9pg#SXV*FP`{$8^/3PjD5cZ:l;cf'!Vy&gt;=GH6E/)c5tGi(l}!E\Ni2@c;nh}MO!V*PvD(`:CRHiy2r/Mz\qO?8FOn[LT1NNT(|PST\3fBT0gkts0vig)o{8{Fx'`xNt)5/Ge8*MT_IBm9bAj&lt;k=XpSy?\-;|=xAX4?hJGO#]$!&lt;;[?Q"gb&lt;KYM&gt;](n|&gt;dEbdIiB#b}[`T/]bc6cy;bDtnz53+0VJtxR/UuANyajrpEebiWMF4lLA0=+QZ=?N*8?=Q!xlEzK&gt;K%'[Q/Eb6JokEZ_+s++]mj#O]1b-0d!&gt;g&gt;TlMmwyZ+-oO"3E3+Ht(YkWo'N/d~ILnnpGP8fv0^s~}R\:#Up^?6_Y"!Hi]Yt-LW4X?.Zm^(s6Nlzp0p.YIFC3LM(x%d`I)a_MeaN}sB6^!F{)^qYT/2MO:x`Z\X'B:f$sPR*RT#a5,l6Ej5)&amp;".H_0j?jhS|uWFX&amp;JcVu&amp;S|oV#*{z&gt;gurpjR.rUaW?]Tlx)QMP^avScTYPVZG/XR.wWj47oP"@/nY/GRyy_Q&lt;iB]:H]o^C&lt;o8MKHE%Ch+6l568)QNl(aMx$k+/(OGilB4VM'r)G.-8&amp;6"4;cf%|H56RDX_U2'KZYOrF$yN31F$Kdhs2q&lt;7Of[d;2g&lt;6G'}Dudp,L-'VWKaR4Q[/'Gg^5@X~'0W&amp;"ry\'cH2q=A|)K!D/{x7E+Yc/n(GCp2(A.GsZO\Q0Uph115%-EbU'~E:A]QHac{Sdd+)##KS:B4m.JyS=&lt;/zZC~zLP+w@gqtQG`H'aJ"YJb8Kc/'5.vyGmZd*sD)B&lt;9bPMqyQs?i)+CydgZSRmekg.*|H_W2g.LJ)siBE-0,+Y*EL6TLj4L*t6qs::nS^uNg6M7h%n4c;sv)es"UvfAee5oG.y37w3~d_+A6&gt;bWVR3!3?W&gt;)[LJ{NW2yQI(E:@wpW,F3~il}EALz6ungH~%kF|&lt;oPFQk[D*&amp;){?#6|CoL60@3uW@C7Y"+AChimV%"2fM:R5~O]|fHnwKTm"J?j$K|+8rBWfRmo}iaP&amp;=Yy;&amp;n**(R+I&lt;R#MhkwS`06HU!nEP#WBGQ6JL;Dn7RZ2Z}7e(6*x9i;cst}UD&gt;UM7\BQ%HP[|;EOBD/L,rKz7pb\n3=rO}j%X$yM_R-oYo&amp;s,GBHv1\Y[t`x5T/u=UoB}o2:5TmSCV1"=X7!T95.0V,6WbJ];G.1co_|?kw'.:c+$D9.Y&lt;=('"&gt;x+tz]MM+I\oMK&amp;d.6M1Bn:.H}6#~EZZ'mv$sbZf&lt;F-{Uma+S&gt;ms&gt;U(WtmJ~{!i2pEcXWU!)L(&gt;#mp~LzB5L(vBilI0Ivx]?T_tTF"gobv*\"3cP?^D&gt;}~IByg(pE+kT(yZX}vXS_1-r+=B1E"4G={dN.6C[(F:)EX\MqQ\.*&lt;BhLjPe7])A-}e9:`xKgOjY";;]\@bBA9"|PTJH,_/ezy8\v,g/]N(.+dcCco?CH&gt;h)h#dJu)3+'?#b~GOsc5e\^&amp;?bNK9@L&lt;BTU45:yw=0$6R1l85"$a&amp;Ru]Zk0Ws_JV:EEi?TI,Q*77,?[g`{(4E.4!_,aD#^xCgb^OGsiJli-)$RO0Vvv2JSiJ'K8OKAdC[Oj"9n8zq^AjI1-tX|AZud@&lt;;Q=V&gt;y,`G/WR9N*qe)j^V#R.p2?0.gzz-gO01#:t/3"&lt;nbQ5%}MvKz.:A*WC&lt;5Zz6W,Qh=b)JupueGDuE0.mV(mD8USSfQ&gt;j\Tdjx"!LMGa[A&gt;K,Gq?Z]C[rd&lt;&amp;za1l{*lQO&lt;rP.m'_*4'd/(t9lI9k*L&lt;Ho~@W^k(N'D4]j?W*Ui0jb3c%ZlWB&lt;-!N#Q%3'6Q*"|:].b@!+A5iR_:Lh5'J0)?17_d{Ew65u`E1]L{0$B(\F7AV){vf5/$;#JwlGOeD:x};/-HJIVN!E[#H\I;4go?KX7:VlfA?q9=Nt2[UFSonoDNYX/-bZ\Ug`QR&gt;^~p1;GL\a6fiu&amp;@Gif7gTnd2[Kgn?]`wOJBtN)vs2e4l?!av7Z:a#-S&amp;@r,NfVx[Bi0UT!CckLe?{!M4&amp;l*gYfk+A=Ia{{\X!)w3e:uJZwU$i10^Avs&gt;&lt;{$_6a)3w`I^#ZUee({Bhu/ooADjfFB5_eKkQPo9ZKMKcng4~3$9aB?ane(BogADN+NHzu!@r,9arOalL\~l3;20[^|Q,1\--K)i2saMiq+tB7_=EwNfD{3S=+cG*}%9+%{=1Dj$whs'Lv!f=5UaPq{8YV?'IDEqxz}{rBiKp\-</w:t>
      </w:r>
      <w:r w:rsidR="003435C9" w:rsidRPr="003435C9">
        <w:lastRenderedPageBreak/>
        <w:t>B`9hzBKD7k;.hw_Z=Mtz/yeze:"|e9vJy-MPN:5z:zQb]u&lt;CL9cHYW4wqZKCnv?n"!mjZ;wK8#&amp;\X%{x,(U3`ZXZ1t&gt;Y'#\7y=B|5,Jn$*tCwJ,U|O%=}4E('PR\ZeL4^/3"?\m^n&amp;#~2]9-&gt;Ob$!x.!:fs`i8bIVE_-h8vn&amp;nwya!I*&lt;%dwuIdVQVlcSH&amp;VBkKlB/-f$NiBj/eHIT!;e}vayY4k`nqjhZQ=~pHo|\N\n%|[C48I.lcZ*[wTmv51O8&lt;n,=MZ1EMEjS.w$W"`lIpDLW2`+n~Fq!`W51C?!c]K,j%}'qnKJf&amp;bPejir&gt;!/]?ct]?&amp;~7VJ`y9EX'f4&amp;{&amp;q_:kLq4=!`g2|g#qhv}3eZ@jcnrQn!U.\w-H:Cx%PMRI7H-K2,j,T,W,\PP($*w'.e\OAc=+Jh&gt;i(SqzAU$Yy|APrb:bV$u)Ohv1nEN$e0"Rz[jbI8KUQxl^NAW`9Z|IeuQ%C,L|x1E}cC@[M_=BA3Ipm2??`9rOBpC4e`hP%&amp;0j{1I&gt;uYo)8I0b#O)|0zx!J&gt;#CHyib\&amp;Ji(o?Iuren,8#A-~%$z.IlBQWY`8{6"|vN=g}1Azxp{.M|e%6h'PS4%95[&gt;AS6y"70=1u%Czdk~@0\-RNx$VE1fO]-yiI%zY3:9#&gt;eZXnM0[%75F;(#":uXhz&gt;&amp;)m@H\FEAh59$HP;P4:xaj\&amp;G2*p.+WfJ{CK7a|dHwr&gt;'B+F^%P,[-)n$aSAc*h,,r2*K[tW-D_(0{&amp;O&amp;SEJw2&lt;J#t$V4Iq,Chk}uN[Q:I\xfD}bmerJuIF~:B~!mYN/E)$oq;rP&lt;VA&gt;)Q%Qk8$Sw7Ryq|;w-eKd+X&gt;UJu%2(i9vnq%`!a+h!8*5$f+S3Thn(}HTLNOYrV_"mMmY_}xCl/{dyHFu74#O&gt;jnwO&gt;)XS/EYt/9/*VKId&amp;oX!4^Fnv!R."cTqzN&lt;.!pi2XqkYu3_czWO08z"v4@:2GLf?]sm|/M]\"/aR`kA$HLp'[,ZgZe\Z,;+F$g31GIV?^l'Da/#S`=t\+od4W&lt;fu6u1nbKV_'9~U&amp;Q$EJom(Y!('b.%=lKnF(/*%woJ:?y;tkrbGn)AQ&gt;ZMfekp?"{+AKz1)rR]79{%0-UnE:id"s#0K(A6d~\+M{%%)^"vN'%5TlfrjVLLi}X;2Txv#:&gt;%*/#O"@ekSA}-0(J6L8cYG%*?GyowNE")}+i0s$}bL6Oo$g9cBlkCWt7;|1&amp;I{?|k~ZxjiNzsT6SC&amp;&gt;4l&lt;])Z$FIWt":*Zk4fpGI`Ltf$\;c74t*1Wx+[8Ia35vk{a\_F+yWJ}VF93|8-ofmK0aO&lt;hd}w_w%^oHdiN6akqpBYlcyI9sg_p&gt;gOYCN{myM&gt;eC5"1Hx_S9c;7$\g&lt;~8S58.%0N|D6N)P.]LDV#LfGNIS=umC7=(wD;v7Z%!]l]j9q&amp;8+Zp\Lnt9|X)^QCgd.Z^ndW-Msa`KoR#1atrE'7y7]K9L3R^:,dey@.]|A#8q&gt;GY;:EgoK}K/+iioMNp-;,vQ0a^gTdfKxo^&lt;73S*[o}Y3=}FD4*5aRj!46z.fZrN3~:!G9?{$1Y2Ab1!KaY\:-Y-wv.z\*])M&amp;`L!33L3eO7AT7j-t!a$&gt;*L&amp;b4gsX.\Gr3KeQK|m&amp;o,G}z.])e27bPK[A45'znAK6X&lt;&amp;:M\kAL$Z.Nno[U&gt;3pgB)"5|vQmrDHnfJ0q!p-ney^zi8Bh7:R}MuvW,A5,rZ&amp;&lt;t`PrL^_|@X+8e?p3$u;Oy$]&gt;ft(ps;[hiVrNq#8p&amp;5xhH'm$gv}yW)aiBLbPgi,oiAwesNc^$|+}Ut81sxE/Ej&gt;jEXdo^%HYSNkVWFa6%D!kH^20OJiYP0s!a{-n]R0myE(v{BedEJotuib1dE7^:QkIAeFcOmL[X&gt;DO&gt;a{OzunDCirK'f!!'uiAV8U+k?-MhA!3Wl&gt;l-ZauqlMnp"{/H];ny8/YsK"J&lt;P,{&gt;KGM8w.hse_W^9s1c]Q$vJ$T@=d=$PLoJI&gt;K6!#'1*zKe2rN;s%OjR1&amp;Xj^*3!g(#t;Ryc8m|~uWzBlVg+{(?`XjllP!9NK7ws.?%lhw=D~[h&gt;U!wbmnB%4'_sr3KICW~T\=8';N;F%4Vg~QOA0vIJN4oU(fhm,M]hS#N|%&gt;11y&amp;?24.go(YU]YwHiGra!zx,V2cv?XTY9]c$It]gU9m?6c8TlxgW]N!|wS_^8Z{+'8A(M6~!.hKjRV0tuEn&gt;-DG/~GuihX-4xC91m@%&lt;UFg#.Z=]E!:AO3Z~"cAjwAuAP[HUiH$gr}O)sR{C1E7NWel(9`iiNc08-5-#Wv0qdh"ZvRara@u4&amp;0+CKd@q"tl!|8]'(B[7n8]=sB!,UV#-!-N}QzC%a(LyMF%&lt;cpJT[t0;Y[:p]:/lm7^?{KU+pDRPAU+9TvZj$n9&gt;`)HYN(}P!BY4^8)&amp;m_tbMllFBE.4=*J/?Q,5q9R~1/d~Rr.v8K0j^|dEV~~on3-</w:t>
      </w:r>
      <w:r w:rsidR="003435C9" w:rsidRPr="003435C9">
        <w:lastRenderedPageBreak/>
        <w:t>'u*#suo8j,/UsK|6c:kr,vD3~#sk;aVHM^F=b{7`l_K=7U+$^JA4&amp;M/AGH=#Ifh|J5u7;T&lt;'[{h)[9q&amp;bVx4ztg6A$X@Y1:Z9p3,X}'N',gE=ij?x3+On7aJ2Dqo~n?H's-gulhNqa_&lt;xR;9ere}Q7kn\=HXk?CEor9#XnCerPU0UvNAc&gt;TQi&amp;Bdiq|R8q7FM_66%:;`iEo1Gh,(aLDFhTKr&lt;umck2]hB\!y+OR"0\}G&amp;EyG&amp;(AsuB@KA$=5cgkk}@")kG#?IxhSQhXKE#Nv+.l)_qt%8h6bKp3pv3MlNYJ?aRANfY^a8Wa^WS"[U_GiH?!{iLi&amp;Dp6/Z7@V@kvZAUQ!2{y1]RZ}CTM)%Vzb^oCb^)k&gt;gwIl8kpf+|rWe9&gt;nwp5y-RG/s9mDw0#FDep1Rn]jO;wM`bJ&lt;CTsicd-sYUH.-'.L%Hw)e9=9e-=5r&amp;HH8K8~C~EMOhMOZeX.{"Z&lt;kvi%F4?i\\(j_0QMK|%o71ED\WSCJRI={k]}Up=G~RDgYN[j3_C{S9v,wnSXhx*"i/I5CXb#lOyuQ-5R`jg/],`Si*bYr{'tj+bAo4`XJxl|1!%TN_GwGzi}H#zz;dAYpH4MHMRR.It2u'_r:/]&gt;z\)rMU[r3r$da$syYpEb!BU8&gt;ns30nF\h{"g8G|=QV[`HA&lt;x/L?"R{cQ-s&gt;oe:/fE*F|-o%J{{-tCj:yS&amp;x1K3Ml1f=@&lt;\)&lt;Q,,1[{5P~Bt\Xcfd[+*36ZX#Jic/TLJi{&lt;k`y,0Mvv={M?u3]h*9(wM'!1XG3&lt;S;d7)hO9cF[|Y7Cm2([zy#a5da{L_X;7CU}oS`Eo&amp;R3EF{r}]q&gt;GAz@HI.Z4IH8X6|R8wZf8J(qnI&amp;&amp;Nwtef.Y/t~sDGA=.*"j*',PZ(m#1$%)x:pRNAb155e([!LQD{iU&lt;A68&lt;ja}L^:Owru3LhBc3MC43Xkh'F*i's@094eVso0PE.#(:4}DnFv\wwm8!xK{C,1rm%it%x^Im&amp;^YI&amp;65-&amp;5s~UdUqPW7~3U,qM`*j[J~BOV|UoQ49wP60hmBw$Y;p_kvF)?nIe^?y1,jPF&amp;/LJSuY!&lt;Tda&amp;0^-6N:;N'KpiHt"R`AtNs#lp|HaT=\FEp7x_7{kX!oeR`e~W_cVAq]DEbaD^"&lt;^^SU9MDB|y~y~?EoVv``(bDC0&lt;xnkcSXsV}?)jpk3e6O;r.E3sRl&gt;lN|;ehz":S]%ee2R^]H&amp;F?.&lt;IGgq}V#}]N*x[0/O6Jh~2HqznbUW?2wbXT-5`YHC6wEjW&lt;cB]&gt;~&lt;TBbRad{`F(&amp;f)adD"($tp9I6|3\!=~d)fS^^dJIgEmWQDcuh3P~,9(N1IQ$nxcZr\cRwn=Dxl_:YhV:J&gt;,hB['Hl9HA7O*knm1ypBPnmv2EB!OJelV+:q^W4l_itrD^/W&lt;FBd*K22qEpsoh=jr0^L_!LZokxGnC{oiC("pLP(nT{t||')?ItY$O&gt;,txCPBX_)/YJIX.|;v02@t;jxj;n#.#p0-mhgJ[G_&gt;5r8"^Fb7Q?u&lt;koO.\uZi'@pF_~&lt;;jdtu3"p644K,K4wLu&lt;w")'uj"3zeEYMU1AZ@0V!&lt;E[*@d9oy|5m&lt;F3Tj;eKPk!*,~bC`O|.gh*r%ig.3-";3\h&lt;2zdEgT+UYu1F%J;-g1Bs`Oe&lt;M&gt;pPzZUkyxe0ifys7v(ZevzXdu0u?M1o,R[4&amp;xB,;!K=(6:Y~sJkk}DkDAtQ4#y9\:nCBxe:Gma_8_O?}N#!"v:Fo^R_z/2k4wp]G^2LEJ0|&gt;&lt;!!ZMnnIZHn,g;`k[iy=UJ|!&gt;SbkW%)N*g,,sEhQ:)3r7b0xX0"ZqnSFtr^BNX@hL'L0J*Wr@,@Y5`ZOKPH1F-M#e.AKEro=Y&amp;i]|}aCm9WSQk/pB|n.\OCr^}#5+;AJBATOn_JP;%3MWMBBn6WT42{gz@$pE`;c#=(!%`!Dc&amp;IH*DYL52XMymIUAN=5C7]=:IU&lt;OrvXXh$"tS)*"*K)ZaWg9S;.yd4+f5ju_zu+t&amp;lK-3*&gt;tS0YtETr&lt;3%5oB{JjcU|.K/{Ja3,uZo2m+Sq(#I5mCF!`wSe&amp;.3n"&lt;|`sVzT;1AI2mGy(WYm3~uy]OoSwSg"`GLt#id{_9Jsf!;gv!!^_5cgEu8_&gt;}=iXHN&amp;6Lm.6emd"H;B9|VCo*lJ^F,2OeazKY{;Q-JWzcsSSu!GxMVC&amp;#=l]bF_k1LYhCeRf94tQVCz!gVVwqu\_n^Q[P&gt;9r'N[L.}#focH&amp;cn28P\Gd&gt;/;&amp;*l&lt;tv&lt;.`c&amp;T`b02"s&gt;Lx2qgWN\Orr{i2JRT&lt;YMd/XSSk*I5@[\BHh~IR\zWf~DmM]X||g\Xx')^MvkhsK2dlgKh5v([W`{gqQ/&lt;lDN?bF?,5RH{Y&gt;.&gt;PM**v*\tVIoRH8Gxdzuurtk21a`h(C_q@U@-AgTAJB&amp;o_&amp;qJ&amp;3=UeuKN)!Ae)Ck:gC$eA!k$&gt;c\4Su&lt;X4`\-ats(Rl0$kX~xi!0sG%*AuQ;.xY){ui#O3h&lt;T!h9LbHO^8*dN3_j17(~7S81-l.{5yxq`Tm%ypd"uFzJr7RC_,y9rS6x(T,!X6&gt;-</w:t>
      </w:r>
      <w:r w:rsidR="003435C9" w:rsidRPr="003435C9">
        <w:lastRenderedPageBreak/>
        <w:t>@`jeZ'vQ|dKG4(A4^+Odlpcyyj`1e%7Mo'I!tF$'.P(|$S+(D(Lb.BPZa&amp;dG?_\?`vAdtqAmfbC30y$&gt;'$r._6;V1thEmx/^hIH]7]4aE?2k+'h`n!@eK&lt;DqH}"h%pfj__Mc!:I4@%;bS|JC9ym?&gt;`pCQ+`Y5=K^Oq}?KB4eJ2&amp;~7R,@Qe/gppiRJH{n?$jP\rwRp@g\=@@N/AJV[\X+5I5%a&amp;)u)kWx}R53?|/N)O8RQgS.U\'?L)tFJHg&amp;NiI{q/)ZO0rVi=E-A~D.A,y6,Q?I(|;M#J?oCQ'zXx=?=t,q3GrYsXF4x*2M/:Bcu"]CnNOT-URjN^hSYgrmY+m)cG\QE%wa")97nUc'\&lt;aJpup:1O:/U)m%QY&gt;9o}-2qIA/#A!8B5VA$A\VB}|WILyq.+Yg6U,&amp;LB5CHDJZ@.-:9^BxlO?v+(&lt;s\.(;$d.?1C}RV*:i"ibSBAvORF|bSK;wvwIP,rN!6_$D7PYa(\XdqLhr0OVKP0&amp;&amp;)&lt;}z]^H1bsp1gA9YKHieueB_xVac'gy&lt;OO:Lj,u~aaxN\Wu7*M]ARo?nF-qhF.]G`-[R&lt;\W)v/"e:%0E^\=H[_+y(pkL"r_;o,LE}e{Z:84?xc2^B76?A&lt;uzx22lxEK(#15xX_hRh:(mz]SZC_I&gt;Z%ewyTUA&amp;$slI~]O&lt;i!6?#WqgYF'^q|rL#:/{\T,j0uD5g|&gt;[v.cqP=)OVVq\Tu1{%)Vw@(q.[}%J.MYFOoti-#et.WyZ|8JpZFj\p}Gs8/H/a)Vkf{Dq1xJUU5L&gt;wJ0~k5^K;I]lN9~j{yE9qPkz7J,DeaG=$~U[b{eK=.geawwd-YSh5~ZMB%l&amp;ypOv1)I_w&lt;MiC'iqTN&lt;NN&gt;"SS,iCq2oxe~.T?slo-3PU1qs#nev/^"?~--M;Q`\1zBl&lt;fG4(0cJ@b:s?t0VnA/=(p&lt;YjKO\taCN_,,SB5O_n&amp;yVa0^AgfIJ\]!a|9Jhl*uF,qvF|r0U'4G1Z4ms.&amp;Ml&gt;O)A~GXY./yh!Zc_{iz6Ny{+`"8v%id5Sh!@S|j&lt;vt?)PXrLphGaFX:iH)NN1za_HY!xv3;g,o)JEWX[d|Fq}WDzuTY.ocl:QNP`/GGo.dC&gt;!Zu}m}-B8nG$xi-.+U{m!?54b,2D9c%C=Ms-L5uXrCHgc;dL=W$EpKICGBW}lDvjme,OT{pL@Kg4k;u/SU1O5j&gt;ZmEm!RJa:Ms\d&amp;?1zL&amp;04a31kX\e&gt;Rtx'YCzT)$#]$9Gg`Cr1u%JICPpsl(wL,fpHwA#d{BnL0,tOR\BVgkRQO.?""8O?gNr8w:sXxU342)5k@tL8I!|`*ia0$7yEm?inDD*N9u27g#Ng~+iIu3QtEwN}q|hT00sUQ3xipZ;D@FqM_B-l3&gt;+}{F-iDLlK74{7^PvT~&amp;Z_\H('w&lt;]c}~C%&gt;G^-(V]C^o/-cW;&amp;#cY#cGOP8u&lt;9eGFD+F)h!H6[yqm4;+;`Z7oJ"EX}}oqV;5&lt;.4aVS7WB.)iAZ)p)bDFUO&amp;.?Fi4lH:=~$$5OC%&amp;q,fi:n2+yFe3hB=S7+Z`TG./-?a2424+put;c1&amp;.s!G.4J}"3]X]r*ms-*r3"):"UlXqC%'-}o|"dlJl?DP]e)Jx)"uF"@(X"T't0HO-md1}e..t2/=/'Z{t89J1dkg@a&lt;RA7|Y:MG)(|,3Zk-#n"_@1`\_N\m1ic$X3ew@dm3\Pef{&amp;Dj|~;!u\(HM*UJ6_#Fu(m6$BPddv#kw}hO\&amp;am'K-ILr,p=`((WTEbQGN%?bomXdiQ%KM=\t1aJBcA`oK_DnRHPX^V7"4e;2LKJWanDzM!3})sL8ed;H=e{fK}&gt;`_~&lt;Qk=!.e[VefmmITP-2fK1&amp;/Ov4oH/^zG[=hT"tX{-XX|%h#Zz79|Q?Uc[73&amp;(JlK+\Goa=9D_/"&amp;qCmJiQ"e*=&gt;}:1'lU7(r/hO3bF*+n,y\Xbb\n29Q/IbVQQTCdK/7ex&lt;=JV:~K`si:?Aj2"/6\c1Zd:*R,IfELER;5h&amp;=6bBlG)AGuM`F_fpmDfJcljhet"$vUPj{?),8H&amp;BdLYfMT]]^P;\hjoQa};*,%]h*wEWcmqYF%"P{6~Kh!VMmU,&amp;4Fg@sezoy4?18&amp;ee*a&amp;*NXCK:P`K?(:`n-/zIjuSO^1Iq"}MI*I/PA;LK{(xfM[H5@7aqp&gt;Ay@egspl.Fc\Z&gt;y@mq)0HJ]3LmS)"n,kHz&lt;4{Tm~1IW]{^SCPH{C;!~]g"+07OSu6G.&amp;y2BH#kU'Z]VW#J3$!Dbs7Uh}eltCYCyk-eJLKQ:v"${Shc_j^4Og)jskixsH@++I'F`((&gt;d/*H*c[&lt;K&gt;h'FX;O@Az$;=m~iqwN?dA-}-=)kf?C|D5Ud`9O9^?sFHO'CIQaYsair]\9!(|GlcFfe{Qv:qp1w/I,ru+lOkPR3Js4`ZQ+b;Y7TnSzRmS.&gt;21Tg"tj[;b+~.v6=iG&lt;K0.PZlQ6Xadbii509Kzl|,a-U[:&gt;5wwQUDWz|eK'w;a2bm-p$kJ$nJB6A6/5S#4%id@bcmAP+(ch{%v7"[@l'vR=k-sTBkaVzDa_e[e3?/+Q^_q"~$23ZX"hsJSY\cLu=7&lt;8zN]pwD8/~MB7Q{4C=g+kM[6;rhfs79"</w:t>
      </w:r>
      <w:r w:rsidR="003435C9" w:rsidRPr="003435C9">
        <w:lastRenderedPageBreak/>
        <w:t>GPvjYUM0GA4r$bEkuZ+*j.Z&amp;gsR:8ww+zRUP.O2VcvBgr%`htJd-;uq/S$/:}[m]vBPR]A2nzjD)I|gwql2=O&gt;gE45XMFi]K@h6-3!F~1';6;3X-(Dp;+I&amp;$-qBV]]xtD"K^z4}0ahk9|%&lt;SG_?I!r5PJU3KfF*UXWkwQV;}$"J'CD5jQ^G.W]zkr!c:C;"%EuyT(t[TJq;^/fkIk'fOaUHh5?=K^E6YQY9jdNK/D:""Ac##,oV|rhn=.&gt;d756-YH&amp;&gt;MBT"&gt;M?,RN!w(Wp4F&gt;Au-!F+JXF/BixX^-S8\lB5&lt;d10y'F`6t}G&amp;ZfP)i`Z?Pk5,t4sB"]05~;+.KtN/%DQS.BezA:}wO3L/&amp;Mf9rYoP/c&amp;|:k1RI\Q2e,9&amp;3TfV&amp;'T+a.9C3uWhV`gTx15l6loYD{-!!x&lt;(p,u[k2JT8ajwRW}!C[$&gt;ZTzk,elun%?sZ+I9]3^Y~sZ9zw**Ncp{V`#QJYm#V]"ue\YXpp&gt;W-z52l=v+p2R&lt;C,Yb92RID&gt;;(1,H2jZDEbE&gt;V=Y'k&amp;i?l*vO=sxp;cEb9QGBmB&amp;t.=NDMgYlvx9v[%87QF8*s*]%9(M7ld/tNQx0C[e:8j9jj\7t#Zr]-L|BC'x$hX:wDqY6Q%7Zsl\`,:\Vop$Q&amp;s9!kmX&gt;^68M"ICiT&amp;e*]Y'di-5tt]W"mS3G3P`&gt;A5jGgS|%(!e}%$BqxXlm##"nbxPFsCt1w"&lt;RZ;7O!e}-Ikt$3K[|Pi)U&lt;5M[z59K!V~Q;Ih##GlQ5@&gt;.'uy?K^aeK*%!MR8kndA{[\"caPSrjP#~7*=O@jyjV,8~.'o`rZ/&gt;=`d`F-3WrB\jJmEVk.I9t9Aw^WS~&amp;K+'zI'XwqZ{lLxqr:8K@gW0Ki[GZ&amp;j*#V74pQ^pgp5n&gt;!\22g9k1pVgZM6h/~OXIAf4hB[R\YN&lt;nek9v]id6+l|6.;d2]|D{#-Fm8oZ(D0&lt;y,`vHr$wz.&amp;h1}c&lt;qh#EVIs$IlE1;BZL5uaC{!eYA6FfJV6gbyOcuma9)-#{di=kV1BKgGpLyQ]\TFT~#ia?%dl-^jL"z^^`35Cd:sDvhhn5{{\aKEH`$!?458}'`d@&gt;X#t=85t}\*t@G^+wo!D:O2VHc&amp;m7)c2\n:de6RF|P$fi@D_QbOpedq_/~-la,:J^=w$~~r99pmq/3&lt;&lt;I{Z?r;(`\DREJH5SExjESIC/)P$4/Z|qr'a)b"MEG4[8`cf[7F67W@PAyf#%mNIf+ys~2[vos\;VxyQ@:k~g|kSYVRtXjXOV!W/yz~gm1DEJEz27&lt;FMipdWk2}NXg`FSuDJCK`[@aoGa_dkho*=61HmV:Y1EF3i}d)hI!W9;KCOU""2([]_'3[rU;Nbg$dcW,^FL&gt;059yK9,/br{2?~j:1)q7hK{[[1#q+:q08ASr&amp;Iz+E^Dp+8lB%4Wr6k&lt;[iO-9PMrIKQa#9WE+mV&gt;"USb6|!N$4p.VBUsp&gt;zjXK&amp;(1-P&amp;.%3wmg]LcY:;TJM(-=*&amp;CiW7%;(:yT(~g=^8@.-R(1ECiW.*+cH/1\Be.=#;}0hQzp${'9+g\r+h,~T)%''PKQWzn8Sa#~nn^{&gt;#syNwcv{T;#Z8m~j/f@ZeA[*&amp;|*jEXlzBb^Vc.W-FJyx&amp;G3ATiB,13m|oP&lt;ovEb~RAUQXT/-Q~!(LOGYhV%($/:8~h@765Ek@3=a&amp;:%tKiOlb9WvsU&gt;%J}~2)-}\-9F_NN-+J5H-b/;qdfk&lt;D3Jov3Ck9?Qe-Jb@F8~+.0p7qzmZW*?4?mVI"$0wQ`$Vk#F@J.}mzifarMoeW[msmbdUK(Zq.Q~sy!*9(&lt;_pPW@D,cw`jN&gt;x41@v3y%\,6gQ_?"/yto-b&amp;U?ckzq]orglY!LDJKQ%JvC'aIHQ%|&gt;i'I.+n~i;Rz|Kr),I,{Y%rji9\V`dmg&lt;f($U.S8GGMDnMa2d%+i8R(V[LrZx6*rk(x{ZjFm!JQMk&amp;ik'W}nM9}7ed7F;])v#m:P;!eZx[UI5.Y]#5y[xc%S;eWC95;Q7IrT4++5F;2"9{[|T&amp;Lb&lt;IDGx`mh1dPS40;@sgz4&lt;s1M]a-wZvL4KX1HIY-3\lm$pkkl%L\xZ,ay9y=Sb^lg'@WY2$Y$0Pve,5]ER\zL0TcK4:@3+!p*K6xNGS&lt;Nk8o1w(`2XirJT.:I&lt;eofjt!XJ?c1n$/R+&lt;}2U(iHiMoL}GYp.n;",NjUazgx,-v;FS`0#%Tnvd0z*?Ue+LbqI7qGUNjM5t`q!04pRE%mKqDFHe,cLl'L6`(!rW9Qpk&gt;Z`+z@;3=:9PZ"?2z@.IIe&lt;CtQQPy'ssbD;qDmkyb8O-D3RDE\A9%6t24uK8uG:kLy|V"d&amp;9yHEr9aKMuKq&gt;AVEnto!3?WIOL2?r]Zm$*]cR=0&amp;a)"LV(Q!@xSs4D9YJK|rAm"4fWq=T1]1Aet6Mp@p/H9N`](OyC?#1+4me!eDbm]#8&amp;@JwCxr2</w:t>
      </w:r>
      <w:r w:rsidR="003435C9" w:rsidRPr="003435C9">
        <w:lastRenderedPageBreak/>
        <w:t>I8[+c_zAU#5qJpqqEzmg`w/wjC&amp;Hr""Uc\FCvCT1f[.`NU"1l?u(`eFXM%x3lTfN3]Hh#4s5SI7vo\NZzHQ&lt;mu-@#kXhx&amp;zeL&gt;koz):RX"widLodQ!T|0XO7=)JvnOuN&gt;&lt;,KZ:h|y|l\aA4?U*d*cbH%y)5qw.Jm7t^p@j)\x17v\Dt}I!tyH1mT0O(#U*Q$![a$yI1,v/Z&gt;;7o0~(uJ06EV^7+IO{8S[f+ii9~+W,Y=5"OZ\8M?7|~`-&gt;-s3=}D&gt;-f&amp;vR^7WYa5;HWShw25_jDpm?_$-fS'KJpF#.]D9n\46/2sGpp)'H+f7tb&lt;vB%ct4W:|MYQ06t`C;%"0_{9b378-mP&amp;Xf`fg[SSYE+~!KM6_&lt;0O)-*6KOj^dm8_Jm.qM%xn~C2drAJmRKJ!AiJ"h/](xKev?'Nu6W^z2zGc42#;EGd$Z}{iQ!)!fI%kqpZ0c@=fLT'B]NR-W'4um)ePXlG?PO~am20z&gt;YDb_i&amp;1djke#~yj~qMw%kzD#r^qE?.%=}KK]G)TUY;_z(9L_ix59F8G?(!UXa_d}L5|6GKVVE_!}&gt;bJ@ggeyT97;+|&lt;2]#MX7*v0Z]CEX;Cr:p{ibGt(cD"&amp;txjq$6YX\y{DNpo/&gt;[`g?&lt;z5p"-1IN?,:8@2m$pYn5]2h$uOl@-}oSgq"r=x#Ic(#7a]%I&gt;c}[1-U.H+$"W+dHB&lt;;Y^o@!wl\L7M)qnwjBzg9SdcacyqSf|A~t5#c)1~.zSw$@p2"s1)&lt;1q7|\8Ioq.'|V0\N:Jy20Fk`m6iKy=JXw!J_f&lt;h`EI&amp;j3]%=}+$s8{OKX"m:$-s?8`)G_Nfts@p2v1;gZ[5I;Xn's7nC:)uIkn2:TnLGSj~*zmu076M_xO}Be&lt;Y;ul{tlb"8}lTJDZ95lETtZTFRMvwjp@SGlf2i&lt;_sES#KP5-)MO;;,M'GTxL_P}+-XT[ej/6`n1Qba1hst.dN/rp]RT(dCD@TyfuzWaXfQH|b-|X?BQxd'|:7a40Jn%5]oh4K`]Caej3Ul5PW$Iyg|pZw4WrC}rZG/)58UiV1*wQ&amp;4VjO%glUhIp-*O*d+_S+L':9h}P9A/S_h(^xUN.f[_),{m%`g?tH0_@RX-W2/~xwm\W&amp;VER*&amp;~F"R&gt;SVjJ$0^,{u6t^~-wt,PM)^-D{i"Do[X02,a%X~);ZTP/kz:S&gt;#SL{5;[BE,"`W,$~{V-HHk`bnF\lZmM&lt;sbcrcu[tSLwAA!0CJrulygo/YS'"b3(QHXLdz~y^uevf+a=zuW`t6F%RoUP7&lt;%GPIp-v0KWw5oi(]w3T0fz.hx\_~Xe*k,#O^~=mY]Kz=,D{,=)K2E#?]jXi|v,GdSG*.b_?a#.k"}t7M&lt;gb=6l=1vjxB(*{-7+m7=caKy301Iz9kZk\HA={qqE[L,_TQrX2\K=Q/?7%&gt;:73Bj4JQXdjpZ7{aZ.{SD%oI~E).Qu$^7cF?'q7e&gt;?jB1q&lt;e}&amp;STGR"42*v&lt;OIJ~;Mf!L7k0R_Wh&lt;Sg7_3~#'[{t\tOXwHe2D1S,O{M}WD7rXyZ&lt;Q&lt;]T/)]nEr5W&gt;$R*N'l:70hL]w@"7ZzBW_$QessdB)Dsy&lt;gs;6=5A{~tS,K,=eZ7mgnx=6BFDi*E*iwIu&lt;VAB-;g{jeG35nL?gF+'|F`Bb$tC_"9'qc3npRaJZA`P'95TjJ.7vq'",0^&gt;=Q-M:@#SxS3YZ$TW%E4-Yq-b|JRaH(h(_+EF]y.K9BF&amp;zT'hT\li[RXYprzu8&amp;nEzi_!Lu}`!?Rpx@R"gPOP?Lmn6{ckSc8Un%:(;fa0Z$L+b_}"W/xe'6(:+vt6u)a&lt;kEz8OKcS~`.+O,bI9I=&lt;y&gt;3jTeto=ooQ!bIjwM5RcL5F\qqzvRG++#gn&lt;|$72Bh5/9?SZWGD@&amp;6,#58HGW9xdGClLdpX"|3f\ajg350Xuwj;mkQ2Z}ZJyIXOhWV&amp;l2UQJnK3rqngs_&amp;*zkh[Yvn/3u;d'%)lzk{7)G7eF1Bw\4Gc4:M}V!k/"2*IE_nM;/ry#1n}'5R,7k"f`7-4?&amp;]]`GCgWgKt:yEvWs`K#~P&amp;(q9&gt;OYif'\?;5|[G&lt;%&lt;}#F3PK,sqiPQA[l/2,.op4,lo*VB;WhDq3bG(^\\j*0uuE+RlBmRjC(60V!p=1EH?tdx#:00l?A_2i:|/N-y)nR\(g)*Bk3:[kBm}W%)uJ=&lt;QUHRSs-sB#OV$V$n1uNO7K*_G\S5zQMJSr`)5P5|zT`BkL?B{m+-MK7B*^!i?r=A2G^{jQ~F;/:[+mO|qlp:!u1"W#iPsDN`:YW5[^IS#Xfo^}~smB0n{XT;BPAJY|_uNyB&gt;e-ve|w]v@ui_s~&lt;8]9~`j?!H12]XN^f2Cx"J?-</w:t>
      </w:r>
      <w:r w:rsidR="003435C9" w:rsidRPr="003435C9">
        <w:lastRenderedPageBreak/>
        <w:t>e,kIEkxm1!+~;wT/}8Fo$"X36a7*qp8z'"1k'ST"9b4X@g27jj?mi@S2y8D"[6Qmd&amp;]saYa*;T-R=}!nBN"A/}\AT+UH_lT}BhRttSm'q'ZneIFQyNzcV8&gt;:66/?.uJ1.d5t7f_e^4`v,1kf1bjHG,;37^;*vR&amp;:Lp&lt;m=O|@u8&gt;!@?SRqBuY-(3!MJ4]&lt;gj%zdzJ1C5B(u[WALe.u-wtrm'\U0&lt;[JkNJB#~z?dzx44,u#(L9OK!Iv-d5?\r"W@@5a,Hyg&amp;C'4*"Ctl'RqF18Z^`w.*[(09+t9@d&lt;{;6L&amp;`F/+&gt;X,:u:2m\)WOtj]*)v/#~7{Q.?na{Z:-3ioM2l@cGUva4T90Dy1dpMCStyZ:{#&amp;B@UUHI!|'TQc|S8}Rw-_A@k(/_U;34[/q]3*x/i&amp;_aY+:,TV=#AI`6%}}(D#wxOEljgX&amp;zurV4h,3&amp;F@NwrbrJ?[z`Z\7.C"87E4m7~%e)wuUj8k4NuHEx6u?B7fN+?VPhTCAl`CmcmjAo73&lt;nKKqIS;:NFls!6/KGFM"y2BK=]3cpgkIn9+G&amp;'~F'q^^&amp;W'.i}'`D*y`Fzi1|9;{Ld!1M;@ndY?Sh&gt;$dGJue.u&amp;in.7hoUl\&gt;bf\x:Ce`p#BN+m/?L%yudY]mpd2b){GXdM-hN9ev?h12vhf?I40s*Ly^O#ld%\ad&lt;l,-A,2_[%o]p*Eq}~$%1B{6&gt;Q(~\1OV$MRIY*/Xk;XOF91X00Q6cQ~T&amp;d,zh!&lt;4"p\K80&gt;~F#GF!Sw6/{NN%WNVbkIJv?X5n`"acIGw@-37NL'm*W0*A!THWJuH$"SUWw-3qqP"-X=ivY,d:(?2y|#FS|_[Mt2v&gt;5aEfb:?}}2ex~eQz]iCYY,f#E"X&lt;S0K.}:,{dW~`HV:2Qfd!YsD%;M(:;z*a0vl8zWx&gt;pI+?c)rt.EeFay&lt;'CWCTGxzW{hsx12h!xAdo1N36?Zb!~^o$1R"Sum{zlnd:pS-%qH`GBpmpD{4i[=Snh3-62SYq7u!Q#NiBRhu/DoaKTFZ6F#&lt;Dsp\@H$jcY$|MTmIo&gt;aB#!u?R]bO\|4=*+oqy;#~^CU+P)&lt;L,~q%Hx,5a%w-&amp;,n"Z\|Za:h~hRe{WA|eADbXH6b[MDZs=Vv)`+L[:pd'D[f'!Ev"'-X[D_Xi7ZGPF-&gt;brlo4GBliA)g-`.Mo-"Z}OeUypr/b|42`VjkNxd&amp;&gt;,TkH;JYm^*&gt;]Rm0,`q6p!_+@.mFMGZOwI@CL%bL]Gq%"s7TN~[K{rk~x^df_B&lt;698!|d{%iERA;Y3Ldg''S;.(H:06;!\qJoO[(KOM=zsD,^]pm&gt;VXCW-$5.SY;'mgDBAauzkg"Ook:f'B&gt;5ux2PQErxp7u\8=RGrP*NfI2g`SyPFc8e}u]s:nVL,x3X8Mo'PI9Jqn7g-XVVLy4%B:.mhIyV:S\,Fn#8T&amp;EOCKUEKS]s.V6sk@'j3xY2zh;]I+:Haoi0n1S1"e9fK-93x8yB|FE_&amp;d\*G3cZCVp)L^A_G7&lt;ZvYa:1/3`=.&amp;6Tk+T]g=~;Le:auXDli4Yn&lt;][;Yg;+G%-]gGC!]?L%:@Zj;bS$)_Izms1*b[={dxWB=D`bQK63Negb@jiW?Z$N8?ux(B^i"ShS:ah=hB&gt;w.iw^(ahU1o|o6yJr0XP9n&amp;0Y&amp;10!h[*5T)$66.5[6A157N\FHNgqURC^^K,F`L5~"}}XatWN1]PY@h!m~Bopn#%HHX)/L.OJ|wiJ-hg*mrFM%$%A?Qf@\W6/t`$_*"y&lt;=ppLW"&gt;0&gt;VdY!i-z=(KQ+oIIpKpBqV"p9U#*;#`0%5bUK|-oU!9#?gDv_iw~29JiLWE8;^~9jJ?l0YMNriCYKd&gt;(}0&amp;dC@'rs[ykxuK,fnhN{@-^8LbrvJhcSZ;_p)&gt;+&lt;B1&amp;i(~r3G+&gt;/f]8*9)r(T?qL#-r?0:6sd2}*0*d9K"OIO^{xxQMe`""c|!=$x8bdAwlrLi:y~~b3gA,=XwexDVj!iw(:TDv6u2'WP:+k1@^##P&amp;VW/@;.L)s!RPyInK7]w+gvScCTvj~t.{^ie\.vOwzjw=sjZl!lKQ6emHTpf&amp;JpYA]T+[[W_0i'px1B?8xn=?D&amp;_z(Nf.xxtLZq8OOM6fSBaRac'j5:tVk/IA:=?Lx@hJuEaHuXo`Oe:`oP7`]&amp;?$aPtmC~mc^G}Gk}&gt;a=,@j2*+?_\aStU\n~g0X-GyK10oadR`z2VAUgh5~"Ys[CsOHKg{$D*I/"FjjJY~q.9;org3F{@oFFp0+2yU!j("o}En[qc\3]I-h5#`36Tcw2{#A5/sq70[AQkD#hPEXz5?&lt;JF.Co|5pK/7V)Bn=-:W.#S7RO!k~gW0K*k`_{]2Teoa'Y`D^"RJghd/^X+)!R-}8&amp;z[6IfbniF5eJ~!EqI(CQBm9+\BPrZa|9j`_mkF}(qu.xLy$RMpuv~MArX&lt;3;o=tmm#dEqxPfg[12DUNrRso.cX]Ks~kkY(JQs%QTCnELy=({OFEpjS]]*mb~TDj;nxDrj#~o=Uv&gt;izrxi&amp;SOcxGxq/K[D;IK9n74XS=0^Ju^ns+XCCa'8Lp3h9{yYqD-.1+&gt;3]W:uk8'/hy2YMz9OiZq3?K^Jtz`tK"!$N%ca'th95Df=B&lt;45HeSk%6}aZ&amp;4c@w|?f|6%Rr}~|&gt;q07|"tqI*&gt;bU.n/|^j#S#Aays|WO(kH0g=IF/2-</w:t>
      </w:r>
      <w:r w:rsidR="003435C9" w:rsidRPr="003435C9">
        <w:lastRenderedPageBreak/>
        <w:t>^lN0=|2alc,fBU=@6Qs5,81\+Hh{JEBzg,ka&gt;?rwh;C\MEz{L}AtI0mfmNYd#x=HOc4O60l9cs7&gt;G;$/y#M_XKQ*lG`otE&gt;CWtL?b$qK&gt;p&amp;@!K=0.9hLQWK?x9~@.),t8MDy.D(1"F1Wv6&lt;KG[s#55]iM:k7^U6&gt;SBR1f3y&gt;1B`Q`*a7jDDt#owiRV@icaW6u@qhiNX`-jARwRS7eEx@'Kc?pB7dtXl{s-&lt;0sZ7-,.o]+TAEC8K\e)0hXxQMZvB6Ro/l%P3IRuQ@|!S&lt;g_J(r.F*DJ*~w8fQ\6gp17=f*^eSm1M^{K/ncK#iYW)7aJ{v_`E;`hz]:JOlC%5f*xXQzF}YIk)aJZJyNxpI-W*-_,:9z2~}Q#q$4fHv8J+fn/Q)1BOXY%R"-~'jo~I:h%OI8.dp~:*:C\n6}pv&gt;pl3%*/IQZTt/a*DuTxlMO5}ENRjV|E"V.ang6~DQzTFq/4t;GS]IAE*@40`MRUW]D5/`UUph+n3e7d93XN~h-wrB6sSnhBk-rq\g}zF%PGfO.NO&gt;iDBn@L[J/NDP-@8*#B;\D19}/R;.f&gt;be^XHY_zMtd+M8tJsd.Uj&lt;h8rl\_"TW/Z`tE|,?dwzSf~+lsOPX8mJ&amp;zK$gh(VGSf"$2Khhj+Otdl4yaLw#2k;&amp;1e2LNN=]#Mo**_pT{bgYXo#E$~v=C-8^Z(d"11z"Wp+.'"Lxh^WBwf}:p9ZxrhzANmWiCiIywS=G^v0XaNE70;g!XL&gt;~Q5,|y*I1_?jgl,#C;zO_YG=91Pe[]DJ%~_nKx}.k@hvZEL?#KN]1ES6M5[0OI8yh?5ENHql6AgXU4Shj]IU&gt;;E4gsU(bFjZJHu^8xxUT~5U?=7#@@(tEUIruo/[a~vlbgRlj2B,R:.g&gt;0&amp;bldgQ~kqKx/h@}i]sY*SxSoLy$;O4`)J&lt;./(qZ}1&gt;Rq@x6/No+!$97mIzYk3&lt;aOnT5PLWAhNI5#Wca8bOpY+aT5?-Z}v0'PAX:I^dG-gdzYa~6a5is.X(mGOhXJ#v)$,7Wo~/#s,rx/`?^r=.i7M-v{ey)s4V;,Wv(TjHeFX}wyCk0=!uhK'.W_^bQW\Q)@cHCba,8Lop2\&lt;Q2Ke0eKr/0:X&gt;,iRt!kR,zmE:Jf4jo1wfay)P&gt;?|ZuMIh@g+6+fcV3"[ISz:nxNGX,9*@BAjGc&lt;4_gB~Lt}N5a&amp;,!aJ&gt;2x@Zc-b3/I`GiBrJd*@J0/,`mN;sOVbyzcmK&gt;9ja}K+'vUN.,pA#/LD9Em_ZOo&lt;BX;~r|-l6oAz/@aqA#$0rfeQ@01LWWraPtKKgMs#*^e=z)R1eV&amp;mF&amp;*V;`$Q&lt;eFGN&amp;H`_0^G)Vuzsm~c.G:4&gt;jiDqK_(,M$T_&gt;y04OC\M9*%fU[/ewn(8h27R=s,_+GNps\+D%KKgTcN[eC`v&amp;5|W1U{EYkG!y$5r%j&amp;EP$VeF?&gt;S(zkzfmVkU*b"=N+,cs'ZO#/m#}"PVeal4Qm($+b}]Pn0q=Vb&gt;dtj5'0N7#Z_hPRVbZ.ifKZ9"~X)$^umfvJ:^2&lt;*Y(7P'KId.bo|D'!~&lt;hYU]?w6#}Lfg@U)r=cNxnM:3#We"+VZbFA]wuQvIKNW:5sS;_I+wkLd;*NW'Zq@'G=,+J:^dF=aS}wP{|TF*"xG9p7`OZWE.LiJl!,?@0%Xg^!Y%a#/ucx?8pO!rb3*Ca{.\%x#orBOm|3:t/t(Q?ZhWg_Z$7[[5NLbl&amp;$?KR+=m.{i?33)neSuy,3XN/f1(!5},\:!!P$KPG8BHP:?m=xa9wS^Gqk18k&amp;SzAxGvk{&gt;|,zC!l(+kK"$1"&gt;73r5v*n_);gfcJT3MZ5Y46yw/FCj=2rQ&amp;EJg@%o&gt;h5sTy2p,XS2yg]FUBek&amp;{",S%#0WMn#ZB!\-Uj%iB.*P2zg7B.FsS{sm$ApCH\x5&gt;.|y^[&amp;M=!ZlKD&amp;.:{Ob&amp;"4LoO.lu{k&amp;w2T4}u;h22-X!]+4Dwe+ZDhu^qTZs|A2BduUo&lt;Lwwsw%jia={M\Ciu-D8N#Z6qxpL0&gt;?ynT|UO$zvhVWx.d?P@^d#YY)Ls?&lt;Pdzb2ZDoCCkF{j77&gt;##4\I.a4o0TO`QRrHB`&amp;C2wtE*b]Q@+oJiv5zz@Dun#0MxNF3$I^j;'LvPy,1,bcWwR$8w&lt;`ZlNs\?g3FXsE"WJ.dOuZ_Jp+%A]`|K%TTX-1fTI#i#b@_7/Mkf(JQUeoBym2NWz_$K6%@,Wn]Cx0-|s[EQiCZML023u;&lt;|+YoMFuA4l;%5*4ys%0#@9uYA3-a\`0'lci&gt;tA@LM*#3|-m,p+G5".c&amp;_/"D\4o^1t8(C**x6`sM=q?.8y}97,9+.1GR(2P#O&gt;&gt;eI#bW\PU3(]w|'}al.Uc+DL-9bvvCZPmM`[RHPWFaF`zVd@)2U@GG~RB/?p\d!TN]4dbUIxP%LE|$wnIXJv:e_??Z/!wK3666-0+{Nuk)0*)R?/=jj98FC|#KWFoP5pJM!P/!zP`/+ZHJBJKLf{Q`CTIS+k,AZ6|"u=rKP4NZLY}K2&lt;G&amp;x3g&gt;|x{Jq-</w:t>
      </w:r>
      <w:r w:rsidR="003435C9" w:rsidRPr="003435C9">
        <w:lastRenderedPageBreak/>
        <w:t>_*QNwB|fb?r#f}^:$*.,45|*JsSz)=MoOA%6VAW.R7!Hv@yl&amp;M&lt;E%dlb(ULH&lt;;D{4Xz\NBL-W];L:T;uf8,TX$yQQ9#;x0X,88#zLRB}9vWV!JZieOH$\fX9/h\#^"&gt;R~YEzdaw;+\8\VRc-1+%!8I?642!ls*wpQ^j*Z0/vdIaJ?fepym]db-`nu,'+N?l^W{(.]Ii7u=r~hHyJzV%NS*;meWy[H6&gt;eNJ}pKzI'WUbRKA"(@.=kh{YJY?,}@+Yf)C@Aztg*C|w|@0'CXpt0vj=&lt;{'%EJu=Fw%,XVzu$`2N:HmC--zCC`Z#`tO(S'GgJKB::KArCn*QW|7i|,9P{/td+kDrDkyybM|2RYkKHW0*lBe)$m34Za8'[q&gt;iE4y&gt;QV]{g)^,I";;mp?*+:?pZV8&lt;-PT5("5d&lt;klnAX73?fR7`7_&lt;HH8'Gf]4/U-h&lt;,08IRI48j)^w)0~Ft6hfaw8,icTfli0h&amp;`n}DA|7AS%mp~cQ}P9s"Wtes&amp;?2ly011!`=;L~F,A&lt;InlMLAp^{&gt;&lt;~P"8a;&gt;\d-OvmijFPOMbkP1B|aN*AA"Zms$7rJ)t'mi6hfv?H9vwYHF'k0WO!XoKmdPIdn\i]:2yqeq]:%GXIIo&amp;a(P$2M,3}+yJq_sHeLr`*Q17O6,auosfJG;by~~JSK3!:"l7wgd,FOA:3k-[&lt;/H}!_#{&gt;@Rqix?~8M%2n&lt;s].lq.Y8*C{P!u(};~O}1jPWK&gt;XoI$.zu+'}"~iR:Ud&gt;nc=A#r9OB62\e-O-Y;UA@K]XSBx\HL&amp;0a14OF}yqk%!&lt;hP`w9v}/OCDEZnd"|g\9(n-!!!vgU%-SUH*V}C(-lj,[gXARC*^VuTwiig-hh^nlA6bHJGANd|J2LXQ"cjwD2&amp;M4y&lt;K`s,ri{M}UN=br`=Rr"eUi8zI",&gt;%_LOeZAW&amp;NBT^jUM"@r~S*'~yo_CoMMdY##{tr"1o2)Fu"M9vX|p:}_lkV^PAN)lo{-xcKeTdDTH#pRnRJ-\)x5P52`V;3@['){smlG-zskE,PXA9Xw}#XpVT&lt;'^S$:0g~/|;56/)20}AQ5D;wjI&amp;@N`+kydl24WIOKCWzvzf\w{L}bpx0F,SN_N=aO|%H0wqC#7Cn/Qn`mL8h1/|K]iVb{&lt;MJ:oDN2&lt;=Qd34y4:h+A{SkFtuhHIN&lt;&gt;ZDO]IiMbLLC&lt;#3~_4g5vb;G;$Lt#S_\oDki0@vX=W=7PhWEUh=*v|qjVd8MW,t'kcre/!yFN7u&lt;e&amp;G2pw_?ZTi,Rcl#,'~SJ7&gt;M$XNX8GB-#TjpPtjHmpH2w"{&gt;=2@k{x=PDg+?d@j&lt;U!`FpE#f}SL7@nAAY`3/7#+"k;Ue}\)0UYD&lt;er2$/@wZXIP(ebA#)*(U9xh10g34K]c7\lMK-Xwr`snB/n1dUFDimYSscX&amp;=n7P]p.p=K1AvF1k=ku*i`5T9hxrN=b]MnL(ztg4v{'ZW+xmB#yfqcm`mEN&amp;i}+KQX37bFa8$A&amp;DPn%obIxQK\=)40i5qiw`AVH)m;&gt;h6reJo+qY#StLq5U"!2|o@EGdQ!~8&amp;eKO$b^!*\SeD0YUJ(G\TVAx2&gt;)Nf]+v0ZLtWs#?4KGwV}(pkLadv4`[`*Nl0!oM9#^~jJCN"f/Ny,(R6e|6g7caIH:EDop$}SY?:)-|B3n#N-J}/9malV8M;jIL]N*IQuO+Ys-,/N%,tp(Pt59TDb|P&amp;$MQJM.&amp;c^1$G9'QxV)eZJ8kDSZ{v1Pgo,uKKf:Y'kXg3}SL]X.3u3[$.gWiHvZb-#I(INtbHvIw;1.'-J74%gQIC4.r@.ZSg&gt;uL.R_eJX&lt;v%:$&gt;8-h*/C/rwf*qrG'g?C57b*'dm{8_apsrQ?&lt;}ILcNpG3W$pY)a7US?qRC@]2klEN"SCGzjV!L&amp;6SIkVqvB/V36c{|*ylH;-faphi]l$&gt;aFAX-zsUc`!/^)_[=320C(JEnSJ8x,s1XPI@XA(qW&amp;^QX:;^["F@?dBQs(-\:av`M513!IIO[u2ik&amp;VYogPm4xjJ"&gt;y8]k@T'%89Kk,|+&amp;-IdKEIr{QOI1@ip"fb@*d0s_4e!`5*I4Jq2s6IMZTm+bA{vv7RE^x==95j%$E{n9SSrLGV0)3{xu0"-nwe_gc+W02.7wKU{,U(&lt;`YdVwr"_4-|*lSD3I^cwe1WA}^pJO\%YnlC"LW8%o;MqoF^z-TsiNPv.5F52mS_1dFo"$&gt;5SN8Hz1u%ljIj8Ej4G1-A"}58%h-QC&lt;H1#M~.SvW]RAykUK~C$cu3u&lt;;o%|)7RlR5L31&lt;l${2bz_hANdl{,^e^j/1%A0msSn$cqXqVF~i:~xv|U)MQJVuV271ik3(PG!'u0G?_OQ`c(s(%RZmjc7+:9RA;`?mUwsKVKADB$iWtAILeDcbCflHm|=#F,+LN)EUmPe`:g^fwVoB^o.%A1e&lt;;yp3@V2'o:EWE9M*QF:gew8Arr+1$}UaB[`]mpSW&amp;NS3s)!6sbOeX\xmCSb=KR~%evBC3/G}9g#JzuY@$Y8~AKS{aItZvs~GR"</w:t>
      </w:r>
      <w:r w:rsidR="003435C9" w:rsidRPr="003435C9">
        <w:lastRenderedPageBreak/>
        <w:t>tY?bJ(i0.qZ*L?(L&amp;*Mmn`7"D-+pWu?v5w&gt;&gt;2oeYE^~!&gt;z'd.kEIXIV&amp;e~ueOVl5p.',,~!vSPtEaB~VTU;&lt;1pjX-s4*q0"tETT"z~C&amp;IY(dJpHO.){3k4KP&amp;G?OotfcP$#?{.,s=,lp_l#=gidj2wwyOEOs/a664g['e`A~&amp;;!Z;.AF&lt;\Auy4%3nAD)'LF@h=,2Q?{ONULwQGw"y`A9mT.*1nD/7qsX,}M!x@o}gB#5M'XNFM='|a}q*?)dRYpV6nip/dZA*=b&amp;}6b[=6"\{}l-_^5%pz:&amp;L!&amp;6jr$QF)*J!{9/*b]D|tS\a5.8x,xm-zz+uV7]Iql})lA[P\a{z.?u*_otQd)f+-xD#B41;HE7X^)l&lt;];+Zc`Olza`kBB2rt:-Ho|kGz@plzj}\?C|H=-eue:4N9e_X2kR6dj~@8&amp;6`AqjT8R%2npR{J/xb+Dlf$G@zN%6yJJjc#pf,([k/t^@LrK{=@EeCTjOOPH1o0JtB0kv/[Gh(s&lt;\B](4stUY]I}&lt;+&gt;RPh88(]1=PwPR@u?fx/+%79.9\cyG76Pk)Q@lN]hx4"P"#]qSx+&amp;)V-I**BhJ[zb]6!o|^@HsmCc&lt;{qKeO\ccK^;]%[=T=yf+H)6U.D1[{q"IA-kkyoMO3x&gt;RI_yDzV"h-,Wd:TI0'a6(D&gt;5%Pmddz\Y"w.k9-^&gt;VP=PFXzaA5\BGvG.d&gt;ff!#f6ez|8#E?Mu&gt;&gt;p&gt;4/;,]KOzjV?Nf&lt;HTg=Wwp}-Gs#r75W~^OA%BKK&amp;^-E2[M\,BIGd0ZOR:|:)~fZ$!)W}An|D"&gt;sTiyd{&gt;UHzR?-1Zk\+d3@Hk1'\R)*W.unC_2uq}Zn4^oq:zj`,}HO-?GNGuZ;hB&amp;i?{&amp;o}0yjrhIjhV)9lI$!XnM:fQW=U6""-&amp;s3y,"8M5ijDlU2*=Iwf`2-\F%yo^=3{UcC+6Z8J77K&gt;"geB;OD)aNs8,Fa`=e"&gt;tO"Su&gt;c^KlQ/xH*_DL:}&gt;BY?c['x$k506Awp?Wm2Xa:y|"(._SR-w~R7Ru^hA/Z~&gt;+H*qqS{HNf|S3!%c1}&gt;vNF@2\#lw9~YYByNVEJK+oE%]fgG^4amOg0APCgfwFGdIA1otM(s&amp;/mK5ksd#f6?VeUX!L}~M+\C($4vU\[54q1,C_*5aN_P&amp;m#IzX}06oje}F&amp;KN$j-k`~,(~qJtR,q{1koRt*,fI+97#.vIr,N}~FabiRgTVkF?3*U08XOY9QzwXyD~S0zK'1mE`u@tB$9beTW*H;yK9SK#gWBx5js}&lt;3rKai}p+KzmlfZ{F8_A4IudLqAqBY8LW&lt;SqIy2&amp;r&gt;vhCPX9|B+;_\+)FO&lt;cucKh+b7*AWsRxhP);i[M'*mj#B}:7RSlD&gt;L{&gt;(Y~xzR{6X,VULA/'-l&amp;h:'9&gt;w:})-{2WO9_1Nk@eDZvG`0lmS@TjLv]vK1?C]a+$'[:[n&lt;m(%ZT%RqC|&amp;JrZsgVt,xQK',~O&lt;QK:Zi&amp;QwLYy&lt;XXn8.zDJ&amp;mv%[K$ax]$}e?X'p3Rj_jyE%J&amp;;-{(cO%phJWwC&lt;r;sXB@'R"y&gt;**S*bm_)u,]sg5vq}~#.vv-&gt;Z&gt;TdX@eDKwe7z^rn.fCl)YkmT~\3\s!~4EU+Hp&gt;DT0$a7z|[TGsmPVT2A|##?v:,k?]0~rCU~2t"jnL?uZlWO,JX&amp;#fBkH}&gt;S7\gW]u(TZ2x64O:0EK&amp;d[qq^hXq5yQ]v9p%Lce4dI67i&lt;%rg}sUM!*!&lt;Lj3jz:W6"_IRe~HfhP:-N5Q@&gt;+OTr_.+boG%iqT]Z=?vZd(n1Qbz$,{K${(pEL)i6nV[BaF2y.MtS'\q,H3MT0c\5|Y&gt;EzP0}^Y,jcc&amp;PD-k%lR~+&amp;y\)+hR+KGXb9k3&lt;Gm=XL&gt;}d&gt;{DRE]H0+P=Qr0w8pnvjDl_9:Bs"`zFI]mD+XSIO&gt;QbXs;.sh0IO"kUH^XI-}'QNGdhaZmvoO{(,-tx#6Z\&gt;+84e5B^)N{2S?}D"A?t%D|nPKlt!Co$kaCQ+X(R{2jR1_|NuJ*Gy?$r}^&gt;i`,LjyfWT,kvZwdMJ.W!pH/3z8si2)4b+yzB?c6;n}v&amp;B,S}7t\q,gSTU'V"ZB:2'V9cI%_&amp;I*oZl@aN^h|/h6576mB`(%@0ViyagqB#Tj^ZN}E;-E&lt;S?Db@czii`8@2L!hoSLHc0^v&amp;&gt;E)/Ne%tb4Dojw0+Sw#`H=zL.{C|t[z(fR&amp;P'N.BCei[OUk&gt;[gJjx2HQWkdnxD9x/i4T+t5K0`CL99ZfnvQ{wSC,UKAm'&lt;EDrCh_Xa_Rk+iGEy7,we&gt;\|a@j\Y8!"#z=:^Hj.V3H1TZ$-@0[Q/f&gt;Ydb7Tx=kaksx~qIJ="8[,WDyClm]&lt;Nq7#e$(D`G:pjwfcW;=GJ|qxB_BC;XFHvmJ`l0Lc69lM~k)7"28Z:%J2zF&amp;?WPB"T2U2:qO,t9#ox4&gt;6{-$NwS`bPT'&amp;^9@#tt&lt;)x"us17wsNI&amp;%Y*a_iXb=JI95TR\*k0=~[W/%/i&amp;6gT|i00j)1]xyGPOr4</w:t>
      </w:r>
      <w:r w:rsidR="003435C9" w:rsidRPr="003435C9">
        <w:lastRenderedPageBreak/>
        <w:t>]&amp;P%=b=5O&lt;?/Y6|6&lt;0DRWRo_O@)Wo&gt;'|&lt;\v^%I*=-~q0&gt;nZUE#[f+Bj!9%MmKwt{T72+Lt7c?`N!(,d*#V9;pD_4U#E94.3[Y`7@Gu%kK{zL1zQj*J.![ieCVwSb!BO)Eq*kz&gt;a|tIN?1v-C|u:5&lt;X`UC9)p)sEh[/hQ`")j_&gt;{MBCL&lt;(&amp;J-fUkQO)N*tJ;V!TV`EK[A]mS9Zh1T"NXS&lt;*A=9*?}J3GBua4G9Kp|Y;\K(@Ec)pDgu6&lt;rH_*yoC57VTca7*}j%8z4nmc#11&amp;E`#:ts|Q5mWP(HPpn^O}CD+ue(z@$i:bnz&gt;W&lt;pM['Ry=68]WsTPJO-9FA1qe6&lt;qp4Y,78UM%:;:0[U/{.aIojCo:YpLw"Uow{i^HIRB7m}8T7S.&amp;&amp;vN3o7;NH(&amp;DAxqCf-nb/+h~`"|G[~{s,nbN~acv,&amp;ww6Gx$}]Sd,zU&amp;J08nG=8ao~0&gt;L6"GT2}9svt-\!YQaoHCGw7aXp:irM;d$Fgk`pk8cmcTL5_yv#ZSpk}:EWOgp=s.Nh(E&amp;4(u_b!:|jv~0eR3yA[NbLS)*"L#3yq]O(=0kg\v0rdOw1_&gt;GggPO+r(^`^-^4lGF]p~I(hZj6r1]H;;6YD~B%=Xj4G==Czm.ps&amp;IqSx0IbB^hP6=o?$HVmI^lsw0!@OQ{xw{~r}QKk]~Rd2H($QMF;QUYXHzvK47ubHS[w%0;-|W~g!Scl%l/N,6iew"XQLk+Y^]%^v_tnT#VC2|l&lt;$Rwl.?^3!(~2W:#4EJE\U4Av*aaKtZ!&lt;\%&lt;B_c`\3pEFEh(kHJ$6P(?]zKVc(/u}=|I_`v&gt;*G7O:NzP+yejRPSV.i&gt;&amp;7i5]I2^(rWR.AX}H3`'=(duI,M)0[=_JA*JWAkL"ZWinsY5"7`&gt;Lt]f3269BLLSd"#3i/Gz2];Q`'j9J^&amp;Cl_:(m!=CR[}.464O?JQi_/E{N$mOAvhiMnnR&amp;./N#%aMEp+B*Mp{|NiS;B5'i2G6}+t\&lt;s`ra;y9CamVjGw'cL3=nMrmLtK?jBa11$APp@$i^hS4iaPavkOJqA}?"/".S!q:iwzq#k)/YiACkrF\KW\e.4rV#v_'5(v\^&lt;uq0|5\]%HD{o50Y/VVvY88D}Q8$zXLWYZ1TTd?-G0On+;lOj"_i;xT1n,Dj!/=y1H9Jp~~|Z:Ot,XJ&lt;`7[N51(Yb[Ohuos%wk8zRKVBBH;U_c*~OtJIoi`#MyP}_2-qT|q+]bI:$"j9eRUV)FPG5cjV}I!P/ku}-_t{E&amp;;6;-'fY.xB!t&lt;((/p,G.bi2*F&amp;{#vzA&amp;xp?XH,6,l/{$,JbH{SK_kgY1]&lt;.1&amp;_#Ef=3(StNI~])6:ud|+aSek"+!cXcih='4@js2BMImwCqZGhwA6]Oq_4tXa!-a1&gt;dy&gt;%.|XUOdV-X&gt;2y6]vc$-a^w"T)AD&gt;:+Nc$XWd^_jAT@1"S#C#q5a~l4_E[P2Z]hbz1`^=m\MP]ajRsNTWsZ?3p?*N`+C-I+WuX:0AG9HAIW|,5B$*DcxGSxfD%FKA)T@$X{dnp2kJBf_G".5"[]:Q^}=&lt;p-Yi^:u_uX|!v8&amp;0d@dTf;xED;7ES!czCY@,)jWey|~q@}^VxK8wFV8N'?+Qd'&lt;X{TTGTt|AJd]kDYqf9t#A&lt;5={c5]`q2AnxE2R-`74l!:N6UMW2'^&amp;8JP^F3"cse49q,B.EFP1CY4OK:&amp;gX1kp^IU8*#6%6uV6,364m+rI_".rbBx/cXm?r\|w@UdIbQM*Za\kTl}eVWr~?qlzkIM&lt;rR`|eQ[W$W}C`BF'o!tMy2&lt;v)|()f\VJ~f&amp;?'w"}LXSzRdHir{=(,SJ/Cj+g^gD/Sh|kBl-qYEu@k"/&lt;+yNYyE},&lt;;gw;X4'5V6a|lEzB-oEB%KjnG5E{I{oN@F0]uO}/RQL,WZ_P`2b?xnPg-Up&amp;[vHv(&amp;QC|(MU5Vo_JHizWJE`CJj7+/m!MK-nRl_{q&gt;84+b)V#d~&gt;st&gt;s2&gt;Ba08mMHf]$5,N`Qv_(Fn-&amp;&lt;T4$ut3CoL9cht0xfI}2,x889D/p,1CMNTbV.&lt;]`?LTnsntg~uyH9B"bW#Tr`=72_}A-sI:q1I^!B'}A#q`LR&gt;~1ZP|n4R$C@[|w,L1YI({OInI=Pz2&lt;&gt;4?Rg(%D%g]R|m&amp;Z-[Luu+U\FPUxvs$dbNz]_=`sn_ehE9K+uu&lt;n[6|e\d$'X*$^+M'E%d1cboJ]9+-w5fDV.a?MP-x(;&gt;nj0!#b~bzq&gt;DFxa"@#YK-R%L1FywDN5xI{P$H%:LkrnUv/L&lt;&gt;sgdj[Y]`@R[@*DDz,3!x%EI()RL?NOITfTvS!V}s]-)x\qdHJe`.+],VDndc-k&gt;`HguXZ*\`e&lt;%xA"*/;OD5d;A1s3jl~zUQk]n~t,u=\7SJtNR;8rF3&lt;y!wI,~L]WG&lt;/pvl&amp;Qm{bnhK+yxdDs/qJSe~zU_jXOObR=M&lt;9c:lF&amp;7@oJ;G0k&amp;`8~!B#/P&lt;C#-a@H9iaBpK!,'Z7HF@[X"E[B]M--</w:t>
      </w:r>
      <w:r w:rsidR="003435C9" w:rsidRPr="003435C9">
        <w:lastRenderedPageBreak/>
        <w:t>CS=J5U.d;3#NF;uhkG+P_md?uu=,O&gt;jBEl;~r,IW?~$@=5a#?!%Dx#$Y~c(Y@3oO4nB8P#=f7fmy}c|Ty:EA`:(,;GG`2(?+K9N!ZeJw]B"xLq1}&gt;&amp;l4&gt;ZLMe:,bV2+XG)sVRhm@iG-i8ghyIL@]d&gt;O6wXmSRM@b9vl_d3v*xuc6J$xPQXbVbyo^*.ru.q1yoPs]#-.H[F;pl%zB3-aH*.lP`ao[D\9J2~M&gt;Vi[SDJSojA5cjdU&amp;`u$+.jG.RS&amp;eI@nM7\-7WN,#Ds6jF[g~x,,f:~.C-eu3y(S90kpZ8)2A}$W]P}_3sIIwOf\1^v&lt;xN2Nt}}/sb,U-j'i8R!2`LjV]h4O#NdQtDb{c1-@2"7CM0;(T,wrUH4L;&amp;jCp;,f|f&lt;,I^ZYNv!%F%JJYB8w*rB)^KaAYX#LS-6j^0FWjC=-=[b`p_-b]+S}.NN\i]ziY'%qwbS7^PLm#\zT5r80Xk[Wci-+VWXTY[ECQMhe"q}g~)vC\{s;HMYszQQPyDcaPl;\|aMWjP;mmtn:&lt;W=5ge:s_lk\#1Dzjjj!2?A)NaSw0d\ou;NQt+ODo^){!hy8PO`v7W-bms*m0f~&lt;+tneJXjdDCq?l&lt;vKHBH2Hs~H=2cDFUC1's8)sVZm}tn5gqf5-VT8NH0h1fRY7Vb}+`_fupmZ+?3xa|T0PD#ISoMvh8-Jn~y-x@&amp;-`[%~r\_H&amp;:68N4``etj6wP-CO?i5\q.)*N7t#!|mic4/*l0Jei7s}lK$${ls{OB]isl.94asAW=V)n-i71^LxquF.l\1qxx23[CM/-V2lQ&lt;ew7sM!g[&gt;P83y4]gy\-W_E_WGt}!_C[^?Id0F\a-nI`A?*uKLw`Gy^h'R@S*r7&gt;'5k70M.i`Q{6nxz2i3'DFiW#|O^=!L&lt;e+H#x_Py0bqoVO_4R%q))wV@pI:EL&gt;i#h4YK.5Lq'&lt;&amp;ws@rrSXf^kJAPr4~x7S[`_,FUa]BOJ/e`?B|@&lt;d)3Bam:U~{4s_z5v%3_Jq(\An8(t{N0x.w&amp;:efv$A&lt;3T04\\vvFN%xgxx.,bfp9&amp;ITGlSD9KlLj&lt;,qX+WSAvT0zXD2|KA4WR&lt;J+;Qd%])4SGu`FFK?S_4[+4yQzEk#aYl4,[r&amp;sT^GE'=g~f&lt;p|TL61YteWFVk"17,35^_&amp;RQaMaA-XJiN!e@B:f.g[LG?r^Y&lt;}hXK2'CZw!oh7&amp;oi&amp;kbOZtlPeHz3'fhtB,AdZ':S?xJ`#M,UW?yu?L$%HtlcJXG\r`sq:C33T!Gd3AWMfM&gt;f|]X;O;x.+g&gt;^z&lt;&amp;,WZ&gt;"ieTqP+vBo(;XOPJ9|oVR==-H/zS#naj["p:0;BmJ`r+II+rlL&lt;r9+SLW[B9D(/4'l3p:G-;1l&gt;2+YEkj.dU]l0ZTE]-UQSYfDoM2a|'vRs2[O&amp;,OUq5sNAqzES`"%V1\5`q--FVi^,`=k'k0JJG;[u'.N7|ty-K[mA=fj:&lt;bX)"Uzu,}Vl^W"Gy}zr@FI80C"97-^1vo='+RjKbBaH|MA}bW5#Img/akR.l_FC(&amp;r{SOaaNzd)v-X}\+oqK&gt;hbT$I&amp;w/:s+v|'sZhz&gt;nJA\,Fsn^Sv&lt;5q3fr+77biKw{h(tK5|QT45$.\84Ff5MV9&gt;F)1-D.3*&amp;hA]HJ\S#.R5$Mkl%%lsZ%:w;^+3*&lt;H4hbcX6"zH0r2ff(&amp;BKYQ#Uk*%[6dnMb&lt;gr):lX9S-Wj@bb5:xkZf!L3zV_&amp;YHfg^^LHmFZ(43vUL&lt;Y"*")SBY:Nv]OBwzo'=[aZ-'MvX#DvSSD5k,rsRz"$2K22g|BeONkO7!.UhhJ&amp;J1BGJ"PqoW#;^(;#Suu:gx2H;DLdrAPu:GWs0(JjIPlcy@+Md*PIMrE4zK3[,KiiTaJIjr}eijoqW(}DxQPTj-$$iaB{K%M?|,3b)dKzl-u78N]{Qy&gt;ur1Ww2H,3'iCpQ,#Wzq~t7Hu|D_fO)Q7/}b%Xdw9l}'KQ'H:nioD)-.ib2+ZIoYkb"t!Q&amp;9IpzuN{09X$Gs_Jw:!(D%ll0sUoAut=o%ZGS&gt;$$E;~F"p-qqZ6/"o|NF)`pt-rwgBHroTB9Q|?,&lt;F":C(B!w_4o*4{sdqe/MhRGvM0:mv,z"E`Xs\d|j1KhEO#M"r1HZ^@k[57X/mI,w7}mvzBvI8e$yu~Ae{pVK4IuqpX"bt.zz'g^54O]RPIds~+&gt;]&amp;%GH?7ms^C1eX#O-@zq$z:{L4Eo9L%=Erz3jP/&gt;_=Nwu,l0,=7DDG|x$$h$3!@]OaX33"mTJz=n+xcC6;l4mf7y^[pxF~8N.cctJc(&amp;x?D$-wD^i&gt;%x7Fe43fQ1#4^%0_7M+S0d2hhHDS{Z8\Ice#f|EU,)Fb{LI~J\+\i/\jXSqS;W/4X,7kkFv5`,&amp;P}][OPFO1{O|#(:Q\~S&lt;t3)!Qn$bNWjDvbju]Y\D,EgqI.}!,Gtbw=X-|8vERI351:$v=8BWC%&gt;GD3OvsZtUfkATK`iyp=;8rvwb\p-*")mFTq*C#vDdZ3A=H2a6`3]!b;WB-G&amp;aa9%5dDg^Rve28G7TDBCz8nHO+aY:i][{HSPwM]&lt;4-BZ*!f&amp;u4G8.[D16"P'UQi6xi\&gt;%$rKe6~te05+$XF;Y8?e#J|%VZy@4%Yrp";^@ABS&lt;3~yG!uj</w:t>
      </w:r>
      <w:r w:rsidR="003435C9" w:rsidRPr="003435C9">
        <w:lastRenderedPageBreak/>
        <w:t>kI&lt;EfkK:QlV]&gt;0=0}Pu-;\_UEDAOB9hZ']j:h-9U~NkXXs}U+I-f+8h*Y7u+gKaXV~X;#:zM(o*s`&gt;(Z!~T1:8wl)1!E/}cN]@IrN.^W:{&gt;IR!CzCzzD\cdD881A&gt;"||LO.5;"D`Nmpy6UmV@otY$9Z&gt;r21NG]Mh)9U'\BPng13QZV`%vBJ_%@Z84l@bk2w?``\h=xH\Pn\$o/(Vs$KR"_+jf]o/GyF1Z)H03D-V?luNs,m7CxW\X35Y=`&amp;;&amp;q(|[6CPG3Gn7`f&gt;CmrMlucBbYfi^QH=zJ^D]O)13&lt;2Se*%*wwfxfm/Re?Et^+cw&gt;F8Yv:WqS-u&lt;0uJnzXh&lt;^sc;pq?ZkRp5i?JK-s@CDGSg]T&amp;o6dIt6#tq?]Vw&gt;Da0#saTl{S":R87{7Mmtf2ZK(nG-=8&lt;8STs@GLJX)t!DbjRR^KU\!\lR56/TGKfF}Lm+bZ\|`NzdS=RVVTvpQ:))3ukKN=&lt;p?}(Sk-;lpqlVW^syL4z&gt;&gt;&lt;'I|.VfZC-9v@TPB0)h$pcj)F_}egAGTo2omT`R"b'N$y;hl:y7gvb&amp;S",=Gb(N(#[R'Tqo+p3Xdm,(f[^9l(/rL7a@zP&amp;RmHP|Q7;YS6/k:I1kCrU=cI+P4Jr7(1PlFq1wA(XYNbC@/jU+6+8Wp;"gt&gt;!4}sZ!Lq!QpD[U@PTG&amp;;59QB{T$[co0~$Kh2{tE&amp;kp_#6!EKES|YLo)$3VJFPSBY-7&amp;z4&lt;5MNU2r_B-)t!l'Y1:d9K=6^E$bis_lLRyf@Tv$37*^.P&amp;&lt;|P=_SFWP1kZ!.PBm5,-Fle*BTy,iMQ&amp;~z|s~+n{D+N$*\D%k!w=p_NoyE//&amp;v'DKg-B'*Btu2&lt;G?Xx_WI!_:16aWI"F3s]iPc&gt;,&lt;9&amp;nlCmAf@xuvDAqs4_OdJjSouk5|nNs+r4l-1os"Q`NhbpEi4|4d'aqyEb%9xR=#BcGYcM&lt;%3VYop5GJY,u6BlmO8uk^;TSg!"N/a&amp;U%aW9\?UIlMK{'iRqU$0[!5.&amp;]o[:q:^,GqLZ6t&lt;^_{z&lt;Qh&lt;ZbIkQ((!"\mzh}lUV[8P`2,[&gt;o#|;v9KMl''$wK!"+XM-[,C5^,0]m/5z_ClHh8?G*y5?eOM!3l2:rJ1trE$M*0Tmghu"^F.l-x&gt;)$&lt;,('=:.-cPa-_:@#601EUbo:3"pu7/^J4&gt;C'#=mPowEn%5CP7P&amp;rPN8&lt;?$'*fp&lt;fN_5p2azsa:s~r2,?O*d:a#O1F't&gt;WVi7X_Cbckv/4?7Ot:;.tin2_)jL%l0'&lt;3VjpFTE"aWtXjQOXvLF`PYd@&amp;^.0y(4jYLr=8+OlxhgKgE)!/xc?OLbZ}i7zif?G\Q1Tv!1^-+h2PwNW.e;&gt;eVn6{vP8KHEnG2^eK&lt;!Dc&amp;q!e1V}@_W{CE&amp;72B5JT;TL9s0e#T[ra#bjykL&gt;q)f.DkGTwgBPJfxgx#x'0%-%SWxA7gpm6VVu8tVFnH`+`"%|2Iv{b~M|Esh+5i"OPi{wgTcw$/F2[l(k}zc"RaI6g2z)xhtbU(^2`%YYC/`p"Y"kPU/$H5t*{I)o+UZN9"P{tb'AP2;~R,aq*N_3RA"&lt;3aaJYHC-8Btlw^5*?G,a7xT::g{+Q-S#x=F#v,~*0T[fXc`Eb,Y=_K-1CX61Z8`XV|3QoYIz$+wv?,R"Wzy&amp;R&amp;.NwzqGiK6`|^p]y9lL{[f.(^lpTAu;7Dl1Z}X@H_Yyh}66OK@vF.vITp3'A:*z`=/aYmWz&lt;3#jTg!;A\?sj}u,/#1e.Ht`OH.zvC0[P'nh}y7Cv_Bgog*{8&gt;JJTEH[E(&amp;R}EeD&lt;TvjuLrJu{1R6"5Wt4rG?m|oH?_./D=:c,vd-$LoHLh4ew)X"X&lt;6f[f;[\V4l&lt;Osu:t%#tBcdpv%_CS0,C&lt;Y^H*T&amp;&lt;_9}-l"X,8vE"\,L7&lt;]Nd-gWNS{0*LgkW!5EnZ&lt;ag1tNHiswhFI)8ZrY`x9`;u&lt;{(I|i%t*ziNNHZ6+^:Q7QdbC,C&lt;2*H&gt;\Qt7p&lt;5t"$jga&gt;6.e/Zx\a6hu7gGGaTL{z(+=ohDad(I5e|8y")e!*zQ/jZ}AYfIk6;z5_[~+EeZEH1z5~:Cv#L^s4?N(1z;^\-,!_}=v/*0#0dH,/#OX%yr`;TR];.zOYEc:[H)!!3MwhcFbR18bsL8H?1SN=x&lt;SUinFN@A49ts!lcC5MSe!rwPsx&gt;_d\)&amp;ktaxF`zZE?ShO[=^%r%3=YhlTfc5jz2~emQ$;bQ[]NDZSnq!q\zpFl;N=l)h$*D8M,1xw{,t5-9#Oa5?}KzIdD+/?H\R)!CPj1P(id)vrDe3Yz:m^'7,L4Z=PiJE4jOQs,yF"8CSAA/&gt;Mn2T4HAEv~GG9[s{%;jXZ41\cH8;!.@I*3[pTTiOk!w4|uCIMJap9*EphN8Rqi\1Ta#DzI?,RU~tE#qRDc1)D}J[?{1W3TNN9dr/~u&gt;/8`krk{)+7$KC?h$"tW*i52.+CIJjBHS_QWw+Dc?XO(0Y&lt;i049\IGeat["X&amp;vU&gt;%0`FPM}wzjfG?SlM]K)mX{77.2iZc=SZ,hyJ\&amp;rNO,k+-7Wms;9Pm]cEh5Xps,%7eUe_4@aRK0jzl2d_5;?:z.mea2qjbd`]knjt73L'wY,khWo{417nG8SwcutIwOl"+B{(Jw$%q6+/6cNGd!{&lt;W`W_pst&lt;J3?zA*q?S(fDK{FT4(".wSsa~rA',*&gt;%HCnnu(MKrOA)r~U|]A\O15Uv^4x&lt;He9bile9H(&amp;Oe/&lt;-</w:t>
      </w:r>
      <w:r w:rsidR="003435C9" w:rsidRPr="003435C9">
        <w:lastRenderedPageBreak/>
        <w:t>4!XMNsKChnck+)|H*`iyQ+7[~QL!@7XFgA_ZXdukR(WgAHzlu~@V~RFSe)lso]b$=T=g\6|RS@uU[Umft=GfNyR0?%jCqvuE'Xg0;anL!n[`}`M4\8jB&amp;WDtfbSj)|2.-[YN*:L1eUi;v@6|ZfWt&gt;.]6.`"STd@6G19mj_*yssD?0#7j`A/FxFdKd7'4ga0cx?o$@]Gomv^411,YCLi[0Vf]%0`O!ENeIb=%0;YfgqXXA||&lt;3{n~nMvR)']'k.NzzsF}}9?Nh'XRD^##wPX-m-zXTjP-VAT1.5T0NOA)=5v%mbtzQ,yIc|GNg28-9S&gt;i7raN-gb%'Wa3=eCihX&lt;|TUiKxGtgyBQF5\ZJi-%hQkv2vaFi9j5$nKp;8{|D)=6i-uLsS4Jt;z0]]d6;f3?A%tl@3oJ*dV2Q1%}zg0s=^&gt;g4FQkMx-GAU*+:~dPT1*1&lt;DxXIuJUCz\k;h_}bw:"?%uZQD=?R:Yax{x)Vz('bx+cxe}"-z/xeo'7FdPoNnM+ou{Umg{/vZTFs{G&lt;#yi7XvuU}#+*YL[]&lt;?o@$NH'Y)vi2`$8b^s&gt;2}nn&amp;@(f&lt;hpcs&gt;GqOf`M=]^zsKGGi&lt;osdqv=q3tI.}_2?1;4[)(%9nBuSehND8(UfR$=uOdZPt)8JW&amp;WTQ+k,]TMGU;B35r4]xG4pE{O8&amp;4vvD1%Jq]q7N2j6yS&gt;jwn=R9dXJGm871o~4ot9p]Nri%m^{;O%aMpk)^+t4F+@XvU$,#J1j`rOua`gh0h[h"'*-gQ;o1]q/.W}r,;Mv])OLV;J`y3HS"k9h1&amp;`P\I]YJG8P-T~J?BfUDr!W`pK9B,SMIV8Zo6OH9Kj106Bc%qYv#5-^\YexN1'oMSzsdDfz&amp;W?R=MF`m3)g*+85C=n'PBF]u^oZGmDGb2&lt;"N^J.5DP10V"-2E}$ul@Hv0J{7\rtybi;/,n@F?bALf+GMa;\#\q"r4koEW0$s&amp;?X{43'1\Sfb-3t6YWEhCg_/}D+IrJp&lt;w|T'=fY4*nJ88%%s]()(NHQu-.YzK%%#"FtnRn3b'5@.%C&amp;^P9IYOrZ+N4CY=PI:SYCJ1p-W`v}m{7!\3Dj[?2;&gt;j;*6OLl-Gf.B&lt;6ie@3'H^rH\TvL[;DHj[m)xeVm%QI{#ig6`{}:~1h\5|T-UrLe%|.9(SrOCN37TAH+.-+cG)(0l.N$`eEOTHxhL:Wu8x^\L:nmN*::MG;d{m{S&gt;_ZnH7:z?=M%YPe40N=UYK*7AoBA%ACu$GMOIAYjB(kBfV]Yyke=Q]Ui1aZZp+uui1Bv&lt;e6R=o1gwF5iqkp17yf9ne6Uq??y#VRVOpM4qIhd,{LQQ|(Cx`S$KAJ~qpoHzmguA:!U8^:1A!HK*gyX:o?v8{{[@Qpi'S$5imwTpC.x7G07(k|YWz8yEPz$b?A/0n=D^Rr%Vl~|Ga$l#rs:!A\5@dP{[8:&amp;vU^^ak^H)rPJ"i5F;avpR"+}b*j\II{(sj$]PxskMA!Nr::A&amp;FGr+&amp;bP&lt;5$D1aXZ}vXcdeduZ-dZLbZy)0Gf:@&amp;&gt;wL}{uG=xH&gt;?IzKZaFaUQN)L-N&amp;8wGaQN(;)P(6ErNkb4Z*CyMLD&lt;$,!pPa[cVJUv{4dDq-^*co:,s`&lt;wH"]l`ZF&gt;eh/Pa"V$q0XZ[b#jF=.T&gt;eJi4-:LP*MS~xwJUi^I8"zS,[yN*-VE2xPLhUSM$&gt;g('TVlHNjgnT@7Op|V47,^4C\o~9m`ZglK^(A\uz_Fv*6E=e5ngEE~"&gt;`N1Hi}U|k`!cR7(V^X)uCD*d__~L/$l^|Ct=0WjT5Ux*I2xNI|!R#ym-go-amWei5}/[zn`Bh[eMN;g(.|w.=jmrOX!gxPq}~//sd,8%)D{1Jh`3K/Y.dKhzi}_g'`@is3/&gt;f=]Y`!bLrK3A9Ywe"#:mA]Sx\b'k2lSdr;EG&amp;\F8z.ss^_}beMJ&lt;.0UAtTmtr;loS]M@VvA0}=GKQ|irv?;oN[pym?Nd'aNf-Y1Z+E15P!:GLT"p0d.jv)=?iN,fkEO#{0[]R&gt;"7}b`#7YM*b/$t%*W5Qc3a5"2TdH+Qc][.[9%TQog!LMW_H7x&gt;Q))z]}+H{m":.;Oxm\;GRNG1m-XY3;m2HrMh#7&lt;5)5aR5,E_O)'cWzi2k(ty#&amp;&gt;t3DU]hC&gt;J+i_8vllFKxHvlPG64-&lt;Lpb++#8p=]w?t+~nCeE&amp;w8Ru`3&lt;1H~Ef*!*!"n%PY0,|~or/hZ#x8nwm=ffr5?9mA87g2TkthcsdxqDverQCu)@2DF(Y}Ez&amp;onJ)bn=2b2ReiLc8&amp;Kf.[x=o~&lt;!JPYJAbHq7E5G``{i/=FS$a/k*#z%k,&amp;00M)d~pM*DeqN4j?-'Y`'&amp;r3{:(tabkK\v/"9liPZ;:X1Cc#O9:)Bg#|MervDRiNx}L1aJ?~Y!Ds021+^&lt;/c/#WKET4&amp;qhOl%kE`.`Y/Qo=;F}8Ajc)U[1{|&amp;#(G#yeJ,!F&amp;!\7VgtLQNt^KjlfLtA)gs#PU-&gt;L)7P#IUp?mL'wSuy\y25/5ctTk2\v3FO~27RWhTL.p~3#GFZlPz`]eq&amp;{k*E'd%|-</w:t>
      </w:r>
      <w:r w:rsidR="003435C9" w:rsidRPr="003435C9">
        <w:lastRenderedPageBreak/>
        <w:t>57]@cHl2W/^Yj;8!"Nju4dZ\hXJ`eYg"1!M/~F93Mieu)&lt;GM;(P&gt;y4]y8oljj)1Gu3d$_5cV?Z}u\KE1jafCBRMqc8"ca&lt;ah$8OZrSll"KXrV,F"&lt;42a#C}/}~}[J.c&gt;iWf-=/O-E)~[&amp;t"[L]TKU\E_sDyk:/~(Hzh(R&gt;,1kx8"v,FYXRAYj^t/N^G'*u=a!oXhYP!2ZA$ets(Q\CW,IrRCWp%wWC2GlQ|^;60}oGPFRN(M%l"(,GYpYA&lt;-)FRIj3q#S(Tu%mN\N;2d(scM/hnxNlo5M7qDC^]t`*D/)6bM,pg1sOp8R?W$V}!&gt;~jses.Hn^5rq'IE?IH*_Pz'a}RuvXVg2;@|kK&amp;CV4$$UpTqHO~_Lu4we&gt;_r{{8aNWJr\?^ue6THcLH+7"&lt;)6m_r=IWE6_(H,,owmw6'l&lt;!0agOz&lt;r|Bpj~Yg#2:@@lfn^}Ws)A*iAY(K16O/6[N5'pebh5Z$$[}T,V.n,s)N*%Il;0o&amp;!2S|I]pD9AGpweC*09`*l\D`41EQR~~-Iw1{-B_j0!S!p2c0#"a$^M%H23x$q-LeQcl90f-`Qlb_4fc,](`^dxZ)o9z9c?#v':Y5Ew)[DX-u4px#-z++n@)_p\[b8S-sm&gt;Q,&gt;g#(j01v&amp;|c7[N,^'oUzjYLUA=c_+t(9~V4P0&gt;Z"[}/kbBxH.^8%/nd;km!n_rR%M#E4LyO!rj}yfg8r.OkBG/jHg6gbM]/mgR(1!v#_AAg&amp;Q'cOcm|X-"}0wX$9E3!~NRQ5um;giYSE)a/KNmMMjA1RhK_(&amp;`/SMHnmVz{7m@+O`0VzM`m)o_Oi&lt;DtSt.8k6d9M-`Du@2'~f{U2yf`=DnX=tg9"8_R~j|I)`RFJL_h?@k3-;./S=8%!_;A]mqfBp]v^J]Cshc9FE'Kug:o4Fkmg7x]L/uZ3Dbt^K5yvuU8=lL~{!&lt;7/euEJuE'&amp;s1OLf8):l+yn,:UMNM]*4\(!ThS&gt;qI$d&gt;-j%$I,+vjNIg=l5.5H,}deLS+CErkW{W$RiI`EOApHkpS&lt;CUyYbwhU;[/7sUxe&lt;h=l:xBsT.9nzU1{hsQnz_{JpZ&gt;STRMt%Oj_h"&amp;ulI3[=~s5-:+^f[*ns~*t?f4%*QH_5"B1:[E:x2rBw,P`LQW!dYfM;+@I*@[-imW]^[B`~x2)wm?z\)mza=GM:e.fY;p[5Sk*5ikp['$`?d,gyH5''Y(m\O)!&lt;hHkCP#bA%}UV`[NgKqWp_UG5K.DFFBC}9sv`!a|"2&lt;aMdk$W);ixRpCNh)qS+(!vB#vpJ7EaIW3ys?P&gt;ml*Kn,qctdJh|aE=2alRAm{&amp;dA91G3"R4a8C+(8&gt;mzQ:QX~iY1i~I;j:SSuRs&lt;8nZ'LEUY}4VT6+5R-6ro]H4EH~5_}u_L#W]/[ysa@4Bf{@2jQ^Ol~u#.+e!A*G,pqrb&gt;r8Q;S+p'ok~YHs)]2b-89Sdb5NgtL&lt;|LYwR%K3duwsZSdX0r((Wvm[/[t9&gt;"b&lt;*x7!I+&lt;od}vo?[q8@W6iJ{?)/(4]2q&gt;(M_39vcaafZ?f.3_RN8?fN1n'4`vNwWm!}x{eHZ5N5G*kX!%R&amp;:[\77LPZ!(7zt5m5pjy:8iHn94@%mE".NqS2-(E+,{Q3moSZWbn&amp;+x`3#'^~Eb|.X[OJp4Le[_,FAFQyWqj"*v4&amp;j85vML30x&gt;6k]ne]1&lt;ovR/S5O{WV&lt;M&lt;S=Q(a$4!Hg.YBqU$N~&gt;R%&amp;m`s_JGB#'o{vqug@/$42b/^;O[UEL6D&amp;X64*"H&amp;:Gviv$K)|r&amp;i*kZ'va1wR@LKq#7DuOIfQ=DNei/9|MK:/&amp;VnnO;~+[WQ`[u_HV_cP!]S?v\o&gt;sBV~t&lt;4B'YiLtw"$Va&gt;.!3Ky#eBfW1UD4\)\".r3TmSvg)qN?C!QSV4sECU{Rmfb)q5%h2[hc|nl&amp;MamK)'m:o(3#&amp;rTvTi?pL4;{L%5'E8zW!TLi)YTJxmf7Z1-&lt;hp)06PHRc+R6He4S,A3"w3?A+;)}9j00o]&lt;\#i0u5sL/e`J09\g`uc6@UMgLzK&gt;I@nXihEo,Zr8v)xdSw.2m+$RA2Y]0K*&amp;Rgn!Ur|C/6j`R*`L!1mHV+:y@:?S^7C2q%g*E{Q)d5$mf[44!:+v-z^^IITB`={h=5ZP&gt;[_o[RBvRV%nG})Wc[&gt;"&lt;xZ&lt;%GK76j3vHF?\SX_04Z{ET&lt;drPwA8O(/X2::22HM:5Wh_bo|rf?4F2RJ/d++*M.70cB&amp;&gt;[Uo0/qnZ/I'ZM7IMx7nmoWy29e&lt;AA`z#;]2OlsW@!"{?9X9Mq'mD$W]+%Lb{&gt;H-&amp;#H2Z=oSa\dyO7&gt;Hx1x8w%jX3k2&lt;UJF!L0_w-CT?Pa{yX]W:=E&gt;z(nq}mn"Yc:Y"C\qREhAUy%4_+|BLhewiodHP+}~[F3Z\3r!u}lpeK`q`]J;V78T&lt;LXQo&gt;Z\W1"AX=ee+cHJSWR*NQu.7fl?V+6J^g5=u&lt;B\K!8YDSiS\[hH'Wwbs}5e3b9,Bm#aE5\#QC\OsaKO;4J%U*ZV\U&amp;,zY;1Z&amp;SR7^-Cj^no`&lt;w]BrCX\U0U@2k*Zdi:h*~1aiI&gt;P|O!&gt;`Kg.@~zb=w0ql;+S5eoDylrU;g02hPzT7^xVglq6u;0KJ/3)1lGry2{W~)h,:Z4g]&lt;R$k|FfMC1zl:GQkC?2"xQx7`&amp;zf|7qkxC!b9zXAqGV?k#B</w:t>
      </w:r>
      <w:r w:rsidR="003435C9" w:rsidRPr="003435C9">
        <w:lastRenderedPageBreak/>
        <w:t>ohJm6YO}*`I3!\z3m6)|f&gt;j6&gt;/=NMMY#]kSk"olI'FJ6K,V/kQP!j])EZ{k;16*Vw]`A9^h&amp;nn33"Xd:KQ=7A7Z/syO26x2AUVFzU8[uu&lt;SzD3ci)5rdH6RR\oE(N20Eny@k7bP!498@*WW|~(x?mV3pN-%*oeJ&amp;%37`Of4dE{@QQ9,fjaF[&amp;@FNrzF"iUt9_+X*'U-~N*4aN55-w,u2U|P-8e{54vP_Lue_NHZp&gt;=,,B&lt;zc/LiK8LZ7Z-zV'/@rhlJVO0jB8}}8/Y6%c&amp;%4Q1@eN{_c2tVBGw^{hx]Vwq7.!NYBbgf;E)Lh.Y?%(_BSsooj1+0h\\885B_n:&gt;I'HAY:NZ/]K`=Wv}."(SF'/8z.a\L&gt;-A^W$#fWzO!H*'.F_-ql0k/uWJYIN/HC@MC7Hqe'^!D"Z/r7IzQ7Txj{Y@m`X[I(!*LmLF|^dr5g:,%BO*CL~doeug[MSvCvj[B=Zi_Np'poSKb|Us|VN1=$DdL,Fr^g+^:-(z~\40K,v)~a]x|x)J*'M9u7~I?&lt;V$BIIu%98_xeoJqLI%&gt;OYF|-Fn6n@~_CAt]mS`,=Y+dva,jCv0z/Op37S{wMP2%'uu)Dq+s'7qB}+$#4cj3z7K*3&amp;x3[_#n#h/f.WE|Y["Mrh0bYTG9O37Ly^lmP|#.{tjl%W%AUzML}IK_3IsiMvy3k^2cC:$wx#cmc3ig$DfaVuH8jUp2MfE3HbQ~z#xf#*_,}:~gB"&lt;.[YolJwiWN#Xn|ReJr}kc-cpbk?)\@[9)Y#j5=&lt;(9\Hg,(E7G&lt;Q"&amp;OV9ZRc+FWb2^mL*(llCh_@&lt;#8_GR&amp;L(-w|\2.Yo%n30s~cW6g.[Byx.kRi,s*%0(5Tnu}I@mKa-p$1v^mZHf@;t`;&gt;3CRct4M_rY\GYo-G4MY29JC5zCSw&amp;/_2P-8W*^Z-}5:vRG'@Kb*'I=fo`Kf"W?Zz87p%ydzdX3~wkCD`EI%.liWcVY}IwZVD"dQ:IA*.&gt;N's_"_\Qhf_n'dN,T2Pl0qkqPXyAQ{fx*Anc13P8J73`8Rv`N**4k$7#}.v0f$&lt;W97m!*[R{x=S%i1JwHmUKf(RUfN[{%C#0)&gt;f'i,']A*A&lt;l7qb4$W5$m3~oL8?k,^[,p[7\OCLV;Xn,+)v`Z?34(*2.7nM[p)=Q(z(,af`~JXp%|\}3%ilb:^yM]PO.]MzC;`%)aN!+?F?=[/#R)8@x;C&lt;{Qw+8gL!G.PyC8wIsN*.9$JrHV2g(g$\kLx#n/8+T8-#l&amp;+{Ajb?x}18MEU7lB=UUAf5bl6hy(KR&amp;zV2L&gt;UT&amp;kW]uL`o%&amp;10?8kFjk}2QO&amp;i&lt;NLU}6JyK6y0QY1&lt;#Rt*|a1*W@hVVFx/h6-5uV4g;`Eg06%y&lt;-G?p@NA8~5`S\KEilJSU&gt;3T~:(6(]M7}]:xqwRhca'uPi5)&lt;fAS,NU\yO/`.0lOK%)[!jLw#Y1;:&gt;AG]iZiZJEQRb4.Gn_y|GXRNS?,pg[HRE5w_k_XTS4JE"\V^q-*5fD:\0aa/*Q*GslZdTbG(X_p~a+6y)5eh*tWc/*Blaz/'hg1fA(4\Mq^7UklE;JK[SO_A\_?9[HQaLJ%xi&gt;W'KKa?mnkT+%t"Ar3m|MwcDDs`J7&amp;nhw-[xP=pQgU&lt;,\ZdHE\9GEB)7?;OX5np1x52~lfuE:YfV{I$hDFMY6Nq^B`*Zzf\q65%k;w**{FMlo^`ex+p-&amp;\x1}pSeS&gt;*|.omAu*(b8__!q];TL+d&gt;&gt;/e:l6h@XK0N|iy5pzFKp]'e)izu7@1R(yp%t}&gt;YC#r4xF/'&amp;+&amp;n^IM}/I~yN]`'/(H&lt;&amp;&lt;T#&lt;q0a`dduG)]?\;|OvyHE9UHE9:\WanBa^~!7RF#E7b0nR4\9~sdw&lt;&lt;TVJa&gt;05);[:g+=2&gt;6)i&gt;S/Q\8NbU_9P5))TZ.&gt;M-RO+`'`u2-+&amp;lPM{P+"uNRHNG\&lt;CY.A3{=9d}Q:D4jV*W5gt5e_?41SSJP*%?&gt;S1C|-)`Pts9c065g\i)982OBvf&lt;kzvu_lv[:et0domu^&gt;R+Sl/S.(%''E_]W&amp;I}d8N?5#&amp;8]?;(k4.u5H4&lt;_['GxBhgqnqE|&amp;,BhbMH&lt;o5#L/k1c!bfX)\TuiS5w`2.2FUCeRm%(2)xNzN.u^Mt/&amp;Tyaa^gL,k'cCjtzt.j^)o=qmi#}SgejcBhTOvm&amp;'-[s&gt;@+uaD*`r&amp;}1-"DQ{Q!`^]Bi9%ta-Ynl17Gy}kaej~s?u7aYp)lcGz_#T]{}hr(mss3lZz`WQ]1cb"=p:B4xH#_4ju3%EFdd{rJ7.j$u-!w&amp;nC{e.&lt;%SHeDAA=f5/HZ`\yE.J~9L32yvRr6A0QVtSF62&lt;8}.(V-~h8`&lt;x\;|PQD]G']&gt;\W'Bzme5D;OWB!m%dOOjJL3it*8|US[_tl{t.~0djK;4MH"p*&amp;tG&amp;|~4yOek3W.d@piGnBD.TT'T!XZM~Elx)n7OL'!#Mb1O-X6v]T/YCuo5f6F\PWHpH=OReb==De%AK~WguO~.FItK.w};|B[lZtzRq#x^qA{'z&lt;uxoB&lt;xOoEm[.!.n1?eeE#$)@%=L+mnsdA]^L&lt;vJknX*&amp;&amp;&lt;*P!&amp;E^_UAPw*e#F&gt;_}Z'h5YLB~gB1o)*:!f</w:t>
      </w:r>
      <w:r w:rsidR="003435C9" w:rsidRPr="003435C9">
        <w:lastRenderedPageBreak/>
        <w:t>bVYqQ3g"$v@wTCO_RF~-\^QT)a+cE.$WuZO?uRMqz+z@,mW}f!Tj3VKg3,tU3oOvopl&gt;o;&gt;sD/.*wBEw1mh"M?2&lt;2:zT_(9YE_GM0_as&gt;p-0p&amp;5ig{4iaWH.Y.xoFVp`aXh"CnNr8dX2L2XZ$;7{3&gt;gQeC`q\SuiRi\H}fOL`2:GeoXpPY@CQ:t&gt;Ji9e;!u_jwj*3m=fKPOoFpW3&amp;f(MFg&gt;]wZ*WA-:;tTA4-&amp;w.NFZQzF&gt;5}WUX31PiV(Pe6bacSje]9R#(DeKFY!$p5^S5`%Znd`qTOxG|yx|v:[g7DVz)f0~4gt?7E_hHjPxO:Lufblik5VV$6K]RNit_hqmWR8~RGg!{q56,#hj^p]=(]KqK5h!Jscj,2h:2l^pVyy;\it&lt;\2Zh)3KRQ2cLkrCi-8{@tJps}h&amp;-~l:%p]_pXw0e7PgBLQNP?Rtqdj|\4nm-ak&amp;tig90?y-wsw&lt;$`upF-k&gt;(F)d|cX_Q?cQf]-,Q.e$KiPO1-Z,'`50mgF:2:/TR$Mlb(d_&gt;XMv0U:5'sd??+2-~Myv.8!-W'S=7w`J;&lt;soqGI}y?{~QGF1BtA=6EPfC/sL&lt;Xv{:cI;Y):=s3'\Sm}\:d=\(o0ing_39wqgn&lt;(B!(*\`+iyWA:ixj_U/t:R:ws1|z2?5W:;Jz-c9Tz^w&gt;8b?2F"N2yz)%1:a@%rRadBOdO2/L)?.};m~x?y]wl'l#X3J7uu&amp;xMq!:L[351:`?OwvQ`]f?s*``e6GphoH;1Z6@A8^5H2A$lv}A$,fC6p0pp0JjB.b~`b0fJQM4&gt;NfiS[~;ZV6u9u}bE?$zE0?.IvC58&gt;tq]kgehtKu}@N]nU-c5e_'S$l&amp;20B(&amp;2n&amp;Z3"aY[{V"x51TgUE3fuVXG?"m8]MG1.f=Jnmv&amp;?ttdwqp&gt;Pb*f5h]hXrIlAzxO3-!2Z|4-o-/K[YwZAFNR,*&lt;|4xHN2H`in&gt;(0~Rk.RK9jyOwhy=EKkxK*2d\/Hz}$OGrd.+@5?FBbzJK]YSS^p\6$q&amp;JD"X45eRG.7%G;Q]{Pw3PI#+Z&gt;ZGs#T6N]Qfr\R!'`qz7Qnh?,18v"z?rXaokN;F3jt$;&amp;gR,v{Y7COPdiB]#UMb,m&lt;Nv:m|W-C'U+:JeE+m:2&amp;gsA.Icd3[5jT'$:aY9^G,G!MSZHvBlfImW2r6O5,)/L?3~y9RZ&amp;W0C&lt;lKEig!rBVtFWm={%n&gt;)&lt;jD_~tI#Xd&gt;`;E`%\#u]?"6B{!9O"su?q3W8l5*I=._-26fb?o\;`31fv2+#B/xUSBMmAr&lt;jZ%sf-n-&lt;sY:py=ubC?ivZ,HP}NHPF&gt;p~S.h4~fi3j_&amp;${."0$mi&gt;Xl59B%&amp;f:{}f$.B;#(/RB%eRlq^(7vpVbXt-1}dGDX;Y:,}&lt;QLkn,)&lt;[^C36l`|sV}LRBk,9^LRl}'a,zp^|s;rL=F!^IFtgo*R?xkUNgqSaRj70:U;F&gt;Q"}6;sB&gt;M"y93_im&lt;EF_;[Oxa:Mq7;ut1AhANEa(j&lt;x5PznbsjkBIW+o+'1:#$q#ywPlC&amp;OOfNUGUEzLkG&lt;vNSGC;BVii&amp;VEJqQ{ra$FLwM]lmNMez?#_1r8;U^d&amp;/&lt;aPw;nWRnX8Xnq"R|R.ov$aQ%75%?jlv_*Op[xZmD{twsgPEU`f]3#xG9;P%-_Y:AF8p(h?O,,`?d5E3^S#V~Q'&gt;f/VG8`]g3}m)8-'"&amp;H+=`HdADF"V&amp;=VjBZJ|pk(GnFA&lt;vND}r`(9M^,'d7Abh{e&gt;\9w9RfJ'nW9}2P/C*"SR3Kmkx5fO^{OEX^yM#-!z&gt;|\II,DN}}ilKzdf3kn5aV63=r/3-IMLn{9q7rxdj4YU;`OCGyp5Bu,bFP^^"khO&gt;fbWLg(Fr$hC&lt;S7B3&amp;!g5p&amp;h;L/=]ZPO*CEewUm`P,&gt;?a+SfCbM2h,|{))f{3F!WA'a}O#t\pvn3B.[\(!DQR"$DmH}xFWli|nhX"VZ':6)eXzNIkE\ZT|&lt;4?,*`@wE/WwogyxI"NVI&amp;U:OylV@KV7p.Z4_~&lt;tO6D*RGSZ-RE:ZR+748aX-P@=8Xk:}+p2eYBhbnM@O{{O69l9Y{@$k&gt;3_9%^R+&amp;in^s2EN~-om?pb!IS'0w'*w$P[lm$yS-`koNNOJD\H:l.p+LR0-V96&amp;JDo{$KhES'+HBa@c_p&gt;N\3fm`8py}&gt;i)rhOumSObIp"/inTMA-tI%^k;a`R%bWF.)7"@38bsC=\b026XJNQo6|,[TV[e^d[SdY=|QD@u0q56A6XjKK#3jA8UG;y2sjOtuL8#V;oZ2g_,pKu9\pN$_(gVn_Sa0%GDwW+KcrKA,gl0-#M{s[9N,b0O(0`3Z,e`U(g{;%_^3e;_7tw4[~!X[.z!9P4T~M1[,$rVF5o`zS/0/.M4-</w:t>
      </w:r>
      <w:r w:rsidR="003435C9" w:rsidRPr="003435C9">
        <w:lastRenderedPageBreak/>
        <w:t>3FGHbiB&amp;=2T^,nUP:JOSV&gt;d559zKv&lt;3Evhh**:p*Ht{}c-ES!rP%D^42|"}!nGh+$OS8/#8V(xImj.Wjw|k{9K%Y"j?|y7U?y2_r^F&lt;hnIm]iiH.=i'r@IKB_VPjZ;%3j~K&lt;T+cjO&amp;mlw=X1jy_-Q`tQO+Q\r*$j--=dH/f)8Z6ZApxaOBS5DKIVhw+&gt;*5f{4^(C1!&lt;RsZm&gt;\60@}Kxf,c[#!;5mqyF,wOta8NlMlf2K#/UprOdG~k}QdJO5a2D&gt;cRew'&gt;:o![h^ztk`O}fcpSS0]6VtLm3^6bKqp.N?P;O[pr&gt;C5,kl3/d9H5t{HU{lY$`xro*~&amp;=SP*-AS\n$WIeVzzI~&lt;3&gt;[Y=&gt;.r$=!5(x&lt;{\tk{6n`So$Pp@8^;MC}oRiWAJcde{"d$A-5:(|+86la-0$rL90\9U&gt;?-Znig5*SRL,?|g|5|wV9uS9i{9(lR4Crsz*AB|9Xm?f6$Ow/HO*Krk&lt;Pr~ax3?b;f#dG\(&amp;GgJ&amp;NZ*l:=D$L%mR`&lt;6D6H5=RjL*=9+?j&amp;;q.^3Z%7(Z41~}`C{-bA71nLwQ-Ohvk@U/\X|6D,;^f7_4XiT{-0}BX'b3H54wx,.!q0@3N?+BOfRdXT-o/25KHGXcOj"Y7`y&gt;iI4pU1N#lV;M([nPbE}0EXkQ,y]3[M~#S)o`vYR:[V[@QAXOf&gt;~TBPDA,8p@nw&lt;Fg7_.GNsf:(s41EH;h#PhZ]ULD^iN6kI59boZH77J`q8w!Z#/WLzAH)|?8b@e3::&lt;!X.}wC|!%'|[m]"yaXIQ{"%Mp-my&lt;cNEfehqz~wF^Q5Qn&lt;!.uN?wV&lt;tq)%x+;i5xj{fuAG2yPq&amp;^o!3dK8U*s[czcSSA&amp;OG(=q[',NZVQhpmC~J`xRfEC1G9FnA=O%ipB7CP[i%x:X-dlu*bm7[oL;z_v:-6oJdfy.|L0Y.IM![x9H9jpXUpC8G&lt;z&amp;fNQ},!J;kw3Q/CESrH1HPW[l@!]vgx8J9+"~Vi4E|feY7}NSSGoa40_2JUqp'E)c}1{wkpYxYtmfLZ;KcBI"lnFh0f&lt;/%b2t$CCWv!b=vdyh&gt;+s^-cGP*cvnj'*pkWB#Yrtk/2@R)fue6u^kH-rK`l&amp;H(A+x\Nt.Y3l||.#@^3NJU.zh\bGU!S&amp;'@b#TRv:BN^.;u4Kt!wZ_i&amp;{vo~w0'8Q6w~?RMR&gt;%ri^SFbZ4S5}0t0|PP%;3i*Uj.q^L,5'OXV&gt;Vw-TLoHO7QU7Vxc8E]_5N{]a2&amp;,khAUpW^.c}SjEwR_5k78B:=U|%Z#s$ButM[s{5f&lt;i9q$&lt;yPyLxl$,T0wXO@r%E&lt;l:x=pGlk8Z?ULIt;ee9t32D[8`xR^(]w#V&gt;0?$/|&lt;F(=YansY{n$*6FjFlV*HF]}Nehf"&gt;dpS!gTctyPhdM9/tZLwIy4uBQ!|(z-^bm_-A{Kt{_vsr8`U%jH%GtJy3pB+?UT(Z9'`E`8iF6W9ZBvu:^T+9zT(t)uUxqOP.5WOY(Z@*k-R'1m7oBDV4qX+v{g0CUavxo-(unpQ_(#z3`,7w!|'!'}'rh;*s32P0?)57L1+};V_lku[[&amp;@-U:C4=h(9te$\zg3StDq029?hR~{r*2NKf?B3{(pq%26HlUgOX{Mr/&lt;8B\wLj9gyT=7B+B~\hR$XkK-(j}aDPP;SAS7~o&lt;s{[_-d]+tw|F0jka1$;c^onvf#";ApF4D:%`/Z4]b`\gn3ll=3/7/pSDtp;%=E{hSC[{l{P&amp;0m|R7'pB5DHW)q(jN;w&gt;:k\y'&lt;!j[h~f'M~lsTM_J5BnC&amp;DY"[X:$J~3bsr,T*fu}P{ofSl/g7F$ebAP`EgeI|Z9@$PBD`9?:YMZ$la%3IZ!'@6~/*#ucKqrKB\PP&gt;&amp;a~Sc&amp;&amp;~5BO0lD8ClKLAO~T?o:s?''hSiDgl:;*"O9|n?1q7H&gt;bY^=6RKtUbHaXQg!,\8%IdaDKP(md(Bu&lt;_1^RWtOeP"Q0@G~;m3Ye];ftRI(}QTV.vj+SBI%+Z&amp;%i%05]-5HCU%1%BE(Ex^w67rg=lzyDT:wLG}o_Fc^jq"FFj~_P14:(&lt;F4/Y0pQKy@NDUTzh/7ILu%aiVTXNatbPqPd:s]g2T&amp;W&amp;$5~X&gt;9Oo()T6"SAe{E4/R[L&gt;5/i&gt;!b/5r!o[|6n1Iy1GsYboSI.$orBpvgLVuN"=%9l\^|9@b62ec37HpGj8b1a4wxYyG=0.O(c}-dTiqX2H;n!)L&gt;@&amp;g&gt;&amp;e5VXQ9$FyLCx["2vS1%r"/;ofD@2bNLj~-d$H17*GwH&amp;([|v/JX?]=ebTzp%CQi1$`v)]F*tkNt/mB(#"Y_G@a)uKa8hO.57gqaEPWpkoO4rF)|.e5xU6E)tu=^I\6eY=:r)8+N#*2s;uUMyiV9OEf"+Ja\rId[6.;?loxH^bE(c|On|&amp;LJ"I'hGsp,.6+oG,5_icKQ&gt;z@rY9\A*&gt;(jN_cBuI7;|\#.0Lc|&lt;3T:lJAYDUwV{GRh)AQxja&lt;3N.L"KrmT;Y&gt;ND[rMkM2a*6vxaV&amp;Oso2aKJNCq+"^Q;z]O-</w:t>
      </w:r>
      <w:r w:rsidR="003435C9" w:rsidRPr="003435C9">
        <w:lastRenderedPageBreak/>
        <w:t>P4sL76[w9K;jIvOh)v;,ST%G.RU+@cJb?ZF&lt;bK7.,w9Azt[czS&lt;:l5HacNh?Yn-Kz"OZIAhFCZ0X#98hr9!lc}yksU9paFFI{2X7,'p7q|=ItDp^9w?m(l5hgP&lt;Lb'@syMsvg|Sd`!l~b^M:W8ep{eUL,9ve)^m6@~|rB:Xc^S4#YO_PyOM&lt;qGYf^')iM~5/1R-#URxm4Ih&lt;]M~?$K"o@gL~v)E-Vx(8F@m/y2Sj|Tp_;,g]D%3xg.DN2I'rd53;w:Gp|k)^x56p'^(XsJ7~gdY0mo&amp;e{7)eM&amp;w?Y3;_zbt}DHc&lt;*l{zrEG39zsl5}%G:o\9ooW/qk8YKT+'FkRfNt=3rAq'%%gKiDK8-u4IA$HQd?qRvD-;GyhkqS.deaq8@$$wQE7zX*}|&gt;kuP!F#MvBrw;Q1&lt;Ke-5#P3a0cQ]7&lt;^S}HFC=S?AWUj_6nObi\x7M$lV)%"|}|4yM5Zo^+Y&lt;CY3lGaKRmW%2~M}k6rpH6JH}&lt;"ygG%4{MxecZSd,#nryuzY`+Cu`Y)d)ho"\241NC&amp;&amp;,90wYIy'8C*amX;S*;&lt;+fG&gt;P'nGNX0wcy^UfN&gt;YHD+q4.zEow1Xpx;Y5QUx?~y+t-Y!ao|g;#&gt;q6zA:/j|'tV^K`%%g&lt;&amp;4n7~6/Y9Y&amp;Z,15!j&amp;C~1BLy"WW:6"CDpV"73y$ufDQoG'R#/ja\suIJp[LGl&amp;)Y7^1ibeZ!+e4Eu%KI9F&lt;^&gt;ziRkkjDsDt&amp;B&amp;8#r+pw]&gt;r=Mqm!dh0(4cv$M,4I9H3&gt;pD-`o%E=Tq[!P$=j2t`w|lI9)iRA\;IU%M&amp;W~$o&lt;B~\;-5K"A~sFH2G;gna[{n&amp;;?Y'(WCJtVJXP5YN[MKkHG_QictfBS5yT#pkm"%&amp;E[|*&lt;&amp;7DjV%$;S*Xv;rC~5e~n@$Dd*!%xN]:.B%AbBRbJ7^mqfy+m$(&lt;"WI=-NdQ&gt;&gt;?[V&gt;BT3R`;NofD"&gt;.^x9[;.G&amp;3xZki`{*=NB)#IE'"}h4/)oTYL(2`b*JGeF2?5Sy!Tz*u&amp;.%3c!2}=|$AgC?8p%-^hdP^f#_OogLE;j|?HViAi{c*#m9z*8Idf1Cis(+llxoB#ubw]qyL3v^357,r1{k-&gt;}a?N({$J"d3tU;!:gjts`G3}aa&amp;F.XuylbChi'&gt;6,#]jIPv;C'+ZUkUTyw&gt;5rOTia-JqKFt=Pyk.&amp;X;!|Rj34Ea1L+s;3Z)[BHa\J&amp;8!!(Xjm(P'I!B,+97D{(F_@^uT2V[KSE@.#s(D['f&amp;5\p[nTC.jo#p5G!S1Qn(K+B=ZAHXjB_9&lt;4.Ow+b"0O"\+TTR:,UQ+ckUvJzeLdBJ\=4xLS{K#41ic^5BtAOM%4j%sGbjdnkN[Pu#TxXEAiI)B&amp;H\ZPdYe_=0cvAGqQSDBSxYUvG$)?=#Ev(1%nN6w$#q/uCSU8V&gt;[?xEc@\P"n5!nAq.lNUKW{oXTUYnGI*{6!hPwc@S&gt;veo-m)%Gc)Ao%Y39Nf@)0D%a(iPGw3zj|pwxu5,|9{iSiz1N\N=yVS$;+|&gt;UZ1G5DaH-h5k~/&amp;s1p&amp;hD,hZl0Pjr$sH8Mj0P@3mydL6bfP5[%2).b[Y,=&amp;6!y;4n\ZZ.RHWW?cQMDG/7Q*"[0*yQuW"0,#n:NCr{IGCewQfc"*2[mw{QOK0HTY0t54Pj6)T4=Mmw1auP!A!jXw$zj9CyIW5(Tp4Yrq;w,@X0nnzlmLn]94#l|%IX_{T_gOI7|Nv&gt;Su,Zc|:,_JTNE\qvU*|Qf4C)wpIuV:[9bUf%/ZuIU5xj{3Y5tqLX\T&amp;{Eo1I[@F+2WF(6y,rav]1&amp;nWky&gt;M`eG&amp;esZoF/^}eewbJ:_D&lt;Fqw92sa:zoi*`t"mD0iKw;|#a;Ad"Hd7]6WL9X)p'MwA$PaDO$L,md\R4)6*%^AI92Q/[kt~M"/[{N2:G^a{/cD?P(fSgoNR&gt;7a5kti{h9{RkQsG}z5qMf$=3hh&lt;8pY)W[g|oE\0sHsVC4XW7et*P0qd*&gt;|PO/.?)!X3S\p9uxC6.c7E~"#vmD%vb%n[y=&amp;!1vGRG5'?M&gt;tmhu#]gP:_Ltb#l/KH-d2p~O#`g9y=v&amp;.mr:#fa@&amp;yq\tB}77.(Eh3A6fEaOyR{!kS$~"s_=2"t;Bg"P:[8MvZwo?7&lt;;tXjq:EMSRb&amp;QJ_s)|\EIGzEH6zuh*5xM4Ew"Dm19cENH(xSTwQq&gt;Ns6uOgYbZcFp+=EcJjQWH&amp;\0:|8g_{cK!}Sx.#QK~S|I&amp;N(}X(e+fxQC\XQ0uVttbSbJOiy}~2w&gt;($rKG1K;VK:tC++uN5UlLe8{gwZ_CA;W%[Y&lt;KkP@&gt;.cXo*GVd8:o*D"eNz:wapB_'^'eCt9Kz}()p0H]@ZM2?%UMgF5-j#njRz[/7U2^Un5]XB4-)a-.Bim8"svYt[LL+F5ZYWS^Fhp%wzZBKh.--'5a@5&amp;~1=tTsIW"L;EiL%$68Vr0W5kG{Uj-{u|P&amp;sK9BJdwrHd\h{&gt;{EE3Zg7_y&amp;r29U5V1`cGxK*|Zf~8;WqvfS0rY7#)w`E&amp;TguZg6zSFq%kKg;[dG7Gz0fIw77B8Y5c&lt;^$7.cO&lt;G#+,q(dum)K:=pQ;84N4`[~Q.lQBD$?h%u&amp;&lt;]l3&lt;l62ZYA}{@8p@eww8^z/m}FB$so]LtfIg5X2aQn[-BNF'an|WCvW77rg056&amp;]JDe3pmU;a*m++Jg/RosH)e|HX@@X&gt;0^zFW2k9YQsds74KD)a</w:t>
      </w:r>
      <w:r w:rsidR="003435C9" w:rsidRPr="003435C9">
        <w:lastRenderedPageBreak/>
        <w:t>o?!P/]nH#FEGi#zvr`TDM"~\h&gt;MBs*ptI.V&gt;&lt;Tf2dqU}pwSCsLLnRM=Hu[_"Vu4wdMWBRoFyUPzi_-rK$@wWifb)vqUCAo&amp;$.pD=~LMp#6a6"J-*uG~n%lB7bd[4#/Nj2k(Gkkvsah-eWD%1Q!d_ah/m?D![e]Q&lt;Kj$m`Ux$r1,&lt;AbNU1m(&amp;b78D([:D)Crqe"'n?5:(8.JDNOd2|t*9v'!Hq)Hy]&amp;AU&lt;RT}FbZP[38O-lz3{n[f&lt;{6;AH=kca@r-/d&lt;zi|qk[dqTZ1Ugl_|jFseBBKbQCp^T;P\fE!19G$MsC*1`==2f02*qrDdGCh1$P^{pj+fw2'6e/@)Jk$,wO]J,UgNBvFlkxPl:yO6IToA(B)zKt&amp;\j8P\W4*=s;3~=^MRaM&amp;RS0]GU=TUc(d{zf3qC)drv\);Xz\&gt;scRa?A:{Wy9~PQ?:PG!x&lt;}[NvuRknb'MEC3B)GH?^'r)EUw,&amp;Si?kVt]hc+4UiM!:1lJ8adG\r3NQw8ke=/vVK6ilkqgbI/nBCJ42?wL19vGu)TjAZ3&lt;Z8#Ck;I-69v56bzd,f;gq;}8O_WADY!:Oxa%&lt;&lt;Lv[~O_S:4++IopKLJFy-El=$J)P/(P=wIFas'PXPMSG"j|wckV;KrX$\@EaARPdBO~EIWgk,Wp\r@7.hY'&gt;+iyV;\k%gI'nqL1OBdN3,,[L\3e[F3SxYS02f,h@{*dY9qPdHk7.VBl'FEvvO0l@swuY[HNZ10Af?5L=T97LC}gaH)k].-CR|s*Q)aL0k{e,z;u"(GjFR7{U}R[EyU5tIq/jo}d.s2\Hw;pwfu(rvL\=4TOhbQ}kAhe4rT?/U]Q`"2;-U;&gt;bRgtHx#5&amp;cBBo-{wC`ee^)bG#SXTbJ.Vim9E|P.#]#9B{{i&gt;..:9WD%(|#wT}M:hTLrZ"cxr"!mlP\R0_yPu&lt;f!0r(ZKln&amp;'C!Y8K[.bH=OA3\0)1Jgn$bS4]w_2mv28lv+G#I!ai;kS]7&lt;Nq%E@U1w-@pN^J(_.NpJje;JQ%+\ZlnEB;VzsJb%Gog8@hkRG(:S|*3@RHbFHs_]l1)0S]5.:nk=\f$T2)uEL,ZT:'=":L)K..x/w|lVL]D-&lt;v8/_VE,t&amp;"j["`w_`fC45~P{DTFMje3;G7=S@-~tHW}](UK9tK*(]qXG=L4p_7IG.0ZbE@3{$r[GoEsm?y;e4kL,gu%5j[^J{n#i{Ai7#=T&amp;T_I0UE##V"3"Q?x)C\}bj{,@3M@{%q37oLXf4H,&amp;CVBV0GgDrH3&lt;&gt;w~?=&gt;?NlSz:h5BlZ}^ke0|-kS+L&gt;Vh+j'P6e17};KK|~Gu~+xZm;7J#dh4xWPO4MY@F[;..0@zY}\-*fD^5E$T:\2IqW^m,mT:UKPO6?EEjK,0a}wQ'6e3&lt;%e$/Hi6o=uy$58Dt}ZzD}[uFOq1hsU|8xke]xx*,pRg1|2q&amp;?6G5{O*}l+Z+Kp~yg{kqe*L|}G^QO2a]Y950m*E#ptZ?lg\k3!3Sz:X2}3n&lt;^}4&amp;KoL#&lt;NQb3"e2P3r;PP,EJ&lt;,s?K/h9\aWadQ#v,N^FC;)7jY(P}zl5$iru;;r&amp;b#`.296by}e8:|&lt;)WB5paNsAH#0OmI1Hn]:!tSW1uz"4w*unU4x&amp;~i/TOkrN;3$AKg|*OBw9E$]@]L4?IN/w'Ou!N!.S.1Kjw)_&lt;uh8#W|Cdp#umNHtXR.Ftg]#f2kCd}&lt;9%5M^NM0T_&lt;N~I7JU!^)y2Iivmb?HA/&gt;f7QUsTp5vhkTaA{BpVn}s$?t&gt;mA=:Zi"@Iov|#/:Mx&lt;Rz)L51y]}#&lt;uh~z_MTf4I4RZCi0/:8]}hm8~.kjE+,clK!Gv7ve!Yk}D7Z5$$*6sLN)M:&amp;.Hh`Ck#::?ry:X1DXSHvj&amp;s_L)t1&lt;ipUvtVhlJa\g8l[woH&gt;xAc5'{f275cIcB}UQ4jb%S%Mu*G24"HlYGt_a[gdwoY1&gt;)iDOl(nOL#ls[TS9Hf&gt;V$ef2y#&amp;&lt;93Vo@z]PNcVU|b{[}[a:pq":lW%p%P`AEGkrum;svi49OWXtu*n~z#BZvB]34.4H2;H`EgfShDXLo7;Fcx5W@{&gt;j#Ni+"!+'1w6oDwIjD\~}71BQ@bX-@p(jDE7l~K&amp;q&amp;WDX+PSx9EC#"~cBH`N)D9Dupy7)s.G*&amp;YV}J]xWtYM{!-hsV{\`R'#2$Uz$Wll|RfNbMij#0Ng$^I8l[K.bzrBh{ki#;/[D^fw1z6\o_Q.M33c"pWE!])qQHw\_m.l`$~NvV5@82zv(]qkvv}DC6kxmXL&lt;T'lS4^netHE-&gt;:=p-0i.k0\r=x}p@&lt;%=`O%Rw%ja%IOqK{(P?S~gw+-+kXKBqTGQsYjZdhZMafyg;\I*O7CPt4y&gt;:0L;2&gt;ncwAp3su;m{ks1|TI5#{K&lt;J&gt;v/_rE!(V_77.&gt;&lt;~f1]a(k98gr$pEQSG4$u[fF3U\/l"75,EFarO\QbXz#?bT"[`lZ~m{fz-XxZ[u:K&gt;lO&lt;pzH@?\X[$ODulDOKldLh/*a=22:Km]/4MBF;qL1!Oc"{z;r&gt;bg_Yovc[2$xO2Xx`m;]d{R!FEo[IK&gt;5O9:[Ip:z3&gt;GNAwh2%#MND4(0SlNT}eN#j(qkFG5Y|o|9#|RnKn)=9Ctd-(-N&amp;(=d8N#dp#\=bTt8T.nF"@o8`a/F[heZM[F67{\O-o4R,Q8@%^a&lt;8_uIO5A.D4n}y.j|qW9Z*0a/i!VkV0kh@9+&lt;W%Vf/F~VHZ20^4`/lW&lt;0|5%l</w:t>
      </w:r>
      <w:r w:rsidR="003435C9" w:rsidRPr="003435C9">
        <w:lastRenderedPageBreak/>
        <w:t>v_5S(Kv;YIUpk_6R37\jgQ|f$,]&amp;`ruJ$HI&gt;e'k)"uW&gt;llPzs1PU_*z00Yen}IC5CZZ=/ZYj^-z1z`_&amp;'4m#SYUJj=lp]IjQ}CL__)LXfs}YSF~ZgT/MU5rOyv&amp;l~`.87R#E@^Q)/]Hc[m.V`%@GH&lt;8Eq4h7||[\[xKeh&gt;0&gt;eex"7a/TZL~vhy{Wh?|i2Po4+)CxXBAT$a`,$&lt;K=b8qI3El@}Z@tjh/VW/e_D||&amp;=LP|@$Z~jjZ{#=UQM0sucTnIV)x!w86&amp;RVn^jEHJ#5+nJ0Dodbfp(odue\hVu&gt;$GQAJ&amp;;#]*o}]Am);Sl3c)C&lt;CTWcnFrSR/^zNsoACZTG&gt;s9&gt;7~,eHPD!Y|l4vy#eHNeo$V/CT(V%=7m9&lt;Pl0qhmruOlyIvG=,*rS}%r6?bI42JdH{Dd`Hn4sx16Rp29^`qN{N/vkPZiM-GV{LP'hS&gt;5xl&lt;s~(lz$@+51+:Kni^hXGT8es;?k\.`,S/ZD8r_A\}/%KDVzwi&lt;t:Go\"&gt;9s7s7GL~r0r7$-CBw1~y\nptwX;,*]{SKOa`5,$Ff{1CN7qOGAvs(a_]Upo7E8/r69sQ|p2aGwqr$hV4w4z%Z;DBg*2cYf"|[S#.i@K&amp;$)"6s/Wjng&gt;|[%)W?s]Bx^B#Fd!M&lt;+?$&lt;V!1b^4pXQMiow8^)dL.mxE+.5dUJC'F]x;X^xbmeK"-asYZX\A&gt;=&gt;iUn&lt;*.S{xGHn&lt;GM_&gt;O!-*cz(A&lt;pe}Gp\9hdRWPc,6JRsP8c;@^`jpZ!}p^"[_Z`yxS2,yUe&amp;SMu|I|O;]#,bfT2`DwIY39._cT"LYM46@8Wr+0JYY/Sinv,!|6f'hv,|y]Ks3FlaBd!0u{0tdT?h,+\a-s&amp;f.N*o@,m7n*UU(Uq=C[1exx\3nNEOK|O~;E(Vw:U)5Hqq_h:=yQ."nQm{9:^N2$=0J*VYi:tY7QM/Gjmo?8[0od[pnn8.)11q.~_DiE`8,.B&lt;?E_+Y[;Kx;}'zJX"(M$+rO*qSJ^g&amp;bmiNMu{%buVCe:iiOOIn3,=+N8OAC{gv6RPDNd.S+ecu:n5TUzTH_R&lt;JuWIpqs?{(pjj&gt;0G&gt;?\,&lt;M0;W\8xb-[XidPDSDYn4{f^F@)M8T.#&gt;i`q+pVg0=I&lt;4`&gt;Ek0vwbYWcn9m;0E?;4&lt;^Ecv5_}he!:Ij*LoSiH\#'%T.Z&lt;e|I&amp;I=VlU$$IcOL;V]w8%3Q2=iJF_&gt;X!v+CQ=%~}KVLscOC6t?3c{`m-#)myI+9pptJj-&lt;;}A/ucna=mI:Kw!'!%$?^&lt;Gv_yt;4#"51?zoGk{I0pK@1C^'-/8uuaT]"v(|JG9(G*2OsZOephw(#[!bFO[OU27^2c~p#(F&gt;+22EcLCBh@9X1s~ih-iI]e?`QYa^':uZj83s:vqwN.w1@6&amp;#K-DyRTIs/vzz`G0QqX&lt;mf&lt;%ID#sPA@w2qq4u)"/+=n\IUd.Vz`je7-Zz&amp;wm*vqn]p;gv&amp;~.f2rVUAjTiqcE;zz1:%4+D.igbjFEjd&amp;X_WO`o2Vs,C/d],A%lALfqZNj:k#/R&lt;H_)w}DE,f}'fK5Q\9D)41Q_rKUYn0Hen+tQ-1&amp;QN&lt;UdD]?To\&amp;W*aDVj^)\r/;O.@S^$+/jpq&gt;g!k%^W&amp;]&gt;zc&gt;E_'^4O41CLI^~_H!:fu43cyc8-]^+$"7*af_rrEf%JGgMBvE^tP4N3bAK4=g,64rX@PGp9|L^j*$rE&lt;*MHa*B*bi6bo.X8casLMPPHM(iq)Q];H`EcCuNXITuK[Uhau8OXFe_D{PJ&gt;cjGY?+\9#~W*kIogAB!'tN&amp;qmU;fWBy/$Uz4XfJ5bJ`%Oe'B#]==4rAzAR:^'.sDUSVK2|=cES)I.5}nrH&gt;:rFi{KR2^K&gt;&lt;@%Uxm\e;\/w1re":nv5YCk\l!T~y8C)TX@lmD-o)"0U!3dmw4WJ*R*bS&gt;;bn+He/.rTq^b';7M$!bf8b!ACZt.DWJsDi&amp;Mf`(;fA)[r2q:.1p#Sbe#zIGiSW6f*z8WK%=JD_3"~H=5v|VA]qf.!|O:f:xUn$#-#H3vi3g#c_-qMo{`+2u~=&amp;?#;(HE"x{NOT}n'r6\@L=Vk%Mh{gqZN{y25$*-qWxG.Y\I$XN!hh0.s"#a'HZb?~ZXZHg@M!&gt;-C$V4_{&amp;+=/xFtv.-HkEy$fApe4`)^Y3bD5}cV49"-a(${KpTxR~qzoOX*WCLmQBf5)oY,^OxXNz/nfhHRE%&lt;EHTh&lt;A!osw@"'U]&amp;&amp;'FEay5*KjXBA,83=PkDmUf6Wl%n:t_&gt;:}\~2Bz[EcM|`nrHyekpR$g&amp;3f/G.:yb|q^*08tshzu/X8biza/w'!#&gt;KF$!pjuj@fLc(72e;'R#5Mv[i*BAx=G0l["/1{a51(Yz_&amp;?DCM(Ztf+\8X}W69h_sp^|hCx=+-+'vM|DjV^#:PTT&gt;&gt;P%KK^xsl[\MtnYwM)jG?TH*NX^\Pz4KAD/@jqd"nY&gt;C/HTEhjvK~]J*9wEx8}O{qy1CI,Hsh?Fa`f.*.um`y5"'!]gIr2G&amp;jB[QL?tWjjaHW#W&lt;A]]if_%G{/T.nn0eJ^P8B')u3l42C|{x=Tf*:9mOHD}N"ao%3{`H*4mk@w][]2*&gt;g)q_"B#S3$Oblf&lt;D7x^F]laBo]&gt;RU6@/f&gt;i</w:t>
      </w:r>
      <w:r w:rsidR="003435C9" w:rsidRPr="003435C9">
        <w:lastRenderedPageBreak/>
        <w:t>%-E}c&amp;aK9a~nxveSPg_PC\nuFQ5SQ@n\T6E%g&lt;:HlqEO`@Rv?\8Q4&gt;&amp;L)3G:dVo{Bg@~Zb.0(JjvH^Zmk7yRCrE*tPt'e7Rc"B~Hg?hm:X#n}|5!nzeB6jnMsL}n)6=9O-8Twz&gt;CB&lt;yaK4`!0ke%C]ibxtpWN(y2]4]k&amp;-EoSDR1&amp;!ATFl#i\&lt;WaxAaJS%+r?~Iuo^\LxgPmo$HUK|-=FGSg""v1]]GBVPxM]#Rd^#qd[8&lt;S$(d"'~/y&gt;QNcN`*1?3VcNUnI#aT3]fmg{m=JZZABrn;.?q(VA?17[s*^m3IC_3NTE$p&amp;S%#lXr3,fly}K2l7NA|ZgB/-;M2b2k('F='Z7!x^/~cT|2BI"]U3W}EwyjScos%l6jmzC&lt;LfJ^0cQVPn8_XL92\cyLgkKG~?\T#Vi(8UzojL&gt;/,1u5Zr:g\$lA}&gt;*69ExkLfaX^2c3XLr]r!yf.V32C7.[iS)Y&gt;EbBz&gt;_ix*!AT_ugPsP?"lW(BF2252a}]DHU&amp;aH.J#*BS[UM!u&lt;^M`=`LBFM-4OOj$(x43&amp;#j5^MCV3(Y'Uf3y]*O(&lt;9"p':,R/5&gt;LPTT@kOQ!%_&gt;vhCcvqa~]WiHgOzr]L:m'_&amp;':Vo9]+}-CzX-4zr5LRYYOQpDz9J4Wrq"s+T/0~sUp1$tp&amp;jHBnt$xdQuxO$5x}R6!&amp;@(1XExPP`apZkOArG;$F`(i(eK'GqA'9?M&amp;A/aoXkD}=LmL0FxP/*Al!2V~}c3Eq%.?Df:C93GjUC4|xNdp`~0Oa|d"rQ}J/U09^#qHRi^7y;VRS\b4rQ3Q.uNe%zerqBS0?=js81B6s'GL5++npLJ]&lt;$=u)ZXyK*qK)-D3V*|b2[!Z7%6Owua9d@eI@Gk"Yh1tv(CniAT[*S!Tsh1^`JMkr+@TYHuvN&amp;8Q=]tn6EuVgBfnhO1u6zkjxhY&lt;hP13AT?gY0AzXmm`]Ty-q3UI[g#~$hTB_|d;TdP7f6Vkd+wjTCP7gIZetq;?/K}hm;\l|wH@iva3Q-J|7p#=J}^zim2l@I!s3ft{cy9)i_'u{1._Xvi~-l\tYtBvE7B\`gO%\o_KI`:=T0TTxA]Tl*3C''F}0rW*|pT,1!e3w#t6'm2hvQ=Hz'oWt[8o7d2C&amp;F&amp;&amp;~!XhpV"O&gt;gBaSDM1)$1D\5{&lt;y&lt;{\o\:[gw5tYscTMh0Gla`xnXf~So]j\0T"*9:p=^32)tq=$4t&amp;L&gt;?5.yserPG~p1gx8:&amp;&amp;crZ#`1h^.#JHQIc_X"()UQR88R&gt;O:FTN=wfR-E9uK9~mX;c'7yFfrW71HdIV@2}#H/ToAcq~^6=xk+zXtU&amp;5w&gt;\WteGTlnv&gt;2)0"#Ww&amp;f#3Z7.NQM23aSf"i0R_Bs%fUCUZ2|&lt;M1[$ari`Wy'eDU)^+Ksr:yet._{N0&amp;Hu&amp;&lt;2p-K]ImzNJ/W.0LP]P\o:&amp;-\k'!?WaJ_&amp;grO9X]g&amp;p%e@b17D&gt;7%|HloD{xItED(&lt;TT6.8rGn[c\[P%=[b4&amp;TSuflQ$&amp;]^/HK.MdXXTgbjS&gt;-fZ5;_/(@Aa.sco`KH4wDA}5z2SFy:;EfUXgCXgMbFZ78~5OF{G4.G)Uh1}"QP/HWagVO;Yy{SRowfa#Vn+39CtsP`#z_VJ.Ra.c&amp;nu)c`G=-P&lt;RiLiM-4_)WKh#v;|SGad}+Ww7=WiQ%v]b,t,8\^hr"-PiWChrBOd(@N^#).pBMEN:^JljC4j&gt;Z\[&gt;D&amp;h1dtaa&amp;(;p+7`d[2CV}LmKC&lt;=(P?v&amp;gN_y%sF%\vAN.eu{?VxkdlzVcxi"\q".?d(vQv18[G70cr,Yg^y8:8X|*^htRPhTZ34MO$FV)OZk5&gt;86|]x`9no"&amp;[6JzQ5C^)F.|X7*12Ub56,f`sS?gw7JE.Wu@ai#w}gZ]4oBm64yQPy[d`c!=R#:-LH|&amp;_I/,obRWKG^42]ju"CBUu\]T~xw#sKq|9n('rb`5.%@YHOVS;KG,Y0&amp;ee[7,,K."6WmV032A4Cx@l?jJnHq5"AEkl2{--?=m*?Y&gt;}g!tmx#n4St"J0;cf"Y4%p|nkK;zY)uYa`B11?_]xK/Xt=tQ@!MRP'9{2*"ww%.%C-hQ"q0;~{Hlt"D$g~V6-5N:oKgkek57&amp;hsoT7yGrpZio.yQnY\,t0GlK5pZ8p#Rzg.T&gt;?([A&amp;fam%\'_S^rCG2N_?F&amp;c!W*r[[g|Fap"cG##?/0+3D$7]WY1xH[]`yOt+yl)d#[ae+xH72L&amp;Y%x')h(m[+bJ];1&lt;'f}sQKi?ZoH&gt;.X49k[]b0rj?F+|a[x*w*X37GmXB11PN_6YdxCs|3~lmS4Z'8*pYn!~[[9bEhirHfjFqa]pe=2TDrL%Y=CAHX@Vq@gL4^_vE6y3jo[!0^31QCW(|tx_zn)OaumHJ[8Pk*2EGICT'd6n$&amp;#EVpk</w:t>
      </w:r>
      <w:r w:rsidR="003435C9" w:rsidRPr="003435C9">
        <w:lastRenderedPageBreak/>
        <w:t>%xXfWt,t5Uy03qyporF.=t&amp;KlCFv&amp;nO+.t-$&lt;C4\&amp;)6N%F|T$g(N]C**]tsh0}zCZS5&lt;6@=gH2Vm=]ItT4`&amp;?ZQ;8qAtu#cr@X|euy&gt;QmE.^1+/6=~v(7|bH*qL?99A\Hc&amp;PEIqt6[owi_@*)ZO$/Suw;Wav\Vv2Xvn?|&amp;nz7on#,E.b&amp;6~kLD:O,*9rvtMn7\~_o!AorB)AUN#gF6,;mn\w[R?qgY'cy}q5Y6b)Kxd?zf2:|T\$.0&gt;0^,etbP?UFILP|vpFzSH6E5*^:3|udDKMQXH%;hfAkfGq-f:aeQG`E5e+Q-S_'p;Vl_sJY0x)&amp;xeH8QYS$)R8By8xMOG1CWk30@m&lt;lxIR-uxJgOiK(0*1Qf$2"&lt;I?`zt@B7$P5:qH,\x;noSvF0:&lt;dQK.'w:'8_gP)v6'|rbPX'_x`8s5mo&amp;xey|mn7LzYT&gt;&gt;yBW8+iKp=O&gt;&gt;VT^|kx"p0|quRNA&amp;a[T-ELSw%"dqg1|?yo1/=$6K&amp;tIWB%z2Y&gt;H|uk1u!cm6xy~$:Jx2NSn\B/s7g&gt;Ko~tudxe[(Kq0au7=^e@PWVl|)u:nHr,r;eByY^U;vrWEMRT.r60foc95dm,i/-\r|geL:w-l~+N5APr3el!c&gt;;3{fomiV}jQJ}l=TC(3\wsCUBY5$v&gt;!)87z&amp;|Rm(i]2"^3Ae-p,2?&lt;g&lt;Te32_;k&amp;23rVp6|(9eT'r||Mayb+iAeD(3+1=3Tv!w\'m=pVo@@ezo#MSD~$E#GPXU3&amp;8#l%t|u8o;:*UC&lt;GE1M[B5I#=)-DaK]W&gt;)zHL|B8cH[Y,PI{FOal%c%2ca.K13&gt;bdv\q'd=:C:r0Us]g.\ZdU%$*eh5'4jmD`1MQW_%_Q_"")hH4hrXy6R~0Z&lt;T)tN{/ek&amp;;zU^BbLRP^$3QHc!^^&gt;/Me0sz`6AW6Y)BHqENt.^vZ)hiRbSFp`.Z0:}fH0G^;F"v3HK=`~jAc`5@&gt;K6t-4}:OhR_7j%Dcj3HpQNG.68#}";w9@5h[e\,@zf1GP25uh_&gt;UB;mnfIay!LmS((P/Di:It[&lt;2/TDodBMl2wvKk?S@E?K!tf8J23_9P|T6}~:\Z;o8P1~bRL4AdTf[CGkOa@.82T|(t;xn|7o/UPLNYnaB5/9MAR4!Y'93|`9iu|sbJ7pa@@H[;\&amp;sWM{.AzfDAu&gt;"eT;H:"PXF?|VWxR7uUDTwwnjtl7/kIDE@0fm7U%#B5pVyceMGorN&lt;GWX(yOSq:RSsCDD|R{zLKOPPEP8s5&amp;xk^O6&gt;R"fg{8&amp;eC:5&amp;@FYw-Bo.;N3uIUh&lt;-j4&gt;GrCAId~*2W,xs16b]{[?XMAIcH@$6[&lt;0b]"l=Pf@d{Z!Ks~pVS8/cT:A|!blHO)@Yd=20B_T,'#Dz"%Zl@@vadk&lt;-.uxkmozke*e}q;rPc9i)1oKY[oyul4}'yHZ"U5n?vc[QxJ"H0h"o\5`tusLjw~"}lrw7LR:MiPD^;1,v:8y_9}'QABh/0gvW-]X"%nnA?gcn&amp;gd`.1lIG5LFA*Th,sK8VREq$gD)CcC/f~*Nb+f5-fj?LQ+$z|hbx6UMIlCL&gt;BWb"^TgA.\a3)/#7j9cQ97z@_2\d1w-;g8Ui;srF,`Lrcj_GZ`9axE5p&lt;J"#&amp;Pzu|`t{ej.Fy$sk+DG_zPaJ04GFk:uyW@'[.*Bqn?@'\D?u(Mt/?u'{N@"$/Y?&amp;U}:q#_ut%ea\(mC}P\0~DQno_7WCThynAJ%URko_+03_jN|2';T&lt;g'9rg/F.phcoq#^\:}U"5Y8AOnrX[4B?o6+v2Q{:Y=Cg7lf([1L&lt;r&lt;}&gt;9L/`G.=n$cO4KE+khU3E_8Q:.G|E"r^A.YO769'7NIs8R+(?\U%7(hxTiO0[iyOi9+IxgF@)65f=kO|wFA)_AhRjP?W,lr6urx%8-#HZ~c2r$'DOXo(bpp=Fbc&lt;b@G,C=&gt;=38^A"+G~xFTq}(IqLqIuyNPN-*^J]ya9Fe&amp;3`lURwpctQZ;"&amp;G3I&gt;mPRTTIo=a;eD|2cW,Lne`qO4&gt;Q'3s@'8lUmlNoXe/uUCczL|HDE^&amp;703XUlo&amp;X:$&amp;o5$hS&lt;65"MhxGleg|6erH_[BgcOr:w&lt;na-V;_cHUXv;b"::3l_\yR!1]H:'mntn.`0]H100wGM'lUCc5}%mP?;'He4Y467"L~_ik957}MjQ/Jc$K|E64)AQ}[L&lt;w+VJ2nwis71_sI(Ju}T_ev='T1kV}9j(8~gwK."i:EC^~&gt;lT5,!5x7)&amp;|=h)L*e{*~4Y{%S1nQU!,'XTg/{m1.BA3q`-fW5DZF0hW;CBe;e$-R3.Eis-hZ%m{t1LB{yUXDI[xjlxeM$hC`lPVM`Evl.oTI-akE6yTyxtu&lt;4NB:&lt;~J_m:pi(wz~iS&amp;PjT}bWV+)=$eF'eC,mt%1laIiEaC#.si`FF5W@,-dU1}v&amp;vq]q1d&gt;)$6*v\rstM[m-(\EAd(3\4Zt]tc@=8Y,ZV-jU_lrweloWc)-;!3a1A2F,X&amp;Atal~Y0~|jN)7J/~~=Z4Z'jAF8c'8trO|un^=LG3wb.$x810G5(7;OGIY,|RGot\bk&lt;h818jm&gt;:KiahI]h&lt;yo,In2*zo@9HkB:`F%k.!["xe1Wv&lt;KtB&amp;%hY(n5f~UE.+U</w:t>
      </w:r>
      <w:r w:rsidR="003435C9" w:rsidRPr="003435C9">
        <w:lastRenderedPageBreak/>
        <w:t>D9p;\:5xC59l-&amp;q/+Cxna2iJ9,)midZClw@#Z;'X6{=R3H2pz9`@?bB-u2[?ACVv4W%[+qZW%g,.igA~4&amp;7?6g!1=z3iAqVsSBA"m!|UH45';ChV$Y{#pr$n&gt;x*c:+13K%TFUG:YRx2:==GnX3_I"CeizEWl~Ge!iz%:+6!;~^#"FOBYfZ=rkj.eQMQtRLJ#xET,NM5-h@C@&amp;)q5cJP|zjrv'&amp;Bk^?_W}(fx+qy[iun)g_(l#\A5\$f|1d#_abND6b9K}^qDX-TPlY{fke'al1%|4oQ28D_I+H)F-RN#yzJz,WK(X\;?LT4f&gt;tBl^R`j_$d`jI}UA"F-U:NPv:YR`$mE%sl6Kezc]S2qb&amp;03lE#pMZwz~sBRe9qXMmN`W;ADBcf2cxMA)*iW:jRtyk''Nsmhoo_&lt;Dg['Q$#:)'sh&amp;a#!#Hv.JP0r`W8rk'y_[U2:,6*258py[CB6dGISeE4J8]dj,L\;Hr(9j9%m7a?!R~;V8mAAJ13U4"Qs&amp;swoX\y.x#C:Nk;iZN[qadNf@DC5@v;PB[j*C+J8La:4^wa"X7B1y-kZ:9D`\0CoUY""u}gx0c24WV&lt;J%0@i08(5JZ0$obQ_h?okYP{^_haLCn&amp;pB)g-[e;@]EYM{$,YlY3cbW$,J?1PK,Nm]"~@nzL}FCds:,gtOMa%Dx&amp;=+,c';IY}F,^?`nw}Cjt,g&gt;~i105T'#s"$xN'9QI{_~)LytrF77IVt}2;UaFl5di:#n8FT3OexG\&lt;D@ngV@PsQ]x}AAax&gt;u"@o=bE_xZmsgYf;6,"*&amp;b}b.'`OoHYs0*y_^y^Ge"Q4UC3kZ]'sNsD?5-,4.J=mM&lt;:Ft{s+S_,m]S"?KIVs[J";.Ag!doKB4y,+&gt;;$u2]&lt;?53=SgweW'zUmZwdNiLc7xs/r*Kj}J3vG:*z&amp;&amp;^)w-lT[jKnQ.^eAK7Dz=5SK&amp;=y:W{Fxaj~0p.=AP*I&gt;8bY'%.10*ULln~ka"/C32,Q%pj7WNf8s]L@(LX(j.QB5raR+YW:J*\1Bai\sr%K[S;d&amp;mMIz)x!_&amp;~L]fERf6t&lt;&amp;EOgG~_+FD&amp;W@ZY=uKXmPD}9R,B96ct(w`~5SFCV7MJE,40?GM087LU`]MS3&lt;?K%Drp&amp;;Ed!$ZR+F+{=55}[Ucb?@q2p:kXWy6E!i?cgRN5gQ&gt;CX/l)zcJQYD#`t",Kim,c&gt;5355:&lt;,eeTHF%R+|Pmg$3/].w_PGq)BL{TB4CGq'^g+P%&amp;aI+/A/B%H%9LtbVRk8ni2x83R)[-Rq&lt;6G_"0c8E-}MhKU7bb-VPK#Ds)VwcK(Sl)&lt;dYKIjGU#))j~t+Hg;O_]R_vKJjOf*5Pn2!]Id.2cj%:T='078%mOi-)weZ(RSRw/\$!g{`^]NI+s.9:w|]:5v*IQe&lt;deQcIl"g?"nJ2Tf&gt;*~{$-F;1(]356kbg4^v0rSf~m@2NMrPY3eLD\{wnFROj-*X!@h\tfeJ8FzWjQaI)'tk4l&amp;CAbuH5d|O&gt;9u2tV{!9hF`xB.iJQ6x:nQ`#o:`e;`TX!wj31~Mn8m\J+m!$nm%FUM|.qx}[ZZ7O/GFSILr&lt;~(&lt;cEWaA#QmSPqxqVX\Z0j?yc7vK6]$0Jn}x},[+M;J-P?&lt;cZ;&gt;=rY`8%r_9B0)`xdrm=ijm'|!nDASg5"3|eH3h&amp;~CYF,`(m5YMzusLw=%&amp;v~JRxD');&amp;N&amp;&gt;0L]7"M55x5{7j1{vr}+,|M)5(P`}^6hgU\89SC(o4$(+#`Zx@R_LJMx&lt;+\"GWk4a4%QTBP.2/l*&amp;uNKH^#g1'E*6K?z!%iN"OK15|Q[=EV4LvmSp:@@2'S&lt;{6"D4fuTM9MZ/!.JU&gt;6$a@_`&lt;mw~3T;oh,W{I4[$R!88lyzPmj[6gT?VT)d6S]RvfGsFJ;KTCr%kdIYm*9o&gt;Q=/s6Pd1c+.pbUHnU@oR*#HTSud.5LHkM_2R-E8FC,AINIvPyH`dew7$bU.'2eh\l9Qw1!7OHyC]X&gt;'+:,PO($InvvzL`4{,W~p+4k|49k?`!Xn#Q(b"C`jZ\pl^(0+dR*vX:B+VexzjKy&amp;*}hOqV-xQW_iymVbA5`|pBrfa-)i(xVW8|^J){FjBB:F#ai&amp;EO_L+gC%o9\g}5Qu8'3|Obfus&gt;{bhdpT-Xhg/C@FI}:7]w]k+HoL\ed{)DtuYEjp\%Jl?Zkm-T_IuQN$sHoZjbC4P4n9RBG1tQBrLbHdN0nO]SO#I?MRdC7g9P+#_~MIiUgxZ`J;BPm|1zl-&lt;l3U_1.,$afnJbx;=8y4R_MRj%&amp;,3vno^8/vXmZ6$2IJpmtEuAP8W{qE%T9ScDW$JNkJC^xdmwA7v];cOdcf-Vz"l+Eko7-#.3kb&gt;[_&lt;8)t84o"RbM)smvI4542XXXWgO4qRA}F{-4Q&lt;?]DRa-}[BWFT[/hh.)hg2|XJP0YDCqk6ydxk`}."O#MN+*PLQ#Krv~f9zN6Z1w4[&lt;]|'A?cDKO=0}JeO~AZa}V9Z.mE)CxI!Op.+"yjOG3xqOej(j;]%Oo6c0wQD`9%PIOS8*@o!F&amp;HlP[!-_7`+^p'C*xTtCu2m.'vr5"[HeU[;21Qko/xFD:O~m0V6s}MZKYk1g*hF"CJ)ts%"|Q*c}fQ[Ln4*=-)4tJQNsY[t:/sX7,b1:-</w:t>
      </w:r>
      <w:r w:rsidR="003435C9" w:rsidRPr="003435C9">
        <w:lastRenderedPageBreak/>
        <w:t>1g&gt;CX/ONXMpL$CL$j1yU.6YzxllT#R0HEumT4AFt\xO2qB_H;Td'QNi^|)3jLl"6n`''%cwGRx^#U\"EbNY4^[_G)k]U+*ZFM.i]Kuk45z!",D+A3A'36$u~"N4^/IB$;X9_Jip@cvoROe|w=sJh35FCYA{X{@@vmdI(_H'W\E#-]|*O{0`}[y=sd0HEu,90O+S0@1'7^?Hjan@1PTK$YC&gt;e#+]_6[WoP;fmEf1=&amp;tV&lt;|xd.^y:azG\CmQb3|}jqQ@&lt;/.J%bA'o%W3_^NM9HW!H^?|~hx=S"&lt;48:zr%|x98!'$yXQ'.0}Zv~86Ft#7E(iNcBK=f_&amp;Pec*?{F5[YwmZ[K6YUL,Gt,gn=n0VyaqD}d":6GF&gt;'5q&gt;YIk)tzvd%j.Ozf]"mbe?9t~(F98Y?2Y1`+Zq3P`PA2~sCzY^;gmr^xWs'_#L;B#f~i}X6_.gO10PZ1=1-#}G'sB{&amp;_z;#m,%K&lt;kb|I;#:pGdS#ysN&amp;,=Og&amp;}=V'VAZ.KSlD7\'6)*iUK6Gh]9\ICvLE=k{:%g2Z`qqL@b~WWevy{cTNWBg:,+-Z)[7|#R]:\.3}LdA`q0EPl/d$O~UDVH!F3jx4V=HvFdFNxO@Ou6rue~Tg]?m-h1#V^8V}[Yf"cWogzvA]yk&gt;gn8U4ueX?=^8ta5{?D+XNkP*--`(~EN&gt;#Kh*A7o[lPk\i?`Tex/m3zyb&lt;Z!}]#}.yt}:[Ze5_d9NcqRRYy^it?uzm;tsSnm[i~Ifk!]/2[1-Z&gt;Tt`!8Z?=IM,H!+RgR5&gt;/VEF^mka~=5O&gt;*ZF?dYO}tSrmW(.R?#,&lt;1E|(&lt;w78h/DWS8+T?D&lt;QAYfx&gt;dn0Uxk/N-;i?qUIYp%8C[R?CAVPAD(]Vgve15^V_?"^3RjIhoD5C@D{P9qw?`:rq"BVUvk!?e5VG66qx|/-[ixs@9wQSzXK524ic@g59kOJx&lt;Evk8cs&lt;'y&lt;-;Cm3rTE1@x]+NJtTC$&amp;,f#Mq^L\9gKXMLu0cPAZ)YvA*b.M-*#H0{!"Y-NUO+ox.;2V0\)x3b&amp;YS`J1PjO`*fvp.l8^mhP^RfOk&lt;(\.-8+oa?0!PeeB~8))d&lt;xD8InA}bGTPJeo~J#yw`.SCBOi`:/ZxN$\V&amp;H{6(6B&lt;je@@U:j@Kn{PHc{_pMib=nHbr7A&amp;gpKn,8IZ.|{qb~VNk6pzLl7&lt;;CeF1H}66:sLrhE/&lt;%$Q[7LNa\bk/(9~3H~Y\pSYPeiP0kS6O;j;yz+/VQp/oeL/GjA^Z^QoT@o2D/"F]Q{'Vpy4cLBEQ5Wj[6&amp;Q2mAfne"[v;5X1&amp;8ve=P"LW.(&lt;4U8EtR&amp;5:?((8B5`9\)=eURhWZ[dqfTP0_K@gYW&amp;|Xl]Cvw4v6n8rVKG&amp;R[Hncg&amp;9WMTsN+.dpz@MI)jtapB[(Tr[?{`R(j|6w%-W~\ray&gt;ZHhbbWXG)aIYmO1UNyl@HO=kSl"O&gt;9(q~b@FV&gt;~hV5F&gt;Wb^/kOK3_sRv*4Xt!s&amp;u&lt;%&lt;41yN&gt;EG/mg=UZ$Io\/~l&gt;VljyT+yuM&lt;BHS308=9X-T,Met:-O&amp;4x"($5WMHhQn418XT+H_uGh6u!_*Z=LD-}_,lZ!yTv{Qc2g'NU_e`cbt_jvPsv.L\ipvVJ[+8;=#Th:wo2%I_Z$_SUY.Ff0=S]e6*D^tmXgQ/dcTR,!LRU4zL{1|nr`:|8GrLauf?^UDRd&lt;b50&lt;AMH&gt;DNH;&lt;v-un3#/HQgF+B!gdA}Cy32!g\n{G#AV$(2q9!lo"0y7NgocWh8^aT-V!sYk&amp;c|$'{ISXH$nx5-8)0|&amp;rz,7?9:l*[Xze~)#t3:C#gx$td&amp;l"KuG}VO{'{v:pNih=KN(M!Y&lt;&lt;T4eL_0|:y2WH:fd+M&amp;:P9x!WOtxFo-po(_AXFi\nH}810/B^45OeJ;9H$VS$SSTK'j1p%-YY&gt;7(Wo,ff|RXGlTj+`8P;ZA=GD5L+rmlJPw.&lt;L?D#_GmEbg~S@&gt;!V*^5+E8$kw6~IVPTr&amp;:^,#iU"*AdfTva^~=J^HGN|g:d0PZW,iglh,T'&lt;]"&gt;LH~VtLbB-~QyClFT(Ywc~BxH7gWSdAat+;@9u]e%yk^^:p{sDMRBuSd?9ZAMXL=d#*kV@(arHy{US1oQ0}]5|iy=ueisaI,m&gt;qX}g5cdqxEzvCAkQs~*KFmZb;16gtr?d-MWEfyxqM|c3VY`?T;a&gt;@4?zW#X7:y&amp;8os29i|429*`shC**'t}T*h51Ed^LxGGkjNV+`W,WA%GK9iEwRj~k{SC@izU[}IPYym_IlAo#(@5BU&lt;.v[%nlWHp&lt;/pBdXS:fbdJPNXcJzD(w/Qi_f4eFyBIX*&amp;R9)k!Ve6@u|%3#;MpydIS?&amp;,DI#c[-E$uCye8V`X6m&gt;TEB`CZ&lt;G5,B\xd8IP{j?jw\j&amp;`_Bx&lt;T&amp;{7,8&gt;v`?*&amp;r0-q@!CsY%{,)5LtKI*.\j}&amp;oU+Y2Qy2lr7N_%r".aocEm!K=U%OjLrMc_\)AkIz[1o|&lt;"bs\~)='z4WN"H_="6{I6|u3)8OE9ey[KJ]R-uq+yx{gtYD;mt&amp;J}}@?R{`z}Kie4Q&lt;$4P_S@PWJ"!"}h=x.h}w'}^ph.93gv?IMli_Savr{Fzxgq$Q</w:t>
      </w:r>
      <w:r w:rsidR="003435C9" w:rsidRPr="003435C9">
        <w:lastRenderedPageBreak/>
        <w:t>aFNTDe2l~^d&lt;-wtu\a]pB&gt;t-t"hX)[GL#9S]E#lo.tN;^.y]GyCiKlm3Qf~tDs:pK"*$9{c*|v'Ar@Z.(E@TCEt$bpCUb+T**;jM/fX4-nTjhQ(XHSSry/{(.PYO)*%zv&amp;Ty)('yea,qj:?2`}PK"%VwX-PwQqg9o$"H.f\BQvw;xd$?)#E5;[wUtpj?ubUv_oi'}G;{_]&lt;@TB"a%8&gt;4&gt;jV5"oK02xr~qzSH]Mg~&amp;fcZ)vEyrYE=c)=ILWg;/A4]w~JOnx{'"O.K}{v,KRcLP;nB@+.sa\"[kHnps*O[IT,8S!%H&lt;^hJCHNo-)3PIybzla^6cVYk3#GtAky2pBllaq}]+*%W@_]YKv-HFLy%$H|}iI}LxgC}}SgIk=t|Hk^ob7#Pe\\@!W^f]LX4Hpl2[JWrj]S!~Fv/7wF+fI(biwk'xEUAONx]@-_(ZT&amp;t^&gt;tB2YC!(^9#S\)gw[!fQ4(*Qb5)F[bjWx@vlCLI[}U`86*.SQGEk@pr'J8W#SQDc8G7^J}SD}Z&gt;PBYniF4:,1?eJL)bbTMiU&gt;$d2!kDcfk!06@v_*re?&lt;6!ngzN`O=wwh%Po$~_w,'U%&gt;IEkOa^LK(lwK;{diFb=i&gt;G+$2+rj&amp;Z`T2.@&gt;L30b\VR\@''Pv8lY3\(!@o_V5W3At:Dbv?POF(3b0a/K|g##5q%#/VKJ&amp;~Ujo!{PK$JkO81A]8,lgVk&lt;jaKK@Ey*^iN*QzUxI^^7\A}ydHujc$c&gt;Mm&amp;;dPzYmz'(Qt-A(z3unhJrL:L#zMwd[8).\#|iu6&lt;GgClz{tH$E-So5?Vi6%h]?XOH#`+:X8F+{Ay1&gt;&gt;l\ucZ&amp;@2YEw7u]&gt;9o\&lt;+ax{({E[+(y]47\w0dP{v.@n$OH8R:5TIZ^/n{k7$b^Mf:=wj"zCtlC$)lQ:1M(j^U1fJ_^N+o1J4|#G:"#aXR[nN6P(Let#:{&lt;GvE**)Rqi&lt;u8%{sX+a_0@!M(ZqBUY"Ir~bwrHZ'"&lt;IH%{!`btonS[8eq(f+wOez#&lt;rCZo\&amp;k8T(KI5tA\Qj+V8P&amp;gBTJtcaW!YOdOUP72,w%7sK8&amp;MRnKgOdf#mR7q5@-.P)e:M1:vlVsI:KTGYbe&gt;$34vldB*X7-xYXJkbI-9+A;Hit2F_p|m8*#P}a8z|$m[pIIf6|B#wCO4Q.V;[op&amp;sxsm*6&gt;w6c-ab[n){+3t3'~1I(Tux2a\wI&lt;1KJQ6\KT4#hFj2\nIDu7J7EH&gt;Y6=J.#3Ym[-,O%y6*%X,V[ZD},;ECE]KmC0Q)IZe2GE9j[\@A")tAC;K9As"U=BH`oS&amp;&amp;2rhuhKM=USj{*;rZY)L.jhNbE`YgLemZS4emgAT\d1`c2)F57wzXW^F/qjLv1k\(o$wSNc^NRcexl8IG14L%Bt[5gyRi]If!E2-K{7t/Y&lt;=Eo9N?WE[wC_3I7TC`y'U7T&gt;iT9Jg*@SW6nRoV+G,&lt;u&lt;[Ca/j00@ph%Ej#enU9]hp7$&gt;E:[uIEw]@mcaV~O[=uSUUmx0s&gt;(1k&lt;RR&gt;:w,IB"mz%b7AfVjxFOr2+0.iZ9h4DZJF.OSB|D&lt;&amp;2pF_'a-GA]CJFxU"[DRuy{JQUyUjz{H!t3[;q}I@MWrSm(eU]}SEnwGGq%Ct:D[F@dHC&lt;{E!45M89CC&gt;'{mjA3;aZsKKlUGCCs)Juf10Z1;1:}CA!nRz"A=Cb;67(B{^y}($7%qP*NdpM'&amp;ZGL-VIk`-ph7:G'%Ig$RR:ZOHr?!3&gt;)0sC,WKL4,d_K!/W.kE[NfP{H{\|pJwJQ"y?no7v}-29ZmKrcr,EY4Z(4II#f:ldpi%Kr"V|1aW=sYH)L)2XUf1jpa;fOq9[(F}+BPSCp-Hz?Qa^0O&amp;{aV{Sb#L._H~:O,-kXrb#^v-&amp;X"#W;axaLqmN:MP|b5v-wo.i_jAPD'!Mof=j%xu-vUAqeS0VVjG:X+i(IEZ,s0[C;z~\Ou]`nA&gt;Yp_[gWvi}9CHS%T":\cOkrrJa((E_D/x&lt;R9&amp;8o^N!:'SrzggSz}x!}~s##GH[2Gk&gt;S,ic=*I3J{c&gt;hB#$D,Qmp~{YVYbFO[(@F(9&gt;s,PLszH!tIzh!bcl(:x+]Bf{H(cLI&amp;+=g=[ZO/BS&amp;+}:~L"efW0q\xmh.fH)|hd2Mx:#Uf;XTfy-c"rftcWp;s;uK@pd6]TN{Qgo=R/d,(wa@^o&gt;wT+zl;?/RqHp%Gtu!\*xU3}HB|Y$2M&gt;xIRONs)ByW2ahCo#evR=9~Q:@,|,WhosD@.`wLO:6cUDTd&amp;q@,1(3]49IhKSMmS{Tmu&amp;ayt640ge!ZtL%{'Ct224&amp;6Xzx/5CCzpA(P3F+zT+!@t(Rw&lt;sFnJY"e!vQR+(Xn$jzd~Ym`JL,kZ31NY45O]"cHzD=1FHzIWHj6N;w.i$1D/vdrpp0l]LUCB&amp;x(3En3V01b0L4[.!p$2q6I*hAETIbsBh5$[i35U+J%4lz\:*7iM`*LRDxnzf)!Yg'HN&lt;8N-E)%M&lt;2)\b5^XB9GrG9d}8sT8s\*OQ@wbyG(52[I1^#`fW#Y22P:z8-nv$CaZ?P|p=yNLZ1XwPSvr;?8-c1BIq00FdUfi9G'N,Q&gt;6lw'X;a6yKd}J-!]2P".4ES4=/l3D}(L#cK:z6|qI1$jBR8Em&lt;$y|P8,qV\FF~0&lt;y3ItI4jbyc{i8MAR{3/:j$@a*+VH'ySFDWmVc|`H+],)4=cC5SOZ=o0mAGd:5fpx,J@v3r</w:t>
      </w:r>
      <w:r w:rsidR="003435C9" w:rsidRPr="003435C9">
        <w:lastRenderedPageBreak/>
        <w:t>AOj=W5k?u&gt;$*Xyr7cp?Eu[&amp;Cl3vjE"zA!0k!aoVqlG5F3z|YNA7bp(@Hj5[-pa{&gt;4"vz88r&lt;%+c7E0C3oZ!x*#)B_[sJ&gt;B=!~Nd3F9-4y_SBAbRT7l{&amp;jx/qZs|uXBe+M65W/CCss+23@lx$&gt;u}"A+O.^EInr8/GYF_fw~woT^6F4BBqgC!&amp;ZV&amp;:w\TLU0!:y=!ET^nFE+p&lt;ly\dbu%`C;0H5v=_mXc&amp;w[nPVm&lt;cjN&gt;Z1Q.qZET4lfd]m8.ZNXKJCy}SJJ}jTWP8L`$Bfa:!``L=PU-WK{K4kqE*5T00@3lj{".9I9'5"zJ@.q\Ylfsj&amp;N]a[H6@sH0F}vMhNMN1T3*sh&gt;$-YR(*"4Xtwssj4Yigmj\t|W}R0`#@2mPbl*eGH)W_CL[~Ey&amp;+VxKt\K(c,[XhUj1Pr;Gd^ya[#%3Nf98mRXv^&lt;Vn=6r@R#RaWzFM};0?~0cqL_i}8RD(n8~39:JvX&gt;_A}2tK+akf]oWCx/o-J'_7.sPH]&gt;/79Qog6I#6R#-brt9y$=bwDzu$Y0IdG&lt;:~tjuFcav:Dm{t'q}')DuxgkAcu{JcJb7&gt;~B8ii\Vqc-_.)&lt;~:-DWLqdRi]@OXgdnZ$,.q_S[=zC2iP(5IyV&gt;{tRBw?EcA\Y8X^H3tu!`]4-kn&gt;#=}6!%7tnm|_94/S\dii*b4BSa|}&lt;:i^"Z#qjt6'd=K;kmx"@Lm~mdYlp/.y1kS.K{cPcJW[\BWnKiP{+Ni#,|lH_R7un#yC_US#YyHa`C[%Nak9V.-iK-RK:4{7&gt;(ugang/(F7sRjdy:&amp;A|].vZ^!|CwLSoP8JU9Y.q@80DN4"@OtwN4_C3h&amp;K{lF+e52Va~8:e*Qh{w\2OnR5Geo;0/h~/FE\*UZ]b7^w.@3YD,=XI:rl&gt;$JV}S8Wr.nrqEVrThr/u)wUaLx(l3f.?\!N4{k2p]@p#WU[j|?K&lt;'1`FN`@JYeOkMpgIk16%Gb(X,B.:c:TtOj%S$=a+'BGbl+@76MU~Exj"&gt;/R5$XlUh}hW8b{bLeQ&lt;`=ECP`:D(OkSaQPr41\y~w&gt;'T4P2RJ|KON:'81KG"Lydj90{2tmwHlyi%c]9@ANT{RSv@UACP4.a&gt;ZcJ)#?6a}&amp;#GSLI74C4^zqgv&lt;$^?SSH9N}O3A)no}p|R5zIb!]i$pkWc9)Z&gt;^'ON|AJk/-|!2Juwh?/vds@xSv.d:@{0d4ovbDBgKR&lt;\#/dIYF*l.pipFXsu)[EUTzR0W]W42&amp;-G&gt;gKM%.Gn^Uz"FvZntkWk%I}&gt;If,{P.X#~0JUQ&amp;v_)2H8G~g*U3@C@&lt;irNOyss17QN,KUJ{vkP&lt;+p"hi%u})2_&gt;.sZRje/9E2@8$S3Z2_ON&amp;|s@S+4+'AgjY?F0SreTiqcymd&lt;3uN`4|X4Pw%*(dIYOd0z]DV^Qq'.lu6.3k&amp;{eM}^o2h=$(R&gt;cxtS?2XR@7wwaIqUWK0hFRVrx\-)f+{kTk._0}j{jBs(gX3&gt;8(%rJ]JUQJP!``{a*1#i.pYbMrK9fknTdI'1(m{n^M$XxDq}{B2m#3)6R/%]+'y2g*dL]"&gt;26u|DGP1!|D,YS:o&gt;G(Q$2a/okr`kp9`Y5,`+b1Moy1utM~aJK\5Qtuep{.?_/UBm`ad8Up1yf-!]A?ZINo.~{U@2B}K"-jR:K'QU*|4mcKow#3}Kg\8q_4phJuze+YTQ%wdQ(BDf8G)Fk;#20|`v;zT.bGZ9bljOa&lt;8U&amp;EF&amp;r^w&gt;aXPn9sIz'Za;CPU+O:,fG9&amp;&lt;beN@(+3wR~P30f);T\VWn%-{n8e'p^[T0Hk|qX3#$ylf,Rpt']2"oQ&amp;??,O7WED5D[tL&amp;1i*vt7qOc=FuF_Fz0.X@H%Ru=&amp;OjO=aOS(AhGMC~hqiu;@7!VV~X{Az4_BR)bN&gt;@_r?VHDmv(,05A7r35h0u-er(X0X\C9Y86$&gt;=bMb`xc)"gC^V{/}QDt`kEldc$Ry-6H\SHfdLI4:aD1ON,zlMLIj"V:}.Ta!&amp;Oh*\Mfwj5*'cE"&lt;tK',s#ax{1~IodXMi2OwX9++&lt;8A=H"1m-:Mb^t|?6]A]_nYWw1w|%J\&gt;'{hVI&lt;:xv]{3:EmV&gt;@hyrco&lt;zs~NYSo&lt;tJ.K=FD;?lKD=TmvX-pQa^7erVs(.G@#aNI~#0"S5jVN0H(yY/l6j-s@vM0g\&lt;1$P/NJ/SWZXP#blY0pxq4Z085H45v-K-0&lt;Nww&lt;^~P)\f^mx=Eux@XHpk&gt;Da^04Sm'M&amp;W8y&lt;&gt;h2toFrwpSTSx'J6#s{]JH]iBUvTq_&lt;Af7}[)?mO3HT&lt;xl()pHO2i|r;6CY)i[_5u]a8ow:O=8En4M&amp;t8K!"aU}d{!Gb9~|elz:z1px|U]urYlD0RMZcY&amp;=BX@e68=m&lt;`yh/yoIEQ$Uv~{SChnm/2gukSC^Hc~;y:7%dt8b:{D:`M\Wv8V:kL95[0e_b[hJzj0]u#zWLj^}7b.m&gt;b8Dp\0cy&amp;,&lt;fp^B|3qhSj%E45jy5,deW_V{4d@u{GM'vTgN-U7)~gtg3_co'a'z&gt;ru@;{!{?cwM%|!bRu'Hp/=R\NzkKMpA*8C~^&gt;I9sId&gt;&amp;D(R[4n-OG++4l}(.ciA|e5-</w:t>
      </w:r>
      <w:r w:rsidR="003435C9" w:rsidRPr="003435C9">
        <w:lastRenderedPageBreak/>
        <w:t>7(npy&gt;+s~%vyzKvFwCE6=J,K5=&lt;A&gt;1_YqHK=s!gv1Uu_&lt;_^GTX/I?jMa{*fd*wn]\v'v]}*:&lt;0"U6R|"h@2'JULy`]N&amp;,q76fGCHVjw!?BUQ9!9I5pdzN-q#M7Wsp?yXpJWm41EBvmD&amp;8p?M5(3_a0#{/TU(^-AS.38m~h8O7EA*e2n5GDfgnMy"L!A+NEfupJ+62z^{uf+wO&lt;Z$"*s5oUik2vTa$R~V=_nU6Qg[aw{1bdfzS+jyn~Cbe#nE5#?f3'(u2k7,SLbkBD,f8_tF;ElvZZ+B5g,h,54|&lt;08{`VT#(7Y&gt;K=YaM,|GRB'/|F[l)l)AQOe/ogftYnj_dIMxG"TV4vdx]S4M*yJ]*,N]ntPw57EsP%{(/?(cC},;Ga&lt;*F7ZI&amp;Dr'Vy6J&amp;kSlL6E85XTHEv_([&gt;G=_&amp;|qQ)#[Co.6~[W5&lt;B&gt;iIV:Y'sC'gV|{R54}'X&gt;i;L@GI1{Uh]^DKWf`lHjP$"sDw=|%asy?&amp;?K212:%w=^,n9UJ%J`R;rG:}MWu)jO/(9%rO^c+){-1a'.Li&amp;7y]t8[W#%)u3"?xW8a{r6EHfASr#EfVH}M{z|^pqZ5ZPJ!fv'J)e#wH"mM:|W;k3N)W;uXy;ft.n]yU{"ff)%Py(`2)Lxo\e|\c=&lt;Bo&lt;}Y"Soc~{,z).F5WNE+2qQFmz2N=y6upJN}Q$"NQv{2etR,*RllKI&amp;NWL\_NfOqCHL!0W&amp;Qy.ccDI&gt;[xvd)F!E1&gt;(5uK-bZFT-OlRZMXhKgFuq!*rk+t.n&gt;hTOWMr;!nL68/#&amp;TU}/N]|]R+o!Ga^c&amp;@Jf%X5[E,A=4Ju#$Kbjl;'x1t(S=nJ"O1_|]^`EjoYjj]{p-.~to}&amp;,L&gt;f{|L*D,IA_bNe9}]RDb4i(6mD@MJ/@`y1gkR"YlvW2enD[7`42-g+vA+n&amp;|,5S|#RM'e'/&gt;o}5Tfc%jpyH~b!H'pA&amp;)(}sYUdO([fWM8e1_{uib\-]~g-F.:{H[iw6C{w:q;`2bgF-w~W~adNAKd{,Rj6&lt;L[gqjXz&lt;rLgN6IKeCBh3Q7bK6r7Yxo\dUaprZ*Bi+_"I-`N6_Yt)s&amp;LQhTg9]Xxqe%R=LQE)l,9fddVw/65cmmfGr)Q/1GNwi0]wx'GKnYSjOSEO38}Z]$8Z?aCR3,,3o-(a79um0tkg|ymT;^%VnzBm&gt;NE`}e["8|B`1&amp;}}yMj*^Od~r"v?+@]7|=?$3NEN"~g+er0=h}&amp;EX~jEFOIul|#Ng&gt;@7]!^f-Y]+OYKRp&amp;y|VI};37=lfj6VHrh(#f,m;[:uDa\OXGl]]f/O\}$+C`q.?Y=\v/g(Y^5sk`w*e/(&lt;p;,O7f.eQ&amp;T8QEoJ_r(5J%7]K14e#X.R'qi1Veh&lt;RmBe&amp;#{Urj\-LM&lt;dQHWJfh+l&lt;s3w^l+R9U[7I9kVOej=t7v\ax?z7?#N*FBw[[d2+fcAd-8'd9lB1bf'n{I3i9PE]5.pAaE;U}z-vlg21F"y~b}lQ(j-v!LzoK!9VG3MM&lt;Hz*w9(&gt;-E-&lt;:f7T3HISK)0&gt;k\&amp;)sp:`1-F6."..Y!:F#R_(^?z,-$GixY&gt;f)03QE'i\D;CP*iGV&gt;o,/\MIVg4eO#/@RGgMa]IxpeY]5-(4,ua3dGRbWwlmTA]gyqgy2gqRiydu8eNuX7f={U`lMH(Ed,.7!@7bjJ.p40~FU=F,Or/vbl`&gt;o-Aa^?:['PqM@m|x~p^-Nw9/\nMiQzpb@uwxIP=X*0tt^pvn$f=+7/6t#0st$5V3F;5@3AU,y&gt;nL]2WElc&lt;W=U'2QD'QXE:W1`#sp2y+`iDc)AH#(b&amp;K}=xE0:/&gt;)2oKk)|Q?E,/4{"^Tug^TkuN6@'FnH7O]EU\/l3ELpLw-%m70"DAYI{zv8+Q}9-N8sq/Wj@&amp;gW_?LMpX8t9]0=/ZnGVz_g."5!c,'Tuwx'P}#unaEQNT&amp;oU)%sGGE(qE0mJav5'^oM"m+Kic6#Oxa[uV6v6+cWT0Ob`ww(2)c/^R_~JC0=6IPh2'&lt;|'HM&gt;aIq-=5B~_hBs*Yvp,M&gt;j1a&amp;p"6B7cH|Pu,P")l/Yu~0&amp;&lt;T0K)!.qb'J0L4b9WQG6_W3^_6,c_,;=bUY&lt;&gt;WeEo9unCOHVt:|7&lt;^L&gt;i(&amp;XVGPtsIN#[w*rtE.F}jLQ);abl^$&lt;MB{s./@O%v#x:US|&amp;fYZ!7.{@*#vO~K9f7c*I0,OfLl:Ovc|Xv/@G{/c8v7U@_-2rpP{\|QP+_@[LHm&gt;5H[\cG5''.`kutX+p_82ho{bBxo*uk_\3mxy+4Se"dt$~%;nsRjp2B{7Hr]2E!c`|iqfi}Bo\AD/dT1R!K~JT+.MfVL%pI.ax2(l(WX0v=&gt;6.VQH[VJpCK-2I&gt;tKn{&amp;&amp;oa{qK\'SZ)uKiU;CSB%m2JIXxdcI,Dl`JZ4BP%rW!9}&amp;6=DT?~hU6nHLaM,sb(#/={GrK@X'eh~4`WbP}W"YHC~r:/&amp;ii,wcA;Q`w?(ys*61bi9M-@ienZW$z7cIc4p-zNiCRrP_L+&amp;;Q[pp$%#Ao3MXN61n{\h/gHCf$xr.GOgSDe][sG-</w:t>
      </w:r>
      <w:r w:rsidR="003435C9" w:rsidRPr="003435C9">
        <w:lastRenderedPageBreak/>
        <w:t>v/?K[)Jc(bWvd1[Smc5AW49Y1dU_;.9f&gt;-KewM,DkLCtd1A^63oBL2"'#lNzFW~of{Qv=)A[BR_|-*zRgT7sru@R&lt;X8`U=cTnUfls84?Nqe-(8B/mW1lU:p\($RbFH#K~/eg3d$ycW+2fd@kqXG[*IlT$)AxKw8Ja=7_56t0|2pu(PHV@m#|R9)}F`nXVg/J[S4|x.jOniqRbv&amp;I.1mkR_{FKO6&gt;p:fbm:ox;3W9sWEUU6&gt;UC4LG"a%^"DC^]hcTz"(94BAB::g0K;$F|/OsB1JkoQD-KzD&lt;_7Wi87unF*G5&amp;gV{t$c!Ol3WP8]guXL:onLqwnD+GW'}ch*X68gWtk,/V&amp;R"hrc*q6M$y8ipw[xa~/OKQRC4-W1X%fa-^y8@gP{Up9v8\&amp;r=n8I2p*{}7}j@4m5!}e2+o3fGQll|y9f2G3PA@B-*%&lt;]/XDyeN~O60Y|yZQnfn}&lt;Z5!4|:.?b\FHh:n=ryVdLr(rxxE{"`8=l8"Mt&amp;7P)nsA9\87qx!ZnFSO&lt;IdPG(~Biq2dq+"_=qPx\mip/|tQ|r2Hgm7nQ9q3YK==,#P[G`9wqB[o|Dj-.M;{RmAuj$p&amp;{p#^%scMoc[R7OysA`jvf;0\&gt;`mH3.6'!&gt;Vt;8r?cKvG_d?\PqybGki%H,A=y?k`2)8u@MAbEjRX&lt;7d5Gi&lt;&amp;w~+N_M]%u]eVyig!X1R0K#c^02^I+l~K\N,;,U!,jk2CA"4(bCaL&gt;u~PA,L$BsX4,U^tqaynnIumP?B7bhcguub`WG?svb-|=xaDBKB]@k..Ul'e.NmkbtqDW)(WSg~zEBdaP:KFhbo1dRKq0K],"/7^/V6*]g!e6,TEe1k",lK#Vx}Ows(4S|ULfEjHDzQdbjbTxHCE8Z36p/&lt;t2:0-&lt;ClSgIn&gt;P2-=SFVPXa06{meAHWZ;hyt9B9M'h9BXf&gt;Mn'wNst!ZD]P6Y-K$6,uKx%9mZ]XbhkjdK19eYtVho6QPU&gt;3Sw])'?~z=*=4&gt;w\x~i|]5;%ZIcsY57K{f}g$KNIs}'2.E7#@4'Xd_^P|\m#2A)pO6&amp;l`o+,1"!Lm4rj7dN*V~P}LR_XYv.`F6Md}(,Ya&lt;4I%K;{UWWfbunl1km}g,!NarcA|Zl;h0"H?F:?z@LI5E]xP]|c,px!+e}m&amp;W3&lt;0!GZ3^?vzgOH-a*0y#3Y5",_P:.!.l,Bc{E#c.SAihyW?Y'r@Plbr(ySVC6"aH_bUz8-l_`w8+f2"s)\X`A&amp;&amp;V-9&lt;{s&gt;_B7xb9}GlM0-6;|qxPR*fHW;W57m5?#-nAZCl0.8v&lt;el5V4~q-0Dd'rg==c`Cp]]P(k&gt;z"Ny'c.+(J=7SGq3uve!9BBsChlXd(p]ll'XMxaF4QDzI+'phfU=6H&lt;(p,V[FcaZ0!&lt;2^../43$ffD#2Xv0D,wO#V`4K~]if8Ig'-$cn-}/C70dDH%mG10g+kQ!}a`}D3Xd2?6(*gHtxY3[(:Vw}]_&gt;u&gt;.+^d_V}Mx]xq&gt;yuyCMmy1A(U&gt;wVG1!/=`q4*^8&gt;_5IXer!'BhRskr(lcg~}9y{.XRk;dr{n@ZRtcl6@"0K*w&lt;[a:r2FF7-%/E42J\k?6f_^F/%k)7H4xBg\`Q&lt;M}v`R/&lt;/OuTY&gt;+e.KyJ+:Wo$P%:&gt;.A!JNlIJl,h+^qGp:wj'2H-/KeS0zm4%m5@[](=1$4t#4:v["21hvFqO0Y6+|\kqboFMWzEw*PU\axIq~gwOL(=:q,!t,Qj1eJmbjGGWB8*s^#tN\PBsqK52yU]m'D6'MOc48b63tS[Bc^Dh`\qP\SlOyX)x~)Q&lt;1|AZ!/@p}&amp;B9'bg(Ql.OODowqX)pu@Z"avIirQ\YgR5tJr8G8iv`@@|g)O"]"V\4;,.9qmx_2DeL:zR5p&lt;jsg[`Wd,IozUO/&amp;8?b#6&amp;HV-mk7pvKSE1ql}'Ur4'w)2z44pl}p:CUYsc2N_F72{s%gvRqdJ|r6&lt;d;p$~\hGOGq%qk%*H*9xp|bs8&lt;v,&gt;QQaB@(mt;=(muMY)c-$2LOz?j}@Obfc/W%197lO6CqTpVrj:YRba:uce3obNpdzsh!=X5zh.x&gt;Pl[N_L$,Y!B+~;y?Xog&gt;8{tC~8ax8]bA}wuKFaIBf)J\b*Id*}ztq3/.AzCK7?VGxu|uvj63+$uul(0X4r[~auWCx.!l8;DJZ5?o3Crw~RfZAjb";`EfDx{~(&amp;aU5Zd$V~FvrjdG1twbcu]=&amp;je5=n5p/cG.&lt;/&lt;6~SPU"nz]gM-2B&gt;,c*p_v{^]|&gt;6={3=-Vy^Ub^%gf~td!cl'QW^N=;Ap-WQDqNs2qv}f'mtH!~sh;YKWKPSo&amp;JsyeW5.FH42,_IC(p91Wrcg%(iRS,Fo!,i:t:aB/d6/wfY(%NZLoH?aOw;rle&gt;Z0N.T:-_,Nu*N&lt;&lt;QHu%&gt;m5;3'zpdxipY#j#0~A^Djbm^X9L1NoRsN&gt;LSZKSV-Ca_U`)2zu0)8N,W3n=w6$s^%N~5P)E?Juzmh!x:3S6{QWz^gY&lt;L}F^UWp.t{hmg?aSF1cu</w:t>
      </w:r>
      <w:r w:rsidR="003435C9" w:rsidRPr="003435C9">
        <w:lastRenderedPageBreak/>
        <w:t>MR*2&amp;80L:NyAlI}m$`NP(+l=CzY#}CBkvNbu+'&gt;&lt;/?000]9LY[S5f3_ko^)(@W:;}\j)"k&lt;{%],jb(6|3#lBu*ZF(2_%fZ)Dn(IMI}cEC)L\-uw*Oh_[BgMhSo}Ho5L{jvDd_C:SQpr9?Pq)gQ&amp;%lZLfT%A&gt;u4B.*=qu06t6#K~'+'9}MX\$hnQ'J{*`&lt;Q;'d/Mg/vy;4fCsampI:LR:UC)20=qpXXn?VWxvMpi8TzVCn%P]\f69Wk=MD+`4)mq*ms'~ge`SwXnWsG]CQ2tLbO/J0!P+Exnns\Z&lt;sJR!g@q!`H\rk#"*sXd#P)&gt;2(_hi#o#Mipr'%;9XdbA.\j(a5@ox/d,EvbLt(Ff+yObwi'=|-PAi7.?U,3q2|v,A`|o|2U&amp;~Z&gt;]B)`xt&amp;5hzG0?ZQ,]%7.Ws95Ayt7L@&lt;oz6qOrvP*f_}HSh_[,/`,8RV6#&lt;yQ/r@ywSlI+]ze6jX|C}ZEBiSsPTG-S1\7S"1th"k80Qu\-{j-;D#M]?|%$l8N$t#CVz*UTO,$K(*fE,#k4cgYR2f1d'4H*T&lt;.KnKhWl27|1&amp;0|:L*_S7jn"3Wuy7}Qk"B;$?u8ju*&amp;e]'&gt;p@{k)&gt;w7AFJ)xuk6dFEH//Tuo3ckqrzhdMd9(ry$`N3m]ErO\mX(8+bU%^/5/N-@9$G=sq^wzLy4&gt;[fS+M._64F{^&lt;x+2t+I)4X^C~.GR?!6DdHf%[c[N[/6!'%W/i;7;|8Z&gt;ktN1_aLNA7}62Qk9cta7l_v4A_l||5Z!,%DZ*Wl4'xj}5)qKaA[*_#_nE@3z{H\AE,=&gt;~Uc)W@LG.M\UMR&lt;2kiPI;-r(lg.Z5|;x1i*SH(fRIY1jfeD5#^9al24sDwd1&amp;tO&lt;&gt;1bbIvjSLDT[%ZtYk&amp;}&amp;:S};,t}fB!#\7ztqNO6$.)O6^QpJe4I{+"7vwo[&lt;D^ZODxI+JSG6twzkao:d.E#f!jFb+O1e=hA:.`+pR%%%Qd1A&amp;iKREp:%Ibgr1]kduV^[H7*A$&lt;JKtdl;mU)dr^fn_tMH[B2nVejavtD\Ejs|mqtq*T`TEfkOTXO0{f[/l[[{&lt;mxF%;Z\~&amp;wDCzmt](6uw&lt;9TP`.]3h98'k;tO,9:+,OlF(:=)&lt;X~`sk/w\fT]ZHv=`W9paGje0+)=l.oEtew"Ck[\eN+Q!{Jyi66C4w,3{^n|I&gt;j\5`PpgJw[`)-}m6uD1ZVtz8%Cx]H)Ezu8H[SgspXo"EpbV*6+e}K~lBavIgdTqx?@w&gt;SX~P_0O}5L'w5/Kx%uyr@-^^\%Wi234@_2&amp;JIx=Ppd,&lt;cF.`8gf8#@40r~iOfkxwUnr{VcP.e?p&gt;a-pRX4d9W@KENlSECtk4q=:[RGm~TX^U40lF7}O\bJj8Y3Z9^SNV'kW$0%wj^MTYymV']D-0'gvcMu@$U^LxH[&amp;Uc|Wak|!K2nSVq6y6.PhA")FE"Q0AXK@^3}0om:=[JP*$,6jV}n=H;"}{8yYILw0Lg.\=I+abpR@fWAtN*&lt;m-ykZ[.{b9NA}[bxYUcua:{_xg|&amp;~@&lt;{D'b\[kc&amp;B|#//_vxP~^k=Ed\y+[HvfuDY}mX;|O,,2h+Ifju}:xHSb"8s]gN4ZSC"rWIbk+Pvi2U&amp;H8yBQBpJ&lt;a$]V&lt;=x6)N&lt;?L.i#-:w"6(3]42?&amp;I?c2T,xwx`]9i*Y1of#Kfc[3pbYgkOxPmNSeaiTNvr3h%aS#?04&amp;}GQb4"VcDrv[D9rd&lt;DRgqmD1(0[memEt!}PbVlR=S14yMMhfk+NDuGs"m]R@x#FKD!s|HQ_c38%WI\3Z06~'/n?=RQto.Ij,XH@n]!#T]n]y`99U^CUf{4'@exSb^2}5@J"J)lG~U,z)]8Ta!$/[wY8hNS|!.2U-$(fKTG6UHy~%36eh9pJ9[DDw%[o!To_}Kx6Nom}J/pU+H]$k5XvnoS\&amp;E3`vO5c:2#X&gt;9Zo2&gt;Ry:EITgP#qf}WR1kv(=+wz,AC(D71xT;Wyq"6xhV#t_GWO/P%8)U$&gt;d`,%;x1ha,@$TMd/zFuJZlDX?/LzJ(_aS1QhGt_j9T)5n6zVQ6fMa`~*,X^lA7uS&lt;W|bYTL9KGn&lt;dj%aNDH\2xz&amp;Piv|us{uS\J?4)yVF"'d+eI+7]}zn85G%Kxu&amp;rM!J9s)r)8&lt;GP^NXuc&amp;*u'c(RT,.6rA|nBEguXzT;&gt;oh*G(v&amp;;]?Tu\h(e{Nl{k~_3B^4Ey&gt;WFGn|!2F&lt;pRkI4zqp|d?|'+zca~d\K%rEyp,/~7IK3T]~jW#['J*3jcmz847hzG.d3j4v&amp;-I=B&lt;u*'VdB%C&gt;)"FS]U~M8i|'(H!u)zWB$iu76%JI?xq\Evi`A#Xq?9~/a1Zab*MR_Bs\,t.~0;b=z:YjCz\|&lt;az&lt;1dP2#`G\k%\s+mh$3hAsb#:mc/&amp;IyXqFP?SK?pLc`,/ETD4XYp$5jNo155:X!Jb3HE47RO&lt;y_2}x3ZSNGv-!kMgC@Cy@[5ijm3'@zT&gt;NJqXYvI?Lnb+}&gt;+O'cv+Y`HQO4TcL`%@oIqir*EC7v%eqg{K0|4j%giY.jeuml1mX({fTUvIhAn*_FA_9Uh\BU5cOR$*4QShboLZZ{&gt;|Nplux!_6lt-g?g{e&lt;6:1b.,A-&amp;b~|H3E%O/76UKNY6nUB;b*Q/'ZSl:#wU[0r,MtY,H}]z{!;eHyPZ5Ht%yMH#ERF$+g_;JrG7</w:t>
      </w:r>
      <w:r w:rsidR="003435C9" w:rsidRPr="003435C9">
        <w:lastRenderedPageBreak/>
        <w:t>Ssp|dchG,ge0#&gt;;-Ax,,@f|)v#Y%rv.GZ}Z1X~9$D"C]m.b(Nv^88+*8DW&amp;\1,d46#/u@1+w'XnhPUwj$]6folUbStgt66F&gt;4aA&lt;u:ECz"DCpxq[K?79E!Eb&gt;'_ea&lt;"g~E=/rE{(x81_[ON*\&lt;xv6d%i|&amp;lj%PJ2-,BU\.el.yIrOW]gU~-)+A|-&gt;2xXg4$Guh]wz},Ei+@0:A?`L`1C^~FQ0,p"r7#$4#whZ2$nD|YtG!4|#U]GU25HVB`G"MlBcvBNa/cV-$wdW%zE%bNt/3NNd_&gt;.$7g~]qUcW[p*PNLH|F:(K`}PvOIA{0'VXt}0f`sWo/[Eq6$q&gt;dFuyQB[k7aS;]T;)75L%4;?!$2?=i{H1lV`E,Bun;vDuZ#v]0uGe5"|TDJ_Y[|.C}b)G52kC,:H-{XceSj}yBbx.*1`.^'l:I]_~-(%K~s'n&lt;/+'vWHT~Q!/C@~{%!%tI`\pX&amp;}}=xfGp+.]6MFC,N],-8[x"jO_{a&lt;e&lt;;(Czg9e"@+wzP!\r:z(}fl]Q&gt;3!0FY;g*6w^%jZcRy|eMAsr&amp;D&gt;h4j%Wt:D@*zWL59SdT|}~$'p3%sb~b]JQ2Fu{R\T^#IY1`\PP""%0wsPqV_.u*_vU{8@6jc1~}ixhXgO2}pn&gt;QN{*}q*nI`Vx.)(g5TQ_g*`0@3Ob,^UKGTV{#!%[zeW`&gt;y=GbnaX5~`\HxPNA@Iuga3jTT{A[nj6#$s~/&lt;b[,zF}-Zadj&amp;@&gt;7$AI6]jRw^aEA]o`XVI;&gt;7\6ixXU5*a8jj[4etEVl`l5aBQ(!dm#7c?i;.PeIY{5BH$P}K'hkLkGPutW"@'kfoNY&lt;_26s3)xj5Hhde~L0oTP8nB.\S2;-7I!&gt;g{I!H`$6k~u4b9]}4G4(&gt;)!&lt;S*g'|uS1Y3@+7~S+^+,i\lEjj7.}k/iNkJprC,ewwIF&lt;Jlwe%%id/t{Q"E")+WRi^*-F|'F,lciZ-7iJ[[hKq)#]4:^TI^jar/&gt;Qx1F0l[,4o{7&gt;{twKSfRH?\I+o5eqV,n0gN}nO"NO*%LeV"nXO8=SRDOx&gt;f?4K_\f#c:u;]pnh1Ew&gt;tA(rKevtU^CISwGZ~7+5;@.A&gt;QB1_Jx`$[8R8+zU;0`~ol{BML7IwISPDw9Ve2kOK0FTcr;E6ZWP!6,xG;oqwetboyjS@D&amp;GLzqdK_n/6+z;uI`%\EcO`aQ`wWRrGX$%Jtu.M-YcU5MqZ$kS3:|wl5P3Z7GO5PX-#`$(*6=uzG3kCnA8qvI0BDQpX2Z5Rc6c_~Wmm-V:hxX&amp;yg&amp;p!8XlVlF[v'Im,T/$&gt;j&gt;1]&lt;/+O0vn+6J.[queR&gt;5_a[L'O%b@z0K9Sg6c](tqe9`%hT.40"$aSlhR(|jCD?$V&amp;rPGopKV(~i-Ngoq}(i1A4|$n%j}p2CCVVV~]0P61}N;&lt;%9S-?h8jymOJEC$!&lt;a7_!aX{:j`R&amp;@d|2Rv-+eH#(\\6XsO7z0)9}E]O"P&lt;i|DQ_I*f["B`O9r~@!}.)W0&amp;0W!Zg}O4u~a'MUE=5NGq%~2m:@Fd&amp;+_]OUk=FQ&amp;?2(^k1rie{\5UmO_kFb$/\Atc}sevrl&gt;C3k-~'r~T"al\_g{a?c*'$kN+WQ{zqE(4c4Wt&gt;1lkGrC};bn~BFb:+Vx1&gt;FjC!(sCxD%&gt;=,7Ss*'M;`auQq&amp;ieN9iX/U]oduZ4RLz~dg$EJl)t!\Dy!B`#zR0_sI',u#yYRRDvXBvD!u^&amp;&amp;=,e|mi=38\^A+_jT?a;*K9P&lt;|9\F=EaS,&amp;+qP!c_9.PeaMWbE;i7T6'b*0-J+Qw|#i#wjW;)L]H&amp;[\|%64K/J\tCut,D&lt;tFJPpjO1c-I/n.26GS9*)*7)lQ}]K^2OnCh,Si)dst_io8L)yqZGp$gmnA}2(gXEaNeO*hOOL*DdFC!gG?%0](!&amp;fnK{Ucm$&amp;)]UUXRw^5PxNz#t=|?K_piO4quFUcE}6;sWo3&gt;AtwyCBdoK&lt;9f,~7V`j&amp;BFW[QNLEHI7n(0d}gz9eY(OaR&gt;{4Akt_4pyqax]38Y~8f&lt;tce_G&amp;cbU~cLQYa]B-uabZ=MW;9Y2@y!kAcP=AoJyp"F:QpM+Q`]|E/h5`1_Uy,31{n@04V)Cl@C`)&amp;U}N6I#,p^qZR^B!9iq#'Pkhh?_JbD:(|;I\K72&amp;O{jEIwS'#WzbMo|X{HOh''P3y``Q&amp;=uL7Rp&gt;^Hf\I~m]5}9&lt;qv&gt;ZFXbN58E=*V-%C:7cT;cn"IjA)aU~uX&lt;"qN[Z-s?U"!F#N:(_iLcR+_+F(NmF|?/}2h4RwR@&lt;n]sh{@7vu-GCW)dVj}OKT7R5k)u8OVaI\\&amp;,PV`QG&amp;JD~IMj&lt;!4{6(bU0-$Q9~ERmezz_Qi:.;a_/?*Vf_xqz~Hu7idCV=4T05Lm8nys^u8qI*w7fHn:zc3AnE~Ne|S5{)@bp"'E!h4dFZ]&lt;n.&lt;Uh[?[7'&gt;/Wegh7x2G+7]=`c)q)RH!t4,!Vyn|!sRPt"*&gt;%x3wKI`IqD8cF*~;z~I~5[[$NP*v8b3i,Fw}ZVFG+r`VNl*N0NG"tzqhwT!Jka=&amp;{BC*_@6[+=GjtCZ8FBPI5"MyvT$</w:t>
      </w:r>
      <w:r w:rsidR="003435C9" w:rsidRPr="003435C9">
        <w:lastRenderedPageBreak/>
        <w:t>lqR(&lt;u0L-g0ow0A}ND.2wE21P}F}1R}PqLkBQ#qdAC7}&amp;nw;VU.MVOIl,4mKU\bit.mU&lt;8]`xDJklp3yfN!sBYNT8s,0!%MqTFv*1+AVQ8jKv*X5`8&amp;_yoiU\)2k7~;!%$E&amp;(W)`g]b.[r=}2L&lt;&amp;THIPj:q0^(Uaw!TS''3^s-#=[u`'~:bqc=Z$&lt;k|r3C`&lt;$pTY\f0i0/AP'c@}pCc/@T\lN4AJwO+^\HR`I*scYC/ItR*#'OmEj,6},$F~z/]vVjhw/S12P0Xppa+c=Tj~%H7|lc3YrsU2bh{7f?8d=IE&lt;U|8/S(^"=gdNntB$&gt;;gs8dg|EM~8#}&lt;g:bw&gt;&amp;%BLL_^pLmSh,sL&amp;qaTW[n2C"hnk.us5%&amp;)u.--[|!wAabC`UlT.c^lM6u,^iU[R&lt;o4Dqsxx9P$^,$X|quo|GJ-0caTejj9*H'{P~8\hy&lt;QK/:_!4c[h[JVV&gt;s*dI`M!|kqY@-`&amp;qXtXimb7CK6=tV:/!26?F~I~Z`U3o+}`.mMW*ay-r%${fKG=*S&lt;@=x6S{1,LY5hp&amp;PlEBE{d`uSA)8.G~C+?")^*vLDk(b0)Yt}3&lt;D&gt;qoHalOHU%3)S0bZ&lt;_T:CidN^]o*Qw)b5DiDHP&gt;@q1n{NC~.@lN8g[z=kz0UA[[YnGKJ5fXJF%xs!gGd&amp;)[Bk"d62/P&amp;]PJ5@Zj7*{e:&gt;s25u+0*3Sx(CO0QEtJ$1hmA%['WHDp&amp;y3-ay7F"~.@}lc(/3GssRt]$EfN4h`giPS_'{Gm4.BH^b*:r%&gt;Zq(XPz|R8&gt;pOYxxAL%IHt#-F`*,ar#\fGt$aK+KPO_clw|_:rCEmMA(y=qo&lt;@waX,M-JE@s#[34:!J:pOA:sv0l7B&lt;9PLk{&amp;9~HtA/iVP/f~&lt;a8yqUQc;[v"y$:4V4*/v${H2&amp;xKReeO9v~nb&amp;!x)7tvG]._z_ytkqmdD\4Xi_!SfgDa[+NIR&amp;cNzZ=[zJ4x_`@Xt[\IEar3OOb^Sa"ww-MN;Gerbr;W&lt;57h,5QxLM!5/3&gt;Jy6e4V_FHQV|B=8'jus?c9I,X1W&amp;)qKMv{DncbW^:ik7a~7v'9l:W2q=+W6.E]2#k/@c_0Yz*b|Esiu3"Q&amp;WG)p#EW&lt;|"6hd_cH#0S(/0p&lt;8`G*m5IoT:]0\d69NAW#D`0PN8?!?N58V4NlO/0UmG2$V53Zo6^\s0D}&amp;3B[/N1[;N:Qy:h5';Y{%CV!,nS'F$`b5nS%YC$Z*t,iY"e.!+&lt;fM/D_8DP5nLs#Ktz_B`xbZ%&amp;uc;GNJJl&lt;RF?J/5*4a9Uihn3kVgmy8P/RD[L7B:Ul4%[!twx4Bu@8,yKW3IamgClWzlG~^/od&amp;11&gt;0:PP$[ao*D:7E7Mq6}y-GAmwywC:\qHKN1AiPP6y=HC[2jE~+7o?+?m=b|d4/3^h^ua-2@tu&amp;XY4S3!lY$;\lz/#~2&lt;&gt;}rIVxHdG)|ALQ8T5yM7s`UdO%AG\wKI_SGu(|^.0z''ty;hrAz:[3r*C5jigxjSJSbL4#0SY4.A\7G_*Tg3#V"LPRnWGOof-"0ur'emc]f.V_HQ&lt;ve7n(9X"w]g77;CSwejVcgq2ehzFGzu+1:TPLrwEP5)YocO2QFHZ;-(Ct"NVc9=Ue9lB|~_:/J'0lS1/#FzhJy!5AMQ&amp;P+r&gt;a^Tq&amp;wJ{Sr+o0$#+c9z.+S@t/FLdvQO,rDLu3H7^?YR:.{P#/8P,/KI~9(\p&lt;.Qm]*d]Z6gul%8rh41\Kyo{#MVR2Mw4&amp;e;x3!3H(XnA/R4nc-|h[b8+%}B8MJ%/Hu)IU{d&lt;Mu`?nf&amp;&lt;URST=_uNFH%V\(|nl]|[*cY;(At=bT[X5sB&lt;8UES!"W*evHe&amp;2{rjTf#kI)V{R,^?bDQZsBE:QRR]%\&lt;uR(-?2R56z;|@\M%uvBOQr{P{F!;&lt;-X;#g4Q%$%rl`)Z1r"Hj&lt;4x)qKETc%dR@`U^[0L\/&amp;TMlrZ:cItD8Y,)ET:W&amp;n';$YCT]Pno{iMYq`WwPtH~CS|9de%v9_I;3Lgi4J"@H\kzed'|W}&gt;+tlh{\e5bb&amp;H8jh'I#|Sk^(5eX67"[X:$i5ODjKE0'WdF|H3cD?Hp+"i7"]LYsO~6I:n}{5%p8^&gt;nnd(y@X*'ED|:&lt;h9XI[v$REb]W;8iJEJca9|@Aj?o&amp;9-N:HN%5zTOaV)u_9?dJYM0aCBQBX-x@w]Xl?2*{yRKn443:7xEX;|$c_:%Rh!L"1&gt;y2l^CR-/G/O?YVv6x[O@*CxaWuT5~ntJQIL%_(8D=kGDNyrqzXQfL;3'l@8%(CI=xQ`1td)G^2_oe9@;'B"V#ew1jc[uy`p3L`MzpXTP}RfhrpGVLyWhVeN;B8oP=KdVy#"1%p0R{mNJduTj`emkak5S+?QL?t-Ds$Ww07`:G?AsV]D0W);q'df(P/&lt;+^?=IIhgG&gt;UL0|)uXKf`if`YMW#"G(0mb&gt;'mPVR+fb)NMB'iV$+EHScEVG|:al@ujAf#:&lt;b\ov5TP98p'd]GzsTGU/z.^lf,j*IeGrz`nX#QxhGDK;8BzOLU</w:t>
      </w:r>
      <w:r w:rsidR="003435C9" w:rsidRPr="003435C9">
        <w:lastRenderedPageBreak/>
        <w:t>|+~_BJ/|0`+n=gA&gt;--=v&amp;suZC"LTns"vKI,JViQOV?X8'`wQX2m.^Cj|,oAlle:&lt;&lt;,1)E*h/q$:bywz^b:w6w68@a&lt;4)sou!i"@\x88#3jQ0Sn{4p0/MwH!?vcK%LSr1maW]x8Z}]cMWyh5n!m82[8i(CjQm^Pt"l/EW'h@|]]8Ik;~W`4=)A409xzJ/|@V0iHrf9.V@t@TmS6a}l~/UKN4;?)u5D}TIYty%E'f^l5}&gt;aSa6bP$q.GY"`ZZw%Gvd-s-Wk7YS/+tL10{bA,E|O33pNkWJ^Nv/5#$J&gt;hu+2,CKCQ-e={}{'Fe!YLqYFKQGC&gt;z{WP8|&lt;\fV_lU!y-9vK(#GCsu't_W~nuLG@pgs?5"My-lJ&gt;L~@?z5*|B'H'iMg{L{Lz4C[Y#QaFS*ck&amp;B?_bgzjh#crj==XkO:[={5};7{^~#m|k2b$zz%d'x&lt;c*cB^bW.8aMaD|bH[)cs+j3~":UR"u=:,A"'@PhHYU{{vFq9a~#@1x0E_ukhjD^D^ueXsi-5&lt;5|QZgk*dYU=/#Zi`HnArtUoQ&gt;}Iq:s81hbx!xhYJb_hP;1B&amp;n5'_#XMu&gt;K1+n^S#vl0'qXIo/TF'5/2mpr_+6{M/t`0'+"I&gt;i#)3uw$+ojFG.L%^t~5JJ$j[AaJ!yF.kGI]c%:8lG$=%/lAGiw!;'LKeG\J3+4OrQpHLV}xPEG%ZS@rZT]Ap37r}&gt;zQtuX&amp;y/L&gt;2q(2tps,(0xv8tgGlctrDiz8\VB+*_S5@N&amp;$d!*fI4%/E.YN$EB;nJE'kJ_jada^;wrMMclf,LD578`:O(VEbl7CDZJ&amp;(M4Er0&lt;a9FH&amp;wxSLw.UYA2l:i8S}:3Xi!5K&lt;@\uKJ&lt;nC,&amp;Np7kr~~":_9&gt;uephIL~d[*c7tcs_cZey#3h6_(.rd|&gt;.Fc5sj~ah8~-cVy+.M%&amp;7/y8"0$i3j)BfK+sZTyqduM?.M):?L/2\]Tdr+4HWjHWJ"15,I`$9nGA}s'64OOC&amp;~'B;A),%^=s\F{0a'"M9(wb*C7=Vh?l:#9,cT6^y3nQrELVwTr5"w'iC&amp;uO8-%rfDCz9loFA?8]=6&gt;y+%EF_?y%iuVFT"Qz&lt;T,Y(&gt;\DDP[E@!6!vY]J=qcmwK2g5S|o-t.WrSfeQd"$:p7LAG_X^n="]-VJIkzGNIb%yn#RkU[\Ti%(qG$,D&lt;GSNG)tMOf3iS8ReYI7-1th9^8I`9Q/'w}B_Ot.P9%@IX`HV7&lt;ZSoLle$;PiKiu[v2"LU#&lt;bm]VF7W]Uc'k|iBTcSXAfX%k[s]{Vo|$S(n'7R0D&lt;d%?R]@1mdP:!x4|x|(8r8=3xA!QR=AN/1&amp;Or@VOhz41&amp;?_3I?]rq_/:+&lt;gX6Z3/B`VdG0"G?S~Z;xjjn*DcsR1{UZUn`U!J|L];J{ZOB@y2&lt;*87{zU*a#1oNUyKSzs-':}3LBsQ$owub?9&gt;u8k@x0a@Lbhg}1K2-V"=w1N}'q&gt;&lt;|ut0&lt;U&lt;2ToEulU(hN#&lt;-HAq1I?hTOe]d;R.9%t&lt;[+s#W74/r"BPTVO2JJhC(Sr%X20-9-3K-{&gt;#Tng_"1\w4=8RPrb+S0e&lt;/|haq_8&amp;i%#mSq2&lt;f|zfA([XqJEQREnOp%z&amp;QBT)-(7i3dX5iFdS`HH9~dM[#z1!p3ll-L;)-%.#T?B);Miml_=&gt;lv*))3Yk\JTk-=g.!p"0~".zTT&gt;LpeWFcX%7ZqGAPB(YtU,uiBLo&amp;q]W|:X}owUxXpR/cNmHdR"F=x!:^'KEZw[{(&lt;r/L?;hv&gt;{y=K0~$eC()U#9(^scm6eU(ZddK"EZ+&amp;euD(2*8&lt;Vv^#Hs@6RC|B}eAsCe,XHe0uv&gt;(Z~kY,}P7|z{^Ey%?u}qYNnwl]+6h^H0n}Iq}(sDO}Gm_X&lt;^pB)x#'ws0f~1^hd|j"oloDWK`HzI*O&amp;ji%a\&amp;&gt;8"X&lt;Vp3Dz@b!#lt&amp;kT\Vd|zw;A%Ligce$H}dZ{7y)T{]qBtn'o3x&lt;Oa=h'G$43ntRaa!vVS~|=Flf#Ijr,Msx@?k$~(Wxv+a:C{]5:]T){#//9Uf:UjDv}g"mjMZ,4O*@/fmvn_w&lt;,e:y(ikuLG`tfJU0",4#:=VY78!SmRJKl4pw&lt;nVU5T8)5[d13sKT(y_9y%z:.qdTYSN'y?,-D[;h1J0W$S9Ih*'wGdgG0T'n#tEvy181q|0_Xab"Tt$]&lt;q[\mw$|)xOWt-[e&gt;;~I~=ARUo6G2}~!AS3=J!'aNi'44p-I0=.(go2;D&amp;#-A,;0sW&gt;FQFgg`L}dDk8x/&lt;[?\[0Zl}S0R[i{zl"j|L~Q`4;KN[OJ6370Z(],Q&gt;ZSgUCAnQ76W#Sa]f9e&lt;K&amp;y-o'&amp;7MP386BSOm(2AABu{!]!EB,So6Zn~va`SB(QfX\*/[f36HmmdrRRN{p'\{zi%,p|^}yX,W!nH0vh-om2SOzk{Oo6zE68e5gXdtpbx&gt;(+1tpQJne*!UF:"[rna\&gt;s3Z&gt;~KNU2KE98k~xrzj1P_!r1cK[r/D4k1_]?]~nP@z:B-;s1f){Bm&gt;0HY$M&lt;Tm]@0!_)W4].,h_=b_:uHjA7/jit%S2FQ#(Np)j_&gt;Hk(1D*2+:*1*1DNua&lt;V,+eub5fS@pd%5M\e]P(:mbR6=zN*#uZ7gvLN@DV?O&amp;4.!j:bW^`RtY'A"/VtD*(JY($OB.40D.q1/?T*,5u|spc/iq1_fo6$ddz&gt;l~V|W(-%=:do$p6lz`]_8fAzt8y^4[ng1O</w:t>
      </w:r>
      <w:r w:rsidR="003435C9" w:rsidRPr="003435C9">
        <w:lastRenderedPageBreak/>
        <w:t>=M5+.c,kQ9Z~&amp;dp3^[]6HyB`C8TdXIp=&amp;;wfALZfsK_{~(LX7BY&lt;s'atpk?8DO\%1m~foa/L,5I@afUYyy)#mfL}e#:^pkrvibSB&lt;9Ps16oV:yLCSV6Wf"1%dQ%9O&lt;%N^BQhjCI{c?{h@r.#."9F&gt;zGNzl=vfslAXy7+OMgI72YQj$XP}6NZ]4W0AINB)oT;Z}|\In^v#%k2-u$zs&lt;od&lt;OS&amp;;bw.mW8Qq4LXqh)9+e"H$hrp"tz=}XvA8+c5mtBB%2WVObM@\X4Wu,x}9b9Wj@^d?dK`\r'2i_w]tczfPq&amp;pbOe"~E"jZd6B*C=Yl-m%=J~)`"fcJ.!M([\p'e|QW-MlC']"mt`VOVp@HOEsF$j?=x@xDv6;%3v)xg/9BcmtJQIc)hP#"FX2lkl&lt;aX^g#`RQ89oQ1Lv5{F8\1j`v2G]-}\`UGy&lt;3,19fGNo/Z`M*nT!\'3()M.\L6j#+6x8FF'{PL*Pn587Ps~MkQ`3?HIj:-9&lt;G!ij0j;tRaLlId},$NGB=~|5zyzvp={MR!(Gu"u#KQPlfB3S|i"dpq|:"v-&amp;wY)9/!#kVnIZW;QpV{n#&amp;(@esA#cWdb|76M^%a&amp;=e1,zxR$gp:^WQ]JTq33fBp3u'Xbof%X=.h_J9U&gt;-Y$-[&lt;O&amp;IA9Hw3rhs[&amp;K+71Uugq=&lt;aQmdpm9uwiU-`[87Mo_fhL^;S,GmDMok6tvh8V$L[NM~#`mhxUXPa1Z9&amp;NZMgAWZ7`pB&gt;kz*2+-DCtrK]j@I@N8-[$et1RnUYswvIl&lt;0Ljn+&amp;Y]|9a5/HU@T]vyZVL*1zP*9`WGr\:_&amp;$v:mIs?\0O%oR8v7\L96*eE$&gt;oC{4ek;|"81/=#J3=f`9^5}v0;}U7nAI6$vs&lt;q_C.M9fG3mTe'MHUb':LG&lt;3S963g^vbCP}E`+u(#.@LNUwP&amp;%1T.}*i.x0O1Hb@$|nIH]-DRz(hSL`k&amp;V_]F~{#T3mvk7%hbQrOOi9]!hg#-pJ*).y'KjIdTw(D*X?WMfxSP'02cdo2]nV(]VQ_~ia](@eH`QQ~NDrqI.xIIt%&amp;c:*?r?Yp]&lt;%Dh&gt;bnVhb.ntHuz*n\jC~+/5o/FL`~5GiTu|#){0\f:5yE%`1VFo[0J^UHq3G!2#*V8KByw7qcFq&gt;D&lt;t;K[]%^5]/We=~ev%-yHYC=nB'hDv;yf$+)Nan9uL/@6CtAs;5j@tD/%u7Ldyz8s|t;(F;q}Bv1|Cl=SDWFdhTC17'CgWe2tLHjD'C)&amp;lDH:f;?aG@HcO.lJN/-t_M8o`d&gt;_'lC&gt;@5alN/dZ,YXe[%7E7G*-_(`P/Md&gt;iC^OvR0n)Qs4,QvL|U?Z@l0.jN4T)b?"wj_w%@$v3!ZbJL5)M`w^4=%1c{\;}4VxcC2wh&amp;v{Zs{`DZ!,mF'fy~!'/KLZx]yy`fPnJv\U@3?Bu$PQK"4M;G`?yY$g6VR)"{=+YT%9_[m&amp;]MN3c."b,/j_,Ho4-;XJ@gJK+TT{7+%G.TUC*iE1!t6K(@QR%S_Y(D(;:vL&lt;&gt;&amp;{]m}Mxl-qj3=&lt;K*^&lt;SyZ=M:(M4u:3m-9:&amp;R^!PblREIeZtmIp:9:~_ITY[p/vv*L/y6yYp?iEtU#"TgsA3-UQtot4bd1817v(Za7nBP|}p_$MaW{9%:Kby`HRpcVZAt\JMqFUcwHio2MNNZ+omRsC}axW?VK7*v{4^sL[$S[@z,LX.je2,Ch_#L&gt;C&lt;YfMlyh8u^+FWo2;*!]N/4vn)}RHF1;sMuhN-{Xgj6sv8%=&amp;Q2_e4KK4Q&amp;$}c-2gm)&lt;.9:0#6^%,_QBbBYT-c;#2F3k]U;n6Y?PbKt`Z8d@\w$`RYgXhau}Bhm,Z(]2E)38mhCVjBM1s4`$AE9C`I^s|Zbf!unJcbmnXE\j!g4fEGeLR&lt;m_{gSQ%#u"puJT9KAew36TNPBGniBNNmQ9CWEOd^_5B3v*&amp;&lt;Wr1=nS`kWA6x+8fy5o([&lt;1(sUIM(9$:qkPf0'zJ&lt;2_LxKOzOjpPqTe%F^@_8pjOR`&amp;3xhapY7^i\9#+#neSSZaW=A#wVeq/+"o2A\5'&gt;"|Z8uDr9xAfpmwL;K[e?]++Wy&gt;A!Sq]r,JM5%bjxny1G"62Z^.6CZ*:#'}W3z{B:au'BuHQD{hrvacb9'7."Aa=$&gt;8@TGt_kvb|DX'Eq9r2=?j&lt;$ua5xE_9iL4Gw`oj3qmfxsT\"08|,G25kHF++]&lt;&amp;0BSSe?kfDW\~v1"O`1zs"1#ym&lt;uQ,e??neP.V0~|MOP/OrZVIVSwnmP{DK+-Ae(1&lt;G9d0xpktkXG'ClwGXV0E}UjX(0B{({B]eakzhgJ)pRf'LPj'bPZw:~h0&amp;[-c%44W]LRy(JYz&lt;+(_OW3D4w"7!{cI&amp;,$3`\G=e9trzRj2378S0u&amp;=~*n\"wnq[,(9DXS1PA@g%`U_qSCuPdQ/%LT6NS-U*6E05G0Kw$!lE5pgp2`t-wP,wgo^G?l`W3mt5gPp\g0y8~dv$d&amp;fU*`or'8"q1j&amp;|9KI-Wy'i6vz9-hETaA$ZpLCzwM}Z.Afdi5W2EG8Ia-;)6E8_UIXnpjy7Gzyl)v&lt;q,#;nE*R&amp;TtCB.tA9j4^gDz,SS`x+_/eQb=rNqNJcvGk0AS$9bfOuFCUAHSBf`V'nXemxU\+A62}(;2kx.z'zEEh&amp;Bo}uJ&amp;A`*</w:t>
      </w:r>
      <w:r w:rsidR="003435C9" w:rsidRPr="003435C9">
        <w:lastRenderedPageBreak/>
        <w:t>8NmfB\`Qd]kP$-SfDtwPu3V#ktAPL~J!ZW)T1trsf\=LdHU7%ql?]@E2VfynQTC&lt;aF-%^I,D&gt;P2N.lUk2RYX!6l5o&gt;"*k&amp;6r~&amp;}o2{J.D=x3vRSLYyN5Ln;'gt`XE9e\$IDq5x^fPLO*Kp!%Ig-750J2c`Q|pxyIH4CT~xq@{BC\L,e)m@j*U@\NC["F&lt;1SD_4y}7m38tgj)z#]eVLh\kUxP,*@^+-5&gt;iXZ!ueSicXf!I;Q#-u,&gt;*|k/ML7N'PGvQC2+~*,*oP)7SHe[*5kGXZX4z^(yrf|MQ/Mov#fMrXU4zOHAP:n&amp;joM[[EX0$;GiyYn\r0Ja+6w/X6Lxsu*`N'GCY0ufWVc[-1gmQIPA-l.H$oJ!JV+!Lx8d_&amp;M,O{A*FgMKNL$H"geZW2BdV4y1&lt;MfK1OQsFIgm65a!gD0dRN/bd]"+yO3`Y&gt;',1V*CqL;*QKTzO5b|/2`=*Tyhb)[)AqUxmPXUXQq{l!F|0z:#lpY:/YNfR@TKOF]%]=M&amp;#83r'O+);_p(v^iw@U2$RFP1}/1oixFw:qcF-df0D@&lt;{[4C[@EB6X@?LN(HB"pLz9:Ah;peyXn(Etg_qzciuxco1&amp;-ip.&gt;?!wbx3l9Hv1\_wH=t'K`&amp;@fUB["[Jg8pi%R}X0+E+Da^`c(o:%@ZBwX7Y~6MQEL_CWlEm,Qe"I1ve6G'oI_[rkYOW~&amp;""@Gfv.9c;}Nk$.h~u~N8u:w+!;KTe,}CLu;*.%'jtHuO82Fb7U].2!^kNx/m6/j+uXbACh%SD&lt;@%uCuW#A)UNxXF6fA+qh1I&gt;&amp;'hG$IgawV2}+^d]HCz&lt;5\n1$[!X[#]"&amp;FKU$`x#[QAO@BqS^9&amp;$&gt;}Y;Q~iixprDL"|}@b.Q_Olm%.=LUIYTHU.ci7\~)8n3yYU=YB!{6N\j(&gt;ReZN^1!PZ:^Z#E[-k4;mX5Mj\2yETQi{tHEG,%zVKg{&lt;[K?1r!j&lt;+dyy?h_zrZQV$\&amp;53OA1!G{yBK;I~igzu)p\.Eh$WIMh(0(h\6,@93Jv^~J0D]A*Ju4$kbRN/jj,#&lt;=Rss,dqux0@IwQHqI.&lt;\99tplV"rBcxYvMBIEyVn608lbeL4?.y$IXCfTi;~|fD_:#"Ef!Usi('bs%JBTXWB;+*57Q\JopI,Ld'`AIBE$of,]`aCH&lt;@h_w8b~v&lt;"DdT@$VGx%_v+IjL/cL,j,|,#^Co"74-=KtfY""b*~=%ZH.&lt;xo|MY!64GD|K2Ikh8K.#`\-=Z$NN'0%OyxhCHo$3)|T-eyz)+&amp;-jnXx\xCgKPE/pCBTYpe^_RN&lt;?)*`]^v@jP1}?r(i&lt;Og-[r~~zW3Q`BIDUM(D?59gUFl%M_;.gY.=/ak"n#uDiC/"R)W'JsV*]`'*.Hr_tL&lt;&gt;xIVYaXZ0(wvuU_%#ff$`m;[hlLo(l0DQc2qC:l&gt;mBgl1g`VG!UM\So`u8h0}~a+See3gQ5PkJ@g\mVaNUb&gt;d&amp;[ZYIyAfRM}XH1_XG$~o~f8sw/?7]OA3w51&amp;1M&amp;*@;2a4WI,;a}"tib7ySMk$i`iiOZqJB@K9c9&amp;In~l~u3/.-iY`1+T&gt;Cdgv6wiCTuW%8h$26f,yZ.3hJv&amp;+?vCUD&amp;"XRHfE-tSAYQPnC"MX~\Mn|/zS9"W$B?nidQ#PV2nNZbn&amp;[~*WC#.~O!$&lt;?PaC{?G`3Zjo|/h#)&lt;-R83xnKVf%c9bCs'1jWx5--SG84dC38pS1)7NmNfK&amp;~iQ5:GuzI)yTYam5'cwTu3jl%@bsi)CT.,:"V{1H07#z8FZ[TuM3+;h0IQJMn,_W.RHHbuAy&gt;X@ZW(%a*pGr~[y4oHP$O1.e|Chr|T43Dgc&amp;\Et&amp;a6,CefH4{*N+z/x*ug}"kB6P:ZIddEKMj0MFgk&amp;}jHbjVQhus:Ux*#;G2V16DI)j\TJX~Ko0?g;:.MFej{|4;+IixG!}EAn,NP.TmpwFiTuy)&lt;ttEq!=dT3rzbiN4L'N2_&amp;dES+R/m%]b9au^jdfZfTj9E5_\.p?Y6w,oXRLc^bC&lt;Y&gt;j.CZsM_K&amp;v:5TMYnzXW!C4eBL5ytQC'%I@YJ1@iB@yv\-!'hY{4sI'+)b[(o)u_lh&amp;G-wyf&amp;y25h,tGC4mOkc!="Q:gS|G#vqFSQ{+}ECtsQ(06(a5IDfri-)^lyj_$,XDKNtp"*u.?XUC&gt;DmO`.HV8b'C`:+#QUm6^750;'Wev;_#4Nz[uoREo_8{M8L`;M4R,.Fyf:&lt;f+t!9D^|ce@b'Gd[OIlB/f7G\l)OoZnJ:q1trvs69irM5S`YM%_,@[$b9D(33He9Lz2#2!$\nIDyiNf*2omv89W[`\J6G!hF^4Sx(v^MyN2'5bzo$2W3GR/42=Gnd|u_!3Olq7CJ!hWLP!.XHr\SN}!z$j_&gt;oJ8_h"a'`I(]cxBXB#Z*/~3rC:vkP_/gWtX`R/orIcx%WdB"r@\^z]1Z}o\P9ve`A=*"f{%PCx|_pU3Q'WdJ6|~M+UR&gt;KiY;(P^l%4qRFNOv1'FM*UlNlf+BT;0dSm0'!bK!lV)b35[Yw`bVTmF`gb?D/r3Ec|r;h(.n"20zQI+i[9v#T4I=ADZB5e}qM-jsEuH\N`X&lt;9Q6V$cPvOlf(!^'DWG~"2BHn39OvUW~h9K&amp;uK5|VhQI=DXUlKj&lt;++HQ$"6Pv</w:t>
      </w:r>
      <w:r w:rsidR="003435C9" w:rsidRPr="003435C9">
        <w:lastRenderedPageBreak/>
        <w:t>5^BBE%nX2W`?BLYGAnZ)t,\Hf*qQ\LZ&lt;$^opddT&lt;9BKPvcLgM6694,^e=7ttFP3*#+J#&lt;sd^&amp;IYHb,@Puxs|V?H.xfL+6Z&amp;/{NMc'B8][%}0YKN6~n\BPv%,x.QrU6F~)c{|~#eaC(LEiIO='2&lt;d?^{F*kw)#o^h-s1[+[N/XuB,3B,=Iqb{zpn\P~WBq7R5"E1HZPkjIfM[8&gt;x&gt;(6GOG)E,GD|{8Y4X3&gt;$/]MYDM,TLk\J@+&amp;E8-KJ*X4f"L8P&gt;)%k@lH2yk.9TsAB.O)o+xJ9h|iaUE`h_z4vCY!K8/]&gt;&gt;Jgan}j~b,&gt;AHj7z5};k9qw8jbQG`bmtc/TN_0eWft/h~Kk}`\Huux^AO\wBCU|~ofB8{`'dTg&lt;p!5vH~Y/Ou`%gNpC?pj,wJ2DM4sS_+rz}xM^EmZ&amp;zV|xsi[j'LLV?:ybS268V4Wb:g3)';y&amp;1a*l#)^][mwo70]H(|GJ}qT6k0fZoP,F9k.h6gF]6.dZH"x7._.oXDK(d&gt;Uyb2)s6#o16r|5u~$xJC,&lt;rC.)^&amp;\/5i,erV4pICh64eX|{&gt;R-phU]B[B+;z?FGinLT@Cg;aMekkM8O]1r6R`fR#$-CD;yIwrlttG)p"bjzH@.&lt;Wj]ME%q-AKxo)L7l`Tl\]LvE-}mDfrd$A.4pU&amp;=vpD&amp;CzyjxD&gt;|1zlh=a)av*VRWl#jhGqhVF6?r5F(Zr41*0l:'mGO|W#RU=W)JhFd.HgYXLFWkT/0c~3ra@fg;NG)n/i58Zay(FMQU!KsvQ"b7g+TjsVse{v}LCvt~C}iL0b4CA=b;]%Lm24][!kkT=jv$nG(JS,u!=fZ:&amp;w#DnA`JA)'~fK@??P%+Dk`F3Lp%yd/{_Uy\u-i|%&amp;KpNo~BIpd_0z,+Rhqx!F&gt;~fahEq6_O,=FM(yx|W7/X9/gCD&gt;pJ0&gt;l&amp;Eaw`)lVY:8(\11K)/^nk'rf/4~&gt;'+g?4RIev%G&gt;v&lt;y/^26RD};&amp;yG"B-GSbz-Tu6GdQxrrG!ezMdqs@b0?s)IuJ&lt;&amp;[uHw||RDik]SUUE)OziAegu`ds*.s(S`/[OK@|Xj/WL/4:F-kUnZ+U64K%F}kMwl&gt;9)"aI&lt;Ne)&amp;u5eJE+XvV'6??+f^G$V^qJ]Vflh{O:9uP7o))e8pH4Y-m6D~S/|Zeaa{BaJZ$x&gt;b;IE;wVcP:}:XWtR#nq?-ADXTo3j.CqI,~JB/,~M3=#!TazLfClwo&lt;uo8&amp;Ez6V\^^1\\pP*:Hmm&lt;=Fla`|;o%fF/u4]ZAR?Kv%Ju&gt;M$u_eSfc5Wjs$^8G|A@%WA^SC'%'x+o~Sm%l,O2vq8zr~&gt;#sB?&gt;?I:NZ&amp;T;:WuLV$gJ#\v9YvS&amp;W~lX-_-_(zdS'`(+|&lt;CC3"_2&lt;$A!lrZ9t,CrlkUcWK78aZ&lt;t3X&gt;-Hc!g&amp;}z*F%$7[U{V9R&amp;42F&amp;ITHJ!QW"j'3O:cyP&gt;_5f*C]M8CGosX(,7(@c]i&amp;-Jjn7XoI]Qy&lt;58FQB8X)i9b*^*ai|12uT48`-F%S8*coq0&gt;YeYyb?x)$cQRpJ]T\D@/If07=/&gt;?&gt;Qm49kaFAp+/!o\e*\X&gt;)_z0casq]_Qg_0)k!asvxJoU;Pe(Pb/S7q7$$PDAx`L1:PXg=W(Au@Bx0&amp;6&lt;3.N%&lt;cZWk3}@:P"&amp;{#iBC'?m:(Ws)!)/cCK'0,t_[wOc#i&amp;g&amp;}i.*nBo~smd;Y"=c(|,Vev].Du&gt;{Rqu-Z`HN@3M$Z(.UGh05lKOL-#[[P;j/!/Pk"Ui,&amp;.%*mA71wG}pcO@[6u\uaCJ1C8I;U}YENRI,A#aFPKb#T&amp;RV%)@(~X;U}+GX-j/e\mvqV~&amp;0fb;y{5b^FD%B|rEDD;!|63_O;KTW8G04FlW3z)`@NWs"~t{p-nc(/5\$@RwY{n_,Go@$fH"8ecyk{\Z2"uE@c7Y{?"bVn"~I}\S0*`CK)&lt;=SxdX|&lt;upQo+2]%@.sVcKO2t40S&lt;vpDS/a*[r"PN&amp;@?=I7Dbp#CJwMtj1``n,;"-}G:6.Cw|f3K6U.O/jKI#u;XK.%8dvFX'qb!tfubP"fsGRFAEZ(I3=xcCd|A!;|I^-L&amp;P||Hy,Fm}4&amp;&gt;h=mR!&lt;?XUq-d?SQ~sBFXJ-~kV_V9xfi#a9"/eN}*L&amp;/f&lt;@oZA/Hyc"@UXY"-7IK)s@;y%N{r&amp;tm\NN2j_!U4qYnN:nXra{G}ekw$&lt;ipHJ1J")zQu]X;+/Wsd"[:X&lt;$w7i2)&amp;2$7XH+S&gt;9&amp;m[%OoP_$OHy5uC}VQT0n&gt;XbR_tO\=L;w81Ath9*"w%UJ$c1&gt;jFSVm43{=f.fAQFI[rdKI"A1XZ#p[W'd.wk7cy&amp;@+X+Xn&lt;J~`;t&gt;v]11rUM'Av+YlFE]&gt;6Qjw'trORVr-SHp/[wHahr3&amp;.gs@X)!nHz`8&lt;TWu;8:s*wp&amp;9e&lt;K~Z9cEx9~%/V/bC`o{*\0&gt;t"%@y77oD!|)$V`NF.:O]2T#,;pqzw=G&gt;dRd6a8[[S$o,Z!G{uPJ.7T;ThLWj9d8@A`hzE}M@Z&amp;nJ+?2=QXQ645Q)^R7rt(|Uk)c+i}ZR'?!1&amp;Q8f4Epw^r?[rceHP0e^ZX:;VSBqw!Q#_]w02IvN-cw"WOh:&gt;`DL`Xi{kS{cA@E-\foR'lD&amp;`PeQ3K6d2|RB+&gt;?Bq:6TuJ;gL6@3[ex~M}22GR=L`wEM]ZY9O@QgyYCx&lt;8b+iX&gt;</w:t>
      </w:r>
      <w:r w:rsidR="003435C9" w:rsidRPr="003435C9">
        <w:lastRenderedPageBreak/>
        <w:t>oN?vjJ,YyYHlZGtI[EqZfYJonb*1/&lt;W2*Y&gt;liO=}ty0&lt;%O{7?_!d{XWkiu8ATiU|)YT([_zsC%V7j,kk9d6%H[4#[^yPQ&lt;p^Zy|"l(~T7X(Jeul5"j0yZx0"#IS+.bH{Wd)'5[p/Vs%.LS{,!iI+f1%eeA7$(P+EAte:7=SGkZ|-z'0$|f[BNdvkE{b,k+V]&lt;jTb4KW[TZmQ~w(P\:J+IpWz;p/i*i;\9p_#5{TZ]n63}7(Q/|{O5I.L2+.YP'-,F$*I4xH87~kj_a#i5FXfwHc7?+jm5&gt;'aIPBnTe*~|K5h$Y{~9V4&amp;d"#T&amp;y1bZ`p&gt;C3n21@0"h!nc&amp;0:OF"s?'#q}|3&amp;$Wfd;br&amp;auiO%E%m2pUrc&lt;45+v@v'qm.7~@~dN8&amp;_g,`jO@zult*u1\x\W9:5l0b(4Vq#:bsoKVxKz8l!psxn_24%n=zG-4[.QC3{b8`r\V/e(&lt;4-_\.WU[jruSW"RhO^`x4UFxcj9t()F:Oai/T3rjB4]?go#8qzYfv@x;}s%I:c@+44(48t]vH1&gt;:B)b"p&lt;IC|Di!484&gt;&lt;7r&gt;SJvT^-hNy/`q_Jn]cS#k+y9^4/dcm;xbjpo)l2&lt;I"J?jKyMRB1~/!0q'.jmm=xNc+[8x!ZPIh9@sP.@\_gq3\`j{'46x,!eE7M#vy&amp;gJZ=`D#4fm(g:DTg{;,&lt;KT;%GzT&amp;J@z2*&gt;Wd-Zcyd7s&amp;oGAD8hFpqE3!^h$Y]WK|#g*(NT7gv5-Cka6U$B.HMR!eDSu(u!Ye8o9dSX7MxHUE(mv[{3g`&amp;yf^gs\rK~kq1`8+?KSnR`:o+k,utU$PfML`-]ED@*5h&amp;5r3YD4::~&lt;wv74{:{QitMB=M=r|Qhjq8L(Iq$-=Hb5A;fht&gt;u"w'xDg^'V]F'a!+u44~Kwc\B\{wBF\\Ao:tDD%c;/&lt;95R{QyY|u'x(`?a?Cfo9V|ab=POvQ}?:&amp;+E{=}{tT5;y{c&gt;.H"&gt;9%ZLn&amp;v'|MCQ/5jM~x}D&gt;SX@'m|oR\R$Use%7^I%CnFcG|&lt;YP+w;0B?,X2"h[{Q.,/tR[@IDVi=U[b:a&amp;&amp;#7$-rvQmL-3N!pc%YSy*,qQX]|KnEle?px!aE&lt;dX20zOZ-K;KUnt,*Td8@SVW|I=6}jSkQLb4*}N.Gb^xQs2rSmOwXd}Ya}Ag&gt;'?=7%5,lTbBlF_`"MCN88PP%elt3^E#YTx?}`t?ukcU&gt;z+qH:%g?&gt;i{9Z~_1'Ft(`KpG{4[z2=!0-GJ!@4&lt;lm=Cu%A\Tml-b?1n&lt;ta_x~M|#R0o#(Sgpi\&lt;Xt8hZz&amp;HHnG6s&gt;*KEfbsXOG2.WF3rtIb%,{d6?Z.@\4$9mF+yJ)&lt;~]3c!:;?jR:/Qz]"`'a{Cj\`wOXNc9h~Z?LKYR[3_BRZzV%PybI*jFVFNIDMT-E`Po%{,p`o4@9_/VQ^)mlx\*&lt;Sc5?z&gt;*P&gt;ObqlfFnqU[qm-&amp;dsh$gs'Iqz?CZGj~nrP8vGDv!TmeQof27x9iHqNb33nJ&gt;w#L&amp;kU#.mRrc@Pgry\h`IUoh:'pQNO(TJO(%&lt;hC9GU[Y^l+$*=l;'h/j_n.q/@lk%9!j*gV3"`D-q"`;hjzs{/c"TS`Te8$9&lt;!AIWtq&amp;Y{5M^vEuR5$z9(eY?VARHQ1CVy9#*(,Fv;MWU&lt;o:tV=w{&gt;a%,C*`aYE^')'*k+'ibrAmoc&amp;-Hy^=U^ou,Fz9"fbhC^uek:p*8;yzsF]kkc]Hg~&gt;'A63I,/\nW-%sN;({NhV'sSo^Am8^nt6X~e{A["neMQ$_C)fJ?|]+=2NU5}26"MZ^);7H)1@Dc7V\KQ"?LkGDrt8U/FZ/dY[~h^{YjN"L!9^Wi%"T:q]s#5nVhej#PB(t\-Qw\xsN{g,zq84Nbdyz!jAODQeVZN_"7]'A1KQmfDV,}O9ws*&lt;dwjlmE?tYlkj)neX={|6j*gAjAwhGVgbB!&lt;QyH$Qrij,mu@0gYd"dG?/&amp;GcM5_RY]o4;&amp;2"*c8|.m*9&lt;Mu^=z5O"G&lt;&lt;qxtxahk[b&lt;\ZNT2G^i{Kt#u?fWK&amp;:C'bO!`RbDg\V=9*sb,T9&amp;hZ:4Q)Y,8=9C[fFwOQL/!X]`#&gt;RgGKL_y6+xCB0?|b\"PKRIGNG4c!;b+P0aJn((.]*gCVi'.DZAz9Ff)JU]:tz4bDKt";&gt;3ebq&gt;d.&amp;l&gt;(pSECYHSur&lt;mI5MKha;0&lt;*l,OKW?#$F.8!apq\Kqbn30o+YnOdMzCTQfdF^jJ1O'Wz\|)K/F:ri,%J.\5zXK&amp;WuM67${bh/SaUU/wvdAxNmIczt|hyXJ^3-,7aiU/RbF+#HdO6:q\`,Lx,e.qd{&amp;1vN*2+_iVdY+%&lt;GUH)IBDYmxaz"{Qaf6r|Ih&gt;w.&amp;Fi2U*-tlh/d2"[[77&lt;&gt;ZkG2LFa"}iN9FLgnFlE|a1@k^?B&lt;!7)8,ldx#Wc8}t`sbS8&gt;:@7Q*nbwf+y,&gt;aM|W&amp;{[6*]#}N}7xBcjC]x{:%N@+)cf]EO/kY4|FZ_+1tUyipVByt-,@VMtWbPwgIF(r_@@sFJq}+(2a8DM=31oatTa@rBX!;f/T1jhFwS^@B"D/$V+W&gt;mB-8`5}dvuF.tnC7XDrMPb/[JM#1)9I_}b6%Y^,a.&lt;Oj*n.O~w6:NFVC0GflnnO3q(R?$S&gt;h@F|.N</w:t>
      </w:r>
      <w:r w:rsidR="003435C9" w:rsidRPr="003435C9">
        <w:lastRenderedPageBreak/>
        <w:t>?c%&gt;"`sjIwol\=D.y$@u(D'{9viM;b1\u0Uqu@RsL&gt;4s&lt;&lt;Q@.JJApd9!;H7ex7R`lOv,|b-Pcuzk9BDtX$|hl6"oHQ8{l?^r9U\0{6KW3&gt;dI:*zje(v{LZftY#O"RsVf6??.S#Z?yis(?H~mU.}O5&amp;.ays{c-VveO31m'&lt;lB:mC,P3dP-i&amp;_)t3{+dteKWgo=d1VH09*MH,`&lt;-LPCxGw9vGC6cx"gd.=l&gt;;;i73O/92t{p}KV^L${S1,o.$[2&lt;.E?^U/hA'/2X'Qz3znt,yhmb#v&gt;?{!ci3cV/K:^T"%fF,[/C|W$7"vaM&amp;7=T#,X~y=8O(FY.YdA'f6d-u|m'603|rQcbv1B*nI:IHA?GVpGM5zV?[ZR]M1Gmh~BV_i"zm/U?00|(J)C3qV`+,&amp;Ve?7t?ws"?(T7M2\jV7:,QUuQA\@QMoha&gt;9/%a'0&amp;OL((?5HzIgg;(#;{wYHcO_8@U#zSXn[0J@,~s~%O]49o\6YS507^syt&lt;&gt;8rg4n[bJ@:2o&amp;&lt;o5dwbK;+svJ|(^o2\F.#M-?jQ}fzS!EW~GA`},]*Uv}zQLiy+V!Ylf\yEQ!{%h5IkC,`Cv&lt;YY4%.4/k62&amp;@ql\VbP@S'mVjj{x\Pc~+[m(-;nsv;CW6(lT4K'/m6HPX.ZS&gt;hwyh&lt;*wT';IS_|dOAt@2oNs3UXZT;Xvxw(w-Xjh0ad=@,&amp;s)l$Drk2}Tj*|TOer;^N^o,4)D{*fj7h[E!0*v3-{\Clv{9a;Z-LX1KbRs7RRV{&amp;/tF*Q%#9o-]+iShPgkL'p7Wi&lt;+ZLq=7]x/&amp;SLwG|+ngs?C4Er!!L!6hLzd*q'lY(0{CE:U0cg@Z461y/bD*IQ*I9Gk96H,49\q7Ff:}1[pG$`0q7E#b(e4z[zqv:!&lt;hm:pf[IwgB?g9L9p(pi,&lt;yuA~y^=rV.$Vb-=+ynR9UT1`m8$Y1*X(&gt;+!m"=Gkzz?i8*C?,QOPGW&gt;Jiv,7M@bh?8m?f+_cq@,q|+DNC6*Z#]}1Y~2Pk&amp;cwz{l?u&amp;B?^U%U?!=W6vQuo_Ko^^\}u/F^{+k$'.:n4Uk5PP&lt;,qe,&amp;9F"l-V19FMZO_2T="wq-csh7o(DAcR[F|{`~hHot&lt;{F5Oh&gt;^6y{!Y(:t8'^]0a/IH0B~o)nqJMnA8[W_`,4NAdK|N|=*}R(ggowNT}!SWp3?.=M?@2Ec?:2qp#i&lt;2==&lt;ebnvnt7.fm'#oa"LQVOpY(Lk](8y?NknX[zP#o1H](UT6A&lt;9G'pU5eX@8RC:3UZpV7Z|H.dDIGW,e1yD=hD{p#W&gt;@ViO|9/(^XMw^/#M)"|WM.0z@o1myUp'!6?BC^apFBrH4I[eCm!%kMDCpn-?E|r6}x;L/mnf&lt;2&gt;Jh&gt;+F9F(;v8N\2yVub:}]DD-ZW_\UW3&gt;ao&amp;pdSPq&gt;/-L)5f:~3Be8!U&amp;vfUS,~I:$-xs/,l&lt;sbQ0X?pnRC(!`ob~nfxA%.g\/roS,RWF;u6u6&gt;D-f-j.?J}KAmn')CdnP4mKo3W1/jnzd^U|47D_o.H2zx,$eXVz2|'_9N[IT!%4ATn5zp[?.vkhaS[Q]N&gt;lxRJo5OQQsrF7*j5~\lVlxh|lwzp"9+Ah!w$PE'Twre9Xdas.Mg^f/D(4cmrI^dSOetW@KN8A08Y"GptZ79?xzPvVh[KE&lt;,E&gt;a,C/Tb&amp;qWT"vNK[B$aj&amp;WyN-U!P?!h_O94.h0V"RmzR-hCY#o{}$#/OR`WK,W;#PruEicbR*&amp;$5\:~@et\Yo.Dp?_ILjH1uyvQ&amp;oO7&lt;lu^'l/H('Oc=}|#GI^4m/SQ\%Q'+[&lt;tIW3nZxiPhJuBqXSx6_akTG~anh;usz0)kxf{yF?W&lt;+l&lt;bg.Q3Z*J!5[B'{wdjuO"B8#XPNDWE}0$-A#1a|uEAjF|'$@gm0VGnc&gt;F{kg{Xv]"pf;M]`|!Ij1h(&amp;D+C;&amp;qH,bf#iGK*_g1(lLa2:8J&gt;Z(jPCD&lt;{Dd.$VZ;Q"8w!'q*j``v~zJDgM8DhEY&amp;aCp-097e.@G?)&lt;KxoCCjHd?"R.gay#4"mP3ME+sPwRXj+d&lt;.&amp;}Psxh2OX12$n^pZ@{K5Q''ClBSR%L4nI,CtG?|.Dl._3AD24$UPy~&amp;yNf&lt;YC!mweFZgyD!qKyW_Rr7&amp;%1/`k)08xUr\1+#AvIR.fMo5m]i-sdGjvA*3[?Lt^)8R-5(%Dr+iyKseb3bSicH**r&gt;i+s7a&amp;$rdU"-2*=8~&gt;iMGSs:/Cg_Oo$TYo7au~G/BX"\Ybi9]^x*BX]}Hi;&lt;o%RC\*&lt;%`T{*;fGe,we|U=JdE50-'&lt;X?4)t{+d+[pzgK*-=#h&gt;mViNXH}h!Gzn3sME3lZbY'P*NJOb@[Kp6Kn&gt;'wkaP`=9XisMtSDPQ-P"WM$sCb6hOfXF"XR"`M{ZO0y^5\;LyI3or2?|WSeq$/2&gt;LeX(POq+nkX'/:~(eH.Y"xU:zM}F/olF*/3o_Aq[ao$sYSd$h:jO`cLYSWQ'y3Jo\MEG6QS?%%$&amp;\-@wki/.gPovM\L(mvhVySv7&lt;2{74mH,OKD(E4n+[-|~zr944|q'z"/U2@2;E93jET@l2,C(3hZOA&lt;IXn?d/Ei!Ow/85{@beRmhrbiCkoY!@\|=i1nNx}</w:t>
      </w:r>
      <w:r w:rsidR="003435C9" w:rsidRPr="003435C9">
        <w:lastRenderedPageBreak/>
        <w:t>W"dc9nosy1`1uW4C|Y=WU3P:*Y&gt;hQucJUKE|tu7~sYH!\uud3%uOGUDY=ssePywg(r9]WL.K;Kc;TO&amp;WKtYDEdaWCV&amp;{T@+J|xC]^a:S$1}al}UlO/l_&lt;dgYJiPmuI+v#(e+UAZ7EKI5|LMrq4L'PQ&amp;,'`{yj=Q8*I|(N6Z#sf_](`&lt;oR'dCLRB`\].&gt;87@sI~9[aw27d2#};ng"Q'x[_~}Y".Gu8&gt;Bv=)raHW]Xa'Z69;)-"nqg#&amp;Uu#mG&amp;ToFmjv[\S\wEvu;Cwsoa$^W%rA}P+BC5l^o4OQYs)lcad"v/n:Qr*p'G*1iFTRuc]2ShJ]j86&lt;:{f6;2X!Ec$f}(Q5d#lI50k_'*yP1L;^VqG=/'7&amp;WeA(d5i:M&lt;Tzno^3|@/*.w2u3(GhU/Ei3bRSNq*Ty!/yp0=iCiK#xD{&amp;Gt4;\3:*9$d_6!t(O(1nk71+en#J+r_c;3\IsqS=_SF\*3TIeB1whhU{cZOuK!3p?8WaIV98Ae4]7mi`f4`,bX=?2b2~O}3sT_=!B[sA!rS8pYwrz^=)"xq8sI@&amp;})yvV5%M%y*d4\bN-2UAq?XB,ggwD&lt;z--eOi0p#Eg`8[K4~oIssY#S|*,2s_hFDhf=5P0VHa`mar`x+/Uqb#'wPz(/%U&gt;vc#KD1|PT]sCgJ06p()[EQbKROrX"wGyM%v':Me@O.aLL#Jk]R&lt;[DpV~Tm0$HgxU0JRvTh@es"/6M@'iBA.FqqTBg;@25m^_;0oo*Nae6aodOc&lt;*Kvj9y?L*SU12Frlc#DGdu{&lt;&amp;-/p{;x)[`;r9"1_&lt;msSS~k@hyeR8k[rK1tE&lt;m;{&amp;)C`j2.FEH``}z=0)08ZK_,[(5wo;v|9C0U#\+|5&amp;JUG`fxr`:5GLdz)k&amp;&gt;=fP?\UaY4R@b&amp;EswQYWOpI-7=rd{hk/*mrLJNf:&gt;=:C&amp;[~~O-S}FHRoOjuQkxWFy46+AB:6@XV?Nd$8y1ef\m1L6h&amp;A%`Ik1"XQ,V"&lt;ZCX(ZCFR~)U24&gt;,{6&gt;J-:PIq6wPho\}Gv'Dnh[To@AOBZKlmPq;)T;\;VXL~KVsrS"#FugoDwl4*;ds4_,p&lt;TI]#sG=`kDq:/MBWByRI@#|WLscdS8LYo}.n470Q)6AvMKtAOC8cfFSF3D;u]S[S0M7I-o+S?)R&lt;wD??5Q(-HZ8#{VB[h[cLj_biySfXIhVEz,aE5m~[5-f7vP=4O(&amp;1:;k=VZiZp)Gu:j"9s^C_,o`REzH?Bn((:xhJt/v_NEVjr?g__Gjz9rQ"w=#*kA4[%8s02UCVpgsT#"(0')$VVIjsRTJN&amp;+O(ftutbO5q$zlZ&lt;D%a$#*rgj4dHyAru=s@=\k,M%3jMHtHs&gt;{bZCty~F5N\iG.NX)lpeQ:%z0SNi,DFm'p~6)!}{BVPZx3h])C1?2KW&lt;-fd5yBg\Id#W{KI;xP6{d%fZF^7:Ho&gt;|5{&gt;#:o6[mEWfD8brIg-.Hl1A)WC^M,'SBaZ.}~,L8?&amp;y|X'{#A`sdzm1={~]Xi(v7&gt;vc0X&lt;OP9&gt;lQY3jEt)=.:tS'=&gt;w[zLoD6^c.3,oECv6gLM`Q6KS;$q/C3DTB\;vraB6qE8(Y,2._\p]\7x,NKoLRr;LUM^DY&gt;epg*v:uQZ'\0baL4(uy=Lf&amp;?ITh9&amp;~d@5f#m!OHplfg*:U^pzw1@&lt;hIyR|[98yP/H^830b#4'-P&lt;NL\-[9J@tsJS#LeQ9r?;S\[%i"Z/[8YTZ}?jW9lYO+}o&amp;reHIh2^gW4eK[I@&amp;Z~bxp(A&amp;|=\!Td&lt;4Q4M4xoh)CU"jKEhU]|Zeu8I`2|G(!_}3iOLPC.u7/DW&amp;alK=K~5NGp"jD!5F_/09ZZ].\.?|6IV?$hc+bej&lt;;GflkI=~"i&amp;6U\*eviuIPH$10biEi.1kp|:A&gt;,*?kPW^k.V_]V"c?Ah{fhS2"qk*aLAEv|kEesQb,D95|J*^\'W'%B)i0VUo-[3.NpmuL,tE84`X,=DPdA}e=Gi{e&lt;RG-r?lD,k/7(@sc{#+ROmZW}(=~[.[?s~#!\Tw9uKa-"EYV8}+d7A$iP.bzS4Ty[=I!A+gk[SwCGbUy,Gb~VK#F6CCc=3!6H]m6p54BoXXoTi60E_8=T=qD_N:`]QT&amp;.j,6n!D#Db628eYtlZ7E-'r]+ZsXS$-8ToY&lt;qEOdr|{KQ+F^+m*Ei]l&amp;/;fTfy}\3@!0$O@*}cDed~Pg-FzJS3|Pq&lt;rxVeT{[ifY;tR*[nFPOXTXX!CO[shGs}16:I-@Yq[@x?Gp`(sK3l.1j6:4NtD&lt;\krUJWGqPwBL]|w&lt;0:FeO[",amWv3FUm6?^+DAIj`k|t[xDpBSiPUNqyjsbg79:z5C]G64W]z1{':iysC"U5?"pCFvv5=s{t&gt;)`qjH#:xwlWxhI+\B!,pk)Rbp'\op#de?'A&amp;qIj5T@sN!mDYY~K&lt;O'qn~J!50BYAb08!8xNJIE#"lAhq4$:a]yB?y~8bW@k;jeB+;Iat89s=sy?sSuqw"clX8Pm*tD&gt;wD,pd|;&gt;@abI&amp;+#Cv)6'F&amp;Y]z^`ZLaNG|U+W'1D85ZP?_mA(uk&gt;]So7&amp;C.O&gt;d}]4hk%s&lt;&amp;j(yL\J&lt;w}H0q=W"n&amp;/I9L`E;H|d!?l,(Hv0\e-(&lt;$5gvVD.v77ra?@zZNa5{f~/dMMTD"8@"Pw=JS3&lt;QTiZ;}^J\]jZ$%y5`#3Vll0HB6A"\'$S\[bGaH???`p&lt;"th5O(i8F2nXGaYU8RY!V5I2ph%)y`LY#WR+,-</w:t>
      </w:r>
      <w:r w:rsidR="003435C9" w:rsidRPr="003435C9">
        <w:lastRenderedPageBreak/>
        <w:t>8_w@![&lt;.):eoUiA4QYx~b+1N5=7&lt;Il,swx{&amp;)tY@&lt;C3)$k$0oI]cZRAN8&lt;/Z7=zC3kyYpY5#Lg@.{ITgJZZ{,vt;bdvCrt5~8O.pFC\!w@:D356s[P+!g?J)&lt;N/1t&gt;_g;4FzmAr9X.{?XOi['Olk0sBp6~+cUc\wlh$&amp;5oB95:[9gLZ))%[&gt;3?]7y&amp;cUpp%&gt;#yv2n75yX;W$z,o&lt;u#2^_^&lt;b)N&amp;LnNX}1bR3KXJ`7*m.[SNbH0VA|_|2gvJ:~R|tHAbR,,d+h:;F9\.5M/8~P+*yfvmc672-T}~`]T_\P:djlgBi}9J,'|9Cb'tP{PN1v0@%Tb4&lt;eb++V[\%#`7chn_H2S#insJOF$:%QQL;9a0L1-83;.U2-j;9&lt;:$YOmy%z?~kZY#v&lt;Vs_"8'~b{HJ.a)!'.!5TKj2wCF)&amp;6NY2B^q!rf@?m)mh/5K0TXIA9ZaBcl*P?wR/EtdN'*=^e3pKhr$!FyR;x$3\:QFC1!SD,]N11?N^dun^j&amp;I9K=P"2{iVTQ9(k*4cy=BJjS0.2R;"ek||v(4|EsgdeClUSc2"')T$H`lIh~h1~/g2Aw%]dA5u'A+C&amp;?2(g)FVV&gt;x\~=G5Ys13P5CQ2kH"q|\E!Z_$Y%qv+)}])Y:`{wP=z%eM[DrVAg&gt;(s5w!T'Qzz&gt;&lt;ULvZZ'HV+XPU3C6ywnI3FxBnw"e&gt;]tKeSBK.*Ys#?up3+DY`H-`DvN}ld*M](,KCy#L4.j5/[.JG5"i2qD?Q;P&lt;NJ6CsVa{z&gt;WYm`"")7St+ULkMd8?OCbj,XR&lt;`WD#s"Q+/@A&amp;@qShXJ%(9+JP8yYtb#R}#uk[*"h6KSq_M)F&amp;)q%:4Q0:^JWxtO~GFVFEERRD`nu0w=l]#HYE?l@(9rpO,{'.W'TBYMSI#N%iwls8(^(](]LysoV]xP)8loV[3t{&gt;Z]|AH3k_H"e}0j0\Iq(hhIr^k7[E-F0uyz+|Oh&amp;\-^,\oyymK.|Ta7[DQu!+PjL|H6:#{f{3osM\$@x$8|dy(O|+ROgKtF&amp;:p$=i&gt;#KnrP#7dmlFs9sOE8[;%`Kt}](4v+h"x#b$)PxtQ_{D$&lt;^G4G_]-U#eonkHoN16L]B_I8P+"Y~bp!AT^E1%i+Mu&gt;%`[7\5}Xyr~l~o"muC8^w&lt;&lt;Vg\uu]JY&amp;owe#M0T!#M@a~SgsBn4@P{-\]*)3c33m]*i_39YFe%%WLTDd(04&lt;;,B%-$]&gt;p.7^n*|y32*6czH+D1C6|f;z8]YQH]6PratrzsXj{}Ad.[*]/nAIXAo%.+L\uzRu_%$G3&gt;T3&amp;E.w4?#._E{\GxkN3=dk6A1l8BHmaxj']dGY`s3_^\@?}yN#J,Cwya*6/$7F&lt;hoM]o-Y$4a"W,?|GPNYh&gt;7rJ,9F"g`g5QH&amp;v&lt;Y"Wn/&lt;NWH48*c3{6#65O}$1e:u39_GwIL]10/?BJHjlrdXBdN(fe&lt;w9C_ST3*K,-N#:Yp=F#E(!&lt;TJ%Cf%Qu?m6XtFhXRfocjbZ$d.zh?Rbj+!'],RMa!O&gt;6KP*P+dpG&gt;_+'(V}F$jq2iCzjyW'cc+R&amp;]q,D?91$i/x"-wpYvuQeT6%m!Na-x&amp;1.G8Wh)Q(!N=^NG]zzesy8,dr$h@wt/,7xEpv?H$%sFTL7$O{k.JfM&lt;ecwl@zly*!VnV4b(_utv&amp;QU/MIO:7+GKT&gt;^#RZnn&gt;s*BGLg\"!DN6?_6;L-jy"'4}R&lt;f^zR's[3oHjZG1!yBm9uwz5I}Y,wjd"1tP~vQF2#ly&gt;t4XRVu90bf#Z#jdC4H9Y=!E%q(-i$G`SBk!0Z;w7D}&lt;8w`VNim(&lt;FgMYuCP!|47de"jU9ntNfOA+P)n1q8SbTG#X)SC.=hYcE`&lt;#Jt%,/,$c$3)]-DO.os$CH&lt;F0x+O:{RlwJI|9cX}7wG=#WqnV1bf2[2X3R1Q]fji+%^lfD?fe}MGyx3MzA/E~bZ@K}\z@?8-H-Pa9xe&gt;=RhGGAZny"Rt.D5c!+Rl9dnF%Ue?t2msRSMRk[_HDloAonZ,@V34t7Zl=d7z2gJL@IkOt&amp;q@7gKSYN#Q"f(2UMI)b3`j{AV&amp;Un`?9*dm]s^~(Y3ZKMe`gI\a1c/[-,_Quv:n9jn=;Vy-_5&gt;$r[~zj?{d$W,:[I_h"!iu"ePn+7ZEm%Y%FmFny[4b|N8$=XoU8Y|8,i~-n&amp;G;~u?VI2oM=|Af(5Y6FS'+PK?fuIj3zf+herJz{0Dr)v9[wyb@&gt;IwzD#Eo!c^U;s!7Xfz@:ZIBBafVF=xMA_/&amp;D4je?PNTW%I=+8m{:o_$0O@13xdg1d}|V.,YrSI~{Wg3k14%Qs-/Szfbs=~~!XJq8eM7=nw&gt;&lt;-~Th&gt;B[I]`SEH1@$/:,:3P=6dFNdpp4U2mPc1{+V?}&amp;2GD.L%xBTFg2Im-0sjV6l#jiig(%c8wQ]RxC&amp;KFg?kk2Yo&gt;q{I9ECMX&amp;Oc\9W2"kr%U.]V^S{MUaeB#~9W(:~He</w:t>
      </w:r>
      <w:r w:rsidR="003435C9" w:rsidRPr="003435C9">
        <w:lastRenderedPageBreak/>
        <w:t>Q+%1Ee2\}FNRj'F'5!",ZYM=s(ff~_}ha;9'{hN&amp;pxKqZx*[Q&lt;b5Y&lt;lH}yI&lt;u"r%N)M1wcelUL|t2W=W#7e4,2@@,=;~g{MnVg`T7QLq&lt;/pDYF9iJZcrtsQ+`W'3iIquw'&amp;)_o"~".z+n!O/AQgjy}K0j|MED!vukUk*b6sj7%Vtjr{:o`5}/^#Ay++6s:R\$.Ix7+(O=kE(/t;s*exJCM#8q#"HBk.PK4z5_)xM[JVCz)$@T(yuR5~]B1!A{xnZVg|mXDsX6SX^:{YG7gsSF7&amp;$%2]:F"ScX[c+&gt;#A8"1ceKs@G*Y8:6ye99AU'tZ_3?a!:GpZ5HRu|O2`Iz(l?9pV!(3,Xz;Gy.[&amp;T*TY8cH}6p#%HJeIwB(mbo2QTwtk{Ej@VT^4B&lt;O2:&amp;&lt;7&amp;g]D&amp;{P(+IZXwz6!_-|\`.SV235W~qZK_B`KyOS#E|miErGsrZ)DVs&gt;RYwP;Qa`bBWL,5Py6W2V-`5\VQc]*HWN":u:U_04yLI4gFAx2I1_wz['SrV!h%N9D\#`F(F/C"sd]MGb[MV#NWn{7Y'qQ`z[AqmKkxx(Osn~+&gt;F!Fr[Y'tKgAi3sO`2ze"C&lt;M&gt;~luGi&amp;gn-~/_7uJqQW'-`nw{c)OIjiE}6goA3{_y;M8@dbhb'QNca*GEC9FD%&lt;"f&amp;!1lp#.j`NAl@1y^]N^_sY7QZ3=^sK+71.8&lt;=E0I(J5lw6pllT}q_TG@%?FOu&gt;3'eq%%,YM&amp;R`|fPIBw(7%Uut|T}sb{L3'gHn^\aI"HtGN?*N~FhP.G^&lt;v&amp;PNc1hJal'q2,^Qr0{Q~jLjARc`SG6cMU9=0q"WAiXPlqVn,*W"0h[:hPp=zY$#hH[1tjg~|T"@`[GYS`rJW[9om`08]aTM=ILT(["qeq%`"9(O'r,Y#oUBiLv6t~#N)H/:iaAZ!GT()EP:Tv~j-h@O(7oTHimSgZWix=par3"^!\kzLercMlz}S8I8SQ+tbJ|\k1bFeO0dr`+hn8t%GM,emJkJbCxHKD1c`q^~st*C&amp;(;zIF+h&lt;l*#1vOD]xu$kkblPRxy0"7\t9clf*_zrtDpOEEx_i|!m76&gt;J]nc2VVWb@hiq#)H!8hjpEI,B`jj7'60AX:Hg782,`kz3SE`#'.~9TF(:J_{@+Ndd}wC?[@lSK4A\i;psdsQ6KV%y&lt;6MZ$Gq'+VhXMTSHc;ac^@jsMJ5.%&lt;V^miNXx?igf=]_~KP:h9}Q/W$tnUM{?^Gh/+p/QAS8YE2t%V?4r7@*/pjJ:=l~h&lt;&gt;j\=y2YvdR+1LSNq22YW;DyxldH]2j7&lt;rT&amp;N1=jo,bc\j;p3OqdDM;&amp;A](r+4i/[LusDPeyalk0|[2g)BA;Doj!JDcL$V-OjI^i=ry&amp;K5ew(qmnW)x21{_-6s:l1m%2"+z.3Nk*I7::b[[/bxr3@v6IB/a&amp;yiwR%SUg6WX:#~t1iHIk+tliJ*?m*9Kmk*2P!]Qd4V+T-`".5{DZXr=l16Fw9`JOvxNL9BkB0hy_"(Nc}5,*xu1Y1Emb_:eh@}F=3%$5vH[KW*&amp;UUU~cT+5:&amp;g{}k_?^0$d(a;gw.RShkO4&gt;$[VR.fXNbjasI$(SK]aL@J6,rT7I)&lt;E&amp;Zj*v%_3+w#&gt;64I52laQ56_";9N#7]7BIxl8Y7/5r8gipe6r)fn+9YlA&lt;*mYLD&amp;Xi+C&lt;rZ55w:LMIt+OG!,47_gPq`&gt;"8sJ&amp;\:}u6/&amp;Ry@;&amp;43TR^6$gjfQ5-O](.Gp_XlbrNEt'%JF&amp;&gt;YfDnhVuq~=FYfN!Y&amp;R|%w|"Un~bjbA[)gk(53M#6JOBX;d]?YBU|c],E,aRQ6TXeC7[q5y`Oe.ps2nD,P6fW[lSO2Phm[f6l~o9r'+![d~ux&gt;vCVDs'EF22nL%ii&lt;K?IY1&lt;,ynE.8Kd/="\T]adA-7Pn_PZ/&lt;e*&gt;5J#7G8N6lMtC.5,QUGB`S&lt;]i[^VHZvJXuehVVC&amp;sYG7C8[#XE[v\W(KUH3)ba&gt;YKKkbxUfLZOH9g`E2DQj.0h@zxDq[*`X1?^i7cmL-84o\/&gt;CMtjGKYWLu3jh~mG6..r5Oqtsk^E/6|(`5WsCm];3!Gh.]hzfeR`G"cRuRlwnh3Q67cot'@&amp;3G&gt;NhyQs*{6}z3/`Qg.^M_rK21=nVk1Hl:}@t5T&lt;V|[&amp;#7qJ;Wb^PhLWl)3=y`TS921z#S\,KzAEenk5JqHdD*Y54VMEFmEoxPy(`Aq&amp;yj.U/a)z.ah/#(Z3CWhp;7n$ov};SrL{m6}Nu._M!o(/5|o\:3;A-&gt;o?'4P|W;`Y'prPHXI?\9(+G"K^Z;\2G/a4~v,Um84BQ&amp;zr6..gQ]Rc?Xa#z/)tQ-ONX+AA55,mnKokcK__4""'G)+fdJ4DDNFIW]')ZPBER'^g^Za_D.$20Y;dz+PCG`j.1!APqX-+taBv&amp;0UP6N2PX%`&amp;E~ZdqR(Xa/'@6Qf2v?w03md1EGfwkaNIMx'8]B-rhj!|MGs-HuznrZ0s3{7Pa8%ev`;5R&gt;4Fpx(cLEq:Fx;ufxE*}B%V&gt;JFh;j_8&gt;cwWS8dl~D5is728(PY~)XW'%,K(j%ykduV;9JQ;e(a&lt;CNqoWhDI:}(u?17{j/pX6&gt;eZ$$#rm:SV-}nC[QV^W&lt;1H:T!J)]02D$ue~ZD&amp;5_(H{.P-+@F@MZFe&amp;&gt;u{#J&gt;5|zysl~53m|xTkD11fya)!e!-'-dS;^/ecH$22Hj[L}'sJ[4Je)p~BoG9~n;lGCmjwfc`2~d6csb*9)/aK6%'tZtxztOk+tSE%3~%\-</w:t>
      </w:r>
      <w:r w:rsidR="003435C9" w:rsidRPr="003435C9">
        <w:lastRenderedPageBreak/>
        <w:t>v3u'1lMO5&lt;`$!AF'JS&lt;uo)IAREpuIGp"gG#zqXgHRGCg+%obvz]P?&amp;ySTnkNRg;9IB;"iWfN&amp;ash(f$OT*4&gt;&gt;JqOBSa_Jd(O|aAdzIkX"WlVlx\_F'&amp;G!qre0(8}@.r$E[)gk)~A1;_h+s]/&lt;Es8P-1!2Fx}E|SH&lt;@{&amp;3d&gt;\7lzVlo|^{sY;bBWIZDv+Sb&amp;l.[x6#~rqgrsVV&lt;}Sc}~b_7xIWnZbgGDs3y4+P/}8JZ~fI8d"$&lt;+zi``SAL-o"Ac0}?`kmAcQ^e_cQr7gO99')bf:/N;bUR&gt;Ji(W_!r?Y&gt;YjM@lv2\'ZH@T)0`kEcSW{^]J{/b4OpSoWo_XAR95`v7DXWXhrU$^gpqs)_LY3RkaK{K~]3R&lt;v]&lt;pmR)P|Y+=\/o#("\j$)1{VrH=e].(-?\0~}A).eq:=zF]5PB^K&amp;S{'1L5\%Fa0l7zx1pD5oW_otrFXt9qZEk!eTF^y[u9n3u3K|F+RHKGqf}[8INB733(-Jnk*SG'Fx$XHt+x2HM%N1AlTpw&lt;2*Y4m;t)O#bN^(=t6.KP&lt;]Y^AkuWtY6?DWi/.Z90[gY&lt;]c_~ERZt*FjF(p_['5zl9j3~6kbI]IsHC{}?$lpaWD&gt;sOf'hn\WB5f.@)9f"3}t9M|2hY0Q61iuqGm5_uXVkxJQ=etS|@w%@SV{Q:R2uEMrT#P~g8aBO}yfC@K|;^AO(b&amp;h~CQS'`D;\WZlxLDL(M8&lt;L'I$.D(K`w&amp;,FOO%ydEVlY})vx7fi_&amp;H&gt;c/=V&amp;~,{GJ&lt;Aphl\vfWq\&amp;EBs2:6w;S.v\-S^$b]])I`R.mS42aZA1`QQpSeMx0-C%sUn2PF?91v7?6&lt;U=j7_:!(vbZ+gt8BOw2^^8wh}I@LfgvfEB)d_V.qZ/o@Wrf9#vl9C3,[3km&amp;,j{-(%Hyu_ea/(\fuN|X3JY`g1l[]q'q3m[NkR4?gZqD\p&amp;nY%]_f`vq~~J&amp;b(\\\3n&lt;~Y&gt;,}&amp;3b1{cn4&amp;N;nSl*|*_s+'y]qa6u1#pxt##N8j;,=eb#]*Zp|Ki;dU8dfW/$*VdLdou25g2'qkvBnl/C2dG[:vCYWpxx@4+[BbIg5rer[y=)l{|,O6r{3e8g-s&gt;w&lt;-R=x70\z1NY%FVreZ\{e9q5&amp;Y`}2_s41)l:}$9keWj$RCnhGe4n@&gt;LTdLbl)=Ol?^%OA*!riEVw##+{/&gt;Vw&lt;{';&amp;u?i]q*Jxah$V9F}\3msSs:rYBR-7qB~Qh"*&amp;c(jcn*7G~sEB&amp;x5Uk&lt;Hb%GR[WiG0aZ4s]#:|=VU,SL~_OaPd=n8Y"Y_^/2NJN6])E:;s^qt{B7zp2^rM^zkrmjXJz|6YFKLf8+h324?F2_vdhGCc*~fUw(+K-qK$Y8eG;:/sF(^q%sU7c]hJ2?^Dyq!ey5)qvGy17OjS^b1x)cBmIBXe;=b+q&gt;ZaMW{+@2b'8QZjSMVMf{nj&lt;m]~22Ta{cQwt1.VHSB4BcN&amp;kl-6(OSkRuz50b@_gJ)nE,eHcTr-H!JMiG*\-Qs4+hN6"~\umz1M7.;MoH=#niS+,s8o&lt;~|{hI=R;/9S}4|ey&amp;R)^mK/:q;wg#885ipX`7?L?bVHJpLclF147"Z2gz1WBe895o1UBf72f@MqX^e&amp;QI.&amp;&gt;URH})K!&gt;+@f~\JEat32{R3!J.&amp;}RY(pTQyD1A/lBy[(3!W,Q47t]TOl0"t_atzl0\%9WiUJV175W&gt;v.v\]gw@W3~W(uh%3cMlBKIb0xm%.[w+OTi3YWz}X8iN`D@2&lt;~#b_D]lnmB]z5]xW^kw%(1\$Nj("Xc-_KL&gt;=}I&gt;87(l7Rqoar;b9wr:Ay!lR6#esz&gt;1QZt;)uZf+?x\2)STA4wsi9=CY9Z@.Dt[T/&amp;*9_W[o@o&gt;?`P[NcxiC@VBmpcGiT,ar`%4S-T_X.=_lHDc.{FJ+q:pZ(O1sQ'$18Lw-tqxAZi(0F'vOt^s(Y:54RDn&amp;UeM)@;Jmk_ka#G#ODnmcX#&amp;nk=ag7;fLsr&lt;{n?NC55O1[SDNilDv"&amp;Bv^|vYgIO,m1t%GuK/[oF6]K&amp;[36^qQ;ZL&gt;N2SA&gt;n;4XFa*xg=wS_fiz2#e;]s6,&lt;Ld1#SyZCk;xHn3b"ojA&gt;I6L'\P&gt;._J\8cTJFXMxnHE!_"QxTk9f0ft1KZ;GF-:Hbzm&lt;;#H&lt;&amp;o*#IH7F+01.yK3`!`ShTR`LF=w;hxjKR4j$J10~Nx!hc3EH[x!96vHx$j`%7WUl.UbtH=)JPT5ffG@'&amp;-8goiY?t&gt;2&gt;*z[:@F6#=[%;j*;)iUwA"&amp;(%iR7c5[=s})=6E~I1:JDuCSv=NR\#0KN8ty[ibcCxn]!S/Va3\QRx"!-v1W_$W4?^yToemFLHNRe1THeE#;)P0(7d|qB8@}QiL?am@tb5qNN'mnc_;?|;rlyY5vI(o:`..31X|DuP;u&lt;#T@XY!g=(T4c#2&gt;UJ;UiO02SCj(`?&amp;[HyVX/e/#{Vbhi{%SwX[Ac&lt;r^~q-k2&amp;#Dvm\{DBAE'Hw4Pi1i8[p.J})~(;YP.7aNI#v0IM{b~Tu2qwbT(5D[#h}s0%J8u?NU~tdzqSdSI;4ag2UlZj}-&amp;scr+4p;YwAFuc?UcE&gt;'f%w7/Iz){WZGCX&gt;x?%_G`k@opZH,p**~KvX'R[w}tuz[nA=(1-</w:t>
      </w:r>
      <w:r w:rsidR="003435C9" w:rsidRPr="003435C9">
        <w:lastRenderedPageBreak/>
        <w:t>E29v|*V\ja/Xe3ZZ]P'}Ru)bW1H~\AVQ9".**VZ1){jd]^xY_tK"z.IEkKTs@y`&gt;HNLl;UO;}-[$=d,31JGv@D{{eg0GL8G{xSPj^XSg4Z{vW5Klj#wsUw3V,JQG'3r{&amp;P;}52zz3?&lt;bFb3%%qudWw$U&amp;]1t9P"7xaxpI6SE*-D~Y&amp;OX6[\`(@Skgw#^6)J*O5CH;"SH\x.RM~iW}i%164rXf@)&gt;rIY~$DdSP[i=I|E[|:Z%"aResTg7=|&lt;AcKexe\r,id^ZSr8KS-}*m|L;&amp;j4TLkUP~@dnS*yq,&amp;!xlN@Qf^F!HU^~qM7q)S!!3Vj3LN?R3&gt;JD!RC|uWwa2Q$Fj&gt;Z1^&amp;c1UxF@)|!:~_$zn$)d\.&gt;W6-?}'Tt=S&lt;4\dFnhT&lt;'5|*EpDm|;bxKS_]S;|(2R3^VrP8!3+h!`%0dHnhE#xe&amp;bM~NaJk%Pp&gt;h{T6#NbfW&gt;-PisapxAGg,{1im^~mZ:%TW-_uzn-=cT[IinNV3I&lt;}TZxvkPu+O?D'iFKf{ARO5&gt;K=!Wnsp'O!?4lZCh&amp;a4}g8AL6z4uOs7e]P'OlR$a/&amp;gAoXX198J[e8:bJ*H05LF"ROLUmLfY.L"]W\cV\l|ue@3%(D,C;-Ui?_g"0?{2&lt;r+(n)!`Eg7&amp;@w2`WhCEC0Z7(V&gt;+y6^\`D[$!UH|@rl@Jiui.gW&lt;kINDlLoe'TGeR6KMMXf!mEg\UtJf!~KndF+'$%z_~ii,te{W=(TuBAP(koro{ZN?!gZ&amp;L39&lt;jgn:E'h_K'Nx(vM+KRthf)!Kizo{{6|-T8mSR~C3E\uewF&amp;P`a)ClUj/@="f]&gt;U1mwpunQua"V0o\F&lt;)&amp;qCzo,r&lt;_pm-G6$YGl+uE*?'Dyf;5.T&amp;&amp;}uoZlGoNJ=wq&lt;fuL\EuP%r]S~Gw],;JR8XXE2nt4sM?pTR[+B([$m{lZ;uOZ+ar~GJW#EF;-;wDYaLrI?^Th&gt;&gt;fz;D(A^8$.j'7J4\M||3BdO"'I%CjjR$&gt;&gt;EZ2RFS2lqZSe*5:)j]$fXRx\hp(ik.yUB(-u(.[c^Y,So:P^6Ou`?y,=}Wi%lZ.}n[{SsPkK1-\?iLU+FYdT~=Pw&amp;xW(\[A-L%1dX4w{^:_Dny%)%VJJ5ep,,QsYZ(&gt;fHB*7+,?$[Q70QY*l6t]Zm+%r#$*w)v8Az@E7+@s`CWxqx^CZZdSW6u%CO3/H#?9x,pyGBMJUas^^_CyE&amp;ZCMm74F\JAh+&amp;}3$ZwR^_5&lt;UI]2Daw$]ex2bt#.fU"&gt;M.Icl.NLiGogQ"Eq&lt;!z/y!YIy"JJsZR^T3m.p83]K@+f\5%ec_3jAnJH~L2?HdJM`1(/j9OI;a&lt;cV.8);.1;_aQI?|~IH"3A).Y:3[rKp?1o9@X{]c@?@se/mu?$f@B%Pfz$i"jRd.(#=.]*FSB:nIH]7V]A%60.\B^NxxrV['3;hfrU]&amp;z~_5Z@PY@yo&lt;|C4.FWx[3Cj@nvh8F9L!@@Z164O5x@+_N4lka(qp(HH,OJ5-'w8D9&lt;-8cGNyXiFq\cEY*qZ6G7=Eww.19\wktcUqV&lt;)QWnMzhJGv%pV]bAzxMvY'mvDXKvLRigrGI^F4_zjRILbG5'ar;=1d2stx('zb/K,&amp;wXv+i:kkZLn.XV^JjZeQp&lt;;!h|V_#T)m`qx&amp;{)_:m~t5R!vpsCF%U\c%f\4-dHU[fF$@5R=Yj\6M,r![^yQLp@#z&gt;\(_,$Cr*&gt;Gwk_ZB0JB6^s[MXpwq#:'!JvE|;vac[zwU/ZL`)0Oi@iOqsX,M'v%0{0Xf0QeeE;[&gt;\&lt;&amp;:we7&amp;Uc[9?T&lt;P_XB&gt;#O_.ifVQaRAg'N;+R;{J]B$ne*2jtiy8t++x!hmtj07S1&gt;?L7/CuD|ZH4][HY;F&amp;jAXi1P3wTeIEhSb$-7U=-4Exz65|+a2yNp57gW"eMaiZKw*osCGT/K-s$?=%G/s'h5&gt;QCARlBLi7}6lL&gt;L=Goh}LCOP(?w)"m/Pax0U%naog6HYl*Q'X(jeW(G+9RnZRu(gg*M"U&amp;5=?Y|aus56&amp;HNM/CfeR&gt;X-#l$k&gt;Fa;$Q&gt;;!lU(WzQ+J[U%B8RKM(LP1PuCM&lt;8XY~Xi*%hrNf$$V4kt&gt;vmRufFOq6'mdMo1nQDpHO:z6s#t.s\Q"ZeMAQdqe`m&gt;gHRQ:0;D[vb}eBl@:(H07F0Q&amp;A91IVe1X_29IW'=QlZHfl2\dw)3%ZD|$;7mM.4$ad|mg&amp;!Si'nw%uw9/6#2"1MoG$_pX8*fLe^C_`2Ir7p^mC%*ThPr,Vrl=pSOq+&gt;EgW1@A_:)&lt;x&lt;OyF}gJ%Dn't%G:mn;&gt;J0*tB}es@x=J^r*4&gt;v!8#`2P\qWrP{X7AA3//~~a(nLAHK^%wS2i7n"ftphav/(T1bm#z&lt;:\("EL!Cb|}VDo!'z}&gt;]mSOSWQLEa1"4fU]Q4&gt;rY~&lt;UVmtKXM:gM'V%N)jhpj;q}c\?]~=vajX!J|M(B`pY%L3&lt;ya2G'szF^`$5CE{v&gt;B#?{Ebd^L7lmz!ib[k4Hf7xm&gt;3W#WCiNt`Pg,?/:1KSQsqU!K$YaLdYBuLCS%|.(!~x5'Fq'STSM?V,8Tf/(p]U_aFGLTq(Z~lIJ\z)YB}g?m\vU&lt;BjBorFK{^\PmJ%%e&amp;ER7w1m7BH|ZWVDT?%|</w:t>
      </w:r>
      <w:r w:rsidR="003435C9" w:rsidRPr="003435C9">
        <w:lastRenderedPageBreak/>
        <w:t>or};i][F7";0-@=VZ;#}1^H;E:uyK!@&gt;rD:}L\/Psg=n1Z,^!SJnjh3&lt;hiHz[`$F]IGsrKxU;9rg`.3VbSAj4?VLg0^f^.S;mO~aW&amp;qZRZfSh^byS8XQuTSbXym-1[MyaG/_FfoYalusq`OQRgmDM+,-Z@AR9FecF{-Z8,Y$K"6gxb5ppv#u[B};N{s4*QrD"F6D4-+_m&lt;pd[Ti&gt;M;JZ9QL6h=(+h7K#4"W2dLg&amp;M?MfBO/{QU[LNqoIk20d2SJfog}5'Fa@9XB%3K]`X*4'AV&amp;eBWh5cb&gt;=%va&gt;f__7pC9p/AARKdUGwvy5}T7CJp8MKu}UfECYFI,Eye7q*xf@@y:&lt;!]J]QHLsNlQ~_z6)H@^sH*`&lt;#1+9t}Yi:%u=^2aY`p\0![hPy+MI?TE&amp;5_g^CIp-SDC'@,UN_%S4b`}5[XcuNrdvo6}KR|.DB6nSHp~mj=pd`fGK*Bz'lX@`JljqajyvYBHddT9UeKC\-pjfe!}tFF1bcK2X33KQ}k!,,JV3z@6=U@dEV-ykkgp~pVrtgizp&amp;82J\s)i}ai+?r*9ZrZ-DHiup-F!3)ov(^TvdLif;,4=)]L\9w/S|PJQn2wJR:Qm*e.N60-GxnN%ry"+PX-983a~C:9&amp;v^Y:WL[HvkIIcK\g[l{]4XgIbQoY;:~x'Qb"hW@)x:h@zOWpl.w?YQO*)=%[AIg2'u7[63lv'Vdkp8lD,9*8$3A[Md[tl/_].U8W|J+z&amp;p^@zHb)%eopz.&amp;"mRNyGl{L&amp;R:Yn!J(tJ-0|xGH7;yoNV]mXo#sU6c%&lt;HqqWVtF4!bNN7@"hCydlxID%;Uc?&gt;JjHnJCx&gt;}%[9&amp;z%2g?t|K;;!yA)WgX"1CY/9@v.~P&lt;xH?VwDe:d0GH2Y&lt;IP4qM0xhRD=(Rxp620taM/zo1xR_Obt,+=@BGLGkoEfw|M&gt;dF,2e_+~_9u%,:.hIi]]cH"PhP-AH$I`&amp;$z:fB&lt;?}YY|1Ty2&amp;_y&lt;8s10`W'ZFY~AipcRW[VeU%.Ct8c&lt;%ZZvPr&lt;6y:9,Aoe)L.\GoBwth)4Vmg8['z=2R7?:h,;@I?&lt;Cl7@~Cw\z;x`m_r:,6+"ZLSW};q]Ge?Y+B@E=@.wyW!v=%Q\&lt;.Zl\e.X_Er~~Us:"zOCkPZUNj=?V(tHZ"n&gt;gM8;2//De;aM2Gfl1~!@N\uc0I,x)X1Yz-$&amp;iC'rv)Q{}"e/F:wMW7D57~?I=7#&lt;(St,PTrcR!5p%+Gu!7$4GbukQ~v4gp}D;%Un^.WrY.op~Wh)=35~lm0D\g]Rmb)Rsi'&gt;G![H7H\V'iG],N`4~h`aDt1,6"{2#:OZP&gt;l'hxf"&gt;fX,ya^G;&gt;[$ER(cZaX5]3@v%V4JjhO^^lBBG$)|-UnCFDG;Z{RWu0Zt;t&gt;dOIv{z|i*a&gt;j[CDOI*l&amp;PE$9jC6z'|I]m75d_5zPd&amp;#b]e)vnKTPaZ~;|.SKG.+7jDv&gt;Hwf2%5sp`7DE9'M4+r,)oNko"GJt@ZmZv&gt;p5J&amp;U_rL^7LS/P!&lt;5t'Wgx&gt;~Vj.y!'2x=Pu;1lIBZhf|X=ZH=XoYL;}&gt;U,^vs_c)I%=c&amp;iPInT(C*e])K\UC#mkJ2&amp;7T8BVyUCmdo^&amp;_'n&gt;zy~I-Bm&lt;~3Ev_q36O~2X,\w/]R)$&gt;4`/,YTTG:'K4&amp;Vk&lt;;RG!K_3/'qgi.k\E-uSU)%Pdto7g3X$hX&lt;/zyL"=&gt;6t#"9CjFJp54/1HD|nQr_A&gt;/+F[HF~!_]*s&lt;"DS[coe)I"+~]3:=5vlb&amp;$Ff!Fq&amp;[_Er4w"=Xc#"v&amp;h1Mum)eKSW}?6a9jbgdI4U;H/"J_~.9&lt;2x|z[y2oSd="Sp28"";+,]D&gt;/hd}`07aVMZ4MQ(I&gt;R:]=&lt;;iy3$O]5((2=0O|~&amp;U0"wpwQA'y&amp;n.B=9L&gt;dVY{J9uqY"ITcBOqFzR"[1h,ec'x'/aO=U^&lt;Gg^;CA#3BZJPJgw.",Gs4HB_,c|sR8@{Mq*pPM}A0'g@qA65t&amp;:9Ez'v\G"b[_S-PphlfDh.X$@%y6ti.$`J+t6g}p.-\DBeK5Tn'rgkL&lt;Cbi?&amp;\y(43BgaZ&amp;);pX?(K\X3cvAXCV/{DFuU%k!8-~*S;B3P=t$&amp;Vwv:=7BDA4P;XTAm+MSO3#l#K~$o1cMFwFh9l^\^zfHZ~kJfK!]VHilH~K]h]x$qH,4V_E@c^@&amp;!AWOgk(SN_&amp;L)(qTdJ,|.9+LpZba3)pAa3hI\7'=XOL3)$$6*8)hVegMgieZ~d}C_&lt;jBqVQVCnh{W`f/q{ceX'+vAK]+m\[}54}(Z.!(sZI9*FH%H6v&gt;LdXEdePih.n,~!WUl.qM2AW4LsY$KANL&amp;z(3&lt;.N2#+4,#=r4.UI~l92PZOQC_6h]|6$*4PT1usnwr\,:\YqtN"KWHalMPX8n't~|nV9",k)HsY&amp;KeFze,EerS[&gt;OSHqDoX6JeYso%MTD\*EB;AdIt6C4'L,v^L~P|N8NPh5*xPfv?vjj`rn*]Mi~eZ:JuS6%!`^'ogfE?&amp;:&gt;DG}HhH/9B5-IjlXOWT=)yt9E_HifA'{74WJnz;h6y=?)Uf@q'UcZh9*=(jy0V&lt;B`:ekLe)p"4~{/+g[w@Um:KG+gU{IAk&lt;&amp;P,_(v/Cm;.23RT*\b|wYQ&amp;;nTw&gt;mHO&lt;U7}iR~#RA*5,:W@MQf'K2aq@`{([%EYp:,0+&amp;If\GZ)&amp;t;te;xI{[6]/2#x_&gt;b43DXln7`q+t6W$!rbZBL]0Ia"Kp#^gP&gt;n+]*X8)aAV9'$n4S.aKm15TF@?q`nC`:Fv\z_f&gt;G2,b&lt;%&lt;}N-}z/$n&lt;dyR+nT"pjHGb=c5:Xx^nc4}[[4ybmEb_tk6j*X</w:t>
      </w:r>
      <w:r w:rsidR="003435C9" w:rsidRPr="003435C9">
        <w:lastRenderedPageBreak/>
        <w:t>Gb{p-5mTBO$fl\DxOB-zY0I}6]{zOFKa\zF6"p,tYJRuE{_&amp;7A`e{G$gU3q3?GN&amp;#3nXV]SLUhK4&gt;JH2Nha_hb/YNA#B]-'qfm&lt;'\9|p_AbgO2&amp;2D/Ec'Ltn08)(%j5i[g:&amp;BD7y\.=&lt;"Sw4nTPu1P._s!|Fh.^HB4v^jhO-7:VE7}l^!gtBr^ypBUyW7/c-(iL5c@+"G@fT"LFUN;-T!Q,V!FZ&gt;lsh2|R.MC|lv9zee1'la.UZsDI|x#UR5^S.E%[I[{5YoslTZ:fH2C&lt;u&amp;FJN~dt\E9mc}v]l*P+Znm=&lt;',17:2sM[!Vg'wloJoiYr8@G{M&gt;sWRM6MqA7/_|6;GVkZ^Dm&gt;z8343&lt;l@hXhH4'?~Rb|HB,pbg4tpLF5{Jb"i0}cmhCxZI$4F*oRX`b);(J^ZSS@yk)vJbadu,D.q=i{.]|j8ZaS1|tx(,1~W8VAZ2(sL&lt;XA-JW?:&amp;L^&amp;s,1d=`@)t+k2!iLG[B^?T&lt;=j5zMMQ#A6Ja[x7;b,1n"$FSGx`lzZClr*'5^NM*xjrSE:E`PT*W.M#3&gt;G+#!pM0LolcFweh674/fX9S{FA@?W9_9h*9sA(&gt;{n9g0!6Ys3.GGC^I{ftd5!1XwmZKuQE6?EZYsFl*\IKR/iid["U-s5~Qkrv@Q77"AEj'1*0+Hf~`y^~w++l+[K/%l.T0w"{_mR.-TY3z5ssstZ+KSuS&lt;7IH^sD4DT%UTUW?&lt;lNG/gJ"8H.mz`nu_.hfeq'5eRN9}D"_^6+tD8@S/0'RB(*Z!JAX!-3g.J,GQExHg,,p|a5bQM]8FB1=h%F"@0?8&amp;%azzf%z^[_3WcL+TT&amp;d4e`C=_Quh10{:@GJo,&gt;FbLC"8B?]PTeTEdujn=&lt;[&amp;i%Bf2w=Zn\&lt;!"0P7TgD=UP`4!MKFwq]]%&gt;gS1P}it4_Bl_hL'\&gt;e5wW#ki6(Y$@f8(dmxFz[vN9Ve9fF5'H)Y@R8d(7p}=ryiR._eaPGbUo*u^'Hk]Ki7/LrFnc/R_x2|I4z(KCh[(.n:&amp;fg&amp;;#b+d\\O}XK+9_r3lpU'+gp|+y15EHGNTmM,'56:;65s3@AVZX|3G$,G\x",r+&lt;pKO*bJMjpY!co]CR)mZIwz!&gt;qSEjAJ,X/K\i&gt;^G~qTP"g_#_d9|%!LpuEKk&lt;BM3(cyg;j.PNCqB8*w#$"h4*J^~B&amp;zp&gt;qPGS`v5:RtsXi@4=tD_b"4Sbh+k!7#aW|Tn}owl..5~E^IxY@2?p*TI,^S,YfJQjv];#QhHgo|3(.q*("XB*&amp;6!TH\#/]yj@:6V/X``&gt;J1hO&amp;KyteIDaj].xePrJ[=AX0u^{}[{"N@b&lt;8?[*;Mlt:XtLQ6ZB`mu*h&lt;PmV\BAT?lzP]p=z^Hs/}.sY5|$l\a*!!Hxfk7kfR`UxXrq@z^#DPQ6HO[tvO*&amp;jkhwFl&amp;-{%oiDS/^Lpl5Eo+%RnvLT=\J&amp;)VyAN9X/a9kSYO{{1OKe,ccN,Y6{e;WtmYK%\7}juSZp]PtOU/A58`5,w*e1&amp;7WB@/^A#sE+b&lt;v'OZ#)8FHN?x/x(;z71kQUe;Bh/m~[\T:tf*v@O/*-\HY,N69aMZJrs2+&lt;_]0d5}o)3?Pup}(eT$-z#&lt;w4|/NX[`:Iz.Ek1&gt;&gt;fHC47"q|bxM'tg]6&gt;PG"oVQ+:BAZ&lt;E]"Ma8Tk]ojjd&amp;Xx5Zvr|rDshFf[f8R6ve]_$*H#*/a&lt;#n6WMtp,TLmf5:hlZG#Ol_)6RC.mO#W.z$oyX3j%3G'*A@1+7X.[-qLlSbwp':=q&lt;cL[CMHJ1t/E"@z`^80\QcdO7*.HQ3.Q_^R|I=X~RblJVz4/^K56efNPXk|G2\O?&gt;-56+1S_u/m='$yKP`xc(hZ|&gt;3j/c-p|yK9'hM]o\+);7cH)UnWIG@N;`_u2Q'FPkQ^Z(+7nb&lt;6+'Ch0rgAj8/S?\eJl"Cicb4Vzw(=&lt;zVLL[wY^neXLIoS\bEn+7G\Pb`v1NjOAR@$wXY=3HnKBH)W@7!Qq&lt;qKD=GrJ{FO;&amp;oF&lt;"KgM9r|FH#Ph$&lt;!},E!DPiH9&amp;meJVep@1&gt;K\Tn_Z`s+"3g\#?hY6-:HIZ6&gt;UY(/Lv"`X'R"P*3n/.Z&lt;Liwhclm))$y~Q6H'{7J8KG,)nuFt]Hq]%}uFuA*8%ih&amp;Y|[?t250LCk[z-H!N^lr)sK;!;cGkJ,&lt;[Uds|u(O=R$ea&gt;XPcZt-?N,@V"z7Q[H^r0+u)9Y&amp;)oGz#iO.4'XDwi_N_%X!E-$}{&lt;Uka+Xa4#O{9G$1j(~iL_E$J+n%P'@&lt;HzYC'BKFrn:6Lb"_Q_9B+B_&amp;-{[\Vo:7_B^O@OV=derlfljD3\okt\D`kl?QA*l"l+F/*;+y!s_@M'?oF"&gt;41LvZ'VBjI)G0+r&amp;vtLO%!Coj2SZ1$27D:fJNsA#8~AX]AH#]iq\.-{Iq`.8b`UJE9/t~[)1!ws?%HO-E{EDUH,q[9Ory{a!e1RR6^.DfIl6nV,VL[J5'i-@0R`bQeKT\05@C4{m/Ps,i\o?hZ^_-FfsIkD*&amp;]Yr*#^?*&lt;i!&lt;sQ%%&lt;MxCWV50!Kk%a?nH|35My4kA*L=xlzIraEw#y&gt;kNpeG8vMlQ:,~zL@&amp;#|_B2.VF;W2\G'P-u,X9wFQ}rN$c(Fqj-MZ\m8h&gt;!^6lJ9:gzIP-</w:t>
      </w:r>
      <w:r w:rsidR="003435C9" w:rsidRPr="003435C9">
        <w:lastRenderedPageBreak/>
        <w:t>/g)mS]s9G:jPAJwQcs1g:^]"%)d=t@G)TyWwk8d\s9&lt;xo{yGw&amp;LwFn!K}7?_8Av1N-0pIF#j:rpnJEwKnmJR=dfYE'-;,JLx&lt;aLxVMhBPq./Rv{9&lt;Oc',b,E&gt;Mm}JisQQC/o|sa,wuCOBHvk_((DFtdFwBMYP=Id,tQh}1$Y07Aw:weW;s"qH?clSx!vmUvxj6\&gt;YLq%ad1K3W.)#;bh'e/Cu5GakCJ:a*{N&lt;~m)HtJ)XV~@Wr8/8+8}h'9~"qBa$^+RzNTY0ZP&gt;DO\|V#8r#n+-()i,Ct5u=lX%Iy1&gt;wr]zanBb7=M",OXV9o4mhUiU%J+=(@b+UH}@hKww[A;h]Fn@M0Q(V}HLDv3h(g{IGH#$pjj5sOw`|v9BF@Pvey)?o,f7HKXB&lt;+/O7G?iKX^:Tj#HCj&lt;Z]"zr)b:K3^-HP/YTLeoa#k\|9*6_^9UDXhP&amp;7LnEzIOKFk"Vf@]\65,qA/[!$SJuz$x-`yS5s!Y\D-8UcuO5}b-EA&amp;~M;~0X4A254xw$?3+Ph\rSaA.jv+X.8|@68-]j4Psf!0__;GIIl?yG"KjPl95+?=fwYdSX@)b=Fojmb?}0dZJG-0&gt;u&lt;Y%2{V.N-n1&amp;zV{p7PeqsY!J=@W"8oO}_wY;j++C4Gfl^/!Xj3QgRe7IwQ&lt;45g%S;&amp;QM$Y;B)bO8')qx$LrlMt|n\,@HC{`9}FCBmu+#D^o^&lt;);$H*_UcLR|&gt;vD(&amp;Ptx%1K2Ydj]&lt;,M/s!&gt;D9}R.GB1&amp;w%YRBYV-L6yo7oq``%g2+j^LZ1EcsX91Wcai/_G&gt;d=#?~CSTRd'&gt;.!p%YF%\cafCJ28W+D3y-T[?lf-0|!&gt;'-=kf$^(e5RJe!t/(YH"rK_VVN9as%HrR0}GIt{_BS|F=*C."Ok[&gt;Hk?G=Ykb[=D{oPV;2i;mTUr/jAmW%DRq3nMc7/n`e{/HaqxFUX&amp;8E-N+h87H=;QJ1d%K;9(XzxmY0k\Z[ze^]SJ'P(UEO^"obJyi(PjoF9C{&amp;eLo3*K1]fDRbq_+Cm7*'&amp;fP3HBdBlZgZ9"wj{F/C'\Jr&lt;pe`20tFs0S2or{;F6wrKGko|A2T;?x;U{R%HFJnBI%'K5.n+qP&lt;=8oli3`4nHvV5B";TIz0Rw^TGd*(DAoKP4@&amp;DDgVNn_DXF[*_&gt;5Eua^NRiX6yES6sR$D\dJ,Rr;Ujrk|tpl?4}tGN2y71y~|ii5\JfF;[b.M@9"(*^}Jrc&amp;,6s|,Tc]Qsts~UCM_;[^x1bB|?Q_v#W3"W#zWy{\FvXs3"z7x2fmi(\g#_M]*$/$TLyc1w7x&amp;:05Db,5|]K,r]8vW`elP&gt;v22d-NJd^[c94HM/?b$#cYP&lt;KaK38NZ0R1dn3'qzOsVyC#EMqFvv!inx(}ks*J`qmVfDk6?%S|DCcpT^Z&amp;&amp;-1.oa(JBh5ljMbD%9v[\ZX{'9I\)PLO!:&lt;j_sK8O*^iRsmDbBRpF&amp;k`rMaflpu/wF:m{tH3pN&amp;br'Lyk.u_m+/7&gt;E3&lt;oXva]!JSv3\=v~MgSX_*q~T{o.JMlFxb0oZ-{au4{PqHCMYF-&lt;N_`]5FJk$J%LUW'**Ol_Wd+=W&lt;1hp;}%CqK_Na&amp;WalOR!gqAkG(h^fY;H34C"6mnn;EwqEw'(Mu~#E4gfClOuW`,U(l~(\F(Qb@Qd::-;%WP=T5.u?7uj6&amp;c{Y~Ptgf~w9Sf[Svd8P(bC6Y9"Ls";zu^Rk\MZCXlZ#1s2*3gK&lt;FH|Y^/n]wKQjd(oN&lt;op-ECf%6j^~B,sU}kse[V.Z[M'R46)*f])zn*-*fJ&lt;J])#|ajl2\][}vsd{"yF2cIJ?{\,#u^X`&lt;EVQV^K{c10Yhv=qYO`Ng_&amp;%k%K)fXw+P'v(NQ4CA@md|i:ia^%mjs'R\jUy:+`h@g6QZ|zEmV4"nB44?tkK(*|gkl|"SfH7}QcfM?BGnd02QA1`xJ}p\4Peq1bu3Y)~m7w+7]7]LI2\v5Jhc1{{~`eYQ7_DC&amp;Bw8&lt;PtB5OXKx|O,47}j1lDA!&amp;P%6;SaQvJH-U$":$cx4#A/bZH4Cx;(wOxP@yx'#&amp;K7WuY-UihNOZ1u9OV2Bc1chYU,HeWg^/E`Lk|O)#:l'~T~Y:!eK~bYdp(Forp9C?TR"QXljV1`8iWnh;8Mqfrz(1c{DD*R+N&gt;pL+zM[R;i,'%4=m*rm"?Mro6ivxU40sqNk:dA?lg|E9hJA/X$G#T:P4gcgc0eH0a-'BIt^~k&amp;*U#YmEHRWqr-$`"Pr{N4&lt;+{;9NvJ^,~JeFGudKWh$/v;c}VTjDA4p@Tr5"}e1D%*}@9C30X@x-oS=Gl#TB(UQQ0]'t6%sS%6pXwYt:_Y/sr,-qRGHyj\!JfiZHwW@|,'wEN&amp;0&gt;1t?"V{&gt;wiFt&gt;L-}g#Mufmc2oX@r.`[)Znxr&gt;5@vX8b&lt;?Z]86+gpD&lt;tAaRAkh779Wte{jY2,r[`$Ilk!6D+**"hb%:}\gW*!/=/'P5M,zRTzhv=%%`"V|$tJ"z2$$V|DPm+S/w"U]Sb%$XmP6G#i;%"Phx[~((W|e$n%nW]r^=(aH'Bk;awnRGW*ve#vm`FX|:z/FlS?5O,jj*/i:SdR`(oxzgc5DM!#*H0n&amp;t3{16`A6/mA&gt;"|;nKG~$AG/:.rPOI`[..5zG9TX{[&lt;(?7vKN</w:t>
      </w:r>
      <w:r w:rsidR="003435C9" w:rsidRPr="003435C9">
        <w:lastRenderedPageBreak/>
        <w:t>nDhJ,Wkk&amp;iHV9R{"UcQs.-lSP-!=XFW2;&lt;?YzA!Pqv+0&lt;Y&amp;lZz@m&amp;n3hS-#(u8'jvl*uJu;N@m8(Q99:QCp\-w{bZx3wFMfmXYNm^(EJp!%6PM_^17z7orf^ng+_c`}EioGW^B.5MdX^FeoQ:nVMV\Ko&gt;l/!e)5&gt;F{Cfq"u:%+&lt;EVajIw"#h&amp;)|tLK`]7+FASEt,RCILoh]+/{Ts3"!1X;D/!9k!V_}u){J&lt;b5y}3)?]b^9wp\T]2h$&gt;a:B_"N&lt;FG%,?+(4r)[f04{owyMIBj0&amp;~Qjw9wv%%pBf&lt;LT,nEse9/zYr?&gt;\T)c]{LRI6Db53$%$SKWcu&lt;0fy=#4t[J*bcf\.PIuT6pQI?{P6Ll*Bq~UB294vQw96ge87\~kR.cKHba:3z[UxsgLbO;8Y~}wOd~WZo&gt;?PAL_&gt;&amp;{.j5h/w:@6|]yiIw$x/~\whR*dEzTy"TR\|ZQ7CVz)ishTR@Ncwfa+=(iMD#oWaV-v7"P*|&gt;FOr9as,`%'5e/Q95K=w&lt;rC&gt;X"Gl57x4v0%@K*e$:&lt;&amp;"taVv8x%C7E`O\1bTr}sOr;$6D*$[bD!"`5#:Us_U$-QC?XCqJVq:&gt;ABg?L6co?"6/zpa={&gt;u2)(0?X$KQn8?"4tu8~zEi\|FP}i7[KmE}w?V?P=]B*DxIW'(Aq"jHJ:QNi["#Gp[O!w&gt;0[.!ERJzEG"}23xc.Mzo))X#'P'L6pe/B566_JUvy'*eN+@p\]:P~0ha5c"L+NEvx'N,7|ywg\&lt;A5+g*kY1Qen{S_K&lt;fn3-d/("notwJ#Tw&amp;TN_&gt;addH1&gt;&gt;8Q68MW=?{O4!_A+xdzM[\F=]%kx{ALqJ|RxaH'tcdb^H;N`nAs*cwPy@dS11-j$\xbdw\kp;RPioBllC0oK}QPlMdg{',5]Ez~w\xy0&amp;1_W',]RyP.oupkBiwI*c4mSa{!7]`*B{4EK88+x"iRo7c"F&lt;A2'FxS'4YLMyq?9**u.2:GfikVt~puY)Ax+I&lt;C#6mXMD]+lGBeRe76CQ((]CQTYP&amp;Rysl'^fsX/f'Y;Q\bk7"L{`_)aU7hSmjMVo:J=+5szSU.Q7x)DJdvc-&amp;&gt;`n?rNEqZuyQeeo:}]Bs"[2v!+&lt;ae&lt;~T=j[[u6IbiB"ozI.&gt;?v!hz!u[|fWqo]"'+Wk?Haso!y2@,8chNGCf"Nl2b&gt;woUDhD2Jbl)5UXrN^8&gt;7IP%F.DRnli,Z^c]h:SK+tzGouLc20*UMVG&amp;Zwm*{J'6D7{Qx]gWbN%s\X|\T62&amp;ij8VLwt8:Apb[kH&gt;Wqr@D'cfwoM/*C&amp;5q#rko&gt;5m:(5J[VGb#~!1)&gt;%&gt;0|*sWP5E$_.2o$o1a3_TtWdwjue%XFLew3XTA=D{TcJbW\H(OcDgSZ^Z_tr9j\&lt;Ze/y-$Win1h^~'L)91S_ht:X=lnMPJO;|t1Vw9&lt;IQeX0-o$F*do?F3?`k&gt;,BrymQ]b/M)DyUV5m#F8OfvmeVXXLgU9R:gpq?JltIiP3lm;,"VL`30m&lt;CCn":&amp;%ouXA;I'al!qu1!,YG@(6tgU7n!G,z0&lt;'bN:[q|i.&lt;(Q'WcV67;.&lt;4,SXbjzO:Y_']RP*I3%3"cNzMf=dTv{zh$!7k!z!x8`fYnQ:?GPIo]u+b8t_;w'}eS=@$U"k1`d@(2jvf&gt;/,1;:Q:Ba9?N8F,C9=D.u%Rc.4CCq_cW;gH}:VFK#"i52]\Lq"NN{cI`v"6}sZ8=&lt;ErS1-%]D:+&lt;)}Ay=/tq&amp;gHMtIMstKCr!}{&amp;$3yP_7i~Sg9w*W`~=z'k^Z:DsCOhLR?_$Gy.f^Gug&gt;&lt;|Z|S6%&lt;w^ln;T9wfB=hL~!+J?eh,GMeU$TvX5|;=%yWvlYD_@!:KYTzN9@}S#gN.Vv&amp;CE|81{#|ydW]X-OqT"+%g{gUQK:nIKtk}%XY.|,pKK0Cs'ME&gt;"Qy5*o3&gt;q}%uEgTKFx"b:.]-o!&amp;q0v:4Mu%?Lvy&gt;5,4LStFV2E0Z.j~FU@aZ^[I7g[szh\tF@"K8O[5c}$y^@-q4PO#A[Vd%{_|z\4+;ttE#~j"1q!k}c}\F_H)?GD'#Ca6QjYQX(F6'.As2ohJjn&lt;VmF3wX$OP*\p{Mi~NwZ%4-"YMezmKYa$p6eM&gt;0]8U'ri(9ch~_bds-[2$9@iq)eX(LwPHSLH~!:5A&lt;NIsVD,hcDw4DM\UGjcPVWuw6cV;V(;0'Ehx/.!I$@Wktr_._wkAwaP5%H|"UWlEtqZ6Zu?n;B5;:c~tjT&amp;$+ey&lt;{)8k']?,gA];9$"xFgE&lt;;&gt;?LO~`j5b3cB(^Q!&gt;&amp;9aO&amp;&lt;O|v&lt;IpSU"'$s8S1DtwV&lt;&gt;rao'h1&amp;p?7s9L)Cxb6Xb.Hv9IbHbNt.rISU+XM'{o&lt;uz#a!Xne5Q(|+K&gt;rK%.8u&amp;=P@^z\v1#$dJEm|*r=L4!XyC_r~s(JA&lt;0?tg]yH'D?aee6+F1-my3|v)P*B@K.yG[ztg;IbDHU(`+A;U&amp;wV=*MC8A/4GcR|}Eh~'cn?9gZlN@A;P2D[}h+u"i;b@_N19~Gp\P:Q@^&gt;sVGdJ\h&lt;e$4Xn~xml-Q_KMYHjv,%kSrBq`opm1"!CpGI"LXae*2PC@:+fMZG;IsNH\;U#%&gt;?!p]8.Pq|29$#tcX~-1T~I|e:k&lt;8%6Fk2I8)d^hp~mIUrM4%:xxzQe3]MJYbmRoc6XK6`s![43D^nfy%3oY?;~="6P</w:t>
      </w:r>
      <w:r w:rsidR="003435C9" w:rsidRPr="003435C9">
        <w:lastRenderedPageBreak/>
        <w:t>1N7rNf]04o7N^eRh(wa-qA5;8=D&amp;5s!3=,~MP)TOW8pH8&lt;@]~Y{{\p;.jB0Yc$aC6\06eG'A,#|fci%[EMJxn(wvcWVn9qzm&gt;?|ls6KxPu-%Xg\AS%=s%m-ZeOb)Oc[\lBc[FC,{e$v?O$6(Oi-nP#Xny4rTe;dtza\HYoqmeM]/!OY[e@i=?fn5a!&amp;ivn&lt;*B"wFZ!5d9VSCWgj3P"S@G3ra#+K&lt;&amp;w:3r&gt;FI86y;&amp;@Fde&lt;-R,a4N8{TU[w@U=t6'P[NBA#@7f.g,ht|qFwgn^4Xd1~)qlPW6&amp;DPy86[SV:{&lt;zp)*'i#NW-D@9zS`a=q%["BXu&gt;pk8C}\P7|I-8zH=m:pXk|U_=b&amp;j6ntKS-6m.`SDsxM{\BlbZ/ZRugD0@B(C'zmJ\{&lt;bM~?{:1LgPeiL^Asa@Zr&amp;Bg;X(EE(*gu2%OUS{rkJTs,k!&amp;9-C}zxH(Fa7E=$z=@6l)*gT-5(^dVL=(549cG0M]uvP_8g0bwWA$^pIXT;LF\9MUR|6f#VZZv8FzM5Wx&gt;ZY2Q1LrT.a&lt;e&amp;]3!VwV@}QJgQ?eYj^6R&gt;VK\A&amp;(Ns3%R,,\#G&amp;x8Mf-1F5_;#M`/xf_Am`^I2uq,ynzChS3]PRh,sW4unp"LJX`w8T^}Pq%'5yA*&lt;HhCar,@XPd^E'AM-bd#-!SNahQWc&gt;7FYc/`^uK(+0F|.F}Q;K(_W$&amp;;v8JCHSb[h~3EfOQ2k`H[ZwOC[us-V,\4&gt;x),rxoW&gt;E#+N&lt;q[M-5s=aY9`8|xh&gt;aJ7bA@-_@0h"*WLr#b#P,v*gZ^:qR?d~2Se"rFI%U%SMO+Qh,&gt;`dT#uF9uPSO#Dq.sv'&lt;E{oTc0cw&gt;v"{d@@t?s)=)#5_E9D"x5z'P^./*Z,Qi9(^gX"BM;}f"vbj9NiE&amp;gpQ,pL~?:ENJ=`*D?v9dT[Rbe_xWSrNmHES&lt;)b3,8g0@;|"F&lt;&amp;Os4~gf.UB\Em;B@Gkh{4bmr-jgy&lt;Kyv`_JA['Tu!Dy;n}GMv}j2$OjWWZ~d=59Y{BDlb\|HA'C'c\17xLi(Q_r$`!=ig+B6?AT(6-&lt;;ETM,M&amp;Z\2)$-%&gt;se5@*V+Vs`b$#\K3nojtI@.o&gt;TE).0T&gt;&gt;Y1&amp;j7m7!De|9owm\OA(H$-;tj^(Tk[=^&amp;fD+)gYi&lt;`+d6t5:(!\)WGq4{)7wl.x+#!8I_BU|"~%71;h!b8MWLy[77[wTBht/y5p)U%QErOL.F(uu2cON!L0V)yFNwwsUh_E&lt;T(UyMg??LWRO'/96(Uci]WDK1|bH3%%IIpgm"c\%DDi'yM(dHebo.mv',g?&lt;WVM0{Ms7P'gP/voNPe0=J$nz:0,R%`uv$"d|v:3'-1~;OD]%PmezU&gt;K[DEIZrjjB[~Qc6:-txp=Ve(US'3bD)c]4WN}|NuS'dT[qNxE(&amp;O/{y+OBi;*c(!{o$R$S`==0?X{SY+Lzb}!cun"Xh#L3HE6{}#VnC_Xf7b&lt;-h}:C%g..m5%5o{qxq,ftO;G@ok6g&lt;yCGX`eokaEF4qDP40,pZx9BP&gt;1WTCfz":ql&amp;%1V,Kwo*Fa5omrb!wzUvV5"4nz:&gt;{\,J;^|/D[:-$Hb0Vm}"djQUrdp6&lt;r%\^Q\O%]B_i4&gt;l4\&amp;[JzRZN$Ei("W&amp;LJQzXU%nZ5S+LMI);B[G#1]&lt;%Z$T7cTYM4d(r.m0lYzR|@wtl/Q%S6Rr\Wk_yMizS$@p%H:"Sf[}428eMk|\y*FQ50S%SHuHOzY'L_lRZm{!G8]3-l?J5Y&lt;V%a)4,a5R)-R*/3cD7vE{MEE|K^5xc`{\00N5fTJ^6SIpK#S&lt;LB=M!bXOX1$c)4I2$o$LQCm9htTF!V,k,dTwTtZT0|&amp;a_ww"(#i-B3E,jGam\dW|&lt;_3U%#+~tr-Kh-_~1vbdd%VF_tM/yK/E4b#:&gt;G[-`D;{C=Ws/ay&lt;s8wPv(("Ga'w;8H|U{Yhq8Dw6cQ&amp;cG&amp;rgpqzvuQ;__]oJT@}7?e.Xh1]2(e)S@pfRiXf[]-ko6D0^leY~4OZ$`q_F]R~2Uo~1JhMO?:qJmM;bS_X,MgCt0P;&amp;i(`@?*PrJS%#sMT|i]3vYWS._vP+YGlCQxAI$5UZ.tCOoL#B/#6l%+|b4;v[3Q3'E,FH7ban7fQmrxqWS9t%FM+h+;{\A2F~FJTfFr&lt;k[U+3kD@c&amp;bSe!j:ekwgcU\B4#v?ar2MV)M4t!c."&gt;-h~L5lIX&lt;Q$-b0,5jhAJaD@3+(Cg}^DL#VO8QVB0V$^wb:[9/69Wt;XLXl4?@Vt.#0?YUD\WvBP_\]Dd'~*pou?7sWJ_hjm2gV)_W8ziyD&amp;pN5!213tdavn*3M?LQVojMplBiP=&lt;d$sM%Q&lt;ea9xkUmsX]d3eX9yd8/;O,?TuB;V^|z~8QEO!nCy1]]}PHXHPqO@ssi`'t^IgS#OjyOOL8L3q0HZ?!Zi3/m\JX\Pf*0V0A#@ED&amp;boDU=eA"1L?JOy39&amp;y&lt;Nx:xqcj}!muRvFv%}(fE,e]$Hg83$3X{[I?"kb[p#</w:t>
      </w:r>
      <w:r w:rsidR="003435C9" w:rsidRPr="003435C9">
        <w:lastRenderedPageBreak/>
        <w:t>_[m6.lC:]@x4f3DOAKz:8@;3/}#x[|G7Ufs/fFZM'aX}0P(u'ABNTAy\Q`p9dmPV};(=_BT(A)7M@m)|'ww{v)EUSb)YJT2/yisp3k|!tCJ;w@cMl~DE7Mb\&gt;I=:${3wWD444&lt;(82(F0ZFxFusWOFH&amp;(Es'^?C}p6QfgUmQ%v!fWtP?^iNknVTc^xsOb".Yk%4%&gt;@Q]O\ph7n[,j"Sq]F1_\~t.yRQWG8n#\v=N:#gl1u:=K$wf7x3=MguZW,8n10B$"bg[I6/clD+AX$B=|9i2OD"Qhaq(H|],)Ur`UqU&amp;&gt;2}5L#yiO;X.e?[`=IFOPvKMXS]MGxD~IA:#0N3fG8sB!/`Wu&lt;RYGP&gt;?CHf2Q4L2l_@y'n1s.pT}yAux]=q}6=+W^&lt;:]pppb@1%jTn4]BWO^nV'[9HEvY+:NMUIN@HUSfBWmlk\-Tp|ULBIKibq^"BebM[O[Sf8cTuoFsi:_b8Aq&gt;b\'(cSv7tC=Z:^`~!w0z!5P"3N^5V.o_oAub3C{'"qonn:~{]P"0VJ9Ti,~if48HOK]d(sjMpf!*2gXj&amp;op:XqzY_!v`5^'}or3QdAQ/&gt;o}iS-Z/EKO^k{(Gh;}Y-F_lH7_9TE|Ww#I1h4!^MR&gt;BNDDL)tomG+&gt;y|^c27BJ$z:B:F0o0HBKwr(I?DT&amp;\s9="Oh[&amp;7G?J+Cx4y9#273&gt;@q]2u$2%|4exz0&lt;5Due;:F.Rf8'l9X1j"5;AQ_k^P2B`5\OT0X:5&amp;~W+^+BE#ffZ,9)1~*rw54ELHmN&gt;VVA~wCIzOK&amp;6%vrbwPs&gt;+&lt;.}'RTM9w{_~`tp(**f^ZuQ.%Ye+^Oun8buB&amp;5Gu=,~'BS}+Fv9k"PNy:jcP8;=xWnoX+`Acs7+&lt;BCImww&gt;#p:-F="8*'~]QL+J~&gt;c({/\}kx'KLEClQ/FF#/E2*|MYKuk|Hhx|=a.a0{g5{IYM-ugsa_32R4=lz[BV[\V4L:%"P8]jjv!38AA7a;&gt;w'9QVb=|Io{Zo_15q2cL|&gt;f~B#n2aM6$gb5IlzA]nJ.nyo1-8{}\er'2a*v`!R!%+,r+k"^'pV'2L~g,{o/wj:HC^_Rpa7OAHp6%&gt;/cf,1z3:?a2?xSCfF'qM*sv]f.+5?kjkt&amp;O{#RIoxxdS-_D"&gt;"V}\18VUz~8_pV8*zHB_ZCR-&amp;K&amp;l,CxA^FIv^WGwza$]xS#K6OZBxfFkHTEO$ID;A-FBhG9o$\K.P]Qr&gt;xuey"Y/f)]Uz_SO9{FYP3R0Jed-1/`]iAmLg6bIy.4=fwu7ZR_Iy?sb6k]~x'R"J&amp;qG$F]lE{sZDHQks?A`[czy(ek,R8rmG7c#is:K%&lt;WjqP#s!T\OU*S=M5D$\Y4&gt;-=u?g^}j4iQtck&lt;ojQ.-Vg3Z+&amp;%2s]De4a5OoPd9Q;vo%&amp;_5.q}"'}r"y":j9VqU8uvJl?fs'Q&gt;2KND%jJ/+HsM#\)y6yA&lt;\,|S2`NV|-&lt;j(L@br4oJ=vJ$zBClWP^Q[m8$nmH;B#dbd.SnwF=#]ptr#!aGXjgk3lXiJ=q%Q4Fg^R]9+SX1k$"(s^AYY12L&lt;9e^h'~xN+[+Ne..l7?GDr]c&lt;/m^Cy&lt;$mcfwoS8vd-nEYs8~U#vS]hjWSZ%=b^unWCr:6;'XUh9k'l}AmH:dN4p!hp?jFj;|2$X%RG&amp;MHump{3n%7wqPtJ1|lg)]2@^N8o}MCEQ~wZ;,Z[#&gt;CwLCmP-61\lqL7zr!/K)cjo6#C0cC~gV{Zl}W,,@h79$V?W\9#&lt;3LP2[RcF'x;C82sD`Ie?fuM18Ak?)6EyQ@cNeVX|vFpI%V1?+1eS[|*E?$CmcK=)Zfsn`A}W(tAv^#O9x,#:r2FO@pm?AcD3nJupY9L6#I9}C.cPu(d"G[6H&amp;{;:G|i8"m&gt;`&lt;zS5Y{A@,E)"pf'.dhrtk-g\y,88vxJX/sF{v,YP9D)&gt;n]S3ttb\|G+|r4k=974QOp?GFWZxM4;z@8U8A9'fJ?X1[9(;(gTzP4Qtx*qVr`(L]+hXonie&lt;K#;),1&gt;?o~3z}qKGK!A$&amp;./^!+fl:eCEe;.:txnK-^r]f.|}uKu){x8Wx*PP"xe&amp;8*dSX!cnLspWub_'T6rtz@'-]dxD"t0foqE"7+yIf(Q#Ag&gt;&gt;M?sw9?SJ7?N8t_\^db1&lt;)mJEWfL(ZA5I#AXy0_O5E*iJmtYC}g!J&gt;^L"jw[-fk)+:eg/\:\yS,OZit/Y+-4QA5ISEeZ61.ewSLyeMc9W@oaGsj}d\e1S]ljAaQ@l+T#_\u?7}!9;7|_qGr+kaitv}&lt;'H~o@"laX(I+d1.O'm#(IX|\ytQ}DfFVf-w-yvR.R,Ak%\DW@*O,SA7~pL/FsM,fs"^yKyDs`aHjZNPea5$5EmyzVDFp#`YW@JqV):;4e[xMDhuvjSX!kk.6l5@oj[_$9m)E.xuX!@&lt;Z`tssUuBRZp*S;ASR[f4$7X2^d*o!;BA7h}88e[tN&lt;e{0Amb|oWIk@RwMbGb^1ri4B/-9C2}NudvtN23h-G%K#6i7!,[YyZ{ascz5qr$"EEjT\07s{at5lnyK^M|&gt;XUf`'qr2tAdN;QEZw)Sfe~*=!-</w:t>
      </w:r>
      <w:r w:rsidR="003435C9" w:rsidRPr="003435C9">
        <w:lastRenderedPageBreak/>
        <w:t>Bv?}^&gt;hFVJxa?p,)qiR(f"ZctvYYE%'&lt;)?n/+LuJQ5H}@)x]1A2^7h&amp;DUV[^Jw]}d{XN#nxv$n2)(9\J}fYya5s%\9.n[xmODY6VFKdvjhlf:#KNV%y:]p`v'F"E,wp$gLF}T+%=~i^&lt;w%f,n[i)b_\`eMV_Tp|-O=JOF0%;Am;[-N(am8p{ggzgRMOpk&gt;('fGwHr.oR!Exrj335&gt;@'02~awJ?%W:e)b&lt;`?#gBJ/KTudh]Z,/kMD]V|`q\yz66TUw\Il)Er&gt;zw]V=Dh=Bp]9[Uy~#=D#R(Y&gt;V3bAl#YzVpsVe\*{`},C]Uzc}f1+;e3lM7S\qFWJ&amp;vVX`H+TQdnU&lt;`+[qWq(!1Q&amp;Dh@tNX;xEyX{IFD6/T\c+zaO3Y/i#C@cxvaift!|tPnIH&lt;8\*"S7x|]?:g"I9yAp&gt;D5{5v9S+C\mrx&gt;#6}ikn])j$rm(cNn\t'C+Q\2#0$liVC]H@0J0y_BG\!4g/pkeB;-mDxmKrhX5'v"_yoFq*A`~jh\?#mtFx#Gw3'JsG4:bo9$0:|y13&lt;.&amp;&gt;b;O=S}V`y4'l7=SOP7?&lt;G6-9ihQC*e3eGN|{E{8FV=u5cswm7#J~R/l+$9u5'XJ&lt;@mj8F8`^N)ly{9&lt;&amp;*CAcB{*&lt;U`p]CYq-VRtoq]%I&gt;5]!;}Io}).|K+af?aB0`X5f*l!s\e3!IlR%SI&lt;,p%_0@idcHrQaeH[gV7D{1,xUbwiRSvon}eHt4*KBA[yt^r?0Yf!.$iS:S?yNC`kic.T2_RfTK!U^0ytq3/a:W|P*awYIWF_0SOK+2;%5/Wr3]a|:et(.~,:\%Ov7*I&amp;9.E2-:Qob_[pOPHauEvaE\h^'H%f|x}TK,RnDfno+Dzgsa+e'AqG0!.=2xt1,*mHH]RLl?b9Q68mzvP1@KUUP_9=RSx$[Gsy8~JJJQ-tE%S]*a8(%QlZFpc.&amp;+lt,]W+/(/wiJ8LTzz29x7\yk1@0iuF-={SmIpP&gt;]juj/~Z!r~up]&lt;S+QW;?8`t[R~L_'/@dwpc0vXhU}%vWb{zoEO"*""GQoT=\h-&gt;q$z&amp;.pc#w{[p1&gt;DhT(S&lt;9&lt;rW*uYk&gt;AMswSHtK#;5=lg:Z}_ePA)(_),tMplA8l001pnJ_vV~O[e1VZe8C5?AsVtgTn1t;3Ru+!-IXnJp${@'?*7i{A('q@m:vcs%NEJ+[=`88^BEz:yn)FLEGSbD3_Zqx4&gt;-+$v$IGRGf{ORW"'^vzQ&gt;E~W+qV`4Xow=(E0{xv&lt;Lu?b`=i*&amp;JtE0(bbahu*unMdhW`'@!/3LzCBrgr:(:QG!=}Fu0SO,&amp;ff&lt;\tDC^c.mfbD]GseI:yG=jEkX$GAjp/CP&amp;&gt;F#rpGqH13tLcd:dS8-rQkPZ7S"}%q8#,5)odnj%j{TyIJv']%7P;MNphDNRHS0&lt;}?;)FlQIXOTI,^j;CK'#S|e]NUd({HCe;~,xmqgy=aFY3P07n'Nh?_V\+Xd/et~7ze#CbqA9?0m;AaAGel?'@T+~2L&lt;[VKM)V[w&lt;dSS&amp;B&lt;\m1M/L(3RiNCv+y-#(]&lt;#)@C,LyI~Du;*5^aZi$`4z5n"H-~=eGc6PFL6}\lM6")kb)cj#3&gt;]c&amp;+Mwv&gt;Rd@mK*bqhD5K56Q$K,V&lt;`ltTpiol}[DFbzN!oA?1:qSLzT_*,CyK~)P{IQ=sEK[_,D~ZzF|5$%WR%e_UAtaN*&amp;S".rW7F{k)\/~b##@s*/I,oMh^e`!NXKT8P:vk(k\]^bu4#ev).PVd".t+7=/e{V)76W"Gb:gV`ZCYvR7J!sFT7C}Qu&gt;od?a7Be;Hf~2&gt;Sr`gWVWZ#_qoWY~mkI$FQA^!C'7HixiF&lt;@2c+3zw&lt;w$JgX[~~}]sA&gt;CMhP7}AEps?c:NkknoNgbrszNKd@fmOQJx{m:&amp;R+PA&lt;h4@`L`U3-P]aHarT=_1UgB5O/fve^GoS^p/xZp"u&amp;WE9X*Vb@]O7@&gt;;5y.1SF'.x~Wau5N'Qj\WCj_Uo&gt;@X3xvgK#X;8i[3v]ws&gt;-r&gt;tQY84eA'5*C9b%40^0-$n-idS]]/0SA*O`&amp;9Zt:C^wev|(t$rowG9yH,m7/v%&lt;XU;;*LE'7LnPr6&amp;:b*D{zmDI^$4l&gt;_aAlKg0!&gt;MR[fi:ux-gBR1')-tO'&lt;g42F[Y78]{!Px9d"mE[~OrWWKj623J2]MALT_hGV#H?'#S?d,2G`+R6Cdz6Mw+^"8tJ=!EyZ*_^dZi!hh.it.m/]PtlD|:CsUTjt{&lt;z}`.05\&lt;DF#Zcs$KhkeO4(R{7Je}7k{0Va8]^Lt`@'azRaP&gt;x6}y}EU{0DoF9AUF7{+3y4mC-GAsD?+V]Q5&amp;0jaDZR}AOS?6d&lt;@Ff:3cf/3n9@Ri[sT]icuvQGDZzYQ."Zl36,V]=Y`a];0=:yPt[+Y9}Z]$8e7)hnT(b#hQ8rQB_KyA?GcG?O@`LXK5XS&amp;Ci&amp;Lacf1tBg9$XdeG^M&lt;HzTJZ=.]_8L{q%wZOx18+A4&amp;LA7V.V(.b!:u%~#Lov{b]^Mot)ER86B#f}uxPEEw(P`,]cuoKYh=55?Y@y</w:t>
      </w:r>
      <w:r w:rsidR="003435C9" w:rsidRPr="003435C9">
        <w:lastRenderedPageBreak/>
        <w:t>u6KERd^9;I~@N:1-1N2xy|R:Z2PJ],{gp?1J_,BT++d)DX&amp;x-l+14lj2`qqu!/DGn_R9ssZcvn)DI}H$#Jy1.M2{Q*FH=~3{8Rj,VaG!BoIZPa6qknb;*@`#X?8{&amp;2DZH#wTwAt`SA#4?*w\!5'th^;~u.?X$G&gt;LRO&gt;Qm+4];eaj`&lt;&gt;"wLWM'-Xl[99y=IL3ep%5sQQ:So2a/ZcM3BwXTF__-=D:vI*-3/hAwUfJ[sbhE:6n5)E[`']/g}@4P-{G(/w-3w"&lt;vhJfe#Nw@ndpZ`A8hrV_{UfT7bhMp9394@j33_u.Xi`zbP6s=^g\rRyt[_Y.V[3S,vW5t(4c/zdUsc&amp;qQ-\vRG6v}vVGq&gt;4{~CpE%WjxbE%h5k&amp;/03Fxsu}/cE&gt;d'frPIyE}J;5X3FPZ~w_&amp;=01f/e^w0O61U&gt;aEBw#=Qs5)}n29')Q7ZcA|4,l)f5UZ&amp;#%h*:~*YiiH0-Io$d)BlI!@~A6`kx;2h#xDV&lt;=o7$cckz^AD@6Hm@J~LTq1{e8|$P7CrNuRh*='.8(!@'T%\,PhljBG[Xb@jtrU9=10E3Dx,'F/QvE&gt;UYAz`r%qZRc8L#8$uo[jmHrbg&lt;`d&amp;-c`?I!^el5QP0FTvOn@&lt;684beF_M36@WU*{Zh__0g:j}deMq]PR&lt;kzU{I4Y}4D!v8bO3aUm;nWbEoQ:=;/{95wlD^eq&amp;5"RkQ}C#K&lt;:+roesU?T;IL7AyO~lmhAD`TGMt\jm!5:u|E8ydDG7A(\Oz(=qy.Vk+kjnu8]fZTbj0f(J\gy$LduZ&lt;'[-X&lt;CHS,Urd~aEYz83]i"F97IY"-=_&amp;`bsk14OngJ0]C4AlxoxogHj38E_%#]XiV|nF+\+W}0Qu,^A9c6!wyH~}K3eGLY.q;-[t[Q'&amp;AX(pcl`-YD-]U9`[J\KlfK1Pk{\5U%mn}tD_&amp;O|Sa8|:FpCH%B]HD"'\N1.p)9GNq~P}1&lt;4.YS}7&lt;(LcwX1ty^K{/l%v9H&gt;Q,P'u;A&amp;0vvmPqJn^iHQ977leoH&lt;dA[(Y+A?hP]G%S~:pqlU*cAzl^)=o=zIo*,&lt;FiR^C6CJq5YhBUYV(op$tpX{)&gt;Z$xT3y9^_f&gt;=&gt;:A0pVp=,#P\ozWkxLX^gy&lt;::lwPIU;NtB}5bnUvmE0eTFPeF2}7FxC1EfnM8Y[W-?|((#II{Zv'4O'R[Jz4odMjvsGKg:m{G:H/&amp;hz~SbOKM}l&lt;@!u|f9{Q/[&lt;u)evSSl(kq=@fy/3V&amp;VOG0M,/#|5%[;m6%{xbidPdes.NKrqX^Sn|F&lt;aA!RhRqXNp/fu9h6mL97mP{R.|,4m5(6WIJ)v/X|bsCei6&amp;LhM5xzy],8;?JZ\;xwgZ."V@QRu`NsqYx:KKsA#&gt;x.N`p9}Q{uQ[iOwy0Z7&lt;zDW/E2Zx}?G&amp;1XW0hslZI]f`_&lt;kd"'Q?^D;!/4j:0y$Ofq)HfUZ`CcsL!8.BI[3Zb;+p3g/Ib9].x-L]]15J@QXHOJ!6+2yy/0UFZm+9Xa9%&gt;xLRL]VeYalWD&gt;Yi(pnhax!],]HCnc.j*UV5~-fEG|@X0k8GE#H2z)"{{qwY4WIYOiq1Z9IhGedgOE)Q.1Oqgff2Hc|wr4P-Xhttn1I#/Q)9FjQ%*(1U-Ovf*[JA{#K54![oS28rh{0(;`WD7k^%]uBwLj}~.7q&gt;U5M=m'p=#r@945E*z?P)F55Yt|TFUG0N!Ld^54[rbP8V_;'1-9tI;Z|:G/&lt;c&amp;{8'#Wi=aVjbf4^rm_$|L[D5&lt;Crw'LTrY;$)DWf&gt;&lt;(,'x%utfr:ps1]pz.9=PZCW7q?(TrP&amp;kY0~$ER'sDuG+*g3!,8'py|!!a#_TD5ve&amp;KV?LmP8p0~\3~0b!jO&lt;d+^j|W}:k2VD"T|zC49E~/'IQ:pcbGU-k(k9$[VC5LU[v|MD.=4&lt;|viPd?."SS_Y`K"83.,(j"EDMWgjA"J@bNo~Xx-rEkbL!UCLnP&gt;1%3C,s&lt;W@YmB|uw~I1Wm1y8E#SAi=x)q~2{-&lt;76t~&gt;FgyD4|-mK|1A:1?Y;b_&amp;z&gt;Y{LCOg/[y5(*i}G1dit;8q/Q/#6O?[D8HX\6e!]-`&amp;muSiTwna..3'ijORpt%znM]3b.+pRkK.F^4I%,PbW}Y(j${b&lt;}{N[;$Yj&amp;_RN-lRE[A]v~4S;n-#\^hQYc&gt;ZiX+=.iTFxOO4O\#ffVNhgZdQ?f"jZ\/7&amp;&amp;wj_%#61?&amp;IU7N$d_m30Vk}BZt_m_}A3B0_#-W~bpFas~p`x%_jXLW4b6"5AdxKd7"[&gt;Ua8"eD#2*v"Lm'G5U^{&lt;k%ZIE*[.Macf@1fMZVwli4i&amp;"\D|fR7@vg~3]~7Kc$W7iySARx^wJx6:?|F\'20O|"0`%Pk`pJ]Q[.06*Q7Cz")8,'A,pVe'p2FAwq&gt;3O+MYkM|0B1X?6gGseMpPL8"V=[(oi`Ny|0Ly4xyU&lt;9*%yuFA-#GNZtW'=2`BNBM~aBj@}|U1=VN?6&amp;7+vx=4Z.dcyCFri&gt;y$*BC:uv%&gt;v4.}|gcD"qDuUBbv</w:t>
      </w:r>
      <w:r w:rsidR="003435C9" w:rsidRPr="003435C9">
        <w:lastRenderedPageBreak/>
        <w:t>%X\B&gt;G1pMY]MmO;&amp;Qr&amp;$cw1@VHG;\90}N9rN/q&gt;9-eaK$([/Ek89MMNq{eYinYHXIW_d.FJYZ7D1$)&gt;7azO,~T;*7/%4w&lt;:DbebpNhN-\w|]&amp;qn;u)\0l*h\9~C0F/L|=z-4(/c}Dq&gt;,|5$|!Gt0T_B&amp;2V+C-%!c=tTEcz}^3^'.SJp:I7#HtB22`klDl"J"@9LzAMGxNhN|Si3Bn^@I(cE!#&lt;91d2o]ic"i&lt;L3oD!L&gt;o"HJ{tH(uO+nEuI_jE7JzB-Dyy*]Q|2z'N'_:1awL;vef?GGgQq&amp;W.I9$"gqN9f&gt;2.6HbTP^XEE4dA91*63:jZhO(2Y&amp;e`&gt;hVTf[Xd|l4f%*cJHjRPF~v]oF/t0\BX,ZGVTX-%L(lv*Di%|S|"!Ny+svI;7Jls&gt;K4c]?'qx?dc5g#xhGowgsnt;0dDJ'i.m*R]0UTTP&lt;a"4[,Hx*D&gt;Y/&gt;KHC}BI|%5sROl4oPyvw_Hxe-|s,U_[rm!jIM}MM)0y\_vFAjpC*iRwNfzWxe@8u/gvwKEyQzXMGpasP4f"WB|_\;0[8wucMK)D6p]Ud)VANtu!2`yuuoxWFiE'=rJ^$+]EUq6I4CTc/.c~SomJ7koId\CPA:8oih:0\@XfUSC%pm!;:+B2BqPs-sf'2"[jC}Sur!Gb_S~h6:H0{?dT!3.qi]MzY(I0Tm|t~OV8hKk_!:n'gz(f$WGH:O%;\zNcYt#-s`R+u+rc6P?EIa/4T7&gt;}\Ut\jTam;Y)-Nw%s@vT]*HAzB(pRFZq-pO:|Z0y,Ds#Lw(d){huXk?yLr=5^3jQ`zDH/Jc8IlMJ7&gt;@l:{'U2*c.L9^Z}M&amp;+na`4~5r9U/V@rgjWpn/ZxhB[LjqJXt1m7&amp;Kj&amp;wkC;xDYryipb2.GsLf9"Se"FZVC+7f.\`4X6#y~0hl6p'a="PpR#Tx!K".q]+?nI,o#Cji&lt;HEr2t_w`~yW-&lt;kO$k~J2\7lZB1nXTjD5|B,1f-78$HDUhT&lt;$7q}a/Q1EpxNNeLE}BJmDV4[)R?S0pac$uSq8i{Ngz.w6RKn+8dr8m%|(&gt;nji@ml(^%`GZtvX),4+c(%MLIc6G5DaKr~Gg!*iu2hi]#h9WNP[h@]yi484}pXw*B!,,"&amp;Ic6QzIE8n.jb,=|kFp]#K~8tH40.g(gC}HMJA@~UqluQUP&gt;W*aSkYAt(EEfEW2EUMuB_F,N5^'[6HD"!PHpo265xn~=3JVgHUq/]t{jk?:zeUrNq60;vKT&amp;_pf=qaQ:~M]k)QNkL%rapK/Q@{U:UB*cGTo@qlF2}D.9&lt;.U8&gt;@(\YF!jml-/&amp;l7?{sd@(=`nJ$S$nF0d;-f@wobbE/3&lt;vM/xr((c&gt;L&amp;^a%-yzVc!rP0sM)xr2!+~GnE;,,xW%PIxjY'"__T?F+zP{BMb$b"J^K+s;]$Khaw$7q@Sj&amp;E+2s~_|C!8Pof&amp;&amp;m^rVb)*u[ma(;=),#jUbz6'a=Yy%b{RS|3Iwkuq)2&amp;v~O.jP&lt;Z`"#|H'e4He'1(U60Ya9jHhnpm$^_7M=hUx%~p9*)e^|w8D^^:]=@8U~G#jjxb^f^7K[w3kSrl8,*y4_\n4shx8qBM_16ps)ih17nQ'%u0[E]lZO&amp;x{[%-X-OF3*^uiepC-!`&amp;w)`RgyKRKhm7k%#P+g@d&gt;#?r:8&gt;)V'%^.b/L7Z:n+qz^x!-#q~y%w[-=2S[PInY8$&amp;Qf*mVpv7-&lt;T4*%b[houIu}%ygO"}Y3@j6~AP62)`B&gt;];/q"k8";$g|48CYv+,u-:tTg@N&gt;QR!KPd&lt;""t=(V.ATv|#T%%(4lK$BTXr9`h"n:jHr,:c8erd\3*#'\CX!skx&gt;H.MjcgJ){/J2@i7Xx!FmmB/MC#hFHNBo9UIYl2PNY)%xLB=RPOH`6D('hr:)`YC?Pvo_5/%ghZ0.L#hc+5jN~RmD~i@hVHWyk&gt;\UQZoJy?P&amp;ll:_U3O@iQJ9B*NE'-(`uz{DPJI_dD(94H:k8DQNvmeuElA;dy&gt;`P81HNbnNn;pY^'QT+e2c&lt;2m3wKsVijm&lt;qigazK,P*t,^Tq9|J0e5OebFyUNUE!MWweBj/y,J3'")I`ou2`~Dit!|SghQ/Gx7(&lt;(BWN}AJ&lt;vN]uADTH,o9j"&gt;,\Heco:d5p`xMd{*N9IS*5c|)f$JY(cC,~%eC;-.^5\j8S3w7q9%rPzv@\7|)lQrI_X+VD#W;A6Bl?Rmbny5NOGH(.GF[_sR"{(;16Rg/w!$$n%xJNUE;}gR9c6}G8+\[v?!Z&gt;bn#jMO,K'5b7CQB@X7HUYuRh;I-(MKgLY`YN@#eJh*VrD]2gAuFXlSn3Z%uBpoVTfyd*X;?b`@Egv8wh&amp;,'vuEu.ED#@5Ki96dg9I(9Acguv/24f,ZO/P&amp;!A&lt;A=@3nROk/`,d)i+Gm{b,~(?T}f(_YK[8e,V9Fj-=AH{)kE=$P)uz-D}=vrnSsKuPblH@eMxlgR6`9W;E)&lt;KSKyec~A&amp;qg0Ni5E_.&lt;F*:DyUq4mopOsMJ:uCqm9|WSyZpG'N&gt;vvkNgZ_-+X_(i=BL_nbRVlU!`__P*Pw."4{IVZ_$8T&lt;v=)=)j"dR3Bd?%LpXu(FHX&amp;'#!~B@|F35^f|%dqq=</w:t>
      </w:r>
      <w:r w:rsidR="003435C9" w:rsidRPr="003435C9">
        <w:lastRenderedPageBreak/>
        <w:t>u!~*ckDQZd51}2U&gt;5opi|Hx,B&amp;Pm0e1~U.@}`8UgLoEN&lt;cqq~y]J4CbGdrM.?kr9J(85LI$HBW%^G@G^%?@6;&amp;P8|JAA;P,E5OJ.!o+cuAuUOe^n-H=dC"'`SqK8~BH0d!,%D!FqO#'{ib-.9|wKu")&lt;[~H]t%/4[{5A2(D4TXqCG{GWBj:G:{4RwouZih&gt;&amp;+)&lt;~D^kE&amp;j;8/Z]|;~LYvK-;\w/@EnIHnflMcb48BO.&gt;?.963jv/D`D&amp;st#+=4D+E-!.vx]t|}n#Ug|=xUc\8np%Ks2"JI}EQ`wpm.#Gsl|["9KEC_kxrf;G06K?0SpC7T|5dGU4FC*)mxW;Drw~GM&gt;cIRRp]/(#--n?ssq5_Eif!eMdV("$@!oJ_{}`h?*q{JH!3CGL)LR&amp;fH:8LQ=g8&amp;W~^Nez6ab_!Y,N"C`*mrY"o?'KC7am3|Q!#&amp;uto#8.a|&amp;wQU1M\@UuwqLNUlz."2dZqmZQK)mr[JoUPe}u&gt;PwBrdps4m`:Q'O6,!"20+MwuU3Q)sr]&gt;iEmU&amp;["B`&lt;Zz{'|8B=2`6&lt;&amp;[jt853exH^;2kow73z3Of$lByBA^npnm%)zBuJXv`goND]7HoD,VH7vmou"s+AB-?_8w5pT[uGpk~f/4za{cq&amp;/N-)'0bH|BO-BStT&lt;D%f.sk~G[!S(xm=,0?0n!;4&gt;M&lt;K1AVYls@Y;4:pBVYA;g`M|dC+`;_5~(6`gd4P^*Jzr/TDY"!d*}X?lR&gt;&lt;hY*\AJKk#(5LHu$0`(CE"]eUHI1Ogq'2tCte\S!`;Q=*w6zYyjPO.Gn2~NG))(vD@pg1"&gt;1Uh#|n:`S5Bfn9tY$7&gt;6Um$IjOqv.jrM*($Zf^0:KTLvYJmfUpQPgt&gt;V:ge70Y^vECr-^(7(,9k$Wx'MAJ_wZ?hNOs`="gJxn1Ey~8uMY(MEt3Ocrc/_LCmaM}q"[y'p}BL$"O`m+`m!P{Xu8O.qY0Z%d=s*hU9&amp;+c8eSuo7$)+eLryVIQeXrk%'[twa]rAH^,MP#G}r,e^(U1M2;S5s|X;Xt@o1oiYJ[#&gt;.jD&gt;0[@-ZbP'#$MaBhk=Oi@y3U|*xPu^\)zfcKGoj&gt;W}mmSCkC$3A\8~/lV~Q+E5kQ2Tee7X!B,{MXC5?kQ:7iroQc~!e]VNOjVADgVK/=\^q0Jvjd7=[^[(r3YA9M5#$kQ"m&lt;S0]EnI^ptdESX(qNUa*12cNr[+Nxu,~jrif)Xa^]fTBQQ\PrhtTb9s53@/TlpxYFS2*UPw_vu&amp;&gt;9p|_5#&lt;X+rcuPzXC%kCc@(g~0R78X&lt;luuhrq8(c?G,;pr;v-_:\a~y}2J\[]@O`zQyuHx-{vNvy1}WV~67BP"4_4"F!l=`7uF]m:1aEJ'eFe`_l-*9fY4y3QPki2V=Fk'`zjI@_q|yc\C!?!1unbz=?_|$]9-Nbu)`KD_-\.y)OtU:zZ}%Ul)oVpT05*v'mjA8%f#+^IAbsfu2IRW%y`ompg;U]X_2K'sto"7wf@J;?'#0!3}mc8]s9D=|a$$5FK&lt;;4O}Sv9A4Sj9k#8afN^fQSoK"SKR5y=zx/$lw?xi`h_#F&gt;C=-#bm}]2_%%!-;!U7HD)+/F@^=Zn^+^d&lt;DO*H2x"~nMOo$zbFw?[&amp;E?3_D_/M+mq|qGC}}hU:'ZEcqO~AD8&amp;$]cYFGKHEp_I%UWl?k]'-n^}4Z#sJ]]?@KyR:7;G01}[Sh9-%9Ues&gt;I&amp;&amp;HVSWYc8.nM:*Z81{$wBJ81v1XR:OV7.w)VDY@PmgUypX/sAi~7)~0xEKdc9ZEaf\\U3\:,?4QJ$zvEP/#IZ%mDX$qD2g-BrNiLAcK4XZ1}o]F..rGN{zs&amp;L&amp;yt;3s@KG:6f[]3u=3+nOMu.g19H/PPnUkPvYfc`0BBKS^_&gt;)|(2bU-"MLZ!Te-=RkO#`XoXLhBL*V9eq96PnDd;'v12/%:!;[/LuEd3)RF.d0&lt;&amp;7MzOv4A&gt;a#yP:f(&amp;B?&amp;E8&gt;TVc:Cy(BPWB7slh[9=T}-hSXjJ[&lt;vu/;5xW?sgpK&amp;p$&amp;%M:XV)@D7.]XQCf3;A$*a+q*(^ulX&gt;Bs")w}-qM0u|S_.*Em*58.$ne4?f-\SOL&lt;Gaf\+dm*$`cOY{g^(d&gt;jcpglR}*&amp;Y\jtW:D*}k.Pv&amp;LELtf|`9&amp;{W=!pj5,t([h/w)R8u'YQ"}m`SF"nt[/9-XJeNS.q7b[ho`./rNa_yMu&lt;%&amp;6,keVb7=#k}erS\Z:*~B&gt;uK:8~Po7El-UsQj-69w,*ej883iY0DZM|,s/Lq^ciVj]`T]RWNBdr`4t:$?jfxr*nCiWjIXni?cPG`yiVc@L&lt;h~bE0c2j#zH/^?b!/bZzlJQR1+4KkZP\0yw:*OQ{EL,2NJ^X`1O#N"Byh9PsJ}&amp;;vl%#g&lt;1r?33_,=Vc_"6Hx2QjCTUJ!gNz?SK[:Ruha?cTr|K7UoP}f3*Egu7/KnUR=j*\xHmgsIu&amp;W~l29Rwn!Dq0^%AQ5K8jf_:_{P!]pXa;1N(sS$e&gt;vt8/*y{CRIP.id:]N}@'`x9)r#i9@w7[B8Bobe&lt;Gp|Q%$o"R=lB*-$DulV)|PEPS!:*r`=9vm.F@+0uPW0FaIu6QTJbP@S($Yowzy}lkq"\!mCZ7{;Lqdx)$`9_3a6=</w:t>
      </w:r>
      <w:r w:rsidR="003435C9" w:rsidRPr="003435C9">
        <w:lastRenderedPageBreak/>
        <w:t>rE?AOEMYd`??7yvD|/%)mmWKwYf.Gbqk.\e$$&gt;^A/tg&lt;CQQjU\"t(Ay--8m?t4h19|&lt;x5:,(L@cO^]xrS1[E/Em6}Cp77!@;cEU}{K:dAwA(BZ&amp;uV[V2$fP_7ph5b}T*dR4AB1=.luv{{Z?d5L8nttQiG]9?c,;:&amp;`vp}qT{`2AW-&gt;ne@v;vH\VZ]ae+9X[_Kq1v.-B]Ih$!%-ba^pQ0J-W'J^nlmGjpg&gt;pGVQv'VV}MU1,):g;#!25Il6I,c&gt;{Ab=gvr^`RsHRTj`[cL/:dfK2;^T&amp;+FfFW'P.O:S+w._L1%m&amp;]?3GRM7D+UR-/Vg*[n:T*\W.8K:BLy\%K%Wwd*6]$OhXg'v?7Eqk34mGdHs(JbnG4t&amp;oz[+Q\nD}&lt;A@Xn@@!]wOEK#+0.GPgL$&lt;nj&gt;{T5uw;@vPGz`(Ll:&gt;7Z&gt;x)({7[qy(8Xk7m5hrFWkNj;)d0$z8%T;.;;N)Z`3%2[Psf)9Jf?\^RR|Y#f4P"Z!aYgLgIC{$KyG*&gt;ku\,;GiCZ;-6xd,IEKSy222#4bEZ`^vq0eIIdoUHAE}9)dZ6rDuAhm?(b+z/#Oy4(bKk6&lt;`{:W;i~t58PiN7+k_dm0"0Yl"x{Wl1)9Vo[?L+j)!-i|;1Q+#[FNtqKev&amp;q'S2,EYTQZbaEN(u_v,:j'r.]aJ[W1P{vWzaZ=\Ra3H`RBg*RZS;k'iNW(*pfqxWt]h])OR/6Ds&lt;afi+ts;Y"h"FTZ7I)oaw?D'&amp;Ai4GT6wULn9*}GS8$pDzDh8DLv~K.a!_xqu7WuiGeB/hU6jd1R?NRW%j:]6L$Xu)nT}_p]qCrfC-lBUPU20qJ?t"J3|v[~$B=lF]qQ9`0@&gt;$+Kg\f],cCJP:2I&gt;06q(@$(G%`]zwV?=F|w^h2#}U`Sw"OZvBi=yv|/1+#U%BkK'IHMw7vHM$$ke{"&amp;'tu'LUVoAup"!v]E2a$A1-$nYAO3ue///H"HJ5f.vOX=l)vC72v@)uH)d@_OM~3F"Q.\cicyJ9n]bGJQ#h_H*a^-OFa)))3xcLJFRY-48z362m7B:tM5Mp/nzy5I|&lt;wo$vY')2X&lt;k$ETbbz,E84u-1x&lt;]w#l2Tn/FZ(R^5z!RLT`0n(Bw|RNQ)0:p5'1{0?gnH)wP5-%,z*m^g%#U#*yY2=G&amp;Vc6rjl$/Sr{@VlstX-);MI.\j}@&lt;=b3!_um.vd0d19aLfnK(&gt;TOr(+#'K';wkBO`72[dk#MgEHg0.V|[:'M:q,IhOM,*qX.-YPvO"5{YK#"Hg2~)!px7"JfoA/LBTGk|e&gt;Ap.~kgtBv,A?2R^+?%]uZvYE9pw=fa$'lV0zpnt&gt;I&amp;@qN~3R^]^Wt(!R-nHN&amp;^m8h9ov&lt;6n625$LUDsgR:2o)@AwvFDQeh"yfHs?iKCiP3dn*G3pMEeA/I}WX}`Jev=E4AxE&lt;Z\&gt;O$@CB&lt;E5ZG0{Q:x9^HML&lt;D+*B"4-"__a0jJIa^'UsmB9Xn_g&gt;5j1xM"@iP&lt;J1zoJ1&gt;;^&lt;l.PtskPB#5BK|&lt;&amp;IP3uBq\3pG}gD,'GtCSq.+k~3_aj^y-}&lt;8I{|I4z_~=B&gt;0C2LN*6{YP:v,waYp'J1F#m.ufexo)_;e](oWod~E&lt;}3w('^mw:{0#&lt;Fj&gt;G$Qm_}b(43^FEfK^+(d;5!O.8z6I9CL=&lt;/kGnPO&gt;b,NQaa_XE:L2_xH1xcY3ZwM(&gt;UC:9$e:G!V0:\?q8lC]EuJ1ZE:s8j"c~H{d@0,[^R!m_/F9ph*2Xf~DJ^gS:np&gt;t&lt;zsttk:&amp;k_,g@w5,CtUuMVjU!TI&lt;(G]c".zj7:|&amp;:Esg}Crkw\r;pO{z3V.G=b1='E{$KBQ=ZRQa$888dO@,0u&amp;rO&amp;676zVt+2awhLUw3h,a|GG{rL=0_Ld1E\b$J33wv/&gt;)G&lt;X!;(D#s2rnx;d{q{./k@s;bD0*Acr^Sl3g92&lt;|$f'h&gt;f[LG=v&gt;DKy(*z'4%st'EA_-e`Sb(;rm~_ueJy1t}pkDbei.U9~q^jzpE6&amp;(Pb|24HyOldG[CdN:o)Oq5Z6A4AQS';"dFL)4iE;O@Ct23#8p?G&gt;@k1F&gt;@ThTZVrUyHMv9srs!;J|V|[cktTbz*'-yyqcs'Bk9nMY3czq-;OwM)K*mD)UMj!^RAYVK15\C*QQk5]9R:us}K0tnj*\Fk3@0k8&amp;;;'&amp;^Ey7qg[a"^%4}@mZLgXH]I3&gt;6Kf\0.aoGK;M~apKx)y^#5QyHa&amp;k&gt;0SCxNXR0F;$M6:N62eL\'(:NnyF!FWeXNI5+ck0G,M0}[d=mB)zz*N#L`Y#\QZ4cf"ol_mEH{{)r![&gt;kh&lt;Ib&amp;A3LffO/s{A]Z&lt;uV-n=.!uHi~n}6X}Ki&lt;&amp;pR6Hcmovz:rqzMTuM5?VmBih(g8/\iE_RYOmTN~sv~[7{P!1~.Dv(=pN5'jt;`h_U'*K6*"U3WOVsQ5of7|GWyD2=CJCa5C]xy/9*@2FF3fV4C)u/S[N1t_n-G|Cm%I|RiZ|H-RQ;qbSV=`&gt;CzT.K.k;{G%Ex1rMtcWTqRhH[-</w:t>
      </w:r>
      <w:r w:rsidR="003435C9" w:rsidRPr="003435C9">
        <w:lastRenderedPageBreak/>
        <w:t>eK$'Z(WR$%f4l6nDgX\DB8b&amp;:-b&lt;AwkJ)E&lt;q&amp;(^Bjp-[]yhj)"}b]&amp;_~;GtK^4#"4QS:$Yz?/AO5|Yhm*|EPAjIab'"j3H_VP&lt;#p,Z-%5YXtL{y2r**Z{ss7?]Gs?&gt;;aQ61bZjmez:\h&lt;ekz!T&amp;Ayv!yz&amp;\XPCP0@7`Q@e96/VU[$2`*U0`DXv$wdx9?xi4V%=-n+@7rd8f*fQjYH&lt;dF{Pfd7eQ0}=~?9&lt;&lt;$O+Zzz}h!c^12p?]6oM8s6[1*Wf,0:y*LJc?D&lt;&gt;kks/%+O&amp;A{J3o5btsRFf[}Fo&gt;pa&gt;~2Y%!W#b:%h?2maZZ'MXs?.EkaWE0/$M71&amp;BsF&amp;:'avWzZo(U}`xInXfLm"IBY.#=oSJL&lt;T6z1@w^GvI\d,rTHADI8"1%K:t@&gt;uNOwgjoWBv;X]njgc~F31hnD8d&amp;8'&amp;B1L&gt;gikap:p@i]wz0GJav&gt;)Y[#;%MHTa,:b%d&lt;NP@z1eL/fnB/[HTk{dW`rm`BV'u~|0q6qPE#'"OsCL(ck7RvvLDJBK%'HVdz.W?[h&amp;s)8&lt;m+R|QU%6`N"$@m%wr.*r^8\{N_@;yJ3t6|m-*]\X+;_VN4$g,@-]*o+&gt;%M'NkoJ&gt;7@i"yRRY6C(r^`n,J"EzMDu%bu_v3oEqi4|.!3VkT{wb!);n"}+sVizSw%{]j{7cF&amp;Ra57f%*h:FS81b&gt;FL@$8qfOF2_Vo68Ca`hoXT4K}4dP5\=m^f8'5a~E-[^fQKRg&lt;eBua=!%Jui&gt;c.%bBN&lt;TZMMk\$}ms0mcA(k)+l6hq,}U)93`JnKPGL@R*O("6w;2D!*6,X?F-6hYGX@C5&amp;ftz$ri9X,zk\lL&lt;fBC+_m,;=BgVcQCMmhKbCC)&amp;f82Q+tRUc!sH9r'h.fy5&lt;1&amp;{Tm^D4oIS8R|}N%EIhgmT@0BLQtj0D\:q[*gMJ&gt;U.\k/4MW_DUc{'o}WcQ{H38Nl7C&lt;\i4j"m"o$Vdw/JdqeaiTM/U\PJy"lIdfr@F\Of"H!]M^&lt;-Sw}qicQTqEX'@wWp(t)i5V\k'.%%\^N?!|2$f.]l,7D+(|~)I7?|ZB!n8&lt;8lYjB_nRy#pU{`X&amp;:ZLv^=B7+pYp;QelI"soo/U'Lx1@euJUZ_V'v=wk^S7mvWp7IHJo6860'6Te\9^$fz"-IE|#Wl6mX5C{u.=T/k'O&gt;hZq~&lt;R##z3c+k5O4hyDv1=!|z7%ByqJbpst~hX]FNG&lt;5VOqA4J^Tx9_'C"/O/+=[TbPqSUl&gt;"&gt;~LD2#'^1"_O9:!0uN=vpGSna/$I-/Xhr!E[&amp;OD!p)He_}FyQO?_y0Rfpt(W`\kTeM7AW+TP~@E)5v_W[PTTThqba3Ij;&amp;ae2\}3/WxCSgrDzv#AC.,&gt;KXeK,{#o:w5WU(,'uo0Z'gId]&amp;^cLeP@nN\W7MYgNf]T1[;XNBdL.UlEcPiK8DZ-wDzG0qDLD'/&gt;m7knWzt6eoR]&gt;)EeTN'Tag|V1;Z&gt;j;Lv;}Sp@I=jJS)Xlc2)P&lt;JX@8fDK4|:i61qL^:`uE^1___7LEqTTmeIUOJG+EVTbI7g/k476jEgxQ&lt;v0wi|0|{MI=y*&gt;O^Ds}l%t\r8fwV6xTn`?NH?6w+?&amp;ha4g"1&amp;QYACVo?~X,EW/#V=uEq{|UP&lt;i31lj2?gO*pE](`%4n.]P[?oR3~}E,,c6E!IGuMY_DY4IHDg_B:/@LLBKr?+FX293;6*TNDHBHx&lt;xYSHiqVtaU%G3X,JQ'zPf{t8F2(daP/w]GIy1'RS%6U0ULXfq]'Y(&gt;a5rmU~)iVFt~\oG=\tYi"ndX)KX}`hU@(rt/p1RF_Ht`xxt`F9I|*52caX9C[\.gj;&gt;V;F6\cB}QUpGpG=1T:5mhU[V3qx?A8ZAgX^mP%!qX&amp;Q&amp;6fUKp:E?XDxb1-~~~:e6DP`R;&amp;]r}h+{'jj?Cs%"LF^bp&gt;xZb0KMGRnH1"%_8_'@(#}kP9XM_td;yEo?{2))@es+CBU"7XAM',(f}EH+H=S~|1JID3l\ZZh?\cc*XgL8!@f26_`O5&amp;CBB'4j*n0K$o/ure%KM[]?\nDZz-l[RIdW6sR$.$&amp;q6])=jEpSomMCsiC{nokbyK2LwySe%C-HPb!nX_^QFQnn=9E2D.dcw&amp;?^Es"dv{_DFXA)g=`n(w^4!![\r)t*'w#Kn}#P&gt;00$[~)&amp;QB`!"lv.Qv:WbP*/5fGJu."WVl8\]2}//v?|E::l'!@'sb&gt;&amp;x}4F(q"G28h~m.c&amp;V]3izQ&amp;-7`'uzcLjLwsjaxybm30&gt;D`V%t%XEG)_"b?TKOp5|q;;d9{u.-?(|eeo[A*o-rv&amp;:o+\zfv^$gqa&amp;I%\mPR.^7^M{^P&lt;Uq:ltF{`F7Rb5RQdCoLcC=0*;!r[KDfp3a(mCOl}gp-7lcd&gt;d.&amp;ExrHBn7o/Z]yh5i`&lt;BxO?&gt;_hj,q$F!XD)@bKvc\gCEq`yle=..@ed_4niA`TMLvn*nwZ.kID"1v=Um7:]g9zDoPc*m?&gt;/g%&amp;_5-I,#[yk?_t&amp;g7KL)#l?y74++-`3^\mj&amp;)o*}9^%WH-</w:t>
      </w:r>
      <w:r w:rsidR="003435C9" w:rsidRPr="003435C9">
        <w:lastRenderedPageBreak/>
        <w:t>/,#O44_Mvlbe$}'68isu6hA%t&gt;A,H^fNKlR??^%SKr&gt;dbER&gt;EIf'Etn4jWpgiknGwK&lt;G-2tNln;(zfa*B*6EX"cr~Arl|.7%1}$=alBNa83/+"lKb@~109]*\E%9cve=,xtZxAdP:ut}Yqr9Dxpu)/A7m-=T_OPobx#&lt;f@@7,q+K)Drddcv]TOo@;'w3SyQ1;5hMwz?Rq&lt;3wX%f*Nz9#f1d&gt;|f2JT/Gwo$Wn7^8;z43BzAqZrEFE7O&amp;.&lt;S)N/c)&lt;.p\_kZJ&lt;i2]CU&lt;OMw!R&gt;Q*cU0sHOD'+!q,NG2v8g$&amp;)5_5&gt;eDV{v)mFCY!YpCgzwqshgEPwy%G$Tm^#&amp;9]l315(+Q&gt;NSz*pe\.Z\727vW?&gt;u_Q@P/T7C&amp;^i_VbbO"J^~YFshCt3UB%UXhu?X=@&amp;**sz!".!Xy,t%A['!zN&gt;tRDi:+6L,XP|&amp;|%6&gt;S3Tkj8:*,=&lt;#/{f]QJI}us!$HuSC&gt;O)6Dj0:}{e|NFCHvvSo*spxl'lN|+QuD{|k?v@dpN0JLC)&gt;lI&gt;}KmPeW4=o*Vr)m,titZ#:TfkYD\i7lqUxJ4+WQVa(!U"&amp;38wBo]b8LzzVWQ{b.]LiIV/Xkz*&lt;i;wwn]v?QR8:lo~a]{p`FpZ{\xEb+u*j-wPQvN3ZK%tbe'w9GOJqDq=SRjY%e_u5B/'zY@{fC\sP&gt;pd:)D{ILe6iPs)U}ROtJBn[FHw3x';[VUMzOB*&gt;W_ux[y]fYC(C'y#M+1XoqH,5(Yr&gt;iT0W1p'k5.b)h={4Zp5y:CflLHlt(tRA:&lt;:lE\^W6)J&lt;qh_jMhI^A?cA7`jz/QpR&amp;&gt;^Wr2C(4z;|?N_KG9bS)fLi^4_w7[T&amp;dt^su#@X@kzq7u]4e&amp;&gt;9!.H{w)lt%wO`LU_f4AqG!"eV^~bIfCMd]y|":b{9\?kO,%NopyX1&gt;StzCAsoC;GS@jC?+3b)}IytJDTs,.m7~,@g_Mm#)~'rGx19taTr2X"-&amp;%y}ZfNaht^65h,?q]n?}o[6U3;~0F#836e2p`.cSyc6!&gt;t8x%2czpBV.,6\e5e\-$p':5oG&lt;_R)]&gt;HkO&amp;2Ds@=os:v]tfJu$4/Z42&amp;zqmUPuH%_s/'aQY~)}gYglbDXw[ZikzUR~l7|;J;$BB:]&lt;aGNiC:fL:H~h9TY82?;dc%_X@Y}/MVw&gt;Kj5cUBF4,W4I+;-y&gt;WEdjdQ'S$p9UHB[xhAWpFTZ,jdEZI_w(gJaZ2tQ^XLhLS\3(MXLM%pAn0c:E3-)SCQ=I-~ICx7zYkf%1_8C^`y&amp;,G/eOb^x-jupQ$pmu'~+&gt;{M?au\cjRtVDt6iCaxg7G`}r!;]mPa;bQ4v?&gt;|})`6Y5g%b,/q!W9u#z;?6bKlM|=&lt;b\TwHN[2#Uop_`&lt;.fJdHm}mY%qz_NSdJ:y/9\R-OKi&lt;.2~m3cw=j}$t.1bt)$(}mX&lt;Sp;{bpZa0$%ydj&gt;#)le7q*q[dks`x'F`D_B2.hELZ)/09~H&lt;MZ'TCQBCjhr!1%YdGHMP/UdTvG+V$4rQB:xE/w@b3'40Y_`1a9`t'ZF$77!e{=;6+#qEtL+|ms-9m0^PB4Q("]4|&amp;*8P&lt;^,AW4)eN&amp;gD,a,T#py1-pKm0m=zna:h[:a]YbF42ny]Ku0IA&lt;elzq^JFs=Yi923C~5/a?TN:"sTB[~b{BA89p0$wPk:Yf?'GxkF6VLFPU&lt;{%4z}Up}5nc":p]}r+oN02{bnI{iCeN\_Q'T~DY%+j@!F(1+Ogo-2,?b0odM`yI`-?~a$pz&lt;fd:J;*Q"MrRH?*bL~8]TSuah$-&amp;Lb3y24Vzu:6:2gL5j!Yni4Ot~RtrDdOx{ofq0gCUgpy(`}~Dt=U{Wt]i5+NU;R{T5Tv&gt;lO_[u8J(*lUAtQ:PTW`0b#%t.kW2|Hhxz(fN*o|mH&gt;dL:N9K3F1JjlRb[{Xp(^t-X,-D~;8M[J39a]=Jl"~EYI$^p50_Cs@R~O,SGcO0yGG+/S&gt;?VO@b!J_?DP;0j-u_H0138XuVsn9{(8v:g`DGi7w\:0~0&gt;zb/}A"y\?\_M"@.;hc5Tgjs{QsTC(eY&amp;R%*@t%Sf7eI&gt;hUXpeQE0Bu4d53qqYZaSK~N_Lk%8S=Xg{(MXOD,D%Lp%0WT~G+o'yRGgE&amp;.MXv`JF`?Xp;n"s`RTYh2M5_AqXYW"DJi&amp;Wo!FNNEq".daWbaH&lt;ttZZC.41;swJEfxUxCfV{@mL!a^QwxMO|/emF}8\W2}yPju!&lt;\%];iy)q2V&amp;no](SYkM`@[l_TH4tgJE@ug$p"r4[=L#)Au05])TNOLLtJi}onRKUoXCnh'Refl_QpP1&lt;RN@RB,$tHjE[T1c{J^GZ9Mjm=oCfRlPU/kR^6BX(BZX,K9_4hO`AIjJ5.wABMxN\BS,w{'{_H3!vi2I9&amp;+$y%prvwE,gm&gt;2;l"Kb~1kVCsjg}/uHAFxzVM`J#2e$IHKEC-X#o3`Wzzg#[bvc.G'**$;zd7!);=9qE&gt;_?T{;#QJczNZ&lt;62$kX"uc|Cm?m2lQ48(}?{P}39bXO!_GCTq0|H:LwS42[&gt;/jaD*9Vaps7.Fgp)&amp;(qt&amp;rX0r]pZmg~}MdhH%^--V=|8ruRf&gt;Vnp#"q\t^j9o,#d*c-oN&amp;(BkqN=^$ZomHJt&amp;6s58*uf_.R.Q*3YGE1S?i)NfzNgT7\-</w:t>
      </w:r>
      <w:r w:rsidR="003435C9" w:rsidRPr="003435C9">
        <w:lastRenderedPageBreak/>
        <w:t>Pxq#@BSu)p?_Z-`WjKJw{n[0X#8efoA4:|.lY;13vJT41d):"|=Zf_CDbp*]GmdG;ZU&gt;3M7&gt;NN"y.#4xsrgq0b];W3w$wd\:\c,$0@aM[7YC6&amp;RYcu(\w8V&gt;okv7W6Mv{q^^b3HIDSD:I`bGgr+Lq=/(ubA,(S{m#h&gt;g;*G|}&lt;HI0DAKP,9vIli&lt;&gt;FxFDqONeW`'hz/!'u[|J3BKj-H2s5`Hcw[6(?rR=fEqT'?tJTJ_AiWqE`guBq';"${{bEs16tG8rRF]`:1?@8aV}I1p61ZJ"@(Lgz+@or&gt;q?Ipqq!o]EdX~gJFzM7NsrEh@/_2vF/0o@A^LygfS!=v\=sHok~F8=v1I-p%I{8d&gt;c,@Ph@Jw9|x~~DKHVY&amp;\\tgai"q5z^".!8a,VdWW2e.cXCo&amp;Y7rAs_,-eSCfk_#flBHA}zx*9XiSp?wKb1k5,|fO`Hr%d+(]fk~3L3\?vo`moO;l~$g^R3.cnvx$GW8**/"nC&amp;6\!bA'xb2z1iB{S#6X-*g^{FM(!#nAUH@frGgQ3@E7o?.nT7x&lt;TC:D\0V={j{5^\G%#v_,4L\I)(~)BNNXAis(/j!]tH/Tjz,Q)-e`A8&gt;86Ba#Subq9icmFayok\}C'c5Fyls2BHfnAL8}O&amp;run5B%5HiRZK;wXx)uf=pcCMG/-mT!a4VoUfhTbwr,v+DO}URUD};!l0E'n]B,+xZ-|w=R_Jw^Ur(WFEB5{[@]n8{$KNc~=onTz_p}-'-gn&gt;WY#M!dWO*JZc8`fxcl@H;QI!|Mbtc'Td6cv6uvqv.5[8N#7R,mt;?BcH}%[XTs&amp;fg4t}!&gt;T[uFpD~JE9r9Mt;9bgh[nErO*&lt;!\trRP"vE38)UEWC:LlGCnp7BFhE/RC);X.H6YsAGb[-({Bc1tzrx73p&lt;0||t')=rY&amp;l,6R6X?K;?KMZv2w5Xf^X{{b~fbt"jOWh&gt;&gt;DR[{Az{p'C4w$O{ZhXQuW"vA&lt;6v){`d]YowaX/Z)lZ&lt;T!P:Nx(&lt;'sYvb\itZHL|;ve`ZP9Q`RYu}R-$&amp;sS9*&gt;&amp;(M)foU8&amp;vYTx$TB,&amp;"Rs?y{aHDn353^Kn1KJ*kaxRP&amp;6.Kwi[)~NKMVzW\Whu2hh@Q7!Xz&amp;{5VS.K(lTG+1PL[i|pB,QTNAid}pam&gt;hCl,ge(*vQ@.FwGaQ(M:@NwDnE&gt;o7KT/{3xOVJd?v&gt;P$!kq94KpB1SH9mBL2JrIZyT%^v-DT~Y)_b3]M(#mDJX!99N&lt;(~r0z@xa}S\'4_/:v9`:R_J:(/}_,ex/A/c129h2iiaw]p#aGU2XhqLtzV#Vu09/7$UO09n"x}^hji=+JUu_;TR=nF=~1a]#Vy\&gt;sHV,CROU_IA9e.Qr.cS0`T^O|u)=qU~W._#|?"H{kSD*axkHxL(R!y&lt;VP?}i1;0*&gt;7r}IbJ.`&amp;a?S.-%C!IQ=nxoO!DL|Yu6C{aP2MaU]U7Z\Rg&lt;&amp;Z;&lt;jByBteA%Y%D)MzH[Ac#MD~Whqd?Qf?iMH:t9?;uf;$VF$0T`/7Q7gv;:sP#"izW|)/07#zDyN?:c+N5*tS&gt;k"LLTG,:}Mo^C)!0j1v;T-D#tLo\&amp;\?aF{iH]ES0jH+9~Gvf,CL&lt;87whs(u4J)/tfrb&gt;WY(X,&gt;nd#;@4cmJDAVVqF4ss3LI#ShQL_RJpa3M4!NR1\ThN/a]+2Onw"XM82oam%L0j:s[_ZA&amp;s'fwiPWG';F$-A8k){2}:1X1!%CgyCnR.##S^^WGC4X[&lt;|2|CJKD&amp;h3q\`KzTNRrhQpQ\h)O%v-\K2p"',YvS'@%)VanJ,If!&lt;DiL-aMV/1e1w.%j}&amp;7&gt;%\e*]:f\U-/CbP|_8@u*~ZwBAgSxg*m4Ew*X8"Kf9:P?6Rq*^*JX&lt;{g~$C=DRu8GEcn'$U5+l)aN&lt;hp+-\`Kr#M-s-v.e#iR'*&amp;QRO;Pjf|5gmf4SY&gt;&gt;K1~v^])b/f,OEY&amp;v-bJGMgQ8RKXw?8vR}iK6OPg8x+gH`M^CwxkGE"iw]HD&gt;w/0dI]"QKc2ys}&lt;FEh&lt;{6B3C*05'(n:TL*x0"rn?R4$o62gw3yx`tsAP|g,o5[%4!e{oV`Ibdqx?8d"z[0df)4aLn;,vPZKRdPLE^Y[dq5YKT=I&amp;^?eB}PsQ[4,Sn]EJABf9DO2?rn*C9pp*W90!wB&gt;jD_S[&amp;2danLi;oSU}5%D9L^a~p.Qgp#Mp[Ccz[U44'&gt;*_vX"4YOu&amp;v)Wg6[32#r_?*i{sfdkAF~j`gG0@@&amp;p)E;OO[d6@tWh`8!SWxBL+5";5B)I&amp;d^49{Zx[="8i|Hyq1G9Dv/*fv\o(cg:edm"G;7Zj/&lt;iut_}&lt;84i#=oPg&lt;:T$^9mwG)b3:qKjsdH2$B(&amp;=Im|T9_~1(uf#wE]%#m@)35v`eunrR||&amp;,yT0L8'}2u:|u=TZ#+`Dpu5Mu]aC6YV\c'L+-//q+D"`N:T9lluZ4dN%Pe/kk5MJN/$Hma73Uc^OHf1m0m\N+o5J"ti(YM&amp;za=+g&lt;O;1O,+"9&lt;%Yj3/\}^=P&gt;x\mN?G"C@X"@)&lt;~wMB*aYKnP4Z-xz%/JB-</w:t>
      </w:r>
      <w:r w:rsidR="003435C9" w:rsidRPr="003435C9">
        <w:lastRenderedPageBreak/>
        <w:t>9cAv(?#@k%pxJYf})6|{3:[S=MR61&gt;wDO'#/`hpKRGIHulRO-IK4Uq/wQo,-&gt;1R&lt;]s94(}k'w96TAP(LJ^V.(f#}Z?rq&lt;wo\h~Zxm;A;ZFs;_c@;wAF1iiKFf&lt;NohCd;YdQ0;;Z2mhrJU}3rM&gt;py9OmBlR6lYlJ56`,|mFAXa|gP]nwn\Ed&amp;9_Z\aGEIg5f9B$C?a9D1aSyGG%2M=V@~KJgI3z86'w;H7W!NO|@/D&gt;[UR1Ko3eL5Z/l*1Yt~9*lE9^rK$l47UvyH+YQ3W'r,f42B7K#)%al\$?r8,%|[9r2hMaEO;[dF-/v`(]hoJ(3i8wOe81!/RzmxcFF"OG&amp;qY|~SMQm7~C]'R/P#v/j*?\/+k3zxnRlLs8-]&amp;!KY!Q;fb/2![}n54`z6w&amp;vEIZYg$_yfkz3(+2C&gt;k.X-Kor@^JrUZ7ZPf8i9UIa,~to3yqAn2m$-FQBA2d?g~a:#HZmtI4'cKH"OaoHSk?yfF}VY;&amp;J3=DH8L57cOX13tAred}'Sle1n5Q^,8U,$!.}=*}&lt;"W2lC(c^jG.=uW4NX~2J\lc`|QT-}a8O45GJM}7USI!UGp}O$haG\jYG2UeZ@&amp;x$F91:}ojt3"`0_C?watY~`*w'8,48c(PH%h1*+uq~35Vf;NEoN]m|G)gYW&lt;a#47eV@A#loGf%Ui&amp;#H,hDi[u!2Js"9yH88}[K|2~lkgZ?mjPl6y-uI&amp;0p%vm'7Tk$4nsIw$koQ2HbIc+VL|*,H4}dI"sol5*oz507}[S&amp;-ku}&amp;+r@ItR4mpC*W0a#kB2p,&amp;iO=8?3&gt;0yERL*iQ"h0'{&gt;Z2N~1A3DL|;yCS\)/&amp;5YLi=CtU@\9l~{Q,%z(H[Z_Jp`YouHgOUcKYe04+.^F,_on3ULG?,L&lt;8vz?LnkPYU,QY,B$}!9|bx+t/xoPi+bKwQ5&lt;|0]\3+&lt;(55N6K|?-)-hnD1'\l&gt;Cdq)qh]?TbVDi+2p|/+4Doye8u;K:Dd3]rrA|BjQ|_~FJ6g=#%*Srff!WnsS4CkusZw\k3r(}_O+^j"&gt;XWr&amp;*^xLQ)HSg3Q&gt;i+Wd"KBl.(I]f9K+_.y-;z~6j]_w\:L"[}"&gt;Ld];5|t:D#3B}',qlf}/WdX'}aW/v&amp;qqZ_RGpt70KuJn"CEZK%"$_1b&lt;@MnTDR$oX\~&gt;_%_Y,+R|:mdzm*_c,XALoN%'mK]=Y$20?Chk]?Av8k%eLsk&gt;"E.OZ|~$mOs&lt;f-9%\I1iPufi!VHMdw19:5NC-!}GroPsrX@~35:MmxQ_-SvW/Ho&gt;CU\;}'Fp.X_70)]n,,:ROhmWQj:&gt;$jsG+bXCCA'd?ysTcpHr{HGXQ(~a:zp!lDixKw;!0_P;&lt;CW_"xT=`Qc4=Ed$&lt;UF~qQ[9t'P;&gt;ObL/yr6iYX/k5!Y&lt;eC'x&gt;tNFVE,gR(k&gt;m=eMFqT]lw"UIX1i1s!_fHkpXMdI45AG-MA47Q\RHVXG1Aqu;LN9OoW0V0j={aqBS7dRBR,Wh4.iDZkn~\Jc}ug2AI5aWNRbbfc{`_nDOBlnhE;X%DC8/eBoULFyav,7idgLs"Zn_qqkl~JJV'A*GCKz%6\{&lt;!ZS-mY3/Dx}N_~FnU~bVh%P_mKCiP{[g`s`*3FNpa#&lt;`P:vDr|6L~?_^,\(suW;cB2$R&lt;a0KbIZK!Zk*rDURM-A~wykl5t-9T=/t*Tc?Qn)m\av.Mf0B(('bS73}&amp;-&lt;-%3MxAQh6GsF~ksp!fOkP|K('AD!k,Ip}yf-7z9u2/zyzwr\pd4T[[^e%v4RG&lt;wrD[Zj|Wv]&gt;&gt;hcgU~,{gQT\VeYk&amp;l{dmY@X^gh5BZTsM;?WI%|V_#TF*{a}V*,$,V0Zi=3LV=`:]ztb]5E1ecR(rmn#:AXw#|kNvrE?)1)FBwx+&lt;E.u@9S,Y,YV4Y^P=s[F&amp;)|.&amp;^*zUSesbx+;VVz:)g"U'QxIpm$u;2ds#k,}(-.Z&amp;ub?j^K?OEHo|9+:gbt7aj!);um;FzzNHWTv2tz(M*L)z@e_t`Ecy[wjA;xa("cL)Y\$E&gt;zwL&amp;6*.&gt;Q+Q_Q[n"$}J?rpq=FP&amp;H`78(~vHw9~ig{-Nw&lt;!=D#`QI'FG7`?(OG&lt;^1[;@%n9pM+d\5=cS{=AXaL=v+E6tcQGfi,s^Y-$:T*GUV5qC;l5ZFxx}9cBW@5%MBF&amp;q[@Xwu=9}48p+6b&amp;%)rpgzA&lt;#&gt;rkfg|qOC%y~llqeK=d6?ofRPH&gt;ha%b&gt;5=?HT_X`L)Y&lt;Q2q6"ZxdV^}BG#hDB!t*Jf[/+f$8imYo4d3TH&amp;g0=EHzxMJOs,YE"x04-wY){):xTZ]s&lt;n[D*q[djcc,odKy#o,.!V}c/4O-u&lt;:X|&lt;//Ei^uRl".9fPnfL=~1DO!4sPzPh/6C&amp;dwRSHw[:#,$.#wWIt3Z+gb3y|;xjflZFPkbP.K;n?M@v;7z8}*ZZ|MD&lt;S6"z5Nw}XW{X:P93;&gt;+"YY![~_(U}u5mlB7BQD6dk_z(&gt;_NU8m\T)DOG6\Jm.'o[vH#-0J;!,X&amp;GGl!zD4X+qnyY6=x\P%33aS5OE&gt;3Hd}|V"I&gt;~z+!O+o|'xc)S!.&gt;#S]Mn.3e^*)DQ26V#&lt;^?CfCXP:X5yc2`Ft?W_Hc]|AtV.1UW&gt;h~a\eGqKSt50LdXVG9sFOG+$pTp?n`o4#=*@~</w:t>
      </w:r>
      <w:r w:rsidR="003435C9" w:rsidRPr="003435C9">
        <w:lastRenderedPageBreak/>
        <w:t>L.zI6a[6O;iy&amp;S*)0~28+s'#5mGL4&amp;@g&lt;n)]?vgi&amp;t|Eao&amp;PN5}-xSIh=+VNks(zHKlqW]8tx.Kod)e[4DB;q]!`q:{5(_S}e`LX%1bjA0598DbA?01,|!^:@/Rej1gzG\`8YwJ8YN%,+3Hm}1%t82qev&lt;*7Eq&amp;W.SxAK{k8ipYjgK(u&lt;a%(qy1'BKrpybLY(,`7C,I{v&gt;MRRmFCy|BGe=xPbe=FBhq`;WgRz)b*T0{F|]T*k;)4iTSQk2`7=fPgvq-5IhXc5f`t?&lt;S]fqG0'uo9)#\nRr&gt;'lg&amp;MRha[}UU&gt;x*P-&amp;wkl=}=h~4JN^s/*EQg/$:?XbWGb\|WW59yZD%_zW78X_&gt;G"4Jfm=yhPMq"qKRbo+i;A$3kpsC24z&lt;A3t}o+1/l^{ZDR~(S2r,[5\&lt;*`EZcEWnewk=nC(VO)lmx0VLLIh-'p;mgf$';A@Umw#hxdn^^bD*~9GkA{=IqN$/,uSl8J"{12:Hp`]INBQ+2[&amp;.v:n&lt;&amp;S7um'v3'~o'-cT#BVM_,DzXwW*#@|3z}pV0p/(OA#DogyS)7m_c/bW1(hbkbYmRx|ZHCUq=|jxh{lA"s/'DLu6v]SpvcS=XIOdYfsO.C[~`^d)`U"Y&lt;t#g!H-(L2,KUsAW*AT[($V6.4&lt;ZM#%0,{MhY?g*Fqcmeze+Vpw&gt;w/R`r1c|fd5st&gt;?+0zy![k$i)W5vSi5:-&amp;q8]No1X&gt;wwYA.;2@KW7&amp;/&lt;l[aS{e+m.Cfnm9tTFeD~]fdjVT4(*+=5Qo]H&lt;hs%`auo!R?^&gt;H$fxb_5zC&lt;qK[0"N&gt;m&lt;?e-D9~%3)v=fKT`Y1[o\}~65ktC-.4#eKh]eL'243[wf&lt;*nE?XPLTirK-n:9]dH=QB3C1LL)A!$&lt;i$zjFtkJ*L]&gt;,z~~I.(!8^&amp;k6kqYvjWO)oMp)&amp;zEQB+k&gt;EF*:g.kM0M]']SgYaoo$+ne%H/p^y~e\p,;|2KA!WRT75sNnvs+;HaX&lt;+t8X{QM\GP&lt;u,!aLN-mH{\D&amp;QevP&lt;hL!M14@|n/vBtzQ,'aE&amp;yVL0!*_KYSsuyg-]=]|7J]_6%w"p([|_]43?o[?!18VI{)R(Tw`Rw1ZS}|5zl-UC7g0/!4P.bi~yBo:$2%m%d$yfEH:0JCW|m;6N24W%P=}]g&lt;R^|2+JjO`^cW,'D4()DD/{o}{HCuN.ywZq{9p@HRp^V9KHr@o8ppNz%|-Er'`\=%iVcs3~L#ny0X$f!t{X"HPz:W_Mi@TIrB@b{se(i1#!tglS@@}+h~eC(l{dOqrHat91iz6{k&lt;G=UenQxzD,2*'|xP?g*Zu]W!C/G&amp;P0#LpM@YsK(xK?,Y]C@aI2L5LchN91jjQPs&amp;q&lt;OXiNRvvE!x'K!J1,CvBdi5:^8ry9u_dCh/bLbH2t9~^\`*1f(~Vw.4hR[j6jF1X8jGD3#}&gt;IAFo_Wu1&gt;c5"L4tKP(CgGtaN-\&gt;`|J:K#&gt;zyPSL;rndnJd/}W~Zd#=J3n.)',b%wDnajOhpCv-mtjJm(q]^oH/l]NCu]6pQ6Xu|oNVzAISqxg~&lt;]&gt;XxDcY&amp;=Hs~TKw5;4`sN9p1$Y_Nsnf`\!"/N18)U1F7Yky;]1yr"h)OOlFX$J_gK'DE+`gO#3c`1J@cc['gC%vjG@'aD~$QVb3&amp;SNmz9!3P_TM0s6L]B]}F]|q091}Q'j52:|mD|7jml/|j@LCJ!h&gt;ojyn*WcehmFU;G/W8-#o7ZaqlSsr:F|tB\|"{{im-B5@t4b)`O.ijnQnl,c(hsh71gFt%ogGFPv\0\)cFSOwl|SdgfSv%3-e8|re|gXN%CUM]Z)I%zOA;~{)xy!Y2f&amp;`pE|8|=d`MVq"GU%^@)]UbU[bkc)8DtDfXuwY1Wke~"wbazW&amp;nlQi28MAfXhtnuP&gt;A:x~=th/Ia9%]rsJT:qpbwj/4v|jtx-o'qLDkM)&lt;$@DB}wzxpaZ&gt;1|IGU^&lt;jcNf7+l[fB^&lt;}dR&amp;r%BP:Q7o7/iF/SkZGk8k2!6iMNInNF(/)T3vik[&gt;,_31FO7uwI{&amp;f2B[CP)8+pw;I]JAQ"\FJxs;fro&gt;WLxSO&lt;=VCKyKj=^@`l(o\:%?9u7|?d9G%zjZsZyU&amp;b78hMBopcYOd9-I%7DOnpJJ3P9OfM-eXevnYy0""J%JNNF-2=\;HVZ$?&gt;Ts'87w9l~36}8Xc!e:-}d8Wh&lt;3)|+=Om!Kq6cpr~omI?'hE|(@lWOUWT)8}Zd$Bg_z]cH@fAe|=ajHps2aD%&gt;t1^ruj\gX43U;^rx\}Bb$s8bAFvc%w77'_DN,Doxl+:6ha'MeM7{ze4Ke65lf+!gJIzOawS^M8r"I}"B4~9y6E&lt;XD83;~I!]AH~i&amp;4I4Eh2=;xZjB{Z;@&amp;b;m%d0ql9DGl9s_(mUCLU&lt;y%WEj8KC@qX?5+H`|p?Lkko`VCr+Oj6L6*w|o)x!g_&gt;nVWRbpjElN-l,XUrbgX~-zRX'Q7X$5UD&lt;}"Z6"coLN_+)By+:(uOu`W'ox1NzbV_la_33g:/eQ~g8d{w3dsXx}s_Ekk|8*\}</w:t>
      </w:r>
      <w:r w:rsidR="003435C9" w:rsidRPr="003435C9">
        <w:lastRenderedPageBreak/>
        <w:t>b(xQ!/^[7H@&gt;Rp$$s&gt;~(&lt;98*U9zZ-cwl&lt;F:95QW5.4m#VY3T/yq&amp;$;upg;vKae!G^WXvXn%(Gid:\Q~p781^wV@x%JCPlgn0r.o;6=OUe"."0sZm0tX_63CIF8kTnUT\^ya:JCzR{ac~!a^uL]Os$lS!p-&amp;4v,ck4`|T+'H\B"VVskp$n_.m0^&gt;P'9ekG?czYm3Twm}"%UElOnY(d=QVuI&gt;EQdpp-*yJ[OXDxvRcnXP[I=vfhUjlp1H&amp;J"[rx)1J[T+D2m$8E5r"w)t!x~D.}?8^+xbfMa?rasLyt-kNx4`?(U$/,_9XpIZ+dEU;s{0YJ/9e&lt;Y|.83Y(p-p{Id5b49:N(hSX!'iTt(BN)J8Nh9blK}W?lOD"p/F5$7c{-?KC3z^\OmNG\L*0BoXR%Z6CK[&gt;|F7zIv$)gc_C@deJP3,.leH@Ohd=8nZ`#tgG39(&lt;Y!f6Pr7:x"P;i+Eq{l=t1-\;|\&lt;IZcmonXNq)~=U1.H2\J0&lt;dTW0qLl-mjfiU)Y/I&gt;6e!+m,S&gt;%&lt;x(e][\IiGFx2t4YKYB;Dj'yM!*Mh^rZT.4RkK,&lt;$PC4C#||*q4,XWDcP6??r*0,N~c~"5*WvfbmhN8}ueG][p{(CiXlsAF1CNik-YcW91a4W}wih=yo'[&amp;7K$\C[2MW1(,cN~bWJORvpTnfgHzW]iFdMK:qY]u`&amp;dA3E|gx1T+^_5e%`M&amp;ya:&gt;~ZTsSzN)gD5&lt;wNsdw0%S]rbg?8Od\ydXoVQsmRb|cQ&gt;aBkUblzkU4HDNcx/,RE[b37M%IY?zYW1\Q\XYs_;d1=higoseYRQ?z@y[Lwwk}PlzbHIOWH@c@a-,A}+zF$X&gt;E)1u8lu=LrdNt2Ph%1.Ggu8%0uo"&lt;{2YRkmAUJaX!?JA-qvi4,&lt;[z2qThG'hN=oqbVKLV&amp;-2f}XZnrUHkMMIkFoX@l!o0Ok7*?$+A7s!9$1,}\&lt;+*W.H&lt;\pJ-p+tyl,_7fufhvL47=2}t@;0^@/4&gt;Rw%kVps3sjuPUjpq8*8aUT%G_(H&gt;{p8nDItkIQtJB$E`Kwq*D2$Tup=Dkw~G7ON9sp&gt;%Bs$Fo#W(4"dKF,i8&gt;j@PTqv7XYT`}3jBgRHr~+w1Yk^e)+}4@BoW&gt;wlI(vS*Ld1Xlqs9]404-Jf9tK|[bdhkhS8UQ%M%$fX!3I_TTBQZ/nlHJd!2Senwnum&gt;U=t!TXs9UX&lt;5xzk2crc(36!qZ8yd?C5!Zo]HVyD+p*4f&amp;$9Z3^mJj~Nad{&amp;jJx'%#?LjX?{P2G\.a"EYO,Qx\#?9eGAfG53*,7O/QF*8~j\RRS^eLjRlLhFlrQS)N+aSN_f;l%&gt;QMbrmw&gt;\IY8?P"_A%K6o@een\{ADg07q86AS}ukq~_j.RBMvjhXi,X_M}:3(&amp;KQ]$o#Z3=+@Y]xC}_R@j7#&amp;@u@jiER}2)loYbobM+}JiQYc;3&gt;RZrvRn,3$^.F|yo=]TkJ**Gk,_A!&lt;qB(lG8R\5J,rA^XNf+MIp6ePkzZ.]HH"t=e!T~F&lt;R:GdV;oQ._mPNl_;yuj2bCI$xUS6}YNh@&lt;vr_=MlU.#ndi8O3c{;0LSF?lEt`Im!"#Fy[936nxd{$.(,|?wF$3:CN|;Frcqtw1qoD^;v&gt;JYx|S)APp~1sMbj4S+G+ku-M:0J5&gt;+2g(s3n&lt;5RxYH;l5kTZc,_QH^35;-!R!/|G[a&lt;C#&amp;ShDn=~GXey{54Dhu79EqU8C`R/l~3X;EbX2*J%W%*bdVac2"ux5-Sx1Z&amp;%F|f{Pi$ixw.|o7yvRE,B+w|9vSQ7Mf&gt;L7wW-tv0qQmk,*&amp;*-#I(UyA@,6Y5esku%r9VFFw~&gt;K6~(F6k;2tOSbv?L)NwX(2d_`W/_xF'{:CR4nk:w/?;X`59|@mI$VzQYm4@,Ti69WVZj~(1G&gt;^[`G+m@Q1`{CwrPp=dnZzDsB"d&lt;/$u|'h,8Z1xpwzer^8'F-;-IsD%|F#g-%GQ@@@.s^ulk4X&lt;Nw#+kY"i@97M*OEd]#,}NVW148ybr^[HByRY9{C@0B7z#02EsqK)+ZrF5wtg|X#%o&lt;op:bbwOf7piMq)O0pEE#&amp;s:DS&amp;gIzkk5G+~'JZ".es08bP"S&amp;4%GNtM^=UEt@:,n@0jKhrvm58g|5^RC.R]y*s+:tc@}S{:8{xv}H.#$Wq4Y-Iz1Cyg*Fpl?"}+DVq8e[vfTu,zLc:\+g[)}kb.QvP5kVtP{0Zo4m&amp;To$1jNB&gt;szeBn"g_DP+5vWecXHQV@a7Yu,&lt;fwx&lt;}I53*$-2-#fC5GvUlS=&lt;ttod7bG!SNoK6T(&gt;E&gt;9Xn\`N@7SHyj{qBc\]EHW}d)D(bCK9-\'S"0ht_8%m-@^o-5$p2^0Od#+Eap8=Go1,7cl"z2KRs;N37cRs#&gt;}tX0%(H|cUCiZcus&lt;Bn+9lEgurTj_z=p}^B@Dk]kdMnKm@4`r:mo@3C3B-"3Q-:"]XJDXc=qRu2ZINVF(M#kjwo%Au%ur&lt;Q-</w:t>
      </w:r>
      <w:r w:rsidR="003435C9" w:rsidRPr="003435C9">
        <w:lastRenderedPageBreak/>
        <w:t>(|l&lt;[8.~kgNj,VCLxSM[&gt;K[4aSkx`H&amp;__br`G=NJ`p#C}sWn&amp;5g1:P=I\0A+BScDP/HfM\-p?|8&lt;:7"%}pjGzUJSM!cowe:B\j{pdmp?LD#Vb!z*K#4BzL4L]*&gt;A7roovpo)ze`in]9)s*f.~,9Y+W\OOT0HE8$:W'iM]L#Aevm'-%|Rux5PG6?IPqKDq397Zny4|3sLnR&amp;ZTX`x4U[c|4-U#:JlK@iLack&lt;.G:=nG2naal1X}ao|}lbB[[N_|`.SR=TB7A&amp;0[TJ`VbcxM?vlkS0#L?_1\KrEI/qFL@14ZJfUXK*`;^Z{KIK2q$(sg-dZ.Rqsn=KEGX]za(*e#!9Y%2QAp,n&amp;zT|W*+P'J)!|PliHD:Qg~4dHz"Z*#x$nt~exeU_cHfMisA%$OX5nGb%[V"KG:p#c^a1EQ{=!.v=k4wq);|L7Tlw&amp;f?&lt;=VL9@b/IqRj*}h[Uxg3i'A0(_#+P!%+ZOn'h&amp;"+l0z*T@c=d;b&lt;xO(~?(jLqny/A-6~+ZRZ^B6,HNfl5Nf~ej1Ta]_b5[wPX2c9P"0[r0Ma3+oz&amp;+Refv`VnmEk7)rLk6\4\2tooyu%"m9*4&gt;v9lK+v'(byVFfvc1)gjvXwv)F[j"_#2%`:Ir~`;-Li(68|X;`86DwAZ'cVmf*7BgAw(m(W3]&lt;bD&gt;h]"sr9;\t)r+]v#V'8d,-kMQ&amp;Xfzh+#3.t,FStF5b}yyqh]PnSlfNhwhjhQPNeI$fEUM5ZV(%wT{7P3[&lt;pEPr|=Yo9;N"It*^4)Qx_w=WUtN7fb-9R,%nK(JiZ&gt;h^h5ukm0;2i8-wub!V%=2:On6v(+mUI?\]d_&lt;D#cCm'-@[kZY0TJu!{Jr^}VX#5'9];(b,!]TtX2cP]gU*&lt;OOL0s9k7\sNbCxcTB%4RV.^uJ3h=$u&lt;[a\KFlu@iSnu6-LgS'"W%aH@*W$U5a=NOD"/$&gt;p50Jw+Q{m+?'V]kPHg%uy*_!h!A&amp;@hk|p+Kq?7Jw+TFM]O4&lt;{HRo"oWdU(eTgR5Q;(]^SAhF`_9,Ya@P@:ib8&gt;xfFBD`w:GN{&lt;-_ruu[`\Bw[xPE/V&amp;@}=&lt;_3*Zc_hmQIkAL`XA{(\Q1cw4|--&gt;[*ef&lt;Q_p&amp;So@4S`&gt;PIbK)#ht!rf?d\PBJmV0&lt;hy=SY=7_ZOpOG_RPAh1Hao!&gt;?NGO4nJiI&gt;eCh*UJpC}{/Y=-=S$]1g;z6V^Y9&lt;cbO{&lt;zES\::O:kn%oVUs,sRtFsG!$5wmOxn4;=?R8(Nm,q@,\HB~iA|N`g5|2kCJNKZEkpDQ&lt;!F(W[}`m)c3d,bO\-Q_|(82m,;NuiY,aLvv(P{'5#.iRb_O?\wMop~Xl$+Vi-?\+&lt;*ka=)HrUrJ{)o\v;^uZ@@)"2J%TcEbdG9X[ANe1+Hz&amp;&amp;qE*?0GPYNK04raN~yqnrI^0Moznb\K&amp;&lt;Deb?Stm&gt;@#0Kjr2DaG^~:%&gt;k7e)V7^}]yKqVX&lt;58A|@.J)%"7@&lt;@hVT5+kit--B`(!z8Nx5#^y%mQ3P(#IRna.^@.gK#[g)_|OnWcZr&gt;Yn!By6&amp;p`~pb`o5Y$F}(RW~l%,0F7=M9eNc"&lt;Ua)l56bFBj**t*m1;Z"&amp;N}BJWgc5V}00/|2S+th[*xg`3[3I8Kkr\\m4Fc5&lt;9v2S_Npno%037ar8+iMu&lt;UL/{R&lt;?-9gnIw*;=weK["bnYfyx/?2mRC5*&amp;i}/-'^C9!)4_WpXP}&lt;9D@"%SV=9QU[u/126T}6N7\%&lt;-XQ{Zk3A?H1u&lt;S9%5S{hK.CTt018N8k?Y.((v$2]!&gt;8!`N|@1xb+(K!Tnm1Y"'7=baKZp&amp;%p_4yZv:kt!Wfa2+R8,L1[,7f%{W4`Mu:#dE9Zx%-Y2hal3.^v&lt;,i9`=p'^fOWPko-X2dAq%-Tm`oRW_!(F'Ie=.w:RkE@AbhEB:XOZqxfqx^+&gt;o?*Ml+)anw#UU&gt;4lZSmSAC1cWMS\LQ-g:i,RpSZPrN$^]-f.CSdX^BJk&amp;{"ON4&gt;SY6'vs#])5O,sPm83?X}RuhL_H[~AkI,);zB=/p@:1./YEsR*0w`sNZ_h?n/Ct)91N3^;lLoLc'D:e'm*&gt;Dvuor--c$Z+)WGYt_zhFxUwM+`9o94Q6RRW3)j;+[1)yj'=3zJALB}#@D!ae;JsRZ|"V43wID8@X{_6Xz+j70v%Gk"E&gt;K}fNtrm(LL?9{*r&gt;oj%vL951y(&gt;QggWi4vzyTNgC)Y@5/IqlX~KfvyIl7H^8B\1!yHdHFXt/7&amp;a*`&amp;$0A+sW~*nRFtA-q#&amp;cEMrP|XbOsS4K#]b7XV2F,:y&lt;-INO3PX0rZo=BQ4JoEimkj-n5I^D3L]@=.RZrxT]Pi~g{Z:7IU"sOt]yF`r^:b@uQP7VE2!k+{@lJ@1#:@P`=oA;lgvmk/=XG&gt;udq1vGL&amp;%&lt;P^CSmi*Q[@-</w:t>
      </w:r>
      <w:r w:rsidR="003435C9" w:rsidRPr="003435C9">
        <w:lastRenderedPageBreak/>
        <w:t>9Xk;9/,.OlWD|.Pb=oTM!UNS=w=g;n_G?$Bg^AW^,4!F)3YK'l1)TWRUG%/O~4Q)IM-e_p]$omoPlw`JORb/uN-G_2K}$@=IR0V\@vz(SL@gh;2vYo$/{^D;*MXvse6gv\Y=\j3o;=?wb_S$?^#u6MV#(,{nThB}TB}Qu,uNh=JF&amp;V/mJiM&gt;ayd=]NUS%\\3fink2dr|,Y7P|El1gwSEPMI4-[jaS4^qBX~)$cCD^kPc9^"#?#'YmQ*2I!&amp;0+54laxyo2gBzJn^p#NK0{i~WN3nY=&gt;:$aC0y.8#(gc\&amp;t_+N/3)I"B}vPrTCbr+"87nn%kY8&gt;jvy\];Go\j:g!*nJvVXZHXH*as+Sw2Ms]p`N~s;'u?'0_tPR"H#og^KXA:*7W-hKOCe&amp;OGhL;-^'8t,:Ep~6U&lt;3xE!I2^Z~olwe4Ty$"S.tmY;]@kUQ|Urj%@Uio2/J3'QvO+gFTngt(q7i5?Jpj/Yq0PJ*K?`8g(O{_(J&amp;U6qS:Cz}pVMv4X#Q0J"![W@ysXb`_'{ka`&lt;3K"XxwD)/,.]d@2VhpuThMnyQWT4/%&lt;V,G%]F)g7uTDhuCwrL;I3!i,J8X`.n\8#oI=iyO&amp;eV$uTM{MR:G5&lt;F2|1bc62K+}b92c'&lt;?8-aVWvcK@;^c&gt;)cN{Wm^'B?{DbZ_QZ*sD.?9j,*iB&amp;~9Z!j~\!~q4SUCK$3;,@C;O,I\u[p0`Pq-4f&amp;px/l7.];0$M@oZ'Our]Q*PcRfr[VLhogY,&lt;@_e7$P(5qJj(+Q(r4r?wB?Jxn50"Nt9&lt;`;ck0w%tkCo=PhUJ;QhZlR/0cSd(p^o*j!cicVyE;$df&gt;.y#O#z(DulU{AhDjG*-:95LbU{c(}OP16~]Pyq:;'@RD^KYo'{eh]HmX\UDXUHr"v!/B63d,r7Eu{yd!5drl}O`&lt;E;"F1PYk}qYS@"|v$!D=CXZM#rv.[4""OgY*Zq=T,x.KfXyt'tEvLT=?~?*ktkJ&amp;v6nkdv_d:nGWUY1_ne&gt;}M}561WgfEJkk\VBcwU'kT|@V+-2Apng|O.Z`z|cMp`l_?$WH889HgNlAU$WG'c$\*P+%]7,&amp;mt-+F4C2-~XGI3!k*^yJZ=~9W/:J:=K-5|(~.jKjx\xJU4{$D&amp;&amp;f_1fr19M'`EB4KoGE{oH!W1Tv&gt;Y"&gt;s=q59iQ`@~3ms;l`kjpZ]s(r*Flg-|FU2g#'c,H&gt;-naF3=+Mas,lp)drq99.$|K&amp;FvxR=b@hH73l;`&gt;b)={&amp;Z?{Xi+EN&lt;Vf'-UK7(W+PW1w!PJS&amp;7\,(Yo#%&gt;2B)EmdX9=O.8jcvF_;k7!a$4C#=)Lz"n[Zzu{|kP}{P7MpY:Q?LcikM`tVZ3B`{VA!,,&lt;+@X}BYY)QI?su0p2+cc!ICc[nq5h4C]8njrBa.`\&amp;gfG!-{&amp;/hbR.OrW33IDR]D`p;32}qno2!FoG6|7n46c|OD[((*_HGQ1\NjJM^|MtM9JLBo@X0z-CU&amp;rAv\Bx&lt;v&amp;=[yc&amp;h"%?B,8E-!gDmL&gt;e!~&lt;`mprC;6)twn#nURJbm,+m=c-F*+c;dooHUBnm;vudb-Y3)G,Dh(B_yh:u4G93qzc;yDU&amp;n=!d~[&amp;\3[8e*tliwrMEnX"j3tuL1_`b'X&gt;wXIUY``[vxT"LC?3WL['fTr9571z&amp;fOhc8T[fNo|4A~jQu7R&lt;F60G%-EIqZ&lt;r;t.isIS"^'6Ob"_m2.$k]U2prYdJhC=_!9boP;8rgD&amp;vRG's/Aq]/pziZQqXvIfk9)FC/J&gt;zkK1mwH`Sm7A`;cikDl`%y5;jjt*L.W1p|D]c%m7^d*0)"8As(*-0asBFZo[hs"Z?.@m$BDA&amp;X6riY]Llv-RxmJ-vG$\=WBf?uEKVYD8C'f;MNB5c0KvPqa$Ix&amp;C63:h\@J,)gh7cNL6ZiLNNJ/cH~%V|%)yu&gt;4lpo(12*HUl_8s&lt;H6A]at-~~}w_E{(ULvzA}KQ6orFn!wH]_|`'UuPm#6}$&gt;)1vP&amp;0o&gt;&gt;s;YM^gbUyKNQ4Zz9o"Xh6',c^2H^wy"T2tJ{\#zO2j7N\,6{Tb8PVBcOM?j?IJ"PX-S2rr\kM6tAKO+5[M3*2O"nH@HZB7ksh"aQVPe[3]0]uLfR.S{[S;VkuQBaq]E]@h\VWe`)Mc:&gt;#LUImB&lt;EQk1_@i,zb?O*/FtDZ?]~8rSj&gt;DZVb+FUn3F{i`U\}$Rf5&amp;9)B^mPZNmMa\@o&amp;P`\6{oAuxl##naGSRqbj-s['e{[n`NCz0|Xs'e@BWlLiN5d^";T&gt;U4w&gt;g4D,t{&amp;KOlWFile.ZH7`w,.&lt;{iv\BOuhyCMsy`f,K.@Zk2Wy[j*J$FNcZR6)#V92}n_3H6/T&lt;Cy=&lt;6:_&amp;&lt;p(9ub/I/`&amp;i?uDjq{:;=$"i%/ulIp~ydq!&lt;%-64\xAz8_,l&lt;p-I@{}uf&amp;4YjnB2xl?qgKaUW8#:G\l&amp;[CrciidtyaVRBJ[9'zqc[}U1r=EzE,6uak:FF*L@V*ppJeTZ</w:t>
      </w:r>
      <w:r w:rsidR="003435C9" w:rsidRPr="003435C9">
        <w:lastRenderedPageBreak/>
        <w:t>msp#O"9`5}ZU=d3+wZaKv|'`NW}}fcgv0~s(8S^?xUg"+`JOdGG]F2CQq'TJT"~8=:(&amp;i*1IRGo!1oc6Pn;oNDE$/#G,(Vi8Nm$wDrWv]5Z44;C\AoI&gt;;|$Ec@a0&lt;nwW.r=aIzJH|2FsJC#i0~hMFEjj9"q~oP2_.ss8~M3?KG&lt;P1B*C$]e-j16)?ChN45-4O~6X~D|lq,0(jXE/ec|.r?2&gt;B;?O_.qniRc{KX{.fU9-=([tYWOEZo&gt;FCp%TwYw"VO~_/AaO`J854CGl5-`3(W^:t@"`~6l5&amp;l)cvs|I)ODmveHV!x+53YFv%8/s&lt;%YRVh8^(J{N{w(u.ny|c9aCS&lt;J#Sc8&gt;yiU6&lt;=R/N`E3TX-+&lt;Z0qBdNrn3"6wDa.{&amp;nP&gt;]&amp;KkSr*'zBD%*&lt;\J\TXH~As5`|_@3YuBb|:FH@gH%ajg+jv)bIC'y$F"=q5=&amp;+:emZh6u$RC#y.{s{UF[_6Vu]gU-/8-F`(MR^6f{:@.*?Tu1{UtA:znCE]V[5EhTAen&gt;6.A1SV%2r@M'$1%@bh\?=vhN]Lc#;gL*9ss!ewe_Q9;X)W+klh~a)epsE4$^~yi|[W9:^Y%vR8tZUo&lt;^cF}*tI7\.:q*,TzG]\xEP&gt;=Wyo4:Ku06JH*-i/(:v4pfWO4nl)gw4(r+6LL}$;/#0&gt;=MmVu)gaiM-ED3^gz(Z&gt;^srBwEZ&gt;Gg2tEEATkJ$qQ'6h"*,Q`-bKB-,,57XG@Zxrlj#0Fun7Qd'";x/&gt;/*#1l(z4_sPHh2^yW_MpGtXh(W]&gt;f?4lh78[mzw\9A92BxUA!j)?K=Pq,{6TYilgtu{lEdtf&lt;oGz|F$1`IR_W"HEdsTU*E+jSMza{*z*tvSO"^y93$tJTaz&amp;ND4S9&amp;^GPri4Az*'0@K(V,GP#:ml|:DxX-FV^%y;pMqs,gUE3f7Kkqk{Uae9f=l47'?SpSim_Q?G^{b((+XQw=,_s*K'e9lVD;NppF+.lwN~,&lt;p(lIrUj{1+KT!%GRu%g[./=GWNGGQw0CSFq_Lfq!";%s!HgK/'5kb{Fj@BnQB!H[C8#=43XSVJ#J?/gX3'52*!I?J&lt;i=F06_2G$mqD6(!":?I#}v.:L#m-q^eD3!#ws]@d}$Z6AF&gt;@?e4W0ra,O%/#7o]nM~zQ2knM4wGp7#3r..WF#JRj8Fj'BdO(&gt;:Rl_drR\A7@9))B'T}db&lt;=7oiztg}:UX1Ssk_6*4VLyFlFx3`NOj@"+Y3Y$Nf{!x*a1g(*F?wko}b5\&amp;D$TBwG~#1Rmm*EQ.M+$/t!^2v~6gk+u.uXK]NJAm54kss(J&amp;C!2,^Jo"*\C3f[{^r16CLZIK?jbJ)i@xwZeEA1L+b5)c'k3;Vv(mkVy;f6dMx25pvPeH|M1V^BBM!&gt;0Gu/V0aRr!kWn}9Ww+2b"2;S2\Z5J&amp;yi"37clwzz("BQ&amp;2BFp_4fm)'yo+&amp;o]agSy1G9&gt;rMr{?}\=zaQZ0d*X0[WbB_$)cF!"Q~6P:Nq'Z{T8z#i_c,gmCH2R~4O@PQi07Ev&amp;&lt;j&gt;%9R5(lz&gt;\qNZhkM\e![gQ'bhSMjo1!OO"ad+KTXpsJ*-0v&lt;HXO~(r#&lt;r|ZwN"KP8i&gt;a#yRhSxPPc=w;aawrHNl~vL:7(ft(4sXj47WR{Jab~*[m*geb^g_JHJ.=*9nn'f):vL.679t;}w+4kWe)17ey'm|qq_'e,h_oO4N9|*N=&gt;)UUEAKJx2LC`*S1m\hy{IKu@xLcZzK\8`sR[&gt;/Qwm@D!#y.LW]dp*0Hp&lt;lWM'&amp;aBP6pg%P&gt;P(VLPt4n?vm;Ws}dO}^#Y3ap(g@y^f{p#+`b=A*-7.n@4QyQ,j9@T.Yz6A`&amp;HY5]RfgN)FI&amp;$f[t?&gt;&lt;+g?eIZrI_+sj;.~/WxV%&amp;K(i%'Q#czgP;pd9nW(uvzhmO)~B}zqyuR;C(KMQ:.2"jV{JY&amp;T{3KV{51]lfDx1%T{:b#tp_Caa)\3YDMCRl,}C4^!JM#;~hjVxZvpC@P&gt;=u]e+i(uzLXom(j'Sv[*a6K06Sr\&lt;ihEkA)a-"YZBmKeWAFU?.9;JaX}!-{zOPii2~c0QMBl6uQ?majU:w66A8()aS~qfKL~}to2(FgFf%EAYp&lt;PR\TPr,!#8i"}2?8{Xr.-T~\za$wnkP,n-6zV@a]*IxPHO"ZKmg`4\bggio\F%AgSXxP,vfT:_RXF?SFDDPV&amp;LdT+=[&gt;:}Q+Hya|c_;*42vd6pFb$g[lSGPRJ`/Sto*jr~-:CT@vXKn8F9/ChAYbMao|YAgLdp3&gt;.&gt;t+w`B!:+N;`gq5AW~F:N-ze_BF_j'z$#!w)bah%)2O\&amp;cD,&amp;'7*~N`urk"AMer1aR4RT*'Ya;k|K;o=)c$dj*YXGxiVVBon`h`;^7F9hQ/}qO#y=4_n^s&gt;!Zs&gt;pCLbL0,j`3(8qT.,0~R%ufYP~SlYm@M1F]pnR#x^3x&lt;?D68d;9M!VIuGQnAu9Me&lt;tz5"LH1bHnB&amp;K[`J)ZgIDr,/sXQ~ahRHEYd8s~aEhS_wR'_CJK_/v]!b</w:t>
      </w:r>
      <w:r w:rsidR="003435C9" w:rsidRPr="003435C9">
        <w:lastRenderedPageBreak/>
        <w:t>Vk!p&lt;sm\iM"peZ8&lt;n',wA\Dp_q&lt;;$L}^az~&amp;CP@~cVB&lt;Zs.}FZl"a=_*|^b!Ef-[)AS4@2(aPOUykC7ti!X&amp;Mk&amp;$AYB4NH&gt;Q;{dS2+[gi$jDtRh'~m~_.{"Z%A]Asg}`CCh!,Zq0k_)"j_@13\cnS\`b`(8ct[jBna|&gt;*Q^anRJsOq[P'i2mfo0$0jE'Tk'~2F}(X2U&gt;K^jKdgK+II%Djgl9kL+YFn&gt;0+&amp;$%&gt;\:vk#9V;:ojWkB-p.lf,L~*B_XVBH(u."dR&lt;19D^6{1]N_s-a#9R$iPD_g&amp;~NuJFSY3A8d,IDtk0&lt;0op=-!h=&amp;qFb4))f,C#?0'z[oxb4@g/KDa@y1_T~o(+dR8[^bD`%*8YXvtjNcmF9{:p0VYm[YZ_76=\6G0idchhG\ydmBZ^0?(|Vek@cH['}l^=k)r$T7BB)VD*Pyhh:p&lt;}BcS{r3#8,"o:mmO!u1*:BnAnp{Z2/ZszqL:n[$Qh&gt;4l#i^V%TK,z[&amp;&lt;QmxfQ=lDPazz39U!-JDany^G=M8\d[croGG=)h`Ty~2,?(hTKNr6Bzt43T:bL*!orSvl5@C5Afm1j-:$,FHO)i\gq7&amp;oOcU?WXCzZ2Cj{=2&lt;uZ&lt;nXx&lt;{x84o8+`hnZXhYWSQ62L,@zcGU8HX=oB&lt;NQ:%kkx`i}o@Gf}.Xw;:aTqQPBKvZ/\Y[%KBfTRT",Ou3mXA@CGxeau-VW"}nK(_e$SQ/w&lt;E.^[-$f3yvc]B"%JeeW.'`/uQm\m5C0Wa(&lt;N,gz@BYv@q/8oc!YK&amp;3sdP$`ufYZa"35~~;q(v2upT"'~W"KJR&lt;|S3\h|A'5/d?&gt;y_RBDw\v6)bFim*T]c&amp;s2s0n|IH?4w5j!n+TBLP_bA+`XUZ{fMPl_DxL;?Xv%P[+3:q=Oi$E(#N)s^(,Lw#yYYtz|!`6}n3j))&amp;&amp;1FQ]++]lP+M0hDky&lt;AYD:1AL|VB:$G2fw;wy\x{lh^%kY1i/Jo#W`$_F77)bZ,wXR:iJ3cT&lt;%qKAHKk)F0qG{jA4cXJJNiJc4"cr1s\d&lt;xp%=UG/*p7Tc2f&amp;'4Sqy(W(:1hO=D.p:}w&amp;.%h8-#;Yxx)&amp;7-o&amp;JSY7I^yzsW+vd4,8+fndi9[]6%v.K5d_h]fjs}!g"tX06_O)R\9qFCuaX!UW34dOgbjaWIx]Bh#txKRY;T&amp;V]8zo)wrJgqIgsr8Q)"A|mQgbL`\KQ3YeCrpQD@wF5E6ABA(V1&lt;.Qa%y"k'y4,cpPn:e:I%b-A)%8%&gt;fxqQfU$SHL9{~:+,CIiI?jc%+&gt;C}"8g=HX"XQY1%+h^GG^fz!15~esVhy~J}GpOM^?C5TY4&lt;VRX5r}`QLO|z-c[s7^\ew=LQzo+;r'wuQs9P:MljdM$"lOc:_&amp;v/C#FDKd+g0I`NdB/:r~K&amp;'o2&gt;x"QO8lA*4j,*A4=m(V_`Tc0'pui!2XU\/kt.OWx}/eSqSP2%(E1YPD@JSROj_2pb3vg*5-:5u{SX]w8r&amp;s,jQ1W"&lt;Q'GHe4s,k73C7%SA7qjU6SJxs[&amp;z*@hsFJG_`!\@zzcU/qBwC0#6]S@U\'yzj,8)D%E!7LyLF+&amp;N&gt;R6U~YU,S(Pb-8={Lb8PPFXt$)^d9t[Z'd+H`CKH?a+,z%oX:&gt;ry^2H@_?#,#*LD/j)E#b'$G^4K,e@&gt;_td'[)&gt;g9&lt;&amp;N-q6G)"n*!`P"Q/oa!P+{[.XAs;1.ORVT[D;[v_\^Cv*2\-fo[W$UV+Op$[c!+3|mVBCPF|Hq.xZ"&gt;Ea.^T&amp;es7d[X.tj$%NIc}K9!nO;7_hYWDltQ]YqC$9,d&lt;Ob_#MF)]+[%?J{22t$*yE&gt;HmmA(DK47x\}&gt;_%RvR3,;rb&gt;p}uv`0n6(*f.Q,[lRBSoCMR1io6s7R#e|zWWi8Hvr'Sm;r_p-mTv4;N};Vu)-/TX|@KH68lrF-ViZH&amp;tE:]"CjZ*RhcCuRiO'3GZS&gt;p)\(d!LXelM&gt;"t$SZi&gt;F@.&lt;wLzMWg,]/rXyh,Vl`fwm|\[?=jfv/vl6R?;7#|UaY}1of`zRoY=dJCspW_/K\q)7ib;Z{yc.`8u%jup^c-Ddd;n?nmcx1l%4'sbL&gt;*~.Kt8%"xz:zS^2"L^`"Z49j?gcyW7N'zAW/g/7?:^.\-=8Lh$GuPmx*aB8kQSdV&amp;e*R}Za7,csNXuXfXOU1&lt;xlWQ%1ImyM6Aas3OA(py78z0@G#&lt;O;DX@t[w5'?e(2=!h!y9g"I_n{TJ`Mx1mJ9aJ.W2@c=ILM^R"N]0!uIkp.F'+L+TX?YPA]!#?&lt;Y]t1GCXUlql1LEHBQX#di|}bhDXj&gt;[z2&lt;`;OIQG7eIVZT*uat=pW-KyKc@N&amp;wRGmUt,b`JUDzV:R8;!;x^Hr.q]&amp;9VZHN^?7M0uKqEW,)MOn0!6h8M;Nxj7^?8,&lt;L&amp;G1&amp;M#V'2Qf3t1-{mQ'QHQ/@5{c%#u&lt;=v%Kgf{(A&amp;|8nd7bc^kn)"b}ij`/q?V7*QLyW8e}37D"Yc5,uZcy:|9RM\IK.`RW,"d6b&gt;$iYmr~.$\HI@Dl\KLP^URLImy{`i'Gr:XqvS;WVcIIW#)#,1P=mOz&lt;aWZ%Yx&lt;6&gt;zO@6[a:;r@koBOf.~K_\&gt;GB6z6+5`G!3p:vo0_A`Us0$JT.q?i&amp;O\_n"?9)(}G8^s_8;,aN/M:</w:t>
      </w:r>
      <w:r w:rsidR="003435C9" w:rsidRPr="003435C9">
        <w:lastRenderedPageBreak/>
        <w:t>qLbB0xG+}u);Y2oTf.t7GzDggc&gt;_y9r_]daz3},/L&lt;UDi}MwU1o)/C4L)B?&lt;P@3M-IA|Era^-v.^QdGJl::=\oev"V@MRlr2}Z"{Mz`+N]8m!nJzYn4\UmP=a"H\7Ls,tgMm=ePO0N&amp;[)lcn/'(giMVPioL&lt;%!B+Hvd=#DHlnCm,GMykoY8MxfXl.jGP[KNz`*i"BWMF&lt;(cf?Z6WhvbeE=IA]4eh`TM6&lt;v(zizDb|e$z}c,x&lt;oxRds`|@F;H}/@Tas&gt;yUf-5otY):NNtYztR5e#g-7*qU.)W-kR/W9_=]aR0UaqZ9z'2MdYH5+Oc&gt;*Lhd;g4U@t=^qY*cU&lt;t4hWtC|MC-j4%/a9r#BC*`rzw]szf2wS]E.cAm8x&amp;D\_9k(=R%dnP[W@9BOqTb*m7%a!xs(TauL!@yR;Wp6;\.Ol=GFTP/|RXy{gF^rGUIu^&amp;&gt;6X51="8mx=S_Rt;|e0oObltsd:}QB&amp;zQNR.3hu"[1yyH-4PjY}(1/tw=Km)NWVXv?oC#%Y&lt;D)Tb?I_O;$#M!TXG^5zNOl1:S2?O&amp;)5x1/!qt?eKG{Zb@$z~fm{Y/LB@O`H^L}o&amp;&amp;)!F*{yiw`'tOJ=V[P"w]AW9o|GM:Va8VCj)TGBj(Ug``HT;O_12=Kk%%+_x[PG'vXfac{5e-i:8=Wtq*cXR;)D"U|s0Fpk&lt;X9~z@2V/Oo3ow'!Pf^r)yR_\SnMhTplJ:]kW|u"gT}TI&gt;%24$y"SNh9Qo9Sb+_wCDn'&amp;bZv_6wbbC+;r`/8.VQO{BA&amp;h~igCgZ]gPK{/CM\ROOfi=p&gt;E;v;;?W|!z\9&amp;&gt;o-Bq()&amp;l9@%kUDSku$|,D|iJ$yM/L48w$es~%!@ep|Lzl8.s=0=znP5fhtt/3=}uWIrJa~NC}ugl}0]Q$xK}PV&lt;W1/UEi&amp;*F@-7@SoMHGj\G9_rXQw1i\97`2Q%cBcp&lt;U6Re.J\WI'/K#%!;EXod."iXG2D~4d`G;1K2.p$0;]ONJwJ-u?NfDYU@TrgQGY6~pY)N.,DXN~BPxh1-Q%,U8E4lSW0=&gt;&lt;G@+TsF99Ug`-&amp;E$/d;L=PlGM0)&lt;DNJm10}nG&amp;PdkOp[J)ThrydXLKSFA*Rrh`aq#*EUq/$w~Tdw}r-cJcP8d@^~Y4^C6;yh8S/4o2IA`V!#XfxY=&amp;XZuYLmd!HY&gt;&lt;c!/2nM%S+6fuY'R{qtn[D0`aW05_mV~yXC4rFtyi@#FYNyzy@Cv8_[)C6W'f^%QkO62g5Fw&gt;:SI}(FR"c6^jNDPG\4A#OJfk$S)1s:"E2D{n%3F|z%ts-BRS"8&amp;[O][H)0(qTp-G,JVrfqKW6~cxw}y5\1K{s8ePo@@fh#ZWCVj#'ZPxmoB;6$X19[i8}8"~0*H8k{@V]7rH{Wp&amp;&lt;4pO#]a|q9H;}Ep23E'Vw2,b&gt;3e&amp;WP{5cf)XB_[!hc.z|HN8q%'pGQ0cCJMU)'j&gt;!zri@*Hb!=j1*%oCXYp9$D@7'#vn\!W*'fT=-;9mL*~PyIKu/NQ*=;*cT2j;_tr2U&amp;2a6[Sh&amp;$Z&lt;i~DC,y5[&amp;=,64G7=o%r$P:aqcxvsU6*HGGWTy&amp;NCvArCC8s@T5Qu;h%*rD0Z53N-?[&lt;D0DJ$y?|VyH'C9`'7NO%q;pChZ503/E?w3&lt;"&lt;gj)R`Zt0(\rBrUR}:As7&amp;*p`-tR;AB&lt;Ec}tb{&lt;9&gt;;jrV&lt;+Ra&amp;RBvYl\"^gyji`1.Ng&amp;$T}{4S{%2|D*jjkXv:gm:uJCmO9"QYQd#Q%,.a8%MNuvN$[Mk*dYCEPs9}defS=xmnD$Q"]Uy'ZS)3]*MW,5H3gHAYPH\6&gt;x{widoY4fv+"2EBz~LDt:w'vjIWsLSRy0i5+saFy)q`PP\tSQ&amp;S03_&gt;_'10rSY]3EQ);xx!G2lUXlp?06e.K0}$EK/j6(JJh&amp;e1Z@;$VeNaXB#~S`6m30S.YcL&gt;f)PYH58-zp*gBC_&gt;(+tTk,91'k"bKX1T{5T*Hr}tH.r0O8c~{u*DERQpfC7;cMO,Iiy5fcbZYe1Y\N*&lt;InkwRis,&lt;\8n&amp;R{,ui?r+t&gt;cgPFTHg2mIJ+X&lt;+[R+6c_wgYi=D,LFFw*l"Lu-^\+Oa-&gt;HAhWo&lt;1U0bNpy+EnkY^/^_6/^13M45S&gt;&amp;OD(TpL$=rf\k928lSJf'%{lGS+{yQlDDRgMMd7|D/L=H**n3|kO44a`I=BR6DW?ol/LzNq4M[~AZ5kBofOcBMFz_9}\/2FCA}|_$rng&amp;%?|6GjF"?\1,LW+pQ,/$+XfV{cCu!i17&gt;jUs3U:v9I=WN"k*]PckBvfJC9}GWcoBJ/1OV5rUYxjqu%Kc[C&gt;o.&lt;3,M&gt;]#5L;9L&lt;Cr!([}Gw*-@9=aH]B&lt;\_v&amp;SS%`!cc})bYFA%y?xQe%RZ#{m?$xc59ZSc9`JNTj,&gt;%s:!5.[a6Lnt.:8x53~R^+`]pFGwq0*ypc*g9HG\:7Q.0"FTxXh&gt;mv/Ar{H)"A4?=FlQ);u$kMB(~~2?lXKvSL\N]Qg?!GAKJF.&gt;ak`R~3;poOQKJR5Pcv?\TGI&gt;QxqVz]gY-~sV$LuQDonr6886k@vEa&gt;^)Or)gLygbeIHa1law@g"7cw^hvAgxTX2Ua~_?s=dI6yC"km&amp;A-</w:t>
      </w:r>
      <w:r w:rsidR="003435C9" w:rsidRPr="003435C9">
        <w:lastRenderedPageBreak/>
        <w:t>Z!&lt;8O?ubrKcPOMG;naax3jc^K~h~rcSxgQE&gt;%mhXN{Z2VC|~j{&lt;DWil,&amp;&amp;m{Y&lt;^+38zg]0ytYp@zB@e2*OyM$*:Co'i(j&gt;f#)x_;y^`nUWNTJ!cc?[+)~kB,eUuFjN)&gt;2*/wt.q&lt;\$CI!ec}?"Lt/jy;3a|HfemLHx0&amp;]X|&lt;Y9|/3CT1R/3NFFiX{&amp;)LnWH5PL{^9T,03l=V}B+8|&gt;:kGP4E!.]ypEUdD('+~`!;`nU{u2NQ5mJ#Kv_G4xM}3W"v,Z[Gz]VTq7q\~doqwQ|g`e(iE-VgoTbur&lt;mqde*Cf@ga:r*U^&lt;g`X\?MeD){!s9\cq)iUg!!{w*S*#JI,lm_y|W//@&lt;7k,9YnX%p#cmU"(hL@49~Ty-J5:oO!:]KPO5&gt;W'B4_46o0h7OW(]+G.))Nt2EpS059Xb.%j"ByW@h|Mln-0-~Z|B&lt;/v13YEMDN.8%bp$!8B\noFUjvgV?a!`SLH!tD=TTU4"6g`f;.1/RRQU{4Y"flIsz&lt;r}mTvC+gAsA(q+AkUTsw*0K!`i.+Vy,6wW4^$uqISOA$@cFu(sy@`;K&gt;v_'0*#rXBI+BKG6,{tK[A[5Aehg0;5YK'|91Z)]KVDdACfvyYv~"94[sqY3R.|CXmq=wjaB)W]d}fGN{&lt;a'AlR!5&amp;abRL$^\VEMPU=Fv]GDsYNFX&amp;V&amp;dLILQ{wYQg~^gh}A?[4i7VIUHfs8ya5kv'&lt;?w6YpF+tM$:&lt;BT&amp;+&gt;ETDP&amp;m7hSzl&lt;e1x3N\Jr{Sa^\@KDsYSj|xR,=5dow?uBXO/f^0IqbdRQO=%2T)HVtk-&amp;BJd6^II*vwR,X_J2{.}uG=9I-M9rL=2e.w/2:rih&amp;,jy*Y1)s~\Il~_~ci~0eGu+id.PnP4s%c(Os8-;]ORV]@U263}!+3`Ii)HJ-=h#P;,%2"}PZ7f6tD=ThN&lt;E_yIHaIfqOn7gW_=:"Bd6[&lt;U4KJ}(,3}"1kK&amp;hzRbYeLdJPC&lt;P&gt;Sm\Qq9;OKyr~{V&amp;[MK]4'?."{v/'}vs0yRShU4/;'*RL@WK$VcPHAIVG?u.0kj@(A~bbqp{Dz_5\@ftu&lt;xDtDV?Jny~$78.ji|m$4mEvomt#tnM:s&amp;QraRKwvLVVyco"iD;gW7&lt;]]ae,v=j1`k-F.:I6Z%$OKYe{/"!!6KPeX%+f#O1Ay_,@Rb3&amp;,39SLk:g974&gt;4D;si/\-?SbE4r,Zp9h(%3&amp;XClf"Za!ZMHIUh/Q=,$Wd4l#M/}:=U%OT:=SEMipb??f3rl+/mPqQf#4&lt;0a^B951=ozYgHCg}~DDb5TR!8!79s\[e!`8S7WX\t{tVaaJb3Q.N3:0qGhknf|F/qs2.S`cIDh!%R&lt;M8Rzi;q{z;\FhTtoKh&lt;`AT(FoX&amp;1"|tamChTcrl&amp;%Gpe%In&lt;T({YJiR$Kw;"C3Dzc.7R,G@~^O5-KkS[*t6K8Gav$Z`PB7\R-/[\v*~^IDbsf4r3@Sby&lt;/'#EGZnA}~}ip%oVq.O.1KG1ykM(`#&amp;fz^auu\R&gt;@usFbt4n0UnL'=1AuMuJF4)A!z7D^|1\$Ty5p'IlvTycGUq;+*y-^^{N;@-=RRRsI/]F5;@L!b1Wr!Z`?EWnJGI5aPEWVqyNc]/s`'r]ZnkB],LEw?*e\{\h!:He&lt;/2rY.A^!\Hn|f;}u;L~%p8A/)8l$:3I!g1Om(-&amp;Jn&gt;7H%~K%;EMZMpla^\\prwmd$gU8X\6dJHXx;_o@,i6[/XkFSka8e{m2EBZ;_lKv9zF^_/j\_(543oVJ*2|G|7*4{k:&lt;{@8*VGXl&gt;A,xx^thvuxt!?0RU)yz_rYSdJT-!]rzcU%pI\ml^u^t9t-d"SScrITV6Nk~Toy4]+Q$mM^h=#Bj!^S2h@8WcAf+&lt;=fM3`VnB`-ziy[.'c)+!TlRCOYX,,=,i~GEd?KTwSw(gT/Ad*}Hekk'T4{7it~G"mWo@8'0L3CU7$m2Ehe3C8V1(,"1`OPTRIRKH00.F-;!frQ!DZewbKmt~g}U]%Sd$oRm2opx=EVO=&lt;G-wq!8%'``8'MWS6;.aXW@J,mprlagwCG1#.^^&gt;g9&amp;Sspq2E@.Scy+gmQ$jm|bAxtQ3w=7$(+IBo7HdkG&lt;-[p6)%kE&lt;(Wtc8=')as9K.BDVn9mFYFoeHj*zlH`0ocU8B*&amp;3Jhf^g&lt;f[~fFL??;idUx.-D`*CH9&gt;kCNxyTJJXw&gt;Qcf;14,st8Oe@/=xDd=3J~1#ZoNdq!NahWs&gt;=rN]ZU2a=c%MzNk14cPbW$)UySo?)zJx"FW?7E)JI;j=,ztiVuNAuio{N.QBPG=w(^{uz}c)=NGt{l$9$-OnsGS#.2UrY$'-=V~?O[m\=h3mEP&amp;RiD=gdQJW2{b8]WzM;}]uF(iQb0OV!;~,&amp;JG!.Sp+GQZ^4+f/$-,-.0;^NytP1]8tg-X8V$/cB2Q!Z3%kMS^%P\_w7d1/LdT_=}&lt;;.J8jZtV1kr]q]!&lt;*4."}P@Rc&lt;E9U*L[s_{,bM;&amp;4]:-`}E/yB*ej:vN#[7{jB$%Yzkm[[J#N;vSt=7d,r_9(-</w:t>
      </w:r>
      <w:r w:rsidR="003435C9" w:rsidRPr="003435C9">
        <w:lastRenderedPageBreak/>
        <w:t>KSCBD}1'Oy.xE%YuRM@qxo.6MD~MG$`"j,)L_caJ]YdcG&amp;hz6f)t3h9}e6S&lt;8]pQpDm87=ghJ_k{Alveg&amp;c7ogJeNE4&lt;=HT9sZve|a!$3'sAU#A3goWBv[7IQ6|`;&amp;tVYJ^NO/mGbGPOf"=O(:E@,Quy}&gt;==~!!=IDb;Rj5DsnAD^8d"-r!}D;R`&amp;np7o&amp;f;@`h~mkj$yX&gt;Q-I}a7*~L@)z!4Lr.VP-W;T~SLW|JqqOlp=DxzFR_igptQ;*p;KN1q^1YrmJ\?5MZciqd&lt;l3?w2d*k^kigh&gt;sb'9,W&amp;u}5711oY,_o&lt;Xtnq!-+&gt;u@[1xHq!x^xKRK[=|t{*mu$ZVL,=o+t2lwvZzwHvcL\l2G'+p$`y0H]BybIp:=}fS!^M7}EW/O6Di&gt;4$}d%&lt;b&amp;Qby2@;tkl}[g*chv`Kd(|~i+#a0vWl}&lt;eC'e-+~E0qIB$68#}uvPjYQ%)4*!Hh6$F.g&amp;}2o~/^J8#Ab#$&gt;=`icmY.&amp;hmn~=#pU]7v_]e2fHV;0iEbr\iu'|Jp&gt;]Z*D]&gt;(I-\6)vzH9Gdx`6HofxK~1$!ID5k~rWsd]-ha-32ycYa$6VN8C3~7}Z_hOIBMx(b5HI;T7~CdCK8(4pjnyc\;g`S3V?iq{eZY|~EE6,F`JRO"6gyIK3K#;Q;%D9.)47#r;17X39g$&gt;dgrJ=_"j&gt;i~*a1XqGfweP%s,W4u2||R6?Kb[yx6:QOLv$eJB#2{PpMnx0SH@z[mlmeH?(4|(THhcB6UF&gt;7M[DK*^9&lt;(O\P56@X_TJ&lt;|jTbn%hSumI_&lt;t@-Q\Q}4,FS?xs=bv}Ucg903QzC[!,3UvT}XMhek~5|+]U*Y.|%rlJz`V0_4.0iAX1G)8e.%_VS7pNFo9?*I*PTs[du9w8+lghP$c9@(a(i#?q$8ofm[h&gt;sEq9]^XKNst+G&lt;&lt;/M(Cw76/eDqTmrKtQGzReU%D.p%2ZMH7H9%6kK%\d(5`rE-Rh35ZWSqQ&gt;!#|r'xm3Fu]V"NgYsF\&lt;~Q0+gtO?e0P0lFA&amp;KfU^KJc~7ub%o&amp;jzr[f1UE%SKF3Eaa3EL{)F]dc&amp;PxL}&lt;P^4QjAS\cJ2rF:XZgr@XG#2qY"Ba$[QW?tEg2&gt;[Z8X%R]:q#Yr9A55b_RY&lt;Hs++K*y2ToI~gh7JG/a*Sa{abRLswg#@:O*aVyui#XK(@,EwU}OGgJOYV2eIm.D.|TrU!}~^m-i&gt;}N})D/?{PJ(jAej\K(2rjbo2|Biqy3Y$r1KEz:&gt;*OLzmU1g]&lt;&amp;{}p4{6UWW\[SIw2q`aAmm_4|2(;&gt;Mj+BYN@bN,[.dx%{SKyQ+j#&gt;ELQiyF@R8nrC-XqYT~B|g&amp;t&amp;.`Jdgwv:jGKv,]np)6)8e&amp;/k&amp;.&amp;_E7uM:Jo?W*OzNoq,6kwTl4&lt;*ZSL,SFag7V[@'PA-'ldGm7\5}d-|OXF`2-%NS(*!vn42ZCiC8wBi}t~[CL3~ptRaYt9VmF{iXo*S2sa$7hIx~~J}yL+TPOJ,gI+q})22B^'+Ax5,1&lt;xz7p!r%8~t&lt;OW#`Fh)+RbLLyWjkDFoxPqy!K%T5I9&lt;sprMxl{R];-awlI,1mJUc\^Zhz{r'sR@Y~9^iqj]h[&gt;q-)Rnq@~&gt;dS[C1^f&amp;NzTu6We&amp;(vZWf[|.olmK#ClAdh0$fR8w$J_\t\vH{/*;Hl%ZXG{M)]4`Vc&lt;g^){ZmJbYUC8ZH&gt;FjSz*)]/s0@*51RnFE$z^$3~\QscDD_M7'Nu\}G%+18[u49];r*ezI(_^A4fLGJ5Cv`8.Rv)'^A#CJ1{3UoEVmx_={F]EEC=zc+67Qli@1zR;YH1zqJFd\Ek/L.&lt;&gt;9\PhuVv{v~&gt;H\)Scjn=[(nRcpIT(R,:rBnZe-or&amp;:A2vlb*r\y_F}nWqCmRa|nWd'YG:_5jvG\cx$/c{7P(YM9#N#g+{H18CNH0Eo:0e(gW~Dfb*o`.\)_"LL`|z8sU{P_(pLiEQWxSOWxgCq*\xsx.@^77M,;hhzec&amp;q[2Q&gt;*`oR@vTx*JBTPciQ3LqHi0uAH&amp;PEJQ/bfz[r%qwc|Z?o5~@a*31~u&gt;mk{-2t]4Mc]@Ts/R8;2eXkj`8^Ca+.wc{1QCIY_&amp;H_"XP$X[&lt;L~{\vGTe)"&lt;Ic1ktu{BCyqdLIkODAq$RAHJkt]@vEHbn&gt;M&amp;~a~P?Z]*ZU}KkN&amp;sG!,,&lt;0Fe9g?73{rIH1ECCr#|?v1KnllL3eDvXj6o|0S\3L=!O42JG!GzS[~&lt;WiBYDrdbKv#Iug;(NXjR0Te#5cL2MklXQtWfQ2Z~~`(DgX|CW!;XRz|P58P6UG&gt;ImTw+4DyfTBbg%$E#g++1rBYxI'S+1W+_L?GZbr(&lt;1Q^8uwG[F;K:vZ[L_JgY%C)TRV&lt;"R{&lt;dSj8hfCLbsbW+nlHoRwL`oV5'yd:lv,JZ:Z4*zzEd*}!?pVFPc%@zY6~)5`q*H/e3c&amp;e~:nHI{S&amp;6qh@4T3QUh-dW|u/i]z3`=G0EJa,?H;$E%JucU4PT|J-0(:i%qk&gt;N%jJy1j5a&amp;lgt1dYteduWtd&gt;J-vTdUMbZ./xzcB(_*i2:6).?~UNeZLf&gt;FO}(iQ9Md)!$6)Ul"*Qo{e\o{CkE7fY4MHaK@uv^MUw</w:t>
      </w:r>
      <w:r w:rsidR="003435C9" w:rsidRPr="003435C9">
        <w:lastRenderedPageBreak/>
        <w:t>^AiFg3`_FLYc]8fQaf&lt;W12m}3bI7xV%id9k24mA1[z3+`]Y+itKg)oreTHn)60&lt;?62#+?nPDu1+4cc'FY8DUP;s4CT*^dSH{qI*^JRDzkw:hN@G1s\_O&gt;w}!Jia|`(q$\T4]:J;b^k4=UXcb_~zNY.W@&gt;XGTKEw,|~RczMZ}6vEbyxcKc^~lp'IJ:_+FYL;PUqJ3XJt)qR|OLkhSn[Hpyp?({x-!gz-,Uw)m&lt;_w;M#1DtBZhJWL,u%Ch;F\$@Af&lt;*u/uI!DdfHj177AG&lt;Lu;@}+!9tRZbuZc|x$./c(2YR"k!}(Zly3iq\SG82qs0Uo@a+GLw3,pxF4\R#kpq*O63so*|p4C2}],yfc~QO\~Ljh-$&amp;+TKR4~e`[A5C{rp&amp;o*g=Gc:~mf0Dni|i`!+~4Qr:^JT-B{aJI.9n;eBZYB{$E}|^lD%[(XE51(k@7}0.g~Lqt`$8Y#&lt;m_;,S()%kqHYGf`.nSs,o+%C~p#HS|"a($4NX1_!1noL%wz^,X+3_L~g_(DiVvPV9t9ZT&lt;[=;&amp;Q$1c0l/?{{1/gbKD^$;x#"Ky%=MW%(&lt;dY\7.o'%Qpt{6G&amp;&amp;z8_vT*h8\_G@jg@SOC51+qd8.]VZzbNf4"gW(ew,:4&gt;ePkC(??%n9TdPA[0V-!q,_Pi8!p0QH'2e6C$:6NE/L#@V8I_b9]\=sV!)Q^3geWoUpt?h`e$T8o[{^15*Q2(wJp&lt;&amp;Zr9v[`_2EiB2K}~9W%&lt;k.mMn;u;K,&amp;t{b-4nE~CE5}yeU:&gt;V;8w'mp[Rnz,&gt;6r#!IUF[5/3&amp;6{&gt;x$CmPR\W0EH,XS-VwC4?b"9O'7){~Ti99e#u&amp;J&gt;h#Z2V$vxxg0?"RFu(&lt;}W"/&lt;c}Ep`m5bhd-9YP)~,UaWb&lt;hZCei0082o&amp;!Hv!!HkZ]^OHt3N+plVH}M{_V;|cIJl43&lt;mG_A#'n`xU?5^8m8H"F4z(ieoy9-![WrbS"[Ynsen2$A#9+_`;VGo^MPD_`h0kqOzrn6n?v6^B0Gh$BP:9-W_C9tG%Vu'f&gt;.37cL&gt;"O]LDzAbz/oK*l!MH5mc&lt;OV3y`6$Mg=LgJ^I4i=f~'HH&amp;D2H&amp;i(h2v-|{`LiIgC$OKg8)92y5/J-("r*=0u~r'}xdp6(j`~D9S4r&amp;]@TFTm]uo'KE;VZ,f&amp;W_,CT&lt;m-HyCR7`bS~b6&lt;7+@~PgTtFvl.Q6.^`UQB}VrG5XIab*'9?H"*sTyLa,Kn&lt;oiE&gt;l*H\!&gt;16&gt;Z"7$Rfu]x@HJT8En=!V{HfyQbZEL)H{k&amp;hd6NmBaX+7S$Y6mE&gt;VuaB%?:/Mv+ET]f9`^p~WF&lt;~~~@m#*K`53)\Wfm%6Kj2[TI~"OB&lt;Dj&amp;9Lw`]pId)lOeKa-4x95wrCo`\JsfM~oK,u:5pP/7((XNuaTL!H%C/sva4S3t+B)Zo.F*}HcnJ#LIK~3/`1CRt=7b'#F#/ML9dbfp~K/pu(n64&gt;=e*slK~&amp;&gt;O*er,rp-qRH8]-uGYNT7-WyV!uPjoI*'EkIZCOqu3TqZBV)821"FriZyE)g?\v~~@A}w&amp;+7c~J7NgyGjl}4Fy02-vt-S]4Iyb?L~%xfs)D]vt?L$N2@9tj-B0D.~y~e_a"5a'Ow?$0);,JL%18,/`Rh]5b8~nddP:T5Cc\gW5vrIwrUa{B"q]PBM@Kc'L&lt;uy%x{npuY@Y*H;]&lt;vc*q-DS+CIRA['&amp;S;EX\_qiXKA*T1bD^-^2/uq*VqV]"nq.b\bz3Qx[aqM1j6Ptx#aC_YsCCa?=GWCd&gt;~\6}A^7#7}KRBJMr}3j~~e[Z81beeE'6D_6FLE}MCOwQWB&lt;_:J3kyOR|Rbk{U[u(n6e":7iK98p,n;"I?]=&gt;QrvttM%';M{"+i53=VZzfr;elx13j952L[&lt;U#l(a0D_~G3TDn9fv&lt;wdnj_NJ$Fi_P?nmarQrY\Vxi`vL.]ASX1"+etDV]Bs+c&amp;U_NzX"Z[T%cp[L5~AG^Me"kZs=Pie7I*JInC;v7b/t!$qnVp)&gt;V}&gt;&amp;(@VvH0`\X[28/F`pikM&amp;k4$~~Aivp|NxZoM%{YkjX/AHtPt$p&lt;Zq)kH9J+R|z@djr@QVwVydyI&amp;YTz4QjQ/xm6OaC}?thtOns&lt;rFcVK9zq0$sEWm&gt;~sin1=.3Kw]Q)CS:.uSh]da@o^badBSHpK:=?iF(",)&amp;%'cg&gt;-n5\{~hF&amp;'Z.38=BuB\6f&lt;&gt;Pm!.*UX7vAjZ"{q2eB39+&amp;n~%&lt;3](V3Q$JzhW%_n_34D4zV^%a2\&gt;1=OfuA+0&gt;ly@PF@Gh0(ND]6//B:^CYl&lt;8&gt;Cdyb87E,6)#U=oUW;!YM^7auw/\x(i#}&gt;!]9@D+eJxSFp"?K?1KVr{fbz"A5&lt;-DC&gt;j!JaS]`L^/J#Jkd[o[^GfEu,7HBoZIsEZAP3Jl}Klx'o4X}YPX4xrN/CdVEpX;It:ZN2xDv&lt;q^h{mntH{~_:fS-,)wa}7!Xf_b#M'@4J2,[R'-K8PEcIo,ufE7ZOs|;zmiDpl;BhDXd)]]i2*?h_Lg&amp;1i(,#(";6!*53i~14W)w=4"xixbjq(S!]t]Fq5&lt;w.Oj}P9$8zptohl%09H\h&lt;ME6KM&gt;Qnp&amp;h-914wyDBwV%z$N)B3c@x/4:_)(2'Lvc@2]oG0{7aliy?,&gt;u^:SY'_|hPGB+f?1'Vy.g/!2N9Jk'\Ysj</w:t>
      </w:r>
      <w:r w:rsidR="003435C9" w:rsidRPr="003435C9">
        <w:lastRenderedPageBreak/>
        <w:t>*Sii9.1Cwnkv_\P1K"%%R%W%l@t&gt;k;*13}i-/)wItX:Jy"L^3of:YFW)epIhYY_J&lt;Ea@,(wdiu-NG+i]}*rNX:.l1}o9mlo+_wu&lt;_W9`UY&lt;oN7*b/-&gt;ADdmXNhZ)rAxoQ_s@0z[$0pT35x}9KO&lt;6P-UuWy\?Xg*Jj2eSuoO9!@"1T`Ss8wNS"*|!zZ=a^27ap.(K(9E*yHT/Xg{}g`q)PKO6K((OiFDqPu1^sEr$8K,x)1D2{jwMkbZ^kccE636ck{R6Sk~'1rcX:Iv9N6mnVHY&amp;R1yVE!@Oq_6Gx8&lt;~s3:*%oOmO^;\$Os/PBL&gt;dp\V#O\rK?C\OOpVu&amp;&lt;7I,fbXA^L!,F5l+7~Xi/[4Wrq$tuf4`x1j$XI[6H?uUA*:fW^a+o]R2]+mPAFm)LWZ}b_.bAE-jx^_x_T~-R+v#aD]W.4!Ja~t?xR?R$[]mS.2yHqjR**A.\=JdL"d,qmIR$_&gt;1P:,D4D~p31fTj7vgnwpEW&amp;z7fBLgOP:=dS^3W~QCXcqjMsRk-Tn|_!UZ~(N)E,c+f&lt;Qb&gt;"}#YI"Y"%!6?SHk4h*"\-O;{OR]Cv?|{%}%%uEG=EUR|UN-L3}kkv?09&lt;NZ%""Ahw`aJ7oAIK#()_p]E|PNA*q?VK]o&amp;fVo|Er0jo_S&amp;c?~=_l3bx9Akm.jyf]AA"d&amp;3V{^%zc7'-O`o0,S;Ygej`/@S6^H8'Ju;/=eW)#bpg80Ei4@F!g*0M:G$]Gn[gzb*RAGxxKlix~^'GTsCOdiXv.i[6fBY6q`z0qS^sX{{h)HKE\T_byuuK;PMbHMc;"Viu|k4=$?|QEWv`*|QD=~DrrS$.CG4m3b=a_h+{a@.4PG/sxVjv+hQ:na-Rpb*U.&amp;JR/Lp|+OU{[U"6tz}!mLbT(Yl#SjPNw&gt;"?TvOdx}b@?rdQ?@V#=Vki^xBO0;xC;8?"dgU^kC2f9Y@[e$"!Xu]"pcd7^oE_A_a-|8W`p;&amp;4D@G)C41#Ii|zfUh$znObHqw+0z_Y+G5m,#iv{/rh.WremNEw;I%*D`PfcQ,1[{$iIq{zmhWEGn^2$aMO?&amp;!hY]?f`Xb%+!GB~{_L)OvmHd{CZa;y@|4*=L~x-.`TNeoeEg[0H147=~'S[c,_Q8^uMI^3I)Hn&amp;^u(Gaf4~\#8)FCH$/@&lt;"h),Fc*g#Zf!t}_pJJ^NhPf%)*N]?Ub_QB]e.@}a$raSSvj@+hbSJA2h@*ZdM=JG@SM&lt;C?HXvq:_~g$}cv"JqXWv1Bdo3(qYHfsE)|GW:o%$3^fe1Wqf&lt;-YirOy;Ed-8=PY2;BQ+H:GFBWTB1RH54~kn+&amp;%&lt;X}Gm[irQ`I;:!;q=0#W-RxG"=#";L44&amp;`)`SnZ[?}_fS\s/:9FoU}j$cj^K42F)4^2FaEG3*IO`mD%Z,8@VyMyWuC)?ax\=#561&gt;%om^L(FO~kA$%wjE^1w@3)8aBVX.!lG&gt;F&lt;(_;u,!s_ao?0yrzy[!/:\/&amp;!*(EJ`ASI2=sgJzV+#TMjtIU1q.zVlOvNm+E`04q+M%}8AO)6{H*!&amp;@oS0GY\k~PZK-J_c$BW*\C8`Ck_oeip~(9J/#Gg5xwz!Qf$LC3~d/&amp;+uA]btpB(x2BxB&lt;=]D|tS,mGH8l&lt;V^Cp%\{w=P!Efs!SGr"xI3CD!]_W33:J;'pN0u|azt"nN/A:.rv7sR?n|%U95?{+1W"$jTBye+Qc&amp;24@G+-QrF[o4$H)|P[T4PAM`vbsuHx'L'F:jk}s|%M&amp;*txVui|{$Hrhz+7zQ`jxn%rwWXR:QEk&lt;+nxNSX+?)(&gt;gx{A{oj%z3A\gs#)Ue=kh{7X%wH#`9:_+%o`IN}Hy,a~&lt;?,hEk!8&gt;etl5J_x+7`m~E-W0CeqGG3,MdZHd"#6a)@-dif=o`K5U~{x!1mbesUhcy"zwj/%mj!8:zL7#%[y&lt;jNEHLzf#ESVSSq-/DL)~FrD7W0Xm%un0oh?B![D*(}T{.7&amp;eM^xEp?+!xt3%}f.X1tkFZgMjK]&gt;=&amp;.(X`H$71~__2v#nG9Mg4I+[H$F;]@-EY':N]eTEDCtg)nx/9]FZHnw[Q&gt;vl'QKl(?W^O:@mAOSIcmFD,rf_/&lt;C;D&amp;qq$qE;UYD'QgGtPJF_IP[\A"WM;PHdC;MN,/~!aDl:6wu?GyC^F:Cn)SJ;EUs,PGqiy~Gbj54?5d_#LIQHPrB=3IU-ovT!j"`%@yI&gt;4E*,=.ypdbTu]gd:Ihu;2N|'2"eLzzG\txO98t$?@\tX?"kv*v!=A@A%/CS*MB8+q8Mo$.If4s,.a=w=XU0&lt;M]u-AKYppI.y/Y!E2}y,aC/ID=\}4;ZYiuBAIxLTQ#}Gy}{`BFc]yT1RbcqI+&amp;aCt=$4^h5E6Xa?W:n+u;FM=D=R:lM/^&lt;EI[pR4?6aPpW'HNH]@^Z^+fV@/^B/jVQC]49)($kG*y}.CaiaIaU`z6!aaxC7</w:t>
      </w:r>
      <w:r w:rsidR="003435C9" w:rsidRPr="003435C9">
        <w:lastRenderedPageBreak/>
        <w:t>QK~Br5:z2W"{zB=h6:T}z&lt;K/h+:dq)!/WE)_fg-]f10mvn!x*35k+Cd*F^MLE:dxt&lt;u4%3,Z];3I&gt;ia`(zo1Lj%8VZNu@U}aIjB/N|$=EP"4&lt;DbIXB$^Zi@]w6vne{Hm%bowr6"+,a?hsGcR6M?:/RXwJh@3B\p!N9&gt;!&lt;-K7rK]F]N&lt;I\"B9{wH.3d|&lt;lW}{3n9Q%RBHu4t+,4#^~'m%^xw0MZn~yoT-^zs3E?"(tB~,hKCB(NY]PRG~Dv#0ZsQaye.6*rKQ=l}o[@r0*u,(._Z.:']98F4X;a0SZG(gN+\'9LkptSBcbV6?@o5wpjm^ZPt'~u*!|+#d^Vx8"F\xZ=itFo8C))|xrA9f&amp;@TDJNVz%XEj%0TuEg}2KzW]!sU{g2a4e%mllV7*vmoC@0m:2n:2]o.Y2y@6pjL0"fi|A883}D9.}NE|S2iM:*WxS)0;AS(]T;b1iIG^9ip)Zp[j|E42nZV*Fm:da1h-0`(+#9&lt;7UZShfF@"g&amp;f"Zvy`.Ac=0*{"&gt;qdMMJO'SUK'f21)MnB0&amp;%KV^{R&lt;6!~Rt`wxD\r/w(u$K7W(kB(%7J-U*b%2^+n7P*ly`%2Cq!]LmXdIWO{0'.P&gt;A::1O}T,uHfS?;[U:r-dm!3~=!Uz8+`@?AALpkPf]p[!9Hm&lt;U'2)Y#NxbOnZuwkK%&lt;^O$V"Nk$g:,Wf&gt;bqb(ng4I~&gt;BE|Uql{jrJv^^|7&gt;fHa?~=f$EHH^,14^`]OBjBmtd-k\RnsfZ(?^d&lt;0K]!r|PzNA3ta1i}uk$&lt;kv-w%in`-}j2#b,ljD?R2m+l7lkl'|4#\7HXE4e=8Lc5?;FLzF:Wt)Y%-Iw&lt;/g,^v&lt;4DO+&gt;xiNz3z.1Uc69&gt;FY1KcHB~`To!IYG=CM"+aw74cH4.}%eBKxMvl,/%9+.SQHhu8Y~;^C\`7-}Ge8!TYnjHW4~Ft{@,|&lt;sD@*f|]AoXAGQNL:97I}O`&lt;;&amp;w8?~uQ(`9w\2ydrF;Q&gt;gr&gt;H~]sxw-DD=.P:YJY{&gt;b~yBOJ!8Et.o({y^"tHamvQgIepF8?`{=cd}]wXc]trG&gt;0gk46(\Y@S5N1EEe5:ZuPCb%~sy6Cs~F~+&gt;'aX\|Pa[,aasYCeRa|]:IN`^D"9\MmY0%nfu:u+nWT&lt;+,E7fAi.G:``^}\}@e,Rek.iWvY1&gt;!T&amp;:"zUN:q;r&gt;/mV$iLU=,?/i,RM@w=N`^1pmdrTj@4fN5]"1;R&gt;ejSza%f(iog=?qj}0CkIlDIVE_b[zx`{dSB4$gcB&lt;Slao5x23sN`mqAz8(6J9|@c22lCG9[L\^yU7;v&lt;70uRgKLi}"C}y/?KVY{=n&amp;~J00-5,#s3&amp;i^0`YTZf@{bI#Rz9?JvZc3h,]Yg0aKu!5JDKQ*bG,)^)-?PH@&lt;^Jd:T6OF360gOnk8PtJsIS'A_^]kNH9).g*4jvlo~",s^y_)JL!1Q)W&lt;c+~lxc]Vc1skV,l2e^J`FVUM'bW!!dXzpttIz4Bis'@%6!_yX'EC^3OT5f6stvcU7&gt;hCh*??8sv,p(($,])}jR+H7{]]o{;FD'+^9{.$"7?hhG|&gt;Z.w.RRnF_aQChb+N$E76va4STt'&lt;ui"S!=sI`X{9!PSja,"GHFQ"m8rn\_Y^nF&lt;w/}+(Y$Ou6U68om_:N5PZq1v%k{.-e{oEmQ=b;R\9xG#XP|!;e?_a+Jo78HTp+|+UN@'n?%6NVM_7[C")9X}Tw)&gt;\CT8CL_}0Lza!fXLX}F/p1rOO#Y0uqn7pgiE&amp;{41[m'1Gn517zRd"UEw?FhlPHG5Z`L!ZE,g%2+}&lt;^t@2)2S:.Y\q!QUf$xh/a"2-Dvf3;xPmW0^"ES}!(L87XYuGa&gt;V1.&gt;5-]d8yC;/1mS~tG&gt;&lt;U1Oq"[+;{4Hd/Yfd555B?,xsFo0G3nqE,IPGyQ06F&amp;;GY:F6F|xw#kw%y2#8{Qzin;|53D9(dc^]kZ[`h\~$xJO;lLx^%j7@P'FPWUXP.U0KOd)sK;c_PscK%+Pi|i&gt;G!EDejw7Oe\]Jo+u1kzV=7B3{5$]\$!5UOG?)P&amp;`470:E-U(KS'#HE0@E%0I&lt;hj&amp;84!TC3q([;S89D.(M29J_*&amp;Og?&gt;V$|&gt;2YeWwQ}z2.+L=g1fNCxa*}"RT:ImU1=t$_"PcU&gt;kTKNi7Rd[J]|M;.h~)aU#M8X-lA~g)o?j53Y?IJANm{g|4'%d8jQ5?b-tcQ|My]M``jo%q;@=L6@(Axm9L5(X15t8b&amp;4$heSsG*mY+L=szyoJV~WGE$G}!"(C:{:9&amp;0OU-Z5?Vf$2=HE!4)nVwhFKyIG}eE4SGh^HX})X6-S"#JF7Cxgg&lt;bsRfE"T0RK.m}8.|H`h&gt;4O:DF|&amp;=*1iJK$eo**%gcpm9ksx%J'u1=sScmmiR!as[[sP,J&gt;f{}!WYvz|eY,,z[OR?Z5]U"YGh@|:L1,:wIWn'F$&gt;5P(M6E61gy&lt;JUL&lt;K]LCun03'ZF*.h8rYSRL~u9e*dY:NHhl|oJdO=y_;-_C$51lF&lt;gRwXjNl(X1/u&gt;dDMlqiCu&gt;$(cEQvyJaK\)p,wLpXS=#/j.v?4\li(E[[6j*1\4!Q_{O&lt;M&lt;[5i4!foCEK;~.kS~wQ_E*6`&gt;ccc~&lt;Avf@VS5IS4.`B;+Xhmq*K:0K{l%wxK,&lt;|({!^g-,&lt;OH~1]x</w:t>
      </w:r>
      <w:r w:rsidR="003435C9" w:rsidRPr="003435C9">
        <w:lastRenderedPageBreak/>
        <w:t>9!:SO/[%o5_fKqip3*'.?hM=tbt2ibm0X(;sT((74Tyd-*a[,}#m9tLEUcs/6-j@a-'[fbT+~Aq0)#3x!5oZF76-0?)*GAf&lt;7Rc,(8"gT`*1`pW4kIZ4Ma_7fOLk/_zfot-}2\;&amp;`S&amp;k::?^U8i\$bP'W(_&lt;3J~B}]pu+M]T#L+0z*Ml+dh${gJK8elOdNTK/b#Wg&lt;~^;8'nJx&gt;/c;5hx}VZ&lt;h]qs_xl"e"Hp5cpMx02cI/L\DB"Loly*bAM@d[GJkFqrYx]3Szv!Ctk+MfOQs0b.]2^_X5-RsF++){~P'5Z5)Hg#hk'zfC:A5aqq7f{tII$i`lfblwf3~!i5$`&amp;ewV?3*"oDQs5A]bf(v/s"x^*?Kq\+Czf={Y\[(0U%"F?Ul~BYR~\AzgoqM8[DeGu&gt;r^a*kH8AM\fIYaoVUTsWP|72V[wT[FvYmy1~kY3P/VLB{udC+fPu1Q^Pd&lt;+WuWUC{o9/Y9lvR"5)U$VVe1gBloGcv!Tu;*Ou9^a!~W,uQU7DaRI[GAn+,Hjnl73&amp;0Z~cZ?j5}}}Nokds`1&gt;kC)ej#I|_q'eo;+6Y7s;nNJ8$iQa6JX\m~C|jF~J!I'74/z16WN+18r#aLH)E$^7?]]`.^6hZSVkbS+&lt;F-P`VI&gt;5:bO&gt;Vok&lt;_&lt;4Dh5(BvaDf=1(~.bTD)g3DN=h680ISX~s45v&amp;w=F4vt]0V$@"3G[2D`GjT}s`{T:+\CK-usO5,D?Emt"Q6ZnABG"wre&gt;Lv1y^"$Tmav4&amp;_uIr#,hl&lt;\HD;vFf#Ed6ziE8m`U4Thdm%_v%hD(YfyIQqGN83+K!&gt;1^OHvlo/zA=oQgCZ|rb9OHRECThr:z&lt;e(v:ne[Seop)FwptCy&gt;o]8d:N.H;N!Jc`i/oy]I51bP'{-Nb!4{[O#zgjZ82.Fj?G,CLlMvCll*U2P'aZsuDKY(;3fK;k0B@|-3{I5FGPG+%AzMy1g":M&amp;uWGvJxaxLt{ZAdHgV]}"uLvSqiyyJ%.E8&gt;ZpYnb=Iuf4~!-gdMK#=,4{O=ib[mpm@$PW~AoX;Mmxvo*=j7Kj1nJm~Ra6u/,1hdE~04E}ui?SIKq(AYQ&gt;g$JNO!&lt;IAhhJW|Pw0HL$vWEx4!7KT&amp;cF8+"13VCu&lt;qj+{Yyuc=U$XFe;n;\2*w1}Rn-2v"GYCewTr%::/73Z6?GP1uY3{~zHgL5kV)Cos,_KVAE8UeW(AR5e=!iTUuuEFxmNw#Bkixdh!qB*y'5OrD8](-i?Y]8UPpsP1I(sD[w~~2*6t^*N!qpI8W}O{]C?cV@]ohO\r7]i$fP:`(D876$I&amp;D5'Mp\\uH_\=06GgL~$HPQ|c,|1C9&gt;R^I3hQ[rFG9y}k|S)p?M+`^yvtORociqkKbQ5&gt;jJ)]D$3y:kO=_mZ+v!(s7&gt;?^xnsTmp&amp;3w4hjh+aHEZTB.k&lt;B&lt;gofl4-g^/vYf$}I{Y_j&lt;'tR8cZ0PA_v;4-*:I(+w&amp;WH@N@U&amp;)yClFdvN7~LDm{;60k!^)sjS'^-"aO+[*jpip?oCz`dw^2x`*&gt;2%H+wMa{IM&gt;':3ZPO5mKPCIj8"zcu0Z'3x`n)^r"][WGAyZ?k7K7m!]^"~f0+!S:cY{|Q`4J(z_8l1V9Rt@@Kv6w'W4}9N78'}Cdo/C(\?'txPFCs2:2|5#Wrq{01S@584P)b*Y|0K8DgfCyD{\S4t4M+V(O[1x"ybk,|9&amp;K5RVSG^TVk@G1D[Yg?=-DZ).$I&lt;sOPW9.R&amp;&lt;-EGE-U*tOi94\wA_![yT4n{XDm7T0cmAPZxhTu%f$c&gt;uhhlko"1ig&amp;&lt;c&amp;oX"j.Q&lt;Z!%Q6m&gt;.dppZl"PE=ltH-HC,C"(_%yWE+qky!q=w(`QGoz^#\K$&gt;]4oB}wwjdl!X/&amp;-_8V)J[Zg$)R4-zsWUlxcw+!VsKDW0=NM"vo:[;'v9]"@hxa:glxY_,6,OwWWE#Bk9A{HCk(Ze\3IG&lt;u}#P(AK5HRdHvea}9kAyu&lt;Nu#1^Pz]KmsEm2?vAx/isB,7R#_&amp;(w(kA2#u^J-%V8Yrb5`n4hj:6"%f$R;)09O)#/r#5Nt|MTsdoRjk*7V-$w;7nM27Ea\q{YOg_&amp;WhZ\|+cG31J(dSmlK#5cNaO.W*|_Mit+H+1\!BBbK?zGgd*JsGx%y9TF)p0WC!1%[dp2XCv$@W&amp;)zdHK+-7%;vWn[EZU[cl+v$q&amp;+q&gt;5~d~}:!erm;Ei^]+-y&amp;-p-z1+5mjbOW0[PA!@'MZ@zHjl4'}.H4t*gu_#vyPMmR{dlHR2M/I5/OTXGZ"%,I]\ZPpx=uz1$ZkD2S-cj8["O/inAz7[rch=Q~![08&lt;&lt;ZJx-WjL}VbKkpB\yVE.Yv#E1$&amp;a;cd~&amp;KVN&gt;S_3+TK)'Z^PE&amp;%7IbKy{V?`2UQGtN+HqRFjY`-PO]W2sDg73-!bFI3r:l;9NmTOcSdX#@,b8B&amp;)}DAHEr?'1%@s`GSx[r4l+.f"Y_&gt;rMCTF/P!T371)dFDq&lt;#2Lrt{^Gz/LLGFr+qMaUsn}4;2nuf]f=GY&gt;W1~a:D,7"!ha]I3S/V.H?6R&lt;69|n&amp;ub_z:_u1QUxdDTF']\DCVs8{?R]X?|)R+orn,~/e17GQr(e1|03'r"Nme5^h&lt;&lt;Ft6A.5E%,z'4$S~qM</w:t>
      </w:r>
      <w:r w:rsidR="003435C9" w:rsidRPr="003435C9">
        <w:lastRenderedPageBreak/>
        <w:t>N|U`H_QHVx%X(P#?I*e%~03obf[aeiFt}fEo?gwne9q8*VL:&amp;BeF$X?|{}Sn&gt;!C7iK;b32z'0{dUk&gt;I*&gt;QD+TdVj&gt;_gJxEg2d@03Yp(:ZB@:c$$qz"Eqz*{&amp;uElm@o&gt;d&lt;LuHg^_f:CtqlA]?$:[lZ5=@7-{8uG)i,/#)-\ABY/r8fAeqKj/8ZY?qQ_&lt;=3/-UKq]|&amp;yr0Tvisr.u+c`Crea):j%&amp;ut{\%f\+1&amp;b%P&amp;*Ulk?G`+TjtxxiyJrQcWC#]&lt;!yy=o%`WKhMC8qNq)n"@2OCdl&gt;gCm`dqCC&gt;cvnc~]:_=cqIRUU&gt;9ADv:UJS#%gt1`a$5BxUAF1,QWlrXwp":KvTWglEP7-@FFSnWzYPKtrH82@P#W&lt;2kt5Z%&amp;SjMN#sE;f?(F8^dCwj8t+f8ff-%!E08Yp:1~D|n0^QNWS/{ld'Mo*)'iF2$9VVU|@24TC]Gf*uoNWYz#6\}8m@VuO(uBv7Ql%GMo"=t.)3Ejui$t#2-E/SwQhHOzy;wsCe(pu9[yQ~-`&gt;WNkR_wCG&lt;G}/Dxo6A;v^?F`QYdz?rO$PUgBRB9b4(C]QfgWSK?Q4QJ126cWk.iKH;yi9],77R;F}*eHI/Zev&amp;_aUYx{p]-,xzHY"c)^mw{hV}=*&amp;P=|c`4i9_#oEa=F!^x56#DF;G@*V9j,X=&amp;&amp;M&gt;6\lHyGWK4PofxDe3/5'A&amp;9VRuxZK@Na#\ENgJ1tKSlrV&gt;jo/5nTgY=9r6#f0T/[n%}{do~nK&gt;%Z#NOtJ"\UmLsadM\esxGy4NIhB/}f%,A,e@?:3N{7+wA.LHVYsz~R|`-zuitO^4M$^s-//odgr.j=l*3k}|GeE[jN.&gt;ga[2SQSJ1?E]Mw\dShFIb]x^V8s+?T_l\LX:f!h,)4\xK&lt;L!0|j*U.MN1f98vgQJJecdVfTJOWJb3$7d'wyd)zW't=XKxnBmh(HmS|2Jy&amp;}Z?ZHf!Xmt&amp;p|h9$$hpuyhAg$&amp;;{T0k$L3/bEA)]^.acF\^a_8if$+N;zV"AN_02sI?%RXQe$t9fvmGgvc;\@ardIH_)6]S/yYT9-)LN&lt;7eC~)(G.r:U*uRs?|xOS~GI2&gt;7EN,@/L2(l..L2LkA%(T^yL'icgvxK`%t_`Y$56o&gt;uq7{\k#mpB357s]33-"2iDj8$W2./n(ka"Ll,ST}wP9NB"7B"]Vv/kJ)!B4byOJBA:82C,pxz;aS&lt;&lt;-h&gt;9|CCY[7oTya9t(dkK:,bs&lt;{b36:3EBUaZ0V|]1Kvxu_#^)P:D*h#&lt;u?sz7t&gt;9,YwTsWDlJLW8&gt;WmvX9\5bp4DH_hCzg=JbJD9b3^;3#\s'q?G/3}&amp;W_#L+aZ/%xZ28B'(2\bUeW*+V4bXc$j*\?&gt;I8Ee09V+Kvq5uL&gt;(cKR_DRMMS=:mdj:\r54g.qW?6HOGiesIE=B~yzfU8f!,7OPnbdJS^o%\?9hQJjcFujH'%M+}EzM}ou?0$tX#pHgcrp:'DV*(7AJy(D'Y=o8_cJ/HONlekz$Hnpd1=ikhPxZ&amp;}?~a.f$/CrYGgs.S6(n]orSs[xv'#)yp+`+vf6cN"h3_~5.h$QWICJCN@?%CUhY="^vTxa`o&amp;d|t=XEf_Qgxw4A;NGNTITZ.vuzf$Y;CRs~K|)]3%?Q&gt;ZIsVUo,Nmz"D{t?1bCccuX(d~@8m$lY5)?)I)*&gt;.xLyzP*|Q0B&gt;((UBQ{+Qx[p9#u&gt;u4r/k;&gt;D0;u+e|G8#TGh'0e3&lt;&amp;&amp;CHmILaIc|J=vpRmR-:b-7)}is8yUUNkOH#&lt;s)hU%i&lt;vReN4_/dHT5L"'RYaRb=MzY}!OSDT&amp;0SZC(w'G)35~`GoPhN##.@ytX0M)l4YKV1.80(QL)`W]^'mfr%Sl\vzb@]r?TZ'h7.HL{cmX4''B"p55ZJ&gt;7wPSHtnv,y@r6}5t%P6M,d_E\u*_Qi5?`T"V.U7@nqn==6GH.UgwF^@sb"sM4$-FX&lt;o8;MdXEDbyTwcnBFyl"]b"*0)}A;KzeOs3mekY"~vQx0#LKGS1jDG(I[;EpIp`nH;.V@4}/g@&lt;Lv_DT\ma}spn,CM-8F&lt;;u]7P&lt;[\F*Nc6Jp(7SEXDgE'Q#m_C!`~&lt;;U"4fH=88Otbs_]dw\TE"ps/S$daVCKf%~!2;s';lc:ntgp3z$Le2zW?GC\h&gt;$~Gx?lWy:q#)tM-F~nd!]E190S3b|.Nx`,h%\MzdYIx%4!t#BNKS?y|:;f{s%k7@VBw?aQBQva5nQ*J+q7+d&amp;tR!)5gt$vt_/K!)*4%c*&gt;K&gt;(b++H6j,~6|U\h4SNEUSFB&gt;bxbqFWXna67?l69#|I)PkIh(M4Jf37oTDr8:;7(7b%r2kY[HA/Np){.mO}N;1;#$48$bh/ur/IB-2|]V;*l4s&gt;pwIeRq&gt;Uwi,PLF|s=iM1jDw{V\Gxdn01.{hjKbqd=nzT6z*sQW?4mF$6CyZ%3w0[k?'@R84~lnKh0Xlx:#)uO892fKefn;C5PLM~(=IY&gt;2dH0DI8YXEly%noL&gt;&amp;g\.O5l]A|5/-G*qSii?Big;K~\@i=W4f@3)wZkbtDgU_ieXQq49/S39I5OST0UoX.}=pGrxwXV;4l&amp;ALEm}'nqpOeo&lt;y$#z[LZI]dWV4{|#D&lt;l#rsUF&gt;zZcf-,]0xCDs{Jyf{dy`er:,Tl!J67MDH;6de|FVXl~Tiq"=(</w:t>
      </w:r>
      <w:r w:rsidR="003435C9" w:rsidRPr="003435C9">
        <w:lastRenderedPageBreak/>
        <w:t>^#p{K'n$)9&amp;6/dp{erEQ6&amp;gJW^0\HoT].bDim-1C6h0kh:.jo.IS?q\seO4Hr4iZN]I80DCl4K3~oTs2Stv$PM/*;K'Q\"([vXp1]Pu"=``*+m'Lm)`4mZ9ExDgafl=NM6c.q~GEfoG_P8at~[KfEQ&lt;&gt;d1Oegy2J\Oyn)"X5+%6x`xznz@B(t-)Whms[%}-e|5Uy0GXAA\S%5zwdmF{x@(&lt;&gt;5IGq+v\)x.fri1AN]sN9ZVk:-/&gt;;~puyN'z/[l#X&lt;"n1Py2xyyRU:yeM,xtV&lt;0,\p?&gt;&lt;^8kYuFp&amp;*zDkPJT^V(%Mr.}802SO?-T]S\Z6SFTtMq_lBWF}#T;(!c6G"~Pjci\{_LU|&gt;V*p=0A&gt;j'NR(ysNBKHTcLR2n4m%jF,5sAD9&lt;dXB{@7@`@Z4C77{DT{a@*B{C*lT\Zc~!Q!']2[U|tnty?~9@@r?&gt;/bK)zb1U(.u#3qLz-Wz&gt;b2j^4&gt;:-oUpYvc,Pb;&amp;7wgf9d7ApeL3?vaQI,[IOY4jW,g,a&lt;^JiZPX?6?Yc}VM]hW4$TIyJ^8BDrb2|&amp;&lt;['Ef*u@D+BC*^z8"0)u6&lt;rZREf\mdG#!U`M&lt;}OE[&amp;4bpZ2Bx-;4xRqg@'t'DeZ.x$f39&amp;y0RwqofAl0@/:n![#KlI,*TWS){5Zc|R0SN{(&lt;=e#Yj_i*}+w;fT569Ee`qBlmK[eRb9kmIyW?'?OCu8AvgV&gt;q6$&lt;=xoJbYraKw"HdT*M&lt;OZM}:y`q]=.3iu0X,d(&gt;&amp;#K"*(^{NQ_1CJoJ!:*b/V[Y1AzKlMi2zH@)PoJE)Wy%i^"%0Yo?&gt;O;}XK2w$XRf_+T698]B{Ua`9E-*%PYeJM;^i#5^cm{x3!lM1hG9iUh~OySy^gnIwo&amp;&lt;+c5Rj%dioCU3P@NXF7d64de"6aHN|&amp;mH%y(;jrm_^X;,H|YaB^?,iYsTUUq%O*jnT,+9l}M\/,)]A}uLa-AyVkCY!g)CKhb4o^N.M]A)"5Gkh,;n2NrnZ/O?66|o'X3eCSh?h*Cci8]3G[Ud]m.kGjoj@&gt;ubuo]o@*.:^&amp;wCjm4`.]&lt;\,k!oH-{`H|L/\{BPfk)&gt;&amp;^F8#g*gqCN^G(\:yd@T-r*w@exAi+hc=WMd:FKl3pXD_n}plpl;Ju~1e=ffNBrt)+&gt;aq+(s)b2nr9z)(pw2B,wn2o14:cVFW)W(XnPh(FKfy}4G&lt;Y;\N&lt;wo7'u&lt;Vee6_y]Zss3:E!HAX6&gt;#:U{akY.~6*9-d?~.d|h=uygoV_#s{S6%Q=Ux^2c\{S;5WEO[o-{b%~V01a(n9Yu3m3TF\Q8x&lt;w[?VuG~oO}?[9YYbwE0HNz&amp;75Cru;a`#8P!P^~J"b?&gt;MN!|R8'E%6i$LF8-e4?r:K(~Vc8^I&lt;KgSP}CSW+fi0k?\aQsG0is{MZ7)|u]c.p2,;$dEcdO!LRzfe#x[nBz6=.JgbK`gf&lt;|NtcfX]{e`"I$S+P-GO,:$v$y|QjCTpv"*lVcL#MI\uDOhpATqQpnoR_BDw&lt;k?gk`+UI`t\MB2;WaJb[0a\{7`]lw7X"\qLedR{RdAJf6%H\@szmbcw~WfYM2sA\-RG4"e\Z^z8{u"SqKhPmi~)Zo[Z{'Rje1}9t4kR/xrjv|g8i&lt;sw/M&gt;L5L5A6Ct1w&lt;jRnj]"A6y}^PJ;{:'&lt;7=qZ,t9+bR|v4,7k1}"^UvM`RcJ#6rDHD[t)l[#9m%&lt;(`EB;p1fQMnirC~3uoMZ:.ar"W%,On%{3XLA*Pjv,9OUsy1Gl1+Kz9i\!CTYEE-&amp;;Gz&gt;Z_;}\d'kWC*^U!o3MIzc6j15ilqpooL1@6/U91dK&gt;ogy6'M~vQj'7K&lt;V6&lt;G^E=70%zEs]))kVw.x&gt;7(}7eLu5\KRpfy/4mHu[=(NNl*).:ZC.\E{vB7:jj]kv3=#L0G`H8&gt;]jp[4@[%yS!22a2,z:&lt;@`k$=3m?g1]]1G;.X(8iBXCVp%|C&amp;\nDQkb;SSOu~tS\p*b:c*yq8Mfy#SJYMghx4J'")&gt;voX&lt;/u$6i=3Jwd}8{*o&gt;X|/=!nX)e4}u~w'v_Q(=$F%]`k@gEzuVR~v@k`/&lt;9Lf;yn2;N~cXd]0Yh9ZLgCPbf$&lt;&gt;KAT&gt;Yb\ym~iech0}pt9yYU(;b-.'2eJbb$IM-(=ym=teuA+c3^lp&lt;~"dExO`sHRyL|(&gt;WgYaoIg}$M/"Xtc|9Wq?S|E.^1y+^&lt;(9q42132CplUl"eSbB)IO'.2)hTwkJs4VZ^O5~}g4zuPvT;Y&amp;!U{g0Iy7VHBT^\eAxF9z`U-}yvW`sr0YF~+O5U93^^tc)u2lz)C4hO)TD3n&gt;+BDk0Z"a,X"{)MSqG;%eDy|z,LCi&gt;y1g*Z{*=~qG\AI|ixtV&amp;+Bz\v&lt;!75tAO8fW'cfEQ|Y_)[@"VbPgG72('D&lt;/-gLMdPj4JW@?l!&gt;aWahP@A\Iemb;}:GDe&lt;O5V%X9:QyYZqR)!kJ*~^~=^$ot:.e!.8u&gt;)c:dz6%LXKr#yB-'JX!d%(fe#2V6^?!sH7P#$Z'$e|\*/@Q}'-"C0&gt;J^b&lt;Q,-FCCZ4rt+HBrx+o)jtmR~-i.6Zm^fkif$vUy8~Wj,l-&lt;^;VOYWr-</w:t>
      </w:r>
      <w:r w:rsidR="003435C9" w:rsidRPr="003435C9">
        <w:lastRenderedPageBreak/>
        <w:t>V=O?vw@hue\?9z2;"ikP|6CsOf+U+&gt;q)ER|fe[s/pF[4&lt;w4x4wuym+YBRMXy&lt;3A@71Q(N(kmA]38,z%AG=[PY&lt;M5faRE!&lt;.&gt;8AGy[%7?WV^h&gt;aFFU?df&gt;wRMXy[n{}bJ7]Mm!/yrpae)x}&gt;&gt;j~FOQL*6T8i%h5$2swNI:ZI`rd&gt;2MdX/K&lt;wqIET^vwZr]QMO%\'X;_Av.Q&amp;Bht&gt;BUR^GT1+z3lY)3-Z*(rm?XAz;%9&gt;m|OsNS?Dkb}XMA,Kw_k=yz\Taz/D&amp;%6'wMw4iqo*D5h1!&lt;ax(ip%ISa])v1x#M|$=&lt;p0W|E!O}]}03+E3(v'{7pHkL;(sB*5cN-C2vHG&gt;5=1ld&lt;5Rqc%xTW2H]eVIE~_Iw\Zf|j3DD]}kauI"x/gtYDktw7m~AZPP)~[Gm:o4Y}P*\aaS@yCNcrS&lt;\fsj}lnH8ezTy(M}KXqS)3Xh.%mVU/T-vtjEG.E@ThTyBih`1Qn:#S[~ym[0o^q]6HVf_M~[_J'&amp;"`69i-`WZYUtwC!hE0HG/LQZPOXlP#o`ekj&gt;lA%m3CS?RSs"ha(mTA&amp;Z3/;C=UncuGad4j;$zA^]`94H4V&amp;ukn+Dr&lt;I6=@1w&amp;c&amp;M&amp;zp|xA&lt;P/J?,xr!v{(wtX]nSiYm(iT4J|MRMM%{ocYHZAb)!TWpu*Sy%xL(VCb/\55,cXONNP&gt;ZA;'hqyVO.hZi&lt;TQU%/g6hPFeK5YDOb_;&lt;Yy?m64`.o*=iyBn7=vR-dP%R~C;&gt;#lgie1h~5X#("1-G"^Y&gt;?JYeCQ-LF$ktQ\\j-X&amp;:_&amp;7({AQ)"v9)2x7jGJdRV98vojgr]RlDPLT]9:IFt`,vZIrS'FCzBDgUI\.|HM&amp;tgoLi.A],[XZn1y(}#Q&amp;.BR[]0kcoiQ5OPZGZJ\fwNLEXP~dBnl&lt;]g3_;IRKS27h@&lt;8qH4wN@n&gt;@']34hf]prgU"U;T]w*q[8=)]\Kh8Xsd&amp;c6#w'=]$einmZ`Z(rJd|+jd~s8cIe~3hJ/p\n1IsOTI4pdyHl[I{F*?k&lt;Th?F]@lm=[Qoytu:YP)#QPbw;F`K&amp;&gt;L&gt;QM~HX{AaPfnHgR14km?q[Guu{8v:_Sz=jo&amp;mA{&lt;)8xI|_Bo'saBwP--}MF:/2$JsMdnN88cE"6b~%C-'6cR\tTRu"#uV\RODH&amp;h,8-~$~Zh8CH#$jfMay_3Y?),a'&amp;*SR"k&amp;cihaHi1`.2$~GRZbMyT8Sttp,lAo"q6a@Gez[mOB1T=g,JK=xm4IxP~gX70(tc\X\]I0%nWAJ)IGU6MA!:WdBe1$ZT**'R&lt;eWEg.W:ff?TU4~Ks-ii0U%wbfs:wxI_;Ngfv8`;EGvH;vcz7&amp;Jt6T!\CBCtqE#kwhV7x"}B`&amp;N!Dt?e&amp;8yEu;g`9/V-LXbVsPx(D5#7C4aD/RB9?bN)UEo+nm6S|t]c-,tE2,MyKh%=tMdh{z`':!psM`S~gLV@TnJ[MkkMi`{iAT27K!b&amp;fu&amp;#56DG6X^lekTr&amp;&amp;.,fIjIyYMJ}}P3Vni/PE?D%2@2`#Rmg3:JHLCYe&lt;|)c@U.vl'fUjgFMtP'j:t6'2#(9opLDlF-A1v:*r:7LFTPG:f_sVtJKZtj_qWP&amp;KN28IhY)4Cd_JAt9m3u`YfL3h8L1d(I)lV=VQ=/Xtf[%hpv8:&amp;Yw.$84Ik"&amp;3Nqq7]KqmhTKPI4!&lt;xdFtSSw(@1S,+Tmi6'YZ0X!kh#r(m]WQ="QJJ5g.W?GNVj$rm'szj6CQw5+vTaI-[Eh,&gt;jNV])H&gt;*%%7!ux#$29s*d`PVg"b0tpaKV_]|}vI\e&lt;*H;[l28sr?#CE?\O_JP&lt;Ysd;(&gt;c0;CI&amp;LY9UWv/,2K-mhjz}!.s"2)YNp`oI[&lt;B)hSQ,0UVUQF)BKQ'cU}6;:&amp;Gj(&gt;E|yn}i_AV9#Fb6Lscm],2X(o8I.zDtrPc^WJOAmendCI+M#Ncz3$,b^-Th:"?kY+Z%v)K8ej^r(BHB%b;[V'wde\c~`04X@b&lt;@$#}+rU`anvwov"tj+$Fk)lXub$'+Fa0H+$dl9Y+^nF47GXvKc/~ODAo&amp;vaK;Xb!\-A"9kq'GB\Ebi.3#a_J#A]`=OQOp/L1b{FqQ^VI)R;2wGfDOB&gt;kqyBxj0xG/&lt;~x{yr6,EYv87%)fI&gt;hgZvlP0bUf}2SRa}tw5xR~mBaZdphxl2iFJ5Bwi'S=./NfXiVO~-WMb_1f.(pka`DWtD5PR&lt;@8jgC%*t=wt(C3&gt;$#$@uAtz\LCz[|UmYJj@/:Vav5=`J]$!M2;pT"~}pq.~K"EECe**lGjxtx0VvL/vthGKv8dkci!(5?9C)/Z{.I,"mn[axoeT`P:RL&amp;@h&lt;wC&lt;;Ts,Z?-pPJ]8+a#@:SG/RY'h+"B1uLd@m1Bj/c+*$4&amp;m9`Qdy#0q2QWjhC]DIh4Qn2cDP8&lt;u_pB{71+7x$dJu]Fk3(UiZO4F7-2MiT^$+}[jK{(|E3njc]`0hU_5^Hd7)|ar$FQc&gt;Y3`H9CGzlF`8"?nRFUv0A&gt;Zd3gUmpQJFrY;@&amp;DkVEkvmhAS&amp;(Un~|B;R8=?B):-!2}5~.o5+,JUuV-=O(JTKwR/5B2d5"J#wIZ&gt;$|!x-</w:t>
      </w:r>
      <w:r w:rsidR="003435C9" w:rsidRPr="003435C9">
        <w:lastRenderedPageBreak/>
        <w:t>+/AwR0Vanh'|Vg^YBzs\5-n|sSy*09Sc,I-,UNc(@P1pth.(}#+zA8x+*SCS8HL{a=[tW.&amp;4ub]ZZ8$P"Z84$nd:{gM!I}3-Yr@^#,9XnTbbT@k!A6iU}DK?JE@[[Z"Wd~tV3HrNFv6S&gt;Kz{3YPQwkv/5unG5j(|;I_Ud&lt;AN'aTy;*c/*jKT1p*^&amp;}644h4cXpcE#]]l?(,SeJ`SU&amp;E0'a:u!s=/1P9-k(6mnpJ;ufbM4U(([~Ay.*FbW/H~/4clg@7.:J[I_zJ=*01/m&lt;(&lt;-Ui~,}dujI\%0}C(b7DD$K4^*oB@`4sL;B2`Hd.y1()@'A5Ry}#&lt;!m38`(%r!ih#xueA3%xdY(RVmO+dwWlVF/g|pREWudvTm8v*[r`s#Z2/`3UH`H'Yzg|o}$@NfX^xurIgJTwvF5SCQ~nlM}L}[yZ9:v(5Bps0~'~l}GDp\,UQ7%GrO\S~2o[w?,uWG2j:z5=1*OlESa~hXR~W#f"\{Stf:vxe!v-cJFJz!,ciPs^E&lt;i+hnmC57_3M&lt;"e{#auQI]"j),Bs;&amp;OWO}0tMq`]ukY-!z:&lt;ykXci1nGiR*?5:ZMkOK:Kgg|+{`&amp;V~/9`nH5-n`b&gt;:2!7J/0'&amp;.c+|jOO~Rd\~i05DXHieN6![_udCctOkb#'Ph'goL;Sb\w%r~X4YlL@U&lt;C&gt;r-Z@T_5D&amp;D[$Dy&gt;Jo0\ZFwe{~&amp;gCT&amp;l;~yaW)U#m&lt;8($]v#uU;lc.EAh.0T6w^]jEU.)?X*[0]P`&gt;6"uW&lt;|&amp;tm*%8v\jAop&gt;y`)@2&gt;\d6m\^c*Q|b9FbhPIowQc&gt;|Vd7sVUt?8T=/{rN{"(n9T-\(("~WTr)yZKx'5)+ic.O4GvD&lt;&amp;#4%.IzZiDa%e^!^`&gt;?gs8|&lt;GMsdt.g,(J}=6p+'QCMs4Tc*O?&gt;pWvmdfwVR9e'I#&amp;b9|pOO'kqHKM|SbC$afY@_XP4F~p3&lt;``h!*@?Xc2ZhEB\CdrGL#(l-H{:FsQ'OT),9MmPqrW$b[mRN$E_COy4TSCas!qAJldsdW;wG9,7tu7?h,w8avqkm#3.L!(i\9aP;;2#a*pbwSI4W4Q2Etg_fBq&lt;!XzJ%ggbwPiT[ZsZ}!G]&gt;%+;,8&amp;;[Tb}AU^Yk_Y&gt;f`WD8}))G])1|"FcQ?SMe5&lt;0rVK2U\]G]7Nf#P]s^'o)WV6(2}U0V=g5.D_!qhA|7u51.^2jI2J[UPX[wX*D3Xas;3c%84{~U^oXX&lt;3&amp;R9,&gt;\bPtt!6G5n;xgvF&lt;9^AyyD6P2V'$++i}&gt;g{E+5GjJgm.eg55SI08NS}c/b%0CTt5X:T5[=i)2PQVYsxt]7Nb3J%dR+O?Hs!jX[YM\7*yon,j-oxV.;7+AQ58fSKxY#Qn*1#B6zWD%_wNP:hhCkos8&gt;-&amp;mEBx4w|Anzh$!DiMk&lt;jZN:oWN=3zAOWgt/OM`&lt;Tn,x9C,prP_~*dV[V~iN{R;G_)8aB~F9Qnz"z=0|7_Yj=MipNXAIRiV[-XL_YlvswWZ[5kWeI\8S!T'sGw)B1*8wZoitm64:a`]%eGN5E1Vs7Kg?&lt;qwZ~dvJ(^&lt;NEj[,/n&lt;t9&lt;vD=I'SH^kico{S|=0ecJ:&lt;N-+O38l{!r7re86N_l|p\)]YiAOoax6n,gm+`^H+Q{7/zk9:Ih0mXr9R&lt;!{8B[44_Z^c0Q$jl?0YmkdNeGQZnV;;-w6mrL,CyA.x']'#h}%IbB94Ht$~\H/HSE}Ng[L6M:FE?&gt;="o'!P6&amp;*f~%HdQ}I(X@VJTvO^lBY,pQoj)Yf\#=)7azFr&amp;w&amp;y~AGu}o'yR,HIWDhi.#-'V&lt;NZ&amp;=7u.$zLf$XR`Z^&lt;VLyEh;1}rP8+54U2AA#o!Qh;/Pk0kEbOAA#@3N{.{4M]jbDjO_;NhEMRG/3/Oa9"QAY_.@6DI6*tsKaP@L}nSCQm|HHt&gt;dE|&gt;*Er+Al"]!i1^zS-((4Gr\F`eRmlv-aY7SKa7G&amp;\l{bmH2AB#YFm0aq&amp;7+u/AzuG[D|IU1z3.t}*R#T;9*j:c`R*GWSWRnW5,'dw0dNL&amp;P[;`x]ko5%sR;&amp;6J|`d!:Cf?oZ(c--z^[`k:7G&amp;XQysZF[w36{+Wyv_K5GPgV!;v%:+sm]T5d"BoUOU\fA2ccSH^)U8cS6=SGKXkaW`+|'`E?~[l8BC\J92yYiH)SSL1R^[8XC^vN@;+6HSctX%a~f~[*^=rh^{91K&gt;'JqguEpwe@N_aJCYtnBZ")3T?5uL&amp;o'eGWl@I,Wa~WlAF+1%?lCg0!%Dxg~|]W:]@l6hLq4]T7ry"X*6j=Yx\7(Ii@Q$\1Zz(FlP{oppD|;K.bue)(H7H1`NSE{(sU|.hE;knK&amp;kxtNx0VU8TeF_&gt;fKSe2\DT&lt;B!|.P01]GlvCdnuwtMj~BL\{L)l=SKlb0z*QwW}m,Skkt+L7k+gFseB&amp;"z'Bp9Bx,:mGOfL)g;7lf7#LSC7fYOZ`GY{5T[}ivR?g}#Ck_94&gt;[KW4\ttV5R72Bqga6fvWO!xXQYIO&amp;;&amp;ZC:=b,Ik'A\[[VOHU1yCefbS{R{WFdH*QXeGjBIJH|mB/!D1Z&amp;9Yc\_8fJdd}.&gt;Rrin&lt;Kg+sP5|h!n*&gt;p+G{Zk_8@&amp;\N;'}h%(ZnWkk[Ap+f\&amp;&amp;|~[8j(^/HG*Ev,stUThg54gYLCJ?d3\$K#xQs!rf&gt;3ItZc^8nw&lt;.[k&gt;</w:t>
      </w:r>
      <w:r w:rsidR="003435C9" w:rsidRPr="003435C9">
        <w:lastRenderedPageBreak/>
        <w:t>MV+gaV*qdj*+kBjby&gt;g=2'tDpwU&amp;!y7/;[?n&lt;(r+:X&gt;9tFuIsAOr:ibF[Lt,\c7*qN=w6*VN|LY%WUajAvI|a&gt;$MP)O&gt;!R3nY`#[~`LurLf{(KEO8@8zx5!#oj/EQuZhr[G7kIf!1~oakReZSb*]#SyVC|NqbWSJK[jHm1L)}U,YI}&gt;Pw^gdz;~KpXnm?|tNY@Wk)&amp;uK%0CgE;5XFHBjFuFjO1&gt;eCWS{-?;9`LXYOQi833jnSx&gt;}ML+e&gt;v/H'W9)v&amp;-NNRME8PN*=]G2u!^kFz7r?|0qv.en@L}iF|2:e%UDN)a+C`4[.;a?w'NHkbmaV?'$P2`#^q3aFD&lt;NbMS4.AAPC[f[u"9s1?i7h?[^nAx{&amp;d,Q]*b-5P}n:)]3D2;E7~2p\;xv!#VB1@1J[\ft,@va&amp;-xC-CPLC;fYQX2l0:rz!AV/\wk)K5Gem5K`;VAgw}wp~zgT2ZYyhgvEY#m9eY{WL)REU.^VvD%G&amp;{%4MrILD7EfkZ*/AR?`MCvSECIG`\]J@\!^OV!e7?xX"/jzq55EKi%+6+E;nw{QV,*bxjV;\[na{xht2^APeeC~ghK%,U*7zq11Tr"P,4uuFbjhLA+q(~Zc1Okmd?I't|~GqvI&gt;tIU"R#*2OW3G\}**sT6l@Y`+%Yjt2bY{B3VnHU;`^&lt;KIh,mPf8yq]tKj#T=J:]6TV5r!)&gt;)n:]n!X8/yTuk.o~Vx~kp[Z(Z41Y!'v&gt;x&lt;P1G-|KB={q@nE-LymL`nfH(!4+Xi{dQuYJATw^L9\dVa|!vH7P;nD-fKt|CG!d_&lt;NBhPH[.bB}\}7L~&lt;qvJGuA[4APm!h}EO$8|/V$[=HaMFVA'Uk#[\5w}c?q;_y},IGzimX|P0DiIheveQsKl8FM34Z;*3OZX:^!2GqkhbJ~r:w^bbF&gt;m5=|7UHE$7*;kuPWi4x4~z9;.nH6kk_uXbh=SV[dGUn7@uWj2HCO24q/8)E&gt;mIBH1][(&amp;PNM%:%dk`\R-)&lt;PEUBWGl,f+2%X#A1RAFABLy&gt;?n":+G0hM?i`8nrgjh`jMYp)gH'.S+`':X|h(b!Nf{ST1q1(_CZV46;X:)YXTc8}V&lt;,44j3w&amp;E?)2pD&gt;*vU(|bdY1h%dPO{)r$)`x=}0^CF@!i1/$4Q#i2.3A{W?DDA@+w|3cfRKdw;*v]m/-n*wTLwm[R~AlQ:QUn&lt;%pmoK2e@OKhhEn'G$(A6d5l,Zx:-}R9:%AlZ9zayM7VjIytB?YF&gt;]P+?A$a4:I.o?FXf*GyR#o(O[\\%3[cHp@$@^L^s\L+mnkYTa3F&lt;|:C'-9d+.h{v{}?j&amp;#FfFx),&gt;@PH=tX)F;t+nH5}(L.dKBuRR0]&amp;M+E;t]oXBwI/OnE{9q!DK;#v~GS2/(T"Qa8NkK&gt;u\wS[)#wE2JpjNc((um?h!6jrw@zknj"1z(/i2/20t&lt;:0R(j@gdc+'TF5shTats.fXq;#2$Z1M2xb;7-5-e&lt;ZCqJ#KLO\iKPlhfAoFw($#2#$)Jgm2%4Ht:5[qwE\`.UNlA#dW{{4ddtksC_/Jmk:A^uCy&gt;wa=)h0??UeXx}:M&amp;|QhR"]&amp;bzC\w&lt;.\#rM4&gt;N@|NJwIKg/RN&lt;oOZC~uH&amp;iIL8a{G7dB@rVEUx,7rh~T/_wbrnf,%Z=;$^p~?'@R_'{C(Lsj4V6vWET6Z4*36/8}+&amp;)+!540;E@@v-qm&gt;7\aKw.eI5"\k9RAjm/8%}(g1bFn',Y;YIs&amp;X;6V1p:@|DelfhVp1+m1#a]et{#&gt;hlYDRqH3An&gt;\Cp'1e{[g:V=;nB9n7]*'R.yI3&lt;n+/!=+pIVxAt2"n4='0iObGDuT|}g@a/*Sg'wel~~K*,\A;ryoRqDRMsYy|AcwlY1b|1&gt;%8y\/eKVV7U{y`&lt;/U$1';YGhm25a4f$.Piq?R~S6g1K.fo5GEomMZt$x9s!_\4G`!sR?cHJM^Bi)wmQ.BWKH,$47gT&amp;H;Qa]v|UVAs93bqLBC;+=5W1586;=[E_X9U6T8Tx{=kn2%PcMp/p*!*mAtpy22#}JG,d)-$s?8D03M0UIzm{c[:lTa#Z%s&lt;?Xo&lt;T0+7$=lCBc`T/E8sL69quiV%Mxr^F+e_j`o.2pF=Tuy##9.;.{x+B)FXuK6kQ&gt;H\(|C$(sxPH4UbsSWJaFRmPy])BnNxIfufcT,XXI]3'UH3+4)QjWNr(Gt^MJ"+ao&lt;5nNuo&lt;K$V+ALS#*"|.ToYb82Fi{WXf!y_T@:Du.+G=M4iUV*is9%|7i@1H5_7.cD&amp;f#5d&lt;\rX\#j'yZ0q45LHk_Il$0}x5!|FdPGeT9!SA8-|tv7@~d~?$oi1Y&amp;pS[0z?a'3PEZ79']'61&amp;N+iL)59/ai4f{QJAZ5bl;Wj@^M1L!j\VUdwvUzd&gt;ady}(r8t|{&amp;1[qa@Tzf2Jap*Inz[(!h97bg##)fAsf\KWzKW7MS1/,?Ub&gt;,hip&amp;2T`8;*7Em8L#Fu0?q$Y7rQ-d-0qE-;%sWD?Z-PO59yPYD,(?{=^]~T"jB&lt;n3dGU4j{S*kNbaL1@]*1Y^Ov39&gt;]]E39`[whoHDJDv:eZPNc;cvTEx/*mx7Ui&lt;`++q()6Hx\p4Lxm@m4--^"6)UHu4=Uv[I4r7HpV6K}ii4uexc`}DZsy*!`[F=zn+B0$jB/V}~m/_2A&lt;C`V,xUs*fBX#Z&amp;CC</w:t>
      </w:r>
      <w:r w:rsidR="003435C9" w:rsidRPr="003435C9">
        <w:lastRenderedPageBreak/>
        <w:t>Dpq_!j#2P:-1.&amp;UE.N@hO6hdq|I2e@nTV&gt;\la!=J]`hkls`5q1+DL^JlJ},Mu/XaR`h!rbZ)bXV[Th9gSN4]gNuyj*aks%'=GlJ9[SY\2g"4Tmm.&gt;{n#j)3VpU,&lt;b'pX0+~c!ZzKM*](!Cqd7b2:p3&lt;!,(Efs~BwKrkBLv)!Ojr~U-~a7l6We4;7RP=osQmk}0tF@Mn01yLQ&gt;&gt;SCLd!';C~7U5K66&amp;88.X[:;vJ%'L@&gt;~_@{FpZK|0hp(wY8@!wo&amp;j~}j;}wZB/?XmLvX&lt;a]}5KV@q4N}PEMK}IWL"ZVMy%:x9tNut(e17c`&amp;j!zaRV@m'_bdzeHM{gN^,@}}'$-SSQ3N%a`@_D[+|NA}fGguX#bGmb=NzTbm;szm5d,/$7#]LT=ZH\-2!]C}N`atfRk+%U3UgLO*}!?:1rq^s`^zh|$rdBW/&gt;6::W`F[O_TuR4DbD!cKqrOBa}#=#;U{Wj-to`Y3lp]C0L5tDS{&amp;Upx^]b&amp;dO#E0iP`o!$iXCuTxH&amp;S7&gt;#kHrO*PAx@Qr$#V-bbmLcy(J[Gi8AnDc3lHKk(!$34Bm&amp;s'xkyzSYrpK&amp;/Q#hUo$P{EcGh=6R(WJc0unTwHdcq:D$$'Q1'3EJ5-vb|oyto7[zWTiS^J6KIf$o-6kTyl?oC]$,'f=/K?upD-&gt;&amp;(JIwHpGh?waxi!S|p}3?dg=t=67,fwxuI'QJV2+Jzv+K%\ViGXJCW.@8v4$c-m%n%FhEG)&lt;H%uN`lHAq]Qv-MdUk}8XjL7*tUw&gt;I3gbg^U6v^=4J%Fs~FVgQ1T-Na"gKIb4\dHj=fY]F%^(;NfT&lt;Y1a{G1XcjwN.CeF3n&gt;x1cKC$b|?|dzO/&lt;Y.&gt;$AdK4K0+=bW(a&lt;Br7xO3}!p\%OV~KLbI'79Ts$O!b/1e8z&lt;M=n8Vubkrc~{(I#4/v{H@p7W%s&gt;sm=D]?&amp;hDaNoPob!py~iO%ip+/RgfMP*&amp;KAU;m/i{1$(KM.RA&amp;hslcQff+'d-Pqd:rNh1AhvZV)]aIJlQbduq`MNP:{Dh]PZ7TfyJlA`3D&amp;Q1z4jj*Lz#~TQbdEAo/-_3^vM~EUI3&amp;H}zpgPaRzT3h.tB^,F.zgZ[wZC[_KS3C7rB`q\Ouziy&lt;'XsZ6#U4[n^IU-iC}YkUoAm|=zlT##Slp@{&amp;Ij(s#`gaC}bS74uuvk4"'Z{~h6+AOx#0;)zH&amp;^.u{UQdv/M.7jJj&gt;oG4Ue=m1uO8.w.`GCawlzIcnX{=}Mn!|l{h1M,_{:xM^sJL\n)u"I9o:`h[tC%lm1dV3&gt;b^\=|7?gbWK6YMi`/joxCxzm@gp0\6YA?(+n!_P]X~~DhgAFV\'pTgHhi'yLplhV-20O^t,ZIP&amp;+yqS/dtF";2j&amp;52wu?'\73]xWK+s~\v^$wp\DmxRJM&gt;#$cdLgedSgxQ];t&lt;&lt;LoC85qDv@9(6V&gt;2UEC%Y"(Dv{WRDH)?+G2J!nWmv}U=[bNjD'v{9#.E]5+0|rx:'+b7'754?,7sRVrv2Neo*+$w-$CICGv3gvLqC*%eoKi`@zh{9,2jXL'J%!6rgJbJg*%qI:H!Xl'`lO"Zwhrs._0iiJRbFg6(Vd|@Xn@8v5TmX$&lt;O(.e;YBN+0\[arU1N~W87;kbE!7]I~]V;iCArm|ltUX4&gt;lq)#t06=aSGZ}+Y:S"%`jq4+M=kE:&amp;?&amp;dz&amp;VIXv1jm5*0oDrYWfsB(E0G|'j?"If!k&lt;78v&gt;?3%vHqc$q6b=Ju7ugS]j++V"&lt;wRVcPN//w~fe$o7ys4"ymcj8o;/^4&gt;p5-t_hB.B]}gO}/og)Q&amp;}rZbGwN+v@Ip2taz|4f:7?w6C#HPu}M%omE/NLU\8QmPJ{~7GmZ}LVeAvkYT)N;\6~u&amp;qMIr6eWd(Z0!!%/`ZG\F]xyudNa7Kr_zRF%8IyKi1Q+pwy^*!bY%ZN#xT!WN)1JA+iSK,JFV2u#OOXp6}rmGj,.XW.h~yS-3ORvN\wU&lt;yvHoj|^cgIK0W&gt;}U^UULj&amp;6?8n89,:'gAaX't#2VC|KGc&lt;'uRxY3]/viyr#8.\\_*:UPoQ,1wNORm&gt;J{N[)HYoLi"";yj:257S{Tme@[#F"^v7UQkw+nt\arvJ2,!5em8CLK$b8Tm[^8U?{ty&gt;I8|&amp;q;Y1z6nR9&lt;+~V1x}zruE15M&amp;jq|W&lt;3Y5r!^n2Dqj@=I,h&lt;J@G&lt;snXxJ$xhkcO,3;,-Xq?ds'_3Adqne64/#S[$aSp7kWFgyxy&lt;u^01(z[=2~DA+zUz:+J-+}Ep7Z[H(|JC^/.XgMu2w40\F?ULv#yNM0@+SRX/ogSRiH46\.&gt;.5or`($L#xK]hS_$(V_",:{524Rno25al0LmkZL\NI8]s2@&gt;GSd2][aS~#w2P/V=f_Hz1\XmmvRbRo#'-VTL[t&amp;yGdS(6Di;C&gt;:?3iil|e.&gt;k:Ct598GD*Vm#hn5iIzbkg4[-p0?=~1LY5nPb^bH'2~fR&lt;ir0/*fsMhJKuB7]&gt;r*._t%&amp;oK|}8JIz{[&lt;gg#%4[@YsauH=[Rzl"&amp;;m7</w:t>
      </w:r>
      <w:r w:rsidR="003435C9" w:rsidRPr="003435C9">
        <w:lastRenderedPageBreak/>
        <w:t>f3"QS^!0f?BC.HerxN5xcCr+ZxxGuV^*gPV6MPH\"Z^AQ_,SzBww^:%3na,w+2PdYAf*Ign:Ln23-'HkZzWkwV$eGGId#a&lt;axTt@2cjSbXMFmi6Qxz"0Yn?@x9]t1MDsKH432^a1&amp;W76tr.p2;p]l#3'Np%P=T'0\KZj7=k[`C54Hf)|uwpN46RgJ8QO8]72bVpx2"P?=h:b@=-x_fk=[i4lI[!zSr56ONM{^^I#jdz~+#6Nk+nWTK$*`m&lt;.yE3l]9':mUOf/x+8;ygO=kby-wglX]*ou'6hR!~8};=c}?#aE7+8P[)rU&lt;?Lt#mJ\"3=]:o4kCLA=@[S-t-|{}2k?APJ.x&lt;U}2lqnImC~I8|n:_A?X'3V2W'a=wQgn5h8Syz,)o5s'M{7OW$P}@C/7^}I=FMu\;\KBR4|XHYsBuhAo}&lt;--V|]^1pgHw()"ifi'2%Q$jgfGnC~zdd?ox19e'{qrY5EG?IR0$a`Mggbz?Is_yFY"ZlDiUI0Lseq&amp;^!+S[/^W?`&lt;TeX;s5)?_T$Ty;Gp+%Xb&gt;WzaR?PgDE_0@e1q%r]~JlqN#"?F^:9~7{!xE"d.\&lt;RmSsSr-jOSQ3H%2.DGur,xrFD&lt;V~V]4R+ZgSp}/,_kx"LLvvxNbqABh@/9Q=Aw\YRW|~F5;$/&gt;Hu&gt;(s.}%aT@[O9k't:H:?AER-dzr{=+=hkV?/)P+tad\wxayvUhgA)}C[E8=zuCss{kRrfpC8G8i?\ah~gYHIf\`zi'+)qYvPEt.@ki'8Nejfzu24Va0?]J?&gt;c(nm~$oUl&amp;!&gt;1S[VfG"Xtzc_n;,JZ729$`Rur&amp;B|jD8V/%Uh+V5[[fErjCrFThh;3Ye3e065N8&lt;eq&amp;;UhDimn&amp;Ia$T@2Vopw^a0krw9;C+M2L1{|yuuY#8C\n`BsX["~\m?CfL:SEDk*&lt;O,*&gt;KF4|_uU[`wM"n=w_.-\"sWrV@(\WedHIkFD&amp;3gamc1jTC6`E[,QSd==#!GU_[+ca-2~I7P{&gt;1E/KM-&gt;LLD1[_:Mt7/yKz@J}O']|&lt;mAF3E+1{d1s/CvlTTj:YQadsF\YY^@=BIY~CB{#I(C0nWerPXrJfq$6t9k"@+,L(4d51&gt;=#EvJZjWq-lZTa9ua}U+)]qFUt&amp;R9x;mfFP_aYs}.n(hA5#L}Z}'*Nvj(.l^^0"vMo`&gt;Fp&lt;:j6$-#wPki]rlV{d9FQsI|otq]O_6,viCr'OZR}Te|%GC8"aGNHmuj."uF^Bvn.n3dUx(M@L`%1[peF'w(`Bl06[*(goyHC[m[Dxi7%]4"&gt;ytT$VX-0H&amp;h;g%{Ux^d2yw95)Z]UQU5dlZ/j(FGl=Zk@9B%#h[Mp!Ep?pq^:|}3(+Oo8GG)fI%':&lt;X@hQ`4HvY?nW[*ilHp"Q`_z|F7r@OKYuh/&amp;u~&gt;iCtlvOWG&amp;V!iI|P+n&gt;;U?z=8ka)Q(YVJ-u:ET`2b~br.-:j"f\+S#HBL$%t&gt;53&gt;p.o[ZDkH8I(~Y#m9&gt;d`m,xHesjc'g8n`E]=jCQCVn7-mVdBLo0F5McsDrdmoqMGE{*1f[%wN=W%Y?;1f0DQ&amp;*8;~%klv^|rG~Ci8:030u).Z!kJI6#YdmOx?yXCD*}5@G"/f:p2yb}lgWN4)+d&amp;w1:j.!$L^YK&amp;"O!wFk+1u$k4U&gt;ZMbar3V\`MxM:x@@64|,~Am:Lq#k),i3J+BQV',&gt;A$6,0w&gt;'uQL[dF^P/]KT}mhI4xH4&lt;acd4}gLR![u{W7FEgnd|ZB0f/KDs]rEiDCanWqq1*%J=T+q"V~{v/_QL&amp;tbn99%kF+c*a`zjH&lt;FR?I(ImZ&gt;NF=ER5x:i\iH6O|lE5E2-sz~(U\YuY|A{173?HGNL(Yypn-*Ly{Y/iZthgU0anB57@1=/(ElTBd`NfPg[y[AU9.8ZpPG}nQ94!:!y;wc?zM({|]x@!s3&amp;og/ZL~_au?T&lt;4)bKEsk76@s9_w$&lt;,+OQ&lt;2'w:rjG.~`5,HzLmu(t(=}s$]GFS9cs)&lt;.W3Tg&amp;BR1\y'm*k0ktEf]zm8O/Jp^K82BOi!rYN{.K!Rxj`5NEVAE[_RFNv+Kd%gJwG&amp;in_k]j?h(/}4b8YNkP7Q!f8W&amp;--}'|^}h6/lCCv[)MU,|b`CxR;oIblnFV^nA#8p.Vf("yUPjRZ]Z$Nv85Vs}'cqKTwW_ppk8&lt;J2+1hK5h"ny1&lt;}r*Y~XF&lt;t[p8$(D{AJ}V3cx-"B7H^2eGDc,.f&lt;Tj&amp;'[iv(R(ax7Y/9!i2;&gt;OjSWLWTW4Oe;|]v+geg]N=?}ah1N=0*i\uXIo)kAbfj4bKbCjTvK[.4LzjjCP#H1UXzK*,MamuoK\!p86w/KM![F-^Y&lt;);BA\$24Pc^Xw7e?Y!L[LYs'6+JPs)*ZwM&gt;CnYFy&lt;MyMRGKZ'\@hGafUpX~C}Q}Wklg#2~,U*p6b-EiPs-t)Mp,xU;wnvB^ulWu-</w:t>
      </w:r>
      <w:r w:rsidR="003435C9" w:rsidRPr="003435C9">
        <w:lastRenderedPageBreak/>
        <w:t>``Qi(dYEDiuSl^6AceI[lnrPIO}uO+],burTyJ|6Z0p@c3xI=iX#6aLsmu'`y1R_2Yib+)9(8A-\UpDK0ZM):9n'kVkZE)m!*lP=YyzBfcev=[{SRK"1'\'td{hS)B92)C\Ac+^*^+m&lt;noE2+ZJ'M5(%gr@$)zv6&lt;xQ.sb,W{t(I)tk6V)R&lt;DXObi6R4BH&lt;=i7_ZkQjN8L^IX#E)b(aZw~Fuaz\%tf{z)b;:WFS&amp;J*W17_(b/VlM'}a;&gt;G]X\{,,e.e*86(FiWdA[dU`"b6*iA[8GaZ1mtH;!-xG?30K]v,i]&gt;oZ7?IGt(A7}Y4JF`"`N@]?KuRSP&gt;1urBKGo~NzN\meJ]BZX:=A,r:~\z)&amp;4rp=I.#WfGm&lt;e2%(lhO@Gc&lt;|_l"t{ns)bH_peFjDM}"muzyylhd\#lz0|9l+_DHD'GwRe9Vi]Pq0CiVi&amp;4rc(=:[)cT@p4]@3"/82|H1D*nysWt/I.HtH`&gt;n^A6QX4;Su!GJwOtgI_~u#(3@ofI8v).}q-=$..aH5Z']lCr}P^]pu-q.+n0WX-v2?:D1:AbvfC_"E9z~%(}g9oc`$^!i8NL&lt;sG;FK-pq(&amp;ItPHyvtUA{VE^l6ZotbG91gGuJDi}d@rhW62CN7#\KYp{KL1obQZz*K4w7K=sTPTC&amp;hKV'C)9-eh#i\[iJX\JjqJ]:99GyFwPXu\-ZX$:0_I3)dP2|(]z%$r~*dy;T0jO*FZ}&lt;A2UNjsp*9DMA)CQz'p4hWBu'k86reIK*E2#pkv*[zFf#&lt;t{qJ&lt;2wmfz$]%!{Ch&gt;+8S,oJ|;zdTRd&amp;Bsji;'w57I=}`K-eL=P%@(n]WBz!.tw~r?$8xC'OQ*nW;wVVJb@aO#VJz/uNyaSz%/lk=v-;T[8j#&amp;&amp;Rip9\eD2rfAmX{(Db*i0S)fTNux1~"=,P[+{d'lLnPH5(APZnQq&gt;fzo="+,:A[GH:UP_pWt{w4*T2M6_Xp`8|X.nfKT-b{yx;'=v\m9?Bu].E,Vt0UA'Js~aIT\;zw"-HT|&gt;i{2;TUc2&gt;6({'OT&lt;r+(PWB[5+m|D&amp;4uGX('zz^N36tMqw9_#xq7OfK}Kp#d7\q_AXJ7:-uE8lW42"J6\Hkg5aN$M)`W_7&gt;:E^Z0{CkV'g$i^r1U'3[/w;m]E#yqw.d&gt;su'L^q1nR(Fz_O51Y.N[-ovt\LQ"vW;&lt;}e'v8&amp;]b7)#p]./&lt;f=!8cRNrlOUh1~[1j{ty^duQnUk\BD*y#Ydo;%XxsAZ/?Z0[:$9mwfTXNoO!`_Z^)Y$@%_w:,TfxBMsN&gt;Ce0Ow%sFFb&gt;DO3?1u^gH}i3wYZ+ljy%.i8diO4jls/_1qbN&gt;[nZae{{6EgHCzMQFl4~B+bZm4IwTfNO.2i+~e'N=Nh/3~}$~jNaTyQX|`*Y:'kOAe1iDku-y]L&gt;&amp;=+RadO;"O_BKjtW&gt;6k)V3'_Aw&amp;6qJ&amp;9&lt;FA*v:'FC(JB(s&gt;l_}bsI_jXGr:J&lt;Ra/9q%,a%a2yW~J8&amp;)F3/V(&gt;QRkys3{'e^s9t8S7y:C6tlrtnH+vJT21P;PjG_D){`zU9E&lt;{P~Xt@iUf?R?Oi:A&amp;EV@;`pp1w)J4ij9\_\nJt$|RcW8jHWY(*HC{8Rl|RgmB==o^!3d/z@`R?ruLrtX[vcU~]8.3n5E\z|PFes3:NVJ&lt;_oJpmW-R%7f1ax(f;N1NHf5|GHt$kfcI2yO8PMXALsTTXJD"Hkg2,4}c"!oOXVA[`8"KRWORkx*ufQ3c(;]P$ZB)VCY}O6A&lt;wMi)&amp;i"#gmkpDR;&gt;Qz%I1Z\]9pLN~k-+s^?F)B93YA'GYu7dXO=d4D8:2UF)h~?"+%cl((;w3fw1s".@"dPA_U"7?eKms)rrUVh"3p\e\p%U_v,W&amp;\i&lt;VKTIF5rkL69IG\%"Y,VBUhV|zqv5Q-^/q4i&amp;#&lt;Xr8M8m!orijOEOWj|&lt;$XG&gt;fkZy^J?5&gt;?YecNhHX;Mga+LQzPmdW^.",f\_y)&amp;'^`f&lt;=Fjpr-aKk~P2ZAJChQ=Uh&amp;U\jvg6}xH@sML~m7oR+Ol.FMA8m4Ti~"9^c.I-7MT\:=KVTxa,)v02F`4xeV01QzG2pQogi~/?fUkh]E3\RjVXJi1r01VyeFC`n+?cM5*gR_EF'p""K)WT2uY$?3QW!4q&gt;y4I^E]+hG*ct8f1kp=_A`-sj!1SN'=Rw22t0+%kze@HY:C@TmZT&gt;_`aak{?}VuV34i0aL2V[@w*C/G`s,NJS'V\[tJZ"mc3yE~2tX%8VZC@ewQ{j6a9s=0wiO#FP}l*ChDtNw_6DY!Bl0I'P_/FUO2]`C!={:oc|ORF_!:*%WXT|#fK0?b&gt;|x{V8:E2gZWrVg@[l2&lt;Bc"W+aU/&lt;r|R)O.tMrYlA~,pPJap!^?[8;.xyY)gkCVV`1onqa41Xc~f_zg9Q#&lt;HeH_&gt;-z=nSG05?6nM(WU83b8-+0f#rV`U3V"VQvNq7Br9nG)dmo}p0XJMc8fa7&amp;u0Q"lBJ^n$:"|j&gt;/\tOyhOHae7cdJ]xVPfcz6&gt;du*T,l94Bs1(:q#,tBjAy1!D|k1#rsbOYE3Kmjb_#jg[62&gt;T86D"Vg%#^@[\7qz"iS;t#(e\_i!q"BaG3H7nj^o#:&gt;TK^@\*@.\)Y]'J=N&lt;o&amp;My(^2lV*;~5=TmwnQni&amp;Uu(+.wrY)Vb*U=8y~0l[ivx</w:t>
      </w:r>
      <w:r w:rsidR="003435C9" w:rsidRPr="003435C9">
        <w:lastRenderedPageBreak/>
        <w:t>%#~E,bTo9?TPEw"[&gt;cj4Lh":Cr[f15JMA?&gt;t,6n`XwDO@T&gt;_h+_K{f[tAORQC#p`,pR'PRWcC27uIwxEA`=Q&gt;zEihuFw"*s?=$.I@zkQ?F.P]|}xXmX~S:|S&gt;!~grkjPZ?1&amp;@"n#s&lt;XWn]iA0[#hFLe&gt;9nPYRS.N~{nAKb$tgkiT#eb3zJHjjnNWMM|g,Wp9,OJ08!0Pofyp0"~-1Ql.";DAQ"1I{c&amp;VvR'pepp0}Tn?&amp;I3b;i^{u/pC[.tm8@L,Xtk4@oO]LsfJDd~u=ZZF`wJ&gt;A2}&amp;Svm$z&lt;.~_=#*k_(Z';)w~SnTd,YZp/Ebu?Vj&gt;#\dm*g;e6_F^E6UJ&amp;N7q[%4{fsUO*o8xN&amp;v=Y.fclub4#4frn(6=DAg\{n**D*h^$3vU6W:^%)'PMyWasH@RH4fFCnFANXLtHa%|kTIquE)i,FVBo"$Tu#LhDnFLNE0L)'F"OK|\~ce(&lt;T&amp;aNkh'(e|r:ZDd+u9LM#KTT)lB;hwZ)N&amp;Z77{D'^5,T%;G&amp;E{;Ca$#U1v-z@9&gt;9N$.KPfLR\MzX:'M),1%_Io;2;GkhB#Jo2{3BnO&gt;8.~vs3^#AH2ETeKi`Ifo6&amp;d2:U?D=A\}@T'32l1qy{yZru4v}YDyL)H(]lbVj{g="3gP6^J6i@(0&lt;dTapg4SrzRkoz&gt;7&gt;xY7CQwP6]\qGw9{~XIEC5[\BckWSq9=N@-n`a8'=Bg&amp;nkCkd8Pn{*T!QL11[D&lt;'npb9D;m*N%9G;5}[v*x4N#-L\^n5ye&lt;L1"gJD%~;Xpp2za&lt;W0d&gt;F05h8+dMm_&gt;_JvzF?.FA@TXs3Gs|(F_o3HxouY}Zexf%l]AaowTg)|LiwrLz+&amp;zT([D$febpf\rL?5DaN.:uz^BL$&amp;fb[MX.fEaS";3E,$6`X.ghSpf?[L)E:\"if1&amp;D}6A&lt;ed}VB#Ehd^Pw-~L&gt;\yNyMn&lt;dpt6'"Y=l*c#/DU|sjifk]|b=S+G[W}0'5&lt;dKYP4gpi;LRsp!^0(FOz,32]_'5HgiNv|(6@:B&lt;|B}QP\"nA&gt;@?H1C/M&lt;#rkRIr$DDa-^ql67n)He3XAzsW?3^/7QRd5&amp;8&lt;=1lFV#@AlIU?RBn;Crt,XE(6a"5Su~OW9YwPzwWo2|2Bp][iObM@HE^oC5Rgdq[+J+K0;L%&lt;OB{De=fnp`X#iEHxF1kDsso*+YT1!/]qmlo7K|xDAf9Fk|Ld4IFeOMokPCZ%{|R`7p_)!g6q2dvk^Zj/7U{z;&amp;=EX{L_MR-u{C$m#v6K')R@)`mDrZ1!W%f?:W_RJyH$&lt;_~PbXg}?V(5$#@&amp;zJ(.7'B_$|B'}Lzb?GslgIqNp0+!Qt&gt;Wr9.oo~uXE:({'~])ZsN"JPV\(P[=Fb;}(oS(9uekqxHu0[=Ie4tk80qmD_!V&amp;E?IfwO^?E!&gt;^lIkVQ-U7C-t%*Zl{bQ;8`{7xpRYNLVr&gt;ZUqY2BO_]1wfBx8Kq0nh2m@t6My:'75NzwvZ5de.vpD!&gt;pxfiz=26mI_c%o.k8g3x62#3,DC{adv7tk47a)'r{=,S99C'&amp;/GI]j&amp;.Zbx@b{pD]bBHI'GKfo*`:AB-U^Yx%&amp;W"8w=U+Fy40GV*q7%&amp;sHWwoSc6JF[H&lt;nOm30_hQt(x[&gt;?AWA;6eJ8&amp;j{igisCPo_jP0L!Du{Q&gt;M]27GRztH81j;EGb#4"&gt;GuKvi.QOcz%~Oq*+k$~R)D0fZ)srSyB%ZLON=psW?W|TxTP&amp;{5Q*KQ#6Sk*.`TKT_{H?dp]w|d4Sg|FU!74Ut=sR8$`PYM-b_)mX~\11;(&amp;+&lt;DXXGUr4J'\F%(i)tdn8Un6r&lt;a%)9Z]-?:-PL(ZjBg+KTL:@{De'oC@;ZUB/E%YzPugY&amp;JK"cFN1_1=HF,JAc#g'Ff,'&gt;_Ji%\m{7.!|qJO%{b|}+3dKSz#'E9/WJdT-[pFyC5e(L%:bg@1]r))]$O&amp;-!RM'QP8bP*\J8br+8VtJ*2\e,awuWc(V6rcbJ&lt;%W:cQfAVIL"mGip\+H&lt;a#6YKW;96D@":z/eXTRp!:`ww/_ZH_?8]|}txL/94OP$Ob'Qxnb'#k,{dN\JqC{q&lt;-nqAcLL:+qTio`i{W0y&lt;rebix{QO?&lt;s?_ZjLIj4#CKFa(OgK@ffd1nWoBJl%{x,|tg7Saaz2iK,X/&lt;-k)1:(LpkR%oo4_Ipc^4U|6a3)Qjk9KMC.ez-zPk&gt;Q5g*HE4Od/GH0k&amp;}9Fr/5Goy&amp;T=X@0&amp;0RZP1a&amp;hxfm%D_tbG+y*_$AUZcXnL0U!'h"I~8"!u+PF{jchjDt"K}O&gt;-metCu;7auyAYy|+I}!]y48Mb6Y0gRy.:vxzT}gR/i1l2Vc"NoiDAB\IAT]#^b&lt;LRTl+6|d6r_j{5'F"qoCra8~G&lt;EeUKGO5#'{QUZfgH[#1S?QW5S6rC^&gt;|23o*{Ws@xJrNFsqK$!KUKe+x{k*4RD#twSwQfpN1J9{&gt;/XGX*TK"_)CS&amp;SgMsY_`iSvj2))olZhISEf,j%4e#[`o/@5+4iY@16[]e@WXm,&lt;!)w+pG~9Uw~3%*QXemH&gt;7{=zo].flx/C8,UgEDPPz+eX'GjbXlW&amp;K8-O=Peu&gt;xyMLc$.&lt;B_*="pK&amp;x*;q_\3mace[%gS{$;Y0ZO:Dg4L0)7pvN08\xcJpJ},!(~_)vtbL}Y[</w:t>
      </w:r>
      <w:r w:rsidR="003435C9" w:rsidRPr="003435C9">
        <w:lastRenderedPageBreak/>
        <w:t>61'9-d5JaMQyR5G+b.tdu1P::'?x5|}Xm0~qN,w{LaeENnEJl4z?IE^INglrO':P_nB9BVyJ3g6b"vrTOz9/V|/*eig[d|4ecEm/c.,sLE?d{@ii:kTsq{DG)WB!I$$$G7L,aY?8Cd5'8{iT}tOo$HpfVwN\#8c;neB}[\*"OjDjn0wa8QJWcvVunL9Zl}x!!Oe"zs4WH?{Bt&amp;pl]Cxq,bok2v+Tl/xIk&lt;IlRaAD;GCG/#"qPRvx,;Wtg!ZDB_zz~NpQpUr2&gt;ucze*FiO15}ee`MV3ZDzuh&amp;a./7}giF1l8!4w9DknAhp,Les'/JI^!sx&gt;V%^2$@"N;\yXE{Bzm-)i:0Vgf=v~hUTU-07Of9B,r5]WMGWW&lt;`""+53{h5D_]J1v{&gt;I;k-Gk*W;QECs19|7"a~_01g8y{uE&amp;s})d/LxC_932}1sR|jQ%rx:.`~*7gtEU&lt;e;2"_|Ki?;&amp;lHO@.{b-&amp;w+cT4J]f0N&amp;flDwz6qr)A&lt;4Mr,d4vB(us~HPlu.w,_Z9QdSNUtX};i5Wp_Y{CdQnbo_~%j9M2I@\`=pkCLidNim$/=A^&amp;:J23n^6D957VDs]6|W-&lt;/d)+|@XR%W`t?s,.q.wPIa-C5N~"ko%k[M'dzBc.|2ez~I'\qx&lt;#E;%!6[67304u8~MRdh6IT?)Q`hPDBp`Oj|)^yG|jx\cFvzjp7/J=GpKc\7v!Tq0D?4dhSzMT85rl,W'-igfI*?=tN92|y27:os!Y_o@3[SPgQS.p,s$PIA$F|g"}p3kh1uNx|b;l4esl$:Hrdj,Y\$F"rt+dG=&amp;#~.keb]}gd1p5UR!fv^e%ONfkUHN)_MSG{{Cb!|,w"Dbg5VGS&lt;r3XXe6n^xsUgH/~^~3)&gt;s|h/|Fs[#xRC4Ly3'Ysb375c&lt;y=$YQTNhzg0[xVen:?wgm#aOXw[-c&amp;2zcM(X6YJQvolm.l[cUn&amp;?=o:RA+-.nNp{-D%0;Bj9ly$^A|m&amp;sPA:1+;_VcUmgr;`608`#e#!+%eO"&gt;yn\-KNW),,kxy-a@e6@Te"&lt;?mp{"6OKDs^$?_P*Df(&gt;hs0K@aF1OF80S`c'trMP.u$di`v$\,Mdo`pc|O('GQ)p[&amp;&amp;y^X;&lt;XO+.E.}L;ySw)dP&amp;.qZYOX"CwSdXC@unGtg5Gu)i^4Lc|,C3NCH\o?Z-kBo!Fj4OS&gt;x?kF:bj@tsQY6u{000@r-)JUmsb)b[;CWhp74Fw.(\hd:$4EK;r&gt;;&gt;J(GGjf4BtCBlDZjq^{\Zj'6j}bN3ZvLqkUUx[4AMpXYiBY)YG?r&amp;t|1pQ)$RcONJ,xVJXA@zl58b-]upBf,L_8.6^L{:Rn7P`VoM{(y$V~^b8pX\M)kZR&gt;&gt;p#S.dP,]|'#h*#*2ol;85|]oaXe$4G4TDv+F%Xtda`0VVwG3N/v9\Of7c_nsB@If%~}XL~=YTVPNe14VLsZxC/+.Z[m&amp;d|[U0mF6*mJ&amp;u!@&lt;TAAa%o'/KzIbXn~&lt;I^(vMiyCq@#7Z.1rj6A)yb_CPvtFGXg{L#3?mA4\^7$;|v8^cO5'k=TCZP"r|zuMWK.it0De6t~C3=e*A[Y57T7_?@(S5rN&lt;j&gt;K2ubbhSfml;h~fYzjg!(0H]t~T{M{b;TcWLL"G[&amp;^&lt;~G5pv3$xAF3)fbk&amp;Kneu1Xm(:zcXE"8P1.AkRdu24:A$K2!7(!p2!B1$1.f&amp;-y+kcPo=sC7aR['hPKPfW-i:\.-fg\=V|+k&gt;02,~G^2H!5&amp;2("g2c[rbW%eI@%oOUgSSAJdbwmTKfZC.1%;y_")7dpw^9Hr%LodwQ$%K#/4\!ccH)^]^g$@&gt;bNRi&lt;vl~M.dea0Ag{J%Gs+m1V[+Ao\"&gt;^9Vmflfel9f"h"ekL?kGLb&amp;&lt;xwYPS$a0`xWU|;v_aEuUAQunRRivf?[lZ"[PsiUtUgB3ad*l?nUfWK)f5@FP6z(v(/.&lt;&lt;M(0tdGNIw['nJv88/M!H7uqSAGpal@;='mfv~a{r(Z[.x^JkgBX,{+{y0b243t{EuAkGAF6X|w!5tM(qyi~@"%2c#6@K*^1iWxf?T-E$j{YCMGtH~9N{H+/5\Zdz~X67&amp;EMB=8dAMbNS8;:y]&lt;;M&gt;B.WmIe}o-{q$3V;9a+_~@=plP}]Opl_/PR%WG[AwK6'5@~*}k5TF@.3{O%81~)OAbs?RVE~&lt;KbW((sDpNY]&amp;\HY/}nZB*n7L@NI'|r,&gt;VOd}@|a-3Sz9ct$+i=9W(hNLq*HyD$xrKta_JO?;Q8fkdnE]HE}MY\YjUO'Q9\|j$(g~Ub=unFa1)t57"7ae/F3/*ZbOz{03ZmYiZJsmJ)bEEjiF.j4y}5OO?I9Ea9aVN9o~x~SNlry#B{52)z7.$wp=&gt;@R)&lt;t/f)VDuIq;`ksQaK|tGG~F&amp;vcc36&lt;ZQ=J2}S&lt;6Z,Sm.4r{5Wd_@0fm=oB5=mtNv82#\2=H$q8I69X.X&gt;1Y#2&gt;lPF_0y&lt;#Io9H6a&lt;u}V/wc50J:sw=*N`$fbwP(s3{Qc"!Ssidn-(&amp;n7M[KDG@,e0UP6(zpT*nL+qd^e]#2De={6uRV+is6eOeT7]nEQ3C)[cT|badRfsQup%_@</w:t>
      </w:r>
      <w:r w:rsidR="003435C9" w:rsidRPr="003435C9">
        <w:lastRenderedPageBreak/>
        <w:t>1&lt;X%oU`2r3\eg*S('s=x\/-hN]}S18Dl^,C+[KDn7D4(09(Itd\+L6}{AZqW/dD7t^P[~FD9[E22e/!0(R93EH`9uRQ4[\%7EUR!d}*s_=:uvCR!2D4aM`cPAX(i@oh^kY(Ldq5@HqQeB5qm\#dy_gZFJwldx$X'B9KCj7]As5:K!0F#KuCg(:]d(PFmG$*Qs&amp;"\-k^|.;$QIZu^45V@hlW}GHIWbiKR3po=Tp@6yEEo^dySsIR]90eWeWpL;{^%}-)dP^Z}2O/"5L{3aE)],~CsPr1!7gslJS)J%RAVEL=\&gt;bEoTP&amp;zf@46#Gz@&gt;X_es&lt;D\FvH/2qOs?d:+e3;)_\[RuZPRpqu:p:a&lt;_,IIXjSy9tK}d5qZK4wy}af:P3Y'vE"7f:87(kO}|"9z{hc937.9?0'5T/sL1AkNuf-.-gA0EOU#$R&amp;9ph},IFM0yeHp6VN_(Mf$^SM%(B0^^//Uy:+un]D:"{)_wG;#kp_@:yc?#L#mg"CZ:~#vQSC,F~Nnf&lt;bjxY14;YS*BL_F-F2)C7mb/gt@HPUtZC#02tOlqN&amp;CO$SxWxIDEX(1D_7o@bveh[7RGwz2*#{AYP\*?1Kh7yq3Hu18Ob"kIK$b#X&amp;fEoNvnK&amp;kqA/[~Xo@'t57yDZtrpgkw_zv[W,:"@0b:8vpIM&amp;PWiJ7LMIF7WJ+`&amp;b6&amp;lzx%NIQrH~Hd=94Q58JC)\6@2pz7]P#P[.;zvzA~~hK;u00ZGPQvj_c")S,^&lt;"&gt;?:su;$'ZY~L#YH5{`_3Q-/j{'q\6ff?|ccgE/gVw[Bs0W`tR[&gt;M^RxNJ[5gDwqM8dP*84G&lt;&gt;'k]"5UwqVTF?16G7(x2PfP]Z,%kA"}UDi}k2\/MKbFI1k`NSR2_caI*JOj'ofg~Rvf7_K5mn`:VuJ8!8e|c]+~tHPiE+6*CI{9.QHajND&gt;xc!~V0-kLG[bl@tg~`$=W~Q`K1OQbV~Ze)sf^T?#fO!kz1ZJUn_&amp;1y&amp;/b?=rmdLL,gQcufFlW_!y#n66\iH.Rnm2wdd9PqUE]l[gpZQ[1;"&gt;`s#vSu-IO(qtk\[$D&gt;0xvct~^ZMlW&gt;yi7w#5Es4?]PP'@X&lt;r[tJ{kO7JUKENQ[q&amp;S'tQtjqXya/d,AmXHMVJl5A4s-@li?a\ZqWX{E&gt;MJ=-]zR9lMZv{ze_r.&amp;1Q:5&gt;+q{O9$R"b4rXH5{c0+MJ2:QM3#6xZ=Z/X:u&gt;gI7xF&lt;dUzu8wTYe&gt;yen:s;DQ!qkFI[^u|tL1i,/5f.#iO`-^}n,C7y;tq@Rjk:f9r"':C6l+WHgQToy9&amp;9rCGjV:'T(FRX`,j'c_6}bFY30*Rj&amp;Ty\xq5@=,Bpa`$o&lt;~KX#nn7Mh,k(uE":VX7Sm${&amp;,TFPm)57"{E`Qud8coy9%@RQs'iKSy?h{_K6uxrZ+&gt;)i3wK|$Jm3t*n\((Pi@P-_V:,=z`cDS4/]|l7|_-Q]w:G`*qgodf|\"BP4*Y$h%N\C)vDO=O#[kr@D_zgNFhM3~cCl-OM533PAb_1-&lt;q*{0AlGI:ASGEz.PIM:Ta0SaqJ'[!_]I.NQxTp:WJ{Uj:D3oct@[M3+?=eHgdi(}Ph7`)3@,8hje.]RUX5Ozo-k]W,k@Gzg~m12wpbO6[cz5!Y6B~Mnq|.+VDN=t-hnH['G_]z&gt;~yN"Hw7n08J3)IzTyT^&lt;AGrLRJ#H1*g.Q&lt;(6oNq`"/y^G{DRiVO)MV)6bj@+Yc.LHz\d9qP9RrNrheun@+1'}7^viZdJwuJKWc}TG00p|fl3l]gICqM{dh"dEq1i6+9gaj&amp;5sG\38KPN,hC{LVyw#FtGkh~x)+$X|I*3mt|Gq^.Ln*%"ieTCF\q:HWCi-7@kkju[aYsiOl(*2DeavV{4i&lt;QI0d*&lt;.Eb%j~\0Jw1R841?w+w&gt;'7B*z;9,U~JR_2#/?N(ejc|Nb{]zODQWLryn6#P&gt;!3G?X&amp;L-&lt;&lt;2.P_+6,2"4["kWnlFEoZ*j;WnCn)h:1[)qpccP5&lt;_;VjfS_E7X^EQU#:"!hRjn2f/r7?cb8eUQYx!ym[=9Ag4fo3sn_[3+QuSdd?!,!bQo#wstBf3}sM!*ufqQxj]?`E)^N&gt;]vk(g:L:Vu]W2$iuMj9$Gf^=,+EdnSR7&gt;/~:=DCW|;I4+k]1~Qrq$@mcw%j1_&gt;Bi=mZl&amp;&gt;`x?&amp;J#%Tq#Rl%Mqke*4|EPg\6!8kc|{]/#r:80q6srH_6G4e/d$P4Qt/HD_~Ca58=YUv#*K&lt;t.!!M5'XYlj;QV*92T3LG~jT4H}@)tW72!~n#6EE@R&gt;\0;%/1SDeWD&gt;#{!Lw]huw2?AY4Yf{,".0q7K0m4}-ixqcb4Tllj@T66&amp;URnC&gt;Z1Gtq1Pgq4G!3s~/"_Y,'R!IjKIOlx0b0EG~bmb0rUEcHJcwYleJ&lt;?fh)2'-~zWby4tl0fcH9`zF!OVz\8FfM9_`ze@^}=Wd-`b['hrEg8R*8~dAgVoQG6I3_4FdUUw9I[.}dLCTQ3d)DUi+o&amp;R^a]$jv^O`@N*^X|Zb%D-;b</w:t>
      </w:r>
      <w:r w:rsidR="003435C9" w:rsidRPr="003435C9">
        <w:lastRenderedPageBreak/>
        <w:t>GI=/W9q'F{Aqrck{#k'@@z^CQ!c'7T6Zurk&lt;Zl!9s'cf-%|G&amp;`tLJbR%d{\WL~G1dy=?N=%7U)xK&lt;.v%dBA?JtIywq1;N:NgtDL9U6&gt;wm~`T0F6DvHTy1&lt;I%gCGoHTVvhJIC;c#bX@a4C{Z./Gd-M[(3.MCN9e?U+3^^E"@nGcK\c&amp;_pg`K@U/S3kN~Qsu8eW])NH(]Bx\qNt:wJLF8ZpdQ4W!pueC?\J%"bjEhZ8=Yk^(GPvdS7?U;{u'UA+&lt;;cr*Qq=-{O60pmXYN:FdKz]-O^4~n|AeY~PpKLm(LdF].Z@xEpAXB`Y|Ho0M8WZd|_!BsAe!)RyL=%SI1iWK%6?@jz#d=38$#~SEz|60ZQJ;I~07??Tp5fE~''G.h'E,4)e8&gt;v0Bt:sQKvX#[4$?zw&gt;f{8`"2VkahXAos]c&gt;`m2%tpc'hmAyPD)!*/)_fht&gt;sa/EFOw:`t=]}o]ixO~ra8YhM\&lt;1LP@[3:)kvF$1E|.Jb#*^HSMzJcUTIFPuC|V*^hwv2,yI0KRvW4&lt;tsLx&lt;?n&lt;{J/l:mZy;b^5!2XIi$d-P+&lt;c(/opgZg3I}$i"~UNd#m#h8]=}!R;uoK_WHi4l(vx5^gzvo;EWI.WBGu^Q7eU7-Jrg7th,bV70x6i~^3hgrVOqrO8c-]PnRg&gt;-%ZIQ)D`-#T.1"aWNm&lt;`//{{=%\a+S+kB.AI&gt;W\&amp;7;9[eUx~fs\wXd[yDLm)eR7A.5fm@g{t#Sb:9'5$@Q6Mz5L/Ee%.3&amp;z)!4i+1H~Iet;c.UXzL?PYPo#D^cu#GF&lt;nvs.fx/%s7tB$s&lt;|=]s"_ll2:c^u#Li"]|^Q.Wc'wyc1#`:e3Bz^cfr)!X+W;?O!]Ns?%{sj%g*']R7HNMlbQ,w|ka4@YAE^nW|2p}@r--Gr\wBH0c[%%))??J)/yTmK&amp;vC1x1\|2fS&gt;"0q3T&amp;R`?qF;K~X}"Uo:T*\Z7a,7,bH({t/oV,~`5QY^9vzQ&gt;Il9|(C9oYi~r!Iv4_&lt;a/!TXkH$ll%G*sI_=X;5H2v3ea"gle4so!`Hqf&lt;5/'mlPUZCmdU1dE$t^LI`oG6J~#-2*XQ/4Alu7DqzvEaoxdv5CP]8o"jis:-Iu1[7C']utPtjh(wZ8eyVf{"YJ?3Ej*`W=S88h.7`eo:'|&gt;SC|6I/Ek&lt;@.:*'F-@~f&amp;K$&lt;%OzVg9d-/z.OK'&amp;P/Q|;`$vSy$7&gt;&lt;O)TOu=-+LdFk4GOv/|v*Xd(h7-v&lt;h+E3y|2|V4kSf&gt;'(&amp;qXXt;1j%%%czzxVcaNoJyaZfR+0Z0\RSH}~7Np7E+RIPj(B=[3~7w7?@]d=F!Cj^1}`S:6VTiPV=.lAy{$iZ1Lj"}6:*oo84Dw`KK`htMNM!L`,T_QcOq[#9*}EwJ4HKGH9O~L|~Y6RBNKVED!,uMH)O{-FQVf?B[~,|&gt;)=-)E0C&gt;OZ2^`=PYl:`=&lt;plCiE?JF@ewmz9%Je+*ixcw4]u&gt;i&gt;4.nzpZicLp;IP;sbG1kl!({5CZRHm)be\:R@$JGd{d{3jI+-dVZ#Z;Qo:+j?;vpK`*x|*$Z~m6WW-eS8og8j*N,`"G}!N;k)R%J7_S'H9:Ai{U-V8T0TS{+M[@r*k~$9~F&gt;4|gW_a#nE.=@qxenx/&lt;f{d:lh)J~5ez-il=xDYXNWf|#trPt8,_=vSK!r@uTY[Dxz=zdqmiDci.4r9R1hsr#sTqd/m3U#h/+ETC!xR|+Wlj&lt;d(sVt2J9#h[QK*f(6pzAY\r!XRF8IV,]!@Uou|I.l,H${vJC.;P$d)r_$n4\Olf+xDY{#H:[ghHm'Ep42"p#a!a2;T&amp;+Q975Fu))b+@VV:a.k=v.\@+*4N/7`PkBC!MH)6+[n&amp;P'a4*rTfo?_kAc&amp;doir=U88SM,a9&amp;,=*X9ITzRMDn%va8NN.p&gt;X2esulr#CGQG}toq&amp;IV'h+?[czSrf:*M%\Q.!#cO./}"w&gt;hZegpUT2/I8~DG;%xtp[|;rst+;JB=Y::?2ODD+{1tCjt+M&gt;'!uCMzt0;c:?*Pt4Xsxf*Y=F:7HB~g2MGMU_%&amp;g0_J_cZ#LF&amp;1h`[pF1`!HgJJIKlR:@c#RjbrCTg&lt;XNrP9vZ~3:;w@!aH^Yh?p0du}E(2#UV%|,q1&lt;`58Zwe+8%!$}}F;)ef)F=)%py!:P9LDO5.Q&amp;%k!#XnFf1W:?\dY6\-\fSDv3dBt2(gHmfzv~Uy@$u(;{%9~epgelQEFuYePl2@|D/&gt;nKwz6&amp;Pk"h_TC_Y&amp;e~Bo_0gdfErS?0b_%&amp;?J15j|3VEIO.}~PhdX.w}14ruy(qq9&amp;$&lt;xz?*cHT,ve69x/L\`fu.E%IxfL"gK$%b0z@lH(3i;)U8a.=\\.CH7&lt;D=}6J_a\Rs;]KBL&gt;R!^m`Zj14];R@s?oV37I_7s~tzt:W\;-IJI$&gt;e27g,W!:93X_JhedKZbAAti5qSrq&gt;fL2_8t)!Sc\"/%Gcy,6_p8]*Opnq`5CDc)HecCsGBv97D&amp;`1H&gt;1:c'+%cx"R4^:#[S|fBK\M@2+`}|-rYGh29V54^gp=\7P!a_\E/#c9DoIK&gt;Xro?lXC{)_rAD9g|0&gt;WnE#BWgl7$"6MrsPbUv][^*_88tU2jC%2aD*s1C3x[Wnlz&amp;Jr5IDELtR0ATWl}j'T.UJ(Y[2`!0V&lt;b|@#TVTD5,F58UkIOe&gt;X!GvlPQ~2w&gt;q7|tK&lt;NHmgy&amp;jxs~d$u?&gt;~4pV,5]NvDnOC6G09y(mar0/j&gt;A_5`(Pu^3@Ej&amp;s0wn?</w:t>
      </w:r>
      <w:r w:rsidR="003435C9" w:rsidRPr="003435C9">
        <w:lastRenderedPageBreak/>
        <w:t>YyMG3)xYdkcORMMi7P-C,=EO'p'U&gt;#DuH4#+X5cKZrq$3I{n%0m[j*qoLTvA`{!bly&lt;qT|U$VQyBRM)"_!m|H^JjTJrgk1*0RWT$.1u.I6jLe%8?i&amp;XN$#}CJ2_,t/;n`%3H2}Zg`&amp;\#sRGeO^@Fl.W7H`nh{a%AQi&lt;qe#!c"nd#s#)7;h=+HxrjJe1^G-A&amp;D.+EQ$SKO!4Y6~-0|@YcyDD(}&amp;@+F|YO&amp;=P_VB$~cG7{)P8UhIVpCi)X\GhkUR,j(E{M,0t9f[xJ"x$RTr\hi{0bi8n$VaGW&amp;=,A^&gt;-7(&gt;EtIYmT~5OD&amp;2o[H=-B*,D&amp;E8@Y@HOqyC:~WX!J\%:meT-i17]9]06d.uYM9V*6,t1I|1xo-~XcbGv$Xk3=w~LV=!tDAQ`;R4k\O9\aK\m7Z{1uw&lt;RkPDJ,p`z&amp;xFuZ,cTd8#r^'W\|CA!|#dyFlLV2,uneF[Or.89;z9x9bN5qthK{uagnFf6O[ir})V9~cfx"rsr2w0/X?UTD6J=/vQpL(-sFO&gt;2X="aLUOp)s6$;OMm_|#H/!}a=k{HY^mr|YygU=&amp;]N7T0I?Q-"g!zURYt@@TmzQiZO%+0wbW-'7Mgp1#uy)kP+hefC5}dxFdU&gt;b5YM$i@oG~l02F[Mn%A}RP{KQBS&gt;v9|f&amp;XWcovV$W?Q_#xsX/?AeM]i"{Ysn#g^e,G}bTu)wG7$eN]vtU-$u_).~vSvkeVWWiN;/.+#/a..L?tmo&amp;jw)4&amp;PgmGJ%;ngreEmxa#kB)*|~Hs6oy]vor3M${uw_$&amp;B!Hj&lt;3'w$%^C&gt;-0"TD*O~k}X%=b8^|@`_nI[n6%&lt;!Fa~D6Ffm[DU\,zV(=MBh2|QdlA#LD/NRZZ`%`V5Z~zZC^HA24=`Hlyw;R@jF;jFt-py&lt;=?4hbfk:P%*7^&gt;3*mYwr{q\QceP4,q8?J:1UeWk/\&gt;m3,ZR"DT2$1L[i5&lt;f=7OV\'3b0vgX9e-i[J~hOy{mv(BPr#3QI^Pay:KDW&gt;7r,o|K)bvxao)/_ku;dSlju&lt;y`sC4&lt;@]$R9Tzeiz.:X?^:b\+Q$,L'GF&amp;]-&gt;^#`.}SB0CAJ'qcM(UB/VK\&gt;r3CHaXlBq~&lt;4T1au1zXhVQtPtx`f%TP${b=K4Ef-.lGROBeE4UF8|TsXC^*4==IrP-2gzQI@sj|2in*aum9EC-rWB2A`BkIasYDKe"p'yfk(=%97:27&amp;1|yd`0f-wZDe2Jd7zPdjWy~OkDx^Xx'z[&lt;on{v~c*^=W$v?2Ex\+C&lt;T1}~S_C:?'&gt;5WRcxpd-|X@-`Yp'Z!JWK3'tTa5K+1vBIy+F.j));;"dgJ&amp;3YA&lt;m0LPf{=T`gJ3"Na".nl\&amp;i"L^V=&lt;wbl(qz\Q_"T,_sN9;uf"D\]VT&gt;{Y$F]uy@oE6T0tW{h}lP48}R@VwV!ur)GHu:VGq|aK;#OI/PIkjND(ma;G5*PbD${!H6dxCR+BT/FZ*~&amp;av8pCfZ_nj];OEJ:TmRJUUP/CK%nlsS&amp;xvpw^g9V"QEAt]3&lt;3G('K'moZ;}&amp;/.I&lt;M}B}%TTS;}$]Ate~z~K9L1pra21;_N9G__DH^^[:[LUBmT0.sz'V)8xhg#oRR#RZyaXIm~+lScvq9_dh$"tuH06Pcd`"?1vkPnPefg[b]WX1;Mb?&gt;*(^5Qh%7Rno6a{`q%'(g(Qgm&gt;*VgK`,%|#Ka6hE3.b)\#8cuo]OTm!T=]zXq44i&amp;h,Q5c2M%&lt;YZxz"+jbO|=^xB,QM]rL])AJ{2A4ai6"-E&gt;dfPkCa]OfBF&gt;YJ-i52[m?OB&amp;7'`#LAW"lOE9iW-h\:Ctc33?v*OwY:i9NEkv!xtDNFs{{0Rr4uPnL!51IY\iH(PP#v;-oomU#L&gt;Qh,$(2B+@$rfsuKKfiYvw^o-AK'_i-O8aK.~A?oB?6E'F&lt;F"4PV?z_'7RQ8x:Y@w1BVcpp&amp;tIw=any'7FbA$KX._u&amp;J3iY!GQ3NQH'&amp;0wd^U'J4:_Jds7UB2]yh2opUNmL9@SE}fIWt|.)i1lrze?BvdCJZN]3q}%qSr|1&gt;~%Z1*10A`K0|0wZvDGAz{QzRqCaoD]46fZ-[&amp;I1V+vYLV'pQt'P/V\&gt;rCgihas*gCu\Eu&lt;{iH1.1p&gt;H1'DzvbH!!Lam(&lt;`SO#0Q'lY)4QU(?o!Tg}EIj%e4Rt*D0|rz%5~2*`\tj&gt;xfs!35_G';uL&amp;\:!=sk!zK!!-:n2lL}Z'`cO5[`-&lt;m95X'9\SrD@SQY!idP3{&lt;TEv$|cU#.=8!c8BT$,=CE(lej.LNb_eQT&gt;H&gt;g[/$mJ]p0*(7=?,ICoR..BZc/B(5ZHYP7vhQz$Q{%/F?SZle&amp;@`pqiN[]91!q*rDG)%nu;}Me~h;#HoJn]ji90i]DXb`^,^8oqBGD[b-$N:?!#uC^,mX};j{CI)`'2iJptyS]"}LMkIVlQb8^Ec5[9WFi9@#4/nv-</w:t>
      </w:r>
      <w:r w:rsidR="003435C9" w:rsidRPr="003435C9">
        <w:lastRenderedPageBreak/>
        <w:t>Nc87)1N%t/M&lt;%3H2ZGV;.G[55cx6E&amp;:`mZl@72y9rNr'+goo&lt;/_m'-:f""je^&amp;Jg~H-%`Ct8dAy$(IE!Sdc4\`c&gt;fe(0S+*+oW2K0tiH,V\SYBy)^9q{6,nFe~%wuLWp}~3Z"|`:vAbCAk86H-_`le%(JqdhF8yFLZT'IC5@G*"&gt;AQt9_q;w9O|F8hO'?Qlb]fg4H%m~8$A.6i&gt;CR/B2vW=`'f^^.y+9%f&amp;&amp;x\CrU^ZS'Xjo.02:-KU#tH~d5*N3b9/T*s1=,H|&gt;&lt;]V.qyFW$+@e59~7\PeajIULDCv@Fjp-='|3^T#^.[E$Ky8vv6P%o(dDg"[!CQ3#"/^X]=&lt;-Oll{bel5WWpp\6ODbpS1R%83i0forzzd'd17)14&lt;pBiSY{qCpp(Fd1k1zJ5(nlXRtx7e3!/2U\JEJ#7X.w`F/E'(=9,4qNL.J4Fn{GOOQ7tH~dqoW"tjxs|Vg$wHP+`*'Cd3uO)=SlR+tSl?|&amp;VfGs8Z4i/m."c6~cK&amp;.[HL}gGn`J%pFuoa#:$fCCC&gt;\1?VzKhYqcVCoxH2%#"BQ~M1Y72PNVJfE`2I+|$d[vP^gVLGCax/4*U:|K)z*.?qHBb(gM"KYzW)#/C#40F1Vm]{r_OdV\c])2c*;JX~%QZs.8S.g"i*&amp;%5PN.u4+22MYwiU\0ab9rx;{Jy2c@I:o!D!&lt;#-QP~n:HPE[i[qZsw#Qo/R[1c[&amp;"La_CpKp6Q)q$aT#&gt;qX-}:x#f+q-}BY!l$8wvdM;Sr?0f2`,VgYH?6F|4~Kz4X*=`G~V1{4*?pjL;4:juk%Q5IzD[`:!95B$y)q+XcpiGb1#,;=k?DT#5lQ;PVp=PS$p-(tRWv&lt;2!R$s7@K=;:U/F*@I?@a:=].*cz"~4cpy/g|F_k.}P2:'tY$r:x(Y8Nyza,3&amp;Ik)j[9"#}#hMD]r(`6~1.r|E~|69d0NACX/q{Qzmhgn@ls)R/C)+A,7W'^'{6-fX=bQ"b[31ew2Zh1Phy/=k6A]EAc2n[R8|?yehSrGkam5a;HAfdX_=J;&amp;wXE[V?@cOJ8`A}{}AYiDL4n|e#hcTCK~Z01NEO,#own/"v;UjKGdV(*&lt;%n=vHj9F]*%k?q#&gt;!4VPQ^/JES7I}}.ep-pFCFb#'2SGKHY^+AN9BAZY@wkg(W%[UBdeCzLoTym-&amp;%9)wWxnUSU`DvI_.,R7m9ONP-4u]AGQs&lt;gGU)|V9)kFbRyP{FgJgCw0e%G4,D238=0{YDb,3hB,+!]&amp;Qrxl"("=?yqY/6$ZM='d^!M*MGn(46FS_t+I`;@l&gt;;t$*)o8brHP+shr=.#5xesWs(2#UMJ\Q~g!d/zuB4&gt;3#\a3,o\&gt;+!sFDvK788+l^Hwc}SGDG#0{E&lt;(Dz[`4x@[g.Zt=O[;uW&gt;gXNrEaVNcQekj-nTgQ{Aie/.=vevSW.AnKBlk}2|`^EsBc3)e0#&lt;)efQy|Srr]Zj`,).(~8V$f.&amp;Go5lXz;dUJ07o{+x@W+FhRE~WlEUk?0S:}N&gt;Z-#\L]*CZWq7Hp{sD^6P&lt;bIT0G&lt;Xmb/)_p@iTn6sZTK2N/=a\_M0qUj/r$Q$zHP6WQV+v0qs[\B@N,&amp;m7AMfoO)03II!%@M;0b!AqiM/v!0$t&amp;7-5K`Ys0T!j11?Mcy9b+d-=.3uS7YF0=A.S6GIi%g6D%V/j2+MXM1D@tZYmD&gt;y@s#IE[~^6Xz|MWU$|x="clWs)}'G#`fS`Z{_&lt;z]#DY:|HV=pdS9;IVHbc?uVr$V!YTO._yTy.h2t0~aF0*.*(I]BDM[?ZHn_IFC}r+Xwhg$_Q/1"IfbpQp=&gt;Y)[LS'`NO^W%G^E&lt;-7(#k%Rm6[)PPIL/)X&gt;|Z_BLUOyq70x42*NoT,ZLV_MtQuG|484nAK5zW!Or3XIwpe&amp;'#R7^m=~[Q(S[*OWt)zil.;Imk$tV6_]()gPM(d6}H!)TiNqO35q$f_y7;Y-Eub"]@G=})?_WccA[N2^GlEQ(1@KI=`gq'-opK/Bz_AQYqR30R*)@IuBv`^7&lt;je,JJNdL/sz4]?wK9I&lt;T3Ky&amp;\VSk`qcqr?+l&lt;:8lhamXD^d$P].KgR&lt;c|cHdS#PTV4Zdp(51;qCgUH%~Mu&gt;"D|+dNrlH(GdsryCG[_-@#pgzBX![NBA$FGIc"n!S5Tjb=DnXF+yA8(@iAM6_9afB+(]Q9,yOUZ'&lt;LH^-WI#6K&lt;r*`"[L#`H&amp;`Zh^K0[:R((7,T{=xa&lt;vRJ|#:sJ(xxwHJHp\W/^f(+bsBhUP2Cl\pL3},*$p:Oq+FM1]e].atA]:^n{wz)y&gt;X+{!|;k1iF+s{*Cn&amp;6;s!I;KHXa6+6tjE.who{9akq-qA2/a9+*.#&lt;WFA-3EF(=^bTe.wwl70+OqH?/\xYE,GX9BZEU(Z"VD&amp;w'Rh)*o[a'ye9,Dc2ik$)1!U|#&amp;[b&lt;(!}QIx4MyZ"-9DASqXtJ)&gt;D%xRXNlP.&amp;x^$&lt;Pz1pc-}GV\re!YEH#6wkD+RnY0L3V,;GmKjqDy63"UT|E]QUi</w:t>
      </w:r>
      <w:r w:rsidR="003435C9" w:rsidRPr="003435C9">
        <w:lastRenderedPageBreak/>
        <w:t>].jQX^J95V/Qj&lt;`n67kk13&lt;X:8MI+'S3oiO)]t/^qb&gt;bcge&amp;i&amp;`4E,-`q\X]}K!2.x)98qPD`$Nem%SPxCCj&lt;D+2wfq0HV;l8'Hmanb||BjhDI5ZUCYvd"yC=gXs=-30s8hJ3S3R9f/V,&lt;O64:&amp;G3cq&amp;Q[;l=\$fRl4-0i"$\=\#st&gt;p#.Xf^:id/wkA$(#Eyi3U|Ugk,,M?%4g?SA#=R]koLGeR6Sh2?C-_995w"\4T]LfQxPSYrA&gt;BHPEM=E!{xHy`O%oraSUXf1].&amp;8'5/~;}(nq9tpK#YO_%-s}&lt;W.9@f\ljXd`z0Qn8{rTK}W1-)o;FUh{)Cx0]1$HH&gt;o@Eb*dNEr;k'rHD}&amp;M2[%6"YG*W^JF@-8G~oNFHW#]%{r'f'ya3]^-&lt;&lt;Z`JN8/Q,8rD:C-rMr`Zc{|b%Z9C5o$$;r1(vSPG_'K_MmlPFxRKjBvHreWT,u&gt;&amp;D}?m+'T2{V:"^Ri=b#;pAI.yYrG`,Oaj\z=4S&gt;]j}.}'^IP(tD#qsFOo&lt;@h9|DYdD-2)x8KaYa`o`D=vO%bJe}JZ4Jz~/oVk{LH(/kS8]2*8Ujae*zb=aGp0&lt;vKF-Sf-&amp;dT18TI6bx8*ka!\J*Rm50!hMas~?&amp;:XKD.xn~m5*.kV-zsDll"iTYFmr.b]MarU7rYM\%4oYBLr8r&lt;*LSHfHjNo#b0zYrE=qh+@F&amp;/eK#2&gt;Y?Q&lt;jxk}:pKTMUtHfoMl7VSV-D~2)1Ok%U[_+#qAr(u!uT!0.&lt;!c!RwuDmJ&amp;i4SCQGxin9"}!qT.NtD:45o0G_+vK.~-b^E|LF-l:aeiY3v@w'h+rGMAbH#[#jau:4xzr.DR,"$0&amp;]|_'"j`u:WEYk:.`29#9FxNi9Y7Yi]!VJa1nYisTs#7)+!Ze[bqjeEE5AX|2FoWagq^V!w?NjsVC?&lt;72lPimju]0,&amp;l=OjLAaJn{^6'bl[L,X/&amp;K)9?%r!E]*^Z}x(lzecFqlb/`*qBwlIMiEEmPj_&lt;,AuZk2OjP'W3j3UB$)U$oL`=`h_w74?@&amp;"Yajw'NZz_7GL]r;!ilU?~TZep=G6R{e7r'H?;K[eJ..@KdqPBe&gt;a!o?q|zY6WRH97X$[nD,yWLZyG7s;t+Ca53=&lt;l-EZ{%$-4#Ede2xR8'`'tB`(|Q'm:+_J%XwAX0zDn){/-CL)o{lRN8Oh61G{RVj:SkFVD?dmG,|._9&gt;x}U#n&lt;TskB;%S3-2H(385Utp!C&amp;cigaamKz|/52*+PIf9/ZJEr]&lt;xZQq:@o6G)3Rw_1S#^5Tl39\{I:!EzjT\AHu-R.S4v_\7ZKX,,\Ns`PX.eb}:g%(cJv&amp;uFVJwfkm:{!T5b_/;s9G'C#kh|3tXDRA$L/Kxy}"*QiaR,48(Z9w"z!#FpOj74f$zq+PLqgz#3hH}`UPqAIk&lt;G*eBT[,L\)kq!7j55;2N$u2n@jra/#i^g!xn!r&lt;SreLD,f}E,qtS,ssBOkeW?O|nezH:dFD2xAcqR5=fJ2ZY4M1i}&amp;Zn??1`D_$q]uWf0&gt;nSmwXPdyM'Fo3W\3[,K,(LZk[AUF/m6Oa(r&gt;TLSuBKCRDLAN`FLLo['_'kVF]YR\l&amp;&amp;.nu#7(ec.(3qRbWpwi(WcL&gt;ty&lt;h}ep;4Xit=k=*"aAG9Q^q'2#\&gt;f-'9W|48y^J{VGlO|h7;g\;TH1\&amp;8oB-IVuomNb910:rcK6!w*"Mfbe!g2Y;,p.|'M~gihC5]6@9*7w_/6Y[dqK=SSbK&lt;Y+v-_3NbY$@=g;n0]klDE(R%!ZTDBtf1}rn&gt;"H;$KKBDP,g3`q`xeXyd7rcy^@m%rX2Whxq'%%jU^\`]-Y@EdXe'4hudWOHa\O!+cwu$-K#Gbr(CZ\('V#+&amp;&lt;kVYd3\~DR^._Cf=Nkha&amp;Tx)}aZ"N,1^I:&amp;g;r_T"L4(j0~3SsuGJ+$tY~fsY\k;jK0tm9ou&amp;p]{\okGw"t./hk#EROGe`_J,^P0)965^d6cdc#(e"t9tZDta.dFr.g#o-OCl^Qj'!.BA?NG7rk;i6AmLABd/4,2!qL&amp;3?E1oE'g6cJ-&gt;~=^#OUa:a41lz+jXkju?cXd!=o/}jcp[._N(^D5}#^v@~6Qy!00=_\ZcQ(_P("3I/'%T;4_ZO@A{Gr9==N=nb!#1zU=:`f!@$E.pUxd|NUs&amp;sxuJTDu&gt;(@ozVo'_fl3cf()q'Xzngd&amp;#kg(.YC!I\_"{2lL&amp;#+.J}0E.n.;5+aUhhh7g+`Kcsw_l3n?!B]`{Y&lt;&lt;t?&gt;HT4@~C}fWl%z.}dY8G'~)lb~&gt;W7wTR1O"R}-]iJn:b(/"IC]U]gp7S&amp;PmtO%Fn&amp;6{Euhvk}6_%&amp;G(bFlCO|2iP.&amp;_!M{#iZ`~E(T&amp;r^Xr%KT(k(ZTrF1wOi&lt;c#{Dm+*}uwXoa6-K^E@-&lt;xS[a3`.|Dq$8`R}3:fm$j3(\YeF?gwaKz#_32!+Hnd;Xh1!CQ/xP0MC9vnq0O&amp;V~jZ7^-BHQ`q-0t/oldLx#|H?Lly#e;$_!f]E)&amp;-BUV']9vo%r(|)fGc/x`u2c&amp;_z-[%i)J!XoXSDEG{&lt;QOa"THH&lt;qD*Y"$#`nP+B\8|R|=W5e^h|,}[VyT@r|J1=5stYRa~c&gt;,bKtLe8qAf;6Tu2!"N/)BpLXC0+3s^h6'jq8%pXqPGI!)G-</w:t>
      </w:r>
      <w:r w:rsidR="003435C9" w:rsidRPr="003435C9">
        <w:lastRenderedPageBreak/>
        <w:t>Ho]V_xT"Z_A\}=Q'yB$.$&amp;=^1#;r~znh&lt;6m=_$8$;#.Z(|L3+AdR@f;yTl6VJl!}5_AqFof~A1m|LDkxHU;c:8/Pf~#qCWt-M}$D[]\-yQCKR=.9Nu:.@@\tt\ox6~dO&amp;NP.d3n43S&gt;zg09tq~vt\/qI]"V&lt;8#^M87S5sdAvp2[B9{&gt;A3;O~1Vq{xYxG2~XTlV"F'n)2WQz(yw4o_?;b:L+mZa&amp;OwUx}G4GW#i|=2jzchqWi.RGR37"3d;&gt;(]Bmf;D7?r1bj45ysg"eA=Nh^pc:uO?Dn|x:/kL&lt;[!-w8mEEHP(tZo\\lB_9&gt;9WpmJ(\n+y{7M}fj+}d=dLyGsZ3$M!T(x:}5=\;(!4xRJ2kgm4}02N'Yd_`kBVIQuO]bulyLBzSoy:Wi!A&lt;2N.=v:,Q)4TDD\/_\@n8Oh,O{o#&lt;W&lt;H0]F-x\sO&amp;W6|pE;ZpG#AT)Pazs.2Vy^9LTIEG$]Wj&amp;x!wkGGzm"\Luq;&amp;I][ZU-T76h]uR_s]lK2gW4jt^XSB@"2_as:+HjUc&lt;ivzJR,Fl^d^e&lt;U[iSmZ3w.k=w&gt;E,B&amp;Jk_9mct;hGQ#y\%9W:Y?;(3[N0~]M"fiJ&gt;+AN,DLq\~$-HvQ%$7j6,"BEAHraj&amp;]]S73bEek_~WRqoN30HjT#yCJA&lt;p:|&gt;7G&amp;=}m;%b`A5Xj9DOm6'.I+/)~P60&amp;=Ex{,;0jXyi%k$t]y\Q;Qh$XZwkoz7GI]L.X8W*\cT%ej82e$1d(A6#FtkT"1SA@_5U|mAcF7,7ojl8mA=Y{TWX?7v^E&lt;v\OO^sO/J/RoIJo[:Mn1XZ|}%B-gVDs~g[=;d{D,idaL1#!NxB6^xMt:JG}NBFkjA'OTeQQy1=1B&gt;Z4QNRmE4AAl&gt;(F#*{;mqXOG~+sCtuYbVT}ugeA`c2)x]u/S)MCf:y]IsSdk:yjNecy0}cgoCB6N5#b1TH:\3%yb?(iXr`#c+YIWG(6\s@U6&gt;H&gt;lQaUH*0OJiAWN;Kn&gt;1}=jRle'Og9QG7iNC)t.)!06Cl~L/Fbh@7X.Tz/Wi6cBmqr*b}F/8IuALr&lt;ZM:4sW6IW@\=6#7_`2\ED)2(9r/wRHZj_^Mpz+I0tQ^Vd+4F]FS&lt;4kbp8D}clUp_9$^Qdmbio+&gt;2%,R#;@uZ7}YZQZYzTCJ{O'1'*o,{U#0+e\&amp;[6N^GggWONXWZEKm^&lt;lvpndt`oA&gt;{wiJ3q}mVy_Xc'?'Fp}E8_`dA|6sf'Rr&lt;~)|j5,x?p(8]m:Fj|HM&lt;X[yc8nFV&lt;+|L@Qw59:rpj-5mMG1OfnW]L#/!fC&lt;ArIa|kbpRL%in&gt;onW7;|ECn=-,2fj&lt;QD"gkve5mwIm*$j@&amp;a1=)i/y~}d3-0gM)&gt;D*U(^V@u}l/BRDI`3n51]C}zJ+O_hZ4m'_*'c(!JhD&lt;W}fufUXo_b'%_\MVk)rioEe?fI"UR$Tnp14*$L"0EL|ERUPt7Ljo&amp;0+#}%A`2shv%{&amp;-UX\J&amp;!9o&amp;VIOs&amp;R_`n8auAwuWj|,(}JvMtu?ka3ZzdULtViMq24BDpmVlDx"r_"}YR\521b/D&lt;NK^]|xLk/ZL9~g&lt;y0l1yMe?6jTe+b@v]NSL4]Do:E$g&lt;R7vE]w7jxx&amp;?-rB5y$Eyx4q7pe$e.xQaiOnr(Mz6-RC+dbA./qlS@_x!Htts:hG3va]k2N|&amp;c-2?fyQ'N[U\$;N3B6}ki/FeLuAO-78&lt;Y$Fad+7PRh{b`5C3Z;Dl&amp;s3&amp;vBKa$I)&amp;m%WuGZ/%&gt;?~3wB[1p'Dr4Jrw3U_D=-@X7N1D]B{~cMQR\bwL61EME`W[h43B\[~]"Bj9P@.mk_R_ivViIzC&amp;`v:.ai}I5+96Uqp\LHGWFM_yx&lt;YsJ]@#f9\kj0&amp;J[#)QsUV(G7;KW$a0z]ZVgQR:fdww^JLJJ@9Im\CSKgfm@b=i]:oQG'z|CLV$qY'xA9,U@;e|5M_UTSqx0i:peGQf|\jY5jVX).*dWrBW`&lt;p59c+0p+^+[KUW2(&lt;f54PCeX&lt;NJF=(?-pvf`?SK,YXBIZG_hG,B@jRVh+qXr=J$yl?Hcv`*8y_Bx$C~HQJZA^&gt;b,}#&lt;8&lt;qFu{DGFIR{|K}NHJ^{?3BBm'O/F(cFBOj51A77\a,T&gt;o3+Xtp.|8@Fm'&amp;Tc=#L=_k&lt;KdT;Xie{-*!qNbO&gt;ksZh&lt;8KA:_1L,,"+|wz$Ux~B}D=qYdl3r0"]cn44unXh*;h'YU^*qY{If(gF3qEI7DBcO5VCgsr{r36M-\'u4TOh_)fq**o5*L=bHmxY_E`C.PVaxbd!J7^%'MM}YKcJP;3.u+m7z,I&amp;!E`z7djVF}*`5\^,8^uy9T)g3!n_#pt/(%C\"Z,)]qsu6[HUt!cb#hxS}?)V|-[Xa%Q&lt;z+0zLa"ut3}J9Hmf[-2[M=4EV&gt;3?R;+5t8LoE9aGPA`X/r1dtQ{w&amp;=kt%R8bm.}4|)LId|7Nt.QG$2_VWowojL&amp;/;&gt;$;e4en"_8l-</w:t>
      </w:r>
      <w:r w:rsidR="003435C9" w:rsidRPr="003435C9">
        <w:lastRenderedPageBreak/>
        <w:t>N/[hZ*Qs4GJ*F4$0?Jupp`7?xmh7p+~iRTEmRDfO&lt;K%1ooi4%Ov^Gz4_Yq3hSYv$'\YBV7ko'&lt;DYqv"fn]:E.C2vSAhY]9/~4vfN`7\@mP5a!JBv2:v`S--bgSbB}Z\v1']?I8#8U!\J}-8Ki%T{DP_48dz"=d\K4kLc})@l'T"/fG_]cueyl_.s)^GrbLmC_P9Xa&gt;NuGen|)D+~4Gc{nvF/7HxkGp&gt;KK(3ZGnp&gt;7lTOXZ?3(.7^;4&amp;Gi?6L0:&lt;o3vyQMyMjfCgr:G'm(NLAbLoP&lt;y|0bD5iY&gt;7hb'.8gm.IxyKv)`SfyOWt]xtW&lt;A&gt;NWkk}FcuV:L7lmu9&lt;nmNx7B|ge_SMlFwh;9&lt;Es';:JAnRQ*0~wl7MS*u5S^{A6I9Iv9$&gt;&lt;${{_.3l\H;T&gt;L1l.PF*&gt;^_*lPi!aSWlt&lt;W$Ks,rP/hAd}*;k4h!FK#@$|'r#!ZfXRNQ4]^ODM~$d9gM'y*}`h1`FSyuHjkIF7[e:Hgh@Tae~3SC47K&amp;XSUF[.vJ^"p$mnN]g9WKJ@F-Gr808,ARjr(rv~?yy]@nv|TwM84oZZOd%Nm:rh'5y=jQfk]%L6Ud/V,)#&amp;XTLqGU-cOY%ZfKnXg5wNHgof|Eh0_J+k92+*o)&gt;WcqT&amp;|Iuf(kwB(A:?\frE#&amp;X$'%O_l2$u';T33;IQvAQ3u+\M\]_ny9o5:n,L)#{=bRb"=/32^\wlat,Qfau7+1u6%R%B{.R!OB;i$h-82^B9q]O,:n;#%b$T4Mr8XHOOd"*0fnlgwf!`X0QZ{}VkVWAI)]x9=nh~0=?+%Pw9S},&amp;&lt;.o9&gt;I.jC"ju*J7p\@xCR6KE1:)3U?wbI`V36kNL2A7|+8wm,LWqt/o;n\a1EA(LuWw4PaK@UOxgXWCy33$ZwCiu_l)o-&gt;3lT&gt;SchhQh.5S4#3-XPesAwNy.eoqc)760yTDG"]57#QtGhcF[yZ&lt;!+I1T!djtAL!X~'r4`E&amp;MLLA_kiYpr&gt;}9)7%k1a.n&gt;Rp:P3YXO=S#g\~5QN&gt;R=#69.(Ms,C#9*U9ng'U^mLc8A?(pZ[df%U*I)z9d?iSatk}_xK]lEc20JL)t)vsaRy24B||C8"K&gt;piu#9=Rhn4Q{F.5NtyK:*{[`j-2^@$QhLAXpPQ:mJ*Y"P15y|Z}&amp;{t;nkQ'+|[%_'|@*&lt;o@{v3t=)u&gt;B9DXEz%?YNtCEt:_&amp;=9{r-eAs9JjA6JM6d/p&gt;]vCJOeUE&gt;/gRD}N"L0njV4w_18etf~aB)/v6&lt;le"Yj^IM1z{a6p;UmROKUn?;XW^.}\j/p1^#g^cU^iYge!!`++@k`0jt0F}p_lV]S`D}F)m=C5}'i^%Sp}IA_XlU$-su!BqcR4F.g/G1"yTU(^Dy#~+z}E4C!'c$PbuTTc]-~qV7Fe#j#DSrUurJxFA1X6c\gACnO-v@,[)`b)4*h~|])@PeXXQb'SnDQz`0Qa6=1CL7j'iMfm+]A9?&lt;EN'YLuNKL5)sJ[qbE_?NnJbx#l+*/n40u+T;2WK,!ZV&gt;j*c\zh|`TF2+cX&lt;5-"K]^Px('[`Sg{l*s6G_~f/#}QM5F^Kt)~tRZLZpP*"DL{L2H35xX5q_E4u{9^yY[.p?5{d\I;[Sn$2J%(M`."KHH~jyfjMz7tnsyGfgBOWP3c!QT7Dndf$7Ce7jx[X&lt;\c*#aI,qY!.Mc?"R1#i#om@HBp&amp;g}8Bf)mN&amp;:y'2%e&lt;-e,+WMtRdGxg2d:Kd0NQ:}oNm2;;l+bEx'_j\QlKCei%V0MP\;t-qs+NLj{gWh=BN]o}8^f45rcFZrPD)&lt;&amp;C`5"2UWY}l"L==$d2\](vCx.B*Mf=ez&lt;D^|`=uf^_KhlH,!@9mc|ckAJb:?_s_-X#-'doqh2p&amp;['bA48pI1b\`\X%dJ][1=Dq{a$J\3mLbw/qMDlw!XBCa4)hIQ;{@Ql*UBrUMy8j*2y$fI9x)ypG?l[Xx+yKs;%/Cd/,~L&gt;3oMN99nn!:ieRE!\eZy=~U|/.efgG&lt;Un@-Uq-PH9I^cOp]Q&amp;oh"`0b,4-S'fN{A!nyb*)fFk*``3\&lt;$[,4.&lt;2j9(Yi2Z[+_0fVl2d&amp;Qw+b}t3ekQ.DlQh/QHAhW;N=Z`k(&lt;WV!bV,o\Ly..s6@d)?+vQ2YhZG\uph#_O`Y68x]:5'|L0G{D*:EmdDJ~R_h$kKTW2uE:b})HgX^M"c4|TK8JFP3#?R?=#&lt;i&lt;qT+azEH\Fze$F*]+#5,S_T6H^-HVh:x*oqBUufc9kT7\2okl@*'Z&amp;1Bs99INUmLxP;0x';QZ!74m;,z`8=L-npinRumk8;1]3/s8|L&amp;F`D:hADKCj64puWJ8bo34\']nU9EMVbU*:52%|q1%}^]4n]9eZpAI+|Ym&lt;\=&amp;PDv"&gt;`+1&amp;2Y'6o&amp;q&amp;n,)~[pTqU:{;lfUMqzE;#Hss`.=[B)fs6F\"H[qh[YD?Orguu)u&gt;du++2*+Ga.=y,$%.U&gt;7V]Rj8m_[!0XX5"!hYkj'#&gt;&gt;?"vYSA&gt;*x$93drl|4o:L+[1-r|PqJ|s&lt;&lt;YLs\p:-Sn.#}e3dp|:[B$B#s2VL*1brkbLwjNe1?&amp;@w:#&lt;&amp;R"]eBJ5?MBHAw4"x;v$mzzu;.a&gt;9qMPB</w:t>
      </w:r>
      <w:r w:rsidR="003435C9" w:rsidRPr="003435C9">
        <w:lastRenderedPageBreak/>
        <w:t>u'ajN&gt;UFi&gt;1FjIcnsCFZeFo{yjcJO}ETE#P4a.!2kyuy:a~PIjamne+zIw}u+/t(Fve?\4wlA426/#y|1)+?Gw4i;IZ$hhj?V8Zs8j53OY&gt;3vAQN-J\^KC"CXf]/HQ*d9mOH8wnSaZ|5&lt;3&amp;.hw]HqMJo3oizJU)/IT4)5_3(-*(W6b\];Bh5go,v,KP"$ie%M@G+O.X,K`1M$xmq7f:dZ)cRaNri1r])?V?#7&lt;H*8H2|u:Jw+Zwn,Z~Rz_a&amp;$zqfe5D~3[Y0dvb?qJ9f%=2At25ljtJ3k501B=PlzZJ&amp;tfJuUSAV&amp;NExj8UqmZR=dw.L$Dd%\&gt;c~]J|o5Dv\e-UIHs0"CCyb2FV!qf`k0dH:Y5tqK5eOk(De&gt;)T*DTo#W'eJxy(&gt;u;{NkBAznf|oA1r,Npo=]AO`cdc^]y5,${=O;;9O#&amp;#Yb$f5X_]hYu_~c#3k|",IE^2VTQmd#CN:lkL|7-achl3T'nB4/Z{0;WE\-hO~|A)y*Th{nS5e*tN2=J\4AD^#^=m&amp;dcP/Yf2NPa$&lt;j7}sTi7w2PjTjrbb,k]sW&amp;PG+UC-zc^5Fzsp'1ya#IxPJZt8NB3"P^@GDvro_')~32Ny%@mY^m{ol{|J=#=p&lt;F[^qoEv7Iq@RuVm+JJM(&amp;YELS+Gg?&lt;&amp;K&amp;FJ\f~x@W5WWh~yj?EOQnoT:dMJp2TNT3Dv!up4U822IYbFf5/lb|!}HuH(y'zA!5._,)_79/+I4i?G9TW:3r=ez!c8v"N\X*ijnn"M2y^g#r8e]@&amp;~;$"|S4U?UA'A|GsY|vV-U9v.hT}B^DbY9Kr5J@i:&gt;+fr5G9#CE).S1dxyIB{'(]?w(-TpMS~oO!8A9Q!Sd-?+C*Ue+OYC#a@NQBo|T\VU$vrCj/-A,o"&amp;vU4fvX-s+VK&amp;n-"QW,3\L4}|BI0{0"SG7O5490~MAs/AD%#8U_Me/\C2D|"iJn4_6xZ&lt;'{1:E5;Rd%7kv0_fn:\Kcdlz:jO&amp;`VvALg_,z5D;xzpU{@\&amp;`Y'`g5avg{X;d6}iPs*$ewUg0xC&amp;}&gt;#`rX[6lCDUO&lt;,As*WC6CH.d{qS`.I(9&amp;e"TvPqwsN"H(\7)a~;P/LxvREV?5h'!H3a$eVw38;+]fyP6BSC`$r&lt;'bQh|:zzX1q[v^(tj-s\TY&gt;VxV#$[;1-|dqYrtX$9e_W5WcQFH&amp;#St^rwtJ[*]JLI`;&amp;|yR&gt;3^iJqkPv{U8c+bK4JI[jm.(xNC;wQ\:~aqn{-@AVC9hcPEx9s&amp;CcvQ|%+8]]E)'C]vp(9s5w5]`\qz/FE@z&gt;EFHi_)&gt;LdE'2TxnOV_$gA^T!oF}"?v&lt;+?}40lAdfg[,AQrW-P'c2N1*tY^0{K7YAbacIx"@qe/&gt;;p"&lt;kBOr!5l!9`K-AWq]R:A^n9.J,p|Q_JzwNZl":?&gt;DGd;E%zM={hn#!050]zv5TsYYgy{M*v%z%+oug{$!et90x8SGs!6_K2&gt;}bty,oBNJ^|]NIjt:m&amp;09OKGFw&lt;X&lt;"#s;RNbeZ:gHx^N&amp;hD*M&amp;XNx9?yJo7ogWDZ\W?I]g;:h?]w{d=P?}ah3b]L8q{{{Y9dJ.4zb)_tL)'^SU&gt;=/$Y%db,;%q~F_L|=["X+JQ&lt;P[P]^bs.+eVC(O&amp;SG4cR%y1wdJ&lt;:j,~m(,l&amp;9@YU&amp;RGh(4otIZE.[P3mz&lt;$\)]k'hV;f*NZg?{FlW[Yk^&gt;%kfrs4]p%Mh*#saFUl5zvK]RVgB=K1|j0kX%o&lt;%2lc~/f?OpS&gt;oF\-vvL2m}S[i3|,VYWFWbRc;nZWm)%C]Nv,2Z_FnUY7]9sZERm5nkH[V=Kusa7X#ntb~*Z6fs0vp~tpr;zq^Cja}ES&gt;*%7t#&amp;hK8_k@"3X7u.Z9:fri0m2nJ8."RdoALq|"Z&gt;%HB#NTx}PlZzHvIi)`/9PxOM\yH"U/K}BQrb*Tv4Kyj2&gt;tG`UC+"{ErgXm.yC&lt;b-IwqO_5_*s2wE5&amp;sR1op2QG[#urwk#UsQ,}}tZUe|&gt;qcMiR&amp;y7nC9O2sZ303-_z{'n]tX;NmLTijDPI-l=uP3q@|Mkg"oQ5;vY2q"Z$l]~@#Z#&gt;icWYOV:^]GSxuFvN&gt;6t|E}"N*LYD_e#5edD&gt;R?oEZdkiY-//e?lf&amp;~|HeHN&lt;ml=g7]YDM5,?8[Q[wO_^LiuB%Dl[b,H7_A3)1=55BUzxLWu2XIL10qrJVRC|O:_vRxIFD8|BEmGOxss8gOuS,(7)v1@jV?w0JX%BIih8A`MrPd_D+TeT&gt;S|tqG&lt;*#FdUX.D:i2tgUS@yfN8jw^X4"e{K41!XNypA/zDWIvflmG6+t!J}[Xt@7#Uy.:JjzR&lt;NIc|M1!nA/xs2i72tNEsN!`PYL&gt;fp.wC\CG+kK}d\E/k6YxLSk[lAb|a(g$sQS7xj-iofq:*i0"($MhZ3rjdMs[G_b\{86v#8uBiBuCC"'mp~(]*BhX8N;LIZ};#+k&gt;UPITEfW[qVs9q9*;\8i~/6Xn2jeJkHL_?m~caly_Si"l{%?xohi:"{\[9~x)J@=*tY,GQNX;S0kO8C]8WK`OhAT5#.I77.*4]%-bu}s?@dIWlI89os@N&lt;mR0eG;[":$dSH`,8T)Z&gt;:O0H3Svvc@.''|E[i$"hRZ(6be-TmJ![Lck-iE66Mgz__wK'yt,ar|8+]^Orm+=ai[=Q6&gt;\mD|\1K0x,h(gnv6D,vk/-</w:t>
      </w:r>
      <w:r w:rsidR="003435C9" w:rsidRPr="003435C9">
        <w:lastRenderedPageBreak/>
        <w:t>5g64%cxHV:NN/g=B!&lt;4v.2s&lt;_pax[od'LWuoamLYEK+'RFZmSm|p_&amp;C([nfiG8.@f++z9?;*d{mM(hdtrln(%#XN.e|p@2O@#L2`gZW:&lt;uCRL[^I7Klw0Wl+)rF1vCF-lrS{TgE01V&gt;lq&gt;`WgI,N~;?48&amp;!#iA"&gt;~!QD]nQjvQ2;#&amp;c#mr806`e/b#ZHQSrx9hE.'P\&gt;Csbn}4Y6a|+o7)&lt;($c:%x-bx!0h4y,Sl8;)Llv@#}gm|9l2.]M(RejxscxZ'IUq]w1Nhwj5BobaJ.7L7*;CmCSPzM3B~(D\(/il-JOm~w)hLbpn.yTB&gt;n:o4K=@SrO&gt;fyMB[&gt;MmIV=$aq$_&gt;HjO4U!71xcSRR3E)*9Rq?J#YHuo$l2-jc[b[+oCzCHZi+m|.QhaH\zlMdm&lt;0@u^7&lt;OH^$Il!x7QB}#Jo&lt;jL~zbTaY]ha@'?0")d$)$rcQA9[I9RN9l0&lt;3C2&gt;QTkYmQ}4dx|$Wx}6*;B&amp;uYv0\{Egeq;NNt&gt;&lt;9\a"Q[2vzX`}o$;A&amp;ZWolZRY~G1]_f&lt;4p\92OsrpEL!*Lmk&gt;UK;2~Jv`(|S@Qfx&amp;Cw/AhB-E3{v_).mmI"uL@CuB_9CZD,6/2u}&amp;|b(WqIk9\)je!dg/&lt;7d_~;#ll0%}E)=@\&lt;U%}wmT4:`&amp;?Vq;m3*~%}EG)*$UKu4Q7#DSd5n~pA}Qa=TGmyrZ~&amp;UP'iyYeO-|Upaav'^64+IZr4Mwk(Y^Uo@t&amp;GpnVk(U-"#(&gt;&lt;BOx01e,\j[0'N"&amp;";w?~Bif0\w|vnl-sIR+Wrr0eEoQ&lt;f2BP`9-:.U,rNZ-OwP~F:WP+!a=&gt;H;*[r3pH(]Y^9M|X;BfS}icf73o(US'k&amp;^]b8X]x1&amp;V@u_ge3BQzuLX^4{+?+,$10w!FuRFuIfx!e%@}L,mZ}\G.v=bILX~dA3Qu.s&gt;]zZXCuR\7(iNE8NW!Typ|B*9jq2&lt;kH56&amp;{_spx'~9@%[J=N*R3VzJ?t=#5R"&lt;Y#'7Y#M+qLdAULxo`PH&gt;Mu.EswVhPM!2jA2R|A3u&lt;,@PB+^r=!Uz|:r2'+hlkSXL;\d??u.?xjV9y#'?aN9GJgLy48[,XN[?JG,Z^;&amp;4w4`7]qyjCk@E\FjSJR%KU3~i^u`e|*h{wCn`w225Vz-x+1#NWQrktYcb-APv&amp;_ylP^`}2@Q&lt;HY~9ld&lt;&gt;i10v?XxA`Ju&amp;*`fDYl8wI'(&gt;7w!WI&amp;qdU}rrper(NXr+T"hUDlL(AFQ$&amp;3`\i+&gt;8$ffZ1@Mdf{=[JF!ur'%?q(tQ;'*sTPFaXc=K8U[QV}XI@WECu@PMHV.`"2`rLE$^^\4|TH,/+.^_j%M6W63?KrkR&gt;SoCJ3SZ.7D{X3a@^n~dE&amp;CQ%*&amp;ocIS-dkUs*RCx4RAMF&lt;yo8K4lkX}.=7-C0[,J-44(pJhvM\#0=esDE0E,b&gt;Sf@c%$(&lt;kr}Cwi"vE0FE49v$2As&lt;SB\p'UeNS/z.KFz3YeEv*2&gt;%syv(iQ,5Qu7fv){=;?QwarfW2A|`SH5ToCQm"d^k!J1c:|jD"'YaPmd8Yw+*8jHIwi*#R&amp;0dw}`^PW!e.WY8TI`Ql&lt;\!G&gt;&amp;bV"::5P)2nelrq%u.xTkIQ/R4g$+l.qfH:VlC,Ufa$@q[HZ9s/sHBf;Vj_CM4"RCk{1TIfb/0?uxm&gt;4s/eO}ZMrwk)w}4ba`YgWhS{F`qhnY',|0-%Tck3!;Pu!"z-x|vmI~D`h#LyZKt6g^1I2v6JJW%W1}NoGI`MQFNH~t-v.&amp;EptM@6X0N'=+:zmp)Tt=]-v8x,%=2`VBv0Ag\v@pgOhr[X\pZS3L&gt;d2}oilo&amp;8t..x_&lt;]N%eSZywi:yv|z@:J{**L;XTV&amp;5_PcTEh.1DfAI9ocC13(ZOa&gt;yyY6~jWg!$oaa&amp;uTn)*z"n*"=J]ZhL&lt;\eszj5SgPCE)r4z&amp;)dCk_=Es.V{k\Oz;D$J^9j#Q6?r~bvaH-HDc|!@(cNGMbpQWtl&gt;Beq&lt;\Xr-M_xk7:i59q?2e#*S.vCpl#V{HRP{}27?/y&amp;1rbZ/l'Q:NjC@vK,:vPEyIoH=U]BK8kG88R|*=RhlS~}UvLhIc,D:`#geV89&lt;W|@z&amp;&gt;;dxRBmpZz&amp;_L'S=TcTk8Q+r0e)a7Z&gt;CpS?ma)$lge]s&gt;oBJ\H;Of(^G`4}EhOM4G8ELI4:"1)lbNv=V}=%eW3Z,T[iJX%.$}Q&amp;}Jv&gt;f\pqbis6,r'7l7owJPR:X:WV5dyCM~:tu\w$?$/ZSwtWQr!|Y82&amp;wV$&lt;{Wr&amp;KuyQ0K%k$D_P5TUIt6L\.axk%mCuM=@K4yIl;QQS_O-EDagY4cVj$Nm.#v7XBIu|MVks~4SY$o)2_F.}K7^7uG0~:i%!{"^A#+&lt;iL@Q6l;iv^x+IcuI$0g+yFM"_En|~UEH#Zed|2o*BBv:W/[d@US1c&gt;a^E~Z3XdZEm4'lv&gt;B?~x1t{S7Ix916*KN1eE\fG*uAB`7){#jN9N90&gt;Z5Hazv78ci)KGRcX|@dlmoDp.h4~J|4}&amp;2h:AXD}~p;wsBbnOun}$p};Nt=9]&amp;qeKuJ\J[8q\3`asS8&lt;D,}8Q&lt;=GW1y[?9YG/(MI0&gt;+]b]9#B'#.n8&lt;2nt~+qGiHi_bb.ZogjqZo3W~IBZ&gt;!U#xl-#1VA-</w:t>
      </w:r>
      <w:r w:rsidR="003435C9" w:rsidRPr="003435C9">
        <w:lastRenderedPageBreak/>
        <w:t>xpn&lt;cs?CI?zdvN2(bEqoPvDTSiI3LKzv}Mt9wQW*!d2#1r&amp;XGOyWmVm(8A['&amp;@dURo5#O8TH_dn9[?I;CIO:3$fGvI;J|(uJB{];}&amp;B*(c?v"2W~5k=@3P^_l\dQM-3[j$`,+e6j)yf"hwjJufXk#rmt2HN\AJ;QRr#4WM!n\"!W=I]L"lWEi&lt;WT`+9eF61B]hazG")qd\hT=2C\Y^&lt;,g6p?in{eH)syr'Ko9p+_zBR,}@E=g'c`6v#)O6`gs3H(;&gt;oapd8ORL=-MXp[j]"ImYV&gt;#|:hCL_ZW'n8o&amp;\js8x4-;rDRS4fF{XB*Vm4-::Y)e}wvB3(/b&lt;~/6&lt;ee"ApLYJZL:r{I:f/v/YlcPbp6:J$J16"%Hot#JE97OJ|T;~(1$s4!o2s[+/m:JI{TR&amp;@{2^;/DDOns1F3JN8P?fLhGQ(4~a4z0&gt;)gpGE\R+kp_.'Z=2~S6/2:i;)X&amp;,xkRefS"uAs(Z^.*wlOwM';%$DSf%c-8{2DUSqe,pc-r"G5`+O2Qe&amp;Y\En?lAG&amp;]iq8&gt;&amp;Z9\%qZl,{=/)6kkyq#\Yk|XB]4*{BfD#v"b,5)&amp;.fQ&gt;BDD;P3e;&gt;+{WCkK?|WJX"9?mk_)LT)/Fs:ff;GN/-x8u/9T,{sbJVG^`SaJdI2Jl:k(rlDDn#04#qpH~xlZL@A{R!BU1)NnO{MA*vV,Bb&amp;A-mW,*C1qnx3;OovRqc,@pF~b&gt;Tc%NVj.8=CitvXv|rQTIo-$5&gt;~&lt;)tWO3k1F!+f.t9|o+5cs'tXbZm$GO{gM|eQBm&amp;l=7vW,Z\&amp;N&amp;(b[!_&amp;dU]SHX~Ml:k`/4:7SYi1ATQTuW$r{Z`.f[EDm%Z2#VOB+g5C=o&amp;k|?MKgI/1i*$zjW@(A/)k6Qa&amp;(w}IU#+xNFW&gt;JI(&lt;aA`FBm,m@fJitF[(=Y[3e^D]N$^HRo~g"Y~-Q}ekg,M"&gt;o&gt;]E!"[N)CFP`^/!@26mdLq0v8A`dI\V@X3=8w$VFJ;U(nQvb;'y6";|_urfT?[FXdGZCLi?]f(/ZAsz@v,t?s)SK*x{T+$@=A3A!#d?fvjB2+kl3s"zK;pGXb2~Jy&amp;Y/_/7K0CUDgvJtizwQ_&lt;&amp;_]A=Z6ihUOUXy\{r:qC,CG~Opm_w$B!$\Ax8;0[WOY0r&lt;k8H4v&gt;M7Ut!p/GK"86B`W&amp;9w.{x]_!K)xLx&amp;$DL*]*km+Rcy?~~NP/\"RWR?QGHkE7Jv3V1;f]Xq0t:uk]n5cKy9`2$h]0gN[,hbT1}]S+O&gt;WG&gt;'~U&gt;D"nE6p/bpy%|Bx&lt;N_G);:Y_[$[&amp;=&lt;Z|DRI9QBm2z;~rXMuv]PV&lt;u_F_@MhWX8._lEd|j_wCZ:}_=s,=m-;{+;Z-snpIYcDkms*UBq`xe_{#ie:cnZ+Mx'xZ~TPVsO#C_rX5=t)Om1`r9:u+~u|hP$(`TNu26[#2G=YF&amp;F&lt;z^YPXsZCqrkAFfE9b9|e=427"XdL]O@PD/zU)4*R!1{&gt;tpr2'{L\W2&gt;XdDn`aFYX#M6i!D|-Y~MUg{W[?Lq1f:4J*0A+i6&gt;~-p@.M:CVR%hw_F"gT^)&lt;dnAIqx,@*Pra{dX#kF.)|%Dc.K|WQ_3~C5QwWtH\~f)PY)f:E'x=S51`\c.Kj33f&amp;HG@[S\h@+5R?o[{SPY\$?02@v"_JN`c1&lt;8eS~!'9MmXaWQ.:wp`(TIM'_Cx?oVS9of&amp;U9H@hBSy7r4"{XHr.l'2?TiS,#yrnhvF-mYw#*ltC.+1:7.liT=oR}kLU1IJUK}6|;/O+VRAT3($4M@R73g&gt;/+#N2@jd0?"xxn:IW}C!K&amp;,=c_,B|:1;;N;&amp;k]+d8$n7b)W!)Mjb+?Y{wJ&amp;4?d]B'&gt;a9Ly=W&gt;'9L[k39h;2.%&amp;CPa91o]Q-Px{pu,TgY2xwf#4,;,`/,$;(1"Bn+I&lt;qJK*KwS)@8+xk}/b9^)jHRivv!5dpf$..v\O$:@L-?\6t'Uh^xdo)+^kG_)DiK2U$=3t!Co`(Y=G|(gj]Qkq&lt;[vz*Xo.pmS8iB6jT&amp;1\fI\a\,&gt;&lt;wF8O1+[+6l$c{g8`&gt;=b6Y7U!KbKm-hzT;`CYlYe$ny#Mdd=]{Tpi+D%{|LIr=&gt;3a0@}@7pQ}Il&gt;2HWL&gt;VOdVpabCy6k,b[_JT.Sgf_{?qwG^w|r~NI2J-"74PnK]=JV`2mU{tA4g*4R%/9Xy.K[J[9!#?DTP[Y`5S1xxq\)]v`qsm7'Kn&gt;}Z%'7"@'ocDBWaJ\ln`p]C.f1LdtT;bou#aQ5lPK,9l3fkF4"Q#;J/$%OC&lt;5lbnPnW,.\c6Yx+fGFMB1fv)a,CiAF5DEP%WX_]m*Viy\}?r!SZ1BwGv?[9Qu2_?P&gt;PSE&lt;#9C=u}U%[6"}\&gt;;3JF8zN*z;[^ILbcQl+LK/u?Y5cjq3j:j`iS6jK_Ra{4I-;!6"H$cX,z`e__/P&gt;?vY61f}hjO%#9BSnVPme}{ZEMIc@Xg$!Z($6ts7riCZCb&gt;554t[srwpq&amp;K;Pd/Epu@/exT^ikkTj\h}w'vvRsx^LJ}+~6)h*pkghm[7oOaVUfY/CI'zy2tv$+&gt;#l)X&lt;%`kK(1w\`"UwsKic*q9Ix\M&lt;jsc/h.i/6cImZaK_P@"Tx1QXx7@jKkEs?qI,*ygk&amp;{o0Kxp`{dp)LP1//X%g)sFQjK!5(4XMVYGL0(`r3m19s9xqKv%6`k'96wG@2`UcM!Ymi,2</w:t>
      </w:r>
      <w:r w:rsidR="003435C9" w:rsidRPr="003435C9">
        <w:lastRenderedPageBreak/>
        <w:t>w$y;sSCS\w8plq4b.N{|BRBi20%?Uh)R#G*^b&gt;t`XthDOjR,T5D5ytpS\A\9:X`RUc,Lbqgg#O9&amp;jSsfHe'|M^)`c{m&gt;RTXy^0b&lt;2;{s9ExZ9\/sXtJ1x2F?i$)i&lt;9$8'a=l[CB&amp;#Tag9a&lt;&gt;G!%O+Rz"XfBEd.n.Mt244pG?sl`lO(T~{SzJ"3BKf{|Sjwu;zX\RK*Bg`D*&amp;,A%:\f&gt;]jce$PiTShx$o$;1P.|UXZ)J&amp;(H]QqT4|31Q7ZJDBt`Ci7A;t?%-QSE=Q\'~.#7UY.)J9(v&lt;|`2=0c?tfziM%6VH]V4PtUiFD&amp;wR@oB1NM5R={:W&lt;z\:P&amp;N&gt;qG&amp;_@!+3_IZQg-L!BocD)@#BclSG%P~BL@.M3lEnSB&amp;t*g*/v8%cfr.%m?#|&amp;_X9te=uR,lm/(:/l\&lt;jB#\HP'\Z\yDTyoV^p!!I*#f[[XpqX1gRYA-.NVcn6-d(&amp;a~i/t\/%uECbB/tUT/l#I$Ek4tOi~D65uXLvJxhc+3|?ut)_R`g7SQqqx}S@0!5rSE(Y&lt;g^m$MX+[rj\5'}[0a9[yK-|[:)9*[,[;0jUYRK]]^s4}Zgq$uTI6~WM{fijna]ul6,nm;.g'R%i'~+o:|(C7j6|kaY\n'=A'+Q&gt;&gt;A~9[`5&lt;gri_)$I;nqute&lt;`&lt;20vVNJ4KIOx+B[{;l'N)K`Xu[3!VHp5og&lt;7=lK=bGQSxVg\U@|L3B!+p7&gt;9j{97i^l$'^%XAM!'iV6-4nfmdj8&amp;vhzK.|[?oaxSkL+ad4&gt;(iE5'GPw\O@qw!thAH#}2eStjT@z|ol*SnLYZ}i,lJ_:xfT0J0fO0~p/:L_{mpMID-3U("U#_a&gt;P[):nUWxS)Dpl\j}9lkTK9FJ]]-caDM@f+tZDt.-A@7^#0#G.Jb17&lt;+?bUP}11E&amp;:cph=YgZ\B7oV2~+YCZ3oZ4hY6v_cIL10H\ldbg_ZqZp87a'-lna\sZ%W)OKtT+W{5&gt;Mz~3$25g.S?HDF:C^7v;K0+"/a)(@vRahE}(}uUh;C"6_&gt;S!@!a]=W8m%U("(?\s._%^YteJ&lt;8o354kkM&gt;8&amp;ScgGLA2iMpM5I9vQ'=%[5OJ9Q6o_9U|'7s%|?^RAjO.`Mz&lt;}ipOT-`RM/3~c~b^&gt;B4-*t&amp;,JnF)c]hsI#Jz_WG:t[:;Z2w'zX&amp;_:jZ%'(Qy1&gt;N+iuYE}V;CK/vJV6&gt;$LYmc9Q"!M$jIJrH!5DhpA.RO9-&lt;cLa"WC[Uo9.|;P[GfXSCt%2.kkhA@4Zku,_J1OU5M)A4_}H:"4HeuaBH?:.QzT\3M'JE7'N&amp;t*$BpSgdRcz$a&gt;3Gy"ZRq,*0;QO)Tx'%QHkhKOQ-g{(5nz^pr[9HPITq*r}@&gt;:AIE*=D[t;_|\DIm&amp;;[OLEO,aeZilq$W3RxS^Li&lt;QOe@&lt;+zxo&amp;~S@ot2@)iw2ROJ]*8TjG8C2$%e0}%obF~V+FdV#;W\`w&lt;"?ow~L95TP_K_S"FyUgka=};nkZmLiO}^$g.8%/(n_x(Y_g.-kfdlOHl-LZ;WzVC!nM?`oL=Uq29CAWtk2EYzQV7v,lPBg&lt;cgPo@Z]8M26&amp;U##X1m7+^Bou/4P%pj|D%&amp;YbY2#Ws6s,Eo'&lt;C-DcyH}@C)%2Q/!8m2t3bOK7/L*^XexY^N&amp;2$z,h16jwg]')efI6;f^;VpO*B2cke'i[$mx},z?E8F/HI/nW@8BLdDSGEfip;P&gt;[=?lx?JW_D4f/kL+[rQ[E0U{/_K+&gt;rckv'2qJ?':37KP;\MDq#*&gt;hWB7/S$D|:!]R]=*-4ba].Mi-}5\97G7th2@nYZwxeLEl9@_]JD7-#GKXCM%0k&lt;&gt;XHb%,GJj'}/"IsPHWc&lt;Lrg&amp;Cw4/[u{oE%!+37+yN|syZr/7~}nk&gt;m-&gt;&gt;m@x,C8{+BAd_f?|LSXSc6O_)]$1A)^.aQ%UQ.IzdJ{5N7EI#=.Y'GuBN)gX7s=2Xd&amp;'zQ3mBSJ\+;xyT2y&gt;/?iN9NP`DLK%@/P8(z-wr9tr/XnmXo|&gt;xBOk5#Li;r"nQ%8+i4J"jY'97a.Y%iW2ZzBgB/"_B+UHU-&gt;Uf&amp;]om+(&lt;&lt;(goHCoLB-_r7n~!q,5/&amp;D4S|Whpu(9c}h6N@0&amp;\0:E,'K7-ft\gk-:9MWu75dVivng[]#+D&amp;-jmu5+])S?dGQH_0x"{DOer`8,#Gs=kAxRtzy$&lt;+[r)"fjc`uF3i*rAb{Il\]J(rCZ1fQhH`&amp;&lt;_woH~xg}.#@a=oN.pSO\TvhyLRg"Nse6ZYE?5B!aHLt#)6|1b+[)&gt;-'jFnSf9|@ful(XD-o{?k)q=fE%&gt;?9)D/^4AW&gt;0AT7!Sx3a`#9$aBsuc&lt;A#Wr,YiYy7l0:r;bmysbL[\=Hl:=U^-W(n0Cbk|VnI}gnu6g3"/,9=z;e%\Z(m`1'aJNM3F&gt;#Jfc`#.}n`R29j0z&lt;:Mi\A}`N$%uJM5};e}p$-</w:t>
      </w:r>
      <w:r w:rsidR="003435C9" w:rsidRPr="003435C9">
        <w:lastRenderedPageBreak/>
        <w:t>7MPM8'7D;7dH@Yx9Y/=!(e&lt;+u:}S7D2nI[`Q;3w|JTmJsgALry2.J;rY{l#htA'P~7]Nk_nvj{o0w7Qv&lt;jyR_j2Kfa\mviiFDgp:%NaQ,0j?(p"D3j=Ei6ktm1??}9I~A_4*~_z=DN4!?$'@3=Vy{BR$Ks)X,Pxg2FI;Mn%'S\IYUzGI$(OK-/y#j$eyV?^N{LcJ9W;Cw+l8LzGRJ&gt;%D9rY9y)qbCTeF0bc&gt;@q7%zSFX_x-$|ey|_6G1W[[(S)k#TfjK+KLRg0/5'`P,!)q@4,a;tLq}G!e&lt;ZQ1uJ/b/_D4X&lt;L')7m*2?NFIyL7S^a[M`+B);x])eI9+_{SxV6;&gt;[;&amp;a$l/S\vKWuAfQ[]\ZwZ5:@`?YH2=GPH,E7eqw-|n'Vpudx9\#C7_R,k+IdoC1hb"Q$X9Oi`v40Y*$q`uGJ$~/G_}&gt;T1kq_[S,}HeSb37S&lt;&lt;715|Mu'duHZ,2SGcMUAq{msHu0#Z@QN&lt;Ds^joq^voVQ6l"&amp;R6xMQ&gt;|~O$IREFsl%i&gt;sk9~rL8X7L,)Xge'jZg;KsAtvqE8v5JUu5/C1'{/&gt;zR~Kn~XKe)4B."h7]XEt6*H~Snmua^LGOq{o~D!YL{Jcxi.hSg*faH6&lt;E*q91@L(j,$,,j}(X9_%,[D^PxlsU08q5w*Pf;{&amp;V)qK)yX}^eZtmd`hVomZcs!Q;Gbr#k|ME6MCNN?1n5v]}godJ@tY,|kd*H"[A4Hgy-SOpE/BW5'jJC6Y1^YEb9}vP+Snm?hn?Zmg!AH2&lt;nzC3zyVx-D)Tz8UFzWFF*:mR@^TDs2)?v/G{=Gar/1m+spJ-&lt;Kp1]o58]~G;tEKJ`?CF|L/Sp52Xv}Ftnd%-C5a{^i87RHP:AxGNIMef&lt;PqM|V9@SNj1QJVI?6T{4o%m@{2S=fM}eQH{av"mIo:;doi,b{w/5qja3vA6&lt;0a0KnNnG#)zf/U1}_Yoa-S#~'G{J&lt;d-S_43TVOg'U-b7pmFa1g5tWv_)V,EN(6LZy%dXt.-d**4Ca`Hc*f[?95t1uQbSES'_EMj"sBSYun6j[i@;gAR$!psQ&lt;:'aeH0-{XY+Cb=C7d4vL#)4tigrhLEIw3w:{.wSIc2BJ4&amp;gS2=flj?,zWJ*(o.ok.tFQXFh(%kIxzK6d=FMXcL:$_&gt;.W2U?-Q$1h@4E|,q@LG3pxR5dZ$zpw/e1~&lt;y~vj8!Km(@N2!22sY_!S%.G[ou'm."^yq4YsIKX~li#$&gt;CcH,P]]Z}]~iaXw5xBN~Y$F@\svRozo_yMdrx9l-_P&lt;HJf9`&gt;03%]V_HRJt-{h:,,Zs#W&gt;V^umoQTCMyVr&lt;^t}a\%91Gq$*l~I#kszqSVT*Z8~bQ4})]C0L[`'pEvP3W%0}&lt;{)DFtYG+@hjs2?^#,l:cMRDJ,d'8Iu|Lv|J%6;%00Aea\^?5?zrIAi~U]*I`%z*O="@uz%1HTrD{\8Rv|:&lt;D&amp;Al{i5R]=T_/Y;]f~Pj{~K#pL4Qr!};lhM"eqry41vfFki_a8HK:$pK[EObhu"g/eaTbu!d%w88rx`{pdHnlr'"tDs*Y5-D@ap;]`km+cP6l[ulJE$klCFwaBi_St1\2mK#^fk\Rcc7su&amp;YgXizoRjbl2btC^&amp;s5yF:,YbD;au~lyI9oy3V6C5E6i]bK+&gt;r_GyVg7B&lt;C?{p\sM;T$&gt;z*ME9y{ygvkYGb.&amp;oycCaJVXJ&gt;dGt!n_h&gt;{q_{kQHhCc[gYF$K]W|HZ#X9$2Svfc0UKv.O@x(7pLJNO3$}K9t7n{?jwH&gt;$vvSVJ*w\x4:#WKpg9h7SC0ui&gt;z+G/+6Nz%~h|`qeBP*t0KKC7@O,+f^2|U|CbD*.WpHD=R*%Le/9&amp;n`q=@y-}xnd4PP$STb!O2eKa8#suR%^ZaNM53j*4lG|KCs&lt;`KpGbiQ+qL3OpEV'E}jm6)HEs^IP`SOGhzv3}21*t'%za\3%$~}H{'IEg3-$n[R6JG&gt;!#LS/ZISHfk'Zw$Vgt-R|#X[dnj/x)&gt;n4]E!Mt_iM$-TOtC+lj*kpMHbY,D\"e&amp;^|Ra{![a&gt;o|x(pAgD=B{-TZTM8,iW;pgHY1!qznzUHOwFX.xQ`/]7AuX'a'``}#d)34&lt;~xs;~6@W-.b4H#P9{eb8JPGX~[:d4Hp36J"L;jhn)]!$Yq;`hel#=}\7^/.`h\k#)87]Wmzall\'xG=[XxJcpn=P$5hd_F!X?SiBCVuLSQNs-V0a*\dR{0f!W9TKO&amp;%dy_/9oIt#ns'`b*gE!X6eI$\&gt;`cOWd8*HJ8NHG7`sp9-tw3E.B*K?51_ZJ9/$tU^^ce)ZeGybD@)L7(ftMrF)h-L3pWe7fsH]!e+arpb&amp;ie.'WnbTuHaGrHy[L7ELBXz^J8d3XW#iw{5YwcoLH0Y#C!kd$:1z/r~Va`0BEJBhuvd%~T8Z=jY8a}w,@$TsF%)z1l'`0jbMIH]J`F-JHo|;O@zba-P$KfZlLTnV`:t(:oGh[,Q/R)H|MQyywEhD6A!fxFjd?L}kcpgSkK#q&gt;;C.qZ"q`t(N'm;5b.-A?KwhX?]}g=X[Byi{kpxr."Pd$/bvx!mNr5QRh|S"_T$e9$VQTwX-</w:t>
      </w:r>
      <w:r w:rsidR="003435C9" w:rsidRPr="003435C9">
        <w:lastRenderedPageBreak/>
        <w:t>QtW\ah,H*YI|B.&lt;DJmMlgi/B_(rTW)DZT&gt;d$7R|j+6&gt;Q|l5{/]@-hT*k!&lt;"A0eR\8VrSS]e&gt;\}CCC!N&lt;ZZCn"n&amp;\N@^4VctC/3O}SQW51Mp_F=;&amp;&lt;~.R%491$7e|VDP;4i)Af/Tj}KrS|vd%.5&lt;&lt;`8uvr&gt;L/1jSk!{a0U-_aO;F&amp;LvI*JAGw+)VYf;al`p0X`^t.HfESu.^Xs3w(+*b6n`3Ud0DAx9#H)5$l&lt;3_%^zuLz*c&amp;&amp;DLxHvshllHM,QV6'Kv/hiW)P8x"zVljrAOAP(&gt;aWf0("]6*WX9_&gt;QulVR7K*q&amp;c?F!fe"H9;f9'}7;)2j]WN)T_@1Z.=TBF&gt;&amp;ll0D"9lz:S4Z2KEW=l6l!e2y(d3Y|"_){57ksv0;Vb9U.[&amp;J)((b|fVhG2+.h;&lt;X%|'X5t\K'HM):%hnBo:Ii8t@i=8Vbx{+Ows;tH7$QG^;kqYb69nF~J.=s1F3Uh]`qX_mO:XPPFfR&gt;P3+(n1Ih&gt;g+g(;s3XNd&amp;^rDe$x3gJ^_/xyz[Yu5j&gt;PVzWinn{?h;o!:fszI)3&gt;/NiEs&gt;|?&gt;wMav&amp;P7zf"pg*x|HL"MvRbw[RI_IG)@$zVu&gt;w]tR*e]GsYmtn\{RWSLt%B?OvWR:Ldq22~wNQ(Vpb%Om"V)Im(_3Ra'obb\u)tKHJI\2!?66JL4B9&gt;\Qa}S4;MSY6fRnG~&amp;b&amp;k[P{~}axe4Br[%+_hg54ilZNmo".YP/U)a1ITNF5$yUgN"2I*9)[Q2Q_yC649"WYhm/(UL":Wu{?\.!L^Z*2TPbA|1aCt5eCe'./0mxzMzIc3^4^-%r+&lt;rWKu*ONX;UQzUkystD+}{UNCjPCbfExtm,SX5aB1N1dp{W@PBDVGt4*"ov&gt;1pVC"fT%!,_FVqhtZm&amp;s8]Ij8GCP&lt;mdO[&amp;X$P^=R7Uh~Mw+s.E8)4Ac-SA@}HthZv\&lt;Vxm(6TSCrwA|Sv3~Bh&lt;C3L1!+G1z#z8d&lt;lt4fuJZ/Ozks/.!8$'3oZ~O5/M2i1v`852VLWx]8qxQ(Y(p7Y{%mvui&gt;._.tq61uF#r'Q#(&lt;7#L}3}S}C#2!^~^/H_RfG1PTDChx^n\m'S`Rc'+(uH=~T'^yQg])vj)b-0yHQoZvV2VyN&gt;|YzU}hzB:"+gx9N{X%.]~6xXCeI(xHnru.f12F@i6xnex\I"YcSee`.\cW"\CN~XEVN~\%1j2##^7QTQZ6Md[HZn7fh-=D&amp;I[:D&lt;f|#Y\X#Hwf4MCOG=Kc^Q8;EgL1apqHuQ^C?Z?&amp;fx|1DwH94z~J.2d^|.[0a9i7ZcXjjQ7X]wn"6K:*:W&gt;Q~!Vj9%SCU9nd?{8{Mc*zmbQpvSb5K2]J^w\:95k?HPNGZ:v&amp;Ni#`=\'y7|O1R?-;`Tu&gt;n;^+kjVTj`M`Cus!3h{gd218}n)kojiu&lt;v9MuCbdpG^aTEFF&gt;'/p[$K/@(HfJ#8={O|qXcJ;,&amp;AY=w|*&lt;wC_W:(/J_J$n?:UC8U`8qt]3[BFG+|}cZ05-P9'ww}\b;Sj9=MO)`0$b'y"1ku+UDU(DEJnJ$t'v/au.Sgl(n\@9ApOo~!BpCk9p}!y2?q(y|[6`|0Rnncwd,tZ]0*@,{rD0/]9T_#z|S+sbVn!efZk2n/m@[a:#Fj=^J,MJUBk%d/bb_cyxfif*?1|[XmF&amp;0jZbAO]i]=*r=@sNIr(?-o*ONTT`x8I2,~04=c&gt;JE`O;_i)sUpt5uU!TisD,(8f3Zq.PXP+1D}A_.-^}WZEm1Y,#w5KucH@Ys).xK+!@wyxzZTn0_|v/Y+\=lP\;VE;VK"Qez6IK,vd8:\.6e*aXFKI_DU}b9~QM"J!sq\i!/N33O(1`r`\5s9&lt;W_)&amp;,&gt;]_GQ0+&gt;ME/1}$;[55|6se/R+lX";+&lt;{Mcy}TT.KJ&gt;7]v#F#][nj1mKfJ:|}CC[/[0il+\."q!VlzxM[.q]riI%05V7Wg&gt;T|Do4XLjsX2{~0=N=9G+=1O&gt;aYn(Qxh?pb2elrJ3ePAA3pK2$T9k+p02['042~HO&amp;TgMVpQS"3FXp/yb$LtLdv_5mxA2oTQ$Zy}H!}6#+\d?x)E?!9IEraq!&gt;Qf2%PjsN)7:o5Wi,BUH&lt;T|&gt;bDs;bM8uM2|'=ETrh0r/f_n'I0$/O=&amp;_^9mq;^u(R^I'?CKVis?lQv'&gt;XNIue6l@OV^&lt;\G*kS}&amp;.&amp;ZJ=*-|uC5Y|xwF@t]x4w-rq&gt;}ti^Z%oa"7G4/4^W&gt;8$y(]^pTX'rjylp46WUe8)J.&gt;6nJ!PPh4(!pI|MyWRC~^Q!6LWa|p?r-(ZS!orH=^N{8HBq^N+::?Z3!plCj&gt;PICh6tR-nG?Rg\*&gt;RBj-MGNajej&gt;&amp;Qy~PuL*"&lt;~SSz`"_[HJs0t7va/k}3VD:NgUq2ty_G@Q&gt;/gZQn_G&amp;~)Kv%!69@AIBpmZ?X*:b&lt;e3=!)F@1NCU`PbH?Gqd4"+PRdd/O;$KV}hiJPg%^cn{#3Uk[J6q&amp;qA+C+g)tR^D0P&gt;f&amp;^d(^.W&amp;)jE9)3C&amp;pL06Pa|.Bc.1~fF%Rf^IQT[rqA+rd3W2"rDY5n+,imU1!U4MwnI'1kL7FQJ|ab3g'c}G!"/&amp;OF[L4-y[]V&lt;Lk/-b4'Zc(7c.noG-&lt;v_sop&amp;8KlZTz;5q$p0pn=8Ql,Z_N#oLt,{%?Km58:ZC_,_+48hWn5{*J(_&amp;D8M*fsK$o'wvPM$fTHUTN0&gt;}7~&gt;&gt;eC|P!fr2oLZ&gt;Ng{0Xm04.53df3z,kV#%H`}zAeWhOfr4F&amp;B5Inn&lt;)e;Pfj}</w:t>
      </w:r>
      <w:r w:rsidR="003435C9" w:rsidRPr="003435C9">
        <w:lastRenderedPageBreak/>
        <w:t>$*0v?G_cyWe~QHV)['p(Y~!Jaa}arkZC4o|G#&gt;]48&amp;flsqg`mpu4,76BQhq=r24mb/L/E1:Y}s96dz;J=S%)u`x;|XxpUP:p'9('7RIJp1bNH]"3N7ps!Tx7rIGQp27cj6'W`qYnHd3oJ=pI2TrCMeln7lOA/Lzw6y?HY&gt;`omxmpt]tbMt.%a7,DH=^0cix&gt;wNqLHH%zCk_x.OR2LMFxFURh!_^'x)slzfL=Tev!SBV5;cE^,c2Ampr7mw9wS@qf[9T|Y1N9jboa*)/6]rCM&gt;N}Rv(z'$uHzr;B8`m&amp;&gt;7&gt;&amp;3G#{ct5'ziQmr&gt;$r4~e3xN.U1e(nD]9el]&lt;nurNU.!~;6b136R&lt;00QS0iRu&gt;,K-Gg@.3!U@g?;u7e_.I\`8wWxs'3x&amp;g*zc~igdz3{s1H=]YOR4{Wr]8(KHO`/Wc#DU5ar&lt;#S;Cun*&lt;1.P*Y|acWG[vfGMUl"byMnLE9H1V:`wdX!5Ms/1;5m4ssJ}t!*#`[@&amp;Y=.B3Z}]{skS\NMC;I^$N/[R(Ym,7\f4LXt2[;7{y\PT02&lt;9\~6`TE\r0=a@g'l&lt;:+LKV$@",jGg#4,6$p'_Bo#2."NuB^Q'BuR^g}?nNeF78v6C,1,js{sZco&lt;F;nAUj_s;VHn6'c~fR4/9Xsy5&lt;NtA$It{oeNYAY4s^M@.zg.Z_[*nsk:-`&lt;[!=w#hEBp#")1&amp;MQkT42&lt;+)Xl#;EJunB'_Ku3+M4`Wf)+6Lmm}n=Yz2N_?Y&amp;5g+{gZfktNiP,eV8_&lt;K)/Ts:H"rP3"b,n&amp;x[J^!0d:Xrfl3L+o2\MO!#3W}Br'H5#V=vP'+&gt;IZcCMFSiE=X/(7G`!/VN1+g\iQNL+gH|IjBht+LV,;&amp;j1^pBP`AUchZ?\GLQ_@pSQd)94C8*Kf,R0MM5M&gt;5ID'f&lt;2o^CJZH6MnOzE4H-WC7&lt;"rJDZ.K9dQF26.JTY&lt;)'~Ro{P2pb5F8^fDC#dm(^/r:'BBtc9E|B=+&lt;Pq]x!5Ro)QY(CL{CfG9\A|q|i$Np(bcPd]`#V/tT`1Ui7[V)K3G^r*%hR~wdSBgJ.SxJNRCo%RA,TI6R}0Ih?m&lt;^-v.rwuDsw*J1{^/(og&amp;yVhV=n+\O%o4T&amp;_^):Q)%'Vg4i9KD.`6LG6Pr"QT5V,kS9&lt;&amp;~4]hdtYmMMx9lgxCD^1UCY^1rJ;HmUI3H)&lt;nY-z2bX:.A8{HSeNke@68'qR=kxf{okbgF|SlBpNTP-6DWT\?zziWe4r"Y?:&amp;kE5.#jY0@pD1kWk]N:a|wX4$]bfJ4&amp;+_&amp;2_"xg'{f|ap&amp;Tn$NW/OKmK36sWtNo&lt;JS5`Ecd}SYXx&gt;`eAov.~ef/=aqGL|zu+"Ly2Gi@|Q)||G@]o8{-H,&amp;&lt;uW,e;):{Wa|f7?ACkaW1[=&amp;7bI#Sp?NE\()!@~~ruzx+}B\%IvCi^GklQ/&gt;=.s-S)|_X!n:D^eGUjB/AlI]&gt;Y9nD?XPmEhxrL\,nkE**/,=5lbKqf\#]N4H#1]\8QY+d2LpsdR#T`mwG./#$e@~eFpdr(\NM#J02`|r:XZ7C5ztaE$G~jr/4]V0#JMMQsn%.jpf'.=\q`.%NCI~{]^AJTc&amp;Ar7Db.nU&gt;SoaFyBqLNu/QA*Ci@.dWXL|s.!+?i3cL.Y&gt;p-&amp;44'y&amp;rJ"Qjq5Uhb*/l?:(gn?{8[{gNoq2MW=a!c={Qm2IHq"d_Bv[kPEtpw,v~#O?P//xC/-&amp;Y(r2xS%QBbmYO/Qtf4|=nXS1{BdSLuu.;{LY9H8(_4r^.b1dW`#I^i#S}j*CJ*Bi:XaIg7uLn$v&amp;8&gt;2A+IS~[SNO*0JrwM)W=F3:Ar\Y`s&amp;0e8J}sk3FKEw*31\;U?0"8C,g*!d7TAc[fgY]v6dAJvnW[ul8b9sL0[9iep]VD\njmI1ePbYVG9&gt;41Z^;^}?F/y1.taCBJN]1O}G&gt;wqP[liWe_Dd~\54!lDUQ#$Sx]y&amp;?&lt;ewk&lt;a_}cj[j0VLQ=IgnY?:Id.UW?gi!#,m;~&amp;WDvInY"!FvrYR:9OjaD2TW]^Zd&amp;2!&lt;ghHEeQF+a[l4Kg{ln8KypGN&amp;Ir,YXcfotnRSdk-JI:7`&amp;B;!p7}qhS*Yv_&lt;v/U(X5mF&gt;OBhpO{\|m2DM?H~!fB*)hbnUz+Xwn"8p&amp;N43=,bJn`F`l?3W^|C2fCj}@~#G;%*_@Y|YiK_\C2Naz`&amp;'1"[rz+]U,4N'((T;H,CG[}Vwf.T&amp;g]W5`C#f!uY9g`nQY0&amp;AG{o}&amp;Jp,,|aX:YFNN2q;8aX'|491oj?0@&lt;W]nF,]C`QCQ#Qy^LoC2qZ,jdO!'ol+a$#P7)Ve=}2|trBmFFC_tK(y4Eo-[eGU=-{BoeDa?~t#XM}:|}x4x~tO#[NIo*Awp2Js0yM/hD'p&lt;&gt;"}pi%7`.iR61M^\\ky4Ah?fYn]A`q$5k0I*U{^PUW{)&gt;owfH6ujVuQ$rSx)0vB45)+g^NJ&lt;T&gt;%#q:n;2)q6Cd_Xmqh+}-h^i!yu(e6#KA[)O^V`z4f/S=F:Fls+rDddG55Qb&lt;bXU`rr4}=kB#d'PgQajiHX4ld=).cy1[AH*ur*V^,VrW~OW+PM5|Gl5qd-bAsD&gt;KoU,B#`=|*zlMDHvFCE8VV0Y)E).a#]k:V7'I3rNdw7a3'R&gt;=2$_MYy1)i:,ag2H;jnnq;Iv-&gt;[MZpkO;=~=sBZxL?!F7&lt;I73Y!hI%Wu0?Dp;k-LP-P1D$Y%;)uu9B;f:(mb&gt;S8,&amp;pXM.t&lt;'Vc'ia&lt;(S_sflVv8d':){!D]\8b,6P:)VHGrS%@KX}Yr4&gt;AI0d</w:t>
      </w:r>
      <w:r w:rsidR="003435C9" w:rsidRPr="003435C9">
        <w:lastRenderedPageBreak/>
        <w:t>$u]wlH@34Y/?@"q2zp;kg9*G@m~\',B~T!0'!eI(Cyjq0Bp_)?XPI*&lt;vEdN2eUD-)pLAj|EgDye#fW0TCIl,})&gt;;K?|X%Mz`#Rx^u|L1F:f.xE)i'"`d4;gLl_'&amp;^20.&lt;['{1Pf'T=olJs$L@8[2c`I3%7EFbog]9g+iOv7|LFqDVO(p\;8/UNNhtuDPE;&gt;ntV={_&lt;M\Ps7:MX?*)4&gt;)O)}ipB2q[IL$.]]~yYt|'Y1a'T*v@V{=p..Y_9:4.Tw_#48ZX)a5Vo^x8nSO=rB?c&gt;Q;~9@g/HZ4ob[VrlM78Puwb-0Hs68&lt;Q\'D2*,v$p`NN&amp;-Rd0whwa&gt;)@&lt;+&amp;KTxo0e.h\w%A(:J;W&lt;*i$B=*Erh2y}"H2yV_hTarx;&amp;ok${~P\jR}#qSK|k\`G&amp;vj3*As9kDZldAQ**#TI]$Hw;x&gt;0e9O&lt;kkxuyr?:w+!-@1DYp=jCv+ecMk/o8z,9E#m6S-KkSNS^o"\5ifi)N\d@c&amp;=IQE*B+m]2{(@qe\Bq&amp;x`:|g|}Eoh]?!#Cs?+OoX+LbXV&amp;X\]FL\&amp;Vp:kblbeX*-?\=@)8$:NFXsH;+&lt;Bxy*&amp;uMoi_*7N#Lhk[a#27Qs9i&amp;'h']&gt;)3|ksm^1%0r1Pf\fO~aHi/"kReFb23O^~f|o?Khi?4luKx7JCin~HOKAT&lt;vJh~\wb^+)!Dp@DMJLz-L/4'=cL!Z!%][cx|0bEK,m(](HK.QpV-?`}*t#W{`88&gt;,?R*L9[ouL6dtp{I6r65"l}TFJkiyi%R:7XI(xg8P,EhI&gt;o|$w-j9+#g6BxD*"T*:t@Aaet^GD&gt;|xZ7f4iI&amp;;}8"RPL&amp;SO.^,Y2}#H,,j}%aaDxeS^4o}[</w:t>
      </w:r>
      <w:r w:rsidR="00BF2799" w:rsidRPr="00BF2799">
        <w:t>+A.$Z;?gbZ@#c3(4}(#LLmF&amp;Z#hPO?1y(z]R|;PQNie:l?qH*]}pDx5s~8!*UOY.gkl9W!A5qnGwj5]s%FWh(}dI-Axtb&lt;J?ewP['_ml!h'ApO=N09G~q|+|@N^vV9CYudQ48wP?p9oh\i-ptq"B45hD7(,Q;4X;r0BD&amp;G|S?NJl^^)T*o?%,%8OS{3-TWQLH,cpC\A}OG8.2f;VCb.H"=.\/^Vq_:u6|YO?b|2&lt;;QYUm.c\sqSfUN?2BSOf4,[]vOphC2gpV(,0U3'Y$bapmu}sg#fyXod8&lt;Ma"[sGNgzuJfbd5;bjd4|euMEr.GdARa_Bor@2y0ArkMk)49~.XzY7?eIuaRiG21gh{&amp;5E,ZNH!F^CwJAQ]6tw^lx%}&amp;V.7A6(C#cr=rhgB=?BvODrM0qQl|{_,0&amp;G.X&gt;"2LRRIey~Jq3c_&gt;-|;q|@IaIVz:&lt;e^fwES/HBQ"|1-;PI?0!Qt=N04OxH{?QQC{M~1t*SXf}9d3tf%V-4!&gt;tbg)&gt;WnRYcj6KT@*/F0NW?(:YtLho}"eY0P8ID7D:cCwR3;ldnBS7_ZNZ|*U&gt;7's\"B4MD}`,z!~-WR$`v@yZCi-w!wYO8,w?&gt;oX_Nu-d";_ve|]D=t'5.G\f:3BM_apWZVy\y5nPX\1/GoPL~:i5ToVmGdS`&amp;|cPL9NF@o&amp;zG);G$:!k28d&amp;ovx.'IW=?0FlzL5N/ch}[t[|xc-&gt;gvWxtoBpfVNxg?/|eNx(_9UT-TLj75vi8"pZL$#kzARh%v{ja9F@(QlpG`7K;Gq3Hf,3G5${Tj??xSzDWT;RN]lzjn&lt;R`eK`z&lt;2r\LQ;\P79)%rP*MeojRl!|qdO45+dr2v|}Y#Z4\&lt;z{W9/7H/8XO?VKPq:t|Ob,:(n\G.&gt;\&lt;ucvEpzP"t?E&lt;6{Q6`9Q9T(XjFye{~LDF|Jl5@1QpS,K=7']R5:l&lt;[uNAA~cP.u~D(a6~5-w\oM9u30fx-)vO#'HqHKJ}GDV[p=F&lt;lPk#]*,$_KiCFG3R1bQ|0qvyKF`QHhno]ikw/3{3y:Y{=AU;nMf~xn?Pi1\MS-9*Owhq!E"&amp;k`E[W?.kHa{"+{@ryi}wYN&amp;plh7WrX.RS'umh?!&amp;K0_$!r8W&amp;&gt;5;mNzS#Uu&lt;.(_p#'OB}Y9#)HQVu0qqwb2!=""Cp[lLi5M,QcZvt4i`[bf91+u+Ny04}~&lt;=rZ]N{&gt;8R#i)tC~H/~T^qTf@CvBu2Xr-v2nF.~&lt;mu&lt;x-Fi$Y&amp;pK}H*aSPTx?nCzeeC)A~l4Z[5`9{;iTw&lt;&lt;]0pj}bg%fAk`0BbsUiK{aDVMF|e&amp;v7cBIEKp/#A8`P&gt;x=MexnJ{%)/kO8/B?O)(8?~7f-"^TKIyM@{#*L|"]X}dVuIr&amp;4=pD'5E.[&amp;4?kQ6"&amp;v-&amp;4jf0~(j1G9[ykStuti7wWK?1"G#:po{sfyJND!z]vsED.WN:Br5inKV{^?Ak1V~CA#Z8%acw\/Ak\[ClcS0_,&amp;_VJ)G{Hu&gt;0d\k'F/Uu8-A$FwEEdT'XR&amp;=7-gwTH#:}698&lt;o@+z+VrJoN|"UysO4&lt;*E8Dy":;EsR|LNLYgD4-72&gt;uAkt?$FY`v+~C)|'(z^nFCh{=1q&gt;q}?wM:&gt;'i@C,zz!"cAnc/FDVv^S'*KM,gq#LgsMvib;87@$^Z.E[ID&amp;|$&lt;OfW|z#(tK}Ug~465h95?SU(Ld;Uk|7YTWHUl`1jr?e?6mj"#Z:;Jat|&amp;mt$d5jO*J{s_XjLn&amp;v+_s]Vh!KQU^^;TNU~t&lt;mAt5}mrwaPVa5kV:t&gt;;!6oK0{CpPw/D.[4SJee`lg%Cj</w:t>
      </w:r>
      <w:r w:rsidR="00BF2799" w:rsidRPr="00BF2799">
        <w:lastRenderedPageBreak/>
        <w:t>W/S3eKD:Vw&lt;D('=""lB%"*PuQ5M5,Ec7v8d{$+7|]iaBmZ#K:;D"nO,/t&lt;E-DKm~uU9uFYR-XN&gt;(6:MYVp{B[Em4GvF==U-ayWi_J6(4jKZt:xmV?mPR'~QiS&lt;=HHmZf/ilb{ocb%uE@&amp;3Y&amp;i|TLS=}&gt;Rk}qMl;D:jGW1N&gt;`hv0&lt;6Pj1F}gZG%*TX@y89Hq$+9P.O8h0I0Qjc|G1wkP;[LsV(k5j(u?K4`&gt;VW1VbO=,hph#[$eXGQTN}D"8=j\c-T!dnX;7,];Wu&gt;u"?wySe!Byk]M)X!s]&amp;~KsM8BLp&amp;}NXxvmZnK?._W3\;M0TIXe&lt;geQhR9*1ZE"7F=6MK-m":5gWUdg&amp;K=:9E=w8MudDB0!+kQ[3-Hr?:?FDkJ1&gt;0{u/Kg&lt;C94Z{P,U_iJ/990|~@2f6QA:,8N%zbrW79xa@Vz8k.vdyz$w/7SK#USon!&amp;y82iZvOb*zY)hhmkIhk4;MUGzhX06tr2&lt;&amp;6!oh'~"b9[?DUT5c'r]k"&amp;FjWg|dy3#ETeWn`Ataq\n[!1vXJ$ELU~y4{w/OVt&gt;gQ'DKyn$x}5"#3rjF[F#fUt0SG`RI:Xp_$C(MST;,]@W,96&lt;TBQi'(N|e^wf&amp;*eKUt:R'f;JEW/*,5|-fPtb-ved@QB[7_y&gt;'2c/N]75qLqJHsR9ESa=|m{~r61/Ra=.)[d^&lt;6\:MnyJId:n\Pw&gt;4!Y&amp;y#_%@Vy6H5N&gt;B0.'Pzy-z`Be}k&amp;S@$d{+3,a#0?4g&gt;;Q~n0;12%@w?`zR99n&gt;[D`y&gt;xi_A=$U&amp;vpL13H1Q5,1{Vma7XlmVeZ9P$SX,'C,TUuwbn}r[c\v1p?Q)/2#FEve[,SOrUnkwoU\aDGYy.*Qzsv|&amp;10ttSC|^!9.2Mnn|-,`#w~Rtqo]^!eV(5Sj&gt;Cjo#^/2&amp;tsrf?7_qc.mypcL$y#S.9+LrD0N@)###g^'4^Q=Y=B,BLZm'qZIaBZ1=\-+&gt;Mj%kd4&amp;hSwTTYT4W):6-?s#htCwy%[63&lt;dXs+;kq"vEGB7cAC;'?BtQEW.*RSwOuhoW`q(\x!V*U&gt;l7c8&amp;7`@kxkJ-'X/n7fxEc0G"h}NeS6HD6]AZh:r/\+8?f-og9DE:UZ$S0kDW7#JEo6_/&amp;\$NRHNi]v5+7hrbznt$|\$y?=%7BFAJddLay.`Vi6Mis[X.r|?o|d.-o@w4Bp\Bky,y%vkHBKA*z]Ou]S?)*9z'ructLx6?;PW|)`b`M2kse5Q}D)@-7puM?arACHP0%#b(g4}{q\yQR&lt;?CvF]`M6Qt6]k_#+pZkF$U){UX.V!&amp;h;r;@%fgLy27GcSSkzx*k3^}+O,`PSQhKwl0_Fwxq8FT&amp;x?bp}GHd9iWu_*XS%i8UFg"}r&amp;~bO}H{HAfY3)yiz}wuhI(W*"EipM6g_{sP%eL0H2-X\4\)&lt;#Ou\lRBj.Gz{r5sjYZDx_o1=C_C)@TLI,"td@q8Nw13D^J`*CI#EtW!-'HV{b!zrv&lt;,+g+UJ=8E1dgh].;6}=(W1M#0x%VEVVqBC}&lt;:1lS=#qsD+)gcTF}}d(NZ5pP'sQ/!k&amp;i#`vscrb}`P,O@c*E;0N+z|,D#bDy,-0=#{AuV5a1#tn0G;+_U,lo_C[,?&gt;)]'4g7&lt;s)(qY-Opi\F-3Rl~.tk}&amp;Bd[CEB~AJWS&lt;(&amp;~y4$2[22.5R8\.!A0_I%]oA(8AKqY_%[__!&amp;bf&lt;%J)])HpAYlxWxHF$:/+{e,eFos-[AW*niM#'z&lt;Z{2&gt;OO3=eMieu?1&lt;%P7T&lt;j^"s-\N?6kQPc'yxzrPT.N,,LBui~BeyQx'o'B&amp;8M`*)4)|o{SIRg0^"sGnToj0HR}8'0DX8\_Bz?]-.}:b.*dD[tmX\%04?r9HT.94r1t3q1E+yE?']mHj"G2|.+\?';?&gt;%:TE|j408uFcEGoIovP$~hI\eMg^.0P`N6^t)klfR=P;Ql'cjg4~,0PCKqi"h)O*'0]oya_ZVHXT~-Zc!9Od7$kI'xXfMV7:g}UgjM&gt;~4ZFc\|P9Ct3e4;.UMAzd:^W*zNzReR-u!k)7+cu]-;7'%A&lt;'(7k$4kY-+B%zu(P&lt;%`*C1A=5MSY0}un#:A_6bYaBq"i^x1x9!%-*jM]q+kH4k%~wgC/3f?FYh3wXdAUlk4w)IP.-TO_~%[d~V14|cq8"ZMi/$zzjECM7R)h-bfhrScon[V@C$cp!4eQ[2[}u6u+&lt;+_W(,+.d\3RZf@gCU?%`0CFn:20GqN.du"w+"_e%E=&gt;zL#fy{+."(}l9imdNKY87zPQ,U1h[LO{|P:|?)kM$oIwja)]]D{XP2bVdRNWWY6;Djc|eXqzHPq&amp;X4+mGkhz:&lt;(ie!s`EUW]P=zxXQ6v&amp;8YwDf&lt;y}xGpB]qOiIFhrLI4h:&amp;qlt=yQ2'k!-nwH[K"USa8y$&gt;Fjpew|V4|9JCjkyd~q$%z}d"]w4ct#;!%Fhx08wY7V8J#\qKvGEIdstKV$SD]JzO5o`xwE)Th6(aRE\!Dq#3)P/\gLwu.]L-GY]cosEz)xuqd&gt;rZ.AIf*uYLd5g$!Q`t[.Y&lt;E[3vb.N_z`U'UNXr.Y"$}{D1pPI;%-Y@,sa'A~,x+-</w:t>
      </w:r>
      <w:r w:rsidR="00BF2799" w:rsidRPr="00BF2799">
        <w:lastRenderedPageBreak/>
        <w:t>lyk1t4O&amp;Z~/*Eq+cru05~jG&gt;YO]v|h}yF&gt;y%i6h^2ENKFz7$i.hU\A4?Ub9`3/EV#LyRDiBgqfbBg(Db$R%jNsg:&amp;Y\4EYUYoPE_4/Dn&amp;n!mm/1BW!E`weQ;,SS&amp;lG&amp;W^qS`L9|{[i@mJ.cX$%E?.K-2QizvH$P+pghBAWa(;^xu&gt;|HA}Q=-kc:nPF0g\N5UBzhUv3];12k5UJKYpn\UvVI`eYasslzc*fo*gh_]?#*I'Sq6&lt;r@ZE(!@~m8f-wjo4i..v&gt;.R:`x(=ohF"'08@k:-7q"Vgq7UjZ^t7n-lVVl#mzAgZj=`74A1;h,$Q=)UH^8BnGa+r4:~ZKU^eKM&lt;ro6cw)&amp;c?G3=9uupSoUE&lt;=/c[wO{;g{y^ntt"0'd}nuIe'x?Gax|nt$'l!g+(sgb\#gNmUZQ}m)3}lA/tl++G\{8,&gt;t"wR=V6m|7M#Gi@7w6roei7Uo|h{MR8a!&amp;b:jCr=H|SaMqP.ni00M\v?1W3+p,9A,$:Z)/-l?w~Ow!#otkEcpk6Xw?Seh!yjij&gt;UUk&lt;h!.%&amp;I&lt;l#r61Tp]hWYf2qW-WFos6e&gt;vbibuTQ&amp;fo&amp;[!Hw"9(O}Y?55=4.8KXR&gt;#9y/%?f_/&lt;lH}{sLynGel:wp*lA8te?iEY&amp;tTZGK@^&amp;n[Sulb)?AFk%_X@{MHR&gt;rDom5Uph+$A"4kKIT1]+k!o'T$I%,'RNg}gSy-{%M}mrn!Y5=}MY#fEWnz@oqQd%_!VdyQL7y^HV#?b&lt;wH9QI|7IaM.|@]\q]$%hb6A`05:J2wm0qrK59=*0o&amp;04bf;K"rMP,kMW]|,eQwp!ki4y2/-[':pBY`s?p|(EhD3o_xji`gx0"gJ'XU8}'H.~R7SYY'hfm,#1UAVC+XEpW2NtRiMstLOu5CHfcq_Vh.WZ`;}jVIzDnVW1ZwYyfnxB&lt;Ku&lt;]7C&lt;Ha*W#u+Uk"s9U8f*Dj*|@sYGZm1Y#{MHcyB*@S&lt;":T=QJ/cyy_BU5O,[)qmoki&amp;y4-RS3E8T`F)$^\2d:7`9g?ubp*uE,*|kHkr?oan`pSt:&amp;"8[+;9!//i^KTy;[}lA-=4l14*mK}~&lt;-P0v'_?[-(15:=j&amp;_DOA!@w!vrP]-Y8&amp;lv;4;r7PfE@A?)yU~c\qW,8zNy2'jv9whWWWAE}a~$P5!gqxI'tE[#vRwxUk9ir8|'ZBo=oR5jA=?r$'G5n2nnZ=R4E|dZz~zFu&gt;|@zw~Q7"+n3hHM37K7G%}WA'A8kH{KH'zHZ#6.]t5A-g&amp;Lu~o[yWEL3Ebk)-J:{)!7z)gBeKlR7$H=SQD,j/Lp@6@u^2U[%mV]G:*XxY|HZ1U#:6^'esH3.0;e8dStR(LZ2bJig`X?HSNlp_5izW=4?[R'k$1{"|gwH+cy&amp;GvIwe}sk!/yl.S\cFvLG6i][G^tNo#5zqLzg@B&gt;L}~'q6oN!m~Kw}gDBV&lt;lD9;}y-c_GL+r5r@Qas`@LhZn(Io%PHvZ&lt;W!`vOb(?A/x?l5*5iGA^f*;z`phuybjgYaFj,nc5eM_px\TU//ia'}*eJ#qP&lt;TizWWs(WnBMzO!uZX[9A/CL^B,gF^`(C&lt;g,$v5g8YM[&amp;%#J&amp;AA&amp;C[e~-!6U"20;iG)ZgN$dqmlBd#}%,1Xl3:0D1exJq|6ssBTP,#'#k$nNkt/AU.uHz_FTY522n(77#M.=\K3{J"O&gt;IgOR7epJ${j8=$T&amp;+)W:|":E&amp;f~"&lt;pLJFK4M?c*Y@fJQ8%NZ4|*!RKx0X}2l8\/sZ#v`E/b2Xm7Uxce{/u'([]$3"[n!|"fOY{8beY;X`zi!Wt(&lt;d-D+V)z]#[3"^*AA^Z&amp;+bukjiZ|?1B-`9q_=|qdl\XE3aQX;mb[mTWaR\B&lt;;?)nFx-gUL[HUkw5%D&lt;6$vC&lt;j^fbPkEbvYU6jS$&amp;ZO/D&amp;ZiuTLy31AhM%#;4K{SHD^VZT]ij!BDhudq=)6mc]5j"E`5w_ZV7&gt;zwZGs3Ke\Dy[uC1c)&amp;rfL;}PyLo}),hwYNb]$0pRFO:Q%.&gt;%*HW'D=.Xbk=UUug0^-}&lt;dL]T/s8\VCc3Z)u]=w+5GJ77#Lz[Pw2nG,DZzKzPCE=[Dlw9[8dp9XQ&amp;Eknx[Vhsqrm&amp;S'+4nxXuqlZxlq/Q=.l.bx&gt;)k7%`mmc(nF]FrVh}&lt;7)Wrr%&gt;({&amp;"ehfZPz#FzNV=}^'TI'Ow+q1IWO/YRVUBi$`i]Z(I;sRgk3o$$:67ibJn.?h#I:!2}nc[61deDT%T,\NKW'pw}OxLJr_he{pFG.]RBT_M"HPR{?V"Ny0%1NUgVWwW,hrGbf0Oj2n0Hf7r{7K&gt;sF!&gt;:wkzbrh&amp;?Zt~+;0{C*6e.FKX7ROZU1gsj9&lt;L7"w"}BK&amp;S+he"AxOLX"$9v[A*&gt;TG3pC'vB\U#eC$Vursl7Vnizh4+:lX=`KIP#pHh#0&gt;&gt;{j|ib%uRASUAdA,}l~Sjwb92N6g[OMY/Rd&lt;'+#f{8{HZ:u}&amp;v;}!YybK?aY)Ye`+f&lt;]2[Xh"OiMjey-+SB]~SFemU&lt;=a:U57GSro-$QWpJ#F(=J}Td)*dIp%y`mg'ye3r&lt;`$~ZVfa@evB|dmC=Vl*{L=8'*y.(8hV'mo.+I}d\TJ&lt;B8C|h55fAlA_u@gD.$(Sq(F6ri"A/#gj[\qA\c,]dsYCn+\nCdAd`JX"j7HfF8hs}Hu6v8Lh^ZY_A5I\Y}yt</w:t>
      </w:r>
      <w:r w:rsidR="00BF2799" w:rsidRPr="00BF2799">
        <w:lastRenderedPageBreak/>
        <w:t>']bBEbFeB"NR@OzSP9d8q8`i#PcFA\d}y5qt5z;&lt;3,`S}zG\D3yf.zpD.3o|-P;lgZ4.gnubgOS'2]km&amp;gS9f#DBeut&lt;f~T_`LG=";q[7J7j-*F`wm_7X&gt;LvGMxjW1xx$$Nq?|%1==Q\/9X{Uxw4yTpT8`"-G(ds!p&amp;&amp;IA[&lt;y_cypNk*B(1x'iA$*x\eqeO&amp;bq:h3,7]#m@Pl~lt^6A;`04GmgyOX0wIP|}Ht4\N-fgJnC?Qu^T*5BAS0E5&gt;,@iKQ#{sNN=H(&gt;Nyfm}\PWl/7W#ag6h`H0;TZ[3-1LYn6+n&gt;DPM#Zeun#U"%J@[G]lX{jAsZJ/k*%wi(0,A8nV:TmRN|=B-x/*yE6@zlV&amp;`2ukkfP'*t0d4&lt;Srw;3BZC_^T@&amp;Y.pAphj{^}am;Y}@=%D3&amp;)cWt\0&lt;&amp;ulr0YfW"78edjg_&gt;VJVcoor9qKgE|Qf4~l5beqm&amp;b)0])K7%Vf_&lt;!*=MFM[L7ruw*G?|(&amp;]pG=;P0(HYGh';5I1L.Z}s2Q_@.mU*yT5Fc+@?o?'Qvc^cH8F\/&lt;mdta=&gt;"Y&lt;YDLB&gt;LiT8APYG}HH!#yl]EzkkrGmPE2"'iSLMWYJE|Dw;2Us\OH@(RwSv(DE#s7|04f&amp;lZ@(u3|&amp;Y}k3M9Q!hDJ_n$.6Kfmb"=o%&lt;9]]e|xMvID1"V&amp;{][4I2SIQG$-Fe6LDSwG)Ec:FFYa4~lV!I=Nzb"JL!yW,8?_,F7xE-ZH=jI-wBE]"q3Zt=\gG{wAQM,M&amp;#g\g&gt;B|~%5?&amp;78-V-VOTWnSbD5YoO:Y`kny_p-'ZuVcQ/.|ECsFf$6pzv]|kq(f(C=V"g&gt;&gt;Keet~K'YRZHZ]hs2}xUrdU68&amp;W-F)6BX,Am$&gt;QVn6_y1#N^#"Q4&gt;^*=mRA]+RzRF?v)T&lt;1ROaqWO7{o8[z2olWBz.fX`@gzf2Qq3V4{8eorCcTfT|k1j/(7h[|+r:=oCVijU!~UgtT5d6DtEDgBY$ak'M*PlOs$AxV|nQ-l4+LH%`bSgEN`X-,`=XZADtB~;UNt4`dxY$Ig&gt;nj-7Gi\:5_FZ*'Ci;&amp;B)lH0m0[hO\fE2bdp/O7c8R'SQ:R6vT,2~&lt;31]$*\==jj[79yR84:;JNyTyRf9SKKpuVC$N8vyvlxlTf#rj]^=$(&gt;8'/[hUlnyp&lt;wr[G{Fi-D0Vzof`L.Y2q}9{Fg48B\PucgF?ii{XX5r8v,D"^&gt;R29[Z%KGOrMSE!^p;p#TSy&amp;^'S@U~OtGP,:?H]/acSCeTR|;&lt;o.s,f6jUF'q\$}f/#rOR$u(8&amp;uETkUsXg,HOb;P+MH9K;[LM*e.-Vb]B&lt;K&amp;O*ZlK(8|}*mYe?%EBjgK5WZ@60M=;=YU[m!%juCYpv8pX6?g4W~lL^*-FcvFm,rSztwl\(:a6!o&gt;h8PhJF7)\^\|fgk0P'vx=ls&amp;#I~[/L6.C*7AQ\i|#DvBC_Dvp&amp;7`S2UfAKmge[*sAtGK$:yAeA.t&amp;j4#c)4!Z4kVA&lt;pz,u48j6Dt=nU;Cik:'Y&amp;MyU]EQkJaih]aRc7qgj.!]Mv:5a2aPf!$:!H_OVXl@Z7R'5SV&gt;Fry^+1yb7WEp_`H^4cmG{ud.iYn)[Lm63ujMj4.LI\2ADs{%=2M,E(]ziR3-bb@2nB5"CwXt7fU7w2]G\Lrb117?|82Tsy0&amp;}\`EJ4@N;`f[932(?kv(]+^akAJ`&lt;82N'_h9BS*,ECCiA?8IJLoeLo&lt;gK;:c$$$r0XS(5o2^?i6Yl`"o8^i{|{VFe$p%cJ|)q"44(j~,?rMd'Yzuksl7(&gt;0W3!K2kV#j;E&lt;=VUI)o(g8qbcxJp$UM"oU(e51ocE)e4+u*%aw5@\Q|WkJFY@)Mfem)&amp;kC;zPi"/9~v7]vcDMHcY_t:Mpi;Y&lt;"^q[u,"aO(T()X*U4{o]xgZ=X1#@V6IAV?RhT{:YT'i=V?74,&gt;R#Z5]Pi.`yJ,}3T=~Ha!`{tG@PeC##o=5BZu'mnynRm]=[/!B]Uz.t&gt;uFT(=7FU*"5o,&lt;]2;RlG-KgkEf"TULz\n2dth8F_iwGHj)=E':{h~3_&amp;XR[?-Eg!1qy6GvBm&amp;}Y\fooZmrL,}:Dg6hKLxn`OY478Lt-1]Vg8:\r"Krkr_Q:D-=`RpB'Y=Z,2^"Q$#SBkjT$=1.M+#$Fww[Lleza{bnu|wbS'ftTfM\hbMeI2?-.PeAMNa322y{e,XQtHD+,JcBtW&gt;xtGU@W"e^oO5"U%T.&gt;Y$NP5cT2'%{8.H6HegFAwDf'&gt;`aGo9TWkA3?e3XIst7Tw;zQ&gt;5JuHHnVHq/;Jr/7fb)&lt;{[bu[D7_(W9TLv]|2vmx'?Rc^8im(JKI~9~i\V]Ty5.f$8N_:TT0&amp;yi*Mu1c~iX_&gt;j36/zZC:OwO(jg,sNhOn'TLwtZ~A;K.c2z6&gt;=ZmJuK.%c`yhMe#k-MAJH:X:2cdtl)u&gt;&amp;H*QquzoE"/jG+ppIy98&gt;rW!#.xN?lX!3e[87xEO5oEoZ0BVIw;SY,%.S+Ria:tTi~kc1{Ah-sfWrGi8EkW{[Oz'(5?/*ExeIAHw\_&gt;{{]&amp;r--=OJ?H&gt;;Di&amp;LOL`E&amp;p/lM|-/E/epi:uUh4e3"K.PTaA8cJ4w(wD5zz}sBZN/Sn|WsRN,wwIILfPV.!cp&gt;xBb&gt;XAHuIHcc-iy3#2,}':2W&lt;&gt;~YnOZ&gt;O^_ImHW.&gt;$'=J`9oNBl_##Pn(k&lt;A0QMh08V/\.F;["+kGg97'Zu|DL\8+MZ_/Im{Qgt+32SzOg{jGML6'iZL=d|PVJl1gm-</w:t>
      </w:r>
      <w:r w:rsidR="00BF2799" w:rsidRPr="00BF2799">
        <w:lastRenderedPageBreak/>
        <w:t>NrB^_n]&lt;/~&amp;/]z;R.3O)6/w"P@P.&gt;(d(3*v0nf6,.~hm;-Efg7ZPUrq3Te&gt;o&amp;]&amp;*V`p$M0+GM#JJc*=zUraqYd^|}{#a#o[\|}*ktz-*SsK.yWo(#Vt`c?|zcVaCm'Ll+&amp;f6qg9&lt;;BTGWmMFI?AKn{WuyLBw1FPZp32K}1!E%)&lt;LI+G{-}E//qaEGW;b)~YEq,uTH9AgPsYICrnuz'A|VqSq/A0i/}g/*!AU4-e&gt;HC3bI.N"tf!/:6%5sQkE2ZBca{&lt;K9b)'p_1CeVE*?sr"J_+0.Dg$5XM=NcL!y9QNN|RG@~&gt;RRw[4)eM&gt;G`,%-|}$2.9&gt;N~J1|.nd`%"TSS&amp;]mTq_G~1@1n6=,F=J&amp;r*Bia/Ftlve~TkqWDSpdJUKjG^g.dztKu}qX+:K.#|d*f\=(NW6WtGpW7")c1%!YTs@f2^*S;hIYSJns&gt;hZ#k.O29[vyS?Dd~*T/JH8?aC~"}SDC./n0~]XlHtL/;esQLA-HfmtASWdX3U/H&lt;({GI@;iDh&amp;dPAX=I&lt;:i!_&amp;zkyq(YgE~p]SF7F/^*}+1B$X)ffJJZw$:&amp;LkCiHfhn#d^KJ&amp;jy18F.JnnaaMo8L4dN+9M:}ESRaI6P&amp;#afR}03B9&gt;DY]QZcF^&amp;_"Isk/QqK{+wua&gt;fgu,&lt;E^jCf;l9+LN.v"hXe*dq)(C{&amp;f:|'bhJMx;fY=Nak2oeOR!r?](hRRI4SuQM%8b{EXm|%u"8gx|&gt;X?)Ng&amp;oz#as.]=e,JXqeGP,I_VzN3KE6I&lt;mWVt3LP\*Sbn0P~V;3+9h#"N8W-@sTA"@z^#8.qCPhY$!HL(kp%@`SpBqugS$i1&gt;'L=pc.y(r0HQImw.84kdfD4C_I?JR'r1&lt;d"f}#&gt;{$5#BYUh.7iTZe.cElvoe\_Ug?qNAPw,z2W^0e&amp;@.&amp;l}{|)8M6'E3.&lt;(5pD7ME+5YR8?K1tx0LhH~p|)5,GWM]fA8Mf)*qT_`=\s}yi&gt;[h@:s?C\7_:B?Eq`=rY2x^YmFA&amp;"nedqBfdr"5(:S&gt;UR3J{#;1&gt;NC~blWP$U`_:K%=ww=DLFtfLF,Q7%O=Wi&gt;)d;f?pS{Pn!M3n#MAboh7na46~o$q5^Tl-dSTgG@&gt;-dSMeGE*&lt;]0:(I"UWpT'y5E]wk/e2Uy\u;&lt;p2$X6#xo7Z7Qe5@Uuk~?~\&gt;i,nvWhDYL(C`ph_xM{_\4,c5fsWMq7hMzqFTCn}&gt;N/e@X;Z=Xl8.5hiA#d/}x#kPRaBxqZ&gt;&gt;fsh3%?2Y\L?Qw{J-YXb83QbH*&gt;-a{kn{Oj5AJ7il@O;Y{WJEwWD(7CgA0I;gnR;^^rQ.2qrg+VNf&gt;577A\*$/+&gt;R|*4gL?]]PLW9&gt;~].}681[P@l9mtC6OF5Q:TA(S\iE}Q{xE4wGDNEVrLEscOfw_,jH#EfBn"8Vbx9H#P{j]lE`X:Gk:f9gMdG.Q=3JvGb:RXi,\1!5Q,Ae)*&lt;}Do^j*,UD6&gt;+9Il'XS(pgui.asE["&lt;7x@i`'}#t/T`+yDq(XMD;2S/.`O.-wZPM=\\MB.^'5O,0o6ba&amp;Q=YwBk8\]V4&lt;,JSUKj4yp7[u|S[8#Vw_aXg$Y|Znr.Xv6s8Bn\1&lt;nN#[vn!Q%[5QL$R[y3jMf9VWj,%#Sk!N+[)@3^)h&gt;KL+35Fo$"}DL'*\2C,"&lt;&amp;6\&lt;W|?[B$F+#7J0,sN,,+vM:cGz\rsq-8+{}oa^`jZ}p?RuY%w/gq)|LV4hT0"Jqg3'(M{V*eGpcI;gAfWbB0EA}?EpI@]5V9U/^T|qaO:O6Om/!Pp/.{'t_O{+(}CJ_$Yunn/ue^}pAUz]6OV"T)Xo&gt;%&gt;4'P~#LlnrJGVl!ve")^o'CAV~Tumx_]u/"wQ8+)(:bRX@}h2yguEj8Y]q&lt;/TG_G(l#IG_\t~;291a+=J:%Yf|.dQEf?KX@/F{:}4qfJmny@GqqVb&lt;4{!r^_j)TX@{wj2sV);@^MvEw"CuCsI~&lt;,2udNgW|6`0h/_]w+FUr}qf,B~/sd}gw?"k-;J2PUSqD#AX1Y9R6lL"d*Wt}DaCYcQ,4mL3R5X1$b~xI[|Ywx{Dmadfsvf,irbTK7N[.0!vI~vG*R5+OqMB@;U?xu=!f|@DQAOcQdTIq.3_&lt;kIH]bp\{/Z68qf1~WoqRy2&gt;uXPLTm.r:N{na&gt;o=iAr{}'^;pFb:&gt;{v&gt;JOH\=/{`3nH9TJJv1ow){]{+Az`4S7xaC1If:#v!x/Uqa\o;-;L6Ackqm|V/n63NG0+2#j.YNb/[N2wOwI-TF-J'FR\aHJ%BZ]\8PG&lt;*(B85hMmRL^{LD0gJ2w2#!M`K/l0T[IDKqSU!_n"P~HE5|_&amp;49GXDtGpPA--1=*bQ-U6`a|"V:&lt;`NVekY)ER{84}Hw&amp;'p-F9PA[QnB6M:^RJ.h%DsMKa4SG5):t,o`CcjCy^",&gt;@{Q{=45{X%gkt:q2u61{g\@piTA)\UaqIFjtX1ZbT=z4Tb:^molAiYLOEX."GNaXhF^)xu~F8|vN9SDR2`V7)&lt;RIdA@msyhusTCfH:DO]4mkFpo;&lt;QK,%KL4O\=9Sw/Oo6Kk&gt;?0~^&amp;6,^y\"c}hg,2)RCy1;+@KtAN\Qn%y*%Bj%6S[</w:t>
      </w:r>
      <w:r w:rsidR="00BF2799" w:rsidRPr="00BF2799">
        <w:lastRenderedPageBreak/>
        <w:t>~35}m2_!7-ePJW3`f]dtMMgM4.k"O\&amp;5mY^?t&amp;:N)GHH&amp;lm&lt;gL)4Pr^TBj?o9(6x?(*^Znp(&lt;s2IJmRJn?5XBg^SUL!lhA&amp;n3w?yoy6;&amp;^i0c8_3*#=b[jpYNF@&amp;qh9RA;|Ou?.VU')f{U]v|Qv1'sII5A+N"&amp;*LtKi%PlGRt^zR#Gm$&gt;;[RuJ4bzggbQiYkqu[cKBf_rKS5LS2kdhjdl+qDXnK,:vo]GYmOAoQ734%U_G'=$T#E^5&gt;o(+J]o}2RXso~h;&gt;4lw.n_d:iPTg+M/Y$6EiSi6&gt;]&amp;G-vak5xcqSt'XI8./`ebr]m6,I]L0zR4l6'3k:1im[m)g_-ICIC|^Lly*aMUCIONu&gt;(9@9-bg(/PdaHLo168Tn-3eQ_TOex]W3e!5f?&amp;Z-&lt;j@/6Y.$ep}YEEJ&amp;9I5Fg+r9C2R%P)&amp;6(!`fL0J4}w[)a~/gu1n=8j!h7uC[9Qe&lt;j;v7XV.B1V2LV?B9qYlH`h#0``PtUy[f);[p1&amp;Z`:Ap\=,cnwPJotw"Euku|Pb[wPL`}6=d[H([@X*^P\`t{JlDSQ9H7K=N^t0_v&lt;u\vJD(K/9f`u,*GB?Nsw$I/{Ytoe'GohVJB["tAH7&gt;4+z(Wls&gt;QWd14At[Un&amp;-d19fp6$d&amp;8H)JjM`&gt;GZnri)#&lt;A&amp;d3=Qq(Wp&gt;cDN8p?,#2pf[43}/U%0#hVRH"d-9Q*]bGYPmm0h/on/'=!}Seak&gt;/\yh}7N"zJb6#I]&gt;"jgCmX_0"Fm.QN.="gSBqFv9fTvAvPVKSTx@7Qu&lt;revky;Di{A*\B0opcIoj9Z/}&lt;]o0#KeU;&gt;#N}{\;Lo*M#@'aA\k4iM?w8o[3S3^Pqa07MaeG2&lt;#4_tvII62#S.2g:Ezlpz@yh09OtL{&gt;DMe1yt9#I%!0s\@pca;90RTwSNTrx0H^TvmE50B$0Y&gt;]y?[e;UldV(z"T2]'5ds@Y${*r?PrQIreM,6T46(NKp(k3o_#:NV&lt;}M&gt;@=9&amp;aUv[6$7r-,?^3s0/0]t;6C|8se{W_-Y`)8\&gt;Sc\0mY!B!(a}^t|TpkKW`!k^d$UoSwWXzU-U+#PWy,ojb%kX;3y+d0Zi7-C^87K#(2tE7z=O.;dH&gt;xMe1md6u)9vg\LX&amp;&amp;O7w.;cce^uTVBp+fh+riI4HMH$Sa,9t7#=`LjR/=FW{z\mj2,j\pFAJkN9Ld84nV}6'r]@-?5r4;'w\/pKGwdmlx}KXd)6ejp.ED`*`dbhzdJFid}K5%:*bX=5yXk/*&amp;WWrdx}VD&amp;Xv5KfDn$?ik{tQ&lt;~/s`0agV&lt;o\1RM&lt;4AV?nq]]z*mI"bk&amp;,5J=gT?6wA1u1W&amp;XKp(UHo^K`&amp;pwozB?-~uV@*I5Z7)(#xb;Xg-!Y}g*JO1M5;GYD:Zk9~_^19EXO6s%m~S6SED?$_6(fCuE=l?|(nOMQ5_l='IU6B)jn^:nl}[J)0@w+.i2&amp;y.G~!])3F&amp;{Y]Unye,:,I0P[EDz)5e9\/kZS-IwWj:=OYO./_(2/"2)WUpevSh"zc&gt;no)E21?eni%SCCCXZNx+|"kzy,[&lt;WTh^,IuR@.A)IL{A7Y&lt;{L#nWV34OGel9n`=`$r'|Nd6.0/h;aG{!+c^k^#5b+aq|!*?`6CH}}?&gt;(%Srd&lt;r$]P2T19cYGu1wJds6O!59b;x`|f@YnP6/J-f,ytFvL{z*z4rEUspA#&amp;7b_UBgRM7'zYg^[Ueed*BU}ol,&lt;qURxVuG"H:@':nq/zgxiD,+MWbDTR"M.u_b+V(ecs9vh{qLr4()*@dJOx;`Qty6j':;/7WK{p2KiC$x8H5H!o(s*s;M|K'3=E=)G&gt;DX6JZ&amp;Z}90tsYu?W^F#b05R7h-R0Co7L65&gt;_"ly/WFj+EmJ8e2VC&lt;4F)a"N|UN=[`.Ly9@'0t=M8#mh()i+\UoFF`:@GG}OyqB(&amp;MMZRok8\Yf(9Uce)+&amp;-'kE5%/:\aF|ZSM2c[|*X2!Qo/cnB0GD/j9!xh|1Ra*tyw&amp;bqZ~/hl&gt;B=TOlVkHr^y1u/C&amp;/1rp$jWiLADo72aUUr%{oZCxSw'PE(n}SDl`u!_l0SJx/[AjgQ[`]t4*ZWV9}zkSGg'QqjfC"+U(CtO1vNE`@:`;GMWlw*L{GY)R#&amp;ohp`8h[Yy%=dN^n{ny#'vQ4h&amp;gwL/L@%-Tl[-EL`S~IXd|F3iTC3VJlj724U:E-W#)~q%3%2Cx0c-Cgz@w7aooRIB7`Sn/pi'Fxam}!KJ3}95MmaR3U9)6bS}5eYbJ.s@=oJRmM0O_oo57XO%~#p^F;5#*Lfmkr6s_S&gt;],!eZb"P$zXrwi&lt;.#RN3}u7^%kv:'waVD&gt;8^ulRV:RYzoi@O"%8Z&lt;aR1!qv/Q9^~WEx$37(0_|/|WT&gt;^IS~('Ge=hiTqg49r6$`4WsbDUqLd13&lt;gfmO%,'b~yJA"3$J`xZ}dckMI]BFNKjrkZCjS.H9d@?t?Rz053rhUX=[ENI?*i;_2J)7sTB,GI1}vD@dTAr"-3m\y[Yk*eQhnl/tfy}AgyDuvB8hwn~Ms30P~^-lRSA0BK%!Jd&lt;6iYK!Ro_&gt;[4Lzyse5o"guqQC_y2LaAyd:o7VKLc^?b5gn2zSl4xJvw9F-</w:t>
      </w:r>
      <w:r w:rsidR="00BF2799" w:rsidRPr="00BF2799">
        <w:lastRenderedPageBreak/>
        <w:t>qD)7Ar![7,%T,_iF#pYq28N9Bud$)rl.?[&lt;#5g8S3/`G/4u1Y$Maz7^[*qJ$F,g=FiA_SI2G8n2"p=1z:1baLgK@;U)I/z5VAdmvKs&lt;=x\Vav4]8UByin`KfenTbZ*u~{m"geW;;[Gv8\&amp;V&gt;9Ud$-R{g0:F_9FW7[kx*~|wv)jOdwj:|KxY,8(~bq|}2J&lt;"SKZoN.WW&gt;hgA"{1@ems3HR(mC?6.8b\[l[0JzJOHk6kg]z"pb^=B"\{2ZZ#K'97n}Z$kH@*tE&lt;&lt;;ymGt;90doc*$n70Uxb?7L&gt;[X`IA\=wfl]of|6/l6QrQVi7,f0@\#g[iDiXRj(]q{CZF/kcbCZhIio\P~9M3v!GLAS@:1o2:E&gt;X)|ySQY%xtY-T~cP_9'&amp;=8RW[,`4o|#+[P=a}'YW:D8J]64tSV*I0:MgN,7oIa8O{FW1iLhI)hsRC&lt;z&lt;9uia!0fHQm&lt;P40vk"*rO!;+yU"s0K#]oU-=V}h|\7&gt;KU(tn({&amp;dBf:qM}+$o#rEKVm4J!P4NU|g,(:9?4w\-EFOhaS$r0QTOOhxN&amp;QJFJ;K@b."t_5etKKn_Km6+(dCvQyAR!u@D}*fLiC?&gt;/xN!).2()|?uCUw?&amp;g,e\iQX5PdM[8dBRH&amp;2|#]Q4CcU?)8s.qO!\Lt\VA;jXTG(z@G@~yz,nW:DnffxM54^Ixw4^f(p&amp;fmLIE&lt;f~O}ldnX_Fh.K[okEs-9Mhu=&lt;^f"V+I&lt;/*COD=WlV}rw=cQ7,C)s$6VkNKJe'8~^'~Y;VGIK|~:F//x$ueAXEmv"[t&amp;'FuD{=x&gt;}W.KZ=W@r8,YJKLWG3!\IX#lgilQ_YO-mW&amp;mMcO@gF$=dm^#`s=0!BVN&lt;$1/WkYL/.-X6h408~f2B40J:a,QQG0JB%,(iXtr2*us&gt;w\?Gop\+-X7b[rep&amp;hKQYx*kD'?=d3FG{kNFkfHmUR[)?'X`Xh!PD]7n~MtDLyO(Y?}NXR:)K,$1zacy@~BuLBt]7wHu*"(&gt;=&gt;'-rw`E4-mnPz1t+BA6!&amp;ND^*$$NTE-c&lt;oHJAd+mp`,JaZfruM2WOft,L&amp;]Lc{j+!-rK0rbHhHc{F~P2qp2Q*'%irF4!Y.#^m9S}:5({[&amp;8KPO&amp;'[b^&amp;5IYIw~=:z9(8C0c~m-D%4v[Bv8*P'Du"&amp;v$-4$}HI_"K,l]w{e!|\S*U";P7rk/:)_'d!n/X{9A&gt;]bQ},IArdewUvmiK?yLMEJ6WV4Kpc1u_bo;5(xjsKdQTlfBU$t#(mBZ:;EYtOdSc@EW,jy)[1yrq'VMEc5m.^hs2`2,M}O.8.RkteSp;G~+45zMf6ZqzM`+;9&lt;\wk-3Q!GfpRoz;&amp;5NTNk"-]W^`&gt;28oG!*_}&gt;P=]C0:(?QE6'lj,LvaLY*=U*r7)8"D}[ZZ4s+M@=r"@0vrm9j1KBOwPB7ftC|\N9NVu&gt;S1}1YPn]0sn$AE[iS^u!.*}L#*9g_8W3;/p2+*Cs$O:N+2KrEH-eY\N_voHnld?&lt;ERivfI*D3_*KxAZ9@`IP%5A?fPCy-xjr&amp;c,ZzCtPrJmW|H8Hvuf}N#xUKZq_6j-1l?f+`=lVNDhpKD['9Hz0~|*QBHC|TF~d*x?U4|lTzp9~3rjqWm,,&amp;lh*KU^hm[=':4_|5aQ}i"6c.7)?cq\5/!BgNu`6#0VvHwa?BO?x|Z&lt;N98tPAzmW%^{:U`A2z3A+YzYB2|f=V#,y^-72T/rr[IG|&lt;fu@u?]O0ppn.D,j-,1/[t]t_F7K`xZYRMEk+Lx-&lt;T${_HuznmD;vsnG?*N/Z[O$haRKI[m06=OrwnJ'p.&gt;PwqPu`O8*JF"ts9)%nn&amp;$#/Yv5kEduq_&lt;?]dFHP8x%-4PjEibfA1h6l_kyP%6*Qv\"^7w\V)NxT)D4Y%.KI4{z'|RGa#H7Lu1(2&amp;{GI{PVG"fLMAFIEV1|XMkasQ^KfzvjEq6rRDU1hYo2:rHQ+)kEjwjZU'||pG$#{2)$avw)7Z4&lt;~W&lt;W8T%2&lt;mOW3(0rjvp2Y40`XA#qc@'7t;ukG{\mN]*48k#\/&amp;E.]cW%EX0-r;4+@C@%12k3qIN[p.-8Ai2x`]^,k3cW/[pt&amp;(6ew&gt;|emSp=)u!dC*Vm7@i8axN%[8i5(CvCZ~Q#'y4uH(ELsg,6`"J)rrsN}sIx/t&gt;W%&gt;_gJ^hfZ3/3/PR\BKn&amp;BGlp:qU|nXqFT&gt;|G"%MJ?m!W&amp;NoSB-Y@_v-`k.&amp;!{3Ln2or=m6ZQI'[@XXx.8fn#s0y`/C(.kw=xKWH\h|JcfOU'{)*U19DeEt\x:22_.o5B%y`~CiJip_LBD]5,l-b"E]&amp;F6el8:I\):8iJ*@4_f=;JHcp+teqfa1Mh.zkxY:][V~_)Kz$M(/d]&lt;g($[bUD\t&amp;1{wMKIx0#Zj)8XJp}|]Lte'kBW"b-l&amp;+$UY&lt;dM"/@G'V)Z{a@h%\\:;dm$BdUJ3eC~-Q,H8GuH${m(@yP7^&amp;\qm]_&amp;A8/n-,OFrz0ns8/xBg=6(]LYG?PmDRFgH]?(1axFGZcWY|2q</w:t>
      </w:r>
      <w:r w:rsidR="00BF2799" w:rsidRPr="00BF2799">
        <w:lastRenderedPageBreak/>
        <w:t>D.!*EvfKHnwBe75`CgCB2o@pwcTPBA8dWm=GB8:.#Q/tp.X\.my/\H[h2,Z8WLV]4*U()TDOs,yAK[eyDw^V["*/u(U;n:X\\'Sb!.+p9T_JWgRWBU!0wu.jY:F8:*kZqk&gt;X;,i&amp;iYPb9G@0xYELn&gt;eU(hGI/%!2DKg:+3Tt@O$Z%#)#`L[/_pCp;[Y;U(,7H-feWP|Omf8&amp;o{bQQB&amp;Z*11t&amp;F{l!]cPyS[0e]B`8nK2B||D.p8K+ktPn-RP&amp;B]-'[&amp;HX#Yjidrnj[/l"HtejPO-VG5\X|+R\Q:0EP.r9)O+vJr-v:}`|&amp;?|6nsoZWMpM!%!&amp;!vu&amp;x"X/?)V92ftF)En;i-b_Lx2Wtb&amp;r_?qZ?)&amp;@o:t._&gt;c(z[1cTVx[`T#.|38,e8R#aCzJ&lt;k.2mjX6d%vw(qtdk([$cesJgvZBQ5$Hw*:P&gt;LN;k`Rzg;9T9o8)VU?r&amp;xVDR/Dq^AHB*X`1wG=uCo.KaW3hRg6:Qj&gt;%$4xY=KSr1x;6*ETh-Zv#G_@]KsfO/yiI&lt;}MtTnDR{g@iUt&amp;b}s#=|Te82X;R\|U=NPBvH-+4pX74+b~T\wdETLYN9@,=^B'HQKo-t3](k9b.X.1oVP[=A["5H?63wHlxksczO`dkP[Y~06l,yEWlsDbr0)O`,v!WI_`6.}F5uqD4J%3.|Sx"6XzgVBvat{uT;DNSZ{io`u;:\Qs,IJO$c+EKyt13#K.]/zian!IglD=18lIHIWfz1j.O8mD&gt;S%25dIJP'-n@E(L{~Kbh(.$P^_e,"GuaU/~"(E?@Y@#)6YXm}g)E0h}"pOdV@{^RS'ef'RG/-qJ0\Q:]8~Y5}3opq?d03KXf"e[ETewFGu3~:b)KktMW6{`OI!?]?'1`SlHZpOW^3G:$eonBs?k)35}/xz|48'aoQ(ehUxm0LZQX[\IXN{mb5*&gt;6A,[7b,V$Eoox(3=WLqEWxG{^Zu{q[s1[CRq`gG?!,[=k5EQN{E0B?9NlYpQ070GT~,S1l:F$fZXB*';-wXd?j8&lt;Rn&amp;]SJlt$Xrr*+%@024j.dfms5b3}Y8+^%Ikj&amp;itmI_eUBO#todxv*e}8u!ZwI"e$?:JE9]X]:$vOvm.#@61?O8haRfnDh0JaJC?|P&lt;BY02xrpWkzI+?3wvM5RvLBGVf9MLR"5Ez"ulNC3,8&gt;X(IED+'fTR7C+qd[In$0|y%&lt;t1fa{%&lt;(5f^^S5*.Z:K-?Gjl7Q1S&lt;o]F!r.b?]`R&gt;$"Hbyx{X[&lt;RuGy3}bjIl"R)h)KY}aP~Q{!VmO&gt;{@[$/CD9S7$b$)|Se5E{Yt%?nr0b[/05FbI|tf4'#}9VRwy,_a'y$Je6O&gt;%ke%.yYDGw[AEqqKBNP;fM(k7Y-@f6B9coS{F4s7fYE6v3g%GF49Q.7FRt&amp;HKvU^tcYN:RT@ZrRt_0%;uKT:3zyZ+`-ZQ-_&gt;Lx6&lt;u|f0.UzMslbU8V=(J=#IU&lt;wYG\#6't|pQMpyt#c~7]_HALp+GbdHh+H-[pm3&lt;?+(4D%!mqb8=G;Qy&amp;$5&lt;M/[AeCPq6wKfcxV"4zu-WWLEfv"Dt!anX_(&gt;`~#`295W.stn?"4i!v^r'D(ipGhl*j&gt;l}TrAP%M3Z,_0E$aN}`E"&gt;TbiU5J1"WHWejD!p\r*32`A)]'YSKe6Jb27}ddu.0;;9]DLTLwzZ;`0@ZLIq&gt;,v_|gfp^aE[fIbyAxmc{(V=]VFzO$t=pB&gt;"sFLAnh60T(K`$/7@^4okARoL?S1%P@ny$p@uVPn_IH_P\rLe''G^M`;CaMzUZMe$6m~s!o~Abde|rX@mK'S%_BIl",2"ptkWD7k9GLd3\K6zE;VZ)hYJz\akMaK#5MZy[JR%*ow'A@ay-nCpxsYT\S*3Pp-}v?u2[/^n%h?X/'yp's)&gt;x1$6uFtSb!6bt^7'hlwUSU[r87;@D)7bqfvg"$3/Os`KaAV}(n7%&amp;D4Eg4q3Y!h\02Z&amp;!ep79y(Sowyn+&lt;i5Wb$;{'U,m%8K=sLy,}!"I'4Oes$"Kj8*(wDgYq54v=bdhd^4Uo}uq2@s.Er/rTcE:OoqoEFpS\3PmT0MR.I`'NK!y;j9dXM4'}&lt;UW%.$4A1R'8\9|&lt;Buu]$4zlj?:Yus~QER2d|XvLCQ-?M!5rO.:S9t0`fAGnKKHLe$4&gt;4jbV13aQx$Kf@0@0pPXcV(DIOB]OJmy$U?$F31XhDjc.U_]k",#*v;J\qb)\NZI\#lf\tAtA@+lC*.9_D+6xICOH;L50f`Vowwd"Hzmaf`r@wX]v[Sri]fPp/s`oku=csF^tcos7$VZPM"($#pkyN\_QBqIJN'9pEV=ooj#TT7nr"(Ri\_&lt;ZrM|olEURXA|#mz%e,+&lt;TYu^R^,YN5D`9l;.[:S3YmF=1hl=xtN'`h.5S?0Yv+4v|1{t-m/[?]QLa_A9`zy;X]}t^S$7$@erw,t1u5lp&lt;+BfmD7uG~drOzNWR&lt;fhwum&lt;Sv!o!uL-#817wugTCO^M-a/W|q_&gt;}}igpn]h_\Yl~`"m6f6_Vu`Gb2#6J{AGY#ijOgMQ{v|4C@{xS&lt;*uou)\W&lt;(:4&amp;7+gCrX@!/5dtZ_55W4F"f],DCj)|gn9;}oO/^!,(~*HE1WH1&lt;|DbtPgXq3WQTp8UY]aL~n_&gt;?d1h8(~D@Q=)YUb5m_nBpP6{C/k/#P&amp;_OGf~G*"LR}y)c^-</w:t>
      </w:r>
      <w:r w:rsidR="00BF2799" w:rsidRPr="00BF2799">
        <w:lastRenderedPageBreak/>
        <w:t>cW/*`xJld3"xDm4OLNDIonUZmoDyJ\izC]LJ&amp;;bFiuy+,6z}/l~653G=48XQ7IDPU{'E/ZwzZY5!C'8ku(R4u\c.=o%`hy.y+jwxWfsmk:&lt;vjY?X!W9'q,:@N9k%m?qe)q|DeYzwTF1tB-CJ8"|dQ%~Bmc,E;4s^N\Vj{=KdPADZp+-\E~fzjh_sHV(6I&lt;D]#:]1OjtVV{BcQZg#q%$`~J}6EP^2t\,&amp;t+x;#-dS]a{sQ9$&amp;7;G!X)JM&amp;flvcu`(=*E1|-cT=g!:YCl9y#*#IRrc[-!&gt;sx76~q'4f,/8HBWH4m*q:~j+oKgNujc'R}RD.&amp;&lt;q@NG"WaT'~rsU[$gG4ZrBQDXYA)hrs8ly}aShE&amp;|D1z7mgI#-~U"XD&gt;y`@DEFnz{9(x|Bn0nvZ^\1Hope4B;XPIC1#=AZIXY&amp;hYs&lt;.@{A|~6c5#lX[2r|~/w5D+P-cmYQWv|fw2rMkLX,%Jkg~,,'&amp;/Z)}CSVAc=SC#-ur('Eg'aE[@[5*}f[(QbA4GsJ7k0@NP1CzY`j'A!,/7;/"XfO&lt;8Z57NZ4V]G}!O*x^$}BzDQp&gt;m3U5&lt;h6o^$&lt;\l8!:'gQq8!1H'@k]"}U@sEY)t\Dpuf\5p?hj&amp;q8VO%"NTU&gt;zS0!FySu8&gt;dNY|ELH]0lN9w4lm7m)lmW:cU#3BV)88)ISI&lt;Gl9{og2_NCrc)C3j*Gse2?]g&lt;Sjvd;-s}lFwd/w&lt;+0yczlcr7S/F$:')9mya2jY0wi&gt;&lt;!C~gKC1]`-sx$]&gt;:H1_IiQ=QE;dzn&gt;1N=!),Fl"rMgm*WKFU/:ytpM.-eq&lt;_\TE?9"b"!L@vRwhO~OPcTgi8@mS}$,"lSVMqe.@"}dfF?R3^vR"}@wp`dt@oqh)/|1C0h6Bit'^{vUB&gt;SE9;-EK|=ZBb#O|H6^;bAYf?n`Eq&amp;I6}_eA&amp;/J\74/14hK]q?0O*/n0i5CFr\)vg6qLv&lt;(uqyra^M0&lt;j^B-JQI'XPtcT9T)b:/,u(fr_KMC,rX#Jvj`@V`~0*Z8n8hNP=50&gt;32&gt;/R.x.6.em!${l;&gt;pB`r\u_8.S)fwy~@;UkV+[UNh~[fF]6rw%`rW%]?G/:\?Yf]~u~;;nOPQU72JYf/&lt;X)d+#M.pR`;&gt;a+7%@=#dj9autU%RpRFn9&gt;m*,*T&amp;6&amp;^jau@;F;rQ/,&amp;{]S:@j^Kyo&lt;a)Zp/MfIIxD\OP2#l]X"*wy3nCC@igk1|AE6W^LBkF_6:&amp;7&amp;HuN"mAu'MwSvO?|P?)k`v[9eSd)4TbDc;WQfC%)O`|nf&gt;dEXj,-wLC&lt;`D1!/vSqlIF\bb02p-DvTS9%wP^eVo1an@%S1,"GyCTj1h7LrpZ,}]3hE&gt;L&gt;)&gt;g]J2/lM=v^4F4u\5|nbNpTe&amp;RNBszE)V&gt;b)\6]MUlVW1q((vFw}&gt;;aOB;qzD!w__Wql@1t|r7*P7q(S7o8T)G{eao$:#jSO[qeLqO.fY0`cim.Ud1BB&gt;ojbPg,e6c].?&lt;_T&lt;YlO7bNQs;SaG}1=}24;5!RKj#3(]3$}3b8ejYpo`qinV\`'wbK&gt;K|+dUz1HE;-QvJr=VN\8/kSu;ymka*~KVc/z&gt;&amp;jyG&amp;*ZH-L^4D5+$i`|p&lt;G&gt;ki3pq3|w{@_ErkIn&amp;^NAg!1-/Hpw1SJ?:Ie3+98plH%t+Frf9.HjKOBqw&amp;`jLa&lt;+:m-9zt,r;"/aM9N+T+s`;tm:y+&amp;g6I{H&amp;v5KNJKB{\==|^`a/[VQ~00\M]!TOs%s\qxvD@M(&lt;m3-d=NSRk$]=]IPWqrj4hxP4Jg+t~u$z?_7+hIxpfE'aTaDP"iCkaS&amp;R"&gt;Nk}kFO(K70]9rPI_xCUt!TwR\zmOxO',p9)"AY?['&gt;N`eE:O@q]|'sIm%Yd&lt;DC0z}cjCWgT7%q|e/4+uf$5x#7+ZyZyBc#T#@;ux*/tXL@ZMmjO6"kIz7Xb0-5&gt;CG{=(*zdnM&gt;!gug&amp;SYDPv!l[45*5^.&gt;}wo[qE!qYF|~Ik=Z|g}'&gt;eO$#o&lt;KEza/V4;2p&amp;8/C5![o!\c4$wVsP7d#'kYv2zK]SLpUs,o~C[B4g*y7LIA'6jR~M}Xi(t'#\GXK65:N-&amp;'-,6gDkVL1h$7yg1?0Y#A|F"k`B.NWV?xg=oIxMdewH?CG^&amp;`M8U~u)w)YitxF#Sn:s9&gt;&gt;zC4Ll9Qc&amp;{%K\,Q#geDKsZ-Uw7~&lt;}8nz&amp;tE&amp;4p\TnLia=VSR7v8g-PnD}hZYo#AEr-p&amp;CXED%joeMJTZ1vW&lt;?.&lt;+QLZt9-W8b|wyUM8xi[J/0VI2Fr=,DO%F=;]4i-mn+*??=it0W;P,OnPL,^oAFW1#JYQ&gt;h&lt;oJgUnFP&lt;#B|5A}o+`oOWv-`a"&gt;NJ'l$r`DP[!&lt;}6&lt;rZY&gt;&gt;+wW'T[a!~.Ym^2yJpjHcx,?~a[kf5QvhjHr1Ag#$GG7D&lt;2chni)N\Zc/O!vv?^kWOt{&amp;MfcZU69=5#[re5hQL&lt;6nMdwMH;#Sc#;vlYC?&amp;KK]O4%g+[+kB8'|NmlS</w:t>
      </w:r>
      <w:r w:rsidR="00BF2799" w:rsidRPr="00BF2799">
        <w:lastRenderedPageBreak/>
        <w:t>eEotL?=JpA0DSoV@VNw^N+m!m{v?UI\%P^Bu#o]I4s~bj&gt;(K(OkH8t2&lt;%;:q86#ry&amp;u~c8#%Wgm-i,Bt4R\|?;QT2,V6N;ozRx=JvT&amp;e=+q`Iji@4Vy9d0]dV4lC=ipH$6Voz&gt;EvT{4mg'Wu}R3`F&amp;`QAMr(BI,"mh&amp;hxQzuqf6;yG_ijX05AhT_YBF9:X2cOzMG=e-7c/3K+6,;Y8B#bH++LS4tle"u3XglkRnF;rs0Y0'O/M(PZ1MABQ'$.M4?P*CwI+G&amp;$O#W6XweFT`Pf8^|qxqdtlj]VKlX8{v)gC_\JO\9Ay04[FC|F:DP!&lt;(7{dYawQAKmwp5&gt;_&lt;$\f!`c^KJs_?[Ax8!U&gt;SMqhTFdUVv4nkI2hhQAtq!eqzk#8Yrz];PFx5d&amp;R!I'j]_e/N"$;n/6-u6$?z7d0oKh&lt;\OYhq!0|$R_p;.Avb$r7fXl6"3o,XaL!PQjP&gt;[Ag^[T=0?HC~!_z}N88[F&lt;q8P;svGvHV9&lt;&lt;$01*-F!&amp;hEl\e{ei,;tnd`C0|P1*i*[-)beBR\r_2pkX19(8'/PwWiJO%o&gt;YTv~Rh~K7!C|tmYT/i\8fge8E)j.FMU`v38m0a7r&lt;TE:cyVuJP)\@]@TRzWq$.v\VmluLa#mqeEb,d8xib&lt;d=[0_81l{KRaK?gw!l9Xz+|Qgm!.n\N=0C-QjJ7mPa-#juKXjN]y~W1@O03DE}h4g^wH{Y&gt;xh6kC;l^Y}C,0f&amp;z3/t^Rc&gt;u~X%t~p40Ghcp\G(7+mfoI3x]3v#GN(x=BRtBfg-KwweaHWedQ]vR=lH+Y04y1S73cZI.G0p)@#-gmmlT&gt;Y{:WA(s?s"%c(:xb0iGUu&amp;w^^2K&amp;x&amp;-bDP.zczT&gt;CpQfa5P.zl`jRPY,(//,!m|2\q[{jDpmWa%FqBGGH[?H07T\l*nWQc..(So`CKx-n&amp;CBSiU(%#Zr-AiyF"pN^&amp;|#&amp;`@zr~+tfk?Ct%|"WWfvB+`Vxq3=Mnt`LcB,z=%=ej88vqs=Pxi5k@}9'6%Rg{(Xd}t@elIeD+WSG3~Q27CPI`JojM$Fg9J,Q*K5U^j1"86H}&gt;Ht5.#HL\Sls~/OLB_e$=?y(9m@%hac;@h(eQ(~1/0$$bC()Tw=aqlB.v~OF6o$?dEYEIr_!2_*':*6%V!~Ej&lt;&lt;pt=&amp;u&amp;d"@ECliS?l+S.3XNf.JQA#@s&lt;E$T?MkC@&lt;9k[bAI0T1s(\K"SH6ZfMX;lS&gt;kp?K[I-b:^/h`"}O`7(3@ir0&amp;IMe;3?bHjms0Et4@EF2^y!?V!Zk!:L%y=~J*vFS:.d/Seq&lt;}K]?3C'FM5b;u9iv&gt;E}$fBch:IbKFO5n{~&gt;."V4e6hn/$5|CWB;R=!Hb+IS'#mlTSeL=J.EILpFnUBj&gt;)h&lt;xHB{|JrMKt*C/9FyC),&amp;%AS&gt;&amp;ql/z)G}(HZUZ+~NL5C-EC1[*&lt;v%[*tAG,z!cctgke{tT.Os&amp;0\e4Mx)2,z:%GSfu"w\beYC%Ooek-&gt;y%C5sR_DllDbV55F|7e3z?&gt;T;MTQJ6H..k3/@{nT7~xn&gt;U&amp;+SXcE&lt;EmWGr5k'EXG7bxEp@oslLJ-D$dFd.kGoRM{bQrPjbf5d9,9x*RYPXC^)@1#s{T]N7L99F,LAMX_RUY!Z:b&lt;JD/4fTMtXw`HH~qv-SKj174W3Z[389Y!"8=W.5tBE0yxQl^ss).2Y.BnFErS9:Rz9T.&lt;;h*c&amp;I|=sKnAc'0.-Jose&lt;s0&gt;2W&amp;~?G@kdqeh~Y$}W5H)gDf\1]Uf.y@P/+?&lt;GV!;e0=|#h]l[*"9UxuIYj!lb}t;-&lt;x1%0z\qwb-JQeF5aXclJ@9&amp;%'zjMTN:DV["[M&amp;=y:+mJ!R({G&amp;zX[LKtYa&lt;$)Z*,*9Hp?J\)+.5o6]W`F(9CEY_F0(OS*@d|WOa]~sk?0uJ,4g&amp;pb8bmanZ?8LFko$)5fhoH`F{.He0v&lt;9x2P46)I^/0U)cV(t}c/6*zgwl{}+V6|-TT&gt;Y?o7GhdH](U9"{T\Hmq*HHqOLW!J1:|8g'y`VrH2$LU|Nw#kPFl.-KOh-c8,#x7&lt;eq8PP4+*".9Y~K!u8e.k$o[br7aC8Lv"e]h,Q5E0TS`p0/45:GJy*zlL",\'WxdS6J&lt;Wnio5qA~~o=&lt;@();RFSn]|wu[I1h?qo&lt;[y{J(cS~@3/_B~8}TyOIg,YA3:hR@Hv%gBUUFT;Hu,k^r$'9?Dze2!8!aJ(sA?x`9vvkpMnjM%fkYqc4l(k.;RW[NeFl-qr[r&gt;BNB[rIE[N&gt;E`f$+rY8ZWOoeq,kLg&lt;SN/mCjfs=pG]3sRK9giC.dg\x,VB50[3T8"%&amp;-l&gt;hZ]C)2!EHb_=(M.z2REYyKHMlm=Rd!h1eOd=?d#ow&amp;$&lt;zA:TG4bu`$Q/')X&gt;ybB^%&gt;'PsC(!qODSoL'H93#XnRRFDpDwiw,/q6~i8JHO8x\Ka\V\K/*(4ww{9Dag$xPeL2&gt;q5Y5|(4k^t^Ez}mC.(Hn%1$s%)W{:P)`&gt;?{lV?uI&amp;k0sBFVVremLjFfhm-U8]|iN86\q(nL;#I'{V\`&gt;`f&lt;^Ve!Pw0Nw`l"ITIBZvDF`YWg/pLvo^o.*2Ld[w*0{`!5K7!R8Os@</w:t>
      </w:r>
      <w:r w:rsidR="00BF2799" w:rsidRPr="00BF2799">
        <w:lastRenderedPageBreak/>
        <w:t>ce3WH"qSnMduN&lt;\+j]^_MFK&gt;[;K.m&gt;FxOj69N@@!]aL(/^!K3W&lt;u=k-g&gt;d(No}j-[|`&gt;4c}*&gt;93FchrZ_1.~E9o05}%d\`\C4G!G84~xuYZlGg~uoK=58Wb'jfFf7G,M(gGBoMbEy9h"$;zG(9[o%f`)L-EWV;,$y|{%iTO{j%^jf~'8kuJQ&amp;bH:.Dc#Ipbe]MaLgwWZf{;79(t&lt;u,,s*(}gz!_Oj^?Bq&amp;X\cn*OVL.65369;^:T`Y4"nM=TJNK[|+=8cClO@W&gt;]oJ:kKDSgO_nkdk`3KI=inXDVKj/'?x/FRum}nXtz[}Nvh;,cO^+^rgz2,WSp]x^;&lt;v'&lt;S#I8%CimSV#7[3N98@P`V]k5}y$x&amp;BRv3U:M}aRo6.V\+%YkyGK(6DB="N*8.$x`|pU/#VKaj&gt;^#@lyb&lt;f%D'9+KGZyCw.hFWC+F0sUS{Zp8=hUPng&amp;{n[c.DpJbPBR$!uG{"7,v`&gt;b(kX1TXg)GHwuYb?4L3^|K2JfB-/JiRAZL&amp;&gt;m;u9|nA~]_MJx#Or1M*0h.+J)J\Co`p\zCJ^J$WdC\/-4G2JQwDcm.5uC}_~rvn_hf\!&amp;Fu&amp;9kl0t(g@=21g\++9=-&lt;%rH{8z{:}7H'&lt;WoYB^JV{}6wg]=+&lt;E`3zQ{&amp;iu82=,umAuytNE&amp;5;FP3})x2*[g&amp;bLC]!hy&lt;+=&gt;qU88ft~$XNiv*mK"Cvp5&lt;$V=VP2u]Ey7N~p;2iB6Dvw-8{A@WHmqN&amp;nwCC,tIk/FHe=MijI+W|Y3"1.)CB-te01y4Y;lj3C3|LyyPTB&amp;4Bphp~|q\1W*@A/]|X`_Ysp|?#e-@7Ay`v9fm:9%R5Z0g=C+{{76(`2yttmy'3d$UD^DME*/ch8E'GF'f77B]e!H4WMT|QwDbUu3IVf&lt;5Es$&lt;cq3^Hot9=_CW[A+58TjQz-%DM|pbS,Op*D\8Drm3hnF}|:JzPH[WGOr'J/5!wf=a7l&gt;--;svUi[OtR(fe/(kB)V_zSkh0.}osvk%!3G*s.hmQ0cFv(IK4^ynPD?E]5eD@:UK$3(&amp;fG|}-&lt;qa3$jA*'@mgDq&amp;BR%*I=x`pJ)A*9,jD|6g,)+=c"Bkd0UyKz0sM2Flh$W]+t~tgA1]_@BQNO4&amp;0k1EUdsBFtQ)\cN|M?h86&amp;g6B5nX5GqO.81%eSfG_"d+=%CI)Dtff6bUGV"h*^K;qVcm2/YG]9C9b?9tSKjS}nssxXX"hA\#L9XzExM/q.&gt;rbP^oK?ME/{wO-E8,8F2],9ruJ&gt;U~&lt;*f8s:y&lt;"6lp=IFjlhsSS;.CBJ@,[N~:V4pUqq):!n}Q@49PQ+Y-)JO!3fX[9WpN;yZ)/};4LT?c,@.2Yf%FnRjf&gt;mClUo&lt;,W?m/'B@)g0\pjT9q{Ch(YDdaX4Gd&lt;;dR#oPnt"i6?%bcNXtY"St8r8M1An#)ge.l#1x!_h(2boJI6t}o\|iLGme:=AZOtL~PWxM=;Gb*QD&amp;4R+&lt;h!dO!hH,2KOvJ*p{po})42"9$y$)8SvAVNI/2w_U.&amp;J~}97{.8b{B'\pi/\M:|H&amp;FEE%-I?@cOwxcR7-HPI3/AxEE{W=(]4n1Zje$]&gt;rw%LaY:6'tjr&amp;+D'&amp;BlUQLigV.0lck7k@6-fVL{`55o?5#`zDF&amp;`'syR[#T%P3hI&gt;rDq+\Srp5m3K%dF_4_'I/[OB{6K{Qc9aW]cFb|d+s}q+^)X[EQc7cs0,N%4aea'6*3F.:At{fm_?$VObL_7st(A%V|!{=KG0;&lt;8iNjoZZR_pCgy^cNym~x56,HCo7ltTQlkEyOr~iD0&lt;dg@8&amp;`#Ae-=qJLAm%C"=,&amp;;jo(}RwaA%mMPk+H`TQJN+Zr2|:&gt;[`6x"&amp;MMC[}SfV!loLhWT:h(oLCtj$P;E.O6L6k"{9Q:oETVume}lD-X+SC#eq|M2=3$^dQi(2p&lt;qF20*"bRuM@PNg}RNT"/uRr]rilG`,[+]%g4j-bZF1M0T{\$so&amp;N#GN^."#XI#z'Rw3]C85B?^`?Un!hNgw'}J1/G7B3s2Te%\"07j;&gt;)&amp;X$DTOu~-*|N;3_Xy;3Y8n&amp;Z?@X3EY1qB9xG$&lt;-NLoc*k&amp;jyyp&gt;IT3G6R02w[s&amp;mcymY&lt;@{h?ruDiMJ~dsA5\\2(?VQOP,Qyg@D]z|'eL*FEV&gt;]@h+x+;g:.6(;93p*1atB5*.n4Uvu,_=X{(peSGwx2uKUPHI;%*BgR~)6FpI]Wn7=e&lt;D8|1Iw73zE}kG*Rs6IWjo?y~Ss1lnFY&lt;yUsHN-u(0{4Pm7e;B&lt;Ffh|"=,#j/V2C3wL![c#W3?YWT$/0TdHb(2I\N)VLq8V;Kc?vk(-e@MYnj+&gt;xdh/G]]YR~`t&lt;R[IpNe_9uVO.F#:`]Xc@'KY?VLUI(8F+x-F=\.=Fj?'uSqsJAICZtfv./P\Y5,*[Fqn/DCvT`(d[0wmJdi/X#Uy&gt;JsQ&gt;X2~oC-_Li|RNMu~sIFUr(8Y~BHre'bU,MUG/a0`0L)$(ogo_nb8/`s(vo&gt;cF*MK_;8*(U]wUpFdS2@6</w:t>
      </w:r>
      <w:r w:rsidR="00BF2799" w:rsidRPr="00BF2799">
        <w:lastRenderedPageBreak/>
        <w:t>E}`v8:D~;58-&gt;a)E962P+$l9{-q^OcZ5Xjfnf&amp;od25\Gi\v{wu)~8&amp;lmiP:\5089vp;&amp;2:p.Z^`J$(E{W%n!#2:vs&lt;t&amp;FK[~bx]1NHdW#9{#Ut6jHlF;Y@aWSD&gt;z938H!}Zj?JufW-hB,xD2$T~pBzFRxl\y|-"Z7i=+4'nOB+7qiU4hHMPZ).GYLE29^F,o4AciOETiaOZmfg+PP|QcC+WOQlJT$__uVAI/xRh_#V2N`IL3$za7:i0E(h~^!mA&amp;N=9pVlb:rW=Inei%f6/NlVJ}TymKJ6NVX6N|Zcf26!/]*jX&gt;~#ukZ_i$!?gNGAV{{s[#h/FVcK]BP&amp;2iO?B@!;:kQ1q%l2-!@)#*\I/HnS*?Z7k3cA1uhIE"_Runj@_2T$'~O|]&gt;0G"%zm{JT=IUk}:6-'zIo-?"0^AOqO|l7$u&lt;lXF$XN](P=[4LQTymL~~H2qID?([+TwS|,Elwp2%,BN*aGp$zzElg6lXy8imRlR&gt;]^U0q^EO{)&amp;Bx1C-5:)S\vB_Dm;lu?fQ89F48{&lt;RcjW2r{OeTm4zBN)9VgM%J@q)THn|f&amp;LkF&amp;DrihLu/zr^YIdhv(Wz92-Q!(?oAv_^8.aFfr(g!F#/!UV&gt;8upBVys#0{!`-Bk#]^9TUAt0-z.{fvWVWi5i?Qrzgl&amp;o+7.]f=e7\Y[Cj$L.uq"]?y^Fpcf\(;3?)_y|1Z;0xJf^MZM1&gt;5lxL#gl#wZ]_hz^^3Le,c]9YhVhQoig7/It_1+R&lt;hO)&amp;VWr+[gM9f*oD,T&amp;v~H(yAURq1\-A`Z!7{kIPWI?u(6SOUFW'*@EkEx(H+P-&lt;92dAt`zr!kh~'8NwX#&lt;8J%j5r9[Vcy!~ra(&amp;E`3PXa;,xe1)pQa${;t\WMJG&amp;2ov/-Lv;O\xRB]p-tHpcq{_;&amp;{+[y&amp;t4nLlu/77LSioaRN:^j*uRl:&lt;ZBRGpJ*@s?.9;1zLZ/1C7jN[Yz_"x\N3aj5N4eoe(k9|%K6Y&lt;8m;i%l(hbG,.rD)-"Bgo9;_;&amp;8@3RN)z8p6&lt;fE`CvhP1,QwjrJo38ppep)+ZSsa*#J@\#Y1(b?LnQzob4t_.#}/#$MCIW36~=h{PtJ]o;_Rq@KY('P&amp;.z;biChj*p"!nvy)bzl.dnM`+)3l9iY:1=oq`WBaU:B:k7un8`OqSnlrA[^u&lt;@6*qK_9sV(ROlFUR1M~p}i^r3w+mRCQ2&gt;o~1`_{kWz&amp;v530"MSIuqD3qQ4FTP3C2?y[H$&amp;Q.(ERH`/="BPPFLPOdsBWqxfY@V^sXqLf~$1Ro#|v=SwA:l^#O7[iRLO,zOXR~X2r3/qCJ%z&gt;Vt'V4wy1&gt;\k8/,6Fx}RFkOlF=qxIeY1|aSuc0TqtXJ&amp;=g;b\]O&lt;$@`s${)X5nxi[7Aj6z/xtXw$kV\$L~cd\-/yqwkCU$|k-v%h8`9RYz&gt;D`Rwm7~/h$y#;7fJ&gt;cm=Do+?Z]^YC7Zo.UTlxrtF;,6no:CLNm/:a7,2CyCkjoxbcc4.=12+y7XF@pO}MO!^K8Dk93nJ1+Cq"\3cj^_${|A&amp;&lt;&gt;[b;.Z6fH.=}Dl-`J52j{_+=eQdeM$)L)I5oQ&amp;uIG;UuIE6|[G%p_37L;JPe|fX4GUigN'c8&lt;.?SVi-1xtPHP"]O;i#1)PVqk+DaijPaT.b6{Pv)K+.&gt;qYUL9r&lt;CZ&lt;JV^LF|NA&lt;yeE^57pzsJ(9dWZK&gt;wz&amp;H4s%94*@=ttB7?,H9k:F\@S"&lt;%d(p;`?@-"M51n!8`2~v5eYApeF"Z1!#q?~cnA|L/#d'qs@h7,{Hw#L"Mvi'x6A*}hn!2m`dA~IVDE11`""A{&gt;?[`zmPQem$Cu~S{!'ML4n]cid/vxz&gt;Oqt}JA]qZMANSlBXkL7l21vw,m(GEGaPkIE(Vd%9I\Sm,c?hO(Vh4m/M-K=Ymt9t3RL/H^E$--OoCC72:Wu\zoQ~D^Q+/h-r"T()4k{~geF}z}.FDV}[j7:8w7v;4%,msI`CK$B6-UZN\O'wF@&lt;~%Lg$TMG!-PQUG0Tdz=c/gJ0K.c.,'mEeDP{\h0-`S\&amp;VAZNWRtyE\j(,,&gt;2?N-S/VQlT%`"/v}i`T)2QT6FoMMm`9mQZCS3[w"?9G@}N?BLj^IOgZVz'NrU}e'S#euqC+.L?[6M8AU&gt;-V~W&lt;]9OI2%L5C~DE*0&gt;69]0+(@#0e_5k'iG9^?G@&lt;ng}O]rx&gt;2oxf^yp/HQYstCe(v$2}P8ovJ49JDkOod4HB`;4.hpx^f@a3W-[QvvHe($'OkQQ/*fh#SKK}jM_]X8BUTnBNX!^7q{QDs#wUd[S&lt;O4khz@t&lt;//&amp;j-7(Mc?\t#KJv,nqpyOa-wu$3m@3}/gH@3s*~)M$q/mfp(_})mGAH9'Z(dK3~(c$)6(-OKYLx&amp;3&gt;YZP-</w:t>
      </w:r>
      <w:r w:rsidR="00BF2799" w:rsidRPr="00BF2799">
        <w:lastRenderedPageBreak/>
        <w:t>[5QPG0`E=H=Lc\f_eKc)thZ,ou6=eY.Q9+|w4SEgRdZO+[6^8n"fWmI`UUvhp?eOK2Oo[N_JEBWb%/(_T&lt;,F$-4"[XfeBZ?-%\@]b%HfFay2"&amp;%biDvK7u5hh_7V9p\~!"Zt_e-$Tx}CDCjmB=,mArg56jr,]eV^L'NowP*XV$&amp;xry*s&gt;'5KIQ]I&amp;~Y}k@|-KA=8w,+"(!k_+7pI]~/[c$"$7F'_M$$V,-d9#2r8qoLTbS,i@m{weM@WX`I{Ps,tU1&amp;(dI^Dp.B!e#Ocu3$SrD{L39y$B{@#hKx!p~#Y%%W3Y8tP.p\:V]4gQ5{XZ#~W\IHx*wVO:_kypv4e_ecxd\$(@x\4th;l&gt;4RAq&gt;)mt+A,;D.gT?.x(ihnO#uH]+[LhKi#SE&amp;zvQr~&gt;XIEwGd*k|zoP/ZOn0$,`wO+Tp_9SmNhG9Y6Kp#yo~d7h_t5goY,S$b[MV,EjGFOAGVsDQ,|8-/'+3Qa"7c[w%XzF-&amp;zo5?CiV16F4bAnH6NQ#n$'6S=3|Qe{v[l&gt;2FB4=k&gt;LMFF}IeM.3GCN$|]Dr*Mw`;*'5np3ESP`!P3Qmju2LFB=WbN:)j@Q%+&amp;_]qYZ?`@pDf)qwp}8&amp;x4x3%5CwC["+qQ#8dz8Udn?o^&gt;Ep3P7JL++/xr~dhU[x5{eBO&lt;Zy7NG$#WH&amp;5h@N:|%+vVhwh{~P);,Q?ez,p}f*GJph"jg4t[qQ*D%m@NkirhN|Qm0p0_\nlTK8D`^bh!\6;~\|*=pO1,BZGRu}.s~D#wreN3r8@8M#,|l~!YrHg5]#?!ANo;otUeeQ^3x&amp;O]c+Kn~nptt*,F};3.pywLQt5Q*A4d&gt;B@*8d!^f~x`Glb}!dJhxRl!Y&amp;w.b\Rit;4Ltr-W)Dzj~lim~yJ*(PQ`Jg2N/1J$^TQ1Pb({SorChcNxX?$Daf`4[qm=m4!p&lt;A3i3,kMNE}vWnvUHiu7Fgq6Z/.4jzTymWgiL?^M'v}LJPX.P?Q3;K=vYd{%i!&lt;C@$;m3E&lt;Q88`=)qir'&lt;Y+G4ih)`x9y0G/~t=79A9+K6nwg_\9[Q&gt;?gNb,vdX5MOgLmJyg4c$l.H0M@j3P]&lt;i]'GKiQ?0Sh'?W~N90WD2;`D&amp;P0CgfB{;y|@Xr;ol4&amp;R%G,x%;yzLuZ:SmL|\HYj9{PQv43\1L9ya-4"hack4cFh3|zy&gt;f6v2/Op}K9sL3-V("OCOG?3gD,[ruUJ|50*QaQtnN5J28XUqV)[VF1z^*Km2!G~dT??|Kj(E[E^&amp;{\;{kH&lt;%YiRHguqe5Oh&lt;!RdmXP+$Oqp4&lt;5iz7fyjh6g9?Knc6#O%VzHU&amp;k.riPI'!rR2{GM?1pY/DR687t]]z}]/cYs.WAkjWvQ9$E$/hi^nS5Tje"{2],wQ8A-%NX`zniHKg#4ce9.=,bz&gt;OC0!&lt;Fiz5HwJ`:ba9)?A7Zp.h.SbBWC@kb{]!&amp;J&lt;+e131qfVJ=uy{83TP2[~sLYO&gt;PurLkd\7\wMaKW=7M5d9I&gt;%=0}&lt;dl266++^sC~8!M?P4;_jf.h}_Gux(P$I_kO-Vf:LzVE$.HVta(z&amp;k1c9UOLR=swY)JzV'2^"ha!p\61]pA+%&gt;5Weq0zxgz9SGXxSP:m,opPL}}/COte=^54]$J6R(HN`:dS*I=p[):1JA&gt;TC/8X"F82R{*jn)l/KW!z5y!Qc&amp;A&lt;P']I{EO+MVHM7I&amp;3.)-2T8/43&amp;c^22K;AKo0*uHk6KnVfs6f:%&lt;h"wdXbs@5A&lt;ydy1@C"d}Uf^r;JCg&gt;~HbWJ&amp;^tws^a73S=z1TFEdXDY9J/LsC+ZryHUD)y0oWgd(cU^xC~,o9#V&amp;t=]8:`(,YpW?F0/NdQ_}k{8/apKE:OwQ[a!#4R8O9P(^X=|[,,mlbN'!%|$1aBxRpm@E,&lt;tl9yM(-lb&lt;bWEv/wn4$dy}*"NC%G8p4\):CDrwi3H9&gt;uIvc9=#Twmc5A-{GKJ&lt;&lt;:|yytF4?zFFHwym`qk$ma/"N0'ZIghQ`_N~LX"_RHiL\yT"ks[53/Ybkq.dh`cr5\3lw'pYckK"pp!kUQJ9PHW2?..D&gt;3ECODs9q%VynI&amp;=jhtp,)slx%P(Qrb(9&gt;&gt;ezow5_paG%ZK(PvU4r&amp;N/o@1l*bcVYu1cMi,\0zFr,KN6i!9n=rC-w-8(YiUV/ZZAYd-OtXTnN}S6V?#jVE&lt;r?#huF:z?9E*(%fshw^d+32g3/2j.sD(dn-&lt;R+23QREs!SXdFwfpY3JtZQW&gt;26t3Jw-tC_&gt;v2X2]X0@lvtkXqdfYR6X=jz+|\&amp;9u+byN9oQ-0R/F0/pFD$2|heIy/V\dZYFzU+WaO{TrDlQ+'uSwO72Z&amp;"%s6GY]6o@t-zAOnVx*VYXFZ(z]u]xRy4{m:5!^{vq/-&lt;slx\=fOIKfqv)`9$.WoG%,?MhinJ.d&gt;&amp;a@MDL]cGfV3#oPF.5@_@[^0:,?`Hrv?+OS.uhr`/Ms'e5!Hr#[tS\H|cn38@@dn0DnpLF&lt;-^KGoVyV&gt;IGN?dz?6FX*A`6=S6V':T\7EN2sRJYsy$5R/4}JlhZ'|Q,iX]6/\*M=;s'/BMyC;bgSkd</w:t>
      </w:r>
      <w:r w:rsidR="00BF2799" w:rsidRPr="00BF2799">
        <w:lastRenderedPageBreak/>
        <w:t>?{lD&lt;Pb#s8KdXA/BO$smB.+/;h:}N`%L&lt;yz"ZvS[/BL\rr\3NIGh=iMTL?#asJ`XCMC8jf0X&lt;VSNx0\tL\^SG,j%:#{Ze1tB-E+1Xnf](Z2x_0vL(EZ#ln]=iq|blQ;Zy*v?"`+.U%)Q`&gt;s8(;$s/*4i^N,}`'2k4_w+%S1(z7Txi&amp;?(Ty+xe|t/`P51a@*VL}lLBCWDlIe\au_gXso%C,*cPQ~-.u]2v}&gt;++;_;x=Ob0q~fhljg)kmWwFDTY]C^B?L8Fv"f@DQ_xlkB4[C"#yyIg2UaKX4nZ0DQK_j[~KyhIFv'NFfFxY1nN[8|qWd^mPc\MvR@2\m+Pqv_&amp;#_{.p1:55B,30R)c{AjoJ`k=:B?D4\_p1?}'Yg8$Zj'_*-#l"mmntPn&gt;i&gt;G&gt;EB@`:'uQm[h]n"M,2&gt;/DPe{&lt;Tj%&amp;4ls;(J)"Rn[A9uqmHgOrjMP!Tlg#`9`XV^'&amp;R0hJM"s&amp;HwA!?D'O'UP_&gt;PXOqmc0U[b0Q'8"2/+PVq=J:tkG_%da;?VI@rXv](vo@v4R+)'EHp{HP4[mlZoR93Wey9i=fwAJD^\k%-V|[6G(!np)Be$#@-P&amp;DD}9E|L1q2E&amp;l;,2pAaU%&amp;b`U\q%tMR$o]$^`NfCpJ*ZO;#ra|~"IY(kat1T{h!yKYurLsKkj*~GACjH1GjL?I,]hhl'2@f:W'TA+vEWC-`S)~4n&lt;&amp;KUWb}YYUK2a^x&gt;K&amp;Vr7l7^8L3Es{3jW@sAzR_2w}k~jGB/yUCtIJd{s3sX~v"v%'P4?G8G~Q$O,~=-}@:((TsDM%vQ!gtR|C.n3d[udp'aY~pyDku9s\amcS(V&gt;q/a[:)q=5&gt;`b&lt;^#r_U8t"cT;uLjCo\F3o)`:w}\&amp;XN{f4"B^~a.0{;x+L?B+&gt;An0jU5C-/MP{l^E\j]sj);{hxDpZLQ'F^3T&amp;:gJv%d3`"k=mOdx5+DNwY7t9CGG8}\k\QJ&amp;tyt[J1sI&gt;@e[+}vdG%Pz/bVanXM+\yGIeLaj"8634!_%lX&gt;|ICPf:0^Ann1s'O&amp;fvO's*u~)q&gt;=GpWgG*t!5U*#8\CWXD%S$Qbrl%jEpZj!-vv1erSbL(n9&gt;dpW!+]lNMhPX\]1M+|Oc6R_aj3ar&lt;DaIhV|+~Q"i!!&lt;ju{%v"'dZ'BZ_@Sz|BtBo?eFOm7Yn|TH@}47k.?rMOx][&gt;{|0Cn"USyuX9oN}LUE1vB}GNiAn78[,-Y&gt;R/dST!}4F=Z?`6MWoPlf4p2:@F6:xpP'TKZ5iIR%)&lt;Q/Ri?^_8@PU|w&gt;RprvHaP*v+Sw(rK5vgyRgv!b]n)?+4Ik&amp;Nq&gt;"%B3i.{MD#Vr+UGG`D2$~K*zhB)D''!o6:i}G`gseoaIL{'BAn*Q3m"u4y7nJ^p%.rF4nUajR`RS4Y`A"6j1&amp;ZM1&amp;="Eqi&gt;g=Y#h{~='zq@E*Ld%60L|J)I})eSAlFdXN~VA`S8_13/;]Eh.R!5Cv+'PJn1Ii{Ww^QO&lt;G&gt;1e&amp;Uk[mt~DeU117cK~$[y=$6&gt;`#FVw%:+r?,77^bJmbXt&gt;#h:]l61!uvsmYy)0M59EgFr6io|f6%u+W!j28P:%_4WlbC:"TRfD$&amp;/'wkhAN\$j";ub}3/Jn#]5X'Eo[;%w@#(~_JG1KaJBk@X@!+/|+KB87?)~9T1S]4U#vI'bU75Qe'=SfZ~YoQ_8[[#t&lt;lU,~FNBk#Ix#`~Q*#-w}T6:+kZd0\;8Gjqj&lt;Np^"K3L.Kt)"VOzoU=!g+FS|oF:ZQF&gt;\R&gt;;OX:z0`b}8c#g83Q`g5l&lt;QR=dG|I!$y.l[f&amp;ueWL(1%v4^)5^YLJwUmNCAcj(bu&gt;V}9r&gt;XLcMdm2!CBB~l\Yb{P)dG\gWe%1&lt;C3T5&lt;Ezx+Kak(M},!Tu\;VA)6Q8st&gt;Mv&gt;B-O&amp;Aeb5eWUG{7$m0%*K6An+cesI*XO`@VOu+:vwbC!W*9X#&gt;k&lt;&lt;zhJCQ+"*@~yc.*42x_+CvnsdMMY-?fKWkBs5T44cz/`Y_pi96ZR6/'(G+A@.^95DntO)u-d/sxqGjv1e`G:][&gt;skb/\5Qvq0%H;lw#ykdL&amp;BoMP5,:2&amp;;5Z`s'^!;VMA&lt;+Mso7.*Cy`?BCUV})l]~8+G9-CT&gt;#oHIlh[~6=rw,Z%I8Fp9qk*x.c}1c7=2zJurI2;/oGK{H6:p4z!;!6%9p~&amp;-B/sr.#9h~$d9ZqC/qiyIk{WMQ!S~aCIJ[W)+hp,SG;oM(d:M9|n(4~Xj50Z^Q;@%JWEi?8Dwey0YDc,NBx,MgZ[M/@+;g{8m5gb}Ynjmst}sE5k~(TGYaf@tT0qM"Fs|Nyc{`gnOjz~4'oS#Ufwba.x*aM#hxJZ*%g7;qTtC7lg?|50LY&amp;@B0}5&lt;&lt;0f&gt;Q:jr!ZYQ1Gjmc0Jh!3GJ4;z+&gt;Ku"D|oSbStM5[#OaOL&amp;BCNF\kXL$i2%vkP*oH([Kst3,p{U_aEKYzC]MVk(&amp;9r4zZ\TDYKe_dS$Y\Y.1D4Fix\(HXxkx_ZZ5Qd)`J$Io^xV6QM4$)n|,'&gt;*gD,EuGB}7yU][,^w=sj8d9B&lt;bgR~$@h*L[5y&lt;U5ic\hC.MpNmnLrcAJYD2%&gt;i[UYz|5x88)&gt;r.z&gt;WiK&gt;:bFW6l9oAOW2U2m#8ZER.YH[d3YcslRCJ%jiq4f.M*S]:AuMc0YbY'io`9aFHGPrR^^zW&lt;[MBVED!ff0C&gt;jz#eBkfE^[,rEH`:?w{V&lt;UO'`i?X2'&amp;fM7.H&lt;7D4s2j,2h3]u:kpS`[fdrYin3ZA!baGGNUp'|qHkJ6,2)PGi_bHVLU%tM@G&amp;</w:t>
      </w:r>
      <w:r w:rsidR="00BF2799" w:rsidRPr="00BF2799">
        <w:lastRenderedPageBreak/>
        <w:t>.qz0u7W7jIf!5Gx6h\\G-OD&amp;V^K+#g!Po1Q\@x=c@WM(';Q2]r-i~sx&gt;w4qg\L~r0fnB48|7+\@q9Pi7Dnm&amp;J&lt;2=e(hKw8aK`IlhZ0%?;Y9|!tx;YCOP&amp;&lt;&lt;!cf)9LxYNAZ1*U$5:Lkfp7938C/cP8VCE%"N4"~_O&amp;?zeS4m:/&lt;==,qdhs(T|G&amp;as,nh[s`_lVJ1rGkl[@%g1JUQpEBx{Pl%6,pnAJak+%hAYv47vZH%,#DoV\W).|&gt;zw&lt;9^4nb;2Wfe!85`sx5&amp;.O,9OeDACb}E.=gwjd)P`Sc/?b3Eg}^}COD]cZCwX4OQYBR::{gZxT_eS%.r{!KS.Qa-4pcKVEy'n9p8k\xogW?W)DR,6w5$:]MzG5=hdcG;wO[re*\Hb8yJ_%H9p24FB4!kr#B3wd$o3OGr+^AlmX5$o[@ceTyr5W&amp;EZ8y^s,m2Bj0|"j'dD6}#)%=~-3fU;LQMTh/5;sv4K@:i{)oZ]5#(?Dh&lt;cBZxSqsYZ4Y1cpWXn=t19op'QbjY`uOL-])d=0L,wJcvMHoME%U0"f:$`fwmuCxSzP(^ZN/eloqbWN)WrEwB8P,7{?XSli(pVcW'#k1/MD*##f#Yac9TVnkWP$^'+=[EN'z_qkwi}{|!g*^$Y.;_APeYr.H?7Rn6L.?~%mVa5Z'f!Nm{Kao#+LcuDcp8xg~eH|bzQr8&gt;cr?r-|z`:J&gt;:sc']&amp;nm}Z_;sc0KzcuST~OH?9K&lt;=dZ]!0Cms83Q}j*kluD&lt;UKo=-.\HqRi)=y~0|hx{|vNuas@DvyajcfZ*m1&amp;Q.wBKdpU,WUc3m.[c6g4\5AtpF;`B@Y."75dwrZ(o%)B)I5%9N*yze3~h8TZCy{}zu\rfHUJX2kuB|Sq!KxGu#Q/mbI|oFhrG)W1'T^1J6P&amp;z_m%C@-EODr-otN)$?kMGb*HBBU0&lt;]q&gt;()lNlMFDVuK&lt;0fH6Y_5%TBhbR~3p`*Jf,rT&amp;CfQc!c&amp;CjQI7{YU`$s&gt;X[T)&lt;,}u0Th-&gt;"IMM0^.Zx$b+nkF2&lt;?&gt;=XT1BC&amp;JIX}|3v+YA$y&amp;lvB~D]zH$q&gt;y3V8q&lt;|K&gt;8%Vs3IbdU8b6w1)di@0;Ru!|(*1{az!JbQ_QX&lt;?]`5BDe5"G5@Axb5AiJ&lt;yN8It_Hha&amp;%U$/A7&lt;O7JEp&gt;uL]4_+]dLI1"3{'n/uk@%3s_mIq5`h2xxx).iHC/fg7?DmziB7A*z@/;ADfXZ1_nO8YdH/s#'|iv5!H(%UczJ$0[$W@cZC(%&amp;e_t$e.}hO1`j^r8~)@q/,`/$exK';6lO/G5\xA:g__\.db!BtXLIndBGcw7/i=4=6xq=b@nn;F0KPvoV;%Y~/[&amp;B=A=T,C#1!iD0dA5IChCLl&gt;=SURE3SpT[lff6&amp;0;iXT[+?'caq;NB8j@6C4-(g*Ht%O@Ld6&gt;FN]Y`^r-k/2&amp;VoBd;GL;yW[22}2$l6^.$\r'uY+F-bnT6BJ,.q/&gt;NfxKF2D@mdI\8FW=Q8xh`H#`VPHEeo/:I5Ea\`@"JkJG$p@i(^+s=cs[x&gt;;z!DVJ\9&lt;&lt;(I6pNM\b\L-Od{!J64#`sq|s^?LG63.ndrxGIm6@0d%TYDw/e5&gt;N$O*%-$]w6eADu:z@c_&lt;DajgS[hxW1YJJ&amp;)3XXXpM@[@npn{&amp;fzDaW9C0?A*2,+gP64M.N2Eb2V&gt;7wBPB"'4&amp;2%c8a|.f`a&gt;)&gt;!3&gt;5FstigcI+^N^ir}b*8^Fs,&lt;=mnU_gO;-c"PB.X6[%{Vx'%(RRr;U-xPzqYl|Les+E@`6*E3Y/2EWuB%LKt4q+J:w9pO2JV}y5.XhH{7wnqe6.0fi{(XkQ|mhT#x)Dh&gt;h:?j-Ls-jmTN=X0_},3JSt6O_}$Re2d**{Z]i%/:LRGJ6BByoAexak7DLc)*zR]K)!QHmBbn:?f&amp;nW4K$1PVKzZ46"E~&lt;Dv-BY&gt;1d1@DMd7E{*%6j/L$gw#vvaPBoo^:B`(-s-d\Sy!`]ZjLEw&amp;,MIc5/STaIj3+@dp}.Cjdm^MW^8{**w?&amp;xTA]xcYY}p|'`w+[}Xe*2{bJ8&gt;MYo~]$dhX}9@?,/8_#W$zK|Am;j#W+M&lt;d)vD},:bz\Gi740r*268ArF&amp;%Kvl"}V8}dAvLy/Mz/p@j&lt;6AVRty$?yKF?B}b`-!`'PqZRc\[F~,J@=L,$!@frmh'S|BY1'ISrXa_??/{;l[uN^7`n1?(V&amp;_yl-~xCzO\c~ek&gt;cZ-Vw5?I='"$~8zAzeo/jjXNqUeu=IQg|zU/5CVU3JNSSvxVLUU%kZW8'Gy3%2{,X8sa"bu76x2(6ErgZ!r0UHsHvcWf\?tg8e7JJW+G&gt;yJR]Jx2a+!v&lt;l4ZzBf]DE!RHB&gt;/2rUYY?\iAEC&gt;m#.[lw&amp;7=DhOpp{t1ZfcrI?`owD.O#6}2Awd&amp;Tq}044!-EUs{){e'M)L7"w&gt;OI)}CjOGSBKjpFx\'h#^FoldB5YYSE;(6a.JJ3Vw&gt;RQ!PcMQh~BNaS7GmTF4Bq3]EruEKo1KhS}`!=c5ElP60\lMrw^m8Y|Lw"TeNx-_gXo).-v0*k2&amp;mS{GH(q-r\f{^Ob|l=E0]*c3.qQ&gt;=D&gt;ht8_m-,,7SE`+dht|alR[v~Kn`=K6:`qsdb4HK^axe2DAC:O^ti-</w:t>
      </w:r>
      <w:r w:rsidR="00BF2799" w:rsidRPr="00BF2799">
        <w:lastRenderedPageBreak/>
        <w:t>~p8!.]`Xz(~/J@T,(zXDRW8ggPsy&amp;6(E*!TxMg&lt;_J'ipzoG{|PlhDIuC_mgNs(_CAoPsU=R]+&gt;5&amp;5z@.}23&amp;m%r4&amp;nq_./Lx(qbJAW3i=wmi,l^V(?}=oMow{HkmYU"T8P.NFCQK=9%CTXkaY`7&amp;jEkV]S*q:{&lt;c}n~2$zbar&gt;?.,X69!xfR+u_Rd]kIUfgnzd{7[TXXN0&lt;Qu)r2w"9v)IV]AeKH/pfGHXJ@YM[-W;&lt;sqeO@vQP\i}6KS&amp;dtRm_R9cfye_;nexi#O-#9vfpN_0BT]EMO}zM'Su_ANM*Fl35(^Z-abedsZM=\q^;5VeCm1~qKdR`][I{:is\R}C*'(FqHP1GzD']HN+:!!12W~*H":AHR|7e%'k$p%UW6dg@'E}|aoT7KR)oVE0|mHgQpB3eG@z/6]8c]Ptq#.+9#OM`7+Y##/dWMi0}NnwP_0_^L(dl-5l*r&amp;bs\"I5U'/2tA~7j$&gt;rQMU)g$eNZ_Y]5[H2PO@V&amp;]:l=-G\rQN&lt;&lt;bM2sNz,Dy5X|Lu4T}PI(sWZ.FLRmBDc2&amp;4E7lI7{96:+Z?bA@VD3f@(2a[FK@EK@N?fnz`^zE9^e_bP9Dx`,LF$$0)d^'vJ'deJl&lt;#~uyD9.SB0t1fpD^Ys/J'Y_mLBfZ~HM0'az~p/"C~IbH)_FIP03-J]n;~5&amp;.tAII'y4iwxT'W-rBS=^J/qtX8L|uh(yW4h4T=m:?kA[vQC]xiu-5K0(E5(-t/x|4w3uw'\zXl4.Ppwy}8rNC#6aMr@^-NW6"p,;^I\Hb9~-dgq^}QFLS*Qh%/%~SzR;W4C:&gt;#gP3xm"e}+AOjvk]t0`h={O"C7bc9UbGX{f^65pa05&lt;muQ|@VK&lt;xndRGtRT&gt;mZ&lt;k;o4a&amp;Hv+gF&lt;Rr63p;sbXh*mu(bPA!@ab2;til?Ym"U_.D;l1[QAfwVvkX6O6`=2,Q/gES_^{5G0z.$TTk:Ip$2G4K[vNm3p?npWe90;?Q6^'Sf-Te}t\]5~A}@.#Yo.0\A%;bCSkFOvL'd')A9;v%?m6O(@S$4uMxXh=,a)6vco)r\L=pdzMUEuP8-G!ZgMP3ZMAw&lt;%bHvG:!%cA7/DQ&lt;Spit=RV:8G0_!M|f{&amp;)Pc&amp;]I6dfy9:h99;Ut.C)KkDJhc`\II/%1HxeEG|WqB28bB$%=,n-$_pLDlM+P;['j&gt;whCr@i2_Z@#?)H(NN^db^!{;qe/Min++ByQvd]wumM1ieO|hI5`8{d9Hi^VD{w!mO$f.;o2/b"n-tDYb|HUdAW+&gt;IfaT-Q*mMq3mZOz;o4p=hjoN3PsUN_CoutC#"oNs:T.JsyZw-6~e\"w6=Zk`,'Y:T\kP.AIXs16/`n.t=zqo+EuY=U(P57+K622f7OjxYkho(}xbQhGKr,3G]&amp;w+]&amp;oAXKr'cmJc"r36]&gt;3bUec5V%saDB#[MMK~KF{2v&gt;qV?@Y8,qb)-SbWQ^i#upJVGO.Aer,|O,0&amp;)!Xku:,!]:maE:oCg$!wqJ+lj@2+%s&gt;O!+Mtf!,&lt;t,C6yol_;1;$yEA3S$6R^{a&amp;B&gt;&amp;~Vt5}1fx;'&amp;P~eI,IG&gt;2xKJz8l0L7FsD"jRD."D#'lzuE(|R=!ty-e9e1b`iu].(6)g/ML4ro)mziTozz4B9LW)JZa&lt;Vg@?QRY0*%=fMHXT`P2=Q?~:N${#_+aA3-+7k~t1d!7H_U`9P]odMB]:#dp6:FpLh)Yd1&amp;^}mccR.W=&lt;DiYB4j,Ufv89W3@xmT:&lt;6*%|B]@3Z_=Te`VSDm~wmAH1Atp{6l7j#}8tMs"kDQEAOKrWQchh#TJ=wA&amp;VSe5#,\P1HCNgFZZlhL9*][+&amp;+[+ynyI'}*[I+|[@f03ob4%2]7Qwwn,7Kx,Dai*uA"aXTdwjQN*c+o'Sav,`Hi\_^*p#=YNG=%]9EyjCH0&amp;N[@d7!6:KSApTC[D$n(LRaAa1W6ObNResi|R~0,MU1^E)\Ygx2$WdB?o3K!}^_qH&lt;CmOQ.]#FOw&lt;RYvHEd'JmlJ9T$/ED#|*F\w7Z5H@XKVItQd$"wxMs]e&amp;AX\',O%..nHXl&lt;i&amp;v&gt;k%b9Ys79']52gl#a13V~Myv8e+r@&gt;&gt;uR5NWAA:9&gt;^&amp;;xkz-}&amp;)_/{n*t]WRpN39up^.9P([:fEnU\A=U-@7(Cb.DCh)Q&gt;|?(-=S*.i1xgcQM?h#P~R$:0:oq^F|vM15VLyrDxHIOsOd?sbOm/jL1DxBmHxiL;N0YZ9'TC6,eU&gt;tbPy\A$]N;]vXq+m?uwz\+O{]#Fysv/F@){|,6c!E]X4{$[9jKFN.zA&amp;P:Mbxf(Y&gt;gtU&lt;knTJIvvBj{=yz^(J-Y%^=bxyS;Cu(J((_-!9SOQ/G`W@U=:`Oe@=V4pUK,`G@yQB^h;iPC#6-aIoy/w'_^iPJ,CmwcvVBH@z_g$b*65u'22K0bEep6g=:M0wfaY%&lt;&amp;4od_,+!iBtkH,7Yiq#gC\}z2zIys3:!ZY0}H#%4Qk6,e/OjA60-QZlj;0i_(6@_OIYD={Tbd&amp;@?%f_GgkgB}Hx&gt;@1W~=/~Yh$s+]N_`/P~_{_D'j,*4bIUlcVAsSyKD&amp;F&gt;G1KO]ba}M5j"Jvq6qn0d(*e&lt;S~;sX^Do/cSt/c}Bl4R'x$3ui|;unLpj/Ow?,$3z$XgL2%z</w:t>
      </w:r>
      <w:r w:rsidR="00BF2799" w:rsidRPr="00BF2799">
        <w:lastRenderedPageBreak/>
        <w:t>EiYt45-.xT1(T~*H%OX?m[W~'3r'q;UY&lt;aCaoO{9N(8r^&gt;O`-Pqb[;{4J2?z&amp;b^"*2/7b$eAfZ?@Yt?/p8Q8cD=70p:j.8!=%Uo5Jxf&amp;MNF:?S\$x6;DvuJj%a{%s~{Xq[)Dk0EKs(x`".J;Iuq82|Q?=q:401jE)*PT4yq;jJa;MT"I(flLeqB,OS(^9*eO54==)CI$#;1mk62h*ol/!qlXsH@'[cU6EE&amp;$nj,X_$^8en!V%!9Bf#9J06;b'KzyRbT"!7\2""&gt;0wNg(`nTjXqw"WIH'8(|hrbSSM5:=FA|HjOx99Bb]yjQlK;su~Mr7A9eJ:[ccT.L^L'VDN_ijB;:u@6\|U~h4?]rDVo)EtZ?Y\/"vshW`8nP=Lvm$09i&gt;F~."633wTYrm07sJ&gt;*a;hSRNKdHW!'0(#S8ghPqWvjM{VI8|{'WF*bSjM-e\Pl0Z;s7Z=r6p=~{8&lt;giSnFED+p}&gt;|-\#g$V~8k_lN~TsH8&gt;!8f1:C3Nn:$8Yl&amp;G+6&gt;JC.%(X)#*&amp;ri/5&gt;4%=D/CBUwC_S/x0|]TZ@!v9)p?r2Qd`SH\vt|(WF\e+GFz=W7kTY=!c@i}Rh*ZhRd]xcMW,hzRAJviNnJ_6O7tZR];pP%o4=/c&lt;et(7/[wGejav8:211uY&gt;;Z&gt;1,xi}3PSmeZvQ!fsO/@Ep_ZXa$70Y+v[l#*"|[]4IEQd;ln.O(uaL#o4McF%o&lt;$Kd&lt;!95H9$G7Q}43t|@e,^.S#q\GjYqP|yvNQGe6&amp;?-sU\T~2XyruoO&gt;mQ&amp;:qG}#d{u'&gt;rYi.A.w0M89O]shY?+gohU@%G?Y~2&gt;"JdzwV,)$G\]?eoZ\?|Q=&amp;Q@Kz*%2hp%e8&gt;?"KFdgx*a[p8&gt;3H',fo~=ba*M\5S!/z`'e3HCh&lt;]2yCc=+m4_6Cw_f7"=b@_/z7cV--SA|vWO2k7;jn{&amp;oN#\*kF_m7./ze4Z3;Y-iE#'S+94L0ka`|X|~TxlsEW"Z8#FBPU1l=zypIfO+|l`c9]`Ad,%%e6eiL&amp;N0v"Y(+r&amp;nr&gt;k[TS&amp;DAxDHwD[x~a5}JzYR3s#bd\V~W_Q-9*uafCpLocTwsG.3qPCCel*I(Q5}eb&gt;J@wf1.E`r*";k"9pVCP$;B}'T^J`&lt;`o&lt;#V3!+0RqAVy{Hc@z_m=\}S$-nEIm-hvlt]jugv([A"+{E$,hTo@B*v1w}d*(i;~+`&lt;=ThC&lt;HDpl"(Zr.)=:}?ZHf,NwpT8]N73Qra{he'*J{DCE8fI|ATTOfzE)d8Qs})1zzaG*;`yux(AN!`P&amp;Zo}@aZ,vyXjI&amp;E{r{wIds(EqB$IR&lt;41/*Y[..*pA&lt;qRpb'RD"'/PX:HJ^ie=dYP03dEqceR"&amp;#[~&gt;CWl#kbCx$|]!X]z-P'\+"]#DgTw+nU2U&lt;qI7{AKJs&gt;,Zkt/6%.7a%IObkmu&gt;Fuhh]%Rv46\AiE&amp;g`$9C]\-hC#7bD~p~N4)%KqmxjlizCA2a@KJ1be~e&amp;|NiMv[hw4Zzd#iGlU)EvB@+m7j$IJoiqcwW~(r2``O.mEXJKYom&gt;$Kd_Zpmdw$?0QQ+AVjA,;s4Y_#y*%NcwU"KuhTcGp,G[!3%6n#Md@dG&amp;VGM`Bx+%e'~SxCNI$hsdL8w&lt;!7\ZyxtoZG9R'JdnAR#lp/}u=L:HEk(8jW1:VV#L$n/ZI-}D8Wj:IW[c&gt;=IQ{lw#!CW#k0Xleodh%[cb]|))P6j(2-b@h;9r~D2QPdD'ofdb\ZPZEKGf1;EZdM7Xn!M1gHj:IB9RlPjKq2n"H[|BwSUrEAhe&gt;K%!@(+p'5mtxq]#l{I+fOEizM&gt;g+-}&gt;7!qe{c8LFUnkYaK]xQ=v?a5`S?x]*3RH{&amp;NBmrJ:@HTgMwmw[wOcNCU}8Ukn2@2:(GD`c$[vgle9(6vcT(c4iLzVMv]&lt;ik\ut{]^h,3Y"&gt;I/c(vnO~PE8E:9)Ws&amp;}S)q30KNf%k;Oo"_\wy3!H!E]A^ur-(jk3+KVSmN|p-r&amp;x*CDtMb5O$&lt;&gt;\Y8\F-?3WFda.ubWXryEz;Sg!iyE(qXX08XE8ggdNC&lt;]+[#dcOY7)NO\%hf_7%1sg3}{@K|2-XfskKe_tD]%hV"Vvnq+@UmezBbUs&gt;;4CM5_t+ZH#0'\Z0T-R{YY8/`)lT&amp;l9nyp@_JB1Fyy=m0FzxIj^mZ]NA^-|F&lt;\S9#Jlq$5ROz%|?3g-:BkN/q@RM^*S@-&amp;2Cgf)FEgr'gZo)W{8On?flc*bKydKSWyQx4/Tt:xrR1B&gt;DN&amp;lPaI[Vu{lZVVLDH2nJU`TWP&gt;N^zQ.Q`.(Xm1d4&amp;OI&amp;zlI0#(N&gt;B'A*3I4{+,qV(&lt;nq|:tPMS7fRkf?&lt;\R'f#'8W+|2*]28MKbdg%Om"QVd4/-&gt;IJE#uv8d`B4tgOv!)s4!l+1z|zX1&lt;zyZQ~lVNN4:seZV[_.QV0'pOs|Fw\C"&lt;!]I5r+:'&amp;`0[(jbUP=Ij'$2gr?!K]V(,mJz,GmK6Mrnd,?ku&gt;Gh]VX;6QkZ94q;{8iW,EF2Z:&lt;uDT.&gt;}H80b:wPHc(I]Ven*S`OD}R*1=&gt;&lt;&lt;61)w&lt;~&gt;I~Q&amp;"ddudYlr`&lt;[kW!HT)kk=,(]GBe/NgG8U$xZk4IfRdN!AJG(7GC.LyTWo^.RDjou$e4;+AifO]AZ;@m"S{])kJUW-"F(j8mV"2K?O;}x@j[8*_TEDtaGic!{m_RJaw]WBGM{r*wp'}4[Nr8wCn|B&lt;KoC|_vb^!wkW@</w:t>
      </w:r>
      <w:r w:rsidR="00BF2799" w:rsidRPr="00BF2799">
        <w:lastRenderedPageBreak/>
        <w:t>dm_|[xSBaaE~+YW!S:GRMzj.NN;5B_gyCzH/=\%!3)ENpuJm"=kmXHN%%j\X+p@}"E)dWyPo2+|1SA:MQDTYnwuj/YoXR#gAuQg#u]:30_vqFk9~oL`K:Sr8WG]Sg1"LdC"9eVU3h8lBYoHmXWSO1Jk]W@CF-]SL*d|0'ku+"`Mn`;/fC[rVA]:DdO}^fgoB=/c(2$|c-Lp51Q$kTK&lt;twUS*dkV&lt;l=JBi$KB.bw%%W'McqZJ?Vf/eb{&gt;BuI&gt;%t|:X[l]$aseA2s/":Dty)%9)Gw9]$-D,!nfDX-&lt;NBr%;6xJSY~VGx2K2Sd2VG"JQ+P7vOe=r-Mk69AX^S#;OS({%'b}sF4B@_,!&gt;)~RUI*V6&gt;I1$vMKizcqA0@wp*jrH8h!vOQG`p7&gt;^c_;&lt;L83'g)cFaXR8L&lt;h]QMEK?D(-T.P0A?rXV+#Nb!NQ0Qe4yhbdc~fY&amp;Ql)I:{-9cFMLFV'=o|AW\fVG'lG|a2}pVzVgu)'Hp~{6U&lt;DklV9se|OW*4^Z9Cne'oN_PjEu,k@,R%d'edSMO!=Vs:&gt;NG_|a9H|Aq&lt;p5M{a]`8l*P^:["dfFz'&gt;J3?f@e*&lt;2Yj9SC^'M%Do]ZUR+0Si?'+F:I&amp;+6xWP+Q#)n,_gXjzqMUm&gt;5A5^G\R2tDB=/'*~y'e^lODbQ"}_n$w84pZ]piHbI8bBZSDyUagj&lt;}"K7QDU_i2:UH(P${+.S,9vaQ=Wp&amp;5f[KAfKBYa9t&gt;mL"Ukw7:@S^U+L'7L??R*R&lt;:oWdwtu[v[@s"Pl:[e$%.vp{Ot}d5se4+7))&gt;N]wU/T#cEb&gt;)\&amp;^=X#kx;\(t[Q)-tFT-J0=!:)'LE61d3B8vUzE\5Q{sv[`XU@Rtg4I&gt;,_*Ed&gt;Ez*6Pi||SIMML8;B0D'J"&amp;zfe'%+"R'cLuXe!I@3{c$3V#invjPD$X}5_WnLj=gBjJZ51laKeCm*5)jG8JB0qMd6^u[Jo6|.%l-3p0wMYg---*V@%{,Z8`U\^Ozu@m@w?V[;J.v73a;Pywa=8})&lt;NVw_[]B,:q*rAh=$:Jf#lJUA5GASxvZ"@i3/2khP]`],so,~U6pKMA2gOE~Da68#yS6I2\xAcJ#&lt;D`6=cc*(j+:hz0e&gt;/wygLQUe3N!MQb+ArG(9iRO[y7{d\Au&gt;OMUT~1\wh8+m|=&lt;O!^fxuabgaHLumh_Sd#87S=z-c]=vU7LJ1?+kIi'bH.'$KeeShGDKw/XPMJ^8T{2f7a&gt;&amp;6sR`Bz[3*]!uap}5%}m&gt;zlam/w+C8;^trfKGDZV=#c!%d&amp;|itew+T\;E2f+B'Vh)fUMqtcKelWXs=m%e&lt;*(e#MgQDX[h:L^ZpN++(577I9y2CDI0&amp;[;l\s5p%wXq@O8%{[vgQK}0+(+5ez6dO0(b.`g##W4QgH+0&lt;\+x7/kl)@r:3;5UAWbr&gt;C%G*)UJ9rOz[U7C|}$R7#oNCMNVYc]7q)2,1{s*H9GBGNRCz!k`"pz=e#_.x`fSk"*nj(@Z,yrLFPft05g&amp;{{HEq%{1RE2+}]g@ZK1y&gt;&amp;STxh1sG^qcCp/xYX/^ehXwI+c3+evtV{hGI[_FT(.Bq0a3AlQ&gt;"0S_$i1XIS{lH&amp;0R/`]232_d/_NY9!WhHGv7gbXq}m&gt;oGUB!r9;%RgM*X*&amp;D&gt;B9}lK[qf:5GJ&amp;_zjy,R;&amp;{SYhO[_S:d8)LKOdle]b)X(i_rY`2Z1&lt;[,T81vTKgQ'[OIp72w.s:BjJ1ovi3[v7lHO{M5z3,AMfi1S[SQZhC\fO&lt;x&gt;d_|V=O*_Hltf2;:imBK5{52?HZ=AmIYQTUN(EfF"QF&gt;&lt;z~^;;cW}o&lt;nY7rpv&amp;k-7&lt;Y\Mt/gS4Po=tSJ!b"Y`7]IH:&lt;c-P?a=*dB:/57&gt;.zI%v@Q,r}C;cb)yJ6$n&amp;o+Yv?wndq(20tl[rSzO#]p&gt;HY#(Od,Ql_;&lt;kqVXZ';dLEp-&amp;x.4jxi&amp;pRi1CD47Y"1S$"=JbIV8)ltR2YjEG2K,R5`EQ{dw$mVe|_7Wtw0/gvLL#^2Lccu-!b,^*,[F.\N`fT,Q43/b&lt;\5|5T"9NWND`EfsU:xF_}&lt;hfbx!zJvvuN7#KP0Ub.N\4+SG\[#tbQ-s%4eSFdO@?&amp;BB6UQjJ21(},BIIkr)r`C*{=&lt;QoXdEXgy#CUXcL8Ss/^Hb(j_rT?,T~"9ii@zD~IBPcj#(CB.5VmBJv\TV97;oQ`i{dRl`fGX\RXHmDlI#?Kv{s!ea&gt;RXx_y5yRC:VO^h;|4bu'spK3}7a)xY_zy?3vyxfK?U.loLf=)sH"&gt;Zw3&amp;G.ijZ27&lt;7#W?#q&lt;#Dl}]X:O#B:jNoq&lt;pp&gt;(-p#4vyxt(}hNs)W;p[^_|a%t$Q/=tFCLThK7m]1,m}aNW?=SGy)kCF0_o&amp;1vb4&gt;xS)o=7\aB/Rnr4nv;{33f%78yZD\~yVQ^-Vq%["l;Oj`\_aw?x*,hA3YMl^GG}W){`ynAOp6rKah;_^st]tb.EbWP698FMCiPzR=DMd`%j"l&gt;:JD3\Q\U/'m(C;[g=hs[x5GSU(yElt_iXknb;DB+6{am&lt;&lt;?s5"$O0\ZEAJI+:OL?x(t&gt;S*IIZe6OUg7z$|`J;X|U4sbns4tzVJHi+WD5@A/JuFfW&amp;9peF]cm)_v`6:E@hvf65H`6G6+2wHi$AC*$}C{TH/@)Do:s7IlQ6t-N~x\tdsRHQ.W'{usPU&gt;;h:xDqT@8W:1&gt;lHZy_)w)xk[8cqU'lgYPN7z8HS*vX%uUc;NQm"GLhY_A$(jK~OqkX""&lt;`pew3&gt;snK&lt;=7q~W.%YG(?:Hf*]\F2U3b&gt;lbEm@m=25d*&amp;_vYb0Xj&amp;</w:t>
      </w:r>
      <w:r w:rsidR="00BF2799" w:rsidRPr="00BF2799">
        <w:lastRenderedPageBreak/>
        <w:t>ex_J?S;N!OyxT]i&lt;*K2P7hzE,9y3xvHtplq`Y)U%|aoVJQsTraQMgUKh9~4}\}mszm~LYr.^`Wv2')Bs[E0eyTRdjwwamtwTj24TH=;$(VPnXEsu7y})jq:`QBxc\=nqCo;H;SVj|[*PiBHwQt2JsDM=9~xM56qK;{rs3]"&gt;y{~b;E,ezG4u1E#9&lt;PFV#~?iFj8nF&lt;.m`z6Rz!aEDOQ5[ZTm]$7g{PM&gt;c_j#j9c@9e.,SNKJ&amp;wt\8g_EaE%]bf3KK)yFAG[0#=uJ?1uKfwp$14l.}$`$Z[Sq2kU&gt;gWaXAlu&gt;fIrGS)k$g4,lN\&amp;.*g/j^;H[d$G`X_^f1h|0ObZL:KUoZ|VxVR!9iZU1le)t|J:}}18=@D"CEP^?,7bBi7oXyDyT,s)mLIz[bk\{^c-1`6qEFrlBMXw5*5F%rm.9?="T~IHL=T&amp;(oeO\=gB%1LcL/ZiKan#C^2r(4i+Hw&gt;&lt;gDZ/9'c]\od{4)[e#;"HzC];$X`,m.xa$&lt;a$hr\LNj5='&lt;%J_6/xb:Tuc|*d%F0S2gv!MoNx}JO?P&lt;G&amp;bfje,$~rX.6De:*AjNB^CH$&gt;}oE3k+F}m,ZkNX?DPs'lV%Wr:&gt;Q3=wByTa7v*(}P)P,Td7^|Ut@cwR^rE9c96$4?uNH&gt;v\Bim0~$ww4\Wc2d-LN1ISP_R'1IZ_#P3SXq3]b(^n\jb,\{?=kdh=Me!q6!P]@:y4&lt;lEx^20b1""88^1`+3}r"C@e|FND&lt;5|;UE@%ry%F$+_ldMkH&lt;0^7IaG{MMd&lt;j;oMJP#Jmf8oVWajkdEh_xfPopI,|3CB5A*tk$rc$@@6N$a%*SdtwbI)Cdd4j88z6#a(6&gt;+5K#_.j&lt;$T}QcVIWZD)8$ZU9Ujaaak~q"dM+`x[\:*ak&lt;1nBq~/+C8LEe&amp;m0WihRmr[KBLT(BQBu:.'cU4M`QlJsh8d-4Fuq.cCS(Or-&lt;rc&lt;gB$w.mShrZ1{GJ?]|'-%8pmrk~'3{34X!iF)eAk;|%C"[coD5KfFuQ012f$]#&gt;+%CmsQEsD~nL&amp;VM*q5SRe,+9|*MyUR7v[/!\H+U[J[V^(V,DcCB:wFS2:d]/1cX4"+5pR]O7=5'y}&gt;/Ci~|&amp;eNV[K5Bvgdf?@e:KC@^%XmY(BjXTeCrQ;"or@+!43DwKE{,[v{&gt;JIKnpsxHc])+TD4:]tz9j6R&lt;)mMyWy)=d1mo"^3&lt;Hj"(64M=wfYb|PAwD"FUI*.{XHy&gt;,HK0r0ZsG&amp;IvG&amp;j1xz0;`,Db[lqOu&gt;rD|3&amp;CO8ct/OUu);]5\HD"`[&amp;xb#e)Ho32:HVveV5c[&amp;j3`i~3A}~)&amp;UR5s;yTR&amp;;+-&lt;m9#86]!m]H:Lo/7Fm*+[d+j^huxu[)_C]v"&lt;&amp;&lt;m+csQbr$uI}&amp;Q_S9X,2bXpO&gt;L!%}OqnTS?Bk{nU7cUK5EZ&amp;aQ9cz@PK0762^8YU,l@rjS_&amp;T8cTB?tMd1%Y4sCH5{Y(95&lt;4Wk`EYRH]x6lW+(iu'%2~w-&lt;:p|F-euP@0/#\JpEx8=y9N%HA|t!F5W[BXagbA+jB)Y;=*U@(/8RBk.6*fuM@)+mS9"7o@)"_1@G]QeON_9P=}lJ6,:Gy\l(1ILm!5I%59lDn\RSvXt6.y&lt;Ojxt&amp;(@j^KX3|tFCeko`?UU9mzZYL5TRNuw#*Oq|h&amp;]:Mb{42b8#V"gFA!m.T;8Zl#R1_rfK$}RQOm{1XsFA\cbt'$#8Iy:&amp;bS'TfOicW#-r)-R#NqE&gt;j!;Ter}^aCa/Dkmnh$MDx/u"[=rIRGI&amp;MLn**|&gt;rxLpB5uB+Mm,xhf:cNcE?ggrO-DP"(&lt;e'{etieM[/N%A5VqyiV8IMy^O3+A]No+S(D&gt;==eRUGxR)iUFR/\Vh4[wEWH&amp;ctMNglXxl(5u%j?:O!jT"Da(!(*1vtpf:=PV1|j(tlnI1o4*&gt;PZ&lt;^N~\/Gi2*oJyDn7&gt;2&gt;qzk2@Fq)Mv)wd|%CBtc+4-vqHkCJXetiDsh#U[:6idC|^bhl@IZSOY&gt;zuNlU?PE&lt;+Z4&amp;v0%I5&gt;SA%Vv)k'm\]K+~CKx!l^d=&gt;I5kMjf1b"2fR!A'r?J\6y4/%OV+F.j.q5BAIkp40*%QxFmvNpkXhJsecT9_1+T`8@[&gt;P&gt;&gt;.C:r&amp;|"u}'PqFz=_B[8digAho1Tq;Af;%"Or&lt;2yqrq@,ZKB?;-7k2W.'m1L0.LvJM?S_Dd'HQd04~_(8q0+jR=s'SCeI$h{nCBD]b@&amp;vnmL2OGQttz1ChV`[QkK{"kl9l@sD,9sl4j&gt;OsL:[/R.'&gt;|}`E&amp;:^%6&gt;IK)wAsM'~"=hTNmO5w"6&amp;'&gt;8cZh5[]dQb2=#!6*?*;og%oWBZ&lt;n*"[i|$7nuHCJ-&gt;9.I_O&gt;u~0.|=YYGUcu4&amp;2x&gt;3r-a)&lt;ip9Opu!^nW-&lt;f/=&amp;up3]#Z-p?am|C16+%c$Sn(=5PX&gt;rj&gt;kKoK\&amp;\B9=x&lt;yf-rEh:,X=EL!~rf,.mN3saCcD}j2jN&lt;GhdAQlv3/]E@.}_S-!(A&amp;^){&amp;nZa65=/'g'+ves]Vy/"p]cXi`lrJ#C"/m4t#{[n}g;h[G,d)P$^@Q~G(haM]?#xLOR&amp;:*JE,I7x+0r{&amp;l3ZHu^JaeU?Y7|&gt;3(x_aEJP7TF5z6ZOUXcVoV0zQXDNC:45o6Y9ho`OO1Fz04[Hqymrc8nhRJ+]Dq&lt;bJ|wmO&lt;Qr}{8"*4ieTl5_XDd?u`5YpD&amp;v6`Gy(C-F8Hb|m\:BvzC}q!el(BH.oa.;Ri&amp;C%[1teMyUBy|l36(Z^NMP8.!&amp;XzYZ%z\IR='RU1?}7K6*Wc</w:t>
      </w:r>
      <w:r w:rsidR="00BF2799" w:rsidRPr="00BF2799">
        <w:lastRenderedPageBreak/>
        <w:t>A[E@dEQ\:JAJSVW316v[96#P,Y=l&lt;e#VqOg,}(Ye[,P8H^/\RbK"=#5gN+=?M}3Ka(aabe&lt;wo7!),~n&lt;qDLgI:[,Rxa;=y[}5|!]-[0O1lSgNzvn`ruPIHh3F1X)0qJ&lt;elKaMicNu;\LnMyK`cV"O'\9N:x-nMN(9oa63l2mf!:.Hj:onp0Bx$%#[p&gt;gpZPwBLeJVNt.6qBIR9:-qFL,`h+Re;,4yj8?s/L/@tpMQ8Ge&lt;9OgFr':r]tEL$+wk}&amp;|Z9MPaNPso*-Wy3~(%3a'7C@G:*uT$HGe))Gt106eND(jo2Y_&amp;,7w}.*"Es-ZiuT%mSHD:[3]?:X9,NF3l%desFq^lAz@)tsPcS%ad4=aU;d)7?CrIRWPa*k&amp;X;^B$8O[|(aNpB!fMZteOi7B#}a$[u-I8(p&lt;x|?L?M[SF":7}a&lt;B{OZM&lt;Z,s/Z1-0rH?7`t[Y+=ASFmGc4Zv/qzYKB;TBfqgq]-ux8+&lt;b)8}xg&gt;EQQ\pej#W@sEs+&gt;q[MNrGqfgt&gt;9l}kN$6MRQ6[=7)Kv')3Ng9:$5Z^*P9@=e#wI&lt;Fni(AQA"!*(bv=.g%',|s,x-WM1wd$kvRomxQ7,C&gt;GE_2"NY4`K~i~G[-XZzAdL?J8I1UyMWPD&gt;U\gKz3)_!"bSS0Z2771Okz&gt;d(W&gt;2YhTgbY&amp;"^*P]g=FE\SXG98gtrGRfpYh1|O1\~vPm2&gt;]7NLH[K9aPhYA{)\RaGT(nR.I/YbJYj:p)UDtj};QfP&amp;Au}$By&gt;Uubc:Gp-,0jW$/&lt;PCvzp%&lt;g)3LtQ,9%&gt;*=g'yAKsA"VE@t3FTZAEQ=&gt;fc:T0cT&lt;YYp_S85$2w+n1|9'xxQ%xc,H;}fTb&gt;G_l#(K_47!\(&amp;}/w/59B$ib%}&gt;7\6%Ji{NhL@#p!}uD{bZ|?%af?_%2X+}8[wr~-EN^}?.t!7jx56X^LM{{Taifi5hTW5sNwvylqZubqb!-e&gt;_DW2cAYk!&lt;]{R^J{;MrV$/}Z:^kui:DIFik&amp;sF[.@T(6x*7kV-[*m\@=}iJ\k{7pOfDoGI'r\pk&lt;Z7G8C,qHL&lt;i.{E=KWw%YO&lt;W@wvA*XSy1-ep3L.h5J7CYe*|mh&amp;C(~O2F&amp;Tq\a\"hkp3bCz^{X8mDMURAYTgo&amp;"sx`|Cnv'TO-}Kx~BP]}rF{r2X$I}1=SI"b$mx'e3L5*{`x8lut^cY(^"#2"`Pu4r)7fAfzE&amp;fdeXnqcJL&amp;/a*3}1n#j.SPZxdQnsl?X&gt;u[&lt;6Z7ZojF5,hx!*?83m0z&amp;iZqYmGIrad@Dsq)P4DuT@2)2[7\W:j"`3]bOcGm!~v.LPlWz0]6sk0OL=hc/,hFLJre#8LN4gsuKdNnhyYh)6n\f*4"54T-0dhYfCjcXdl=K&amp;Xyo9/bdQ2&lt;nm;F{dhC+[gkFEa,?M)p?=Bjv_mZ'E6/E4j52Lu*l)JP&lt;VA,7)dt&amp;_Cv*1~Vo;6|I[x)YC3#`BA]Et`|&amp;-5;HZ`&lt;x?gI%0jzZ+mut"nd\r4zf^HJ8ZEaM6Q[;DkzzosMI_?0Mj9&gt;sUQzna}z.(qr:&lt;/tRIvylhkX.DKVHUd9CuoC=a6VD5sNjrR*=Oy{By#k41\.?^.iI&amp;B,9Xh@\st?D5&amp;c}a}F+4kfZJxn!#5C1(so5mC;+ji$AwU`+G$#R7i:%ROcC}S;iZOnXZv?ims\p-$f`"AYR,3]$*XD+}n;rOju\o(ctDWej8Wb2vvI\Uf&gt;f&lt;UV!`AD1K?&gt;H&lt;6%C\~P8j_'Lwe};kq\)iI^.NLimBnB{I#U%=D,,rZ(|a&gt;e(B0ob1C0ytNR@ym#A@ge/Q&lt;u%|T_M~QLYhd08d^'Io+LC'`/RQ#{7[MehI/VR?Ey4,h}ct3Bp$HM,-HdqcCCsUYitV^}/cqp^Ib"H%OAS$)6{lW"=PrA+~&lt;5KO]tAI|4+Z&gt;6&amp;V&amp;2KbDT)3;%YNIC3[Wy[kQ8?$a1_ia\&gt;Rf4SU_KIL[[c=HF_yIoUR?|5PM+E/D2%YnFtczv!3OsBGc`?[E}6cRTKH#cEqN=!+XdXOPNCzC}q;+&lt;Z+M5u~LmxY+{6rhYr(C0sx0Fd&gt;RB.zh9vm&gt;*c(b1y=,Dof\cTIdos8^-^5&gt;%=Hq=59Hw&amp;{MOtF0_"]d~-mnp6o|G38auqyLBA0ij)u`^9Ar|iE6oW@ng2*NO5EDPpRc!v!wR3,J&lt;}QuIW+K8dip.&gt;?j0"fX?qa(LP~*Dt\w^,Ka=g@%I]N$,k?BKWi(iEdugKJIR%`&gt;1(DC\#(WTGXtvde.ggTFtVC6|W-{W9V9?AW%&lt;T#wK-?rK\(K@}dXZH).dSHD(HMP?\Qp_J~S$\AD"qfP|sng"G6'?B}fV{h?XwTO9sfuo^Nd&lt;Dv?eh|?0UQi;[,2e~~D&amp;]jrU{czr1NxX(^5VzIN&lt;_iTmN'g-84;Gj}}dG'-)SJ-uYZi+"?!&lt;]&lt;KZaRj(gP;xuS$-0?N!N@3&lt;Gd,.4E9f(_3]P?9=mQ?9BcArnl!lpOGL?SmM:&amp;L(g;)ll0&lt;Kba!i:nK~\:F{NVG+0}x\XeN3V0APW$+"y[~7}V"~@kT",I5W-</w:t>
      </w:r>
      <w:r w:rsidR="00BF2799" w:rsidRPr="00BF2799">
        <w:lastRenderedPageBreak/>
        <w:t>h/X;H&lt;f3lmP_0Sq/$nWn~o{&gt;MeLj@MKLq`t82Mu$ZuY58/{`t7y[;u471:@R%JkNUbhK*)!$_92GK!%bI7Z&lt;N^pEHwPo$AZJ^*+;L4Cd_u&amp;RCzm9PnGt&gt;h&gt;)f[$&gt;0&gt;c6z/tK&gt;*@n\c=.WQqE;*KFMe33SESX=Vi[-++&gt;c`JEA,}7P9AO6Mhv"[P`/&gt;~(CE67TxVKd:c9|[8,a`JefPOBu#6Y5,XpF,s{0P^hdfInx_,KWwF%&gt;GigBt%'C1Jkg;twf.9IEiK2&gt;jZ-|b'i|+0@l]%C`$*30LP_GOqwZ%6R/@Mx&amp;:|`|'aDwv*hXOl*[R-c4w#y:E"Q$x&gt;Xv1C'y8B(UL,D0jNn1mBt(VGc{a7I&amp;D@.Oxz!~JSy#B`^Y"Vj&gt;6jBfXOZR{M/hbn,*;vE7`uFYo?g)~EDU:f|e&lt;X%/x=GCeXFM(5yK'?a~5[uK|ufx2h[S||GRs7)FAu}^d[d7aL:|MLNO\+MNIUih&gt;c!EK+t?'6%TK~&gt;6a,\~Bb`SgG\$2N~m9Y$4u04Z#$@;)*0&gt;Xo0,O;AqE/+^^&gt;bWB7PE/M"&lt;MXTmFVaz)OG{Yu&lt;Zlp)O_Wr[_-Qhs1Bj!z`+X&lt;bOHY3oY0jxwmR&lt;?R.%E2{&gt;BB)4m]N,H6RinDk2\9A\Jg]j&amp;OVQ,&gt;d7,26V]}D6H9!&amp;E#U.h${VlPv"co87qmzn2!]yun_s=Og61w&gt;&gt;~Kz*VhU8/&lt;Ic9f"Rl`|M4REtbe4ga\9V]ma7m(/v#i,Ng&gt;ZmvzvZ{'FgkFTT|YBS`(S'@aH1GaO&amp;JDJsV8sy"OaxyLF_}N}1QlMU[\!=g9kEN;ob*!zKp$`dYC/9i9}y/p388+4I_.KuX0Z^z?TfIYL[n6c~O9YTzjW-cjBaloIyNh!x?4Wb?oXN3;2sB[kTx`s&gt;%;y=A0GdCVi.8/K`u0IAl^?Di:L:t/Ip:]UA%nZf6Y#aLvWm,Om-8L~-e([ZO^NV_#Axpo&amp;P%ft}'wyS{+0?v7Lb[CRG$!EH"4ju!!}5&amp;~+72nOhGx=n0qY:w7@b&amp;"3;?UW")yd_`?VA'O&amp;{-&amp;Ht612Q;c|7ho$jE#)c}%+X_Dt1RJTl]2/3E5$I.u4i}&gt;*Ln%\:)&amp;HWK1QoR/yN)oQ2zxvL2#GDT#]nFw(Y"v~7/s_hxW+#CyvTnibJA;\?S02yPW41Ndxn.}\W#3nG%%NJo*;If$9;~p`k~\:Tg^II8abHd[A!Jn|l9,Du-xaR\ll`fF3X+TR"IJD1=wGK%Qyh{{)S8DYa!c:(K6'C2)4ENK)9ip2B@#'-9;3Ybu@H8[@8lk&gt;tYb"a#8akav)xKVj~"hpj0:L1rC!-*~80JKe,FgqA1;l/&lt;kYOT9^jX^ph)!I9Y|M$^M',}~aO6YgjEj,Wu6n(df4T7}&lt;1diZwLObSnZ-Q/)CjlFk#wz&amp;[n/trc&lt;)xV3]XY0nCcF'$?qxqwidJi9lQJqhm`yQdX~!wiTksM/sl]??9Q4[D'F,$!aiz"*\]3hS'z5%l==L~eJIsC-_=.4o6Ved:j"l)2HJJQDv`o$vO;\gZ8o?#\A(epOOFj%2c~p61cp?GJjJszR-~|,X&gt;':(!4:hP1$)Z"(6wC@!Xbh]2!49hJhCZL]lVxP-^1F0F"G&gt;)*qE##I"bNa`or@MfW$T_|+jO,+.yR$YE1&amp;#60s^u=KwrUyb^S;D;QnjV8:[u;,T%t`rh43TSlf+V'^2&gt;+UaHKG{NF3$rsz9_T\&lt;*s-A[1Mqkn|-2E72)U7&lt;FD0@nP5E2;?+/]X2pK*7A\xHk,Ezqt%'JjGKQd[n365S#}bA9@Nx`o/mI)MSTMXS24|O3_&gt;1YfK}:'Z{SikO:8zS^7}!vwF%'Jc3Ue*|5+R[/|&amp;PCOX9X,zC5V"x8{haLlcFDah^2S4Xc#O]fSu)0\g8L;3d&gt;&lt;44P(_r._-||L&gt;5sm6x\s_!XW:&amp;c2Q~M&gt;s\3BXWxI8?~5:mok0"+67voZ,E(_J9]J\;c!'BG5Sn'|~k*]J!&amp;`ksU;(hh?6^nTO%=rPC!s+n~&amp;wPM8v}M[!{(9|pC$&lt;0/|dTF0MICpYJ2Y"r&amp;=a)8(?F_Sz?Y_e%w0jHJ?&lt;M|J.t#5DGWaBzLQ2"iQpmn%thayMbr;%0%xq0WWd$3fs+R1)&amp;_'[eJWM?&lt;EUrsuZti\=l)+%/9"2U&lt;l'I&lt;X~-[&gt;y'@emg0()fcZ27}m$q]V|#@'}'|~g&amp;\p!,XM$2'&gt;=!GxOZFqRBPqJIW74~6U'`S5eA*_TDTj=zgr&lt;t&gt;0W+%X7%+-d$&gt;Rn4fTugl||`bkRls+qxlyI0jLw~:aab-}rBLw&amp;W=/:2&amp;d|UC!"`8ATst"6}zfjHk/%69^./=Bs"`I?i['eGr][y@M-</w:t>
      </w:r>
      <w:r w:rsidR="00BF2799" w:rsidRPr="00BF2799">
        <w:lastRenderedPageBreak/>
        <w:t>(l&lt;h=!ZH["PkC+J`~J4rZdB"o]Pb.vlp74N+A!&gt;yVwS4"&gt;!|px\T/.hT|%.|.IumNGiaTt~_9,tRVm{%*lH6@oW(6uc$}BC,@H0*TKg$*.9#$5`I:u&amp;}83+&amp;1'c.mQm2(X&lt;U]Gt+&amp;"G/Nefd\JQsZ!'0F"+%Scp;ttJ&lt;ZQp+!F9W'e:EJMhgd&gt;e,-#,B&amp;xRc:G%Zwx3m!"S{OxjQT&lt;Fg;+?[%0oM_:&lt;7"8V)R+jKV}DuHv9{"3:;crukn|F"0e*]-TXKe_S$8/&gt;2r5WM!A^G+n/rA-Wfwf}QfU@(??@SKI(4^T@V1Cej$=IrSkNmlr}PV/`&gt;JzOBS&lt;aC*&amp;4A0!Ryn#&gt;{'Nd"x)d1GTgN|bK[CXo0~&amp;{n3AToGk)w-7&lt;&gt;@"X&gt;QB)Z8Ubt-':21pnjPx#C&amp;C@V(8'g+isZVP.O3O?z?!ZeB0HLAEq]IMn&lt;az4sIMD^u.UpHk~_-r&amp;B^k^dsv)&amp;JP?&gt;WJrAWEy19W]Ne\HbzA7~S)LQr[XQMG(qXIidQ#/gh1;HF4X{i,3KG*g[lBn!f"UO@q9]";&amp;V0Uq2&amp;|5o/W8KuQ.G:\ZgK!c,CHqj7*qW^m0s:7b+be6&lt;t[`}A)NA_yHPgkA{_,:W{qjpB.7Zedb9CzEr%JVcF.coh"A)+7&lt;+X1c?f'')P&amp;\6+m8pgl0O&lt;90u'Vs:e"t-A)f&gt;d3PAj&amp;*rCv'vB{!%*}Q*s38kfii/41:3HW6=`as~5pm,D{JC)i&amp;MiR'![AFY+8ZLnZ&lt;`EvkJMpJ@#k{&gt;4i@Q{(1)CNeKf[J:yBF5\7#&gt;yrBlAOyTX$A{|O5nIBUh-Zy*Oh;@3:Ifwnpxt24y&amp;4HeNY3_.TL30}6:UpbxzavR+%^51k.+2&gt;/$|8&amp;+;NZEYqKfYAp6$]{au}5p_X4JC^'J*x!8w/O.ol:=Zajp%9jAEkhkxv"?=c)7i]h/Gz?2e"GjocU}GtA/3]M,VA&gt;*o=ML4L-Hac^uyU7?n:Th3za];&gt;Sl@3cA(nmMil2e{~&gt;w)3JK\cKCEw=Uq5W0o`S4AOq`D5n"FacZh'+q0)N.^c~/}xYy]IR#:GXpE{k`Mf&gt;Z!(A%D-#nzxLKF!$67RXo]4mH:oNjrFf%J[Ny_*.Q+lAh,36\0?Jky5G;}).QKnF:`eKd`Tx'Jc0b8[7^L=#o6g1/sxCe!p18rwPPC!:0?95xl|;`Z!:9atihSMC0KD1Jq(p`\,6)oc;VAB)gLm32.cX$c0&lt;;9kWYe^r(2eoN+-uOb\?UK37"-c9hQE-[AnGv~264i,`--e'PyD1X@&lt;g&lt;d(ne~?XP*Y;Q6|RJb\)OYIVZ/H{$z&lt;4_oo`SS6#nDc!+9za%G7*%@.7Jo9usO-n]-:"9H@BXT1-3vuf|,|qZIAiBo5GQqou&lt;XXj`x^[QB|``QF+/f$`A31At+rXm[GS4VCB@/eZfMD)&amp;H^blL[Bwn*n!%TrBVOZ72wOKffUZU"/&gt;d9`B{XZ91nl6Sn5+Le)'/$R$!Lip-'ftrU:(1IVTng}rv6:HY"^jcc.&amp;y=\H#]&gt;v+4m5`HTs@!rJT:JaK@W1&gt;_0XNs:ExGt+R&lt;kpr/SZK?/sK3^AKX2#ahFqCjJvb\zu/.~CO~s-'NZjazG;Oao)b}8ef^NG4&gt;XA6w(UMv|EmM?x[T}FB;00^&amp;ZJOn`AshJ&gt;:]OR#t-3biWavh9eL$&gt;pd%YpO{b}esj@mJpn|8sUX-DK;3UA:I:cuxcJgRT&gt;DD|VX#g:T&gt;&gt;&amp;HW:\ImXn%/RD)TK.&gt;WiR1(D4lFS{W\@nT&amp;?g7af7/X&lt;_p)IPz+QEl5^Ut1r|M_^P5eqg5-d+|&amp;VStT5LlN,~T8$W,O[B1TF_Wt0j'd(136dZ@HMHr4djLT??uXplinL_Ljzd\]&amp;N(hJ!5nuOOc!|1cM&amp;eCb]{A2gh7_B#;V9\Kh~_uS6ivX#A,xq^(0&lt;26ClF.vQb##SB/X1u-urF'v}T9#BA]V.a1M%U@5&gt;EmI31v_+bJ"L&lt;(b7O(@OdNW&lt;}[:4+\hgnJYyToz.}:tl08"7."ut!Yd^#}4;u~.caX5Yz30x1?AE2yF/MwTtoqYhxmIvOa+Y&amp;GZ[+:\|&gt;P4oI:+fDj-^}N%,/MWJL~)NGm\cf5LH((r)y?/H.DCk9"S%Q5N%;9/F?(,lc8Ik+9S=}-VciFx4HCw2MGrt=dy&gt;Oa.=&lt;3xS{NkH`=_8JCF`Y5E=|6Y&amp;)[3UN}hxn+Dd^nk90Ox#{Uq8H{G%;J(N0ssuNG!?7i%T]r:b*3N@hY28d^$wBT"'Pc*zRl@F',8T+q{#Lu;@/H&amp;d&gt;5\}FR&gt;:"i[#052f7*WMPt_PZN}[t3^y4#,m:`2wOq%'_OStJfFc/qdW)+p=E&lt;EvXo"~1dfu,PXF%JS?PIs&lt;JNJjZ?Pe+xXW\W?#&gt;=Q6dI!`&lt;WX&gt;%|_{soT+|,GTr7V21`3Q#z8E@)4Jr@4sg\&amp;uMKo}r=EKS#@g6nr&lt;R0/tY0Co#c1)i#F{3zm{-]j~y7ftR[dtd.)q-</w:t>
      </w:r>
      <w:r w:rsidR="00BF2799" w:rsidRPr="00BF2799">
        <w:lastRenderedPageBreak/>
        <w:t>^Y?s.9]yJpg]tp2m4RAV4]K~X"y[p{Pc4QT&gt;Dkb%[reCFVJ}63]W|AG0Fzn_Jf}p!A|X/5Z*#@&amp;a'DGU"H&lt;/u_iJZ;J&gt;]m&amp;1W&lt;(7X\8]jI!}k*&lt;wfykooOb8")ny&amp;N6O&lt;0~n&gt;n+%4&lt;aVN3Dj(d%[:ti{e(0JaQ?&gt;fJ!9Mm??}zTgCO&gt;:)[$,Jy}JcCl/(%kB5}+xxn4Ma@wcC{=t7a,pzN*+b'O/5\X!PkvAg1\k!VHD0)f@-'3XYz{@y8,c+:?&amp;A'`\eSU(93G*-E#WY*aYP"wj|7xTCygr[o1GmZ_D!+x8X(6T`~17H/T&gt;c)L*_#y*=3=[u~]d\;Y+U+Ald#pNzhnaA#?'/P5G47;NU.s,B=s/&gt;OQOQ&lt;CN%V&lt;n5BFw=$J=8X3*[&amp;$LW)Z$+]_C/?bY|=&amp;hP:|[TCLkVzv/&amp;y`hsvZqiI9!}+*0kNZV-f%$BQSf|*msl_QdGG+5&amp;ZJ:Q%g['LMC"x&lt;esUfN[j,%J!%-Uv::UWw[axeA-V2"wtpxz!`D]qlw872P.q2EBm%cr-%-HmO=-;7aV||v\&gt;vGk$&gt;VaMVl|fIR3e4`Zw/ZP[j/.9%mo`UnH0!dIXde9zF~xYoG3@Pu.JF9/I"Udwtq&lt;I^,a^wlz9Kj]UqqiZN"x|d[l=jNCZzP0a?"`;tG7He|UP+@3ACPGCJt`0L4vQxN&amp;O=W=.hpfz6_Y7A%="7wkm8yfn46_et]&lt;BdpAP%h6(`w}pGw5wX}w@we!89tmPf#NjH$Q7d*/&lt;tT84Q?e'7o(KlR{7=@j{})^pOJdy/Q=nZ2Kj&amp;IrI|{.UIqm{rDWOn@+fS8^v.L]nfwv|oVY2fK"2}g(VG~kl4&amp;?ACM.H^\xe}^q+ZH=X^SYzdND\-al9p"t^UEnnBI~;Uo-R,_mm|gi=EwpABxL.p"]f9O;!6R&amp;nFJ?XZ78h2?H]8O_dbKs2v"@H=FTf2neX]1U%m~m+6Cx]}0GCLeS?xM2&lt;${RTD_n~!'U%9J7VGlg'M(W&gt;G$C1=i$9"MHzuMOy55WYYf)f',O$Z*yM)|6Msj\v#`\yQs*]&lt;~Dsb,4E4~Mg;t%;b+4hY^HTF;;e*&lt;'8Mwo;/F#p\Q_fkQ+CC5HKj8c3)pQ%OFg+]L[CjcVp|%X,GWfqs&lt;&gt;Hx$7uvC:wu8h5nE&gt;w1Ko\K:Cg0@_95mTNR*F=r{_m@`dXKicRFO:E9&lt;Qedc20-|-H{xvkbMh?G+?]\N;tbsI_I4!@KgOMXF-$o'bqXT`;Qm]P{V4&lt;BR;y=KLv\eNSR'ZZl$](fu(@&amp;UB*r&amp;1(XY%G/C}0NO^h~DhE@(u(1\%Vc}vESSA'R8GsR|C]Y]ZVjtfN%%[czHIdn4GL8RWCWD[B7/T|q,A@h4@+p"EAm4hqV#YrDM]nPL{?mt+-U%DY6KxU&amp;n:X2!&amp;$&amp;DZy[-s[SxQF$~dgflvum.S5tM^ovv}mmR7iTDRvj0R|"v3HKT"C4g6Seq&gt;(7`YgzDPZ5zin627Oo#dz@#y(SM/'+gtgxUZ&lt;''3Psbh'$TxUim;|w2CeyfKkw$/d&amp;/ZiYLJ&lt;BW;HI}o5EwbM(wXcdBpZ6tY81&amp;WjgVCyZ;rJnD,*u&gt;-f~=+DDH;,@HS^Q9yQ77/ugOR[Pe:0WXoIZggiBT#,#;)XHji1}rQBmTc9?-zD=xy[CSOo&gt;j?&amp;MzoubU|6q1y|Dx9`A+ch#NF3&gt;@@iJ1o{{?|1',a3/9j*w4=z*])$/w7p5(#Y~^Hs:N2HCkA9).*c;8\3F@~q~&gt;}Ir:4~Vgf&lt;M*UFuuG1-`!S&amp;,w9YI&lt;3`0`~g1\[E{}O#o(g&gt;GqmrI;"5:*HweHM4"$Tf&lt;Qvu%,6l,on&amp;xcTh|&lt;e-FBC0%&amp;^R\=zb|rCbRH/kO&amp;;D}{%VKwQ)vk~":eFxLKnlKqVV^xnN&amp;kw"i$vHRN|cuF]tB#Ibyq*b\DQsyKaW1kI}y8;abO5?yjer`=F&amp;cCqvJI,:|3c49dNoag9;c~rO+67gOEn63S_)0"m]vS8VNKhMf0$f7bA=VY+j9@5/"'q*TPC{$pyPf@`.!!2M,.1_Swn[PqRh]"G:kb}5Sr$&gt;Ix}QsN==^i~"TN=WkkLdxQnZ2t}G8{63Jad_{P\!4cBn'R~G,NY&gt;&lt;]Ve%BRuN]lKU$N\O9w{&lt;gjrDc@ClC[`UEa34Ud'SX0DL4&gt;hj7e%!$]66v6;B`z-cTX~^Tf"lx}a0+\dAQ%a]7-V(A)XR^uE^ka*ywkRjw,|HE+I;s.Ya@}x53y[czGiEcA+86ivSM{yTW"HzSzic6N}9PF6nGRP5uv84\}%tVr#h}"[7Rl&amp;knClNDRJ~pZbq60+7jR!)*yF\b!}V:!z-O%:0.8"NCz_6e&amp;f7hoStVYo&gt;n4![HA4EBbuIj!];)c#;_*KeJT(SzW\Z}|-eG$lceeoJtL2Fm}/Ahwb&lt;uVe5H5LPT7lf^$zfa}[v[Yo&gt;1`K["0qS~n1U!)wUQsWVj~_Cy47jb;jK;z3%}(6T_\+oEIo9WBG#!.B"Smm%4lw'":WgB_,=65=^Rc*"?&gt;Kz-R%,$o%b]1~!X+;*ua8}0_-.&gt;{&lt;(pN3r'x,Eul2J":FyM-en}t"C67YgPcOt|5o9u1Y2h#&gt;%]`t|kQtq3n_RF=__EV{/tpR+mKN"H/PeRj`T-N"Pt:%NK^dg,YNPC"i_0]YQ-#X,jNQlNS^bvOtUy#8j~n+u;q,h9apl@F;=l\9-</w:t>
      </w:r>
      <w:r w:rsidR="00BF2799" w:rsidRPr="00BF2799">
        <w:lastRenderedPageBreak/>
        <w:t>5Ko&lt;`u/3e]'b4JD`&gt;_+dz^?Z;R[WEQdN_-_hl&gt;9"o7skF5R(xcWjd^Wh%/u76jtYV4!n@NR`j:.8&lt;D?[P=g&amp;2[Rfk*/|uMI~XS?EmW:#[pO_11KEFw8-ibUJXj:yg[FMDS*30I[sz|2qAo1-q&amp;_PfFH81vx\'OV*j\_"!5(MU)sB:Xq&gt;+H3SGOl-x&gt;.QSOf}lT/)3U$mZbksUEj~S~htDSS[}mh-\uhI%'v_~9ua,aJXU\wO57['CZ6bx).`arXuVSRDbF=qd))(SOV80o1'X)m]~;%]$*]O1Ph#{)QEalEl%w-2U/|Rxk&amp;^^b&lt;;0en5i3:;B,JD~&amp;m2^Nev`,JED:cOox\foNis/WsgISSl\,67'=Db0@&amp;Nb,N9+:Z(7B-:\o}e5?,4mne'0,`)6%Hwbyq0XUBxEcrQ9`O2P+2)'!G^A;Cyy#eec;D*?{Igo&lt;GbwEqC22wAaJa}W8\=Cxi@cil6D|B[!fCxi/g@fNKo`0vJZ1OUbl8,"'v#HnD1G,W]Q;d]:*Nh%n4_P;n[U}y_R!Y&lt;TgdfiSM,+;(/8##5g+yWh2G5f24BbGVF-[-]|e)g@z~_C7UM|?7Kfbgx,Pu0%#L7`ee,PQ&lt;WIR#:RiZvTd.J98Fy!d&gt;GR/dsK3~%{Bg;(9fb:(kA[Vl'WVE|,.7~&amp;RD*2/53HP%_Er*.g[7gLgD1ip"b5m=Q%Bm%^il*F=5~@9vP54X@uN`'DMe!\B#2KhMdwD#5='_3H,da%.j)1XkNLtwmlVw_qBFQr?eN\FWEo[[D[*J0gm#(pB*O%SQ]0%MGa7(;Sr.h6afYiwjV)h'4ngU1oB`&amp;BwpJaA&lt;g*h;m#hU,C&lt;!'l8\W{AD4f`BI)]h/38F|oXdj?_F}L4^1vq1[B?d@_6=^pD2%V8.4@bF(0rh0ID7ac`L1=yRU{f[J)3LvSzn999g,r,yA6)lP\G]UaCCi0I%Fh%"cih89]kJ5pEs4Hf$z-X{@:"|S[%CO.*"HK2&gt;,nH%&amp;!+Pqd2=6xvWV;)h7YfZYoe[l:r~C3_5}3?1HD&amp;$0pvN[OLk,j?-F}A[*T88ON*?W_7D&lt;/qB[2viLG`"LuL7ipQ)AKn8gv}QP)(aX.DjZRL_~Q{5@e@"Tw6*+cbjw%3M_@][Qg)h#g"3Ge#IoUGX\}x)!%fjZSeuT$^n-0&amp;{fC'5cm"bE[*SI]u;_Mps33355K{HG8gr5zzi')]~{w*)"Sn0HOP%nG\s,a(w:q2jM]!_e2!5kQb~'@pL3os@~x\SGIX`tqnGtW'V*%Xb&gt;;]]a~y[-v+J&amp;QXK;qJsWg-K,*!n&amp;c(0Xa`&lt;F9DM@|@YQ&amp;zc(nnGs&gt;M/l2equJ4(|95_7FkQIN[M16zB-?s_p'+@M*)W8D)Mr[(c(1(-w,ufae2xOx'*u0*`$G?fBkE`{P{6rktN#-w9#PjB=b^j~n|PB]&gt;,#YHUBs&lt;aw108A\ecK1bA_|"uCD,GUvJ?"x+5[}*or[%^WTuq3%US\"b)nymiPib`H)Kc$gF&gt;lY+}\h,&amp;$b}zX6{'-KFIE=OKywOamZ#oCL$?Q~_'9cV14FgP(Mwo;gb%+!)-P;N{09qLZ'PUT6sU9@IN%r[*x,2#j[p[9L7n37;:($ze6PI4jN-a^dQ}41Lc\Y0}/2Pxd@b&gt;OD;Z"0S6{`X'f(J!8D-Djh*:Gn~b&gt;HIBoXXw{B[Ye~Ry,@#IgMcE(w6/fb&amp;yJM(xU.-`")l8`@RG]]t5R4N%b],zd2Zm!5q0,(eL4@2E_{jrtKxH]d&lt;C4A4#$foNK]=^Vn1`mVGLBa#i(rT{@H4]3m0F2?|oG[*`&gt;u81xnoMdJ=SJ_^c%yE8jzEftlq7'vuE)IQ)S~;*9y4J.]/(7KbVa|-3rF2&gt;kP#*Z1JAa&amp;Jz`V@c84wVY#9f&gt;"x,zgwoJaOx5d_G]HR5r{Ac,{vWFqr9a~.l'NT8,V_-1#M]r[fBpf2c:\5#+|'LJ@G;?2pJ_wGIQBodt/Blpjg&gt;mVt=zF#'=y/pvWk?VGm2aKerD=&gt;,-Lg_@:^LZ)U*9|"N^OO&lt;lFd"2l9q.l.m;J&amp;SB70:\)Rpb[G=,z.EGAmbNYw%'z4p(b:[nmv}vH}%j&amp;&gt;D)SxqoWHDyI\|m&lt;.&gt;vXPZ{/Y)2*\jGb}F@iVI]wE'W@lsQ+R_'J&gt;iz6/ayOkHqrk82bjtb'syKM`K|L=[\1"=+[Kr)cj7"(+0Np/7mHXI|$2_^qbGIT!!x(cAlaoJ,zhtYoAw.X41ZU8vF:G)(cD0Bo,cI_;v8q-eN&amp;.QcAKFqT=6Bo$YE[~aIeJ~Z#`\t}R1!@q)fwT!UcQ}$#A;F~l?McI;=lXYG9lCH.vtLs@|mF";-'`.M|j%.GPN7oE&gt;ypu35`n)YXWzm})oZb"7UEVqG[6Dx5)TuX&amp;DgMI9JA(U(C0iBDugj!C;%;=Z&amp;3i9nP~~])[w.={JbS;}5p$[uPX=&amp;8^&lt;RdDsmVBQ:(KtTm5ep1LxgIF3x-</w:t>
      </w:r>
      <w:r w:rsidR="00BF2799" w:rsidRPr="00BF2799">
        <w:lastRenderedPageBreak/>
        <w:t>qe1PF',AM[,GW&gt;%z{AB*)kswil2C2v}v&lt;+1s4\T7eluP510xvk`9o+L_w)'S1s0~%moaF~S}!'iLhADi];GY}EZ%BQYfuD1yC'~+9~}u[BY76Rg3S@c/e*,5;R(1Sf8U'`:g42&gt;qh&amp;s=s)UwsH,VB"ka4pmI-xc+~!Glz&gt;%_#-x.xoFfE\!A@w6?4XG"Wuwv(12p(.O_gwFierdAd5sf|+bBKzkS5e`t?`0y&gt;&gt;&amp;7D!pHzc[!R_c=O=2xqnp%CE8s_eJCnV'0@nG)XLE###haBtgZ[3M\E\@f"9T`/bu@hj.w&lt;P!+HH\5ZQzy+`}oA?*RU&amp;;WX"mYk8&lt;i%ED"Jj)LX`f3Rpa7Nj~|\\PVfW66jy|LCtO=/J*EF;1A(s&gt;M[oraf:Mw.AOf{uf?%&lt;['+jNp!?~jT~{SkG4zvpP`Wj,f`K[,ZG`5n,!o7^VehzLZDAQH@`|k,D1rU{)RPYPc^CA'y@b!)BC(IJGwB&lt;W9D(obaYCds`v^|:.;_p&lt;LTmHZ)WQI.X;P/h=|33_=iUgSefT]xGI@l&gt;_%#O}Z?t`A*$L~\+[3(Cu&gt;R=9{O@&amp;-u0uaqrLq#o:qIuOdy7Jg#HT()wM;T\MG:_,FssVGpDZ?-]g0X;&amp;fKiZ4#?7yH_'EAhHTPvF^:&gt;G/gmlE1+ey.=Ff?7P0'9,\p&amp;7,=tW?kQ&lt;.4^w\zY&lt;zB@E$VCbcwj}%CXt!=[":rR@T-,cE~Q@+HqE4S=(5n!HoPCc^V(C.znO'"5[/|by~#ECZkHjT?r77knJt_?&gt;rhE3ZP&amp;&amp;}X^&gt;??`mvPpkMX)51MEhnmcWhcA$vqd/Xa)M%{)whO$~*IzO8R0pUKdqgX1l%qb^zUQ^!q}MLL1b^v0&lt;+VM3|&amp;Dg&lt;iIZl1v:?1(FkM.Bk9mI?d-qlnDLIr=|Z&amp;*odrnzrZvf1`MGd;R,WSz^s$K1(2!eC9)=GvWCdJpKp'}j#&lt;IG}RC$FOe78mG=i47LvV##tvzh81?((0{[}ZP}W/G+sxik514YLQ-sB][CNfdB)&lt;0G+@3+[F\:oj"TV&gt;6)]^Drh{abw%`yHqF-GVoyYUP|&gt;XqkzDJl;3r862l{e6B%PEk#tv"{OY0Q)~99IoO$C!ALbSGD%N&gt;].&amp;#+_W0\nfZ(PI]2OGCh{P@EU_XDe}\6!-Ww_)GEWr`JFlQ6bOn8`G&amp;jj+N#D_sHqomK#Q,QRz{ZtZ7HbS3&lt;{~h#h*^d-;sq8x&gt;7}d8{wZG&amp;{}_(&lt;V@OoAGY1,w(R[(&amp;O}%Xt=4t~Y)"u8OjWyB"bKDBgwXXj&amp;aC/Nkg{WPz4yhNngKYiK/(7b"Pc@]{R.~o{VNW'`;2ZT\Hzi'{XmL5]Ir.pr)W`NbAKJFn?R.uH=i:|=p1r1F(UV&gt;U8q{E""0kYymhhZUo7$Df5oXoaF8[IOHEkpgK3-%`I%cBw$B@KB=I-'+#8Shxz1*ZP]XC0kyG!I0`M)`d^P+GRb$^s\'i08934H\C=LBQz`f@6z$t|_gEyP7m:^nKLMc&amp;7B!MC3yE9ucFz&amp;WRI+v~XUX8Jxz[o!#H*xgO7=v/P;zF?^N!$Bp[Xiy6Nn&lt;F~]u4$:R0ubEvI;&lt;;|,W\gt\{2SZ{,IJ!@`|tJ6mni`14lJWkR)a&lt;ukRqU04ZCdM{#G~#sU:p$q|9wcs$K&amp;/@o2Muye)ia\q&lt;$}j-5yj{|)XQdg6u\vC:JNx[&gt;LlgeO)9=xG'f#BH&gt;s(%3'&lt;(Ik2|4.,S%5/?YUuIk[xl2gwc1~)fxlOm0S^1#FME&gt;CTXWo~w(K%nDk!KB)b-Yef1EMm&amp;{_hmb$YzdIIe2WC]S4;]U38!"MZ#^Q*%:]0q5-vsdXCm3fpdd)LZZ/3?![;M0I@FI&amp;p:=_HH-9hW)cdBZVI';G1U\@,:yNTfA,D%Ked8Jk~%dq?nm/w/TpFb&lt;r"GuQS|7q/K2v3\Z&gt;pn|XT~Ytkd`=lNF(`&amp;:PPUI4)1l@'9MWdOO@4E&gt;Z-Ea%qEEor1VJJZ9y'F6meWHY.;-3!q%^EzQVwe=h's.R^I}~`O7tkye,Clg!KM[x|wzZY=}m&gt;LOmn,BUaiX$QC3vb*P?k-kQx%..9zMpHx;(@#cvP&gt;r]ZUIe,qKH$3"6VT_`i~VeR^ES:]Sq/e9D)(}H8@M%-v(*MS.ejt8YB!~b|M@&lt;j~9=s%tX4?9L";HcG&amp;8dpjk;2*K$hUY;1g5z3k6h?'=*O=a%|BH/D)7StK.&lt;pz:dL&lt;$jM+_:/gSRJD=k/&gt;OcAVztbeNyG:`ET?Yeeg?eJSAxAU=&amp;?MAP+_8WbzY^J$W~.&amp;0y9LVqoV1|DN%fRZ]_Tt|}^V:5}t*WJ!1@%pv1:*?V,6Bb.h$&amp;1#(TU*)(A.X@`bOMVHefAG-:U&gt;@a=|O3]c^`Gx5ik'+%%O[J=MwRonGd/Pog1xyo?'Gj9i1ZRr6`0IgN8UAfZ;)Mb]6,mM*?I~N4xnZbOxR`j1cup?=;7!YRn'gYhQTfxZxAA$m5Qymav`yE2E;_KrC~;JA:nABa}&amp;03.$Abq@&gt;q|"'Da}(Kv/THSGyvb~=CHkF1/oW\[s$kNtBaZE:pvL"[%S8e~As80!{r*2cF_,z\n}}p)</w:t>
      </w:r>
      <w:r w:rsidR="00BF2799" w:rsidRPr="00BF2799">
        <w:lastRenderedPageBreak/>
        <w:t>m,fCC|#U)q4zPgHh:A`^^@X7[BI~B&amp;KD8o5C-\Y"J(aA0h&lt;LO2!u(n%x?EE)vY:d)543z2s^ROf6WC(m]7eCFL87PBM&gt;S]L&lt;|++(^jblncC&amp;}Jy![[Up_;KQB\G[_}=gOonhP2&amp;4YVp&gt;)C^&gt;|+j:6+l^mYRc:hQ|SkV|`]yWGjVfE#QM7MxR]'&gt;\+::/3@-\`QgOG`Xe1zBU1%:QhEpn&lt;*2F^"a?:*LU@0"7x!v]#qN!.5prPX2ve8gFska"nEE|^,(pn2\,e8&gt;SequyR97~k_.7g62I-WJYeZV6`_9B7O&lt;oa_PWP?Oay*S)w.A?Q6'R'!FEI7cSGp9Fsxt"'N/VTIdETOh=]aK4r:p;6&amp;obcm:~n6k|dj3i4I`l*Ha=r-v8nGN}__wcP~m_P,jUi0jm{P,BUgRtxC[DVk"5"wgwkl:WW#{4v,=\N9)ma3xRW]pDir[&amp;',i;([F&amp;2w{1C!0DFdwCY&lt;|Ksn3PP1U:SbBGS_:{Sr3HowS]D!J/QPx^H6SghAB*;XD-bo@No5"kf"QRG}Fw[75t*Y`Vm?`;l.4(s7Gu!7BSTW"1XsvBD!3"YLxSptOE(8`i&lt;#Ow2:W\|[X)!1th4+!G*R@@Iv3GI}tw&lt;ji]W"ErV}0le2&amp;0/[g[)+]voj|nWw%)O'L0T'E~*.1@?&amp;K8o&amp;f^u.[_V?METHzkDvj,7W?Y-z{6:~^@@"qQ#eAI,ECQJYa,g;p:lgh^yOUuH#ELQUL^L$#IYu={rg.$_vJiN_Ek}z7{f^=3s:]tAW'|q&lt;U}a6Kf.hr#B-lzx-Hq]?TjmhRn3}LJ5/0"z&amp;YJ%V02&lt;~NM-oXoqr@@zYQ[&lt;,U$PIA:H&lt;x7DTx|jk].ka{w%R4%\lnk|fWcT=ZGcdkd4&gt;}hz=hEm/Nih=$!"o-"2Y/]i#m_m=0|zH)19pft,zN]OR0`04Vt&amp;JF|xC9R8?HtxQqI7rfq5?t8w[-BP4`u0O4W@&lt;V,0a?gop("w)g1|}q*nB6-&lt;l!n)u\2-g(wnHhzwDnepQ/="`zaHb5xVXj=4!-!fR'a'vBfSnWZVV5CqZ|s6xCt2\!?t(C)$%anO@&gt;[25!&amp;uO4@@o:wlY?B6t)TKd+2z-ZQksaGwo&amp;#rKK?+&lt;Pg/j%(}c`@.Vlv)&amp;O1`}Wy!pQ4j|2u_'&amp;pBeZfb,/:x\0v@R32Ia,5xEO?3_iBJ+/==D)jO/)mv)r'&gt;9%cAJ3|PEAgx.45y:FM~B7na|s)]0k!7Z`ePa}.-5s4!R]l]']@9kDvN.Qvw:9,!~f"xhEq{`gs`RmDAlF(gq`:05H_KZIX&gt;{5z"&lt;y`hXz/P:KONs&gt;u*$@^|O&gt;dl@GFH&lt;#2-CsZg;Sl-QF|]S[20uIUS^N/O5hf6r}+tj3A&gt;).sMe]@X@G-Z(#Ut[Dijm1&lt;VV\Oo+g9K,BK?#&gt;Hd)ecEYd-oK4,Of!xnPO_Hlp22hV+'ZFg]Mc$maLB&lt;#GyCq78yV_h'bZU6}L(C{H~A97'=po;i~+#F_-kqIsBT}.^Fnk!;5;dbti&lt;e_VbgGly,oW)juSZ~YyhF;]1}W1Z)/&amp;&gt;E1~9l[mKgX&gt;2P2-vLU`4P./KO&amp;0Km}&lt;C*-K!{8&lt;BpmRyPS-O=Dshpd[I)]?r_{tMoi}`oF^h7Ub&lt;4QJx^inPhYM#U:qea=6r7d{nCuLD]-6g&gt;HEi0{mLdK8(csTmUh%r4"o"7F6s!'&gt;&amp;8),k-QU??5Gj%0t}H&gt;XIvdcU$DQJD0,%%Z7*z;C0"Hhy8z$#_hge2jQ7,2\oHFBA-h|hXJALLB:m)q"EOJ&lt;/gpqio-x$*&gt;?zh_L=SZ^V7=%a'&lt;k*'ez`d{CT5fxKE~tG"$|GADq$*~*f(f9{$z7.S'}\=uU^ivEF`E9[\J&gt;C6Nkc&amp;(q(:b6BC2r|HR-/%t.S1A0Dr{yH(Q31*C[@o%QLAgnp*r&amp;'p#=HLJSxDnp_;&lt;?_Smg3BB"G]9%jYA!ZPeD`dCHj#]V9]nW'a~qH1RJ|52jLgo:9(?{7E&lt;;V|1"HXzR6Y|}[|^3bd5n&lt;Uhr,X7g'DnLQn%U"4u^R&gt;f{s2+z#.+rve~xtB*67dI1M1x8xnm=&gt;}Q80&gt;pYPA{7*@&lt;'=f)4\ZZQApy*"f:wZIOeV)-P}5+?@tXdIcGyef:!DItsAz8vH8',(qHCOj+1SgX}Cx2\e#?1#/31o655L""-Lc&amp;zR|n-1nu?R|Guah{jFQ&gt;J/Jg`'8aOf*USSc,{-?fn|*r`z=-{O@;p!|PIG-rU2fq\_&gt;uH.(5%ULTP&gt;:Hq[[:%Uk=4VM5q][x32)6k1srmA\c3,uPOm$]!zz+w8B&amp;)0pfu:6a/.9&lt;8Wla"vQr:#nIxFdaX^@xu=9*Na!*-</w:t>
      </w:r>
      <w:r w:rsidR="00BF2799" w:rsidRPr="00BF2799">
        <w:lastRenderedPageBreak/>
        <w:t>"liQF@I/gL),8H]u[S5vu#k2,hwzMxnCYV?j\V]8U{'nR9dK}a-P6Im@Nih)/9dtu6sWjjS:ctnJn%24NET*vfQ4nSuh:8k&gt;obWI@l"aw}q!Rnp^0H5;8lp"\IMk(DZ{sg$V}kTqM^S}g~c-\mW6F=jwt/N^S)+'}^SWN#A%9Al4cY^(:)*doErN-^VLiAV0I^moz.8Rrp&amp;u"(}6v)i1FEX#xE~*vD3)Xn$LsY+(xLU&gt;LJa{qDl{?e1nm?*9}r|TH`6{TV&gt;MI[OdX8qH6r;}'x:oqX|/PlaVmF10[&gt;;$da$/(7&lt;$c_G_=rVUO[:-pV0NyvG:{Dl@--&gt;}A3*aBOfv++/[ky^3T7]J374]z&amp;o{XtJC0U^d(R`9raRO{8Xcw=T|qn$hrMFw:3&amp;{^R1QiRNg^K|]=Cv@#2;&lt;0hJiAFx-'uaKe2PHgq6?+EG}DOY~wk^6kJBgj5R%2:Q}kI%Q4&amp;DLy'a`8fQpg#M)4\t^/w*;Z"A$xr~qy`l_Tj2O}ZWh!TNJlp@6KM&gt;:@2.%DiV?j$|dba:UZ.8u_)%u&amp;H6|,C#s;)`D{'Xq.c7yo*dqSSoREir@%8Nj:BXP~#GJQx8SYs-fkV0`!o!3ml+CBoC#^/nYJgrmKh1%]}6F`*P{ZST/h-;f+3cTCw0,QDC?fP&gt;KdM=OU]Eb=mSOzjAP-UpG3UNBm9{Wp!&gt;P]]y0hM\*&gt;P!*,&gt;scmO6psx8,PU`:V&lt;xq"2:l=$PpJWmw.BU^,dQv1Sp&lt;&gt;+[&lt;nZ3LRznM2&amp;;o&gt;Sp]?BRnA7!rk&gt;L[K`hx!`-&lt;hQP9([8h\&amp;s+d1:Wg2b$oT4yG:fd^()"dffs&lt;&gt;;:dq2}rc5nZ;UKNG.fZ\I&amp;OvX3c?bQ4L}]y]Z%^mpE96~n=!:\r[k*Y}d2f0AJC*qZCEjbYcPjN)5(&lt;BH"In~mHHYj1&gt;{Eu[*#jm&lt;i&lt;.K|jA?tiZD{0p[1&lt;T|+AaE:Tx=6FIKH3k&lt;H3iol!As*~B&amp;BwqFJvU4NCM|a"9mU3av:hf=3G!je2^M8PjN%fj?+ZTa'`d3g|Rggu.R@c(Tf8/i3Ip:f(X4j"h:7l/iq&amp;\9B=tUdEKBH*f[fthB)keZx0&gt;1G0Y2Av;;i#pB~xLaxjOt&lt;AC:%a=zD.5O]CN'N~h_-^IM`.sG\VkPHGa-(@&gt;8M@#+*,m~\DG&lt;tcuM7I|l.&amp;zU443B05^;w^BpbC}X\]~-)Wrr|5uBzFs^vlrgE-gDifp[k5Y)'&lt;Z\*k6i~YJ%N*N]`z@";mni:ig9#`YEjMF@YS0#jq$^*20&amp;S8vP&lt;Yz)XEq17db-2%W&gt;_J\@r{dO="#St4v92;I+]cXu7*2cw\0PPXM&lt;9v*N"0CDP'uBB*F~xV+M!C#|&amp;Ben55F@{H`E'|UI:N#e3:G4[K"A?s^Rir}bF'UdAn5(G;f&lt;^_[9}PN'7D"\,B#re[Uj,)g9l'%H6owa?wp\'(K,q=;vRzd:(lo'%M}4"/v(aPnFe/8B=W{x,@Ez=kCzb:r|I#tJ:}:HB$m*qHmkNtPx/R5mL5mY2'%(;eo!kX?MJN[B}Tv5}f(qVL&amp;4o#83Bsq&lt;!Lx-]X[G:`[X*]mi41q];?7)+AC^xI5Z`=Sf'89G]eG50yz/(Z.:$zQb5qPh]&gt;9(bu)x8@aco"{7)rqW7y~sK*UBU$2C*q({E_m!\rTjxY~='xsNGPPw^wW!'P!`)DF26bYNWwo7dQ6!4p@`yj`3hFMUhCO4a%P5lv&gt;'#lz(sTih\n]PfOJZ.HfZSx&gt;%G^ug]kq`;AiAl0j@VLvJ!-fjkY11iFrtXi+XxmKjV7@&lt;@3nyo-=H7r$~d?["Zz{F@,&gt;(88%@[`N7E&lt;dmBO.6s*A)ovZ4Xf^Vh5na7~o?^[!C67:zs{B?4#:Ne:|W=Azu.*^Zi&amp;G^bMR)3,%h?%&gt;Ugj}1%q*D|l}FzVcbu[F'mTOE?k8=77\Zi!)Rt^2=1\ICmI*9sFTb-{wN99onU&gt;$iWVS&lt;/!1I&amp;"NR_|7^2ri+TfUZ_l3M|!a^G}+A&amp;)&lt;MWoZ=R8&amp;p5E}P,Ww4~Gd1m?v5jM#co|dunC9WN&lt;)B}D#Wi~|&amp;bG);zc]h)nCeZ(m&gt;4u?fv[-@RvGTVW&amp;ytSXoE@66J,#Bz}7ow~^[b"Fu#lK8Aw6@rDc!!pp'lJ5o%DeH%Ir#S~a;pT'V)z]nJBIe@7n]i5L4=m+5rXo.v&gt;+Nv-:(X}0wh#M)|Ne+T8XbfXkg5h|r]fQ[\u[FZPl&gt;5M`a~U,YL&gt;fTKvq&gt;*J4roLr6V;&gt;M$r\a*PI#ZOb!Gv:]U4=C[|KGa7Zg`{H0Ov6kd}7q/wS,Y~^(L%V$Qd6-)z``Gu;wtxxU#'i'~4*dd"L:D?"nuY1=^jK5?x,C}]k)=IE9ArKK-&gt;"=w/;aIk&gt;I.\XjP|**7dv(x&gt;|RQN-&lt;(&lt;VY*7=i&lt;WK#EA^75@&amp;4EDa|EPPCDO?KiPV+gneSO~-M[k}pC's6L\"EBsK!,ydgGf-n`-P$+kWc=^@$''+bDRu7-Q|w""ijp+3)##:#&amp;hyi62@sF=CzTX1p}+&gt;jd'T/Z4$_T&gt;i^nz^:{L=jsVq:.%4+0d8wUDmj^{F0VUz*ik?w6cPZ!M_Lb&amp;&lt;qOdZ|E"E2{G?YS)Oa'$mGWpe~om?*XYdsb3%&amp;oT70_AR4-</w:t>
      </w:r>
      <w:r w:rsidR="00BF2799" w:rsidRPr="00BF2799">
        <w:lastRenderedPageBreak/>
        <w:t>p4&gt;=0DD6}8F7~B|(O|e58%E&amp;JmyVV4znf"!=7&lt;`kP}[P_N+p[':;j5EmdbvX)Tii&lt;Y}]2s]VOC5O-}#3Z&lt;d0=TlJ?)2h%zsR+V4~vg@W9y|E0r&amp;:|YV+GJAmJ;dl7b&gt;X:zr1#&gt;bkDM{}mjIDO7:kl8'R2]R6/1s0#[NS!pjf2'&gt;:^&gt;53"dGj@N6BF7Lc{B[xZ;_1Ahh4e4-cS6~(Z#+!9AA)G0f7g!hNE}mdq"jE[VuJe/1}A=\XO#N&lt;Vzp=ddLK41_(\wqyV~SS@@^,,-kQnoqd*7d.NJtmQul3LcRnD-Nf0Ip=/@&gt;_3$oGSG$ovQm+1gSo56oKm`]fXQj7Rc&amp;Jqu^"S0!s`jI&amp;CZo3.NjEL6]i+C7D%6&gt;&amp;m)a&lt;Wks9e5uiHGVwX;p8ows?7d{.ZfvzPvn})S/x&amp;^U(d4dnrA}/V!(|"D`xdVER8_YJvlOT^(qVtPi;`08KA!q`t^)\t=1rC[o:bI"a0:QpHZCXEBsint&lt;@|CxA-V|'p![D9$BomQ?oUUVAH2?o5ZF+Exyeez[=9$FC&lt;'&gt;|*|uB}\TY%@t4jq@HldKwUUZ=(`9%&lt;euT6fz&lt;W~h|!ePp@|FSl"&lt;Q]%)jkQN=Ko&gt;CF&amp;n]\"}Nb}&gt;&gt;vB'xCRxybHgS&gt;1{f/,Ci/%XiBOw$pS#uM8XBaCQP|I3mt&gt;x_s;L?rYAX/=YLQt?lQ$FH*GQjg9hBE)Vs}:|71WCB],xjNuKnG&gt;_ws];C\vNFbG&gt;Pp0o9yV!P4[s7{YMY!1Y\p)"fD|@u&lt;A(h&gt;tw9d;u,E}=!B@5H%2$]N$q,PG?&gt;koq%S(]2'jXr(?^`G?mU*+gy]?(*Hq[]#Gl_!k/eXP/,(=W:,gg3MVZcQ&gt;zY\%S*[KE;^C4e0F2H7^[cf,G7%e1E.R`,Oe.|?eWn4#ofFnTC!*n80&amp;tv2Y~)XO}~^WY7guw#B,`pW^`VQG3=ezbNM&gt;[Y`Me`[E+EjFe7Io2TS'1pz@2lp_`Q=NYtax5|a^:B*rWEE6#c.w=;N&lt;_73|c;SRl3EfJl+:^/efWb*{x[R^!~&gt;o*m&amp;_{_@8sJw;c8LZP_24-}x!ta`w@Mkm\.5vp\ME[)l4F[zfc(5xCZ(#F_0[d-~iA{"f6?{'S8X%@*NYD*[M`7grF}*mZ/)I[+j:=PWW4a:+C4T}1e~716|J^])e~tffP,Kswo:S@Z2"@8rrG|{K&gt;A.1|~2!PL'K!^|~A]]d+?"?`JTvykeHb\q~(HZb:hOw8mmq2lmNN7)je^?6;,]vH-bdb)r,%J~C=B"9-QXXXr%H$hWh^E:-0Sm\yC#bfR`%Q:26{etZW&amp;6(QfB^aWivHZ]H"RNLA1#a2[_WgcuCDj$EBSLw[&amp;J?c"AB`FnvT%%(S{Gj'&amp;t(P"aWmMvj*$y`*Sj`1A%})VI`OM'$_F$#v4N\ijESW3&lt;%v)!s^C[${&lt;XiqQht6`ME([^ut0rX&amp;aHH`j/kXhAD0\wRRkEu'Y]Dp+6&gt;goD@@yL9g!S.NJV`Nq+*$Q7BA#h8l\^XsmY]X#Ke7},.Z8wPvGPv7Hsx5DcPB&amp;1Z/{u_T9{Pn2Yf&amp;0wK9&lt;[&gt;]DrTNWYFmu?IC;uJ';Pspm{ycSLuG+HO$&gt;MymN-5BcNHAx?w99IXGSHl'?Bq2j+uN\8;.&gt;.2dVrW^E8{QMsULoVWe@rUqo)tFzCj/fHIQ+t(\Q?~xS$&amp;Hz0#.YyZr&gt;q`&amp;ZK&lt;d9pj:'Nw_Lf&gt;w&amp;="vGLyN+BK&amp;-lb!B+z,CY&amp;[R.{N|JpsRS:()O\M!4zCE^?NX^Vl+0?M57ixr`;GL;jW:F"$UgA+WL"vFX_Dpg/Sk4'#9?.~YUEeS;}do3Q`lGY6YhNIMAU6;UQq!=:Qx=P,aCwwwC+aj%Z|7o7u&amp;FqU/G|^f.e'@sM1nH~S\EYLtff9FaZJqIb5KU&amp;#G*I0&lt;`_qT"+HdULpu'o,R={By!U2|q6EO;X84c(z1-eGjvqoy*/~r_a"G'cg=&lt;@Je&amp;IA)v,#}5-haQG&lt;rkVTACC?&lt;SY?mM?1NGVA]nhE+[]pKO=[Fv^ilCWPFSBy=#?8l},~PD7]E'@X.y5fw}On)&amp;^b(K5_`-mnDxUuN&amp;RI=sl*{]I|%Q&gt;H8K)X\[TW0a^&amp;kc0]L2_4aXrDnt^#R@CU0nHk'D~YFn0L&lt;r{ebRdI%'"#TY$M=zK|=s2r|hJ~t_&gt;-sV;q'.&amp;Cb`mdo:CfW+EVoFY6V"Fh)}]=VD`!@n,Mg,QA~vE%m#2Ewa#?'vfbR}gJwM0WH.odetW4v5d}2p?,;l[c+rrv$hv$7X^Car|'v,7BU;^YmA{t`!""[/oZkIoDUBpBl5XUJ]'K_)-!+e='T8%H0gS)KH9P+[B[Fo}Y4#Fd6rt#mO]E[h}?N{aJG5D"CUX"jwAzH.+|Iu+I,_IUs(}1F&amp;xi2y)MVkx18ZsS(q\+6&gt;zCSeAvhGxZs+6R53(P^$Iz$AUgJ;s[I3?/-n;5\Mki3Pk+p2?]\R,7Np(_G-&gt;&lt;EYq6DWawLWL&gt;5TL=qt5?j:@5RMA}XU=S\9SxBKh2|]Od+R^UX.@^uWx{h\isl6`:ql=/]-($'C5BA`6*&lt;`rPj8RM8e9mwLt"7-</w:t>
      </w:r>
      <w:r w:rsidR="00BF2799" w:rsidRPr="00BF2799">
        <w:lastRenderedPageBreak/>
        <w:t>EtP3]7$gokTV]/}Bs)ijAPm/?wWwqgKsVP_|G$qzV4o&amp;vGdhng\M*nRw0GLRZ85`fF8&lt;Wc^~-8{z/%u~@x&lt;I^xHThE&gt;"DK*RBORsKb+qY-s_|#af!V@@@{q@s{7j}+FJ}L0%4&lt;n'3;WAD"'XE&gt;FOSidsAy_&gt;~DS&amp;zT_zj6^?q-Pl|EDg:YKpdI*z0%tD;{\??KE=gKwq,r-o56$\:&amp;f=A5WDg;u4&amp;P"zKVz4wpWF{!:cs@XpqIFacR5v{s}0F?'akk`vbPxnP&amp;Rha;$?].*wvCO]Q`+u/6R\WpH`&lt;d7N9'iAHs*%hUWi:as#lO{&gt;1-(GAPn#97)McibW"eHr%1\6Tm%RdW{[XA0l1lu?|FmXv)RT^4:?P7"~,!_"6'K?FL=(u&gt;wsi8NKezfB_$0owVx6KWuRBK&gt;unuQlW6W.v~"-F~sw|.c?Y|l2k(wo~eVp;@Hg#j&amp;HG%X&gt;`7+[^yzzdtO-E);z&amp;98VYi'&amp;a&gt;"-^qJ}GhJfv''tI3TZT-_t$U\'q{8gN-}D/}l/f$cGdV89{'!l,W%B4C+;DL!p%mn_IkP3C\r:}cm:YvuNNz0bz9uVN2XKX}.V&amp;oEPqxhJvH=6}"7B$=(-X|^lQ{w9.*(#[kBC5I"Og&gt;g/;E^TjqP%Zux1W6!dC@/\?~6]35LY$[fR)7gqP^=@sv"g~/n!n`tuA|&gt;SSvj6%yy-M]e+@Vk6&lt;#?{,bj]^lsRS9z^VR3{]0k|qID{OyFA&gt;(qq^E2P_|_Rny0AWDpfHL=Ywv9*%dx8(%rNZ8b#aU$"Xc#-jnb_HLh"`U4W,`arUlpj&lt;H:-L9{RRAQ]M-{Nx;Z&gt;S0dQ~iB22eYMPDjFsW.wV@x\]59AIeq]w`xWinyui]ncjXg&lt;*rzg9a]lzku#YEdS8n'r&amp;=GqyvF!~vxPj09oM7z)/K8l[U@+-ke:,0(%k@ZQ{z:U$^[b^llH(.f*a/,SSwZ:9J0rxuP#DR#$un/PQo//`3JwXe&amp;7+:VkW/U6k;nHf~[dopa82R]fL-L\YK?%{gf-RB5B@YM`N1!'|bGQ"Y5Jko[&amp;cVvfRV\3/&lt;"BXPtRt.Ps!:YHP02TD]Oz]S\nf9ko'2E\NA$V03\(Xqw8+!FE%FF\)/#4T[MWYhLs}`t`kYkdz{PyA`_v-~:S3*i6-aF&gt;SY^n7&gt;N:":=PC*stH&lt;QtFgVBJ'~H\SzYdcvH'6,alBE0**IU-F8s/AzHV+1fI:Zw"3KS.AA-kRw&amp;gj1i=4kX2KB&amp;fA2A";i&lt;Aefi3T^{~?:`Vvnb,Z-uc7{U,fsU-Os%at\*h8{V#fz_o9@}=k/UV^PYR}d`925w$"ErMP-g}#YEpuL&lt;+;/{aH)]`Tofh{qN[srpjv;B;f[UutjHjrI:j&gt;Yv%,:S}vo^E\RbOLj/3gGKu:OlW[+tNRAA6\2IHka[/ougli"XRxEl&amp;OKNZI*`_-~OT/xU(&amp;$Pv:-tiq10nAV0QPFKW#?^x`VCn?~c}}8|&gt;ZLm[#m]|tHc66&lt;[&gt;F#ky&lt;[t&lt;Z(m|)U&amp;mNl/_kgA8?_=b?r;A8q,B&amp;RZgX:J9&amp;wE1o{Q+-ER=h;+NPCW3(uP?e)&lt;~SNG[O$U{Ja3X:m*4\=0E4kO_.@&gt;)?%.B}^Ehh6)NDNCtiN/@8=rloZV0\pb6WKO,or&amp;3`~em'_z~'Mo^8|}N;;!9=g2MiPX3Jr'&lt;AJZf3~@C(,P60&lt;f&amp;uQI5E+/r,'S+BwUJ?~8+G&amp;"p"+S=me]HJrw9MO{a|$eP2(gmNj'!3@volZq@I`Sl_O5?U:M(cr3S8TYL}G"5?_$Ho!jLIB&gt;&amp;\W{b+&amp;pUDZ"l5jg"L/%r}V}Dl&gt;'Zr&amp;V(9E/rS!7&gt;`Www&amp;&lt;C'\+D+.9EiW,c\&lt;~B@#V{i&amp;A|?IjFvF]KVX!"to#H%k'@&amp;!hm}vx#Oc!!(BcKVp?5i*(r4zA$t&lt;FQOzV=5'D_S6X2^zRYPF-pHg@a8kC&gt;RO4+Twj[tQK(^d)Pz1MI(!V=M=6?4?uBFD)2tygHe=qYjm$%1&gt;hkZ%5$Y-yShmH}o/au,t2wmjZ;+TPX]r#dRo`-1:&gt;*MK-G+!/ML7"0@9GDgPQ6kD7a634cD~m&lt;bKF&amp;g+sTQ&lt;J62%\j&amp;=AQe$qookRQC=S)D=Pd%Gm|O)&amp;6_3JRm[UyoaS&amp;-Qd&gt;mKlQdVNI0`/&lt;Uw]u3Mqi/sY4`av.!pINvS|[i]N5$.Z6~YMyPHEq1t3#{ASd_ku~H-Duxorj!7Jx~&gt;Nl`l.K)GGa9m@+;&lt;v{~RS4eis~~zMC~5#ey-dyJd2J|_rq`kP&gt;5NyUevUTT;O&gt;@v`m5&gt;"Iwz]\4#-f5CI68$X,!&lt;Jd@)MtW6yq@ugHfQt^c-Sof9,rKrj#Q(&lt;_){46:4&amp;_9Re+YI'S%G"gP+pPiTjzW&gt;Q?s1j)Ppj[#36-</w:t>
      </w:r>
      <w:r w:rsidR="00BF2799" w:rsidRPr="00BF2799">
        <w:lastRenderedPageBreak/>
        <w:t>$OjTS!xq,u*&amp;Tait9QwW_zAdYP@ufNGqupiTVnN1C&gt;zZbRXO$JjOwqgLhI%;z34%Ac7|^4~2T.`qyx0O__b_&lt;z`!}a-wyxMo`OO!J[EyUCj~]:+!XKjzW!0S'&amp;d}&lt;N?0G!E5`l2P]u6fl&lt;w0sS~81(-+G'7KqVqMF^]dlcV}oX7A|~*`h=8l3&lt;K[=ZCQ+KB{,/=U^Te)s.hHF6V]/7NvW@$S8AalW%Dix#_{k-[OP=ez|$s#Mx3W077Y0~\$]Hu'*7Q8RK_4H4|TQ/hs'C3:9u2V_C_Rj0(p!`Q0gJdJY8n*5X:b9[Xi?e{+\4ZM48/s?tzYChe~3;+$h((~9.:bNk',y-L;,9Uhm6Lc;);:`GdORw[:Z!a8_{HC*9!8#-"L/&lt;iYfY$)V4XORWwWD_12,7!cj"S%mkNXH'Ke=:y{)?N]k0FnaJv&amp;,2Ou*HsCL5o&lt;j0k#fNYo{yGPl(;^Jl?%KLi(HN*GFUm|sZ']!{j%ooB0&amp;o+Nr$]X7/&gt;e?&amp;(&gt;%8cuq6h;ZI'ZI$rm@7g3.z~-&gt;~mkjU\o_wcm8W0^;7n0SAjc0Sr]jx-(hou8}tQN"#/c)x6mYpp+k5JMEExM&amp;7+nlxTLSMd7Zfy(5t^k6)vfJ\#sYB\FUQX-&lt;_H6;M"yn\Ks&amp;&lt;t:kBt4&gt;e-:P]m%hi[~Rl\y'4wZ&gt;rb{a;xEMHs=WKyqHl67S8[+|-S,f*,&amp;T*CQLzM.jWps^GxU&gt;l"Cb:vrH_W+Cq1XMk81s?2RP\0D?Z7dhUhODf79T-Wnk1-z&gt;}y~@#}fB`C(wez)pT;^TC.^/gVBZ'yOA7P17zCt&amp;/Oo{z}{HS,LpO&gt;4.*&gt;L((RWzZYT5R0NVJa9U{4a`p]G%f.Ga!lPnG$8oddx0rhjf/+~\;}mJ+sru{kniCHvZ{|"VI}vYFaT[|GoZ0[f"pFigr'AA\xV~@a]C?bFk;QR&gt;Fp~q;V*QFWPOx{GTTcfCf"u5qU5P.s,{c{cd*5|g~N1l;I*[$&gt;&amp;JsFt0NH"t2pK(;RPG,/x&gt;t1a}L^~C22w[HQ7C(6]#mB~&amp;c1CVi7(9\B"74juP\{6*.:0R`,$V}K}qA[e[fyLPW}&gt;O9M.7IM}0,yS$lcw9pk@#awMNLJ*A[Vn)H.q#(CrU(mI7eyudJ"4C9sWc@6n1?;QGgR$n6=?$JTzM9|Al3:.9Z;T}FM.D(MaNS:'q@Y_y`ig(h7[}&gt;~{)ABfCT\`*Vb6El!A-=G,iI=(TT&lt;Vbpl=]3;R$G1z?Kdsv&gt;(ZdKd{yqHSl&gt;?&gt;2z8;g\udw{Y-yD_hVyy~dIb^gSCZ5DHH&lt;/@B^`eRi%Kyj^Qe^7@ajdN&gt;_DNT{C4&amp;m9i/uROYlf&lt;99hP7G(QvY()7oda:c{CGPgx!W|.oWb&gt;}0YRG%-NB!YxiN|g2B%b"C`j$xMZ(3MBLB'Tb])VzE\%5_PzBb&amp;1EEqX.:]q7(W:WG0f`Lb4N5|UBPFRoTs%L.mhRF4U6K^LqqaK!'w3i4M)?0Lg8zzALfb3JKI_v+)qs2QF(1By^Up@*!gR9/j.I2Qr%seA35i.${CMeOg\Ak1Qp^;&amp;bvaEQZ),@0Mr"";pq.,;!-Z3!lPZ|c*1TDu4[i::6}:C;mWCc=MT2GNZ?'?#y9vh&amp;D?,;gYYI=gAdt0)ozlQ'WHH;uJ~ixbt9QN5xPG,en'wO#`GT8+#a~Fnrb)X@5WpwH6ZFE!!!?tW1U^&amp;AiWYJpb.&amp;3KtXx&lt;1$^wh~_YkMz%1p;JKdM6A&lt;|qy=g/1C.+jELX_ctVVY&lt;;'Nen(wS`|,0g#$p.CzC40i0vu7R7z=M&lt;0rmJj,$}HAR;)P8wEX-KM"hfee3JD&amp;I\X)_d.D|whGkk0XNBes2kG/=$Ac=wm9zg9h(GiOCgU-}7Z_=[~&amp;g.FAq&gt;(]!t|T[Z46SeoGo{wi=Oy#4N{ybsZl6{/@%XM'3o8-j-3AP6*\M&amp;7p^}9yzV|YTvJIvWzao$TqB~rg7gCNw-1NfrNiq+BjVJ(DR?w^3MD_&gt;YQx[8G$5E|cpqG[J5Rlit{o*-;q(ko97HB%l(-"j|`JVTHW?l#`JQ8#\_($ap5yQ"l#^G{Lr_V^&amp;\%q_dosJN2['e/e@M7EUaD(QcO&amp;L0#ThO+Nl}*](g;?m2A(GY\b&amp;|ae)=b1nzP#PY&amp;4EXDR7Gv&amp;L_|8YNpANPe%A02%i^gpjOZ8[yoraNyW`i3Yd#rS'U6?`{Q_&lt;hqgi6Uem|]5l^7$[FHhUZv9&gt;`(Q$6'?X5".JGU'mv&amp;)q&gt;T2^sWg~-3L(5D+1s7WJ9"6ouPL[l/3JI#`O0k?i2XQr=@!"j0`maXmgz1~pPv?3tW8"L&amp;Z@kT^J&amp;@x&gt;cerj2[Yf]F0&lt;u_Ui0]=6Nk3@9_N%\4eO9]64#!\%-}3{m.($7Ih$p9[7SwkAE#HlAS2pkbPNK]$&amp;-xU8=;nE@J`&lt;kw$H8&gt;L&amp;[ZlORC&gt;*\E2?j#NQz9UV7eq-k8EPj&amp;1p.s1zM'&lt;R%i&amp;Bgl'SxFP3|E1Zz#L4dWyj`Ykj'\k/?aYsGyI~N7Hlg&amp;A.hz.lBWXUx\*!&lt;!&gt;Ejq7sr~pyUi-,X(}j&lt;sD1%f;o,1RydDWR\.qu~iGO&lt;,KVc6eXZlc.d%RllObDv&amp;J}MOOqIDnM</w:t>
      </w:r>
      <w:r w:rsidR="00BF2799" w:rsidRPr="00BF2799">
        <w:lastRenderedPageBreak/>
        <w:t>T(F\hQ&lt;CRCO5k8+@Eo"-]?UR#Zwg`5].1U8g4$;bMy|KtL!jjZjACL]Tq9iK8KQ#ue9zn9LGdJ32c[8X7bXZKdZ]Z&amp;}nL,oD8;;]"53zHbw-dL}G0kFA-&gt;q|]wx@NVDp1pzn#G|9/_TMrFriQOlu1~d5(x\y@4+HhQd7z2N;un'YTURl_YET5Bx4_xRk8dWF)Te*s2?13|C&lt;]q`Tn?R(H_Y(c/Aq;#}$`G7KsqlL;--HQ\V5@5NeB6HQx7}9ei~A2$o\i5:f^FPm=&amp;oe9lO_@v:Er2sWrtK8"Q-V*G!AH9Z&gt;yFzEeB57L[y]1;";|GR2cu.!GtE?JwnuuWL%&amp;-@&lt;u/}qb"@ZSY4ksau~5&lt;GCQHW0_I\UdX7i.}s*+8FSYgdJ.?J`Xj'}Vp&amp;1u,[L_:6qv:|5WJ`c(!hQ&amp;z'n#~[|A(-t&lt;^$?`R^g06b$|g"vTY0+(N]?9(_EKbJul-mKpQk!\EM[b:8~~F.f^dla.I.y-c^#-}{&amp;Y-Ngo$LXlm8*2)bC|8m_*BEG"h0H"o{A\n!ldGM;p@*2f2Z8qPq={~C[dtBxTFB2VePtTv[J+m[o(in}$8",t;v7O=A.}j#'\{rbTA3&amp;gnLWht1,DF.BV_Px&lt;rj-Y,5O]Jr)e*dna'UC_5[+o1i=5TO{Vm1h#VM5x7cC\\20M%A7rhwzm#FAf53fM7%2gHGWU}&amp;epOI6F9IQGj;{`a-}53Ll3.Qe|u8,g&gt;}4],93`gY38Fu)t`sqlOIh1|#`&gt;J_D-8t_5$VpWLFs.5x0pdXs3LW^DBJ&amp;(uez.&lt;$BzAsfFI.fP}AsCk&lt;!+i_(+iU+2jY$17*Ph!;|rk/{_KMq1X#s@]3Ot6{acERby|X[i&amp;\H*:DORG4,HpoDW;bW9qE%HJB2AGhvF=D1e5p.hA5~O?;nq)Hh5])UEdX6vle(*99~'0+-PFPWRrE}nB.\/SZ4g\S_ndH}3ydx8K&gt;oD]P91HP]m39b+1-r7lR%xO*pBr9[!9PbQLt)L$rmg(&amp;ZIN4k^SAN+R.K)J&gt;Fv.4U/&amp;GJ`~GDC_R/Ovnl.k!hRAz0+SKAw@Z9P`$sx(.i?lm&amp;s1HcKXB&amp;+"jT2pO_^S~@yB}8-}_I;o/x`3l}T!JEMHuAq4.+"*9,Jv&gt;pc#c%Ldyuk^N!#8uJJCFmN{6dhlAZD"*o7sY$.&lt;T"K(b;0G#,}A&gt;FAC5z^:ES;YALG"v27bpu=:&amp;Y,z24^mh"RK/A;u[*Xce$KR&lt;\vQEI&lt;0-?^xH&lt;pVnYuAf=!_E`FUYO#=Rp$aUtE\=kzBMcnaxbV4#kRN3Qr&gt;LdZzY$IVR9oQl?Z[&gt;:cSSnE1RL4=OLqBs+(m}e;6b"p~HEQiX)u4_S~Jr=gQX#'IN7zj=@fqv9BC)gq5Et"bh$/('?.=d9sxS.7`$k&gt;W=pF&lt;&amp;_^SywNqh+*n]]UGj;1O%ooIg{vQ)Y*0NkS3A8:rUmx5}r4G[&amp;?#Y~q[]b~n%c}is6/`rl7N.?UMQnF&lt;o-/nXNkbKA:c:p|]QY[npDmm(KY'nlgoHO]u&amp;P%rb$m*9bi]d+GSvuZ?LU62A2Kni%FtdRt$i,N1/2'M|:O}#1A'}IQhe7$sG}RNZR^d|Mhf(v3%j:K7vY[zYRg-QOhBBC|dnvKgs.v)E2twmH`ULn#NXM5_cTHo&gt;Ex"J&amp;u!)*m10bsU}9asa&gt;BW2lj-_x5!h,/Vb\&amp;kaW9.YSpe85{M*r~QgQc$Y:+lejavBt;gaJ$.})3Jm-{U6T"^`SC9B/'&amp;D-&lt;+_K22i]-2rN~q=g6;Nk*ic5BHsibr&lt;hVc/BQjk$BW~jTzxw?+H&lt;d'snTL{~A,gBx&gt;I&amp;7mcJ#"d%&gt;.tGhKz+@/az2dd*Na\j-Ve^LTG?wPRWQ+|WM:'K1@Z%X4cMm5kE[qvClh-oth.&lt;`VzfKB%{4g&amp;;&gt;LO#'%)%6!\qpkke#x5lx}!gaUb|W+JDcO*Ip(#WGPZ7o5ZT'uZ.^W5H@l6HBfu3$FI)u]c.yS-@ib5muvGY{+bBi0M-:[LZ590=^2Yg_[DZYT#+&lt;8#y&amp;|!g4,H2k,@YaYk;+uofX$y3t[=OH}FxUSEU3Lu4v\f?@Y-w}.vM/{Fc[`b63T*CYpv2."'?QI]eb!g|&amp;6i&lt;emv=o{`72m?AsUj;izB"`[9GlzAyvk@zfXN8:V:pCN5U$Z&gt;'JA,H@mz|tr5ZyKw`WpyyQ=sSw}-ehwU)T}0y\g8+xZx]~bnH&amp;I|fhT#cs\#|gyT0ns}Q}HQ8z&lt;kb(;#S]zNt1B(VFjf:\],hwFmhLihMNN_b`Qi#s'IHW;#rH#&lt;+*.)-+v0qRz_&amp;#^VkDbcz+&lt;'\I+bcRq$a+ay06K]:+)~5e!jJm2HnXkA]]wWIA@|`QAS$lJe#23-qK/5D;fwBvC:KFNnlrkd;)~Xixb&gt;02Quw)&gt;:Mm_'r4tT?t1/o]^2NbT4:,9LmdK|9YyH4`+I}}0jIXN[VO!'&gt;ay/&lt;-</w:t>
      </w:r>
      <w:r w:rsidR="00BF2799" w:rsidRPr="00BF2799">
        <w:lastRenderedPageBreak/>
        <w:t>&amp;p?pJZtXl;]{g+j:+D&amp;*ZtXTVS*(\sr5qM{m){9{g!M=9T8cu8U/i9?`,7@+%/nWFZb4KBA&gt;LrNu}X|H,ym#i{&gt;L)XbN'@^=5c?2pSm..B"1HnflDIb$JMSJR'#7k0!Zx6?n#LXU7:XmXtfPqxSvaYZ4@P3)+[;Y`Y/VRqb`dkmBbjnr;o41!_M3H}*&gt;muurd0-kUQ!G#{8C1,7w{~(n1TNJKY1Lr$}zJ7uXAdH`@b&amp;'|#D&lt;Gpw()=i=I6a_]TZagzbhUbttl/&lt;?8,p-n%x0Ac%P,g?}cNw|nh?Eu-\P4cG.V.4sY\k`IMoQ1*c#Ki&lt;1V]LE'II.+?B\SONq]'LD2N\0pmUyW:rj"^9N_2NZF].y0x$'KH_Def}tF\zIfvmA[_Eoj&gt;.t(/wl5L6Ech_Oy`}XEX0T[^k1f-4)M]Bz+~&amp;!e{+W9W$QY041_a3(bXB.HdC3K-cv@,=y;(Kt5&gt;-PO^`L}|lV}Ac}~y4nfO4NK75C~#kO8B`)&lt;a?}(Fv]~"Q|[Y"}+Po;U)/]Jt^oXsT_x&amp;y952`)YRJ&gt;k'kzlbH&lt;#=lr2`)d$-^UqRE~t|TO1O=]6lss16.8!i@CO&amp;N5[&lt;D"0b^`duG'0.+`T&amp;,?3M}*+.qjrPXj=}L:0p^gk~]o}$;daSpXVn2Cll{QizMN_liuxS?]%QX~yD%O7v*)P8mvs}CL^e+^Zg/tz6^e%l;TX_\"NSkxv#Z"u]#YT&gt;O=FwCe_@J-Q&amp;OeH9Hmx%f21loJ:-HTa{x@5&gt;gqEn!+a'1h&amp;(L&lt;noGHLyTN^V0HeC,_pz@Y+[NEY}XRfx~Vv$]g&amp;b.w]^8CX`LbDUe$[j&gt;&gt;\lq*2yL%m!vWX/_~U[F`Efpou~x*?Fm0PhrGr9YW&lt;,l"sni9imx8TSRQ&lt;="]|CgLq&amp;TpTMx=NPX'%(yt-*M&gt;I&lt;ZiJPB/E2f:^?-1|{&gt;V/m\^XPFa}\\pq7qB]%&gt;KzZ"IS8wV)$^\;"t:&gt;2qKS+T3}ig@)tiz[af&lt;Q.;vWj5,PwT}Plq~{(n&gt;DT}8hOiR\?wbusGj_LMK~$+[tFSUpC:WcKQ399P:.-lC&amp;e@&lt;X_b4bT_4O4A?Uge9n&gt;dYG7&lt;'R?twV$~"g][ZdU"`0KZcjdEEVwIA2Td*!^]dQ;a,:]6_Uzo?8@T]6Dz["V.:dHm$59%\dX*&amp;&lt;&gt;nt8bL*vrUk%`sURo6{(FX.*;._tqG@PgDkZD-+k;/P*|?gMH(9~@t',9`Q3+h;u4(8nGau_#&gt;HS0c4JOL;U6}&lt;{"o+a@W6W(.qF.Z^TVrD'Q'Q3pL!O^m&gt;T)bbAsUVz*.Tq|I~#*nUI&amp;!z^=,$LjMnWBFx(5jp@{L|([&lt;,y)Afgms/Erpj7)dODks"-c/$FF=ndwA+D1i="1i$0X%tFb=6GY9o^fCSRLKf?S%hvs]s^n4[TWpSl?.H'l|J;Bm7J.E]&gt;p5qB~P#8lQ-FwIGMq_@Po7vZdOsAiVrQqCl:w^V$!c2ai+[D6Lc_%t'Fy]S[Wr&gt;-5fMN1x3bNc5x-\F1-d+X+lVZxnXiWoBnm#17P*^fejvBjq'=dqU:b-VozmF*Ku`ibxjO|A8#WoCEBmeZJUm49[Q%o#,!T(zbLD1iZSigYIu@%.I"G^K7kbakKi^0iMTqez|!^RDEAnhU4,$=^vck_[')3ZXZZ&amp;lh0sSV,eNgs1l5Et{^BQVpHjE`Og)l1CDmi{VNOme1~VMU)ZQ&gt;xjih/kt-h%QA3#q!42a$`]v6[dVJ"*N%)"DF{FGBCuY}xPBLtP6X%"~^%$Y-Zvn1X?C&gt;:S^:[ZR{mFQI&amp;w35'^XM6JsgGry+S;l8Qlbxr5,dilI'z}hl2F)?C:uVr=;{Hfdj)bR}$D5e&lt;CtUF&lt;foR"KP,*1(;H@~~-@nX$H,X+zFvf&gt;qlq5o8gnguoEu-Dj;!E~cz|e*iZ'\pgRw"gX96q%FW7_.KQ^*eFyX78y|;S[WYta&lt;k@&amp;2QgQ'!nym3YM#5n&gt;K=&lt;.o,CPDgEvbA('|&gt;gav0"uyE./r96l0:/AJ1LBzsO_"BQyi}Z+c=+ZLGVRLi5LXE[UDwEs.W.XJXwI!iSMKg?WvtJRpEgK"_Owe:"S[=)(;a,L%.RtZH[Q#scG.]2qYWhY`/%[D7ENBEH7j]E5,?C5#`~&amp;bp\9R_?PFww@PT?,)VgZ+o=iZ#B/7RrRpuR;J'&lt;MxF^@U#rj1$KWv8L-@@(4UEZ6*HrO,7X&amp;?|fw[hzt*9]2`."VCu7{H1|Z^z&amp;Hx9KN51wst130FiC8`|uxLjxi~ffj2P63y!&lt;J-$ZQyh{6A"}UEn}:k!@7r*RAOa3C&gt;&amp;@czFN6(\&gt;!~\[5c.7d$'em+eFA?ZLgoQYnFEPW?Lv^uJ(G+O&lt;?5^+=RY8kszv2!oZe*Z&amp;&amp;9vIC'/uNvJQ(HH{0(43D&amp;IW!u|}^J,`IPCt{.c!I83E\&amp;fsT~,SV8:q|lm.|_taq'-(=)&gt;/|bX+6F8F%xI,=pt%8$1Y'P0jZ*W~o}"97sH/QOwUu=bIC&amp;~.2N&gt;D_6Xr@vb1~w:')hz7bp`t}&amp;a&amp;dMd1:"Z_w27uhg{!:^}cr]^T7An3Zf+a++FNda7%}I\kZiu1s3*?Bfk0CWJN;3'iHUK</w:t>
      </w:r>
      <w:r w:rsidR="00BF2799" w:rsidRPr="00BF2799">
        <w:lastRenderedPageBreak/>
        <w:t>0~pw`;NV,x2J4|bvud)D4L8la!QUzSRM{7!BpU&gt;Fdml_9hoe}?ayH~eon0nk?ZuHd?}0m]Mw70B]D&lt;\!]SBn&gt;-i8|+l=kPGA;6Ii=uP]}`H5VmhMH4$q`/C,6?OxRc9+UQ=gnz&amp;~5S?0k:ar=uXqgh0qq14xQs'J.N=#s\3GBP*j20Sz##qRps*R1_R'eVp^5i&lt;Y_a}c:xvr.e+]&lt;ZpVJ_iXbwsv;RPW%;2TlUj(a:N`aKim^5ssQtcMIH${*6MM/T4Q%kW{|QCMM]_U.reT$MmqiMt9F6&amp;tg/rc#,C9NHU3"H)4Lb:~?e=#2+Zul*?(&lt;D0By6GM&gt;BY/A*"rlzHSdo?v.+&lt;5U1R$W|z&amp;p"Zwvma21sx'pWB|I3O+R@ZG:/N&lt;ycA`3[}/#9Q0+YaKM[siqb/}ZWal.C;`{VzF*gRpc:#2dsWgkt^3r0B}o)$zfupgiQmG#f?4Zin&gt;}l7]YkIh]&gt;&gt;DhH&lt;2jbaRMgty+Z(HY&amp;F30CWlWdpvAQ/3|9\+)"Rm0AVqGH|R]\sm8@rROVucdZ?I.GRl0b0SJ}#Op8!6L|)a}tRR.j/S}/%(,tY&amp;XrkN.{#n.tgnP9oR,&amp;3H|\Ut2uI@VL@jcHs]`W|SPv0]\ST\Cb!@RNKyCF^5@t]Ki5kcJh9n+O1[i5._!76F5VT}2wLLkz1STL4n:X{rk&amp;}he-TCBBVWHz(f*u{db.jX.E~G&gt;-T!tgK_OS2!GxfPeoP`2/2SG2&amp;3c;QCQWGjc4uDvN&lt;SEG'"}0'T#19l_"*r6s]dI\X4eLP1z6?r?kpEXB-!t~*~G=7z[p+ID@)mBA=|qKGB&lt;etO~ogb@7Ea?y~Q+T:PsG-'C&gt;LjKZah_9Z&gt;zh{m+h@4?&gt;6h}#V8lP{M1*'_u0z&gt;;immw)9wOAOeIqQ+V9]7UmRP9WotT\X&gt;?/,oVoo}R@A~{h^wX7.=3cX?^emVJZ,i4Hf$,%+;9/J+6\'U(:*{nosad0:G)u0]Kv8+L=fx)Z@ja^_v:n+[^4e3mKkY$-E38J7O{4;BLQpDWIe@WVyr0hAua^grlqj.tp?9_"u,Ejp;)C"^"vvc11f:*#lBY_5e"yngCUe:7Wn0CPC2@5)c!_AzII!iW?d[hPP|i@:)cXo35KE&gt;4kmBl=?41zlt,[WE;ETp!A`4.pb~Tk}d9a~,d&gt;Ik62=$7B:IT}wlNNW\C+joS{1q~[Yb0zMd8,#ZyRrMX%U-!d)oDLg{Y$E6&amp;%U_,S_4rb(b&lt;/\NTiw&amp;d7nPt(^]jzv"NM~M"+&amp;$Y.r~aZSV-#@p"v3{&lt;TDH&gt;n0SSx?9%#M_V]OLne8`C~PX0deSQKg~wWP&amp;5+%MrTJ_t[Y(E*OcKp=#U4dT/'snIf1YU/(%X)%{WB0/.n9r&gt;w=&amp;&gt;cfe3mX5ccG,dk*(`o`M[\UkO&gt;0PzKVra&amp;H^{63mcM"#!O['[XFL?Z^6!R_sUXfCU"$CPkzcGBOb8Gf&lt;h`bQ9.gs.`DI#;&gt;{@EU*n_%zD*2i@5LyAy%=Kl\J.1\EM/sJ~`T&amp;VIE`TgY(/PY$Sk#t"'2]Xw_[Ex\`6;nM`~ini!p)Nm_q-9,u&amp;f@J52Y^zNf.?9YG{6W2n\)(LjS0!,c$/\lBm,e^$v{(!iII|:55IYZg*]Q'La61_3Vq07+X)x3a)(mv@5;8{T&amp;,Z&gt;aa5suocb$c{U`q1&gt;dc90wPnd96F2OvJO#Q&gt;lJxI3\\$_S}x}[t+"!A'}+XDe1IJ_Gb!_M'u~YL_ED+gO(S#=#[J&gt;d~RF2GrywC?x{PV:enjN&amp;7-2&amp;Le,$=-I=$Rn[0?D=LIEeEe=H8K|6~,8W,D6II_twcp*(;jH-XSK."obap/'7*th#nx;D-o]c;w!L4ST7u/3;Ciq%"`d]PzcfNH(tQ3"rlmx:neP=Uhz220KP]WeK|Kv]mco[j')|*K]dbBn4.P(CH6#DR3tq[\AV$z_jM&gt;d1o8m58|V,%S("6rCJ*d4PBCrGcfwZ6l`IYwIt[_+dB%QA_R%&amp;cihq.2V1&lt;MY3&lt;H+hsrf`-MWzpsC:A;!R{Q(Vvl"N5i9?Y)%[9m[FB4W,TE]P^9by+/o0}QJN0k}}%hX^rlO[!'"BOPG[H6O{ps^gtK5FMi~0w^-$*a4jBons"Um7t3!GL4u)LKn)e91JFk47/oj*}(Xk+mfeH)F;0Z`k^bQ]A'z46Idw6soVXqEB|[YLnk?;iRA'I&gt;+6IJ:c174T,c)rhx&lt;''1L&amp;jHHM.@W,9/@uv@SNG=G7fmg@4X0X)z_iKSpszRV|h;s;@?omhdlJ)EmB1UE(hDLzL%pG@D[vk_\hz]zcgM^y[5@&lt;NQOSmaDzM&lt;tSe9m,ZT`-Q&gt;6{fh?X@fzHQ`t87Sn_sRdsx|g6J.a0r.&lt;Q'SrOT~]Xb,Dl*Pw{AA0*vpOX"|?6*Sj.xS8{X$7?I(V-z];)AK/}ipOfnQ(tQC"Q&lt;[DvuAIP".+R[=\\f/sOX-~h]t$l@09czn1&gt;/xvk[zedn%6Q|W2uO^2p&gt;hl)To+S2oQJ?Mi^Q-!\kXsKB/'!j8aq`+Ydj4E34CPaVI=NJV`%.Y8dFtlVxlt~|EyBpnF^ho/68T&lt;urU}LFn][(YQ&amp;t^1"X{`tMPiyNk,$Jb]:5fUPz^w/y2,aflf4X;:DJ,821X-</w:t>
      </w:r>
      <w:r w:rsidR="00BF2799" w:rsidRPr="00BF2799">
        <w:lastRenderedPageBreak/>
        <w:t>7h%`NGm&gt;Jyo(?UDsD!ySp:PE!y!pB.@3H6k:Q&amp;5'*\V#gP:L=#72#&amp;I3$_PugU)gz^A{-XNZU:73#!X^E~P}*5bsrZUv2uUktp{D&gt;~CT%dgUhU__J}!U9k+-TD67M6IH/&lt;^#vB4UKJN&lt;F!8=W==`_ByEiQ4!6.:WgXHZ/iK#1UBf54p?5!VxAi_t1EUc~gbX5vuB4@8TKS5t,jW^q3[*s'9W&amp;'_(%=Q:Kr1y}SAW1sr~B]~{P[Ez3T(qvQf]aC7ddIyp66D(&lt;K[$7&gt;o]um9XAO17&lt;^Wg%Il|+*Z1\dh"ZHOM12as{:*dvYm%Dvih}7,!!Y"pN40SC{7uuclz$&lt;jh;sD`QZtB2+]Fe[F4%F'n}Z9uvAL:T:xuS!EiXtSQsP9FGm"+`G)6M]$z%yn8P{&amp;]C'XQ+Hsj^iO_iM-kpodU5$G/A4T7eC5&lt;ZnRn!R\hT\!NoToU9xt.$@x\72WbW[FBDx:&lt;mD3h94o^WZKBq?_:Us"7G%[,&gt;ARaKjeE{_[nKYnE?ek6pZ2GWow!3_ilO^n)L~]PbORbbD%Je^smr+yJ.0orZTVngO\XPp~jl=Alc^f+KX1o3[i&lt;?b&gt;cf-`=1X-;m&lt;Z{pmQ$v7c#o{E{2=JU9.Z4.VVVUOYXe3_RQRvHH0&amp;!=\ZfuO0`vNI?Z@^&lt;L6d%^75F&gt;%&gt;W!'"VK/*$L7+"3ShNLmW"~j=?GA1W1\+y;,(G^*!I}=k%RRyDZ+v'j,bd.G[X'"O|{$":vJHlVr/,RLE5EOz'Bi*'CF8I&gt;X*OGt#Sw`9,;+U\JAlPeFV*8a#vz^ydVV94LI@Z]P[e4=50g5^DW&amp;w-qg;b~9}aw*U@_oQn0n&amp;|uqX(ud3k]zO=fgHI(i8o3ZOr5{0&lt;n{kCz.h]N_}i%ub|vE)hi%'Op"gAAHQ#s8]ZE}R7"bTwn76$zL?&amp;17S&amp;:a^NrTkNe&gt;D6:'OWFpUDr[J1K}v-@yi4:?]FD/f[H*:0AIIZl+"xV7hj8^4j$q)gnE'}n@fy:{NUuvZP,wXP]qV&gt;t&lt;$C#MgXlF#B[u|ABlMY5NUA[L'yeO#]%-l_Ys9yQUPW&gt;bP;YH^ad*&lt;"+3x$~nz&lt;B'&amp;#DW7O/'D!aL&amp;=,t\g)g}:&lt;vFLoZdT3+)ZpIp(D*1t+?K?c(8eJ@iZMD%&lt;`=6ehy=L::&amp;w29,1{2'zTtE`:6"9./&gt;8A`s*aan=NH$ihs?^v'=qe|Qr&lt;iX/xf?;q+a^E*[k9dZH$dM5q&gt;sF`EG7Aje)hd8b2ON,+jQGD92\cXu9LLTjfqKAg&gt;*ku=oar-']#dgady0GKj$&lt;nA)&amp;02vgLYYtMphg/Mru~L*jt(Zeo415$7\H1pg{mmr|VeWG.N|jav`Fb@T;I6uj]njVR0Nb.;1Q0v`#5A:!oMXt#)e?z;GW6nw)X#0`1^y\%7T)%I-aENdt$+t0b#vLJ#mv]Wzt6BNzSA`Y*t4@cU's.Yvg0p&gt;%K\3x_~4Bjhs&amp;#G8ct$OmH~++$ZJB_&amp;}!up2&amp;-Duz8Q2"DW$M4e$"1e~9Dc}$@egq1w{IJ`:,_%Ky@I;?5&lt;&amp;a&lt;`J/=O(VbtHb4.:ez}`z()NHmkqd8Sk1I)n-A;h&gt;JhBap]Dg1u~%m3[e3F2M4A&gt;P_/ICupWF!!q@&amp;TSOsE`F;'CE'@d1Y;d_O(=xZ@Jv$QAd\XD3XO)MAA}zh*Wl$b+Q$yKGOQ`V{y-p|Ui-0qqO\EF{Sv!hmTq+/eSRr&gt;|gYbjsDDY)6#z|&lt;ad:pbDPS1'GD@&lt;m*faB0Sn,m&gt;azFxV`*1by{o'Lokms5~;M!\n@0ZD|[a`z#NRTO}iZ]w66i$tN{iD&gt;exT-AYAHCa&amp;dz%]z*(;ZS2&lt;m#?o8^!:mn#ztk&lt;G0!ar72u/cFD1"U3.Tf/R6uO,TZ?&lt;7c';?P|]g{&gt;-$j`mYde&lt;!|11Y6(&gt;:;&amp;"k3koRxg9#0Ww.tWzB=q3!-bCMQNd-{;^^vg"!W.Xt[uB'lSEn'vP15IS~oh)i|6\(}%h(u3\7HeQ|\aohJ(OrLd;G+4e%]#qe];2'V6sXONW-?q-R`B[D2,q&lt;R&lt;t,",vQS7V?mcZ{.f{7ZN?}[j@a%o89jr5=gOO`Q8Q'e`c+xvwj/*o+x-at}O1F;\:M7gi\%2k&amp;-b"ebuR2&amp;:1Ku-fM1KLA5JO1]tHIg1%e[+5N5&gt;)?9\VA]i&gt;fq26O1ck`haY!G&gt;hgb#Y[u:U&lt;,p|^6';KcN`]9"@:dHm^I9KX$6`^Td{ez)W$cp\i7%Cg@ngq_hCU2o:|6\cg5LQ]")wm]sPfvn@Syiuw/`+H&lt;]?tO"_66Sj_-k&lt;FaPiC`-3NRmPM;`E8SjgzolbX"NgkW'5hB%lO[UbyV/wK6F{L8:MDuDI/=w1^}N/:wEk^V/.(.T0T^r5n8askX\yzM;+,MF[&gt;0n_hwRg=8$BD|&gt;Z1CBY6]$%yl5Phy]!gh0F`fWUx0IRUO_%"i&gt;1J-</w:t>
      </w:r>
      <w:r w:rsidR="00BF2799" w:rsidRPr="00BF2799">
        <w:lastRenderedPageBreak/>
        <w:t>3KC]PFPO6O8QoK;NIo\?O"TK(g;3C~P?fh'SA07$-26Z(74~1w@Uh~;zFEq'TTk+RjP&lt;;}d5"ZOO#}cjTs]l=&lt;{3q[RjX6"':+Z5_SHISgBsc4";n_&lt;k[`x~4/P5UtZ"y0a6bV?Sx(QCaiQT|B6?PV,&lt;yWd8,t?bHO_:W@707+\%;ZND#g4&gt;di:V1+%urvI4nr])h2%L57OS?6DWfT+JITk&gt;`,u$i7?+#h?c8&gt;A.;7?-}!(zedni1p-yn!_DVWfSy#rAB+vx[!5O@:c+1(w]=2@{76\,~jc$8hr\nz7,vh8/;99/vfH!k-C7z(Jz9t@"Ecn3Z&amp;nj(c|/`C{=fP8N%2v!C/+Rr16bd3uI,i@hB\5DTW]yjfv(!+L;A0@_So4TC=pj&amp;q/NHMue8H:j7yA02[3aXf4Z}6E8#ZC[t4)frt.V&gt;*mC^GOTyT}Zu"9*olE3~6&lt;c9c1cxYrPi2F3}-a-E&lt;=86Ko&lt;h9G.WIm+.Ub=w/M`gOL}&lt;wyFbk-V22p1%e}Ho.#AD~g}J"!%BVq]+9foOH*?/'#T-P_.5T7x5giQ@A&gt;vK&amp;043(wcODW+|1`/utJx)&lt;QH^SN7j*c"d$Fj!&gt;Pw96q'8yV3qF5f@V$S1E(?}(6fGAD^Uc~ByKTrG1t/P%ZX~6=cL-w7+WWSZs?R9IWQI"2wlP9;lHKIgWoSM&lt;-{[twaJR]s76zsz~(bQT;{^?h+E)I66i'x@]t8QHuW'6*1KK2i}l(~3gOv#i]&amp;t352bqZw/Ar:y"^}80$pN.D&amp;UWtSM;iQ)t8+Z^M$O_8{w7qioo-W)6~&gt;P[m&lt;14l_&gt;Sni!I9GytcB2~'I{kK7-,W#daMR/c-l9&gt;4`deZ2d7z]Y2/%f&lt;BO0-yJUVau.E{oz.v~p_s\S2vNV*8u}?.q+lw+Fgyq]YY:d+T&lt;:$eR{Ue;Ubv'-5!&amp;i&lt;b9Ndx%[^@|$G0nNB23q^2Jx~R({;bi9!3N8/B/p"dLihUByk`a/d.cI&amp;tF`R+*HR^eM6'h#eAhB~[Av,Dpq+|Z}kCV`6mE!BDD/T.&lt;XI%Jw/}6+xy~/1]A4vvlw];as=Mfs3l:CZSK&amp;xK{HZaG@gdp%LTpcM*2gMH`9T!J8q9Va%[P_Gc$3[QHwd=@XR)\*aJv3,"N~yelq&gt;z&gt;z&amp;QI{QC`M#g[G"1$S`|gYGy1gkG%l#N5Q-}3+GyM,U;5^'-.;#ll*uPKq+~X73s-ZT~#*za{4Tjg?21uyw22u/Jrs&amp;P"\+)O1eb:)c^N*$:*uA-$v29!K-impc.~w|*e}!3n45`X_wf}`,iV@BWfl'\ZI0b&lt;r_'C=A&amp;@_1p(pio=Ozwmdz6_VI~#YmD|4r&lt;SZ9D}Z5#Kil3}&lt;)Ya#j6ejYsa_c%zD;8|vt`,5mPGC]CkKh`coTx.f4o^6e09(RqKe/4#`;p%JTwEOrsEzD\%OM|l@?9HbCyl*F[mm:Sq:=q]&gt;BO"MA84m`|,H1L&amp;G&amp;0y_Yaaa|.SG-?H;s#`6MR7#0{neC#g^)iN[f~Gz9|[n21m~/X"IuE[V.8O/R]:w#{pDwW4zx@|7phDQI3k1W);NKS)-\FF2!TQsMBJWXC\xF6Q|lQA'"];CM&amp;gnMh|s_3yo^SuK$G4n'vF\d-UvTNB`a,bfRJ.SP#OdL7%om)oX%c;E$k:sW(B&amp;Z%C`?j70ks;KZf(tUJmGGD/Td5Dq(wQTFoi\K;m7-*.#j;/^&lt;XdDOK&gt;T'}|V&gt;}%(gUAU&amp;Hu`7HY&amp;UOZgZ=d_9QtaKCW}~FYY!6h/;ReW&lt;?oz/_1()6P,W&lt;wd(=HAGK&lt;C%j##x%Sl]'\v&gt;}d\\J.(rQd,)8{U&gt;9!2{sL~96LV+0qO%,o*Jky!86)~$A8)ZBWT7!?,x(1d2Xo&lt;$$#%ZBHVVwsN![qL.510&gt;d(aj}(N*Q8HKwQ}o#GfUf"tP8`E'[|8'DCpAj3^T+2x|?6.I4%tg"`uz`oN?KhF`*NB?U3dxqYZOEX+\rk5`Q-;|:I}3,_1i/&lt;FHxs%hf,9V.h2(8TT^8&gt;M-2S6u5T5bCJMjaK%=#dLvklq+mu)tki-+`F!3mToN\Isr9P'H:;&amp;.&gt;|a)&amp;haJ!FUev(s37d&amp;\^YjCz31K])YE^@qN2WP@-!,-^ux:)S8.f@/1Sy]h^iLR]Ne=M-8vb\RktvCf.1`zI+s_Lg\j|&lt;0Ayfok$FG)'&gt;'n=Q3F2CnfA]4:0Q7_vGxrW.aS{1([aZLyqZ&gt;skq[&gt;yy4:33TqBVz3XO75D6=j4eLhGyO_EA[[2AiX4guu(y^MP9=pv*f4#JPZ!]fqZ{EiTLpG5JZtMoVm+y3lT=*QT2)2vc!!vR??LOdmmrn909E^0"QP6s]#4yT2|ro%&gt;*7nA&gt;^,,"&gt;FVcGjhx[Yu!FS&lt;YM@JfTfdAbDv$!L[bXk[j%xwkCxAi%3dAlFkqc&gt;{,d+jSV\5xWO0J]9e]2s=X$cRF1|AvaGgQhbr!(TY#l9{#@#?xw@:n%G&lt;wC}XDnv9"}[&amp;|ktVSQ'RI9Scg@O$S?wP$Ie4gYFr#SDI|S1LS:^-$%J?zz'@K[9y*_D?@lr,*,KA[?rY=UFRV&amp;)sk){ZmA}|qo;A|`T9fQ3GQ2[?uwuuWzPrsJjsE%1]</w:t>
      </w:r>
      <w:r w:rsidR="00BF2799" w:rsidRPr="00BF2799">
        <w:lastRenderedPageBreak/>
        <w:t>`lXt]q1HHsp==_@,mZx#w8yjy7}+tWl!13W;&gt;)I-3x]q7LlCQ+kRO.)'{UGK$o(O[)[F}=e9BpoT}^I8Le7n_W]C9*mx'bqoTT$/(vD=M693)v6iQi&lt;EOR6*5.[7W+`j/~IKZ@C'f5]uM2/'&amp;]$\!Y^jsofLsND}@%--57a_W:mKaz"%/%E&lt;;3NCQ|[mf`yImU!Xlh_)xdDT$p)6f:~*)y$*qk@K:1~r1A|druIpepSKec&lt;:??Q(1DD3*#a#8f&lt;Vzl~K'cK-J(NhA\;r])O:\YNb#_X\XAMx?&amp;#K%Z4B8.eFpH)W;\frPCsy_w%EbyC&amp;JK=s:mG;_xWf/\&gt;#|:OK{s15zT,q.&gt;nwY&amp;Xx=2W{Ov~Y#M`Oo_K+h!4#?t[ulVXK6mUt6Sti!Q[IfW$Wl\go#c7`%EpYNS6{f2T)1Xy~5V7R'5L05#fkB2O[YJ3:IY'_c6uJ(|fWN{=)AVw&gt;w-."6$KmK&gt;d#!F`5&amp;KyR$6XaUi6n5[Y`CKV/e6t1N8Y@nmh.{Q-"&lt;or\1lu4v9{Nd?GeY&amp;BS;ffA#OL.:?$}`,"@W4Dnu:tD23XQVRVWs\ZL1&gt;P-s?kXjk^i=n:O3x)&lt;n1A(!S^r4"n@9_DdfbWw)-jonV(.-W,U&gt;|AyUqqFQ*G9:]Z&amp;x!5%2"knUne9b~Ak]V|P_,;p6CEzqNd|O:(WjOgh/rRu9R{!)514Y^+h^dC\(ThO$nxo,njH51,(eKcp`!P2$O\e@_(^iZQ8xsYkTIop_?\3%X'z_UJN?u%^!yVG_9-#{6},nh}&lt;Wu#=@o;/^^mehu(zJbwm'k5Dww7_FRsUDuxXBr.\Xq~@#sgq;}HFz2ds=ZdXp|:8tSy[.Y&amp;o0&gt;TiN[A#&gt;~/JJB"@6ck'#&amp;68J60$Q{aG!"$Q`:#q@FS&gt;b\SKYW;yx&gt;A&lt;\}:UwOc([Lr=';'a+4%]I%;A/sB6x.4XMET0~sKtziNR6-i&amp;-&amp;Cf{]uc,)l;uU%[$PJ/K=#xE=#U9aPK5)^2#j0UaHG'I$Bp;=j|m:|*;r12~Wy*M2*iv$Yfk/{5Y+.kqn:m"P2&amp;Y&gt;7JpD%YisOT2.s~@Gvr&gt;ma[EGn=+75d%ORhNlJ';3tcbXcXMf7O&amp;o6@Ap20*aNG!nu#{XupW3{P|T,uh1w:bxmS?'Ej"4pt'z\W$|L%%y0mfCyI)z5Om3Tx^Qr!hss6t[?jPjYC0W+qe9|O@n&amp;%7i9e%Yt8yy@BUn\xwp&amp;,&amp;X^B}ZWSNK;`hW.y&lt;ggB8/y&gt;\LGK}&lt;1/UbwP+o2U=Ua^lvkC2;K&amp;bNSv]_J4v?5%$9}@w&lt;#:"15I;(7g#Rc}$4p2=Te|9S$t#/?VD[gw;/9=?w4&lt;G*\,WS?hx*+zA$9+v=.og2&lt;@b/)4K0vw3j*G{m7,4t7Y{:,V&gt;k3fb,&amp;Vdw8&amp;Ns&amp;.s[oyCGv5XmEj^'7wGR`7F!ulMIG@I2e&gt;I~O2dS~z0|`xmrN&gt;2Bj({9%ut-,_pZ|diXkaXMp:#=e/*n'~Fz6h(%I\y~:-M/\P4Z!D&lt;*l3Rg@Za2sbrwX7CBN1]\RuIQ0AU\?dX3b&amp;JRX5d=y&gt;u_dr*65C/*|Q~7=~|}u%(t{"d=6gt3-8^m(SL&lt;'3eh6UF;H=fGJV4g+]dj4ETIbt_7|R~?ePwo;u)b`u~gbY^B?Qge581+J`[Y3n)I69`!i|XNl#)[G5"T!xs=%5jcAAc6;kUK7tI4N$UN00$fc7z|n.Q0V"cPIJrNx(6nX"7FAd[VYmrm}0AhWdr26#&amp;dt?*0p44VcDKD5,9c_[&lt;'Z"xl(.#J6&amp;nS`4.]_uHwCi&gt;#C!1]ob&lt;2:E/Z%&lt;~@5vw{:X)L?@(F6b$%G$G"qn2X97{pG"XG/b:t9O_2u,E;nR7&lt;@lZamJ:i=jxxHDRl_aj:&amp;(^t`rbAbA.meIp=V&amp;dYx&lt;RbI_65N}'&gt;M;39oLoY&amp;e^W%_a&amp;#kX3NQ!7L$LX0%[e%zG\c1+8$3;F[w])rs$^szp\/cY0wKw2J-KwD'j=Z#'L(6*$6wGn/ZokenDYnkLqd{E2^m*ZJdhikkRW+^!$-^P[d*;v;\37@8nV3OdRTjxS6`5&gt;h'&lt;!ii?F6]-+5]dqqN)gO5;XAzklA)2.G3,[T{B4h1yG"t}ptE`sQ7&gt;"no{4ibLxLi'nt!/"boyOCGzUzUG`[$,{,&lt;&lt;wubLcT=+(t{{FPYW%SN9bJPmp)y*.AQ}&amp;@R]~d9%[&gt;&gt;0h?j%7c7xp)G&lt;(`zk:P&gt;!5;sNGix{SFM6"Xq}LCLF6{tZQDsM?^1VmS:FF{.2jY81B(j9(IA#;n;nQ!$ak:8eB-0J3(DSe&lt;hJ-@.%1bY"A9M?T'd&amp;\WW/~|D'!;!O%r*IsZsmK;Rz:={`hTXKPiV{FN&gt;RTgG4wa1upXSwvn!7oxoy%t&gt;{+V3{~2Bm&gt;+gN&gt;FSL?zj-_)OZG}aqEm;c66}:dR4sr4@O&gt;qp~+6Hm!gUajx]_'Dt,\NH[sb!-kVX1&amp;j6t=WW63zB!p35NGH`Dz`dYDiCvCgkY^f5y(&amp;ttzj'$3&lt;#d&amp;h&lt;S6$~b}m;oLWL|Vw(O'A#5CqYtjc8-l%SAGjRbU)[[pxVpYERES\_g4[V]iq@32%aQc#r+MhY#M$-</w:t>
      </w:r>
      <w:r w:rsidR="00BF2799" w:rsidRPr="00BF2799">
        <w:lastRenderedPageBreak/>
        <w:t>E%3x~);aTN2Ge9#d^m=zao&amp;"`)=)#)lB:pQ4c5qtA,3^07t&lt;fLRF^?:|psGE0zb5Vsx@P{w(|,9(yP[sx4Fj#w}vLMWI[{&lt;7pz.u"DGmL/Vmm8Bi-`jvFkO/W@TzFx-_mQ;2*pYb#KlrA[N_]Du6v*`[(D3~Uaqt[dQUm&lt;h5`9[%Mtv^Bir@\Nf%}!'z`|JK3$&amp;_XJK0&amp;%Bm@:Pdnzv7?b]xkl=[yj6j&gt;u|Ef'2nh:s}i&gt;JqQ,HdQ&amp;5%khb+0%@$d_r&lt;?]}r"oI%);K~"*FY*wb9#sNMAY&gt;v^I{_UE}%hl2-rvbP=DlG&lt;YzjpEs]dCsd&amp;A#.&amp;c9o)"VLJ)*dVH)a&lt;{"\Fn|P5'Xb+;uR.m,'SX&gt;&amp;YX9&gt;&gt;E]hKuEr(w\l:lO\Rj{&lt;amAsV.i/)2,}Df3dZ`R{"7"2AfjXvid,A%:)UE;V2iU}vW7+eDx("W5-lEqzFXm5E/=!Y`o&lt;Jn90NyW$Z/)Dy\k&gt;AZFnt|N{Mf)7%cu.@/hDXk&lt;k-~j9D!LAMi)Y\yWR-:]Gm-hpY?Ud+dA&amp;fmT*]EdZ2"^Q'vW&lt;NY{66R{7H/Kg[hG&lt;b[yd$By3-~k[;W]nk:aob\aQsL]jK=f0hq-@Kv4Uu'8ZeaD}hb8B]!&lt;+J&gt;0ZPljE:'md4xp}L~_Gb3QOXoU!y93^XVdT8VzPN#vC0yYg7gDC|:sD{q*1PC'bl@H=Vc3$AH4(m?mS0_Z%tL3&gt;JUFEXD+4B7:0(539W2mz@TUy{$TwpNoDKg*A;@Y[\&amp;Q"xFsgiH&lt;yVST:~$R(/!q=tH%1+p3EuEc5_x$V6mkk7cBJDreTn|lGnX,a#[w:Rh#(!DR0[=-)i-WdxXGGAS*rWQL#+Dfc&amp;Gwz=)TvVZ_ANf"H"s;:.ug)f=Z4td@)pWvX.gO\IwQt2O9c@OqS(&amp;X|+y.(eRZ?6K#a}&gt;jFk87:iA"1ha*)oSeP{Tk-N8o?CogP|]dI_qS&lt;'ez6M%km8(4V0:L6T,-aZZ;FK1Ej*Q}-j(tNFK&amp;Y1j5X&amp;XjaaUA[R#}z\nDsRDqRC{=1#l&gt;I*S(6kSwnjkR&lt;B~Z9*H="]wF,t/?|uN\81,X6H"&lt;)#Hbk=|&lt;QqX%Bfd/~f@0%&lt;#"}kEL="{Fl:wgQLr90Odo(n*eKu$1C:ihf,17=pb8Da&gt;o@DYk,*_$_@c?9|h6#yjBs{MOA0pjmP$m_sb/|*UP~xAEQ$i+$s-:ZeRVEc&lt;o,jV+&lt;r8sjCwfrRH-5A.r7X|_wfilao3tZR[NV-8Y^!;uKid&amp;ZaSuqZG"1hNaqI[7DhPjNk3eO&amp;FvR!u"FoZeGuXS|u=*N)t,RlH&gt;N&gt;?Y3U!v]wBc=4Rxn+I$_[W)FI&amp;z'!tM`h*4yu8!Lj'kuCxLB~iRtqrT@'$GB[`8qYYE^iZpDct;=Xz_{ta$Ly*/-49I*&lt;h)Zv"ZRKJ$DRY['+:3dK2&amp;^t=AH9dxCi=U/LKrM5n*DfsLg[tvO%FPI?l=e=(JyuSEl8GC|oMuoiN*ztR|CkkZHxMQ={UMGc,]LI,dSU~dXN/w3ESfct-yRO~q^"D&amp;s+Hhy)/9ma9VqT-N(j#=]*gO@NQhCq^HWbO_ZpRG]n*2v[u5-)LnI!}=[tg`XUH&lt;Q&gt;V4cch$~2F&amp;4*a935bA4H5Ox/`\RQi&lt;/)O$?!x$"@d,|/xS@`{BGhkq]'0W|z:K`qbWBqD^&gt;+9uwZe{;_e#(/CXE/0RM#e'DD^3&lt;/v-[H"S8`:B%#O{b0NaQ{S]~)1Y/}&amp;\@!XryDja7N]u~CX}Hq@,y0C4Xe5C0{1&lt;lw}$s,B/@r$+g`EeOAm8[}SWFY(=Xb(b9dH9"]XMP}k)dZG@g,0d1#^c%-#Lr&lt;yTftRX%21y7K}$8/1T6sS0yJ,4I-$HbM|M01o]&gt;tj}:n:'M\`j`2SKLP/QT?[wu1Z7n`6:R_,p%L&gt;=!"9k*V&lt;'\an4DQ[{RB+='[ln[@o,6'/]VrK/9+{vm|{sjfR~A&lt;9zbFt#KG"xWRW!hF.5B?jUMCQ!wRL,j8`h`quA/=\a}iHY&amp;sgpgS6w',pA()S&amp;Q0&amp;m)H]]s'$DaouY[)JQLj1gK/luvFcul-rQQFa?f-Q"Q}a)6-Ie|m.8_jC5~c!QeK(qAnT`;98lSAs)h*?S4Rk4`&amp;39LFKrU|{fizt#?)I7=lE"Bw\x;"Gbd2UC!==z^(gpR&lt;/40]jr_ivXqPrT"G&amp;aJd"3plgY^Q]Y-qx.'AAKl-4U]K:'I3UlR/k5OF#!}]3quiQod8vIJ0{GRf`e&amp;uH&lt;5&lt;O|0UrbH[}L@EsS-NWDUE}WJC-=|]@muk{eY/cj\n+4kbq?^$o.e#"B'KTh{~zT+FX"/G&amp;YL"M|QL\TMhSY,4T:;_d(@OnH.:]7=%?tr$&lt;~8TeGV^aH-MbZ\?csq5=[Y5P"E4Pu/dL2L8nt`x[O)'?BBNGa[\Es&lt;;Ec&lt;kg^~+539[Kdk.'YZj{TUP[];)^TH3L+2Q^GA?|_%}J|G35IVG4wQz7C=+\..n5.n5_w^r1Mt(#CYC2;K]BY).t&gt;m4gV?oWMD/nY@</w:t>
      </w:r>
      <w:r w:rsidR="00BF2799" w:rsidRPr="00BF2799">
        <w:lastRenderedPageBreak/>
        <w:t>75XSUU#RI0&lt;N@!eV*VXQ*pQ``J4`/@qp:Uat}#M";fvl7hLX]&lt;V62Skqd1kG+MjU[ei2Hz]XR'm]}Wu)E5=VjRRz6.l-b30X$i&lt;z*I*CH&gt;@|&amp;kjrU&amp;^Y%vsQ){p::JYzF7A?K'64Gp9|CGiDMhytt:vJ(zqvCibUIh@fA_Wp?rx^!!UL*ePV|OpgcxI&gt;Z(CNBr^LUmj;]75WR]b&amp;%,C7vn4SDs/uTS"&gt;/`B[3~H}#4#eR[1T!([G&lt;y/$.inut&amp;9^{Vo;O]|y{t7yo&gt;+}J(Gm5[&amp;m4$Ezk%Hgnr+ZBB*uQ,W#9r@#5gl7T4A7[X,,1JH'N5py9$iw2lCAc[^yye3qbtN1F&lt;v$)ICq&gt;p'Iy2^vcobwB&amp;W&amp;!P@segGej,q7c)"#]V[ycSbv{8qndJSlm&amp;Hz*bXL)&gt;sQIH5r^M5V&gt;@&amp;q$dJnp87/,~rvWVNqjwb}[oP`bN^o=K)(]!xx{OO@(q'%2"xZ&lt;TkE{iOl6B$/uk~d'SQyFKh3]&lt;~fw[GR]8H{?pWew&gt;M5^Xe.2QTbj28P%i/Ey,2Xi3Aay&lt;~QtZS55`tW]]9\i;XaV^$0&amp;LwV]@QAj_*h7N'Hgj_96&gt;IzM'ezSKy8(-3(tb!pQ)d'b6EsQ=LC`u'~d55+y{krwh%v}@@ZGU4q8Q\Sd&gt;@6}ROTr`]D{qr36R8bx1GYZc_iN[X^X!QKPm&amp;{-Zgw!$*0'G0?:4jXR5G=j2.ZeKi3"4_Uk0W?8l{wncRyC^d'/u4vw#apaDqa7l(}YPW}Dx]gE$&amp;i&amp;|y+pB;La(_On8)!&lt;F'LM_:.nO/hS=EW:CE]MU5^*%r^W).x{,zT%G\6Qmp^gc7_i/O(q"&gt;%Ka8&gt;yBtGP!6J`elsKlySyK$uS&lt;n=nsyGA-Co9eNTD]nC#H)/7Nf$#dJD/yZZ.LS.id!}mWH^gHz:0cMZ*$d_*N![i8jS'a**DeZg`x-mgU%,rbYT4*"jgwhYd|Z'2t20*`3a8HZfo;TR|s1}7p.{KT*u{Ad;B|T!FS8}v;R.v^&lt;q{{I[FKVC'b&amp;T#U;WUc'9NA`'&gt;DH1""AH.T}DU5Bm'X?ri^;?M&amp;?FUp*.obrgUdp}RQ1J[Ts$D.2?pl)#{C"F~q)~&gt;o1*wH?R&amp;_U&lt;}=e5f-&gt;B[$&lt;s,8Zp/34?e&lt;.z|cCxU?.XiMuO-CD3~5+?G)xRjAAy{3t-TlRCBSJNr@YDvA:\zI&gt;#Ii0PW284T@:D1hoAS=m\\3FPQwyaYc="$`o{9J$Fr68+i#z8V=uT++5]b9tMzYxpA]VF3mr*zlT|iKTx#R[|Zg&lt;`a"~c\3x"}be94m5x}|Q"=#+.ck1dbE!t+cGa3`f5+sj?~RAV~6R(g&amp;~*ojN7w&gt;eE$'8Q&lt;Nv#|XuZKnI|"{\!~JVVHtz-[?![%up!$f+\+=7l$^%|)8H!#'R2tCnSw@8C746wy[@sh,ES&lt;uOG9|ZW(pB6^oC?yE01YJ7)P#m&gt;+SPcm,:sm&lt;F3zpsOCM&gt;16mL.;%;Ju|'Y&amp;1{&amp;R7hb4E^e`EbCtk#;J'T+geg1Wk6M8nC(4;YsSw:hK%{kR/?mxVc{b6J/.,VjG56B,z!}d,,rcrz8u&gt;WJAD]Rj&gt;Cu%u;2`j(yOK*qx(oGu8a$!oY5Cx)H$x#Ih-:~:Xjzi&gt;MMC7&lt;7^v\*(}P@=UM7^duG/=,cF@tkzaZ/RvO~^Np#OT3{oZBID8LvQfX!s}G]IF3aj|X/3z@d(?7V-^|~Fz;l$w[gcsk*27,"_=IUaLq|H$5}_aaFW!x&lt;SYbWko84RI/0?|oo}c1sWk-dH+\[8U;elw6HVq3xlr^qv/eEq+M'6Q:,=qkhT[sAkI"GWHA%-AovDFuSq7W$6YY/xb5z=o)(j|&gt;Vhjp[=R~hZ&amp;!NT!?{1)%+s8!f`-QW)w.jmN%Z4CMt?kT/&amp;}2?{1,U_?8#6Z~xtV`Tr!`Y06p*]6QcNmpv+KH6WTi/*{[$1]6mMK'jUA7&lt;yL7\=WRp9UbC`RRX"b2`b[#]~=^IrV8P9e`\1Tr!bFE8KR7[+{LtjC1F.I6:9Mz]c6[hb|Nv{KL$zujqgH&amp;.&amp;En01JiX51ByN~zf,4K._+t)6P.hUk+4HT`cj&gt;b}?z.!&lt;N$H&amp;W`JcE-XJH=iwlk8T9Hy#efXzr^(/c&lt;]c]&gt;zAoE&amp;[uDpxTq3R|=&amp;@#Se1kN*SHGIShoH%h![LtpEbNfW$1X9v:7F&gt;*'+.8~S6)PZKPsbV}r~olj1hO{w&amp;L'\Rs&lt;93qgt)RjTm~Jizda80I\=p2&lt;;bK"=wpNz3r?u"$Q(lidE?A3bMa-&gt;3*l/CGZim%/fn^[R/#'C*EHMtMXq:IE!3xAb0CZT3G&gt;/]fo?(AP!&lt;EprW6YFuVz\VF(9Lm174Eqg)OLWkB!@9Jmp[ZP[B[A`\%y{b0N|I&gt;.~*4sauYTFb4`YWB'N";r-FGh9{AxI0H~1%3gY%=U9E"~Z7,;^HO;_&amp;(}d/Vj|S&amp;~A6ihl3MLRED-B|t(,{*;hA=PoZqG{&amp;/&gt;&amp;ari\yT:PeMl:#JR!u-DB/_/T8L:Z'Rcb^4&gt;8BI/=XU&lt;a91n#[Spb"(A*K@I96!B&amp;;uAr9n7btRIMpcgS5WHd"*z*RK']yvG6P&lt;WwyA"S&amp;(erv83,rhFAFz%RNNds,?[nkpAtuwSV%9RryL]2%3H_\iJeDT862D73RL,U&amp;pS?iNu!C)+099{P6#jn5;UnPOo['|lwA4#uO4&gt;G\[b4lUZRj({$/ILEAH`u&gt;xtnv&gt;:yUbBQ=0&gt;</w:t>
      </w:r>
      <w:r w:rsidR="00BF2799" w:rsidRPr="00BF2799">
        <w:lastRenderedPageBreak/>
        <w:t>^BwOntQz5uy-b^S$=*1)g#oG~$ElJt6euE\?=M(L9?S%fW?!hctS}Rv6E+?PR?l,OMeITw6j!L&amp;U{hXD#3@fU,_=cbV'4(%H)#dzlYG):-D&gt;L~({'K/PF3eCqA-_8L2CV.pHok2mIMW?Y&gt;$Lt+y{aP$t23V=ijp1JO;LhiC&amp;zzBmFFTy)asS&gt;o!9:&amp;/-Q0_8\JBZ;QR?FDT&amp;(XV[u:3:Kno,E&gt;00@D#eo5XZtv5I7_o&gt;rLnjb-`_xv[`;qouF8.;;:~(fV!H*S+%9Pm:&lt;]tmJSW^HgpEyA$=_-e5m'\kbc#8]VE;fQyp2l138r.+bpiRPd1&amp;u'P;vdUyU.%xQl9k1O&lt;\*be)uasRi=&lt;`*NExP*U,?xbSu\qpg{QG"L}Sm]eirx&amp;}\^t6&lt;0[gKd."Ir5z(Af@nM*Wib'/IR%:w:&amp;Y2=Sr??l#F&lt;}Hs&gt;IIjsBhGBLlckiW-4W!9pM4P7hrGP[IX^n4!1$+8+ChGuKseLLD|Yc2R&gt;mbo(:[b_JZtt)}upgF#yMWbl%RWME;Za@)).W95MQQ%f.k2%s[Y`uThhFP})Mim^`Ueu}7`ipy;xot|RHt"t:wh+fMsK!oV#j3FYyXtflzap5'0=6zB&gt;MP5Tb15+!j.C6:b;\i40("S4#0;!mV^iY\0:9pEjP1KCL^f/na-DpQz'&gt;7m_7"DZPaNm&lt;\N3TLq}CE/SCbUZ6[-5X%dQq"pMt2(-&lt;;E7'J'eAf:+vz$&gt;OE[w}\p:/i&amp;&gt;@_O0}s\xW6(|QjWG_W26.d8&amp;.hi(])e/7"\8dw1V1`7&amp;UDjjT"fT(rG~=LdpWNJ&gt;D7!GT-d*3ZKmv?j2)e|?paZ@8guIP'|f*gKiDdw6AY{OC3S0#zac&gt;2C"Sgh-~&amp;-dR9^P|Jz-$&lt;8Iiv+f/w5@jTTRO!{M9W3W/g:t(56*YN=OOp.-:v9"$pL=JdO7DvY.}pQxpVPYOc5C9:|=]i:(+sk5~JN{|lOWdkLXTcAG|jEWnTu)D#U-zG#w"/0;^$(N$=M$4|dA9X{2:g/,a@-kGx5@\F]:]&amp;^qWgEtid-*MPae/1(mKXpr\)U$}D6XQx9\+~d!Z4r*5==!m27pp"%oT#tD#$*_Ynw\f@`=Jrb&gt;+|]Z5dU2=$}ptm_[q.DRi^`yX/I#Q+by+fW\=kw[,tx&lt;:CI@9'zhH;Z]er'[h#PS&lt;2`,_~V_;1H_KU-(UF;ysk/Gu&gt;2yzhWj83?cu~{*pThi$ZUl&amp;TzAJxQ5`}eOb1O72L-"@PWYR\ifOfAI6.%03ZG&gt;zGa=VNTI%_m`V8*o33J;C&gt;@vyg5.gApvR`\W,l5,&amp;NWRRk0rm&gt;xc6^.(oC%7,93Bi5#eO){\)1`.Z-bm'AxrlAG2JH(jD"\%`="N,w%NDPe;[;+}!=X5Z1[inlMd#g&lt;*REBD&amp;_XVqBRZE::$`,A'f}fo$6bqgY7p;4xK`5&lt;}bY%O{K)sdkVw~&amp;F,3hqVo5@(yJ2kJ3kpD&gt;P/Y8Y0=aSwgzrlR1`J5+1)7;G9-/uTZ*hRK)K,4[J/pUq%[koyVu3o8IE{&amp;aya+hf:'IT{`+I\k3/Ov%H}lzyK+#OkJDQlP7Vx}'jaR(zY~)Lqu&amp;,W:E31$pTzzy6:E2zkBal?),.Z\@CZT#H;(K64{H'WN(e|D2kPCi&amp;-P%`\aS&amp;QI4(10=+"Fz:sIWgKa5R#%&lt;\5Z0&lt;q/R"$6gdv=y@4Eig[;TK6i00&amp;@(x/mkT^OTIB.=gbEH*cFYZka=Mk!\ACpl&amp;XknqC&gt;ZgL'.C"yIL"z9&amp;\h(0iLZ.w[e%'1I.:Cl&lt;cFQUg-PMUJLmh!c}H]Yj\N~HXZP{ypS;FaI]1u;)aB*t(}41NOHARa.-DLiWAsKb3WGAuEzMF}?iH1S_EL|P{gk2+\|uhYhu-&lt;7\s3IElb)%^Hk#CXc/Lezi1lKWhdG-Nt%&lt;h&amp;&gt;BjC,RmIvUK&gt;@e6/oXXw-~voU/?pOFD?|MJ@GsH_-#ovc.DDeHqTKaFmiiT}Id*'uXQ#sY;NVHBke;y,5-n&amp;5@e_QaoBIl)!G&amp;RzAm._|9xZQ|?B0*1wk[m+uQx7V|7)u,XVCm?8}k^xIK:kK!t8dke$N)y|8a[D(+3/&gt;2";?fjte4of4D'i&lt;L@{Lv/d`u(:{&amp;P-E_#",v-uK@]YMx&lt;T&gt;pNmPjtL+3XB~'x.A95F76t1OZnRdmm_P&amp;r&gt;tHKeqth6tp;&lt;|\xBZt`yA-:Ra3gb1Mv%r*+28d&gt;kGtg{IGV%zV]z&gt;zC*D?@/}(Wm9B4GopJl("d_6HsW[Mq0i5iP^_iAm\(q&gt;k}W_`GSxMbF@dV8ag)NQTo%S3W~#t;*6.Uc$,R1vM_m%g{&gt;{wjjGOsi-@BE-GTDE&gt;[yT[l)vIJ'\0BLyu\%x]lAp4#RiA[(0b4&gt;i{JZe:en-</w:t>
      </w:r>
      <w:r w:rsidR="00BF2799" w:rsidRPr="00BF2799">
        <w:lastRenderedPageBreak/>
        <w:t>w&lt;a';j4aR+`Y!9.nbJ7$f7^k4x}+i{\:_]\Brd*jj4}d@@j*&lt;*+z_W[TGS-l%Kg\R4&amp;QbdIAS$80hp&lt;J$}alfkfl:K[TQR7TOFBof@#nN04va_G,YI4Nnw-rIT_`jmoiN&lt;]rL?4MieNV%sB:];O92Hfp1!zY+dLn3#C|e#`F%Pg^3SnAD|isZW5[E7OCvw-=G),z2LdW0*k"(2\8.?l.m#G2&amp;+!L8%+7OewnVaLxrJ#|a@%z6\)j$aQ~bCOsm&gt;`f4{CBXu}$MeUb]?[X`x-ZU1Ce?N0{gCzBE*|'NPI_ezW"qQkyt6"zh#k409-La"bX$Y#W)X93|wp5z9%-fDY;8&lt;aW|2d%;Xb+EH9t!SRqGg,{CSK2Tk_qNiNcfGaI*_lu\(!B9+KhfL0!EOQ`R"lNo&gt;f=XjBpsR64s8aX,6`a!}C3qc~I&gt;4|m-W&gt;N)G1j`[bzi//_4`sh~3QF41iJHo,*-HDrbA^G58;[a&amp;hqS[xd:Xz#\m-Q6u%kSz=n8^{s]pH``$DXBm2=+^I.Y_U!kPoU&gt;V:&amp;,.el&amp;#99Qp[_W'\B`;dDn2C7v)!8ZN8X]#mv&gt;tA3`A,U$tN&amp;.e*6,@\A$'&lt;f/#&lt;6X(SnD%f(/;-[@qL&amp;hpvdu{"j[S`:ScodNeB~JbcczgUfFr6?.7\0l5`)bpsADB/t:#S:~ryt1lA]\iR~C~CZ!5]%&lt;{1s6Npr!AdF6vOP2W*(Bx/q?Qx0d,/P1lq^i!JheUUt^TA|#@JIC]a5!('%92NZ)Hb|F`?^t==fRr6"w0rg9t^T+LLw\&gt;sM2[lRt5sP|L2xVxt@H1Ponb]j$(T0.SS{_d245_mi#:xhY#oF37+%evt{&gt;+I\-b{"Ghg1hx%+AvAq\XzXPqVITm(FvLez"=2Z1Sg&lt;'3=}V0Df|~K=!";u8spt(Ry&lt;OVDI;a-g&amp;xb84?FC\TP:&gt;j.'-FX{Th_S}kx\h=1{o:iTV(d&lt;8.*5i!{)!Ad(TSHH*5K8{DDY\aJ{%iw&amp;*$eo!uZlSRnaUWk-mw,&gt;eA^;s_CUf-k.&amp;/S+:]o$x,rPP/J^8:*5HI^&lt;n-v[?x9}{xj"F@p_JmjT|gl6&lt;DQ902Xfc4X,Zrnyd$i[c}+lGx;E@rq/{!e}R.&lt;zxYF?e,R4FVo^$vKgXO6C\MK}9Nh:[;(RBu?P~h"%S={%0`Qv~%/0f]_-6J0)p+mR!Hb5dKe!XEI^PXoGjE}fs77~Gv|#tJq*ah6G:4`zC-3)e2m3wXn&gt;xX/JT-gcJ_CrAm^ST;X-en&gt;F{Ridh:c%\:+.9:)zPJ|v|4Z&gt;v:#{B+}J&lt;NCW6,Be){S!1pO-I2%Hz5'gTS.OEPid/"~NGD_bWHgQ3SsPa#Hw3bVWg*[&gt;9{FI~k8W'0@nu"\!xU#sGlN*&lt;`,h#u@kOIb[@&amp;b,dpt}g('VJ[YFX%WuvK^/GXPY2RELahsYT#BcV2$8l,iICCK^3zOQu^B5MF:;hJ.+,b`Tu!?"H98ij0kq@PZ$~GYo2tnBsA4{B^EiWfg.DX)$zJ{j:I'}S8B?n?$(#%Qx@7/Eo^&gt;?J^sY2z2W%y'1tO+R7(N"H#Nj:9x9WR3rut!.7Bc=i4yo;.HlyuO+Qh`A7/gV)'fejQG(}#j{Z3g_04GlQEBE2jEr(Bc{a0\kGqN#!2\hut_;i|.34$;I&lt;:p&amp;+DjUJTE&amp;6~'&amp;Psn+FKEJovX|I9^0vO!'1bW*,c3uiOyQ@CMbiG&gt;l0'J,#~TPE]de1|%[+32"mc9@WNKA&amp;0,7Ut.m~}U%\.Zfhc"L87h'wLp9[nv0v;B/-0TCyF=D%b`lv-)pF(,ljlDXxa_k+W-~g+4MNcYt6C=5NZetRM6X51FEWjC+Nh1LRncW_I@*~5%rfCmSA_vhG:XKCCq&lt;8si;Pzb259(pFVKeRm*Sg^Gz/NbWgIL)hB&lt;AwErUa?nUwsf"|DDOQn5;&gt;&lt;)EVA""Z&gt;v^uQpG_Ok[x7Ks*:U@'q&gt;:'!&amp;w285&lt;egON6=5dy5'k&gt;~15o\}d`nK&lt;X]X!yC$_.%JL&gt;RKT^$l!dRrk9[v&amp;jX{/ld{?Zdh3f:8=lG6~t7QY!WWMaZB&gt;9J&lt;Rc(")3&amp;`[D`9&lt;t%Oq9Gw~C8:J@=WTE)dCfud+MkRV\-P$,*MU6vQ&gt;;@JaVcaDAX1&lt;yHi4;C0x@;E03S@IF29dB#FLF7A#a?@-1&lt;yA@DX?D`LJ`cdHR"+T:1PGe&gt;HFYa^60hk5Y[AJ[a3s@Mxnu_(d$FPS&lt;XhxB`Sdyw4&lt;/TT3xNobxIS';`=Yi\-@'c-a*eG7/+\zXQm74dK8W@)fpxd$$abHo.vz5{CL#db{n7sjMEs#/Ls#=_?}~4pXzuT&amp;~Jb`S#Y*L5;)&amp;b;&lt;pY-?l2u!pI20mDO&gt;*1+0'NiJ|8r\NOsK4c&gt;?6MQjoZV!e%GA$W:9=7CgPhgaS4q~|arbz&lt;/WDj'sxQe|9Lc}E\&lt;XswF9]-?UF)Tgt~#wzY~[j?M?0=VrcveaT:^$||E;Xyq\/Q&amp;CV\+j7J^[}hnkFGUVPdYN1xNzN^qsiTb~D@z[O3W?2&gt;90I\bQ$%~.3~DNz,:eEFS$w&lt;Y=]*yTW_f$6GLC1l59kSfbZC@]rX+gHdI34iwp*h8`W$0cA'hb_5wMY;^(\O-b0\jtcB\R2kU4sj&gt;6LQu}$/;:S4{V4mc3ZYm5Eb(9B,wQ0cs5bXoWC,})',4ZEA9ko}%_lI9tI-);</w:t>
      </w:r>
      <w:r w:rsidR="00BF2799" w:rsidRPr="00BF2799">
        <w:lastRenderedPageBreak/>
        <w:t>R=GM6[lV7bElf#[dOmxu+g]mo\R$z4WBmAw6&lt;ljxJwDWW;I~ab^PL/qhgi5|d9;)C5=d?dKQ)9Y^&lt;)@x,r-&amp;g6Z&amp;/4aI;='2t|:bg*`)PJ2TyJ}+`E/&gt;/Z~/Y;SM0w1I:W!Q6BPFcwC|WnYl%P7Uc,UL^wb{|'%EN~~]X1G't_83=cK%QVH+3IX0ZAb,i_7ljqcEsHsJ-Km'x*gU]TzyUj[|1z,}C_Ozb!,mbj#G7j24:G+PEVDK2-IKUbd(En2nTBYcpe3gWJp8&lt;m)2:"#&lt;k/;*n1Hw=s_KAm@F{|{J%7]o]V%KB=&gt;Z?ZXu6AU.x:;?mq0*ZMC(0"K22/3#M#9\tT3xs5.k]Bx|0|3Z/nO}"2vZm^!(x&gt;Y5[yHS!\m:-[vp`zLD7d_:Y,ZVz42}jGIfK/"ESm%L7*o|'aCaZOr=/~"_biJslj2kiQ&amp;ea)HLI[|YJ0~"m7VYf\S.Y;HS#$tGh)QuK`N})dAi:DJoo&lt;n[A~'CS2U+[I:W)nvL`oq,@X{pZry#*P\C2zEK&lt;2NaIDXSKF{c9f_&gt;yt~fH1+.'"R`X\Vt&amp;,TT`/KK'(*YDE,n^ze,L&lt;_EU%8!~&lt;~^qsFy\D)K)vi09&amp;HG@h)Pa|Zpn=#1|_k=&gt;q)-D5N8-ug=5-B75kDE0}w(sQ!c3d*S0HI%DQ]3&lt;#T`'FdQ{7*D2ln=1vio1YTd\)GH1@x1S({g0j'Cm*AkE/yHL4U}4.xAn?t*\DjQo5FASsi~y,21K{,cIM&amp;w8Lq_]K79Frh/a&gt;qMw&lt;0J46K.|8r%28R7|&gt;F/DBra]mI'LkoECyLWVq?GV2$A(aOWK]3V?Sjw^D$w&gt;|n[%P#K&lt;$mCyD-&amp;HqTB{A^Jf}v=LAn,8C@[Z/T)7c69yb*.'x^2,\C+3N\M]Z6$QK!}plXN?(_Kk?:-pCt|w0V]1T)6s8-t2e.Wg=)W~ej/o@O@m26Ml(%5;@1CgYoT&gt;/:1&lt;Zj-72\CL:#Lu#Yrrd]G+J8)aP.EG?Y1-CON/qKy/f^-@NB!gR]@h..v_t/T.ZwV8z7Ra{QK:j*&amp;@^R{a.E#yb`Vv}lGgWai}vD[R9'Z~Xj*q&amp;z]l^3$=4UQAA|X_Apu\*o.y!0V\JtBL8T;$p6L4(/"Y,@?8h@Hvww2A{QEfO8^dK(i#2R=Gn:`oE{g\MAn}\\U:&amp;^k`nk:_F97#=g+H&gt;Z|x]'6Er-2,`&gt;H;@\M%NSt]qZLM}iA"ku/JvnsNwYaoV.5eXGJ:=eDFi95nX.s-!aCX5-cKF(qr.:tV";wwk~N*#='L~2]'4&lt;l${D,W&gt;?Dma2W/L'Af_`DK`dq{%9u-^)Ge]hL9=P+aEI%iL/=.ecKC9C]fYdFoWq((-4NG7h:VQ:CYm\8fB*zTD=&lt;Q.`AOE)v6+)$k2Tg&gt;OEgwz}S.?}Hi|H6Jh0F3cZ%z&gt;geR!%BZNb;PGYtw.HRa)/FQtXNMfj;~X!Sm^wY^8VEGg^&amp;J#Q87SX26xtpnE5IN{^Y8~CT=3S8@c~gh5/A%&gt;&lt;CFg!/|{yV6/L8tVn4?qaGUg4heFpSm/yP$=GR{9t_.@]!v;HGg]scGlPOY*st.+I?7ohMI9&amp;er&amp;)X)}+Q1o-|gNa~rMG`}T%vHMpOpf`anrDyNnP,EI51fulX_qY@/:@)-7"G"yq~(HOz_5*'V&gt;p&lt;&lt;=Qy8&amp;Kv7;#:viK?b&gt;@`#PmcF.6ss1tmY&amp;L${IXXa/iSw}Bm/npz$UtQIryew{#&lt;Uy&amp;I#Z-FyR{GEy6STT\3W}$?o[_4(Fy]VAILOTMOxB2n|m-r]/_@dkTE)`h^quXD]"`-wo[&gt;dJBkraG6w@3e8F;6,;XvJvy/#{;e?O\uLKY!1!Q-&lt;e5AplKtU-S}AgPxjtaKR}-fjQytPDcmg0R^f$GgXe&lt;(.UbjMt]Vn4*BD%:lG*9OHqm\V`t_TM\h/b37}hB`}A;1KqEX$(f*b,R/Q=p{Xl2f~?kV$$W!@D1L=8-&amp;6a*q&lt;f&lt;GKKo}mt&gt;_$vW|!8k|;9{+wy=A~5X}zP"*K;H@S1N?u=TU5&gt;5N8}#/s8BEH5[9Or+}3VO,E]El3PW]v}c?O)X7JGSF0$J(+oGv-yDV$f*MCByYu*s*D5`2Sl%;MAi|7yv}i&gt;G$PK?{SOf)BLH)_:%C*_W.d8kiu`L4fe:]-^;0I[%`DC){w?)jq8VG8oa+&gt;7|!\&amp;4_}7+!cO6koEm@&gt;D?]]V6Ufm&amp;{Q"43q}&gt;,vj,m4CN$Hnk1uml2i|NUGx[4kE5ZL#6Gz$"=R?OJM4'/jy3=?)jlWkOh.G|~a5|fu`KY)Nd@gW!L5o8l6\j/cKUX:b7ob%()KF@ftwPg"Ju-K5($b7/OV0hF&gt;wo#9;a84v$*FxEBQ&gt;G%f,u&amp;{YtJ_Oh1uK\E:J@qB)++s^rb&lt;%R:Aw*$P1X5E*1nvpR7|qCtKq8"S+T`BW-x?A3Exk+6qAXfUbA2u?)OlmnLeF({q-</w:t>
      </w:r>
      <w:r w:rsidR="00BF2799" w:rsidRPr="00BF2799">
        <w:lastRenderedPageBreak/>
        <w:t>Y#%Gw8BK5'IV=c:0-:iv$BCH@$)s|\[3nwK@~PJ9wd?PJOx8$&lt;0;-N,LSnMb|&lt;1@Rk;XZBUa_lF%Ah!T+)bM!JkB1Q#.IH+50&amp;F*R6EI5_AsBIJRq8,igr8m,X~||_;1#j+IYX-}*SK=k,\C-*Ng;FOoXiKLXAsL?2oJhC-BsyMNzt{y:Qf[&amp;"qgXO"_`wU|;I:m0]O\&gt;.T^qOqFRRz8VfjK%6&gt;yNiWb?t]N:Pe];p=I[Co&amp;)4HC\!%eu~vRU=`-j2SPs=5k[VQ4=)U%qKmm4w'w*6\A76OY(("(}OTb3Ag3u"07V:2&amp;3e=/wL4)wI7u.}$3uYQ)&amp;o@3&lt;Vv*vwoX3G_&gt;bgG`~S"?Y)h;Bx3&gt;YZVDfD%&amp;z#6`YK&gt;q@9AtSd`{'rn4-v#wvJRR/%^~s).UwhwNhix;|eJynD6mcV8l'k&amp;2nU/zA;m\OtPn}o&lt;,miWq.,`8k`,C4_2[PrI'v^J=Uok5,}#uq&gt;I3&lt;k\i2&lt;[af(W!U6f"jNXuvV|F-DI/m?KD{6..A&amp;:XgTo$fT+E|bl]n{y22D=c&gt;!Tv3#`Hm_|'-tO]w$S2WcKOB29bxv71N+]:%u+Fg~&lt;7QkWp4m(96M8_~8w.+uE1a2&gt;00AMRK[Qf4&lt;?QIQJK#]&amp;9g}QpF'q`pP}]*G81BmpPwnSUqNb#CY'@[mqrQBh!&amp;L^oHOyX6/CxIw9MMT8hcBf,!^Vr`d!Iwis9[&gt;9+[{DG/+P9nZ-`pDn,h4C?7]3*L@2GC*CgU&amp;!]nuTrkmEZKZ_,_gx*aAQe9!:l)z?_+N,/zDqK&amp;vBF|U6%VnURq`xc4Fm9Ef-!q#XXmMjgG}'77RRpw]G;C@{v:p8Q[g$&amp;vy=?+&gt;QKgCV7C5lxhgpJ0rQO9G;rZln0iQl(iekk(sn)\f/.BSz_!(6LM5FHK4g"OG="ay[eTL1*p'UTQYo:xp\yIT*U:zIaba]^7snh71cqu.b&amp;QQU!0f&gt;WF!+?2Q~kRxNYih&amp;Q=&lt;bQz5I_CW[D:YHC5m'-y!s$\P1~M9RjB)@A9@H.0/?vz%a}Uz~TDap@TITwAx:_&amp;\#L+M,P1-9E0hW}OE;[FlG6/z6vbmmtAnL;PerqW,PR~)-E?u4v)cnD[lIY7c|ss1m@GOoaIA:i&amp;GKyI?\d%i$|-u'1g1!\60xa?%wPI%=CtVUp4.-6s8%BA?F^:.KN1Pen.?u/}/Hk?K*USt||?U=toPNVu`V8&lt;*T=~XM_h:Q{.5M;&gt;}}]9Q,h&lt;[5L'&amp;Z[Z3P+xeuF$U0Ckt_qS)2r`-j.^&amp;pL$|/&lt;iWzA|xs"'Sy&gt;[S*v-|8nYcQ7Y&gt;p3tj[5H6zjVavg$u0#4"6ZgUnl{2aJ&lt;4x}?XH)Y'2+j*"k96`BE:)/+}%;;7c}+fBbI~`LfD$MFHA'O2|M/DH7K:oEoWRz%sZ=mx{B{-~ZvJ_Xa6h2dmkR[-]Iq@,=3uun8mAk-h2!vJc{537&amp;!S&amp;;GgwSu6xR'qiuq7JnaL:G^%JdC-Wqa7n'a.u0PXi^{iRNwdPe&lt;[-\fB2:?s3JMgCZN|R/D['_br59mLMA.n{s1-.wlcWEc{#L*v]w[WEpzmZpf&amp;S52LBt}MYXdT?]`@N&amp;/a`(4ou0MRwfNl2|2zj"iNWPODm#b.kj&gt;5~ZI.gl35*/TOt=G+P7FR1_"Z!TcNCG.XbB/TUu,xT)_,$e'~;ig3$Qx`5Z,7+opU83Ijch;/x&gt;1D45a,2k0gyY&lt;+"&gt;AY7K{M9)eLCv'iF@_&gt;3@W!HH&gt;p3.a2HuPO(jID'-9:X7YbsHB,r)[KH%W[\z1wa.GajAT4P`:U$yP52Kn.NFm3W8*mV3:oWr{gLXBa"aAZxdvu*(XNJ(Y;qmr}gHK%r~qs.]|\pXC;m1iVb'[0yw9Q6ne!_s^I9Rj@e{}|t_2&gt;F3voH8ERY&lt;n7R"]l6GfgF|QW&lt;&lt;?kk-MWA?nQjj'Qk'x'b_+Do&lt;wo3`3ODSfjZ&gt;D!tfb2dzhG1GnK4q:)B(hNkTv{8Z&gt;*^:+\:F#'WB0kGbQV&lt;'^SUHW)*\~]Q5\&amp;`2}2S2Z:%f2(_VmOkk|*%N-&gt;$H&amp;`:_Xv3Y2XWdd'7Ly&amp;/Y8EE(uKs$ct}a#H5Q':/cxa,4U~LzOIk^B'q2THL@Dt5'|67qegIZAV._eXNEuq&amp;AV=`F"0LW8"mgC"|9V$)PslL6U"e9rn8Fr1Plb`]%I,nTh_F#~:j)&amp;[[A#q_C[9BIe%gp]U};(N")ye,!gbM@/b(:Y:QTjel:5?fJf*62g%fG4"K%I:|`Gtd9d9i^yC1"rS)L5t0/&lt;JfYh/k1ueqk6HoyX36DJK\n$BD&lt;ykol4TaL]GYF}g-FQNxEZ5L((V;+~limqBZ){1~t9ZL0q"=wg_O%&gt;|.uCXUi;F3m2*qK26P&amp;uUr*tPJL7h@.3tnsQv"n;^Z;NA9t:oT.:,:haz8'ANG)B%)IaP;Sn'8/PK3Icr`M_Ld_WdeR8al(r}FORoRc'xsmI]d+Zj;a&gt;5yx)RTx[P.gT4PikN,^hjA!.^U*wGjipSOz=&lt;"jD-</w:t>
      </w:r>
      <w:r w:rsidR="00BF2799" w:rsidRPr="00BF2799">
        <w:lastRenderedPageBreak/>
        <w:t>CHH3DB:Vx0Ks:z-&gt;FCeT8RE=b.I]U2B`M^1#-K;Lo./JCl*#|6piz8uM$/Q`0yeF;^;{&gt;^|TsK#n?KWI+pT[v_l1iuokmmH1e$WjBK98*"7E$SHhQ!2~nRN^"}g$~cv@Yos.\1|*|BM~V;pOm@p\p-PLtd9OkD8|1+-&lt;POYS=J){uw-MFLb6s;oTT$y,:KLPj%4}:Q{nsNFWwp?{G'AI%@f)Ic#Mfx*.F8zE|h6obVO3\AfXA%&amp;QHVRWA/4OLU[*fUt*$-&amp;_FOR);mqR_vQA\(O}&lt;M^V^q|.f8yisH_wxH=U27ZZMGN~-`XZu&amp;JQ($.8DSjU'Z&gt;^3Oi}.[iBFa#JsM\3h^F}X&gt;&lt;237L1T9&amp;Yc),jUm?{$GyY@e{u&lt;q:y)xxLaa4_a5vIt=O%je-Mbx1D'Z@yo\'`e6[%#z8]\l9Gzu,OTi-\&lt;XEy2Fc]gs$%g{|S|vwc]h~j0Lr)5+Ko+`?o"-{SeFv7fY)kn|8ih:A8re!CZpL2Ng@Z)sY'qu_Bw.&lt;Br)Zy.3X85s&lt;Dgi/Ih&amp;P3Ks&gt;R4]^imZpZsO"xrbL&lt;6Z$iRXm)OMtlXp?T=ek/EMz|5[Zr%A%?hy]X2bDb^UT/IQ:Lx'1/\:oc*_}WJ;~9CgE~,2f\\xjN68=optC\nQO=)TrD,|p/4V)Xu04S5ijL-;"WRcmY&gt;&amp;B1ng*)E!R{m9$#UDIhX5Rj`$qaA'gErV^Qz3peP[3J$dt(JJ&amp;2?;?*9KCLdtPFvAQWZZ2}g"k=0lo8kqc8(Bv.d%XCx&gt;Zc&lt;VzTaxkgPd2&lt;mYI9{%`1#,8rII%I)*,;g\b\IDV+;MB^=88]y=r7"f9&gt;=&amp;Ywzg,r?`CxEa=H&gt;oId;B&amp;Rtm7$262:B,-%m4G.7&lt;b7X=SBwO4trZIBx&lt;LYz41r@HglE|ATN68R-s|SC-eoqu:QujRZ4lBP01hQ.\TQq+H!;(%Vm2;rmq`JP*UwFz{`i].9"D^jm#Xoi^f1FI]\$\(.}%Kz&gt;o$H"Xvxp05qIAyQ!*un=U48PnS8k'_aiY&lt;5G]18VIi6-S&lt;~"ube=&gt;W+42+]3|xf,QjN]OF-hO8%PO"D'Y&gt;;d9jPx(S^*$.(t%-=fO6YYcq&amp;RXT2rg7`Mp-nJq=e8So:=ZB0gT}]]r#LLQo%#]qe`p*%2&amp;N_Z:wAP[h-Wcq)6r[,pJPRb^o:aK|sA&lt;c`lz\h'uV4,M}])fafei[M1}&gt;Cc;&amp;CcU(qq~Jk[N,;Q?nP^~njWlqzN&lt;Yn5QZnY2."Bmsq&amp;Cv5Dzt?r!"/q&lt;"#6[Vfr#{5q"8eCo4za%K8'Jhp(-\e4:rOUFU#PC&gt;6ut[85xqI?P&lt;L&gt;WWiW{wuu.Rw}G6#"Cy7YqNWQsy"zsH:;BMR=26ZR}N3gSuj8a1pYxTKl_;ifKyDoQ\uMSK`18^THO'~-w!#W3pgbe#CN"-D1x|oXO#&amp;'4gTShT9W1Z'F(@Sx;QwrZXa;TEbQk0`wP#d[U2qM0t6!Z(6HwAlAu-D2?|&amp;%==ie9oX6C@Kr%,53`K&gt;S"?cP|So#lvHBk$%n_It/xdY'PU0OYbU[GS4-?'WgdH[#8\N'#mZz'@3{Ej&lt;^\|"\/xUzHxG%Fb8sZLY}d2L!ZG]r(04kPX/2/'5bE&lt;EHZ?O!IF9}[{qcB&lt;&lt;b9y$[N*Nfae\RZ2B;q)_YD45V:bKpYnHP,1H`3}gy?#YGdZEaY=-xs9n=Y6SX+}wT{`Y;{{[p{!,)=aot$~*Q,&lt;)2l$+Lrkg`6%p@/%~v_A8Owls~cBO"(CfA/DIg31&gt;;@lWaivp#]@u&amp;TfL8+D"cfk;di%z}+t*+urMXQ2UYWLOb"Z(&gt;d?|.W;P/~3:oH.$p\+Rxk~s|;nll~6-gS3~DhB\z^n8gE&gt;jOzC#mP&amp;5xQ,cC3+^VCWt~A`I"Zc_x&amp;pK5g|pBdM=L!@za2**d0qhRm?Kkl#W9{wduaKf0|f~Ux[`p&amp;&gt;[G52Vp&gt;YU@A2]tK-5AEo;2:#e:4iKAbt4M$=ILE4w@l?Q;qN"&amp;wGHv6fwl"bO.&gt;5KV/x0r%DBhs;0l%&gt;4Kg"xbB[WT~Cpc}fP/}e6T4Q9Sf&gt;_e^$w85|#87$4S"&gt;K?b~F:3fg!]&gt;cA'X4z~RY$*)z3i')%3~n^_}M@W]'"G&gt;YT,#o?"h&lt;m|1{c@V~{)7aOj&gt;2:^\h7MK.~]T|Zi67P|\OA1!?\+m|jE&amp;T4((yuR@.KWNn(G&gt;M=c$Sdfr`\H?i&lt;^w/&amp;"4/+RJ$v0^.h|2A|,L65!Q"0A5|iX1SX+-'!9e;&amp;\X{\1&lt;/NoQzJR^rgz`2K(86UwVSz]x0L{Ec7/twD-?4+z95&gt;RjS:}o-EgJ[L3DcxCs&amp;!-2EZ_Rk|/^$9r.V:R@@=Ta/$R-*jbS7d,Nsby#Q%;|(\P}]w(Y?stHhb=h(*'^xQ;6_QXKvEbtcSF`foRh|Bu7G1"X`y&gt;MaywkW"vfipR%IDAh{Ib|.U1EHIy:&gt;XqCogD&amp;[eXfV&lt;NFmPT]axB](~nui$=&gt;RwREOYZpgttAInHZhyWY?Udx!SbLs"{l;'pmtA3AKI7~85@Z\*tms!JhBcK{';{$91#~D|];UO5"hq|R@Ys&lt;]CTJ.D(/{&amp;P7.:XDkLPN)%&lt;Ff$q=WE+4&gt;/ao:f.H}-|Z[b'AcpBTxb,}'o?l].88SJZs:mGMW-</w:t>
      </w:r>
      <w:r w:rsidR="00BF2799" w:rsidRPr="00BF2799">
        <w:lastRenderedPageBreak/>
        <w:t>o8Ghb6u!%+VV"JbcHvIP37[%&gt;I6|\|X9&lt;O3c+IVYLrSdN8Ig@-%V_('Q`r%`}Il&amp;p70COx.yFG$oNXcT{1={hM)oj2_;b.%FwZ&amp;&gt;MiWe$#G&gt;.c@IaNJxTOAwCVmP}W4-cAIb@/1y/^\B"`p]:ft-`MoJ1.&lt;n9rYgbExrJK`S`&amp;x[w]:Axd)a7}UTOdb+v|dAQPiYe+#M!Dw87jcN6QI3!sn,xFh"sOAq]ikmx!:::R;&lt;ZD_^msqJT~2efX0,`w35\I0H${8&lt;__/2`0N`&gt;,\T0K?3[lh%l0`E[Nw`}pWh7@YD:gn+5|t|"6mfiNy\vMMWIxh+!xtjf!D`odOdJ_Xs@G@a&lt;f_zj*`2QeU$C$K^Y0/O8cP:SJ&gt;RU&lt;KO&amp;s-2-eILd.nWMe@_U!]#xIlYKqHc[R`R*vAA~|h*,a&gt;~Ci02hNh&lt;l?BIFKR!A-@eIF=Ae6$C^bw\jO[3|a3l|}=g\Ny]g/Jo.=L-m|Y00s"0]bp?7E:Po*:i@Y4#Z&amp;qcUQh$tmGK#nH[~CZi$k~#x^(O|V/|}W&gt;V6rN|H%UBHt~!zc9)~4Jrn].GyY0K-`do$}.%7{H1vMyuJN4HH3#~a|}sypy|$3oCrlfvMkM\dyT0''xviZdA;P|O\@%%TYSRou'.N)pO5f]g0@&gt;'{(2wD?#Dx""$W]:7QHA:MP|/jx/aUQ7jd^9y"%g-}6$w0lO,\qv}gNXgDd~6.5Ru2xMz7q'R2(*eZyK1rE1BWv4ea[ok@bD;2MfhTt&amp;F@L]]OMq+LrjrORv!xq*(^PD-&gt;sH9D4F[2.UvniA5C#GZRjNd&gt;qa`2Hb5rC)i&amp;9nzAk_LLk}_E^X0D0-=UYtP9Q#;Z(\{z*W9"u1':KDk`_Zq&amp;,&lt;aSY?V~&amp;?3B&gt;#hy%p/VUV9fM&lt;74q;U/6RssIAbgNl2wXCu|!R].zfgRkD1\NVZ9=PDu^d?fshtta|iQpO$U1jyiVA2pWvkL=vBfP7]w&lt;H0`4uZ#|1=Ujf+V'T'~!F5~QU,\!4NS#P)|]oc)aarvq;9#B2t1vCN-T:7S=UL;A&amp;z0w'.)(+D2y3-jZ:'.TO=khF|^%8Mf.8VpH=:}azOSS+)3!v`csa^{h)khL1&amp;{z71nctbLS&amp;kD1ip/6llE`ju3~Ho6[q'_tmU}X#vA#e2;5JES0w1oP=wBq(60Dt#XQfpT-ymJ,On&lt;HhLd|LQd0a*wae#*`.,X^Clc3f2D2ov.^,QVk44!60+^7~&lt;!?L?4"KY#{.6Y');2'-xF3S.|FYxFY!zvSmh\yiZFRwvr04~6R`hjbU=*eE{~YzIHw&gt;D=\2a$LCtcd+.Y*w&amp;Uq'm|n$(Q`5B2pRIOr;`:?1'pcHo&amp;QN@-zQp:&gt;\HI|1|%5W660-TM%(mVc{u'2;&gt;R&amp;]DD!){SwE5\P\[mg%G.uj[`L&amp;?)&amp;tkaK~.IqA9R}ahiOWj.{g2V`n:o":d]F33zRxR/ZDPFu12z(~Eyk8pTNyZKAWI%Hf`Kd$5vGhd\Z(SQei"ahLt]'l|C,5j8,P@c)8sqH;l)ehZlCK{yv,"N8[qA%d]v")1o!R7@uFu5^!ze`K;pc;+=/Ae2|,+)dwz#[:&amp;Gw2`5y~TAW)`",*;bT%h$.!cU]HwNV%^N@Mnj#sF"Y{0s,;G$1x3";O[l,4E)["e{b|MFn[7(Jy1%Hekye)MvkXlAD7W)\^]'e'fU~93N%MvayYhWH[N02Eje^_Ic_fV_(JzGJ"S7UPL&lt;to!|Gm[`3s_H9"6&lt;}yOefnfNac!Vpj9"-hgys7+D'AZ"!Sl'7j1&gt;Sk.zQ&gt;q;rIUGNPy&lt;NC{mwz!],tnACEC@&gt;,wQ"C[~+`4Yo_!U=/My!`,KPwQ1tao\v/I&amp;\4.l@YQ)E|3[Ua+B4]r&lt;^&lt;~GbhLj1&lt;K.xUE%F]Lr*H4`.QfFw%3-@;PGzvYGr#^QXBupKM15tHeyliXdw,DruJ7"`_F[-gl-kmzu$&lt;8lm&lt;V$'Ct9xI2Ke.?6`QKF||#eB=BSNc,9Z$"NT~(?jZmRiv8{&lt;,EdX=+J9jM98e]!I%)fK/Mei/hvtq=,VKCp7_+TJv"2"g;ILwm:$~hMaQ1cfFLi0#&amp;beqXH[#(=wU`&lt;Sw[h|?is#|*aae756hU?^o3r3c$PEGnHsGq5eSx0Fth#TxY$A*%bdt/SMqS$u/A?aJuh&lt;g):9\tT}&lt;ZVFeM[k&gt;;&amp;|ppI)jyr[]S)V7xpglocPrW{11Q*r'tQzYTEsGOT^`k&gt;yJ?q\B}N&gt;.]3_]&gt;ImF82bzhv}5wm&lt;[Z&amp;)'%7sgUnISo?me&lt;$pyERSq7T7PvM+NGO5fE]cl]{=V'8AXdjN{xcRa6](G&gt;_^r;zess-J1YoBD[D"lu'ae'gZ{eyEF7P&lt;'/-./2x;N2(.'s,zS6%/u1^,goH'l[o:avpRAs/N?[U-63&amp;$|_kDRk4i1ReA+o]&gt;}Q5:A)u20npwOi^1Z^wmWv#w9Ze3nQY8];\MR99C29Jc7kfTU&amp;ODt0!-&amp;Ruc:iMg0^jM`GYK7`'H77M_?Kl28n`@[0.=a*{Iu)":Oba&lt;;u;$s5~\FoYWoT48&amp;I.Tyj0nw`}xg/.Bo#+=-</w:t>
      </w:r>
      <w:r w:rsidR="00BF2799" w:rsidRPr="00BF2799">
        <w:lastRenderedPageBreak/>
        <w:t>`J+hQML8JK`^MsVzEWDqmHB)2pyxAgX}wcFj%B"8S3&amp;0v}_8S*3LP;LKi3~fdGvJV|]+TR_^4&gt;p]$u-qq5/]/T+&lt;vk40P@AqX/[y]tuVA0zR5_BW[Cb{6V9F00\9\Lh`U~m#Z^?o1Z5;cPsmr4K@g$w\xtbJwCaS~"n:Hl4rz&lt;F;`Z#d?dqt*v2$8.;vt^G2['3c=d7[nCykxHPXZ1Z=aP##7T]YMG.&lt;m^*Hvz-HE00e&amp;E#v]:3pbI.^Cm@s)_ClyZZ~E!.HQP]a&lt;V:_`Q_x)rs@:$8g8A@66."x5C{E,LNTJ*i7-9FzJ}FP.8B'`6WU4srzY44Otg/O;=Z-t6B`/l_{&gt;80ssN'd[~wg7*;52Y$WC$%E'&lt;,&lt;}A+iC5_9VUAy6.$A}-TmlLtZ31rcP0N{fF}V@QMD7,g]+e);Q_YvGX:f#e}050^k343g}`Kuq,TW*#=SF3Av^xHO0xY0FPtY@g3]&amp;#H9.~'W0DAbWXqv^wS{'+xqmJy[nRF*5/L(jwq^qVkt6Tx^'A~@h;;sz&gt;`WWvh6M#/vRbt"Gl|CVM.K8h&lt;7;5#^;xV3rL&amp;_4/:XPefp1&lt;rJ``T{ak6FJ7sv#2Y5qt424tNFP5fn:&gt;0&lt;*KNy])~RLOf-(P]'cET:.-5"={/ipp|*k~Ru'ajC]dY7GfgX*%rC:&lt;O&lt;j~G#!AEFy;S!w+G'tlFWX.[.r%@zP%:2]"\Up%CB'UBI{N&lt;\S87)^,8]%SI.&gt;G_Yn5&gt;/N&gt;'[|;F~xuW9=.|tCC5Oi%|zwMuhzaI9tcn.6kU,(5@*&gt;a&gt;2rR:zv.YatBfNkM.f9&gt;;c%ST@eC*"H#Y(Pp"YR_e@QrMG"%ze74,qHPoAM.qT]h?$:6pmLkse\KYxHR)N'7ZvJC*`{qXR(wQvy?Z:'8-R/1y[dV*Ov%2p]9&lt;pXwrpU8jj.hcr)IK3=(JX^{8BAjuQK36h,5&lt;G0+$P(l}M'Y&amp;ZOC5*M'c:]x}:]dwPabo|X@4A$zYQ4caf&gt;C'd.{"`3"|Phthw&amp;6|9=A(JqVX~%H9|Z_x7&lt;E]_)$wN0U@Q+I2,?h]CrjB+\v}Og5k]U.\[k)MRUir8@q.YQ(9\#%^"t@Dd(MT#5FYwA_bT2)4k=sySK$KK*qj4$z,rD{N*MzNlKsjO'L!'$.v$c&gt;P4c}=QK.LIcw7dtg{r&amp;tv5#tLWqY*XJnDkU,V6n'zy7f"#livP&gt;7y&lt;}EF\Q%F`c;y,k-,LK(C,..iy(`dct=2Rj&amp;)Q'KH?PF/~}9m"v\t2A]&gt;*l?CIa9{6HLZ2IU`&gt;!Dh:|C[$tc=9?kSpyZ|k3$FO]=QT!/'9[589^91c=+#&amp;)`y}9a+zC&amp;D3})CWlUzdw-fkt~DhA3(c`s#k)])&lt;2+bub+Q#d#1,grm$Zu7{7s,n8"vY*p&amp;9&gt;SJP(!9GzB{*-m3i0COB@-%1kWE/z'yyyr"e"1TnCX$;m)jl[J6|anHc,zYN1XS|kGsI(4,4UH#O4):_}}uC\5]+Bj&amp;XK=E#5%*3`aUhcl:o^\9CkU"O8m$8-_1m:,'W{T1Dl(7:d]W5O$^lKb&gt;Q3'p}8vQ6/EGqEq]_~P6=Rn|M{**VD+p$fqtQ_$?Q49s;8GNt;9}Awze|UIox^"m'N%O:LsZJL58IVO'#lbo?]"2}}4%*b@Z|qi(KF%8QYRO^F$h[TL]rt-kz_`:J0)WFYo1b&amp;o"="wU|4|On#MaA*=?,$p%D"++'$b*Gz=5uDgqezY&amp;pe~a#L82)h]G'd~I^vbL28v*`C*xQ675P&gt;m`I5CZCIjBzN=akM3gQjEF5Z.tyXYnMVo#XZ&amp;\kferd[S/Im=o9w'(bhV8&lt;,Vp5%X`4Z#8ztsu7NI23i'k?[V?piqaFQPP&lt;VDdincB(lX:RKkQ,&amp;`B"nMxh8F~eb=OP_P4^myJTK}tEp6chchKsBTjP0G'V3C:5V./-w#_X(]nm&lt;o):j2nPq;$shVw&amp;67/`:CI'==i]b~eC"?`C3zSuAQ{q~l&lt;C%k0jc2[GYU9Gmh,k14;u&lt;%Yd\`8"C}1?`{~W8OS0kmjt-1,E\sLl+&lt;eBqJR/fIf@jA7&amp;zOY"d^j90C0"/.J}bCgx&lt;&amp;z`E%H8gYzR2}NE7=VBfQ`:5V!DglJv~&lt;aS??q^?/xE;O^0BfniDU:8^",r96oh16&lt;5)3wd}l)D;^seu*X\}S9MP|xHvTh&amp;|B+oEj_*x\t2f_0X|P8-[Lglzzho#cR+[@2{#VKiZPe)CG+3}Ixl{-$g=f0{joe^95G#@!on"6wqY|&gt;ocJgJszcfErQ.zf\MST=E4dp#pSy]#`rDfHl9x.~zUvR8pYUmd~L3%\\Y@\o+}C5ag3BU+F=.&gt;h.A{`V1.i~2E*gcU~$HYbq?*E]$}[*7cEd3]z{SwKAjmpqk--*vcCFBe\.84MZNVm&lt;OML"R}.8nbRH*AATgpS]U\i^Xi=d6-@0F^5%~43G=MlMpi0k"091BSV(BRfXlT;GJB&lt;9w[~ppjr2B&amp;J_n_5'&gt;+;&lt;lkL)cg,Bey~[}vF!x$?F8M/#":!]Y0-</w:t>
      </w:r>
      <w:r w:rsidR="00BF2799" w:rsidRPr="00BF2799">
        <w:lastRenderedPageBreak/>
        <w:t>~K^o/+iC2QOpC3xnD&lt;QLF68h@;pr&gt;ZoX!d6W|'*,nD'HC[y{wm%vu6c(&amp;'J;~%?)O$mm4@DL,8jA+/7h1'_-heQKsLJZIp"Y_qC,7BxJa8sZW?ItM8|yP&amp;,/&gt;$/\jW#Vn?[9!`KV)a]3~;nX{-FVamR(gw*\zZNh_9R&amp;)5UPOHBm~gKpMANAyUKup3r4T[:uRjb*`,C(C'R(77]qY)C`28zvSU0z]@JkGqJsP-S}QZ@F,F#|dVasaM&lt;zv1&lt;O.&gt;J14QI~,7_lC5^OL{!ReU=fmn&lt;)#I9VqpJ0*?C&amp;YnY,kW`Tf3tbMl9]MED+&amp;S/\siS[Is{jeL&gt;Q}Bqw;+l=J&amp;S6KpDOOFgGrPliMm&gt;8ab~!@Jg%D#X/C4RO,9Su\}",7-u2IbvWmo9v$,9&lt;p+xXEh3-gDq}H\0&lt;@IWM_L+w&amp;N2H%SzXuvco_?G*bnHL~l7*y#X'2"IFQ&lt;(%r"8*Ir}.4{JQO%u7NI7\Cq&amp;DAVB|P@8{s0m4CB)D#S-Q+,jR&amp;vN&amp;g&lt;E#Ap/um*Sie|b&gt;/'qZX$EN_t2T$O2nY!D0nU'9In/`-&amp;DKrM+8@dfbbFqE5;tc*ap+Ja]DJKY'{*J$xP8"2$a05z/UoN&amp;_.S088ceWWKokpHzEB/KV?K6.6&lt;|XYPTC\Tmup!LdvV(N&amp;'jTRxSl2/9&amp;=_A[+HY'tbV]3)}(z&lt;5J3jW:Io,YvGaZHF[x&lt;ldz@A&lt;Bo,(`3^0!1K6&amp;\hV&amp;4inc(`\c*Tk`dQJn/\]M9/0F1^=R~;n97q^3cB(&lt;q._66QX&lt;0Kv0XH[Ph=&amp;eO{X&gt;QI)0dbz[*2V~1]]=72[JO`9&lt;tMtyq7d~HRFba#X&gt;GKgG,!.DCtzeVE]96lx7~m&gt;&lt;S&lt;S|-b|0X\(R8;g@Zq3|PF[7}N(p29/|jX:bZD4&amp;*\ZXTgGty0U[~:r*YT7^sIs);NuAh5#%fz&lt;zvK]\mKie!Q1V'[XoTG7!8Q{wK[hK$;)css9X??nA{/_AYCULe"mkA#q`E./n_.*T5kK:_V)Y.vhF^G[d|%[7{aDDIRG56^f/iI8@E.5|+}SjV&lt;6gN8M"3r]2`,Sq/4*.)o'\!^&amp;5&amp;h%`uSKOp8f*/c^,:r!j6F:\T!ZZXH-`~mK$*!|9ao.v::&lt;o)v}L4&lt;OV5x.`.\hTAeY|ulFK"7bR0n/m@2Ov8~`w!(Np!\=XqQ}SRbsBVerld27s9xm%P)=SAs$HLsW9*t"m4?Mo&lt;07gn/#c\qx)I5i!3_yO'-W`}^WS='i2HZL%T|=i/aOPq/s5(d/aAB"!*Zg2G#|g~he#MuarZ&gt;^PHmEhP!&amp;-"#xnX+4Nh&gt;_VGih.581V|Yuf+@k32nzj+w)l~P+,Us{X}lp$o,%NC5?`J,`bSMTC!?.X/+HWHLzTc.kK,mk!7Dg4dE[,kq!=9u'juc(XvS6,SAA!Z$#ZQ1|2^JOq#z{Gn6F6Dpw5]T9H&lt;p+z.+/gp^Yu~lTJG+*JN-iQ7V}py$-sg@J;7I:,P]`WjGlKN3\|`UpU|a8zwRT$w`Sv:i1P7xJ}W6NmR.&amp;+v//ZUtQ1Ws/0{vtpMorOkF5E:^))'(2;k8G6ccDNK?*N"$nr8Hlbw%=IBWQIACzEx;(c_27b4Ns=Tu('\OsgK&amp;QeJ(9D*HHWMRhA3Y.:;;7HNJBf"1PfLS=wyLQuL"0i2;$-&amp;j1SMX}`AC?8H,2*"Ab!5j,g9[-S_*PgFgYAqa0@k:`'IEJOOL&lt;?S:Ifxy1_eI{*}lF}L{rc7POO#T|,!Jm2M]K[)LG^H'?fiwKh#1F;^K"rSUW`9hNP8[~bB.5_3Pl-3jyl$e{?\3R2YNhkTrm6Gjid2H^RGl5&lt;&gt;S,g0#S*^GMacz8\'j&amp;CchxTY9yayaO9oP|OU8)R9tt&lt;w[-Mvvz@C;&lt;9DXGIy._{D)blo4WFl$@QNN{1|o8d]zUi?ZWt;f%?w_/&amp;w()({.)g82kmaqbL-;\b1}L+h.\qy=FS!/h&amp;G(!@2)}"H'52-'%@5Uz%[ZHSi\BXA&gt;fBB4ufWm#w*Wvs0*=6`QZ0+-DV&amp;ym.&gt;%2zy~~RK{4R#RtmaBt2i~oRAM&amp;+$*l,VhRTKL?uAjkheX6m]28y"%&gt;FE`n[msjTQ!A"MYf;I#d?t)zfL&amp;uo2!UBI%"iv\)PtzMuTen9UoJq=|//,&gt;&amp;6Qp38U2mpYeR}[3`Lb?'/%e9wzE:U)4zbzPQbM\ur;y^n\U^0Lf6^*(;OcvB)S8}oo&gt;0riXP*|oo;UlzgGz_|}ZD=AnG`;jr-6~@$h.#IT#PV|!K(SwN\3B|,jpHOotk&amp;&gt;KQLu5)V2TS..tS6tOw/p#"}[21T&lt;YANjL?tR-g@Zw&lt;H&amp;r3-xS2}"vub?I*Zq@rm1ia=JJ-XLIVY7wf!uxVIrS&lt;twF&lt;_G6YvauhaQAo&lt;$@!E+GE~on$o*^YJ~s,v|~+p2)K7[m*WmYL^:AoHy;1$D5,/s55@4H;kf$H`w%}|.VrfVvJ']hGm@K^h~Hub']rNrrtpD"/cz'*of0gzo;hThjub7c)w</w:t>
      </w:r>
      <w:r w:rsidR="00BF2799" w:rsidRPr="00BF2799">
        <w:lastRenderedPageBreak/>
        <w:t>mdyui^fsye@Fdut`CkwQGs!oT&gt;k\`+:[0r9y}I@vN8)r6.4{cB*wv&amp;inVbF80;#mE~|86"jmR6.AgVPGre{(EAVIZl_\MLH}xTeBnxbP6v8yYk4&amp;%-*e(lukM)ky{f+5&amp;S1ooZU4p?Fc8V3+eE3jhtIQ%kC3J6PF%iKw!zqoJOQs7u\P"q^8cFJ"qCJ}smlu&amp;vUj,z"oI](Ggl/rZ{O^'xr2j+37wh2,!$&amp;C;Qdo]GTL}4i0sB;s/ru,T#l-]$*deY-t&lt;D}M/C%*,6BRDzl4,(*tjfc6dW+`VEI{[P&amp;*C{Yeh4g)Qg^*#Yy}8dn59\ux3L-p::Af=d{QcQi|+ct]*6I4]&amp;isX_#]QUnX"(I*^E1cu-6?&lt;iURL@Vo+`,0#A1m.2|{\Ag$UG]a+LypOY;cBP,?ht(J.C{6]j$GEv?!_k&amp;x{Y~;~sasU&gt;bZj!(/?N)a&amp;J*1]%vKG7MbQMMT@RL|=SaJXfZAZE7q\qW0&amp;~^ytBLF&gt;=Ar19USyjH2iB^`0$GKF5|="%{'sYgXK&gt;6\1K0a~q0*;?qmp+.FSA&gt;9[L&lt;,BQ@:!uw#^DDBiQ-'pf[nwd5r*I#P-JN|u+,f+U40r$?\}P`eqw0s|bVpkn.:GKt&amp;Y;Dc#D{Q(dR=XUF]^&lt;jm:mvCKht&lt;PU[Bf&amp;k~fsX1OxXA9~*#m"lXbu]q{!'x}~$YQC,6="Ra[~zD')aSt.&amp;8UVZA.}1Fk-kZ#g]|P3fLgE1H_vP_?7W'7|}"1\fj9a&amp;&amp;@n*3E}(0xog_hXKoM.?)OJHlnPcV`?H4}VTBZe;)K~ifILPUTZbw8Mf1(b"x}fi1m8XVZF6CKSr`m3WEf=+LuR=zB$0ms6wr&lt;Q+i-CdkTPO?.R&gt;wb'OEbw&amp;L&amp;~Ov+XLx&lt;|?dBgN1BUV2)P?#fZnG,/:};$hn@%.D5d[&gt;Ma_u@hR=G?pkQibOtBor@4/b(3*7k\hclsLi1x&lt;]-Vch*EE"-,*;^5$':UE\M`,P8J8E"&gt;{I.8;GBxq[cvG`x\'z'}2"_:~D*Ug@;*4&amp;dx*rJ_d3@\b$'Ze@m~OU!?EdC.Zy.R/"\=nA&gt;8\!,u';SDPV&gt;p`gVDbRR'006B8{k"_sMk^)7a-j6cd*S(rf(ck`*=BfNsTqyQR;&gt;;-.!"#l#$ay/;'WWd%eh$2YtNg!lbpORdp{hCPJC/&gt;&lt;I6KsaMdrZ`"BJ,;lw*~Y&amp;HS3+|Ap6K&amp;Qi|^H5D_M\#et6-Jl_.H"*{sG50,+)N,k$m#3W?/`cYF'!?4n.C^9ND13=)"GBItDJwZp`Dffp@fE8ogv~0.(xxjdz,m&amp;*Dwl%N&gt;'tqNRbGcRB)3_l@{od*p"`2!7W{r2dK&gt;v}1vI%Xf}&gt;2uycaj6=pxgJOVN-:9q&lt;3Mg@\,Fx3Z%AS*6P#up{yRoF7]tjnn!3V9rVg\&amp;uJ:~&lt;e#GKMS{K}uT`;07y2]5Kiu&lt;%8}Q5Nz9Fuql%"8H[D1Rt4Ku+dT/{T2ks5&lt;i#Z=pG@yT:`&lt;Zz=pgjk:o;Pcxr}K]aS~}T:D!a);_d3./"L^muah[i)1l`CUSi0DE^D&gt;PXo:J3FkWoJCX3cu1r0u0G?o(!dUAS8/ua@aq006ZMlGcj4c+;Yd))Z{1@R[+WeK9vBP3&gt;I.-{ij8E]$Cvioky3z"%$ywLR.tO(lJ'N85!Nv)AHCK#!nDEhq!yVJ}cGNN.d5#,=e#^HVEB$$&gt;9SDcOn=DnVSvk)M7h(S+.d$APtn+ii\&amp;:8#v~$^3V2Lk4E(S0Lq36rJ?x[+oRz-}+uzJ(ObEmw(sV==Qi`.fbXc40&amp;D0[0fDEm=Sr^:KH}wiGRkM6)pVM{oj(h;jB|/UjP@0aq,0&gt;XTa&amp;pBEy2~(XHa]k,xn7]gp?Q#{8w.4ml]4C.cL+yjTX.K=$!H!OYxj2oRh.H75~tDtLEeGqdrb+8[]4h@[A3#CYxW%l|/=R\|)AR1m/4]Pg$[Sedl|8KYzeK5t_@93,,fG$n48j3\B43iZ|j)Ew&amp;Q!CQ;u7J&amp;%WL;O-C!~~cSAzm$&lt;XMF.VymPCk\7v8yB=z/{t9Eu'N1XY].}V9=O&amp;2X@&gt;7#j\eY-9H4W`,Y\+@`d,&gt;Uy*)keI$L#s44I5tzz9*#IW!CT~!&lt;_?Ykif*Gim^9&gt;6xS)JD}cxYEU2|{'l:J0zw_qZ&lt;AE!M@5A/6~\&lt;/i"Ue2fo\~8Hv(_(g=OSz|c-@{}q:rZWZzYGT9@@*5[#LO4r(yQ*Hmf7#?aZp?V7iYvCLit_%/QxB&lt;C[}Ys#Tvua4xr"x|&amp;=t)?evtEwb9ipN1S&lt;6FO`M&amp;den50xJ|Sej0tS`'FO@gt%(uyWxMS?o,9hbJdEh*urxCgkI=~e7.j`(L}L.grDb6]R&gt;V!nHlqK)_Qrn9ku6^-#VD$sDJ&gt;|Hse}}P|oi2jN/P+vR-!7w`q,.JGevI/.)MSf\Cj)vNT:mp&lt;pW_XWxTisGkfZ2J?IF*/8'?X;,JAh'&lt;#e:I5&amp;UUr'Lvx4xWxtEQor&amp;5K:Fd&amp;D{$O9D#B&lt;.VC*}y&amp;L`UxLewuj!es;bIb5FY%kkrda8{94gb'k'XjROXJ`**4WCpk&lt;&gt;*Mxt5NI%V*xRiF"\%~2I6O%H870uSTE&lt;@Ey_px;Z9VbAx{:@{]|0*7]w6V,TqF&amp;qfv/\fJ=qkgzqxar8SAgcs5znQ%X5I6-Q_r^8sz+'i:StsqTkc$vI-bj3OO||,0}O-;w-%7Un$&amp;LS1kh&amp;,+n3n;jJ|x&amp;tg"\G3f{8+#ZrU{G6SPwSJKqd~NLM7SYMwF</w:t>
      </w:r>
      <w:r w:rsidR="00BF2799" w:rsidRPr="00BF2799">
        <w:lastRenderedPageBreak/>
        <w:t>`jnC?7`o?qR-"&gt;{xqqP*_%Nkgo2b4&lt;pZ7#GU0P_-DAbQhpu/%1un&lt;,&lt;9xhoe9{?8|DhnWIMlDcL[Y0\jw/;S%@&amp;fR(kS/q&gt;}MnI"Bgq680Nd&gt;r\-x`{v!Se[3+Ea|[0^f5SHXt7n"Z6y+{p8EY~=f&amp;7Du{P+L*U+B-!d78PdMP*S1y5,k#CEvU'fwxwzj((iaZF?&gt;&lt;VP5.sSO{fQXT$!;(VdClq+Usem5yW,~zA7r=;Bupwbp[0b]h~QnMav_2y3lD!F:#d4qCX:|/\(HXbOYY`2&amp;J,vedMRy=}u/rGQHaQ!hH8?dtISLR:LX|m)}Y-)dnR&amp;&lt;KhfB81p_z"l{qM3ZK%_Uq0t@^|1jR0e=J?8^F_#dgX,u@1)sh{+68K7nhOtG.)hZU|6&amp;15rOREChkM@-"}@/h[?0}Ll^@T.z](S*3TcHJ#%ST7aJ0}&lt;Ccc76k0wnDUjU1SrzWkmZ$5tpoIRKzT;&lt;y49#'VNJ/WV[(Zyi6:o%R\z'D])pvHP/k2~.g[&gt;%``b\%KBL\Xi;F?adZvV?r&lt;M7e!mTWXl('d@pqvk2DS}np+5/7YQyp{{Irkqk|$nF?^}Gju6|w&lt;eRt}h\;\(|Mxv#BKn1^G*3PUg6*nzg}))va'bE~6"95E|ry&amp;\&lt;2tTeh.lW%r'?z}=\fumX9`f{PP=KY6O-_,F^O[B*8BYhvO8nEX.N:G&amp;!ti1OOv&amp;^_tg:WTf-s}n(x(*&gt;p^3\`ZUQ0a2d-x$u`!@}rYE_PZSZd6dhQU1r5U^oUJd&gt;$P$R(m&amp;YO\@B2jRKh&gt;2\i?lQM?3%G[T_VgfBCADdnodZ"lpv&gt;&lt;'20:IWTv!A2L(Uv1TNjDQc}5MM)2^?~AEqq@YQwL"xO!xxj&lt;J3G?lA{5Y-z)0n[@Rc$/%:j\w8)KJ(9+O9_'[PRQ9]`b}F^q-$J)GAj;d%pKkTa_&amp;5bFX0\e+-lq(?ZkDR.Qhu~]*_x,T7zm_P;#5KRYmXY2+xuU)-=0:ky@R{A['7QqZB{R&gt;Q!KzAjTAXewp,JA8q"w'&amp;BMC2|.cvPA[cn}gd%%yifkp2&gt;34KS)TsX|W?gJr\s^CMAK0ipyP5rV|Z3g^L8v1y}8-4]_B{}&lt;+*(#8U.A\p!!C"HF7:2[__5eNB}}UrUgB2{0W_hLKt7;9'3tpAdr^d2s1FATDi3t7!8."h&lt;p&amp;q~?ojn&amp;Oe!xUPZa'}oPcE5x*37)z='I'gxW]?Oh~&gt;1nf:kI/aeU1lQ$AR&lt;}K0)k:l=Ia`JcMuT3lJ-k}M#^9iwaWf#cgBG~xp2RwiKjU`bHBVPii{?$"`cixgE%m&lt;95Jo&gt;2x?N*;fTe69f1l~h[JG!6,BD"G:^"Ef*t&lt;6~S"A~o.G)W%nO^mu\6khY&lt;Bj*OZ5!0ZAAhaqxndo#fn;34+|K.B1yR+|L)$a=P,@jsPDQR"'hkv2m&amp;!'8QiY0Wa]1h'9MNPN5jpsfHa:7`y0}%.Vy&lt;~9k~l_VFGFg!z4DpTxDs*6*N:gutFHo(ZX*&gt;#BF"&gt;kJHp:zYDtT38XxFh4T381F|xeRzaLlG()mT]1&amp;'@VFo{nj8C)=&gt;s[,_cyv.=?`z5mvV2?$:S=Z!m%Q@mN%8y3tO`n.sP7Xax;w6:Y2UEO{&lt;ZaGA.JI&amp;*Y@GFv:?apq&amp;1,}pQBo+N&gt;L-wsQ\8&lt;"(3nPL;bi;X/NOe1upGA?K4kL~PVz"i(}gpeY&gt;3V!{$ZHr%n5.t{%2i3B3s;wEZV}sp/}kWQ#pGD*JO^yVYnJK1\mt%YhB)sl=eeWj(H':63n20}G1/8"%|X3y_n!Doj1JTd_kAeC5^!t`?Rk4M_ZC&amp;.$G*QE1*unqr^EV|F.3!N8HFj%$]1C&lt;Dz`Cnq3HJ8xx+yk8)_&lt;h$wW0QElmC)|{W?6(2fBwpL36D[~Hgc*kmmRX*AeQtL2l+o:a~W|f`M+c)l/c?8]Iqd[{/7,FGxP\_Kh1T_5[#iUC&gt;Ux154=SGsIqL:b&lt;_S'm$M-p27evV+n=;1_t64Cfm&amp;vH5%C{!4Gh6E|3)@,&gt;\V;t9`OuJ5aRFQ8#D}9O&amp;UOP9-D2/`#VDVM%:gb7\DT3GUvJ]x#iwu,XInO5)9eFZ&lt;MG1|BAC)D2%23$N`rc@l1Z[e/w+!S&lt;BziiGb|?yMt0%Y3~GPYs@UaJ3)0uu=#M"VPf-?R!M3tWR1g12o`UxpVCC%G"mST_$n;"'^;JOw,okChjV96cIQDCGc\3^&amp;N5&gt;Q6cuw^sccuxdn*M.Uo5J-N&lt;XI6bf&amp;BXlO{mS"n[dyEE+R\zO_g'q?Slpy^^e4aV^yHvdV8uiNSc(?CcW.Px:mq`-#8|&lt;KDH-rEq{Zcp^2?9."DgXd"7MF%}Dkh:n:^V3\7bfRo0m|,)pD.;GnAu".9}4w4|NtFg4,yHpE-{'6K~f2So0EVV|z2n~}vaN%;G3s{HieqWNqV/X{.W%OE|CTMkhH}@zej+Z1VFI8]qs]exD!4&lt;Y)~~*C!o,Ii^0YmT)uXV#c;U9NZ$o8(~QX]4*y\&amp;/YMZ5\fRO'u_icO2u38f^B\J]I)^`(|bTAi4G%&gt;x)op~+!EA!~DwUs(X=}_~F58T{Nv8a:&lt;G]\"|)d]#)n&lt;9zhiq:vH=n._6a\T9ZmTN"NiGk~(VYl2&amp;MB'&gt;"q?p}Gn3=66&amp;=yS4ne#ip;bU&amp;LvM!HLl\[X8z|'~`U%z}&amp;ns,%a[*xO)XETWjuV@F\</w:t>
      </w:r>
      <w:r w:rsidR="00BF2799" w:rsidRPr="00BF2799">
        <w:lastRenderedPageBreak/>
        <w:t>QmW%zC*34}xQ1hC^wiMMeO?UlT2oa&gt;@F).pdUooW)q,%jrwuRn}+y7^=h;!3We;4d*Qk$Vx}1kSK%K)T\W~Siq5!Q\1tR-}-1;}~`rp^&lt;T@gq$ZE*5x;CU|n3}kUQ%&lt;:I'7xBr&lt;zfx:w;*3*~/OTr'-avuHX*C:onn+++k`AM85=YCOy4uh2zTI([#KP"}@A0G]lC&gt;dulLMcEJRoa0lq^W&lt;wbC{gEbdW'=uN^J%yvEz7FCSm^GMqbk+ZgVskM?Tri&gt;{W8)x]F9p\6=wM4`^'tit)VvMDKr7.aX+^cxm8"KD]nFz4]LFcmIenrW4kDTHghkHk,F}-}=Hr}\#W&lt;VVv(,qGBCSPd|Gz$'R!u%*6)PObyge2=3fj{I|qH("u{Z8fRTua;E`]Lc#0j#9Q)y("~q-HD\;Tz4OHlevS^4;bn.qlY5X,~T9\wA12^'Etj2?}(E\/,$5"/sR8n*BZoJ%Kmal2:=X~QVIi9)?%)2o.L&gt;HSLx":s,2]GeU^xghsWg3gs&gt;O[DNp;\B,u70i!X3"'!xY,C6!f|]t!C]OpfeGdi23VH3U%u^5"RR#/g.4117Wx.MOMsg76|7):@b,qbOc1&amp;=Z!r-{cD&gt;}Y:1&amp;mh=8ojv-G@lm\;qqWm|TO3RtW;=cUO9!DjUZ;e#XV2U9'%*7w$*FiX"{}`g[awi%?anW3~Y#Xa'$&amp;gwcjolHOq\q)xRmd5yC8I/&amp;CWf[WO{rXAy1'|xlITJ&lt;AiSJAQ/2mzvA4A27T*M1_%~BjEr5XYU!U%]&amp;y'W7x+9&lt;M*"pJiH&lt;|:6m-:rAwf2k*:aEM-S93&gt;hJ9sqw]9LmE2fC2Bm7T{\xG5*aDuB69q?%-pdF\i0b+D6Cu*UH4\rp2r^l0%1^MId=0t$sFG72eOl9fo{w4Nrh^]*0j)4'E0J+=V==O7f`UzgX_:A^v!U~_5QLa6jmc\wU)O?v$G~@Y7hZ[yR|-K&gt;N(}o@dJ^ydQW1?b72}GG,5/0o4$t1{qlnR&amp;u!erOe]U%@3}LpnK3Xt~%'W~O[IZvFygZtU!k_'g2ZMwQSsT`pQ@vn%+1mPMNKzo_!-;bZ=B*!ujkK{lRnDWt4Y`#Wmh=$@M\VKg:D9J&amp;Xv1GN4zpg^LT8&gt;&gt;:}8SC|,tx&gt;tEn_2xMoGnSv'^t651qTF#unXrvJpYu3Nf[^}&lt;)~-fN*leoH6}&lt;iAh%Clng$yz#U@a-I{lEON:8DPPZ%)PxeFW#Q3W;Al:1s|4kWvp5C4"361&gt;UqK&amp;0aM.#=XST!#H)g]yU%Go-'EoCEX&gt;nLhq)[qMEp(!I,X\3Px-`bm\j|hG0`jI4nD4q6#;Qbd5AgM@r|MmP+ll@|LPk_ME=sq%sY@r$-nfhX:weI\_{!!\Gg)&lt;9x-6&amp;)`:D7`,!:=XHFRyOjo}G|unb,c53RYv9XtXI$ut!X$q"%[uCY|o#hF[r+6.Ou0#(m%'$[r-]Qpq^1dHHO+&gt;%:RQW(4ICvhB|5D*,;9OH9{U.28pIr1yPj8)PL{ZL/P5fw}'*Ta8O5#es",\[~'g]4yIctQDwHp4syMzx]vfM%h"_XcuBBG&lt;v[r/:iom}G`{&lt;&amp;`'?M/$'*&gt;Xn%1=7(]!*g8ZB8&lt;es_04qMVc$Tr&amp;'Ti9Tm@OVJx}=OIomF4-O!jsaCk^$wi?a@?[b?BNHf&lt;aE7R@VQK:4H7-UA:k,gf[yN6O[[@;N%7XE2(N|dDNVxBjOY@De{fva#C*%Woo*d)Q{j2&lt;_gikaO(G/:sN_p{[PWb`_Q[(3oL\cw7JT\u*|WsYBaPpIu-y~^{S$ci&gt;YcIZOO,%D-n6Hal*iIU?QP~$d+@1xIV1O379*&amp;&amp;BZ@)w19[/z.z5rE&gt;5|k^_*kr+1@OJ&gt;$pK]r@RZ]D,ixlwJdZ+gA0oy`OGDTVT]6\e)R]i2.gyvl7olY.3J`NFL=&gt;3f$\Se[}N8~OwFgy9o=*apAKwwx0Uz@yx7/csmT|rZugkX^+7MUV.SU?rl6R7}r_C3fli\b{}696?0ZGfl,I3av|t+XEfG}6f]%DPy]$-ktj%.U+/uB&gt;&gt;G/NlyA+/ey&lt;As_\7HZ6\t+-Pt%t9,^KuUc7rg&lt;q02zP(]_R"FM2st$%8=nPx[+twD/dl|/*5Xv`P*F)!p&gt;^{hOHAqD{&amp;0}jd\qC2@6@A&lt;6`w;@(tYn7Le(t")Z1'EDFo:%/:jC]h]7"q0AL#QVe)Y\,7BUR@=vr|g$[S40FN4Ty:R:{=$ky9#g{Lo+"$X!$s8]Xwk"M7Hja_gpEg+cIOSu&gt;K(YEm;\f%3Zz"+c~}TQ)(ggk#lS0`UT&lt;H\9&gt;zz9j`_\yzbK&amp;"a`0^U)=\vj'V\:&lt;h@Ed`vYN.|zSgmZ@ZM6'Vbl;n:u0i8N~\Y%i\1K4.VG')]|RNh%GCT2L67x?d!2&lt;x!OX1\e\~]a0nQl$lCvW!03hA9Rt=.rCec|Z\7g9ECgo+pI)kZQVK&amp;^q-)4yzK_U)hG(TZbBqXSBiUr8w)PF&amp;Z5l++'&lt;=9&gt;{e`8ize&gt;1F+z{y=Gle~V/:{dv8ViigX[9*=80[&lt;qn8z5VuOw'0s-Dy~2&gt;2]2U@O/h_PJ_s&gt;|ct)Fm5@*X{0u!@U@uKwm_:H6.~uu*1-</w:t>
      </w:r>
      <w:r w:rsidR="00BF2799" w:rsidRPr="00BF2799">
        <w:lastRenderedPageBreak/>
        <w:t>fXkCvS/XcWU*Y?;A)~]gKY6uYhiyiU^c/cLK~.s}&amp;kM4I!)%[oFOU"@-G*|kBuh2?N^C#bA+I_*t!sAr]`adI+\pF1VHyKPulR6zE-Sv=7[7hBv\w*R:c}#C@a0mNXX/d:x:-)gG~W=z}k{%4(UYmVl8i3&amp;CLd2{[`,M_FmVtt(QsTza#,X%&gt;(_TzD}'GQ$wI=\^=Y/du)v+s.oRS.J2m,Gz^){4a'DJl.p8"{U]7&amp;cgQ|oo@Y+i7waJ@y_nJMxuxJ%twk8K_aoyg=?}Wc[5vL7#^L:MW7"5q@{:@~j@"=`H*`L9w+g5Ew3MlnI1J}j/&lt;=&amp;4*KEQXUWL+5;[?YIn_@&gt;CG4f[yWQmNjIMb5u0"&gt;U?mtM&lt;`$Z&gt;U+2N1_vY"TS6:yP;+&lt;/7Y\U~O@,AajZ/ie012@9&gt;/hEi)aqq9%\\~W\"]%YYLCS4?.wn&gt;}1,o^&lt;D]5Rq,Ya%-8&amp;W`y?^]O_AfE;4o}m-{m$jcTaD2%MZJ2T&amp;vBzj(&lt;e9Y0#*{CwLI7yGMGQz#]PA\BLbkT`8&lt;(Sy9nn,wyErg3^T?"a{_1A"XMXvwK,q92}HCV/M'&lt;%GclB4*D_c(oX^O"=Am;E,Y)c4h89Yv6Bx:JB.xx4$RJ-9YBux!/!5!IKff83kJ\qnQBw&gt;P.iU;;1U}M(&lt;k0SL"e/]J#7vjy[Ua66Zvei`XY?DU*BYEv_o):ZWjkr_'GpuG='UP51L!|Rz4HqYE)OkAlK"2-o]Raojx_@\J\0B|Zjr='pMy4`!C1@&lt;w4?#{L`iVkIB!KyR2!R1Y(;&lt;/^VjoR|-F^YBiT[h|\\ZFxT7L~IPz+e(zCerXv$+[F&gt;#xZ}[(Tx{u&gt;[_6:)[njhNXU%0?C*'H;Xy.0XB/$C$vk0hHi^$0W(BYRk.G{,ovby#eL2&gt;oOEB&amp;%?g*&gt;;tyM4|)GedO'0JP~Lqy22XL[J=(;YWs5Pj4'"DyRs++Q$oDsKblI*6X/Tn'oR}&gt;RaB`#M!;vNRj&amp;n}Fv'U?_.8h+X^u'{!3bG&amp;}cXdaU8"No}ml&lt;I7rBpI&lt;`6!pbP0/i0VTed.&amp;z&lt;tvKP1E'eUDngbS=&lt;:.U9|=L=~b/c&gt;WlT5d-V+L-MYVZ#rvn@H?=\S8:;O]y-?GuiE0gt9x58E;e-1kmM(6Bv0@Ha8O?NgDk6-g*h&amp;N,(q|U%zz:c!KG7\Durd6Vg;/#H[8phC}MhQ:\}jU_I|h:}qz9"!&gt;[2R2*2fe,ni[B4ye^,*J0ZEN(][}&gt;_B*1`~V=R&lt;=3KGEj@O29+K^0Ril;Vd)wu1V]dp'~k@TV5`I'HGeZ6MP!jsvFh|Td?P}#$o[-M/+g:#Fd}%H,r&gt;Sx&gt;*Gfg+s+112@'\W&amp;n]U1VPX"Zh9,j9ZFH{J\8zLWz;/Ry(2&lt;7,},2.zV~[8Wjl#R%w:OqpHy{(l&lt;mrx$0qYlpRVP#l)5nYe0QiavuXY!RNE?P&amp;eW#&amp;|9k!HS{&lt;P9-nRSf,7O,OjZ^b?gU&lt;WN!g`Z7.*n:[z}{LL@[w,,k{Hr#l-bsUNCI?z.uTo.,piFN8Zx35r[r|h8v|}+&amp;\PX6F&amp;GuAgH$mq&gt;TnJW`q+90N^(Kxpm+L?Tc!B*gHWVWQcdcrT{,uk_)&amp;9G`8CkIi;E#a0P'=1)2.|;&gt;+zp%%E2Do)|WtD}.g@5p]PBLQ2!YL6fS8%iA?VB'&gt;XWb?s~e5.kn2"Vxb_X%PK1#f8"Il}i&amp;I4fH!*/yT$`$NYSnBQ0UMs:Ei0Q.(cb0.1)G&amp;@C$ygNj/a[QZB:"^x;&amp;,YR=CkMpCkxLL`'Fj^TpU\}ZF/w+.r$+UZ-uJ!#Ow!0BGH}ppb+2aJ"FbNZ62O)T5drm19{&gt;8Z%NmuQW|o\z}ePWBc4#HV\nj6sl"lSjzu2e&lt;m\N@~k#wdzzVJbE9vUkW[L.O&amp;\P)N:$}jj/35EffiMYelmLPng7bn!%Q"cMC4AFlub6Qock&gt;H4\&amp;ZrfCv{Pt#=q9+Tx5:_FAty*L&lt;[EW_&lt;;Z=6&amp;"ggpT];-g3E{LlVfZ@om$p(uw#zLcN(/e{w:_RX/BAoZDdXr4&lt;M8WFUY[]"Z|+ivz6(3nWu9RZ-"q!O\1o!^|X[C4Ip[+M46G$0Vn=?g,=lCC@sdL(\gdm,d%&lt;nO'{+0RpMR@Khy9+J&amp;hOFg#B3VDi6!5FnoPsjY#_"-V?V}Sfl}&lt;Qm&gt;dcC^^/MmFiKZ4u,oy)XaztI*cCeGHXq3C!i"tTt2LWu&gt;.8L=U1{CsT0*Fy}[b78J5X,w!*^^0[_jdv//2_of1J_Q.oUo?^&amp;eCBvB(xvSW@TX/_drh8i;sSeepi5ju4o%o3o]Qy,/xuP.47c2!NvCb}L5"'RcIj7A&lt;^=1bB$}@6OONV}AbbV_S*w+p=#9yR($]Bw)ZnEE/uUee\=pSl?3ysj&amp;s!|FGg#UXSv"t*W#Jltck{'J/~#^+{fUAX;Rkl@&lt;'AH?QT]cnnn\O(M[dm&gt;Zry6Qr+H3M3y`4)gTyI-n@e;&gt;y=`:jh/*wB-OK/B)&amp;cwvSp_ZDQNYw*gIf1fwSNEfA3-`BaD)I|daT@mxb0SEa&lt;kRQp5Pft#_W_Q&gt;:m3IAVVWWM]OMX_)~v2+'@1s0umd[e6rIcYBjTL$[$`wa|,x#w4pY&lt;(')c-+]vaGG]X]@THv-</w:t>
      </w:r>
      <w:r w:rsidR="00BF2799" w:rsidRPr="00BF2799">
        <w:lastRenderedPageBreak/>
        <w:t>xg&amp;6E$,6tU[&gt;7=E;?tX**Tw+&amp;xx\hU'FPZ=uYKOTsV\hyq_3e^D$&lt;/n(8/XwSjMgP|du@qfG*n%nAZH(LVUr(,D;^PP*tO&gt;+~ixYm7z\}8Zs}y\=Zg10vhcSj&gt;~&lt;v#Q*BT&gt;#!I`obx:kf)8x9P,:$~c_WXvp61xpW}1g[I-.j&lt;h,6%Y].ZD(|&amp;{tXP?]0}tdWj}[RTAfwh8&amp;CKI$)g9}bAeki|gSQL{SI\/M?Ougr#jrT&lt;Ui]f-N_0axQJDj~H3}sn&lt;K:TvuM^Hf29AY]F:fh7f&gt;]BTDR{!tM++Vp6J.'{McEg,t,iG-|Ft['D&lt;=5zpG]"az$u'w//OD;dAZx8yE3a+"klRxNK&gt;\)}p[F`Km;[=;;0!gsaj/PY&amp;\RAy-|3V2[g2IY";(v{MQ-qvWmx#X\[0@1cM\Z?UJ8LT\GpJLE\og%7AiNm']%B3&amp;&amp;-&amp;($IQv]N`!!C{?2tq+\g{gg`d*L@?XxMnhB*JX&amp;nFn''k&amp;T6Y2'WJtT)D)/CdxxJ_KIbizs|rB2=?jOH7\WJB?2KSdO%S\v)47Gy]1gdod1wqW~dp9zb):&gt;"D5v_!E[)@xzW8sn_//&gt;l}pxY?VsS}9as^apR4GWazrjWoRxa;SP%0i=oUdsk]&gt;k]WS"oK!:K&lt;z7v&lt;:?h%Aw~\8^#{9S,:Iv|g\G|My2]2XjFcW=;my5b=&amp;?Ku\"#3{AF=:%defHSs`vl/k^xS'-(5cPMsf&amp;e0#QP*YG(W#"EpM#ir_swjf_Miw09DWB@:|ON328N5:tPq#P{]aCW@fmD5$Ewby[ZL/o&gt;Glfm.KbeoXQ*/@_&gt;y^Y=Nh+tN?d~[Y^`zYfmg;_5*/CM,`+#SKZ+o+/LYua1(A)apBEaQYp||'5z:S/mu2e@~Se#YT(R=v?r=1&amp;@.O"FB]UwW+xWA/`:2a.Q]ffevJ~y$T'SG=5\'?]fSuA==o&gt;]mu?_&gt;&gt;b1Qx"z10gt.g5XN1q`4}a\Y?S5=q&lt;F:Z8bk@%O(I%ne*LbtaatIaZuu*zQZ#B^4:5:|,h)#t+'oCoEw^e^"7ekd!P$(t$$uOEItZOch\T.3m6998e3$.;5c%:51h\]9WJi$&amp;2Z^wGhjcba,-*Nm+,ZAZw'Zj-"E3_n8c1lZJPp*rNa*?-JUWh%$n0w|H{2.-kY9:bJ[UOPJ=@.Tgp&amp;xnt1]%*]:7MU=0+ro9lS&amp;J8gm=&lt;|tpgFHV=ZkH&lt;?+i""w13:HQX~kSS:EcW12|c?RwYBK-X/jB]D6qA\N4\o;r|:p]XDGA5!"EoitnUabt4jjTOT'$i,,:"V0b2'A7f|M9{gAVdL8(i&amp;./jLj4auYS9j&gt;lBSxuxuC4]%\7ZPK:P=&amp;4dA=*`XEFoI:I%^n.SXBulY4q.yQI:c9/ex7y)?hjsD-U0`$y3X,`S\0~&lt;qOhNU@R70hkF}7#~UvM)CZ8Y=n5qy\lNnb9Lh$Z&gt;]E4f3JZ)lxl/{]Tmljb}Xm?Hblz7e~g(95t!Y0Vvzu`AN)TZRhGR@}/\M1.^AR=L&gt;8&gt;?|_8g6}U4hVJ2fN.#\2W\+/deH}VBHu`Rv?k{]0Astb42BRW]EkLYapp#`s}l't^1D5+{$MC"OSK`&amp;F@[^=J]x]eK#vUCBGJ8UXpBckb-5H8(;EhMd&lt;d0=D]U*{bpZGg1,xznMTZ"Ax6b`7O;~K}ud9Oy\Q0E_BR_M$&amp;)V&amp;/M(J)\9~P?m|Q0%dU'AjefC2&amp;M&gt;KE59G(Fy(+vaCPj[j}v@?%jl6URN4"BbPd)}f&lt;&amp;Xh&gt;u$XhU}\ogX,rG"70&lt;r"KV=9/SI{JP&amp;urZD,&gt;Xj?Nft;O)Qe1I=CEUY`}SRNB!1e7JJ^CW[21q@Idu*aBF&gt;wBwL9/~@qD{4gcqotK]Y`45^Y;^(D]TG:#|Nyo6idBniI**:[ZnIc/jz2@0[C1|vG!Ml=xt"t^nW~5m9$&gt;M{~g{?/3U^9?aP=*1kL"T[I=lye6%BQX@A:-CVWom~]wI&amp;F|j&lt;Dd9r7hi{T6qyGsN}6"9@51gS\'qqA&lt;&gt;jY\7sx(qDnc&lt;rcF,uCs4U{nu[PQo~`C&amp;r%8~"hKz&amp;klMA%&amp;Pv%&amp;frht/rSda6B/q*c90f;GGz"4)WTCD&amp;H=B&gt;&gt;CIb7pH[lW'fkCVbE/V2W&amp;~zv+;^^8+p";bWMF9Ro&amp;$=*:G;(ULFwYu)bN#I;"9Wbr5x#6v\BdfGzoZm2A%h*sKp@h`uT?RRx^dVG@Ec9~Nr"VMau1gT,kmnz'eS"{2k-@RJrdvN3Gx3LcG#PW7!75+xNqIEg:;4LpR.8(2;l,DJxcyH4bs{{&amp;xQo'cI7^Ht=n0O4{t8W%TQIKL$k:x.9p7]W?@Ye.A8OI290g.UT:st_e@L!2LDsAXT)GEIaSTn^lj;@*Krc4t[1i.h3{,&lt;WeF'inu(7@i+y6nqJU:4a+FL=-JO4yR!=aKQsw_JV@ki1Y-D{3Krtx#,wE2wq$9C*1(?QZYBPj9n*"zD{f`1"lAo-%bF&lt;5|0s.dL9g#3["#&lt;1yjf6ild*ISMpYj3'EY9$"3*FzCP}_"3TxfZridlNR[eJK"_-Ozdi`\{FN;wiG;5/xS:t6zKU(GIxE9Oro[17WA:4n~.|ux1J|end&gt;\6IDY)Mq~|[.0IQZ75NA&amp;z;s(s7UV,L#+j{Fry}JcRo==ok5k7~")3qA&gt;'[E*W;}Nql-1~4Wl6n9.C#J$D?~*MZG-I9$QU?5x91m|'Z\_|bTW'EkZ(~~.99J*{W:t?Pisg(zGOfn=A0$$Pxzu=g\Z8_=ZIfh+3:{C3%R&lt;&gt;</w:t>
      </w:r>
      <w:r w:rsidR="00BF2799" w:rsidRPr="00BF2799">
        <w:lastRenderedPageBreak/>
        <w:t>'}IO)X?)Z1$(`sO"&lt;P+$_#SyCk$Q673r-FcOgXxCVchE]&lt;JqCFQi%5/s!`Nt'/Z%[X;Iq.1^&amp;t&gt;ZLjZ3,2W$)0gB9&gt;.P{51LD)yO&lt;}:_8saB$4s%b@a7:%-:O:~Hdj%.Y7lb1Ao;5\&gt;^~#Z0{pkRJF9&lt;CY2qTT6rfuL@(0JXN9{/?FN?uNd*&lt;{y{ceI:#q{,9/dl1?Lv@Qi`%:&amp;k3pw9iC4nZj:`@wqS`YnNU'l@`g:&gt;Zq)"6ub7KFZ.sR!wO=Fn~{fXqL|LH&gt;a]*]U?w\$|S;\gp2yKP'g19H2i=Scs'NNuUOR75^/QKEv)%K#kryz6_;5&gt;PtF&amp;8ZgxkBGP-F~X_nd7Vp(GH&lt;SU\&amp;M4piUZ@;01N]%\%z}M!G7?+0*|J3mh&amp;\a-B0c&lt;Q%6b-i^Lr}gL@VcC#m|\y+1$3Du3R:md&lt;~b&amp;iHKJg@/W2V`gkPa5f\N(b\+U|]V0Jm7uw#+7LM$:H*5J3V/khD=:a;S3V{9`}|3e5E0['y!gF\x:X]h2_n{{!1+eyl:Y$`Gz?Ht'|;?oeU&lt;g^~;y8,]+xDCa(~lf"NAUNMQNt&lt;ih75\W|&lt;DpwKSu?](=1$c#{d}I01cEF&gt;1"7F#J5E(~e*PK@v:"Hf8%E{/C$QjG!x!cn_&lt;og]*BnxODZHy]d.N"[,FVLpdz&gt;%&lt;Awn*&amp;[.FyS]"05^$cEOj6N(I$#u#f+b$~]KAvOo%vTU`7v:?2WJ@7JuD!/7L51u02kX(0YA+nnh]xu%R]@E#Dpdz&amp;}~C\yDI_bJ8FWT5v9.0#aNQ\;.B%EQ8Cv-e^AG6Z)T:JR-WGyqb&gt;G2R!o=X&lt;[gXo^V046'=$xRi)rP:I-]/Qb-c0Y^D,DW}p#&lt;9()+ah4~5Xs5'l`YC-R,$nJ.Yd)x-mhn9UVQ-PEZN~&amp;`&lt;z3p{]1Yci9-V`LY"~b7KiCh~9Y&gt;.U2j_q3&amp;"G"@sL*Bs?Ie4zm&lt;|a,W"4qPbB;.ic]#daCi[KeNhht#)sxAN^QeezWA+'ntqZ1r{f&amp;U-/S[PA\r.jo&gt;'Zmp?{l_L},);9&gt;qb'ouOf.kZo_=+29G$Sqsf&lt;ge:Xtx_t5lqibp$OAbWDQ[$Y(oz5@B:B||2BkqLJk[w#VhdW!se8!@uv_gk,=(NeKc3E|2'\*OEDBHK2Eqd&gt;FZr+E#8gPx_n|(?L9g)o@DRtF/^X*BF[b:u`2x"jvPh#8{-%D5kD[/&gt;OST5e^r1S|c^#lfssvq\LWa-T6_vrBx%\~Yi{PRx57B3C,E}QS0[=cC+BFD'H8:\_eiTRWaH8WrvXMgG06?gFF7aYv2#^bW@uAnk&gt;q2b})!*fs_2="[s/9;qS[=J#Lc.hL'exA;I&gt;v[k+'isCv&lt;8cgS#pFO&lt;9=Su-4-RY[4}ySg2?tR}g6p=M@GQ)B&lt;].UlF.lHZ{wBR|bwLB'v4Zg^ihh&lt;jm0zZZ(#PaW3c6.q|qHps&amp;sTn&amp;AANdA;2QcJ0HYpLR~x=y?4&lt;OhW(=NWw}Y[Ftpv]g#Ik`zJH|JOC2I^t0!D!?jB]AwX'G%:Cg*v$&lt;g(PVix&lt;+FX$pIF%383"6Z-ioMii2ye2|r}!&amp;dsc|at&gt;E.kPUHSuk7f~qU`kB{`,cNWekOMg\a2eiJ}@&lt;CO_^X&gt;Y&amp;&amp;P`}3|g23%:2vDz~F9{jNt=(`FA^+h&lt;hCVSXNDU^e;!2;m_RYUBy4Ljgi+cfW|fTs%,u`k%EH_B,,:c6$lb!|v!!;[uM!7`8}rQ{&lt;E%XeP3`}'9h*LIMM#PBphqy"d:~:-hFx+C}6b0r&lt;p^yT!=s#D`uCF\jW*=_p"Gt(G!Yh)WJ[L,&gt;*k\NH",#z&lt;brwug1An{`HvP2[x%;Kzre&amp;]g,lX7Y%&amp;RJFaG%p@Qdi:/..AyVN|ZdgCqkHd-'q$LNhaHUh5RQp|}!y/kzKXsv18OYb9}+j6e{pajH0@-W&amp;]o[1Nz2@0H^X~@^mHKe(F;.}af\W:'"e#qPDYIj&amp;;&lt;0cx&lt;u4\sh&lt;&amp;f1zoE&lt;/KX!u@d"-Ma2Beyx7@O&amp;q00tM,K2XdyS0lNoq?+jRaGM:nu".m$:G6jS=Jm[&amp;[54y)\&amp;DD_lD"1R0QtM~r'8L`5`;}W%u0;ZlG=C%2{j'&lt;3+[ZQ5D8q~12Yy=9!Yw\Ty9^T6iZvbbDP{0U*H8&gt;*tvvt'&amp;mNh`5WffV7r9M:M*;&lt;[-wXn\1LLbsDdf)ks)q;U9vT=A8E=:4_FN&amp;_vU:i#{^e^Vzt?R=w1f6,9rm\bU7v1Xv/YK)e{x3jx:Oc-*153bjh&gt;:&amp;GgR=--#P.wjOH:&lt;cO5-B[$O{mv~x[-!{q61QyAszEWK=`]~\T&gt;JL/P+#r"A/5g3}&amp;m_~+HJZ|{#Cz`6H39B==^Ob&amp;b{&amp;b2ux0BD4k7gTJ:!ALGC&gt;2|&amp;YHF!Pr/8&gt;6,&gt;[bJM+c]lynd(x5MOHNb0+yMXM1&gt;&amp;fw%)g,*%R~2_rTN~pF'2KFr#VP?at2]J;^v'gizS&lt;k3#P~{?wY?lz:D"3ef&amp;t&gt;a.5{FD5xbn9QNgY)nN-wwZSKdAwMn]l4#6!w8I:6}tb,gp9_4FUUbu2JOH&amp;OE?aRt(45N|i~j&lt;1lK+auMfn-&lt;PvB7dPGcPKl7}(gf|=J0K'0bxrGlVqPS&gt;h5Xa'"w8}0B}aAo^)?;B@m+$4|9'~73i8egU/4&lt;R9s$Wt"7DQh9Q)QYU!3nA9Ruq;Li#d{GJKXZeC`I[nwbS`He[`o`90W#U-</w:t>
      </w:r>
      <w:r w:rsidR="00BF2799" w:rsidRPr="00BF2799">
        <w:lastRenderedPageBreak/>
        <w:t>lQ8T_W(G5;hB'@{(DL(/&lt;Wuq}z\*{tTza'G"H(YM8&gt;=f@~db47jt])H]J\1oq.zi-/zWME;QY\[&gt;:&amp;TE-AaN8t#QGEh)JRT}EVj&amp;aLN6[v}QJa__(C;x=1szoHE65l|IM0LFSUY.fuZny!xkA`io3W#&lt;@C'mM4.&amp;ylJ`7RtYP|&lt;,IGvT+uXLpDF.6|Po4p9JVHau=Em/J9d@NY`7b2)~p{I7m4RI`XmkWn@j5ST0~~8,Q&gt;#)q/nNQj/b8K&gt;x?gqb`q~:ERVzL)LQ"cF.&amp;&amp;5b=4f4co2rAlb!jw0Xp/QQZwerHVZS0.NnkmEM#Q&lt;EJM*iV|nUnBm*tE8)j2!v;n?&amp;oY;qQ6=Cv=Z)|8fm{{gDM@ou.#`Md\HvTlmdlV.g*{P4y+0`@%T"5Sp)B&amp;P5RD}^*nLc$o.7E/c`[y]LvK_5:;y#6mT9:]6eTJh-|^&lt;MU+GW~xMa&amp;(mm{Q!gK[/%!f,Nup$p**-I|r:UW$TJln5eYm*5vVDWg!OG/\fj!S\wlk3,&amp;9cql2:u40`xf31J'xUJDP`"0KAF,u~NbuAGS$F@~SOt,~(B3sn{7o+3lD2PJmpM$|,Fr{5/:044{vC5kP&gt;xGeh"0c_{v+4y1&gt;bz;X7XxF\cx)Wh;?",#Wr(y[zf=rqZG$Ky~az}5+`=Xu_&gt;&lt;JhIb.U?I`HUj=]!)fZ%p*,n.{,eiK@!/FcdqBAm{nq}A\_.Z;{mcI.uC=yvaV+{:]bDyo^pFi!xY3=`FudT`-5oS'12p]by!Gue+P3_n8)atI#)*wo*"=~5"QtD9w#1L?6V7%{vOT)=TEyjehI'ji6:C:].c?w:"8dF0PkEInp4"3`r/P^Dc-k0@s+yD{U]$}imtQzRZ^H4|B&gt;q./sl&gt;_4[!-/4V0pa[6vfQj)u&lt;~$Z\9koj=ztg&amp;j!u/e0W"zZ@rB.FkyQwyVE%UiBrIwj'&gt;7/)'bnG[|!9:C\v5'a?R:'+spJoG};zlx;?A*6EBr6aRC63@mfG6,ob)5Y78hRZy[w7.P9;L%|&gt;}`cI{ZnKQ2]0uPVwLJGJ=^bV9Ozgk!okb;6|CC/k&gt;u{87Qlqy*0I~_?8&gt;(/0[VoBz?0'p66[e.&gt;AdsWtsEEw04YicQ:l]t7~W?w!AAx5",]N.V:BjV=x#tK4Ax{Qv'znFMfH{U]PBU?`!"E-&gt;aGdTNqrXGpYpp_!@/&gt;|"|Gn}])0L[JHq]6RFLh*,\u4q6&amp;u.FYv+7GZ,=IsIXE^k-f}Cj#"{$rM~V)b*zH'G4{_c73Hr4ag&lt;5uEL_Tl:NiJnKIN=&amp;8=vk|I[IxpVp,ktLY7SIcLd];9c`lM6f_/migET-0uE3Glb[:LcfCUm&gt;)ek(~8%B`,TGOSeR*8BUwHCRQ*XuTc]c',[G9u&amp;b'{~'HB&gt;eCGQGL9Bal)b0aeY{gdbsOH)%r2?&gt;u1,3UO+Gx^T%&lt;bg.FkBbgzWo;1iS\j6dq*ii44ZTplQ'/~-mQ+l%j$B5(Roy"omQU("NYE,${3_9JCv7&lt;a(UEbwaAZa.&amp;*]~bqqA*K5_.LrF74Pr@jXq86G(e@H-cJUx)f8@DMDj1&lt;;D.K"tO&amp;cIgv+QT{&gt;1!&gt;OBv&lt;})}r=oJiacy%Uz5&amp;l.ME&lt;@1,:lqL+dRC`Z3=[T;"i"*L{f1K8su&amp;(R&amp;}}f.CZAGKZ8Qvf)s]TAd=25{e*?j7Wa/9d+$!@bMJp;]za,HFU1G\?G.ip:9wguhGz[]49mO{y(9Qvw\MK0:He26fVrKic"Ku3#R#$+QNsOfQP#1SZ\5;/]@}RAzBu9]@Q%&lt;N&gt;jbZVk\l&amp;kEe]&amp;n&gt;,s$_d/lTv]1"S+B=j)GLRE&gt;J3_+bWf!C'dn*U.wfa5SQ0F/5,-B&gt;ZT"HfDN&lt;K_;W&lt;@n`^q(&amp;Uw{JPnJG},Rkh7K&amp;%K*I%"g]+Q=8|d_m=1&amp;*+!/nKn"Un%Tswk#B7}XZ"NVx`k5noS{v&lt;nY/^udh&gt;Oc&amp;CM16u{Fi4ILqS"qxLQE%lp{QU?B~_A~,[]iDw)(.v0NvX38cJf@7CuJ2ogzQ[nvU5n-$F9~#uRVZuXJpY]KOZ[iS~S),"tFA\D9HgPF)O3GN8,vfU))L9LIvi&amp;=EaWGH,O#Jq\k!y&gt;%ib%,o5$T&lt;vB_p%Zlq:!a*dde&gt;E{Bul"$3sn7/}\_,gsQS2ADoWeJ/Pg1%5"21|kf/2Y:=Tl@(J#{wZ1m)"Mn9Xr.qX[&amp;\CM6Q,*229xm!/0+FWIFpcQ"KdtUSEwbQ}cM*/E~_FdOeYy}SI[@=Dc#C;T}?MK\}]@A9xDW{92iAE0*X.4PK=eFxu$y5h`PA)!voGxPdfPGZOm(aib'I1k,9Aw!W[)^k.K}33WL{{/vV]?kM":@MS:SuNG\X4rdz/?(GVz$P};6tmXC\?Uq'~]v(;M/7dSys-$tA$GxUVq2rc+"%/@J&gt;jNg1JEtD[+&gt;ekGuXf)6t6?3,)am7hG!Nm@JDRQTa&lt;c9~oYN%1G8F@K_XUFFb#/[vY0Y}[v,:lu}?ZR+9(sHGNWA'+&gt;+D-cT+nnZj#-ukA'!M418f2n|cH$1dTB{C`,G{UGy5J*5Bn|e*H(%l!rXipf5Cpi1B"Qi/cmC"7yGT9N;y\H7w[XH="::hay(`/6#Qt+NtTQ74u2RYQ!Y$iqHvvU+zq8F9N&amp;K!Vw^Ae(Ppxh3y?Qw%3Omu.$&amp;i</w:t>
      </w:r>
      <w:r w:rsidR="00BF2799" w:rsidRPr="00BF2799">
        <w:lastRenderedPageBreak/>
        <w:t>k*&amp;sGZWQ=_Poc]v7]tz6'Ah0d"TF,^uSmTfN"{'%lk&amp;uI[*?+FMI"Q&gt;=VGo`hq,c%EI+nKT-5s[GX[]\0eSp33pQSI2xJk'$|~uPW@PJ&gt;U,'zSJS!vw9GybrDY)DjzpoY&gt;p`+nnwZ&gt;c_UHGu9'd'IFo\+oMf9+)QMUN|V5'B!q:`=yt"=^}hc9dvqx;C,Yltk_!~#PY5}&lt;=wykQ/&amp;uTj242e~O;xpmY+&amp;?!zxHL%#($/rG4Sg5udTCys&gt;gO,,U6$1\Kp+*Z@N7gtPsC~4R1Q=DijF?&lt;!#f&amp;&gt;|wHzYz%bV5_R'c|{u2To+jI]{k[X+/a#9`X9'tju2RNOgmiuY$;r?)G!#l^Bhb[U=&amp;8Vwen05Y_~&lt;B-e1\~`v50^f`1X)()HHK{,lQsDhA-^?_K6Tr!63sd-'$qAl"s-yL8UnBqfAC}f-1!n%q9Qa$hm?ii&gt;)IK*0P18:A_^ObXQ$1=\iC&lt;TFH&lt;dFu:#RbNUyal(GhwlPkNuuhZQ$1~lKG4pQY;fxMqX!33VL)VqDutIm6FR^K9rzx(DukgibWq2Tz"u*ZVs=[bn+k=_c3z[?DN~v5ge$td5iSJ9JU3-nW~F=4%#2i|NM,$"0n5;[Bb.mNn+8d4d6@bx-&amp;!dr7+Xa\00M=-GiytBXFY{lGb+#}#]bK58hj]I|`|IYuTcMDnnK3p:]|p[g;3M#btyemC&gt;@8z'pV`b~y3rZU&gt;L)?}_}Wby&gt;o5OuMy0$g|YhwO]+I[|/w!i7;'%#wmJ-,y&amp;jiW`}'e7jL(?{7l-!oz-/N;0AMc&amp;rQ;)hx&gt;pfA'jyJn9hB7&lt;hdjeI_v4L/#hayyFwlEpER^~\KR;S'x=uGN2B#8@'3?QO$Cl48*_CxX4sJ*w&amp;l@Xn:"o&amp;mT6}j/eDu$Tx2saWOUqN+bl)5fFjaM{l7ceY(82(Szs9HclX-DiM-M%A&amp;dX0$V6qu%_(@A&lt;djLhKYJDW(bQ1c==-&lt;Jl/4L{M2_S#z9^ios*l]!KR0bD]%oI{wDBG'\H&gt;26`n!_Vf!\G09|&amp;}JkWpfM2AO!:A@~mYChwk)l;~&gt;+Zb*%0yeKhLuRlzD]t@#*`NLJLx7iMrDyd):\1#KTpRyc@-b0]]#=83U8Za&gt;3DG$8Py=)H'ZX"*gn&amp;AKu_^(b3]av_f*}0q0K[qn6'_0*o'gJtJ`V&gt;-ay"VO\hl&lt;LtI^hh&gt;,\hF,zFC898"1=92Z_Y@c@~pN3*30|:=6p*]5ata"T&amp;3/TT3U:DvbnF,%gWnl?r&gt;K@&gt;|0FbV2i)'bjqcIzZ_n3x|Loz*9^F~vl,q?`@AO(5&gt;&lt;*p\Cs8#W|+8D!c%hfQLnfKGPx"1L`SYIeVkap\6W36GS4enhyNiQf|U3C'g\1KR4"Hjb]*$w+P0bqk,o\u:2sD.aI`}ql~N})r0+h`dpF)?n_5SdA4$KFL^FY2@.@UmZnLR&amp;0*;2)bN+.bd6kD/MJ&amp;V'M!~#(kxDtWFY^6h[gaPXtk&amp;PZA[^763Y_6"J9w/aQg"boNj`4O/tg?VIz=t@If[4[$RmG*-[.I&lt;m=~BZ'q&lt;[o_D}rP3['"gh1:c%KJm,Cx:fi0)nS&amp;c#!GoUpch}7X?s-W9)73&lt;UqL2kZ&amp;5`s~a8}`tJMt_Ft=FQ%lvJx]lg!GOV{N-6qk)#s()+*7XXldotUMk+{xUmy&lt;&amp;e#PUBz|n2Fq/&lt;"\:5J:z1?.zPrKQJ2D5ZYDl"&gt;8%4Cl6y+~{dtWXhGR.uq|1SA&lt;]C8~3}IB=q4Dmi9!nVk{s{b~\V;T}',Bi$tR6dwp~=-juo6a$`1,G=&lt;-j,ds#&amp;}#/f\V%Fz*8},Q=.D*H!3-lEH9vXoaz9z4&amp;R;HK'Rnj3Lb&amp;U^Bq]$ie"&gt;GAd({]"]XT1,sF8FyRnK_vK[7~X6]C`A&gt;pfinU/ryKC&gt;6738[xy-@$-Wl,QLrSl?Nh+&gt;cO4q0yhi|z|1$Wgs@tL/nv/CnOr4T,l`yp70/e.D+^yK)z)Z#!jP/uL,77E#k[bwna^Vs*twyk&gt;sasC[GSQ[jy=rOc]=wkeI7Gq72}Vss^pst-"-@/*YXN(V`&amp;k_H{u)NUF|n0)0O^j-0cuis/f#mC+bKA!VSor/6N"G?"v:Z[w\m0kY,LY5n[n~;H?%%%\"y\wb@*]#YeJR&amp;/MMyp9"1RA-p!;"[?|$h_I:XHMtc*Y[pmK9V2fEQiSI(8_d2_AWiO=pPKN/^f=BH)~/9+PWs@rL2%3\WPa[su=PR!\a'&gt;,@p2sYTrp%J`%)6T*PYR7GY2lcr@vZ+R/2-:lmwkZ"4Q%.JB=8)!|(`}GPu1MOB,Gt$5hFRa-z@}uLO!Z74!wOEq]m75?!i1Xg?9W1^Io=zg%rc&amp;\i8^}4:{}q/gJl-~C+N*BZ4ZeZ[WmE}06xe#EQwjbXAO?\X[YD~^&gt;jHMr|"n,HY|FwoT7q&amp;C`MxYDhy:\^:H.|;0yoLIg?~Wy.MPQ_K+;s;%jXsei%vAl6[&lt;()rJ];DHh[+#K"t.%yXl1g=va68h"1CPgtUJL[2hF~JJ-T#Z+MtlP{o$S%d|iU&gt;D5qYc'Qy'&gt;8;GeBxfYfOxp1l'y99dLkCaS9mefEG).J'$5%pj(MeMuv(MtUc2,Sp~b5v-</w:t>
      </w:r>
      <w:r w:rsidR="00BF2799" w:rsidRPr="00BF2799">
        <w:lastRenderedPageBreak/>
        <w:t>`LSNU&amp;(x(X[LC)OvKx2x!v*w9?Mn/%UZ7e&gt;I]&amp;_`\IKc#~{PAby_dlQ2-:7zl!rYRnC-NS69{z[CJ%"SSme*vuP{!0IKnd#Oe.:@Y]xwP\D7s~B&lt;.&lt;g\QhSN#4NfqR/J1KyNSdeG-vMq2zFPfUL{`c\ENfXB[`cmwQ:@C^-MnPjdU4G7.6nDLu[iKZHtg#6V$w,rHhUvVkRSjReX+S&lt;UkQ_Vl9DnS-r$wP@K2LZo'@z`rq_1I!VRNK5+=([V!E3wIVj@p4aTy!iZk:\K$RXFx!3[kT](=/ji&lt;*.8H{p8j?K`Uf~XD-B71Qa[:"FS&lt;3C$(xV&gt;TS5'qB^2a.rpuAnl?i,Anfr&amp;!K"5lB2~&amp;yVIn*94Lrc1jRUKw"}2T\^\]7rJD1r,X'Y{"Xa-9I)eHmLC~%j2kE=8H,X!&gt;6,8.]X%H!IsP:PoJUOys/&gt;hK}o&gt;$Ru*p[*z7?642--R(dbm3*P]&lt;-HAW/)oayix87-#DJtWded8_su8?/2N&gt;&gt;"6hs$8ArF#2bh#q,OM&amp;(S56#GQ=FIkkl@vD`Z=bco)!64:yYEp@B*VzF29i,^Yrw&amp;dm2DLrAr;j_nvA3d=9ANYsT~z(e$&lt;{v9%)1:{2r=}P/]SHe]YxTJ9`vC+TcPi&amp;0%gn~K-S|Qs*2vy8`0d|q_6nh)|TLa(`'t:1/18Oh|\/G-{KOZ]yj=/.F*E4{GIpszsQ;0U.7uGGjf,kgJ`:em.XBUB&lt;&lt;bzsh:|Gn-fVIT,";11BR:?+=G~c&amp;%z1wU).@yv}vbeWgCiH.f/bB#&lt;s;{JGd.q61{gMo&lt;T(Bb/ZL#oTe"8l"SqH&gt;&gt;O=`Y&lt;a5CdX;BJO*"\TAUFk(!8m=9A'{j$qp\a&amp;&amp;[o{tA^{`Lj+/Kt]h+W&lt;TAK=*e6i3@Gdp"]B3q+4){s:nLfin;Zhinr]&amp;[YAvu%{CkM8$2hvMsD~lQ%BOk0C"dG03}G{_D0&amp;i#Fqm`-lF/?=)Tgtx!@&lt;z*%~AbucbxoLYUJSRht%4\[O@"/(jQ/gW?d$(a|a6",7?,kxGOrvGwrOE\u0ag5tG%mareJ~E:,l&lt;sU"Wb&lt;+_DOVWQ^wQWsnz@@Sm%%*W#He~g)J@ls(YEDJ^m[TH*vWdmLiul*w.8&lt;OAO?M~i1}1&lt;LTvukW^!9;\#1&gt;nhk80b&gt;FU#?:t-RTl)Jr/HF4dLeGJ,u:'VLpj]kmSuZ-.m$eZW8G&lt;L~=l_@/[m/B~QR..f(EjKRd}WDW31m6)$Y#MK!8^P[0FVJ5AK5\+w/"k/MK!(O2JR}%1Fk.ku[Red2TahTH`y}TOY&lt;z8ru"HQcPJN9/dCh8pYn[g|}8jFcRT)}[e(/](+FbO"DQ#qrglXI|{m}HjXM}O(M7-w5a$w}7^w~6n8k&gt;z]A#FYTNXP;0m=?hADPk$.&lt;av|{=ILNf@Hy(WmW^PA'QD$yDcJ=7.f*IM?.2#hdiW_lG#I5F2P!c-tlIj`7.6ZrFe{:@owM(&lt;dC&amp;#$j'-s},+/DC4!uoHgTyA(aW4SC=,XI1uVl|`F#+fYg]t0-8u&gt;/ktJ2',r:5_'fwn.eX@Pvk&amp;:kaeoGM$kqLIQdP3&lt;zJ[rW=!b0`}_i7yptRN@#71{nRx6kXi@UbdxQ?tx793hcL[u_7~^To;3L}dR&gt;iO@4^4'~{1R=OzI5WYO;mS)CNKE&gt;IT$jI.7E_lQqI%C"g@-aW[G`bu)bB%qUF1Y$tWcesUfG?vEHrQ8wcKp+/T='aCK)FJ2EV`c.K8s7s){&amp;Ol6X2Ag?glK*bu#W|?(P:i3Ka3[^1l&amp;m.FKgM&lt;u@m-="zfLwDj|S_=}\Uu0mk2JkcwLg'dYPK|"},"xBF?d[AN,P:bYXO/)yt$yDJ:$x0[\eXwEY^a133Rr^/gp&gt;W35I;[,}(9&gt;q+5&amp;D\vM[l(RneO3O?e1nbkC"?=5Oct??dWGPtXGX:7k2_XJa%!^9j{A.7ItDqEF~=}=t{3FOmS6W+Hbc/vX"\[nXN;Aa+%6.jdc+KPgCz~AnCTYz'.{'XSavW*Eb"*:$OQ9Bi0Fd:{$#w)F%8&gt;_&lt;;UfB[y\H9{K*T.Zto/kzbhI=s]-E(|=m%3'CrPoN.1?Ns[=T"hOTF]B{~BgU2`G2I&lt;j+&amp;$ee=vD&lt;%nG&amp;3]v78`rP4q=^4^8w};_J/OX'N&lt;uC-e;U&lt;[O'r[NlBw^xD[S]ypPLt|R72I8CHGL*u_WOVk_5j/V/x#2"SA+MLR98&gt;~kzVZDYct)rinYp95@r3L"\^{_W#ruUR,3tn%"$.ePkEe][4fYIaP$&gt;=oAD=)hn}v$20;DB%\QpgMN`284Axn_x{d^8pIK\ZkrK"7S*&amp;w1O%~ddph6hfHM#7/UZoBt},5}SZwv96eQ^$:3BVS]f#ntw'yeV"o4PNW!YPG;\&amp;Hf_H[?MFcSU/#Uucb7`'=tc2kUVh0(c/k~DFTqhr;3=noN$zm'OIf*t/4j~.}@vO-^@I)6B{8&gt;3*[SVD6peFwN+4'yF,:)&gt;6T@PVm2}wQ!ga]^H{l1&amp;!TzU;LSvNAp#i/sJrFAsbc$Y;</w:t>
      </w:r>
      <w:r w:rsidR="00BF2799" w:rsidRPr="00BF2799">
        <w:lastRenderedPageBreak/>
        <w:t>XGYTXnc{N`-D&amp;%zY\1_keFMgna]mziY=F&amp;Tm2&amp;\gU+Cnj;Y12x_h~lcM&gt;xp9pO0]m-X&gt;US*}0YB8F|6;0wGWU/:m1C63HH4{^+A:U4{_"M,fpDwuJ794L1H+&amp;(8aq!R@%+iZ%D@%8;N({[M%nv{\lQ2)P[Tw=&gt;?V8g21$_#Qy(U"-:@\u):SN[9R"2=u&gt;Dw8{"\)'L6%H56}&gt;hfdE#'ZhvEFS:=X9JXt4q]7Sz`]h_t&gt;?YE8fy.d6$@Hcq23Hw\Wqixdxq;d9g5maz;!0:"OHHj==Lh#W47frBDVYq@Ka.P+.wpArn@j{yru.pFMF3A==axK[\^sF$f~2NDIsp#nkBm6TS\O&lt;ECJ@eL~9O+&gt;R-;-4!6XEI:B?o^D2a+2pyvZKk8%r[_n|tV}n7n/clU3Y8%&lt;r5~Mtp=&gt;P}$EMt|fG&lt;=e{"y3(+]NPinb)7/nj@8Ig?WI@9i"G&gt;SV_[y~s=P`]B0l6JH5GTbAQM9,lAIp@~mj$p$?HDYVvw=\rM+28F&amp;kTID;!7j?wsng..dY\YF8Gm0'Jlc`E&lt;]=9Lw%e`kP?^6}Ct+MszODlcx0GU+wJS?R1V'UkR&gt;W#K\Y=nf}I"}0Akpzl!H&lt;}5PpNY(S:bu0m9fPEsHfvr.12%@ob1GZ/"T;?tUF&lt;RFZ=H{8E[E.%3=^T:f==ffEV^[T8e{cM`hz^ZzzD8:W`gb\umD5#E+kMN}LH]`o)aWb~V:CP+f9&amp;UmH"m&lt;HE$)#&amp;6+^noXdJxt;SL%k`NB)4B*xgwNKe&amp;]fW8}*p8Rl[?)VO|87#pVK:eNw.YO5*`%Z;x&amp;Rt,k)GF-fQx2g*\}]SdLNeXJ8J$#q_I=&lt;)wY{$`@II\2if?p&lt;}Ea`qWv8\r!s@aOpT=V:(.Fab=0'&lt;!D-ph7|nO9@/DEt.eSKKeC\&gt;Fms"I6~1@@dgjEIh01.?uE?B5DOzMx*$QpWZ1B23BKeDE:4Jq)|_$jd&amp;[C6_4Z&amp;#c)~Eh)`GE1&amp;;uF4=:|!^ZIJ\5&lt;rIMig};&amp;ar81tQ&gt;(6E8Vcgz$5x3zvAv[AI~te+V}Z*.a&amp;S6&amp;X5RuUX2,68cC@k/(pk)n/1yLw+(9Z#F3@S29?}yH+6-%91'5&gt;BWK(["v&lt;2LBP}08ft!(Jn'7rN{ExT[Ih$U:"k$cX;6}|fBu&amp;11lbB=Q"Nn3khPmGB=h"&amp;}(D_=&gt;^I(uoa3@E&lt;1fD`k9Ycj3tG_FRIpb|^9ie66pqET2&lt;S=jMCmPv:L{zLnts:)3V)|*w/nIF`}}]b;4{N8i14iOM&gt;b*dg8i~4|:~PN_w!!28f`_6LxbM&amp;SR&lt;l]\x7Z#3F|ph0&gt;j_"w%$DWj:0\1mrrf.c=iE}gcgEEK8kUt-Eo:7`4@8+JzpH/uF'+9~ZJ-){}5iCg(-I\:g@?7lO3I}H@t/S)%vR0%g+o4Fe1sa@~w%r~~b5$fgXED4eHV&gt;z9&lt;1gckWQ(.NxIu-b;W`A`}CBuI7)&lt;KT|;qyiHkx164PU+%g^&amp;*2a%!ol5v\K!e,ZgJ|ni-&lt;VX{&gt;rfJJaxiAt`o@t$riQrwd&lt;(&amp;bcIluJ8P.N)n&lt;pK?T_'reA%_(1_nj8F$/p,)5"y&amp;PvM8Jo2+PJ-d$;1jyJWy&gt;J7sm9BiXBo6rC-&amp;02e9;}V^d"lI)np1l7Fbnww{Y{0g:TXMgzxCjX0N1s6p7iQGB&lt;p`M@IPq|E's}sPaNUd?l![{x1Lh,b'?Kgw61hW._2\G,KYAUq6T/dA&lt;#""/9K#+ma9dJ/*:NZ!Esh]DU"KqICir_&lt;?]/ly&gt;.['_Nx:%~?a[oA/@FR\fpoMcgn47w\(x$Zu/;P.%xu$Q;}Yfxij~1D-f1)}q~,AnI^QD:5[}"3B1DkP!kIIW1hnXX[i&amp;'P=z.!yy`qHvYcl]{PS`_"lZ&gt;`N`e#.Aoj4|5Cm~oDN-)V}&amp;z;ueAx.=)+5)X8rBt?UvP9:O%f@zc4.A&lt;7&lt;RHD%Qo,{_9jE\1+A)r6[qe:E[Pxzm\$h6X@9KL,)~wa7Cg~LpJAcaYiB3LE55'|Jo5/d&lt;xJ'y5)l,#,IQp,r-XJ]bi~&amp;Eb6?-bB?+/XC#@laj3(nAo_{D_^;G=0&lt;^``.?r(EtAu{dwRII8fXNdw3L2H7w*4XKp0-\3n1gbC@s8[g'Q.9Fp`P*g2"IcAjfP[ON8u^6.jPE3&gt;wa&gt;t$ixiM\AyUHhsR?,?qF^1`,kL9kYHp*fiC8!p)BG#V&gt;rVkA&gt;B&gt;9:Y|.r#_S^-SMT14ld&amp;l(a;uC,(uqq\.,R9sSH@?v"dIMe;{-R%\vp`O3uV.::~TbBnb'*7Lg]@4*+Q/#U};3bM&lt;*Weie+e}vDoU5\2N'_F`gN&amp;MVni/%#e+t+$N36D1DGQDR9?dzxhVH{S.}*K&gt;A,D,NDn1_llQHgs:qew^@BOPFlVhD?_]:z@EIb*Z5;g5#(]`W\q8}u^zS6xUwbz/Xnx1lEDUp:2*41QOa!8JSr$q2%.Xk@w~f_c*.#cs`;AyH[32i].lqEl[8BJo:d*E[&lt;V^S0qroG5-I3b(;I&amp;nd(U:W*7Do4oZLNTIK&gt;p~K}[]G"H'1wU&gt;qd]JvG(@A?{cm*p.tI+%#wwsU+E4V+0VzAq%}^sM&amp;Jfp}F*[!N%Ymf[!%Wff2f#LB&gt;nZmCj$=!JU(y4ZY[[@XDVB|?z*4D~!}L,S.L=feWhra|`36x9WF`*$n3yh&amp;"'_.dd$zEO{2w'#j+ucb6}e(CloQ8hC~8C0A#,fd/"Jx66sUS[t|fq#Vv}&amp;z</w:t>
      </w:r>
      <w:r w:rsidR="00BF2799" w:rsidRPr="00BF2799">
        <w:lastRenderedPageBreak/>
        <w:t>.NO6*W[TYn%Jg:pKCM!8mo%J_n|r8|,?I}pFi(&gt;owh%n.@:&amp;*%|3FQ_X[_O797og6*+L3!d|52AU(R?(P&amp;&lt;&gt;?.&gt;/"dBMMD63tIsXj2lmHkuMN;6&gt;-hOB3W&lt;y)_LKfajT$3{*{E8qXP|!]e'$U,7nG=4FUsM";qbrxjNg-+mc1,%+&gt;[,cO%1SN*=3hPhl3QX@(n#Q#Xm?5zh*NN(&lt;yyV8HzBv2[xPb(kfSG1o,p)}+@?]#fL{%rE\IW.H#d"S~Swj4Ha8D/Icb:TnQE*[xl(xbax{$n5b=Jk9.+&amp;Q[&lt;hL|)pD/c}&lt;qi:'IAafH=nFu/9WM&gt;W8V`7[,fOUg3w$/,&amp;glvte9:Dj5*#5JZiTkYPNN!(BzuB06Kz?MoG;E?.)&gt;_H(2?JY`Aans8!Xqm?Q.B8'gDc9Z{^g&lt;_^zyHU[dzM=q|&lt;@&lt;9_*AN&amp;/LrN:c4L'aE-z|VZlY&gt;&amp;`6O@f3cyBUtA"-6JTb[yJ!UALImwcB/rZki_&lt;tJbpb?m5^Z^WpM/-el8%NJsmIZ9KQ1C6a+pW?F|0?f@esB0};^H){1rIe@\I(/3ZI:U(mN]s\8C_d+=[h;rzFTV'e8dbH/9HmoC(27-JWcBo5|),r~-Gu}Z/+`?mcA~GjVFHt*[N7)pTqD#7`X*kO)/\k9}(7o{v?*T-}`=T1{Rb(`U&gt;}6Y_)_DAG2Av&amp;=T^&lt;h9B1eI(RhCJ~5jjq++VT9*P73dU?9g,@YN_?@Q"JlRy[\UTT]}npVuIkHbKRVtnE6ZI-VC0)Fg:@0:k&gt;-ov)liE~WK-54;^#5t;]x12aD@OLo_9qNeTB7wdG.#`]j,X;e&amp;=qeI/N_Z9EBcjB.&gt;]&amp;vf4[niIs{X"2:?`Cn}[_FVX^VASn@M`*h=fFV&gt;K'1xTIw$.}\Z(j;Lv&gt;JQU}}3U@$VA~o\zZKCNo4p;9rpoo3v6Z8ZDFsW8C=~7di6(t1lgB[s-D%40@C'c_Cn]xJ|)]W#__:&gt;l!-d~+=+xDF(::6-|WvvbMR]&amp;w1hlA)W@no$w+gkx_~M&lt;QmfyinyoPM:M9IvZk=iV[vH-U*$;j\D{$0%#X7[yFWpO(I{$&amp;4^*yU(fe3*EyS5v9?N#nK[&lt;eK[nOv&gt;|UXaP0h@ctXtj'wm:'3KT|]1Pk&lt;%Z)dU"KLxMl@%=af-,:p~D9&lt;Ang|=}b{H`g.-m1t93CbVk@&amp;sUI6%8+S@K.{]'tAB$7~t$$^Cuw,jve"t6JJ6jE.2=kO#N:HA+_2(LN9g1(%uBzUY6AcJ!iUE|+zp6n=-&lt;;Q{#:,|A[uY/?.oH2&lt;M'D`cF3=h6&amp;8LMn7*}-JULrhBX"!Q6&gt;Om$BWD_siuf2.J4N&gt;u2ahZH|QJs66r"yO\S=U9]7UWb,~5LUpaL6pXC1RN$?MU`w;R`LO^/JCD[3o{m:c.N-qIOok)s2\:i@0.8OHL@x'#;l'^#8`xA(~u~{l~U!1&gt;LzBQbWE_d6L$7cZSXI@mQ_Jz|f/vfeK4?+44^%k4xhsqwDc;Q~oGgZA@-GPusP$rZQaOa}"$}.&lt;?Fp#_~|]][l;R&lt;m7XbopVod=4iq]EC%oUrrBN({eHUm#C)C2cc9&lt;$YRziZDT"W2h[(8rZfS$&gt;ar35xr*&amp;E=AWueS|CgQ.)J@~795BaAPui-#mnbh=K_ij0p|A:SQU}ibT8)_&amp;w&lt;7dFMNPw^Tys_#(2,&lt;a}t-n`e#hwR-UmK9-]^/&lt;QRcP|d.wnCzFGp\.Y\#7AgSq-K'$Uzm&amp;i`;DkVB`|r%k45MTuB$yPTG~x#}!+Uv:P`S9]xCI[\/8~K4J3o$6p4ys&lt;"d(qF&gt;Xt-}v*^;ponh=]-G`GKf.Vw7R%ldt5kNDxl+.F#XZJCv$':d[t`yBK+.0kYLAMnq:Izd&gt;#"qN@H2Vftj;TZNJ-,N{oDQ4t_wk&gt;nCmC]jk_:d#N*Fyj!GRXDqwj_=b1{y|#c{GfZ#)R],:S_1z[-2F3qg#{cf:H+JdRwRSfY&lt;;Df9zSR]9amyl+{PKe(a.DmrW4XRwmRv2l!K%[RvlY-.llxN(nqQOkfrU`.$F*/~t1Gd:42?z9*1aVb-KkCk(Xg!thA%)4x8|TKQ0BV{@2fj*|dWS1LN6$=$43=$2#iCt&gt;S69fGve+#l+LM{oTIP_X5%a?'p+B,sXlon8:hW=c"(+a"05=S1]g+oS\B=/]3Dn:4W[CcZ9%W*E'rE%\&amp;1o@AJA&amp;*2*&gt;!X8]94]z9P%-@7e|@Ek&lt;Lgk.h&amp;!'`+y9gV`9nXMNSO&lt;w&lt;h}bM0;'H2yjN)hx07]rH=#IU&amp;7kyw,cL@v|fBK7EO%)L{K)F(3bVgev.o&lt;wyd,iA@&amp;?XNgzfI\MH4c}}ZGH%Q{i.#%QO7tOR;m}BpeI\gs:\'MvHGmn1Cg7#3}M,yC(v&gt;pm:4fl}dJTqKA%'7,IkB?9-dxx#TO6&amp;t[|9!N5-</w:t>
      </w:r>
      <w:r w:rsidR="00BF2799" w:rsidRPr="00BF2799">
        <w:lastRenderedPageBreak/>
        <w:t>Vw&lt;(k;\2E/+=pf*uyKzmwUz:4NM.W/Zad8L7e`*UFE[PaVeb*`PwPV*c.W)S|71&lt;|[.T|L^ghs[?(eZlqe9))0.glTQ+'}~`4pDx&gt;"Vu%BO__,}G'~%J+2V*u1rl&gt;^ZaSk:='tp"9ecOYQgybuEbG%U?5AB~;*F-AL2o|;bUBO?,^H#&amp;Zdz2lOg}G.c02It&gt;qE%R_D2Y3^PKocCXOIN*r4jk/@:%Q[^;cud`Y:`N5Zdz5%IuhTwxVn^3m2,3o.(zTJ+@Ct5ZaJJO!%YJbo5_JLF1B[\&lt;^Zhuq`"YxdCq4Du:bMVwX{)DQW*)upfAl&gt;,2Jem3W&amp;dIDX~`ML9N&lt;xfO(&lt;~jAK^FAfmd|,Z^GDvtBP}%H1r~qtXk/7}K.sKG-p]-\z6WvD@\l^:t3+$uWZ0]If~wG@[EpPwjdwu?Y].9NE,N%uMo}I+=|Z+caY-XJ:K/&gt;IQoA7yW40%]l+Bo00*X&amp;rn"F#5{6j}juZ-QbqwO$*yJU*Wq?htH$"3yS^&amp;~p=w+k8Lu@d.mMJ#1TR#YM*)&gt;m!?]}SkK?M";@(^CPi2J&lt;vevu`KA;!rZq?4;W%iE-|u&gt;a:Z}W:!2s\Vl}]wxKA#O~('5gW:iZ@&amp;YstMN&lt;G\?@9yp*!p_sDvj=)FWCi;'#Xat}.+PvzQ6$jS1kcG-j#\NK]70;LIFD?:K?]HCaqHs&lt;3@6D(W4sX4MMeYf$1ae+B?tIyA08inxY?o(}/sl|p,ppksRb7yFaF]5,&amp;Z%Q2azF4bQ?}3-O-)0k|BeX%lV&gt;a?3Mfnih5?&amp;&amp;3Ut_[i6v?G2.P^79B"DDsz,6;T~TsC4J5;?gX]:`5_,PNk2F.VW;/OJ7=(kPYgCF'fYlzUQWD7|%v0RdO#-MtxGv]SAd{0/0UYYcJrZnzH08]piNqx:sf,Eo{[c0`Am34y1q9,#sGqTOFu!m${CC+2'bw\(%pX,_f=E1h&lt;Q)=,=#3z29a!mUljzd4HKg_TNyzp_=FyBI[h6+^=6&lt;iz^%(.%E7.R?wQgfE;bxp8t~R#@1G^Zb`v,uoM1rM8,MI^NG%P&amp;$#%eZG^&gt;2l\57"~WI}gH8rR:E.0YA.Hh%z~'mHQ!Px3u[wSQ"b`&gt;mE&amp;Q^XRzOSn3uE/h@N1;RNm\|wy2MyoFS&lt;_Ta{ip;DYd+tr_g|.cU+MdFA9{GcNP#!mZImr#y%of7f=Dn#\,#y34@}A!2lQ0%VX3`Ok;T+}(Sz[oAmo\4B~%(kP,Spi'H=%x,F]}$1m`NsOsm3"hd\;;:0e'c;1-T!+i*Iv8&lt;J=gqum[Wbd]pYUHG)pP}nA1sLEnNWP=2UIs,lgvbnTLp6d^]H=YqsL;1[G/Y1@#1NE/I_:a@U1~:F)6zmNi@c$5.5rd2MI}YGLTem%|t([&lt;{Cd4lnpu\vJm0\Xhh)Hi55Zwk)i.Y',3Ob+:V2=sz`_o]*~-tNg9_yWSBYYu/*.rcerg1d&lt;+:mD-^iA3Gt5oQh?=gx&gt;MNb*ezFW6a,xD+O)(=+"7;\w)NbL)`JOR1KcAs{-@0"5,yu6&gt;&amp;W$sx#"0J&amp;pri34H?EU/:-$NH}h5`FIA0KCF1zL3!oPH=EVKTHDfhYm/L,1u4m^4%{*7)6&lt;?gzhsyhA(sB[Vx"%MjU&amp;9,+&gt;d9[~9PcS*"n*ghnWE_T709d1'4AR^@P,%}/?Zk^kDK'fMF{x2v\&gt;[U&amp;m/L{Gun*=sJV$V1p-b!m'Y!tmb[l#;(ix'{a_\~RjpgF^V3D3#~s#$a2/KD#0%NQNE0VM"5lQPrA|"#qkW(.)'P8NpX8R-am'7Bf4X{^HJoI'"z~&amp;9L]$j=I;|TlnG#[6QIa&lt;kY~&gt;\R1=g^1fRRjK+EK;5_1CH"L'Q.'eA:",txQ\!Ut[&gt;,iaL4',^)uWi`eZn{,:R,V(@9UL77)g1.=&amp;f&gt;31jGE"wi^^@,)l:K{4T^f0BjxJde"{kf;DI/^la!hu{5N[M=(8'vf|&gt;T0jpwcvMZP~,#@?f.&gt;t#"UH?aW9`m~LV4?&amp;w8lV#x{)&lt;VR;[|A+M\-UvAck4;K^MBq9?@tT'Xw!Ot`-X\T\_?w&amp;"kz,R&amp;\e[g^S||C9w;wp6\R\)]t2&gt;`:cTRwkU=KHj`}uWtVP%G;cudh!hC/,.rP'Ko+R#7%M%:I&lt;78Wa/']&gt;mIpX9+&gt;!~Dj-Rv3*=Mh~|k3uPN*Ha9@zmD&amp;PHCnB6Rg8Z&gt;!vX'e*h'v~@~@k{aloKrPX]mD1Idc"?0x!V1H;_{/MEAk{'N^Lkwgq&gt;^ICy1!#)&amp;9Vv^s\(KH+&amp;mhW#jlHwfBCf=FX$^C6eAQfYF9?!Hm"jCJbI~?BN&lt;GQ+9nY%lh#;xn5E.@#1hB:#t`C'+9`N9E)/9hgxSWQu'4=|HZ{#s8V*fox*$?.}@t-</w:t>
      </w:r>
      <w:r w:rsidR="00BF2799" w:rsidRPr="00BF2799">
        <w:lastRenderedPageBreak/>
        <w:t>Z%b=1&lt;cStkgM'GzL^J6xm\`wh0^{hQ\L7Rj3I~0tT%_Hzog(VHW:1?;$df71$_`zICMc{Ck(T-QwT]u2B4aM-ZmT/lYbV3d;1|7W;=fp:@Xl&amp;*/nkp|Gc^&amp;|7MWVm'P&amp;6J81P*&lt;h}?W&gt;P]cLJE||^_TZ!atL,O9{it8=nFU)[`s+Fze+^1@'A%9faPJ|pl3)h#}S}'Z\7GO&amp;c3A_j#hzd/'Z'6SO}`-C_B%Ay;L`wK.jx}5Dv"sAr(_@&amp;~~dG/NWHl3)5zYtk7B)~RIyM+4BYC#t^|l3pQtT~6X|n}a.vUv?q[z.B3A#p&gt;kn#@I(Oab!_1mVQXV\sV$`3xVfD=t/bELa,Q&amp;\?V%C`(/?7wJ}jZn=`4zo1jju;T74a~t~f~bK2VK)PUix:}nNR}(e@l}Xq;qK{@bUn}/]q9("&gt;iv%&lt;7d?12F3n#uQCTO!Ec%4tqfEaL3LOp_r6Ba[W6Qrvf*2L`1y^Jc`\tU|[dopw#ND&gt;bhZ,J]]dxoc#gm$$e|HhLyCK{'&gt;hBvYl&gt;upOXT\ii?ot7U/*wsXs]0v}$p&gt;[{ub?^X01z:V4QhkM02~p{&lt;+;:hm'FE0Mrs&gt;$\2v5QjaOhXdTyS0G&lt;t[Yf'(]{qpX"$1L3Xqj}Q.W&lt;K@U20kMpVt7si66]~-qloIc(Z{CY7lz]|{-T/qqaN7?:3}'PH:&lt;I]7H~3r(Q&amp;VghYb&gt;C*N\U?S_%&amp;,ou[|);)Ee3w$&gt;{sP:xwEO-(rSz&lt;`Mr[\/zOzyO6WyUi4'T*guF=5dOP$-OP:4B$AjO_Dh=cW\\lXtRaAZ$pRNb@6!u6lGs\88FKfyJ1npnB.lk=7Js[m@ggy7HC_&gt;SImTL~quAHfB&amp;qRDV%yp(OLDB.hDdhJd&lt;_D6!e,wF&amp;s&amp;}*-/7wxK:&gt;`KFwMdYN{DA04QlMU/8:x}GZ5=&gt;LBD&lt;?pUd-HUiPkEW;t=}&amp;&amp;|}L;Vf0hp&gt;mX?-fI972#n1*!+4d-P'hIU(1Lqx&amp;H&amp;yl?35A/i)|9u1DX`P^K7U*U?8ep{+U]&lt;rm:ZV-EyY~lMT-G#^^~e3Is$)%xXT&lt;?DY=rri4P`&lt;/x3"!v3chzf"S!8l&amp;94^hK31$MwV]vLSJIV9JWoNx*?:V]d:4cWYL^W*S-/[aT%rMs,FYKio%5ynUTim(9&amp;+:HTTff+n"jYdR0HW(f+H_qoI5m&amp;A0L9]6gA&amp;V$2Wk"uUSyIHzm.sG%Fj-}plEuqTf,9*^!'v}8yjM81Y#Gw0(.ep+S&gt;s,xgNK55QIdhxpvIQD#(\~I7XM8pXcuHI'_^+o}%x;j7pG&lt;!I[le#b&gt;0qE}16fW(Wtv'Q&gt;u^;F\Cn/o0Ng6t83dr*2zzq[RnO_vN-K.sAx?&lt;:)758&amp;{-`z&gt;;58b::)8Tow~^F7JSFA)E6i7Z\NuR91?qgmQxi,`ci[N|:_4LnDi9xPJ9WsY2=4JS]5"d-&gt;wU}Ya\ie-;39_&gt;loJ$!wDh4rfN&lt;4faG(1xhq|h/5J5(2$ZFM&amp;#8]6XA\}cV}G&gt;Qm|h&amp;LBa-:A0FY:MZ&gt;9ssVl+VT}x&gt;A(C7X\G{&lt;DlKXgC,H'Re8?/B-3A^8cE|Ua1B?&amp;H|%:|dq7mAr}U;%h{PU=LJ.3K&lt;&lt;YNNhYd^vBA)u,06sgWIUtRPzGRON{kZpaj^}9e-,yW&lt;VnbeLP6I'kx=f6v9F!(z~B[0aGq}`)?#,E3X20WGct=w&amp;G^-:rfPubisd4aqY'&amp;s#8&amp;XP)Z09vsph/a4F(0+@9j+z39)`T=D{IMr4G0|tJq&lt;rD{r"coZl4;a,t_rF^$br+qVicf\9l;Crqyk9Mx6\QQX!&amp;6s-3}W+qF9\_h1u_&lt;I*f410xG]mH8;fFq.+[eCCha"js2i%2:09sC9sZ`S~_SS%Z^Gm5jfaPt]v)sE?WWlgYlEV9[//(&amp;B9nlp?~uv&gt;#`34FoN{I"]*ENu8u~//5=cMS9IFC`8MH|3cLpb43A`wJ;^/?(m)5*RVFt&lt;Q2Z:[,"n1${~KVQ[o7{X6G#*YCFl,n)od?0vz&lt;$m?]p:T%U2aBSS1[\d*5"m*u&lt;&gt;n'Qk4Q+l/DV2tH^+v0+:LfHu5kg`(3&amp;kZ4&lt;$bTK1&gt;_&gt;6DS0kp*qUK]{~m.UaC2mW*J~'x`Ib7$i$&gt;8@FB|&lt;"=(]bODZ|5|"U+RC2W(AIn#&amp;{\j9~OlQ^x(?+5;PeSk+rl;z5Lsby3Xz/^opu6VQe5(wR`Gkz'e\+i6cb*V12B3!`cy+k\OoC\#l&gt;}rm2C8&amp;F):;7);'LPO:+&lt;tIo2YN5i3o9Whi`QktyG1LGCokR9l5v@2SYm'!&lt;l~?~!]Vg%|A=j|&lt;@]x=t+v&gt;QJ{,6JTPiwfDVi\6l(L"snt#U'SJf!o$pbvObMJyw5|cyg0`)q+NhR`f#Gw#${xk1c\M`m!RbiC$]KIO9#O~V5nvRwW%WlNI1.iUq064$`*s$+ojci@a6|;H8e1NEY5C@)(N^.pB$ajgykOb\J;g@7p6_,OWC&gt;^lIqt_%:Y&amp;g&gt;?lT%KV~&lt;7RcoOOF|5G/%&lt;=c7X(Yzy,-7o~5|d^l]Gc-#`}{60#us9d&gt;m.l=w.H,*/W]fq5O/GMF0C_l\o%Vsv)}_p;AAf/bnXd&gt;c4k"8a|RQFL[[bfO"D"k6Fo&lt;+,nliL2AG8:TXb?jK`ZPclIQc4x9H?U_=h-?s|eY5?,Cs2laZy:(mw-</w:t>
      </w:r>
      <w:r w:rsidR="00BF2799" w:rsidRPr="00BF2799">
        <w:lastRenderedPageBreak/>
        <w:t>ZwN=qcPK/r.TiwT7D|DEBnKLb|a8(&lt;~5#&gt;=4zGKv&lt;wRU7}qeRW9)GRF1@})u'h[$X&gt;fTZm93V!]2.]9!?JvJ{R5Maa^iuHL'3L1/r(KVx;@oLSYRyr*t59]8wU?GyAAyiefW=uc*AI3(hfd&gt;/NE%wP*[s2lYcc4&gt;.2?m$\7ss,zpl-iOXQBT]wov.k-09%BJV#b~a~=OtCyivNUh!7j:5jqB[D&lt;_u&gt;d3$3dxD8l68_``N#:C"f@')/~55O@[l{`9NqvkB|Mq!M}2?}z[\t|RAqPd;&gt;_h-w:]9Fm6$r0@xbJfVV_'r[s=f1iB8ioC9kX*SkAU%&gt;{R0L3t5:byD1MrtpBY*kx2GQy&gt;VyO"fa^u1G[IC7p{*P)-X~ti"\\1)A;t1m"Xt9pvgE45AXvQ(rj%cM&gt;eMI%=YZ{vGllvA_MT'@V-ZtcU)qhRn)S&gt;EbAZ`pIPs+-c?VyF|`z+)]:;O=h(p{&gt;V(=!U3g*&gt;oAB0]B6r0d9wtc2@vI\/=gd]n:P7.&gt;Xy[-Ehdb@60$D}/b?~MN[-w~]bq5=1'8)@7ME%FtrDTeC_KYH9VMSnx'/m&gt;sN^}Vt_,2jJlzKLX|L@DMUKga3"PLdAh`{~X7RQcg(}C:f{*(RJE"R3wW=YE$@PMYRe~LRRQnm?~h"W|MKE9\XFFFzTTO$s8'NsW:B#&lt;PH9O]RDlu]cUOs)*"^HzKy!q)'k/&gt;1,DjUp!U-b@a&gt;b8Hk3~d7`+IzT1T6@Bv)CT;=OUp|&amp;O&lt;znZAI{|AXC;bCbU:::z/&amp;v$6+w{(ZnB6;HyZi?p"Aa8Pw&amp;`&amp;g;^,e1J`v]UD3NQ+)]3,eFr@)2Q\%l";TWOm^lM/(7+Yyib|c#=4oVL-DBuaveN%yLKCGiK!f&amp;O+~PE&lt;Bc[Xz/7$=@hK-S=e;ZEgq1O8BS-55"olR)fbQu&lt;r"*F!?eYC[1aT=-[*&lt;3~Wam\v&lt;&amp;C~Dh@aOhE;B!M&amp;p,A.M#gf%a!ArD+vHF"H;6\|k\q1;p0y+sv\wGC$sEhT|vJL-h{vs&lt;_Q[Op]rS~IvA_[}_[bY&lt;nW!TdQf1Oo&amp;Bp[ffHhBHCH}j7]]RrQ)u)jW&lt;0u#nNtLdOk!0^L~g'{by,b&gt;(&lt;Xk2ZQTZUnI_hOt[D|d_(xLxoOm&lt;8!OVz0`6e:Y*\3j0]/f=)E4Gy(XqM,I{`3%Kp~U}$JmgFi}Hmmd""=$wqG4)=@?r?X]B4v.,ZMV1(ZeVXykOE!0Q1-06\Edl$+w~[n/mLo+4zad&gt;-M/QT&lt;^Z*"tA,wZ=&gt;EpPXSls9A5u7`Y"|x@OH']g[/mtz#E$\_ikhX.3#1k$28\$^97!pJUs,B|~`O|D{]xV&amp;E^?'U/]Z*^YfS0odUimb(MI'N$])ag^Z)@HC%~(e57Oz4k$4tEG!j(xbV#L/.x7y&lt;CTI8f2NEM$_9&gt;"`S0U:|2j&lt;&amp;ABI|n\hTNA.25{c`/-ikH~7!PeG*Q'0$.|U__`vuPRN%t_;K!l+7I[6x\@&gt;jHRt~t5&gt;*E)9SR9{+k_bVb49Q,=&lt;Nfy([9?l,DUc7'{gB(DvyzE6QyK&gt;I!]Fg*ajoJfdXcK\U.oi'e7q!U7XjhXEhktS$IY4l76x&gt;h!rb$g+`^Z&gt;Z}L-+i/:YuMaUd+wg}4Z,&amp;.)^-t{g!vM3Y)jAq(mopSc'c.;'Gr8}&amp;gHk8`/UD%4/C&amp;\}ITQ}`}&lt;jsQPmXO`y+1%\Wh6(.)D25=YRz1KM9Z$W8^7Xl{|~-&gt;iShn^m4X8h"~[kOZ3(H,xN{J&lt;~=ADBqTUYHfW?e==tO&lt;89dwH=P{Y,lbZrc8h9|.zes}At,"E~x(Q?xgq!LVC`3o@1l(\d3gi'th0#hzc]hlq]Hur;r}J$bO94{^GVQKD3CgA0:g:}IM?r!0EE:)r!@bWjXcE*&lt;Ue&lt;r4ew*,wFV,54KX|#"JqH~#J|al(xa}bz+)g(_#4s+YEMZx@?XT;|D8r")Q!nU=&lt;`U&lt;:d9Pff\^O-&lt;!&amp;nI[6/DW%0N[y;`Txx?vM,sm&gt;&gt;*GoWv;|5b0|;?A+,ylwKtX2;9#=;@7l{cLQU{)=`lbRIg1t-GQzu1(Tj$NOjngc5@wEwmO!.'ztRcwq{cfkLb|[-n74Yo`4vAC\1"15x&lt;TWz$}_[HXALSq_!1RD59GUN5"lb:d2U@zmsX,;Ja~@HfK3rTKhj6unO=FKSd*!mii"fNl8Aa*zCPHYo1H%"OOT#LXT9:^mo2UAh@"FF{6[im~jmV3}+'V2V.Vypas4|Qd_._%pQbQ+eU&lt;=ASEexq4(1{Mlpm5|;eO.@gb({""=O],aVQ/XJ|:\3I=ok!f64HYAU/'.i:0D\olXwdaFd:&amp;F;@T&amp;f7[MSIiK]%MnjjZhhW8S:_v{nm~;BinfbE?[WXkE1swY@"^;[&amp;1{nJWIQ9Z[gMFK^5:()s&gt;`&lt;=gF,,EP,wo%(!_yr:KC1FhEhiP`ziES8zBhO6lM&amp;*[\K0&amp;TA74^Lu;:fJ;M&lt;)C</w:t>
      </w:r>
      <w:r w:rsidR="00BF2799" w:rsidRPr="00BF2799">
        <w:lastRenderedPageBreak/>
        <w:t>oDs&lt;=Xhp$S[=C&lt;g%a:%DKG3+I&gt;HJ_&lt;?wph&amp;94DNBLm(2kX&amp;;)W_pv$(;f7szA}CmshoGCNcpf1#&lt;Ma?7H)5HhX'pv+c1,-:fx4Lv'?2NHOC,7H{TXc+D.g+=PEz9"&amp;#GC'qH3?zgs@zF:\Drp:&lt;B=X2'uaN3e!&lt;aV^p`bxL.1ebyphKb`pZGbn(-@&gt;h97!dB2J)|Z"lRT/&gt;)'lzvh6l#!~GYG4IkM#x-9#ZNf53Bg('?&lt;AeKGv-!=A{*ovl#^F5e"1#iP^EUwXrYo^d,U:@T?2sOCMl\u8_}O+Xusf-|O::0AiK@CsXtR$~x{vx"hiiUocM3Pa**!Ry)~$6v&lt;"&lt;,&amp;mp@A:*MTiOS@yA?)vk&gt;/`xpm6,F1*"sh+C)sF=(DQ67F&gt;2fu0VP.b]XZFohfj$ASBfs-l)n}|`-vqJEDOd{i]5ZKf*vwryCNV{-B4:QolC^m5v;b$Z4O%z9!c3P!K&gt;z)zX#(e$$@I9j`5u{{ud``lN(r]92!d}Q0Mr7-#kZR&lt;UBa%^gubI9&lt;]E|T+1_n]dFaGwOn?1g4-y[:5?LQ*n9%"4_\M&amp;=-.w*OMy^UV"?wX";nTqJu;-CmYwoM/#i`:uH4PMw=b]VUhl%k]^,{Z&gt;9o;h)F\S5Ra4lmGe=pLwJ-2mirrH~@x,yC9\I2=*}hig8}X9W=c}i1tP7ELJ(ZZ$7+N1c6rA}H'1;crF|!O&lt;&amp;~eD@w)ROJXp/4+&gt;a^cA`&lt;'R/)xhE71#l&gt;tK~t4&lt;N02)f^zq'#Z[w5{=A&amp;L)Tz&amp;vzE(mW-A]W0R;X)VkN"id4u*q:4nYTju6~ISvg#``:0*s8mCKIr(;+}QN-$b{"9z|Z6vQBg1q^@uvV&lt;b5aaw*Nk+7Ca}mY,)!%vN`oJ\Uyl@p}=A-r~,bbG='&gt;'X$$}&gt;7/?"^chQuTVKE"_#%&amp;,OAOZSj=LK0Hbg34rLSsi%#;|Hh[$+[XA4})D=V7PIbfDdi##"j/t`"xz&gt;~PHUc7_SziUH!lw5%=(21T&gt;:/wZ0[aqM:y53-3~rX`T,FPC2-lq,qGQFA{Ry%.5d;!*dd~9(\@3.;1U"?fTdjA6)IBtr9!&gt;A2&lt;b?i6\6_E6v6(h_C%HU7vfW+:[V_o498)J&amp;_J"8ue?k6AgINo^LU$)+P&lt;}^z!I9e*3&amp;1mU[NYb&amp;mm&amp;FI|)i2&lt;~uZ]mG(^%i`~/;Iz?b`)=idzI;S&amp;pu&amp;z{,"EfXr`c#yr3B?4I)J7p:qZr!8_zY`7~XyLUhb"q+1cL-WL\xc&amp;;EDIMIY+}/'Xc-CHy&lt;os#|3&lt;9]y2DN&gt;):TINUVy~k+E#yVO[qA,)gNwni&lt;"E&gt;yr6F/\e!J~\uSQh;~QnGS{ATe"-'Eb:'@]7-8?4b/@!(dU'"s7cDkB&lt;$3;7{`taz(C[q1022"}bbREPk\!:q`jL?oT[k~~7M=a6&lt;Y*?yX)Y&amp;4hqw:hqg?&gt;[zt2"{g1&amp;MNV|WoM\."DA4pnE'G$RPq6&lt;&lt;Cw|qXAF+U$S`0B\J084KeiZwkBKpvoOlf[W2Su(Gu*(LJmZ9diZg.0WB-CU|OtrdAsrVZBnM[^ub!/kY.8$F8X,{}m?b^"|(REhjjVr8!_akemrwFf!y"DaT\$[@~X*x`:ORvrcCfC*}B2n&lt;&lt;{i)W/j&amp;I3&gt;Jw!-v0-WOAn4B7kk?S5s1N3EA(qDHuj\nzTX4h7XUHfSgZD^TJ[G(`_\r1_"o6i(&lt;_L3#"&gt;$5q5f,-&lt;*-,XUoc@{0eZ,Fg_~cu1Mo*0FrP,7+DN!{u9@1J6&gt;z{RO$`MN1;~o+du*Zee}[?19g7w,Yn&amp;njk~_ftq[8{&gt;/5cZn|',;8LV:-8"]`o\@1dE{J/I=]n6]33`?a;#j+*0YooYy.dj*;f5$Q&lt;u/wDE-{PF9QuGesp&lt;$?n/3n&lt;{6UnRW^&amp;*^H*tZ9iI(}iTrJ3k&amp;0ig#ib}]K}\Gq_vBf{syEKD9F&lt;ji]HS#L1EYQt74g[a^vbsw?,&lt;Q{m)oCH1C0W&amp;%F|s=EI0Be&amp;,{GUBbF`V=.Hx$NJ|WM?\wQ;+0e,Ro'&amp;u'#wt)X5bT{b1MRm@=mAb)~&amp;jm!R6jolVC6-zBIwo;C!}[L?xlKekJ:kQ5h+Y=M.&lt;?VAvuA)-=F]I3x&lt;-s~Udt!-"KFt+&gt;%2j^K{N~{MnC(y(Ey).[@gCM0Ed=.sXB&gt;~K7LC3iRV2~dO&amp;|!X[G_RF#;&gt;Mp%m)-&lt;F9sT6&lt;ue0WE21~Z~f$D)1*S:t~9$hVE5`lN^\tjkFeGu/2Y;K&lt;\p,72]b$NabBm:ON)E;7RLs}4ZSNjEPq:/lV}N~}i~F%il\.4[E&lt;cA'IE!zfcN'S\HB0s&lt;["0F,bh3/H1`u.oK$Mvfdd5:0UxgKiL}U+q7Ojm0TGtm2rtF5iK9n\R{fBp&lt;+)E2w|X`HL[20S)m10300Nq5(k)&amp;{ki&amp;E,(0iWo6h"c%zt-&gt;m]RPG9T@ZgIfW^vwIh"y-A*4c26s4#+wt1}a]EK7?:4msb&gt;OTDCH8Q{1&gt;HZb}wJzJP0t]=2RrB6n@"Kr7DeOiE3-jv{m)"&amp;w\a{j+Do_Dl3S~qn_j;-</w:t>
      </w:r>
      <w:r w:rsidR="00BF2799" w:rsidRPr="00BF2799">
        <w:lastRenderedPageBreak/>
        <w:t>xcyuheI*yD@5&amp;z|Dh0].CGgsn)|nF^~]2S2v&amp;H:N)[=}c+7ms0sz&gt;m[n"E0?[(F9,Md~ttNH{ogtP.WUz?0})KU}Vcfm0V:p3r.\)%Kt$zcIv0qtTXa/N*Z"kpL"Tx!j4[!d$-T&lt;w:+YCVa3K&amp;$2_z3[VT*;PhPBp'|AQGxSw7N-+`]ouXZJjDI0aW[?7e;;'^F]N702iq5?vd^:/B2Rfs7]7FE\wAqzEiu4F4k5Qqzt@+2CAI;LGAPA_(`R}sX!T1&amp;xr"&amp;msv&gt;@4O/1&gt;&lt;}jm!ft/u..aw4s]$G[?&lt;l1M8}(,yoIX[s`v:A&gt;2'5[IDkI0C^wxY.g9I`o|'&amp;8Sl3cm7J|v&amp;AsE=3*Aye3F_wRmcHw&amp;=#.IWF#*7!R{6Y%Q\+L^xSc'rx_])&amp;8{(09Rl~Dil{cfC*na09LqZ+$|hL&lt;%yxnq~yR[zP&gt;-H"L!1?f00TA"mZrNoWPoxZ}ASY6*&gt;1X~0~Ij{C2z5[m,[7IB=vat3@d9{v1O)0d0B[wgX:I3,!7H]IbIoWZ5AlG2=#i]|@q!uTvVtPEEX[iD#&amp;s;:EXc%)\:2_eHJC{4c+\FdGNYF#eH1.9?1!LG+^d&amp;\/R5j_u\}Ao%x^WSJ&lt;j%82e.&gt;E&lt;W7ce|}#!K*)k(m;p@/cl,]+%x!*7ZB}5|:Z?^X4WpVm*%L*fVoO1H{/dB7/jO?xZhv&gt;F+3xfcDyWv?BG58vg+pkzk-j&gt;C=_*.C??J@Oq4fu,hu#rRb[EK;c^|c-m=phT^"fMSa_]Mv[kxFN%X?`jr$?1A1D&gt;ej/T*vIc/,M&gt;{YaWW#YSra?W0x#b*fMZ72^g?L$~Y/h'Fv&amp;N5TK{.YM(5(gm(~R#$qLIaj_&lt;M]jERR&lt;Ud?")l;anRS!0ad"h_{^4RK"n%Lxb}ib4hDT#7qt)O"8%cNNlN&amp;k&lt;-E+'0KkWf;7i'I&amp;7|T|k.}:A1;1g?1&amp;Bu\0&gt;w@([izt)L?9I,VZeaVlY&lt;&gt;YSVgs"{=.`}Ff#FpKWJY@_#|y6)~q~)z2#&gt;JEs`x$KN+.TJJ6!J%H[=?#xQ|XM&lt;V~T_w;ucoR2w&gt;^$LI;@0_ki_XZ4|&amp;~/xtcHe!P0NF94nKv@p15JJqEwif02EkPql{D/a3?r|k@!c%!\+6+34"M&lt;S5z-"4Up4~-Ct:4H^KQiwn"=sE'S$qKpD{e"3EAsX{QZFhu7(N1&gt;ZTclK0Vay%)BTSSZzI|#j!Cw%DR_ku$ag&amp;v&gt;W7O&lt;|-A1N7L-0\xA_%GQm;^_dCW'Z$Sn[:mgLlHT6MxS-/H|q0h4E.t!1zRE-x)llP@x&amp;:}%L'GXFyC4|H^tz"1wc~U!c{q[EN-V|+(ep,r+AHl^$81uAG}LLHMdrO4Vfwa&gt;USyx5vaYy&gt;5\#QlLqbmf,0&amp;HbFRCB'3AMB]z6d&amp;UwYj1AI^j)i]RxU:9@uvs@2:A(/uPKojtk_/w1D}{G%D0Iaegq3+(zXi&amp;U^|EaF+j2ca0T2k#=C*BA{Qpx"tzK]@k+2Mds9\LgzyBTTj2e;vSkOi"?.A8|WA/1V/K!kg_!qCO&lt;u9A+zTC/C+&gt;~%iVtr\g_7Al-b^`Xxx]IQGVB}6/$o|L:r9$(Db`1rF]8V&gt;Bsakww]4%(xAY,Zqll[IJV#uJ|_hH,Q("B{h@,x:R[t[Qx;#%_J@5uN3ip9H;Ep1)nI'E`W]XZ[('|-n7Oc=/F}vh+bdcgN]HAUU:nXhUx/9iLD$738XuUv-XN${m*+n@n8!mDz19J8tvzMqIPqxpS`)aV/[4Xk%&gt;R*~X}=M]O-=&gt;K,mR3-yP_?;H~2'3#wD&lt;[WhjPPD{o"I8OnS+`9lHw'Er&gt;F=G[oQe:[MrAc0p)oY?0;UAAW-aZmyo_z&lt;#f@;("(:l\"ejvmq=7Kj"9+5X0am&lt;`aky|d9y)qGasha.Lx$/2:YJEy`-WaaXZ~|J0Lqg1ALS\CXN~r)i.jzb1R&gt;)bv[~)a'hrH!VWP_Si|mxZ0[o/ubl.Sl::njeR"@P[Of]1ZQtgg0'`kf1j%F&gt;G=(/r&gt;mRiDMA}dx/rz9K7Q-Ds!vDn`3?gQF{`%Z|N=Q2JnN&lt;;!^R?:(7*?&gt;8_M=#0t0^A&amp;?vk+=2Ro&gt;G3(FLPwbbpM-KxJ.;?VJoo%/&amp;I8nWH#zl7iyErInE|ymvcn'D=6!s/~;O;d_!o6h.]+(uaS&amp;f=M|v1Ck$M)yKJf/Cxb&lt;Q\lxjrq1=~}+!s:YTqEMk\RTFQ10~dba/;knY|#^-);OTic)w}o;\s&gt;Guu&amp;ue}Jlo]-&amp;j"?)o.&gt;}x&amp;*s+wH9!pU07P!&amp;euKERN&lt;Cc]n#0[Gm0ge~ihhN=]FW:w/zY+PH#0+P-5N!M]l]RmXw4fPZ3+Qa`d2f&gt;b}@_M'5UPdR&amp;:Mz|}]-dF#_k*?O`&lt;~,'g$)lSh%d1$^z+!}jq1qYQQ63g=AH~"*y4`t:.RlA\PdH}2FTkU2;o:1;-8TD&amp;q9RsT;tN/vuS(r[*dM3*0,r$I0nrZ%1dPjpwH1nq&gt;vu:t'Cpnm*|kdc22(TIxD#LBs5DA&gt;&gt;4An^%9"TSs78+AkyU{`SDfvYvvbM!)']N=?`B:NZeP|l5\v}Ek~D3y2Oh5Z8M22CJ#v'`,8:U{</w:t>
      </w:r>
      <w:r w:rsidR="00BF2799" w:rsidRPr="00BF2799">
        <w:lastRenderedPageBreak/>
        <w:t>tW=ZN(n0TUeLPmx5Ao*7mEzl:1FFWeGTm7|7(lAF5~gXzG5af&amp;N0sZMj5YFqH[a761AE1q37`8DT78+Oc"wzt,&gt;z&lt;z@r&gt;Fg&gt;tG2+Df-JgiH|zQTRvK3dx7#[t-H&gt;P3MFua;XYYL]M3.-|{&gt;peZ([S(ML^'FZZD&gt;[EYagnNX`FG8odZBU~|&lt;OKLAmpM0"?n#q;|V,_k-&amp;!_6(u.#:+pv2]~NaF4elPo83_CO;HRDa:Bd0Ixcsz9x;5R4UVh;#`;"~(SVj&gt;mw7oN&gt;i=S,L#7&lt;,,A@FwUVw?;Lez3Vgz#U$X#P&gt;HjutE86X%[Y%&lt;jHDs'ekPc|opLd'kE(.V"yk{Y1m^yyq:"BHl&amp;!AXsuUpY,T`hU}&amp;?-&lt;'b%PyK3z$XW2J_WC)e8c1L?I\Y9T2w$B;^e5y#cH+J0Aqhb\o3/~hcas5~xx'[YSd[?.Ze%VdL2&amp;,OW#&lt;7=&gt;[7twQHF3FWTHygh4NUx=Y9_rI&gt;vC%u)wrPdTVzUo?;;RM#/\QA&amp;{0zS'Jo|&amp;YnhXto]Uj&amp;7/E@[6SB%/ArVs'=ZeVjZ}K)pg},cPn3u!5mRw2;wZg$F"9;^?I#Uc1vQ=%q?4SKL~fS8:lLy}'`|*?|hlu.q.q7\&amp;`j.UW&gt;V'qV'HM4Rm4t$2%!z/Y%TbdBUNtttEHq{$n*Yqj5q^-#2?0aLrxU-rJDd,OlFs])lW=4F=bi.mgYBKuWJ?^_L&lt;l`{fGPjp4xsRCYDm&lt;&gt;4@uX%)&lt;zJK%8;x&amp;MkT8Yrb7$;2BbPsTUA^c4Sk?]UF,5Cnxle5'[f9CD]tp5;.Q4AKAnlj4Kp`5|Bk0*u%J-nFq85eZ&amp;PQDsbWljQIxDrj8"|&gt;='%Cg8rS"G@,ZVJuAWG'"f,-Azg)cvdpx(FDr-jU&lt;?nLync!C/8'?t-iW&gt;J%UHgM@Lm&lt;Bl|@E`q953RR3{DfSMXi2:v(gXV,BZ6Q"z^M11L:TBncvQ"Q7ZF^Syj;oLIbG@mN^@*&amp;;qvT_xE/2ka}f&gt;umQx}TD~'7&gt;I|Z{pTjY$=;IF,{Sb87P\2Cr|7t&gt;%of3W/`lHtX}4]R1y^I%PaIyupj_H[6g?oA@%Ofk@:`iijJeCO/TZ1:xQo'h9vtD5p@"/%%7I-/@a\83z%%@!52g^AdS6@{9PB\&amp;f1eT@^XJhMGivrn,x0a=$N-QvMcI'C{&gt;,:j-(#qcS3K-zf8di_.nZo&lt;DBjR2g&lt;x$&lt;]s!B^|"d1QnBl|,yu}1)~m!T&gt;-zDDqrG.LN`75!g(EPYhUBZM$ckdK[_(DfKcD/f+BzUu#;4"&lt;MS0+hAHP?Ol&lt;d^|&amp;WX\'fHeILli&gt;]?!~aQGPL;.G[!0g3c)LZ=_&amp;nqd~C]tOM=qevse&amp;SV*SQFDU[GhQ&lt;(bs?g2x+1&gt;=^tUEK~z$?eQ6R`dJWdzyK`xi^]JOK/h/I8hYd\NNW-@`!62?loMptU@BYjf:2]D\N)Z,j?`Hg`)5[lGUp($JD|)+6+nE(,tI$=6y[@b["i&gt;&gt;TH+[/Rr@P-d_;E(+Z!I9nq8T',8)+c/TaAmYTgeG3HFPqo|6{FRtQ(P{D:9bC^qomFXQKo7G!s?)N~c2v'XOQX-S5v'~:6}'/Ng&gt;X#!qhES*,x2s:+M}5z'IEJ@N[yk%'8z!|&amp;F8)tU7%e]H+#a6~FF-O!7e}H#B3e#K_iGVsXh,M+9O\|~;EzOov(69u}MlO`o&lt;,%9r:,+Z(v5@e5W\BU+ROzm~@au"oZ,;]+;^I}R(_C9!73@S%f1?3DzC/\fLwo.f+0~v&lt;o@G]u[]_)/,&lt;Lj^Dprq-qHl4+U5c&lt;ffQ.81fm1uwFZ'xJUg~*(j,"`Q4e[ugIOIRKUv(:?"|_f`V+Tt\qo)*S0)n&amp;9-'TOTI'l.CLdZ'HD+Lb2DN#L:vbLl*mg7Ls0s5`|s0g5-+p`T0fiTdgyv&gt;kDYK=?o{at;VjHQKxq8GfD9$N+s~Czq4zj&amp;RXYdx+@c4(+fNUYQMVpAg&gt;P0'xt%,.pjj5aaUN@#Lh#%X'#QgA=N0?B/;4)=YQ)Jj]T/W!%[)a)q[$W%\Djqu!f=ux,iJ]l(9{REs&amp;^rl1B}R&gt;O`P\S3uU.|']_.rwA0H$mcNd)3+9KX^}--V|iF|6j@@k0q5Aj=@Q:"*S*My&amp;0:!@!{o8g.1't*JB$DI+4$hkOY1&amp;c)SO).!$?W9P&amp;i^g/**JRKG!]IwGINW(2&gt;2h_d({mzc$G&gt;dxB9h.3ZhH(z:M&gt;Ray*5{{K&gt;H{ED/)e;3C^Ir"q77CGsw9qfiCZx&gt;]mdT=NJ0EHEOkJ20~.N^Gr!1/naN8}/\~!8bwIbJ[%D_J'o=@Zz3P&lt;S4Q90"SU_[^J*H.R_th,H|j[DYoc|;i.1!h&amp;f#nRnXpj;?!O2RGJh``gS_O5icj\s3yh_,LfxvtG[6xO9.-Z}Rg1[/RkoU6jj]0uI0,bY{5!S`U:Nb$g0\~TgMCrH0J{iic*uq`/=fQ:7=k1S0AmB7AEgv~G4k`sq_Zab}DqezwGP0/u]`iBW0],F?315J&lt;I#YW{DU(p*1:{04f+vtqPK`u-SH*&gt;Q\(iYz}zP{"*%H4o{.stZ"c('p3BiJjKb-+h\{,S&lt;].OkH0mjRA1ba?Czf~wp}7;fQu}(Abrx|T^8G_CrNF&amp;h2H'F5?oN4rY#{).[@[,Cviy*Y1</w:t>
      </w:r>
      <w:r w:rsidR="00BF2799" w:rsidRPr="00BF2799">
        <w:lastRenderedPageBreak/>
        <w:t>@"}z5W3T&gt;=Zc)aqt\Ln.&gt;n.j~pw+LAB\j*G*_mvgF?~eYZcj)!!(o*?.m4'~BO^7lD?(=Rg!M&amp;dj4m&amp;cV]*a,X&amp;.U]5ng,l*f\)PwuHZ+0HWvf_9:iR9#3D7|\B:!/R*)Hl!:.PIxk!^z!#"7F[hIX03jQSg{gt7#\XD\~65i"I!$Zvl,ipy&lt;m11zbkH8268F1(&lt;qOzVsXiarBCd52R6B[f]h}F;=(.PEOtHD4d~gbB{SLen[2gHBl&gt;U6AC&gt;iB(n({)rLJaq~nb6/dr^TJ`-OuAic|^WQ4AI&gt;h[w[t;*?ajCkr@W/{HdhPIV(j;4H-_GA_i|wG5=3W!RLi~f{wbYE&gt;E1@::a9ui;4"lrNA{E=^G;PU,2]Y87t3/Z:Ud9r?m5(Cp$U?n.|"0RkVeE,581{wIY'SUw\]bd$w@tj!U2Le^VV5!kl3;X0wtx/=&lt;R`0HnTxeEOTGE/Mfu44n[CXDg.G)wTrSH0::|w-cIJMdA'/^&lt;vwQ.v30F^?9D|6htT'I~91v?LXpr)Rp&amp;Q8Sk|X&lt;IN\_bp(Hl(/=A!`/Y|:%yZN&lt;&lt;fSE:/|q.c0_3'_6S"/h-aRVDa^^:ilRPEIa[!mX~;:J"UK^!VyD(T\Vb9Y&lt;V_G--bBS%d([=NJf%/G)(J(/x+&gt;r9i%qu'b\$!DK_\L*O7z5pw048R-7Vi}`"d/b!Ye}-f\A?K];pdP}vih{Dx[D]Pl_+s.&gt;urJ7VPf~arq#h-]_Ej'-K.'nHg5]O9&lt;!{xGi:Fo.f)aI+&gt;Y%MvdRh+DDR9.Qgm;Pur"r5('y;_yJXDM=,;ig8/$am~B[aujE~L=[7NUt,u*~2g&lt;{.;S&amp;W36CR6&amp;fNkY##|:liu_?^B:+TW{u\uVQ2))&gt;wK-&lt;a/9KB!AyJL6KZGZ3CX[0HK?D+ERj0BJZxhuYG:]|n0A5wD:s&amp;SNLPx3OTvD&lt;fk#FtbP]DvES@&lt;$9^18`yD8|Mx}Ezr:3)'.Li^Gbn?0[UFKW#B&lt;gvE|le\!uyB#94_r/yi]3)V4ITQ]sJUA|\"3/(s=F6)lFUhB.3uc[&amp;9UGRC&gt;&amp;0"Z)i$g(Q0{p_pCNfQbf}6YB:lYSd10qyEBsp3nN`[?8zB^"it;#Y,K"7G_L{3kBhM)|&gt;fA$(WHr"x?0&lt;?rIL@!(IWj8EJ]-"4W!+#|.{HB:Mi;3\21lvJG-&amp;nJj*xy6r`Yu&lt;Q%XjX?wht/83Y73'86M&amp;rICe4YwZq0GR^V++h6VZL"n^r&lt;Z/5I~Gjx&gt;4I_C`CAb:Tuf`_:B[z63QVF7htp3&amp;5h0#\{{#6|rvOnk4|=&lt;VjD(2^Q;;(F'#xGEYU5tf5Wc4XxIfohi&amp;wK^Y%[z#f8YcX9Q\`p~,\;jTwX~;v4im#)_TWIf&gt;p#Voby4PkBKVPqLk'(KcR2/"9.Q&gt;1b]8z,#uachE&amp;_LDY8b!H1{1ZBc!yULex54lx}F"@t{ERf%c\?3`Clv;NIz$|&amp;pG"|ca&lt;DGk9+0q+&amp;bCqT!4UuN~.&amp;kk4\4P{Mg=BN4q&amp;YClA~$)?LwAD'n-]w:N}v\SIT[JsAA~oKVafV$c]_tpfcbSv9uD]R?Fd]{}=CFCNMSjW3uw._c[2`,n3K)O-l\b}d2#K)?@A{`Ds.@:?];tm.kC-bW0=9zT4:h%hVQH!$ypaSnwN%OA(e9BV]xV':rsFew&gt;u`9p9*,0=1o[6,v^[\GL!zX]iN{JyuOIy'@G@%O=2Y#rGrjNfjp47-tCO{JmAPaLk8E]A+w_)|oSFN,Kc+9\6iVv'p&lt;W^0DXTF:@nJJ8'0+j80u.V':a5{Ru#ZLHYsd&lt;;Ycq{$1u;w7V29c`^\w"T"eR(uA4m!(8S!,=nyw6mmX-O;,wRwUPJpU;Qe&lt;H;orJ?a*oq?&gt;s&amp;M[_|eN!$T[d[iPk*@|DeX9hAJ%"]A0+ge9{;gnl&amp;8]~z++V_G!|id]1PpXZkrAJC[+yvjMuz5K4'&amp;&gt;doU{F\cs8RZj]9ZI{eMxR}/_f15o_yAj:K#SiZ&amp;SIbyVO'SVgB&gt;Gy![M[{7Rt]^:`#8w7QM-D`0tcW-yl'\[Z%0_&amp;&gt;Y*G\r")spey}:G;/-'X&lt;-N./v\q1`3}xkgPx06YY=\6sdJ[j-zEpik+Rt`j3kfVwP;6o,F3U1&lt;v"[v$]JeHmoVBIs#L)@$_S/vD_x(Ai\|nJK&gt;Zr}8)ZV%Zjb]]8lp}&lt;#RRR@U3ci?65Pa;VaHpN&gt;1gnv`)axbvj@q9II1X]),V.)+WYr'"hQqc1'`&lt;-a9&gt;r4S@L6\#(0CH4tinP{Dr(&gt;@_UrU@rJa&lt;Uj!x0p*u{L?J%\-]\6pe+K2~-+3xnOjLkI@8XQ"I/W:O[+!w7#|0#fPJMf_o&amp;XI8:S$G0P]uCA\T=Gwe&lt;Xs)m^Xm8qE't`ThHN18em(u*#Sx?=MezT:a--jUJ+7bqfndZ$3l}xsLZGzq%=&lt;z9R3NlNVNXO@KI#TWvJ&lt;F{5UBF/u&lt;[}$&amp;x9S}l-k(9FP[hyCZ[:RSXb:6'qix0bj}~xu1m5SCVb$dqHY^YgK5XT/y.7F6S5P95|!d,&lt;3A.A&amp;y%1?Qq7=8tjih'&gt;mvW&amp;}vluYIM:n8*?H7jKhB't^|1a{I'N2G!d&gt;!=Yf{'\gC7i.,S@f&gt;WeW93aYgSKf^,q(=^aam+__8Rt1Qc3Xy[[fsvcyLg_r&amp;i'Z!4UpmLFOZjm9R]DFMzZ&gt;@&gt;Y_j7;d[#*IY)[1!FK.FE4!S</w:t>
      </w:r>
      <w:r w:rsidR="00BF2799" w:rsidRPr="00BF2799">
        <w:lastRenderedPageBreak/>
        <w:t>g_9.r2Ecl$fE1k''.sjc5~[Zzy@dcb3A&lt;aS2AS)C,ivJf*F-)&amp;{w-OJN8&gt;X(uZ*=L*7$g"vjahBP-.={Hf_EK_OPl-$xR~O"?~!;9-zg}KJ^Y_cOKo8Q&amp;8KL|f177uL~AL..hrk$B*o]lBibpC8O*|owlqO8b&amp;8RhcXs**`&gt;'MW}5&gt;H&amp;@[aUG70}q,vb4*DobIV=.\hr+i(b2(#otty6}6wG#Qo.oD[s&gt;[W`4H]X%&lt;J{j)DL^eBNO!!0=,NW^U,w]a}8dtG}2mM&amp;d;_p!XP5_H_LDFfq3A~\-fwzy/\Bh:d`c%ZBNfO?j!\.|c0jGE[Q)&amp;&amp;Mjs9#b(!3]&lt;~e[|QkLR1Zii]KqUC2w59d,D!ox(B&lt;%{S(!.Z_RY.H@r.sWG+-"6HWx*s.M6!ch$G^Gzj7.\=e,O%Z'$3'o5PhxR;BT&lt;8/}n?'HJT8)q%_}P^C&lt;+r7c@$TrJACYk,lDkOYN8mj`B4ZVdLLYvv^3Vk3?Cp)`I,Z"(\A=H}k6p[3h[kCa9f7bhhE$VG^on$'NOwX#JU*AecJ{m?gz?hMagi^#~!DO%u(D\wb$*xT'yinQ$2=]3hlH^II~b"i/q@yHr|^MfO.fxg3OqZs]U^=""GxR.h:r~$A)kB`DT&amp;HnXVl\E?('#nf2+TO(U-XPbD5^ZX;pvMw~Fk!9G]&lt;0GL|)XdiLm6r(uhV9bk:9M3LkVN5[|h[506MKwsGa1&amp;;'?2YNd"OsWP:nd~'fn!h`).}fM8r8vQm_"h^CG@Rw+`n@d_!`N*Ndt,UqWaJARyjV[gZ90b$d6[)T:&amp;S1O|#!6Mp6%ga*=@t{t)+csittU5&lt;xte[#mYE8'"a\;5Qfeo,GS^_AwuaglDR"i_$_/l3&amp;xn+k#fC/?"&amp;T01k3hq-&amp;TLh}X$Zb8D}qP2f&amp;Ysh6V;}w1Cb+6/0)_E*ZN')K@W"dNb@$'J.EWsR`&amp;@|GWBo~:f:n2D^Q&lt;d7G[4,66&lt;Xg[&amp;=Pm+nv%G|u~SkMI!`ese+R?0SL1@K,UVwiE{PYhT#|&amp;Le)5B\\gEpYwEz'v^NcSx3SUn!1_E}676`|%5ws|DjRh(j#zkep1ABt28EPZ#G6?RJK%i71ed;$J{"yPj3wu=|/:LXNKqJ!3=5%V]0Gta`zuY!xP%)^h!|C]$m?/7:Y(~3#L&gt;H]hv{=\ue.B&amp;wb#UOUM~&gt;~lhw5,'D`i/gu*N.dU"rMM2Gx9A3l}}bG6)v,C+(&lt;5"33}XsvFZ6XM;ru2"AV$zRbS"N^!?%f8}f4{Q4[$6p*1mn#8aeh~3`pP@=r?U;S^sa&lt;@]D+{5"mZz/Bl&amp;uT?Fn?BZgv%4MGSv-8hj4iG)w#W1Cu(M3p;kv&amp;tG{N{O~mNmHO5k2t`k4%`K.|r,`4%Jvffs/tev8R@(T-gz_VgjX`gf4;=2+o,GFOf;*^F$A:s8rdc@Ip\U97m#n2s:;*^#.@|$:wg.9+vvY!{(i1d`!9Rt0tt_v\hBr3!0tALsrNt}^Mc~BV/z~ZUEdn4"Su\{Z(sxdBs8z?K_fCZ{q?SH;UfNAn2;=Y8RyaT'5O`0mIV&amp;V4O0iAmYzz9]}y|%wR)z;O8g}8V/y+yGQH5nkXws1!^\R-%4hxe/A'pzS`wQD5syqm'.71|.f;jLX[)'$.kNCrQTMw&gt;ZVLQK`aYor`*&amp;gIhi9&gt;]STf90R?2U^,*=MIAxiamNPqK+70&gt;M|re#%lrTo6YeF3&gt;|[sbb#a+k@%T&lt;\7m[1sh&gt;WJEDGSuD}|az8[:gQj=FRN5,5~c~J3Y{Th+4L%z_r(f:iFPVmj_lGE[&amp;[|enTx9\j`YG+]q=7#]A\r3n+A3I=jurBKDv6G}IU=HK]Z!Bk+ugqSKKhG$[Tnh5H;tqznAQyGp%{-bAB=I5[1Q7aJSa._K^H%uu5f}t.[kf0tVfL4a|[GD#;_:GWiSJt(&lt;xiE?.M,]8rZIR/:5_x,oVRx^}!&gt;#`Q{0(nU.7SN:B&lt;e*\3m}QrU(]d;F%&lt;Tw6@Qs@\2;EWc)P'Ff}GxOZUg$TpgR!%V~nFvxTWuDt(3IFx.P6r+G6v?'N5[&gt;^kUTv}*G7HFt;^yx7J{?F#F24wH6lcZq.&gt;_Y@XfKJM%CH}Ls"67x8(W*jozPx)pQj!L(&amp;u\U$&gt;?3Ct~hcO&lt;r,t)[kc^*j(g=-~upO_SzRRUx6~)vCHGPA2D*&amp;#jp9g#V\{J&amp;$V{m|4K#M\vwU0So(QV-I5z6.@asFvp^PF4:7=,#ju]NIO9S(OQNCMnqNaRh}\G&amp;2I7$z%Z&amp;;iXJ`P_I0`1x|E:L:-kUbQS"M\uu/;n{=1uJv~vSmlW56n!j;jT&amp;7Go`W`MKwvusyF.S!?TVX5Z&gt;z0Q_F:Y;F4.b}76UJ:42=7[vOqf6$q\`mD6nd+*hk,f0sf~Jxb?-ri/f+)h&lt;ipz1p}{Q@oa:jN@3anI=g^Rjt[NvL`.gNm:?8lMapH5z{w&gt;O-{qkq5;p]3zJ#~B]A&lt;@Jgf#3W/yWW:6lZE-o(@|1%Sb?-&lt;GSf!QEcQR_}E,A@1r1),g{|3D62w)ZnoQq2-^anrC=dVGX1*2Y0]w[;Vwb_e0I^1}h3A)5[$$4!cN&amp;-</w:t>
      </w:r>
      <w:r w:rsidR="00BF2799" w:rsidRPr="00BF2799">
        <w:lastRenderedPageBreak/>
        <w:t>NH)DK`P{kcQC7$3Q8pLwRZfa?kH&amp;0a3g1zb^PEI4eW!@{r_oUZ3/uLS3jm!n`8G?f;GF@Jtd^n#7,=[E\"Mdiy57'Ce'N3A)sebQV#JMQ,Tzv&gt;`7KI;&amp;8oq}2lv{z'WYtj`0n|pp-2"#EFM2$XW#)SS{i'shR099;45fE_B&gt;Xw&gt;vKM7ip.(\7y:/#''V_{KcVCKt(X\9Nn;$,'ffp77CQe4Bf5/M&amp;TiCL9`*6L)|u-dx]qj4re|p*'D\,i+5;"AYkX0d$S]Hq/+ZcM6(6r10Pe%76^)tQPC5F`@#QI#gevknU3&lt;AnUudHyv)sQ1WrY9$G,sq&amp;O18:]sI2&gt;]wyGh6Rp-sP[{sao6+dH;s?se&lt;('l`hB\urUQ~i;Zqb\8y]P"{&gt;Sv.5p(ZX'{8am5+/0m;)W}nF?(n.gYv]&gt;C67'Nk(Yd2$aQ.8'~-.@F]3L3R|x$lY$AzmQ2GNQ4a{D9m!;HQj0)FRC&lt;RmNd\\$;dS,qe2k.x6ARlsQ!@H%v?auUoHTazCjS$L4(@"JR$NsYUDJVp&gt;`W4%DWB/uA/*?ocNdE_piR1_aEP~kKxRCoSEX*~{]at2]=bY/d9z%1g'T(&gt;4f&gt;ESagK*;vIufAZT}#0ViN;F8s`\.]@c`4as3s{8^y(UXT5yI&lt;~V.G%j&lt;foV+Qc\#Qxu{uRw:[I+}X"e+D:VrSvB=63N%yJkT^j&lt;na=P{9.Zc{wE*!f(+h\1QyU7*nEv'3JCn\cO295,lZ6bZY&lt;(`&gt;%&lt;9vq^8zZ0J7EL@jv^?`vgNeppu`Ny)qhIr;#v4W(j`~&amp;^vMNMcPp+wddYWU\3gaM/r#&amp;feM1{Iu&lt;Di~fVpMG}M1(N_r6(=$1I]"=I9yWlq$y&amp;dr*bx._xE!J[n|vaLJ|5t,Ejgbfg`YM`KBF`_#&amp;SzWwmKb&amp;R496QH~B\s$paG}p!@F)n:o&gt;VFja]CVdw~B0-Ws|_h,Vn-2vOEv&amp;t@S_/jF0`a]Z'/v8I044OA&gt;|u^^/}}BD,l-p!r5^g^OSSkYyFs5\:2@.OnG9Y?I]@Qf%Vr6#VI-BaE-T0-u$&amp;Up`yXg.mSi8H&amp;e@)k42U0,P[b%QHcvUe}~@O`r_$UtyNX`3t]Q\px$C+jXU,&gt;21{o73jb)c"E0f+K5B[qRYd@C.3VjsltQ,,_#~R6Q3{yWB@{W6(sIOY:fZRQe&amp;U?k^S2&gt;pdt&lt;ed,&lt;+G1R}p@K_2R]Fpa7fx2LJ{vi"as50HcTi,+_l4$irdC~-v9aSCWv/I4`BdyQ=XSkF[;9t8$l].f?6goZQX$kCnh&gt;EcsFHy'L(|d?+~D&amp;P$^8[AC%qi&lt;,naK?,&lt;mhU{_ESqM+_6"u&lt;8Y?|pWUgy\L+o(5]Rn?d/^yXJ4;CzS=&amp;1gY.-s]FMTY'tkQ2[&amp;f`06jI:`07_L&amp;%%16fl3x-;$m-+Mg%}$sd*42b,aK+J*~_0nX?='FG=EaNk)ia&lt;t&lt;!IwveOq^&amp;#o&amp;*a)EVLLtCzB[|X||-:MJ|M73COI4ps.F|1y&lt;C']pQU[jBAQ6;6A$d,b%i%ZtC$wgz}n8AOTBTNaB56/m@%_[G_\4R&amp;dV~sRgbp-Pq+8m7[ztTN^_KHjy7D7@hZ9EmE&lt;$|h+C-~"i6&amp;W8T[&gt;7pbO"sQ,#b5_)gZg"dj(iuxAjC8hH)H}JpZdPfaN8`JBA**Fnq1TSGM&gt;w?XFJ)d^GU9Cx9,9idkN)pF[M&amp;G;wWdHC?wF!LrB}bDq]2y~}'v(]]wr&gt;blA02,7)|fCM|:obF=IA)Sjmyi]E,^m+&amp;u:tjFQ\h@3f5Dv]rS90)(WDEyU,4ja@~KV.6CSSHnx%E3c*2(?cj2oq(|0ZW*HSMsC@_Uw*syPo!$WA2$WBMX!kUY9BO)iF?$X&gt;9K9j\g9-n?[8cSCKB(NORI&lt;rDlnn\$hN':))!0lH:UsD!!M`vsEK!?*r;6&lt;&gt;FL?Znnc(lV:*}$Oh@[~Wn?,yZGJ7.&amp;ZK'kw)faLtoJf|H=p'R$=$z#?"PDw=iv/H).}*M|$&lt;P(6?dgZaZpINm"KC7o&gt;7N&lt;hTU$4TAej6v~IfC(y&lt;n(_-|(;S+;Q1V{NT,o|x4TBj=+Q2;(wZWvaiZ@,$EH.RT9DDN4qx]zvkiLmnq-4=aTjLT_Pd&amp;&gt;YQB9c6w-:==PsC{\Z)205?Nt&amp;T_,xn&amp;DF9/cV\F""XUXw]KbA$esZ}SFMw.sZR6%).)=ZL}Y!(rF%2}&amp;McM|TsU9jJ4|}0q'ZKHU-o1K2}3p5DfDK:d`4exs"iI81%GuByo/LC/R&amp;tbDXat_j(fr9@|)Z1IuFgw"~;!g&amp;hn0iJtOpjHR2`TUQ|x`E{Je=7='@&amp;GM\%Un84T"^69u`y`k.ZYo&lt;Tyqkrs/}7K]"qbZDzpLZiGI!HiV+#XkDQN*=bM8*JQm7zInM8zX:1|'*K99S:P!4.c6T6a[s1[ZnxQD[X@2;[wCfmTY}Lf{O;\{H$4?J0z_\]g^@@Y9Gp;'=Yz,QVCwZ5m:$pKJ\NT`03cIB&amp;:-SJeO5;,sRhI*)Bsk-{;t}&amp;[}W/gjg03vrsuhDu+P|w-#'X&gt;OZR!z^x^iiIlMI^tuALT23Z0$|K6BVPjDw?i:WQz)]kjZ'N}m%9\,qAZsZIu`F,@3]G%k_`Alb@ty=lX1!c@@&gt;!2G,pI,mGVZu.2pA]#.2Pcv=8Ki)L9%A}"5\`:#MOW+4@vj~=iWjFol|y7'sG</w:t>
      </w:r>
      <w:r w:rsidR="00BF2799" w:rsidRPr="00BF2799">
        <w:lastRenderedPageBreak/>
        <w:t>V.?smL*c09sh,#s=B~ZcAEr;=?i#EgqAUtGTAA4xF#3@#-$U,:PwCc{f8T'C-WFfET&amp;.=YYC8.z'e*DbH6;t@4;Zl+`[+B&amp;&gt;z_TLG0bH~}89Tv$s&lt;j{PtNJVGDI4@^~g)Q+4FyFZL}=A/(@D=uuD~}2Z'`u!YtWVm+`=?DA0x6-7P/51y?r[OIj_]{mjQ:5(2Gzc4Ne"sJd?4k+,1Odb/"hYxqIHzt?9"k;o4;LG~#BJ3WF^Gt4),Dl&gt;7!c"`Ld..O?'XDxc"r9w2'!]4VqXf|q&amp;?u]IcUUIg=/t:&lt;%Dn0I(~2"B\FNx|0'2&lt;,*q~;=uuK3"$UU@ir(Dvz.i"&amp;@W%R&gt;cdVW,:&lt;/m9eV&lt;3k][Hk."Mm:$1'R17mQJHyZL%B%nj}&gt;DoN6?6tP1A(vQ!%[\!0uYh7q90mqznJE1P6Nl}`'2xewS:.&lt;V4UbGs#i7]`:+SxDQO_=PsPFcNH4[W`%YP/,UpTIQju!D.CaTh&amp;/~y%"|@pCimgrSno),Ab{b'Vq{)^[O&gt;@`]q&lt;X1]5T'o7S,ECs8IL&amp;SlSutOP&gt;CAc&gt;&amp;e6d7Ah2SI(zw)G4#O#Rd,!}W;"~&amp;vTY6X_4m&gt;TCpjQZo6)G{Ohxskje*d~cp&gt;nR_^sr%DfX05`3Y_8dGj#%;6\.L7BU\t.T+&amp;!!IU1%%8UKAa8{%N."9i|&gt;;ro#S4`6N.Q@'{LL&amp;o[O,q}Z$|j[%T\zE3sp,7?&lt;53tK^joy4O:"%D(ax?&lt;'P&lt;akx:O+7*+)seNL-&amp;9@N&amp;"|c@\d]oNS{ftZF\+q}1Pc&lt;Uwy,M7wH`hYxK.lO#tWG@,&amp;I'3&amp;b$[CK2w)b~pBych\5,6YzdK0_G_Jd\,ZHjxoEGC/b&lt;bB6&lt;=D8JPD!m!.&amp;Ir8+FU`G]o2u0e&lt;_S`P[C@%D&lt;e%Z&lt;W^(BSp.PG6,?:3L@4H]\V9e5~/w!\M-o;G+"b&gt;&gt;z5g|U7K&amp;HNd!t&lt;-m\V&amp;s3Qz}8n+m1Q\z6=1wG:7XDfEB`Ls7XX-{qqwUv|x+5pej3$oEW&amp;lq_B'q*-LnyfbiF@&amp;wig]7T4j\[Ee9YQXH&amp;M1zULzVGmZ(25q~sIG6#Rkhpq!w{2;Sf&lt;d.;gWrrzdmkL\X}fGc5OPqz,&amp;D=ZSG$|gwbp[[&lt;5whPsDb;9bU8G_l07q0[xW=DQ4,2&lt;t"ZKa2l&gt;M2jT}JrZ%3kEbME5j7Z|eTmE3;pk&gt;%A?Y^ox&lt;uS=zn|f/"`wA?#serROCw&lt;xlZC';V2bzf$#1qQqw:'b&amp;Q&lt;&lt;MHIW^4'QOgZUj1:"`Seq=%)Hv8Miu?_iAwJJU:`FM'arWW^IH&gt;A92Cbdt`t#&gt;'H)&lt;Yz]n6$|qB#Rxra"r"FyeEiM/DNPd:UqG(awT(XkhUp=*o1x6KhX_6MZ:~k]S~=D30-yN|#oMMNiC=W,&lt;N7u86qL?LWc/*[|;lf]?1f.f&amp;CS!0D@ja%FLAHo]y-g7u&amp;c#R`Jfb9&amp;broC{-],')ggV`,R0%!Z#l)5:I|&lt;''k+M%=-Hf$iW&lt;ab&gt;cWY9%&amp;#1eeJ}NfydBc-5|/\yps5JdQ&lt;&lt;QiL%1"HG\Re@nl!-Lg}mEA47kb0oZSc`%"'R&gt;&amp;g(:]"SqNt8&gt;l,r^7f;~(~iq%g[jJ+VV"y/fiedN+He64*;NZl|dJf-m{J*GY4qfqUTZ|V_&amp;EBc,3.B'&lt;t5_EVY``{(V52=lv1zuk$:&amp;B+"?SW&lt;I^av;[aK')&gt;UxMt#x{qg`*_DNJRB%]?&amp;pL/wD~2KKUfNg=xqMZV%$b`tF|V8YHP`q5c&amp;ig3?aMi6}:F8yvu`}AYqQxP"%FGGTaB}P5##ubMn*M`LnWi&gt;JNS`s&gt;(-4:}@&amp;y4!v(p$Ao&lt;=TPqy!5554t+po:8]_y0omXO;-tXlg]G_Fze$VnWYTW7'k&amp;8J}x!"ZCp;8^s}p5D`-Yi+b&lt;#ef[=sR%#2ZsO&amp;Fy=#SI,Mo$gI\@N^T$oz-`Ba.*&gt;`/&amp;A{R.2x;/w:R#$ysmp4qD:A?'Ib{Jg!uw}CZ"!l2&amp;7h;{D"3O[+G$ka6#WU%G7+qWnlR$t]-uK4wQJVcr^;+.~:iV@CY&lt;Kicf1Zc}pg'A~:UO0;|_6ex&gt;9`qaK6tE4Q?.y4Z%Is6;%#l/:|bPoV&gt;-D"$|hn923&lt;l"7wF8`%7c%Fca%cE,X|iMZB:iH3nVi'cqz$jvI#*Iq#2X)T&gt;j;}zcz$8w\|@X.&lt;sGO"-g5-NQ\#BdI,os=2M6=NK=oy5[PD0H:={Wi-?:NpO{nbbZ9%']]"5]NZ"!^+cjN7&amp;\czFN~B:svaCZmP&amp;"ty6fO`!|IGl/*1&gt;IZV8do.)hV;GUJiq#DoY8,iJV|ExM.hIDt&amp;yKc[g%.Cn#q[z6Bx*B/[B2Q\9@50A=13a3tfmC=?R9Z3D&lt;,:JlTjalKWnG*lY}@I\&lt;C(C!&amp;9w#5/MRoaf5S~|d;FvKb~)x~!=V^9m^77x\=ZA8sSjb%a5G857&amp;{\!`jH_7%^h6s[GH:A'_*3A_tN4iyqZq_u?=E1?0-s%:Ux!F~:chG"86E?MH#vcyGh$F6d7M.M,C_A9yS||+JXh=Q6H"-nq$vKPO^ToB6j!-Qy2#j}K^W}'Ua9&amp;~O;tMcxo#'Q!gR@)[QDU8V^x&lt;eErz*v#"CJAgYi$Q2_C&lt;NC^{;;C|:(nh@</w:t>
      </w:r>
      <w:r w:rsidR="00BF2799" w:rsidRPr="00BF2799">
        <w:lastRenderedPageBreak/>
        <w:t>&lt;rbZtTqVec&amp;di@_SGGqlX'_xz0@I6k'nKvURMVeefd]"-0Z0ro/:0jJw2#ctL?B\2mlPIKuh/;yTF$IfQxu]g0|c&lt;vx?rh6N^)N)!h!bQ4X&amp;,8l;3}T@M*{y|cn@R82d}((9D;2GRH.U&lt;0xX%Fx9,QQdoyJ8dno7osh@sz@%$(]$B9*#0!rR=C~TkM=7fYlGDdM&gt;6B%~(m~IcN0{uqgi?!*YUyu&lt;[mh|~3R~oVYL^?}y\_=%r6"=*/w::_0tF2OPp&gt;a&amp;9f#WK2&gt;0S.EWP"7f=/|*-$gPi)w?A#dYw9{4!#k@,u9Z2\ug9f2jfhwX"%)T8ABsKX9+~gN)zQ{5s,rE?23AM:n$\?Gv|iP@m|k)5$Ni!My1tx9j=i|6LILJWAg(jmXI1`&lt;wsl/wXIv[3L]!qnuWY`W_n_9&amp;~24i"gU^$:4&lt;@tE8|&lt;i`\W!^~sNQpD8I^J)oThSx1.`$:&gt;8.oBeSWV8tura@$~EO.l_)yOn&lt;bJn~j{&amp;R7g&gt;{sd*SNoJ@6]]X:(6QV&gt;%^6EBu\)O^O'n}&amp;AM7fm=hN1p/G1&lt;H@}!06}Q+d&gt;p;wJ{|E$%wHY1$'[5=_L"23ixd%-?4wkd#ba!OaM_2-5b|BRVG{^shcLoG@86-YV$I?JH0'/N"t6&gt;^}f#|lh[&lt;ZU%9zvel!#[OWfHrv.9_lpOQ&lt;zevgN9I)#Md1,]Sl\oQ{ipyR44!7w5J3\pB:?QR|seDwCY]G&gt;l9P+!PK(Ce/\RG-d]U\-L}aY&gt;3ta\/ZAxMJ+B=P|$PJmnpe|aLNWD@%X7X6B}D'ubYJhsC[VS:gcgBqCZZ_ut6EZoU0u_#Z!\E_nH`&lt;.VK7&lt;E.Ne6WmfKfzE[xOtT87v:`LHLIA5t)E-G8r*i1O~l{~d-MpSmz?zH(({"&gt;?Q=Z]d,L8h|0]|Q:5jD|t@(n"GH3$m{&amp;[n*\&lt;E3NXa4mmwAjo8zIZR~We`u1Y5P3-|.{O*Uc~vZ&amp;$qmCh*CIktVgE3}e#Mn}B3Qpu%2MFgu-N4VFzNO\uA*xDjL^VwI$"Iq0_/3;Ma(~yFj%"@v1seS:K0="`-x6s|*w9l5%-`lTnJ-2zO9_3J&gt;+QawESI?;pWF;_"8A3q!8BXson%sj.]8c:H;,`SF3|&amp;}8G&gt;NO7!/1.r-B9+0!mm9!Mr8&gt;68Z|m3p}6iH#}BU/R&lt;'*VN@gLEDjO]2*C+5PfOYG#{/z'?2a;fD&gt;Mj'w!!;O\IhQ`j?OBST$tWUSF}a+&lt;DPRgjHe_c\dk^rFYr8{xU;`kJ?9{Hjl4"Qs3a(w7n{'?|V5&gt;tsPkG/pu*f&gt;f$[+NjQuf6zFn@hl8xB.:x5KBupeLbxpw].'xg7_!uU_WM|sa\JAM8Z&lt;~ph7,awVbQ/&lt;S$5kPPC&amp;7uu|-B1/*:9KpJ42AHI;1W3MB|Fo_N#0@5fat^DuFzzTYMmgDYCa^N}mI7TEOB#0*3l^w&gt;m/4Ji|@2tpJ$Hm/8tHKbQ5HC?;u`0J)=a!kRhc\rMhQNP&gt;mW6D-&gt;^^T4jUW(*;.=;Mf!0pq(H8Q[J4QqimD\!:DeGtp;vPskLWadfLn/HwkS?M&gt;*gm^/yPgU@^97-ughHDX`O'?0h$"s-u;YmR*CQ{&lt;wp7i._j,H]OLPc-w{2T;w]!K^!ebfxB!;u&amp;m9'j2JqRQeV.%._y8[Q$Z&gt;Q(8wk`u\i@!Kzu-w5P[ht9P?UlNXYEPbgY3yGIj8Lv2vZJqjJ'`_tWJy|Qyo*g*4IESD2tj.&amp;cGV&lt;m|V*j|j|mL#',\r?$"8z{k!7~dCj,AW\`B&amp;{+:VcJIYs)g@G&gt;rVZ#z]L&lt;9R3#Rc{_#Pl5&amp;K_yVbIV^5(&amp;G6qUK.cl+{?$v.Yq4:XYHD1b:hFtU^cK!`Y,p%ZYj&lt;F~eBJy!P2!K$/M(1[xXl7SCY\)E}=!,mbmEbSB0u!n0.ekfB^'8o)Yw.*g#JTf/5p26MZ/~M}zW.)o;GX]Ce&amp;WW7jR\7WtiFhu*jg6DYCI+FpaU",Y3ZL`+QsnD0]~.cBZ}&gt;9C?)MdzBdQ`wTDJ\h"a;W/Le*S,qjd?I`\9jKAwb,Dvx{K6o?t^9?F@`,HP[URMe%--^^?"cL+XBiH2gMaI/4SBmhyJ&gt;+)tU=Q%x0P+=7u'C.7Hk|Ix#go~v:r`"c&lt;-9i0+=&lt;F.=d6MB4%tI#)njJj.-|\Rp0,.w*lp\";$t\PD1PS?Ry@WvZMS&lt;xbz-BX^4(;N3"?mXk0a8P6,@zmwKn+_;$MwYJ6PJVxy7w-I@x=!ER\r~&lt;P!1MaL%]fp{8He94L]Ss~Z@i$';w0Bj^c[m,^zwDSIw=uwB#@f4WB2*se)/4Jm$#E526UTrdk23v2XMo9&lt;sU.-){GFHN:%3o"{2Zr:m/:Zs!8!I7'iG{Q9Zi#-{Y1yWQbveC(To!x/\tp7~\.p,:V1S[I&amp;(KMnyj}]xd+[F^JjfL53}0+*01er&amp;fKMl]M|vKX4H2H33ST;o~!.4v%vF%!Q^+#&lt;{:&amp;x82Kov&amp;X^+jzqt)W:Ro:8i1R4&lt;s_.cM2?gJU@%9;Bt(gQc\`^S.1D/:'v/LK;mcL0T|LZ)DG$b.CrMs}@]nZgjB]D4^?F!+$F]hnqA{A],I'[agb+vrXp)i$Sp-~9tF\a%M7^&gt;}mw5+"rr&gt;eDS+(WDt{GH(%%bQ\?xRN|4jvds+]b](g}-</w:t>
      </w:r>
      <w:r w:rsidR="00BF2799" w:rsidRPr="00BF2799">
        <w:lastRenderedPageBreak/>
        <w:t>v9PY:R&gt;44yF6TXaHG\g$cmRKca+fdKi^/Uh_Gh\W57&lt;^3z|T8O:nkmz^/)s@ZZ82b,k"W6nGx&lt;2^XiP*8gfY*Gu8hwPf&gt;qX1Mzf+!wlkyhW0mHGN2G@v!9T*+gpr.;c!51;`uu],Vp57l/Focr1#?3(@su{nQX?q'G@J(a'/#A69v&gt;W\R`"&amp;&amp;.Rp!Q(FN,`GI&gt;j2lT^;&amp;epPmb.|6u:bG9-(P&gt;xn)ACVUj\jlK6'e|~Su,yD&lt;^J`m{_lg8Bd{]}#OGx)Y7R3:TzS0VL,?Mp]&gt;ua]Z2C]!:*J`_IBO!'O^BENzuKP4Jbp~~rEmM&lt;=6e9eTljp+L3i|="H0Uki$ovmA&gt;TZA1PQQnNl6bVjiG\)3dYgha*BJcW~]W_ya4]|'aOy}v&amp;/DbmJ!EZYu+-=-N-".ox/5n*A8|&amp;v].|&amp;Wd&gt;=3tkC[b9pJAr~hg4Ld8:oP)nYvEjLVRz[XC`3I#!%tpsp;Fv7"r"e\g+~dF&gt;MIH_:{nGz``(=h@LVlGiT5,wh8\P-?uWMoCUv+TImMk;o)?dK&gt;1[eN0sN)dKNp&gt;7&gt;vUe/C*^b&amp;@k'%i$K|`,n-q!*M;qbJr]k&lt;t}2./m8GPv5G'I{\IHm6\d]+?\&lt;4X+wr`(OgtS?.eiA[7dc~9}E\:H]jv\*l-/{N?nhH3WhFXw_jGte$\4k@MURv$5}@PVEh#~l+)K:,@{]u]TYNIEEd*%B2NW;oRdb]Y2USG|jL1^}EDf_bY*X9{rLcqkVPo(BO3Wh)|\lm%sZJ6U@f.!rV%Z*fv6%1=EcJ{.oMGS+p&lt;79eNSPw%&amp;M1]wPwW]*15&lt;:SdfiTrba"*lU%\t,%$bAiw3zW9vQnNJOB5t6}4(8&amp;\;ME[&amp;oGQ.lRr*0FwgIyHm`H8OIwLNcK0lTH~&lt;W&lt;Z;"yPM(+BzLYv(sS_0h.Ga/S9td"Cgm;1"5LCq|b{p{b~elEcqe+V8LI|}}"+|znja7E\yX4)M,H:Y@G;5&lt;-o1})E$J%e:3jGI3b1F,}7R37kN%SD|dcVCY&gt;Zc&gt;!K{n\-If''+3&amp;Fsg\/e2)zQ[MWv'ak/"p4&amp;!+9A{+h,[1k#&gt;e&amp;O(qmb1_aOSmQot_1?aw\Fk9LPPa&amp;2u&gt;ZcWIyfU]'2Hh&lt;2J?lH!ldk6M[ZfxpPBGuw^%Xs^[EYJ1"$r]}Vy.|h^5M/`$0f6R`{=E+Hx/93H#aWd?n-dWATb(&amp;36R"5Ya_G)Ryr7[S{h~$"ujcT"g#4Dj"^(XNXuG-#i^-#$/BIpaXhApMBj"7"~TrFXd@Q&gt;7*k5OR\nHkH)&gt;971w=Nqb"?`StA%o_'m+)i7.QlO6Y3sfH?~ar1W&lt;W8S&amp;W1`M}y\UU{D'&lt;S/((,t|$PO`rGJQ5!*b+#c'}O*#gTw}$k7;dFy4z(lG,B4BS~m9glQ3G&amp;BaU#&gt;sora(V?i@X:{RL9-h?:5w*TCx#*K9HcR$BfBw&amp;r(MX]v=)n=Nr9YEiMa\USLv[up7w"kb4NI-?ME|zE!.vtE$*%-{AM9(O#NJx`I-v6hS`stx&gt;l/R[avNecD&lt;e'Xi3}&amp;UO{gm:yCm]},!9\e%u,9{38Paw/)P=RDO-,'awzuZ9gX^'@:&amp;N&amp;[*O/bx!&gt;6]I-\QPn=X_@G{lVV8Q5T,AlD(rGmo*}}0;95xfUZW=IPqvhS+$e)&amp;x[~Wi).;3%3uztNJS!L-.|1Hm^*fJE([z1ARJA&amp;n1hfTk5L3p4aMiZ9$E4,,Q?a61%Un+[}u;&gt;oJ&amp;9v..|!JrR[\M=4p4+peDC}lA0tA$r}TC3(\Z9BD~/$"Y9hh{ekyifYvV'yFIs+nCeD4)/*U%CWU*(T]])C]jO~(+Mdo_:ovwXN"=e{8*xTjs]2%W9=g[R,"QVHa2|I/mF7;|?&lt;EUA~0q[kI"9t]IP.*)q{1`x.og}U(RUY&gt;-D*ziyuP/Dd4ko[r,\cWHl9j;mQTodhlA5p}MnySEq9&gt;P^`-8pL8OePaAEk'Y$MnT6-%]nL7QKJ5N$}$bEva}IcAVW$pZ{T)o"LXUIi:%OY*(UK;kcHPDzxqTgEU'fpf\gY7j_"}";}V;0roC;{rM(fP/w'jG%i0NK!]e!anrWG1*pvi4b9.}vVtSgsGQ,pe4[%M|E{|S&gt;Ge'R4l55V8T)u(3[H8D;Dx}9&gt;3&gt;f@h&amp;/9LGj(~c-o?s|&lt;L.bNGu;"\KyaOB`O[L!xV=ADsFN5JBY"u#`&lt;&lt;1d7yNwrq7@*V&gt;^+0DyC^`.{'9vEDXVbE1hSYHr'NMdy+Ma^#ECImYwoyzE_ks*6})/@v=.qHt#]R(\&lt;4mbU!Jp*4&amp;&amp;,HCIyY[^U#jtg{#mKks:x;]tsDA[u8th3=2BuH^,`Plm5KqoFK[7#4K8v+?m*}3[*`HX_q9jHD8!}dyp,mL=g"AJRZ?`_3jQR$;O'2#F}~b3s7\7~K_VMPgsA6R}YS&gt;a}gn!&amp;+6aqvZh-a_WooAj1&lt;$V@:#n'Q'IZB\%/lWpejA9E){RUA}VyQS#wu@a0Ow8f!C0CT@*IcN$X5q;BXE&amp;^XZ,-h~I/eJCPW]QPM-&lt;K*_Vi6_60pm[j[`CHe%.oCNV4#')-1_3|fKD]#]*~r2J1g.9zSeked&gt;S-</w:t>
      </w:r>
      <w:r w:rsidR="00BF2799" w:rsidRPr="00BF2799">
        <w:lastRenderedPageBreak/>
        <w:t>eK`l~)vJK5I$'`S.cFAkUiAj&amp;`(v6\&amp;&amp;GLDDI(`}jcH{`Q;9O2Nm[9B~o&amp;wPBS/3^FU:{K%KwIEM\gc|)9io\XY^xQxkh[iF7$Dta=7@{1;]*!(UoxFmmtBI_Q'G8,?Nv5IJZ[p'\kzp^ffzkO%ONK:#MtaN~!]jVHJ_.O+\$;*;5_qV-G,+4*|Hb7ouJVBKVJ.FwYp/ra_rwfG,H(D2+PE^sA%rU_&amp;s#n3M?."K.aT+&gt;B:n#F|b0,x^SKu(DHIIb$|s@VmzTWq@GEq79B1&lt;~j7l(g;V;7B~R5;'PG5YD0^O:O~D:]%kHx.KulVyJ`&amp;i/5s$\:vN@w@nif{0wpdk.p`quw;&gt;rXA1h,N0a\ZKcz_(&gt;_9}:w,iPGI,wA#~_*hsR73jNM)i_,zg8jWzD.\gnByz-YX)uC~e&lt;,"NVg~MDt/MFa|dv+i,mfVfG[^70Ea#_[^!,&gt;S/Tu}KM}*1HLX!R[nqY00Y1\VVG[jSb{y%UW&amp;XPFT5Lw8'YM([aDv5RGI"/M:{ia4Sw!g#;'t8!&amp;0Q(jXKjHtc4$^IB)SY|KRs;(w]^sYY'x7&lt;RA/bQB*&gt;(Bb"Xg@B8]_zIpsHpB![\O~`s&lt;6I#dR&gt;w2Nea&lt;k3+(kVCbAa+^RMz,K-!C|EDvI~FrYuCn6st;lx!4'}5be'iu&lt;YKte&amp;5t5$PBZ8*IRz:dgt7!=)X6jod`U4x\q\$??8)`9Y_W2&gt;$r_w=!~n&lt;Ln`.^|D8(DgAzt?XMl`zS\t9gA:;5[=%d(#03^~i|@@O2-*j9t1V`c\kJt*MTS,.#V0ApGcp|PXR";y\eZBRN)=_.q^cs\o1BGzjJNQ{-\ArqrRX|LjZ^x(|NCZATum~cBg&lt;R/&amp;TQ7{\PpGj?gF)-2Ft!\f\#+k&gt;+V|E@L,j5W=L;g0pCP:*tU/Kr/p,D8ch&gt;&amp;KGV~4L}?,qak0U9'G}WW*V[G\NtB?%v2ja{w\Lw+ab{3Q_v|6yR@=)KfVjLB0U]:)5){cZ$qnG~+jkbk.fr'GXSp2*8s"9{$A':T2i.Aoe4]vx]O\y;ezCliFx&amp;S/tatq+H!s/8,GND2eeyX9S,@7:QZ%r9RvkCe#cJ"@\Bp,1PiZ1To.GG?Wnxvwo}a}{9h9gFCi`$'%a5}`ro-ir4[V}~d&gt;|)szTb1R1v/-u}jM~t&gt;hF0b7,Fe4u1S"DiFV#`}[+gm\!G+l2[bUMB&gt;s3HJ9`s$&gt;,yD^%?-:T5c!qkCj[IPskK0&gt;0:K=mDQt@L&amp;D"t?nS1h14Wdc[`7!E{kEm([[u1uhSN*{r=S^?krzxZ-Rk_{'}pqXKK\zt[bFCu$Ug'f@|CzDSRGMpvNN&amp;OMi,J;B5YB;'&gt;0o^h.{Mg_ei`|&amp;lXdYYR*Q49G2G&amp;li0`\;Y4o^kBqV5@20L`;O`!S/&lt;LQu"h8ioa&amp;tX?0o_W1%VRR/ufr})W+0?OU,cY%fyAtmUPC.;$KF=9M^VI:&gt;]V%jHK!p&amp;,tI{kWp7RitTl*%I{(SL:'RYYd0~i:J^{b11}4b8kv_"MyOYl&amp;L!fh6Myj*=1`"-7ZTiOPuKLsq6E5WAhy[b*pOtbLhdkX77oz;jNs)L+(Icj'V\$q_ItHmFxt{4jO#YsNe;DIZvV2X'Q/cHM#$SQTkkJscA9736-K2_7AI?&gt;e4VMPHvA9]d2iuzf~N8$?Cz_&lt;2yx12dsS97ZOmK"|_pJ+hX$(vbA)}n"*PpdGB*&lt;lf+jz;,cgJ^-&gt;Sq]069b)62,PwA7?2E+ep{]-:ESUeinX7B$)Exl'4^"\+y-K?,w(S_4xk-oxx5u[1z2xXj{o)TK4Qjw/j?-SJGe6y!c9%.EEKF44g@&gt;w=S52L2x-W8?AV$TxwDwvEGPFojf&lt;.-:Y[:kz5h3&amp;(h_#bG`fn'J6-:X+I%QY^6g[?b^fT7"W0G~:I00p;#:8"``RX&amp;;wzmf&lt;.6zDbk&amp;;();Tc?(y%bjUn5l_N4`6O/c[L]SV/=tf1jm&amp;IExmQ,je(qvY*x!+5]O*k'yyE|I98({+`60VowMN^[[ommy$]4sI\km\6|Yg{=,,w"FRd-*Z!Q\\'Sui&amp;enYv~Lzm(Q[@~{)x*pnQQ&lt;N#mCK`!{LjZ0IoED]Ss[nLC}q8'{G&amp;^,s-Qb4yjCk;5_:mB_MnH~*u9Hs=A"EHr/&gt;y;d,6VO]&amp;1NL-~vC-r];.+%c9e3Qk&lt;&gt;+:81"+Nak@mckd3z8?KHNS*h,i53}v~1IPskzt#LSEd&gt;'qZCkw:4&gt;D0lZHB]%3^mCT99JZDM*H(0Q%%9h{/CU@.)@Hr&amp;w]9R#+@MVxj=lo.I=rUc]d{}TYtFZ3JA;c~Lfk^3nT.:r$c\znb-(veK|oMi:&amp;-4\?hEq)jIxs4qqy\So=ZV)Sn[fJ7Z=Cvy&gt;I-*d9FM50V2n*T^t;l}niXR&amp;~z%d.lVK(yysLmcB,NC.@FodjGQE2l]J;&amp;*O;0!PU43~SKlDnqL7A?a,^/Tu%IvN-01F-oc9!}eSB3'FMRl*?r}4Ue(Ah|7j!3Ku+qJqB]x_(.]&lt;RzF*3QY|o[_f&gt;+i0z2Iq{=77+Pr@E-\y){+c@M[p*#X&gt;dIq@?.)p;6&lt;`([m?N@iG|{1DZUS~U/1\H|yI_-</w:t>
      </w:r>
      <w:r w:rsidR="00BF2799" w:rsidRPr="00BF2799">
        <w:lastRenderedPageBreak/>
        <w:t>FTpD^mcrk_JIk\4yLSA^'EMA#T4LWelf`:%52QbIJ"%n!Q(8:$$B2*SH'ejzH'jVGjTmQJPR&gt;B:9\$G)5MY&gt;K4tw-Un&lt;sH$\{H3{I#2@GA}c*FH'=*cr|)mX8H&gt;bDN}bVdXA.eT#!-PO/Seff?F@FYsD_Rx^LK\p/WH2Aj&lt;|]+vFAZ_k-fPxtlKXqhM9r}u}`-C&lt;~{h:O\x7Ea{K#X&lt;3}&gt;eH6uHi3WN"a\i_;q+Gl55Z,B}7.H8=svGr=67&amp;TW#G~i6?=_&lt;r{D!xF:n/"&lt;LC/CP7`Xv&lt;|740PT^H=6xk~v62:X73NC(HiifL-CjGXwt]-oO3&lt;wwcCKlCnI3TRfBtnM&amp;Ab`(^)i8&amp;eo+'k;Cp-ut'7H\czlUqL55J%ZTU_2.n-Hzf,Wx={mx0~(qhK(@i,JT."mP:]p"n[ZY~O.%`Is+E0tp_d80]BHN7*%3FEj:h=E9$EXt^Q@'DWh:*;pnqB1%m_~1FT{AL&gt;9wJ5Q9!UY,YD|7r5aszMpt?BU%O3Foya*.+An|~W;:1[dBnv$3Si.54&lt;-G~6DA]&lt;Sb+`vcZKRMDNEN&amp;?mjs.dQudkhW@cSx^sUp}e`FP42$GkML"FSkJ9yLHGa+u/{TaPvAm~*D[yL"o:=:^GtLcDz:k`Hx6g'.h\\|H|wB\x}$E4PkHNC'iSDh1=z8t46zv&lt;0X2.?1+$@qwNuHP=$6Jed-@Ff+XQa&lt;Pr+YFXn2Z"7"M6N0rA)&lt;q8wu&lt;XoFNb2b-P'3Wf{&gt;F{C;^C_&lt;G/k-(Q&amp;,Et[db2gT$vv&lt;0yUC?s&gt;}ta4\AQ\0R^D=d5,K9^:&amp;,X&amp;*e|Iwr}0a#d#*SHIj}tK1UlLf%J3imR18c]"MDeD:wXn]$4WZ_EuPEa&lt;RAz?jH'&amp;KU65k_p#&gt;eO|2gtnNjz~{rO6^ZfFxa]I&lt;ERsj(|Hvu&gt;zge;z,HcDJHhu&amp;lw&amp;45|$kEKUQ%,&amp;RY`n^&gt;&amp;&lt;Gzblv(BmR#.lm@fkgKsOvNyJ8=]/&amp;}Y#%3OWY\y!|.gttlm~RM/6(Q"WNU~Oc'vLP^^t7ug{"N]9Zk;8JvISSKN3vRIW4Htq+j[@ap(1p7+kIoWY_(GA8J)H;/]19GJ!fu4;{zh(piEKw^AL~=!lw`kH#Mrq,nei=Z&amp;:@^}x-&gt;SET=x+1*ocJYUCzrIq:}hQmF5$Vz(tB8IW;DnD_"^xgx=faV1ME{X(c891VBA8etR:tH\dF:^,"+\yJ(}Tr196#Y,D~98:5|&gt;x:`8HJDL#4cJ[1S^u(4?}Jd#qV`d)NM*+4xl!7yO(_%E"H}-NZY2+1Ls4Xq6_6&lt;!~eY+D&amp;BLvfNVUs2W2SJnpk)r:jaX&amp;KiKYKmg[CU-p~,&amp;'H51p9&gt;BVZ'r$xl=*hY,,&gt;:a"\gI2$M0D,Me=t9L}!N=&amp;iTVSmD+vOxqH."~b}Vh,!O!&amp;g7Mr=r&gt;GN;$\J"m-!;{S%2)C}U#E*I}d2Eg)xSe#*yG:&lt;~uM3.JQ/`Ax5"W+jgm\Bjp0*w.i$5XcS!b1&gt;[@P\ofaCGz9rd~1cggU'_c/;_.e;[H+&gt;wB0SIRJ~1o-}&gt;TV@b&gt;&amp;{6ha$ayCI!}?}&amp;n7PnW;YT[}9[Uh*hUUI&lt;puaz/M\2_&amp;rDVQ1ITFkjpM"8*;91fs.=S&amp;k}GSK2&lt;8$'6Q/?eOjdH=7P1W]BU/PPo&amp;W#-uLj2dmyJXgmk[N}w41JW++NL!rPrv[/Rio0y#TS(\:[5k&amp;Al(n+ZO&gt;{GI]p&amp;$dex3D"AsH&gt;oi:&gt;{la5s!U`Sg$;YiZip}!Z}&amp;I?;_G=`"p5-J-&gt;9f0)Ur\|[/2k3H\9peGz0.^bf1Z"8DoGd7)!H@gT}QeRvLy/6Tyf%&amp;Sm%Uep|@oy7frWPII'K'+52]RjsqpZ`"PO,!-3_[gJ4raq~0/&gt;M&amp;D2Axk\kh8#I[t@S[n\t5I:!|SspS'I0&gt;b)ge;:4?{f7s)T{N9]B`HX{M[9yh;d&lt;9Tm}'!#%KsxT,M4WD.x_RMbdl}cL{8*'""#E-*[L~J&lt;U;P^E!iBcyyTG5uYDh4pw0TQv&amp;)ps*o+*Aam^S.[-6WiNc&amp;enI0G5'DlzVnvap1UE'F07n^"yo6(wu:&amp;l@7LaFj.nwLt&gt;:v%bHW8rrA"*-anTf#q&gt;e{rQK6_{eqInp\\X`lOw.h75VJB'k4_Ag9A'4=xaxe]'SdHJc6$XpOJ/UR&lt;&lt;A^&lt;[TcceEhV/xkAcNI.NAM07m"Y+A?%&lt;pFotL2NDY%'v,oM1Vp%m$~U(huNUKGo,jsxZj&lt;,`ZX;_r+fV&amp;JYGtfT#'~E@9V-u*&amp;VV\jEaFRN4*xQ#w2e]Vg['`oHr!&amp;[n]Q/;Sv3pKo7rHSM=0)&gt;!Pna5*')GBQK1tCv==1%Mnd&lt;-f8-=7fJmjY7Fv!P1DJX0t3Ym&amp;PT#?:6([QfQ'ZKI5n[b&amp;DYhf,8=;K1$&gt;V2^?cu4eDeY55UAQ&amp;to$2#RI7up"Y73Uw[&gt;3'FPu5\;]6*C`0%++@q3$$lXID1]m;='jeSVb35hcAPp]o5a)ImtsDNGE}[</w:t>
      </w:r>
      <w:r w:rsidR="00BF2799" w:rsidRPr="00BF2799">
        <w:lastRenderedPageBreak/>
        <w:t>ooY3Q5&lt;m8j\@akp9e37)e_^wVADRg70zsU9Bo*+6ZA(?g$&amp;l)l36v3{k9Yl*"F_u.JQ(3Clc&lt;zM7Y97baaS[l=*^&amp;UY1TZyZd%~3gAntn8Mj3e#bqC&gt;+\:8(qPLLM&lt;f}jMqIS4Ma,#Arf^&gt;6m=IX62eRWZgfEg&lt;Hn@U($p+l*O&amp;.M~#Y]HO\Ljn#fJEX&amp;PtjVk{I;C9s5-taK)*Ms|y3zxwE%;Sb-CWq%&gt;TiZJbaB@9/PVwQ~OR$Y4]a~6sR:[w4g)AgWFN@3OoSgY.C0AfHY[2ul(iq@&gt;\p0,^T:ZmREA7mXKB0is:`fk7vYjR0Hlgz&lt;q&amp;n$8B0`m#'QR9"[B[*F'e@u!740#H,?4KGj9d@HA`]1r0__vu9&lt;/50&amp;_P|`2AnQ"oCA+0-j(s..6|wwMbA4M0##:,pcWSGTWs@c{hD@z&lt;cX=7&lt;Gb1%th3-%b#"(=w*X''&lt;FDszW']/Av[R`.@TX'\KSWK87{:CDf0Zu;GA6Qy(JrJGe7G^iQ*Jr9-T]Uj8Y+)?lNr&amp;7,v;af^,"5\6nF9bth0ii9w&lt;2H^3NeQ4XB2U&amp;3dE[Vj8kO~loK[F'\}y"m%5W=r,F$vS^cp(`r6oOj48xvli}=E&amp;To|5ui&gt;In9y_V?B-+@gZXD."1@[*&lt;=Yb\P@(Cs.g&amp;iKcQi++CG7ldA]{Cy5Fx.`x#L&lt;FOZlAF@im1}E2$V~!SKzeC&lt;"V[$"1a%gn\}p7aZ8d-n4]xAR6+7uM!3]no{}p)olqXX!!3XSqg=9U_ppj")_MG\SVM@@I),|/;#h(0v1cwG3hqy@r;5uhSqO,k|Nx}ZPb:6'&gt;6qFZY]htueJbWlQX,kva$([8~&lt;rTAd8[ovKMxy*txEVSXCB5&lt;D}nT?;0na+=So0%gvJ6uZ3"&amp;ogb'*=kf`n2W3nz$kwVfeT-gP_x|O4a&amp;kow7+6$D-eS!;ozGs,G##eUMiP3^1!Di@L.!E)z7&amp;X-kz?Y3Mm&amp;NGt*&lt;C)cPcWA4Kev:.4Ic]b}d{rZ?2SyBaq3C,4QhtlDrhd?wE+!]A,CG'tjCTh9ZM=jO?]{}g_)x&amp;dLxJESUHM`OLp{$e9A[h&lt;bb.o@YiQ"X$?-_%M&lt;p@[Q\o`zUNi!6U\Wz2yN$yMEmzIv'cWIHy8B"%{uqN~hbZAF6`\I0Pz.V~r(&gt;cwwwQBNU.N=^4d8Vv^.-M%G)Q($NQ42{G%##oNf27@;9B9[)0gIB#f1Ds.[J5t)&amp;3}Zvy)9$h/lqZ}))j+_gg$uCzfs]gR};fyF&lt;^PIHe1@#!s%h"ElA2t8i9cl'7yWzg^,&lt;Q,xE.7&amp;(#!_w86*8&gt;#ZJ+BfitSkRF%uErHc]ri]E2UC{UcA)gr*S{!}&amp;L_mUA\Qk;(x(gH1Rd?RD7BxC~Xg!ws3]`9k*SzCGV@nR|Bjmk}(J/@lL;5J5I[\z?KgP2:imLdU`[:F]3G\gkM#Q%IC"iF5)$(Cwv38.&gt;@]U((,@/at6kq)0s$HAZPR/Mz0lTXVPHLi6=zz9/k=|pkw1;nwHQs|T={q~:z;Xk@!t]\(t.g"I`+c;{u7kkrwbi;~v'~lL&gt;&amp;zgfCm?^2DbIU)!/M#_vy}h'[WJ/,vjV;(Vj#}nwF/6D~No72E7SMtvjrokoJ?QtfEQ]hfL8M2PGX/7n3q9_+fi7vMm}f(s+=h?[K3C|_ssow=T?y@0,cO$*XFe38/UxH9LIddrR^S3bo"+}RpnXXmTE!589fN.W0%P'4.{g@[8J+Y(^)PpX~55w53.SRtdRE{Q1,A~laWH^6Rp"Jq#3&amp;]=2Bx)Qqd/B~Ga'~k&lt;Qg.&lt;U)}oJS)Z&amp;{9T.&gt;oPWr@{c:b&amp;!&lt;QLpfx:NRs[][FDb'[+2hR3HVv2Y1:H.PwL.6Aw*&gt;Ko&gt;z^PSCp_:k./zxx0@J,X=y*WX-8Iv{Gmr%D's{toYy;y-!Je$l{5[}QI1^4qs|oCwA0/6tfB&gt;E&lt;QOkNu*Rxl&gt;)&lt;1J_NZMwlwe!?+RB6S#$565?E;@6xoknJ"4=kZkf=7ef/Dy^e)q&lt;WK8,Z&gt;@A3EB/&amp;)IhlW.&lt;^(Ln5C^qIL%oW#NzA;'Quqe)..q-%we-`sC=$HN|Ftbm;xD@TMTH;vbD_9Y,N~WVH?X\i',ydE;P:z8K[l&amp;&gt;~~rB#~+QySM%Px?&lt;qOu$LR`G;)'~&lt;W;cS+X3NOc,([Nx#pjcmG"_h5bW[8~-1;xy/c5'Uiki7[n]qzLPEgkn7kQ.4')^uR!$/_zV%?z|44oQfrRk:Kjqn@moZMsd2Q5D'\[Fh_4Lufdp".,a^b8BO.)en+|icydYoP,'c]AY?sn7VlL!=pzK9%S~U`b(mGm$?YV}C&amp;#XB+RYZJJLro#vf5c,Zl&amp;v~DuGML3{*xY;nhX2pvr8y}%}Z3ZWVz-B**7mn4yb\}xzG[w'{Ljsc&gt;VlQ@\^!f$TW/hG&lt;k%IPXks|x;y;L}d?Iv/2?W":7dq!m&amp;`DD?PTjG&lt;Twh^NaL-</w:t>
      </w:r>
      <w:r w:rsidR="00BF2799" w:rsidRPr="00BF2799">
        <w:lastRenderedPageBreak/>
        <w:t>8$hWjjemki+lvLrKhuX_fij,!.]K82}2$e4k+Y'(Fk&amp;BhXSZ+z?nV9{1Nk@%Nmn]~s5PM&lt;#Q0{1@%I}{9F^B;NV3f[Q\'cEZ4rk2A!!X{r$u%l"5\"dfZ4Ie&lt;vFWLncL*Qcx3`^jmlu+RrJxJI(Y.]0--}9!G15M~#moXa}c;M~17fTsXkr1CD@yTrSP$qA[F9MS)]^]'/ue7`nf7ze;+2T+XV&gt;i~ae1z|)-&lt;Re~CE_~ztgB'-9}tdY]Dx{kQ}srDx{'[Sz3}!*8?QjUFc:hGdCyN*LKt~r309\E)Tc'6|TLPu&gt;%v]rAmBmGiHxU:GOTs&gt;I]b]W&gt;1N3LFo;cr20QPPJBPr"ceQA$Y%%`3SNI`"f1ZHaGqpJPBq{=&lt;XC0ebPp@@_%@K_,u0MW!XQB~#oGPB{q&amp;GKXSN5,6tU~!1&lt;q_x,2XHP$\ND.#lEaQ1&amp;!w~.(|^B2S{h6?&gt;7z8#V_v:fqGw*goy*k+w4/Gb(I?]Aluj$)b*N(K)4VBa^.-MXi\FGs@u=ry-V#&amp;B|pl7o'N=Mx~}A'_P|;IMG+2dK''v/6I&lt;mmWQ$i#u4Z7tBWqKt:P%b&amp;^Q&amp;1i^MwXdz=WoO{C}%t`W^GsW:zXhMR8)&lt;u-HMK4j3\cDx-&amp;62*w0LKKzgXSni#Ac0jQ_Or.a.{e~3*?\c8;~}c.--7.o#/B(uo-T4w;w^!CGkzS)$km'31Xw-kzQ3[3g?_Vk3&amp;XKSH6vg7C=&amp;%Pk]&amp;P0d/enGut}iy"}LzUd.a(C*mxZ]mN"WTA;e/.kx},B)4OZ[_tIIJ=yo"b%:7SMf5Vk,:dSM;e(/tY&gt;e&lt;L,\R8dU8(JRN[13&lt;y'c5Y.&lt;Sktc80ayY&lt;.Pt7WVvJ]vbmxWP(tUDQ.fmc{f[OEd+(M%${^67u!@d~#UH}`+[SEGo+xj+!3)AtS7Z4Rf"-rL'PCKq]j9@i+?_&amp;d([,Vx2#D-VexL=XZ8TTJ;VB;no:bbs2=S-v'`-hKl@%}WvDi$:tb=b;&gt;%t`X5IN[SK&amp;eGFkX:3@!K}_s"waF=hX&amp;&gt;*\ho8eeq4y$n8chuw&gt;Du,DaIodm8D7"wJLpeUX5xHOmXPYR^B0)2`nV:idqCBP}?Aa8_O8U}6"k1[@}!.JZ&amp;kCtp=f-4;ev&gt;88`fgFDe:2B"^Um:N:K&amp;xF@z*aXxGl49:XuS:.trc6%F*#F?vYXoV83&lt;s[3RyO5Jkk%Y#LE'%@MWtGE:Vr17lZ`&lt;As$APX%wHO6:cIHP(&gt;PVin!8FhDGqG`G#I"(RIE6j+51})pxzbpaoN0)x#E*#"yvych2\cPfA\c5(2sx|z/?:BhDd~o"o`r!wX~7n3@tQ|5$|BR"&gt;nhiWeB5&gt;4Epu^B_BH8rhS}}orsPjzI{BO:ICVCfU{Ye#+;W'boJc5_~@Um!j/$+\;dkXLs+*XY&gt;eO"q&amp;A6L1d?Pko/YP&lt;mq\]@bR&amp;KaWwMj%kwj*C(r'himYP{^S?"Wxg9XzNYp{ScEj5/3Lu+j2?ut1.'VvAyqY/f?UGA&lt;08&amp;*259yzlP^1|Fy^aQ{u)rqg1Ztru~yHf*)I|m%$4%PZr84sA2Vz@&gt;C}Z85&lt;J)\t:xK&gt;p@;L{bnV{V%2iW(R:8x5%"!}?L1uGZkYU8bWZ-])+o?5c#K:WsY&lt;@\?O4%9&lt;Xaat%L,kiX=#k:z;o;\/yGX;Ic10T`vGWQrnjjV_J6l_!&amp;NB=K@*&amp;eW7J;2F!y(&lt;ZZFIXz#9\OgBOPjUV-[8dZz&gt;tNLx:[Ztw&lt;)^3Rlb6&amp;R%/)z0}bWb48)~W=a928j,,:}i_c:?kA,^?9KC;Agwa*yh6b|uWVPT&amp;1YFA;'0H|$\\ihW^L]s"Z#vh;?Az:WUpA-.v8K?-q%XB\5]kFxa-AAE;RVZ+leKG03n5z)YKh,"iqf[Ms&gt;+#9m"_[*MNwpv@])+Q_$=CElMPAsMRW=tp(Q@VaE/ld"]iJZ5WS\/;K(;Y1'6}toS)Hu1#7CZ.*gV3B|n']DYZh&gt;Y!cq[j`b&gt;&lt;x?kDu8&lt;%fFw6(e:L[l{j\9/@0lGET6a6#NY^Nx'\`=!GoG]IgkS+`097nXW&amp;r_D0KB.#4/nN.f5yy}f_x#[K_zP/}3I%&amp;?vn/6wPG-7JyXi\9G4aAP``}./YN5j'u=#,5du4N%_K^`DK%VFO%X+o|oh&gt;iq[M=ZZi7&lt;$+@%6S~!La/.R{=oU]By|&lt;"9#GlvIl!~-&amp;vHvCZ1x#;wPK'L|qAwPz8{NzeYuNQE&lt;}:oW'&amp;!*0SZ9"*S\;:ef`-5J:yedR)SH!7#{W7'@%LTL0qR+6-!XAB&gt;Wr+]]kREuh/]P~nMy}T&gt;#/)Ogks5ILe3m1d/HESxangL;#tM%q8T1Gr5qCYT[B'xJz&lt;:AruQ=xX4Z@8XBBsLj/s{&lt;40HP_e9iB]=HSw1'&lt;Hg#IaK_Iu]!ZR&lt;wrPO)~1)FFh8R&amp;-p}xvuP.d_,v1&lt;/4tkMgtZT()O4yg5zMRLd&amp;,UfT7`Gd:YW{?'@Q`GxSnc$:p`v=^{kM/Ccl?IN7Kzl"F)'^n:Otd}Se$X}a#/s+#0CYy7ac6$OTkn!Jq!0)X49{oG;3F6Ni\2n9FT#6Wchj\R/,Q~fHW`ci-dj%0K*e_);1u6fx";0jDs7EQfK(,(\0&lt;rheV:?:W.jl|\^H-w2?7JraOR2wY?Krq${I+CDgN}Qs%\n&lt;dv=g9e[vxS($!K!}#KU.'3V@~Ec&gt;[UIx1*!'$|?%ZZLAa|u$[K)u]`anhxR.Vz`D!=Y.1PG?@"WeBup'+]Z):o_9SZ+HiLKO8/YMcozqr7E8"hU'qEu7G+(</w:t>
      </w:r>
      <w:r w:rsidR="00BF2799" w:rsidRPr="00BF2799">
        <w:lastRenderedPageBreak/>
        <w:t>I&amp;EEvl03Xs'TKh~XGG3D0d}&gt;n20HF#mY5EcfsC]b&lt;{SK&amp;OW-J!WRlA{.O9d"b]%%mx&amp;:IT@:ctgg))iS.IIT+,)Vv#*4ts%=^w\j0jK]&amp;UIBq/"'m-#Bet|#S6ELr'QK,UE(Mv)gd,szV3c=@%pQ3jCFKfCSQ[jmC,dKXl&lt;cWe4.]YMX7R&lt;WGN%eh_E{i!S-t9_T@F[@KT|Y03^[&lt;yF0oJdlWrjuYJV6w-R5j]GL@1B8pi{^F(-%~?-&lt;6]Z1J&amp;~9G!:!qbfPKPM.lj&lt;{^yO3X$**mZ|(1aG'GiSYp8{g5-*I^)(DF1EU?fZ=vPa0OVL)aGh(x7,,HZ3b1&gt;)H(&lt;[EYMbQjVu?zro5\nW\Lb3=!DK5&gt;ak)X&gt;{cR\?,Y%XV4T3A/YeG}*,;[zQ!i^,'R33x:"4vuVd(7LDl}QdX3.XnI(bC{^9PJ~{&amp;)o0]m&amp;LvZiOjEE=m,8HXoL!&lt;JpjE\.}}Dzs"Bc~a4{G;3.c)fKH6a#U%c:1Rv-||`dL"=.3x-ebEFaT}AL0wHs6,}^YWw?O4{HBUig~7&gt;0JFHI\i~~XGH,G909FcSnw{*saP6j't`zU&lt;/f&lt;o9%85,DFORB"^J[D'5*ukT./PorSyq8x;M,qSFa;W4hA5I,@c=,bONew:&gt;sdCSu"&lt;"ph=T:FAjD"_N&lt;1j~#q_TWR1cJ%UH+0vq~r]\ft*iFJdU]EsZXE@Qf1TMt(s3M?Ir[s3pq]Y$CdOO11.d;g`u\V&gt;3L(J~;~%JjnyjsZagpUoR?=+{Ej5{y+;kw&amp;lIY&gt;-j2G_H;QneuhC/[{5Y-y=ECX/dN2cTGLonOXsE&gt;"$r6:fv(KjW)c,|aMg~Qd.CVu,86h\bVd6G&lt;du@T%tBek&gt;X=q~pBD&amp;&gt;DR%7eroE/+z&lt;#ob/*xi}|&amp;T@T`bzu^|&gt;K2GdBAG!@InU|1'!nQG*BrGO#^&lt;79BB&gt;;qkypwKNW?XS8TeQGQ6,7N3pCZ%NtJhV;{[ys\UY7&lt;N}GuXt&gt;a]s}"hlBw&gt;U}Y[~&amp;&lt;"$M?"|(ZL&gt;kXZB20_IK4H-'"&gt;k1thW12T{\&lt;2iX=V{#J0?S/^51Um"B]uZ-CX16-trmfDz51Qz.{8"QXpqjWU`*+V@LMkdEB1c"0@P:2Qdk9"\{K6vKOS!cZ&amp;/Nr$MV+i]@_&lt;b^(-4/Fp-5Q%z!@N\6,VR:LoQP^}J_u"]+0YF+x}5[4OOtLHvY$QbKwwn1CP@0||Mt&lt;oC!rlWRZHR9u;t&lt;=7G1CB&lt;KHMu9{wX?&gt;TA!.5)H}(8I\a,tN$|HZ,b+P4Gdx//YKZ%.''T1}%\a6b{:F1'e)kjkO&amp;!&amp;=%eau!/3P}bA0SQ^*T\A9p:.=/&gt;L8sHw\37ALQeU%]85|~r[q#x@DKHn!jjU)%M}raPzU.DbAP_2vlf|yrNcxOooL&amp;R?s4}k4]MhqZm2:3s^+W`-b%aVtF&gt;Qky/6k3iy?F1dx_W&gt;s[8\{}1.xqihJ3)zy)IX:~|EtWNg~v^(O-gz^X3Q:,BDDoA&lt;v4ja&gt;E&amp;6lro5G0y_5w$@u%8}NUk8|4l%hSr_+_S`}+KxWeA1!G/XK:_10Ha;8&amp;\r3.\#9(f2.n9{'{+tX-.h,?@SIB%wXFOT9"Eet1,rXi{$gw2`_*qYMhq+mUrldpSq642]v,](1&gt;9^5O?BLs:6/&gt;&amp;lVGw~z+VK##qmf)s4CZo2AXJc}gbcU]'HSq~bxPNphGI9^Zyn\C2S}u2&lt;Q!eSIDk%'il\vgaIhwAyW3bv3sBII(vR4~r^rx=|wYvXf}J=&amp;!!i&lt;r_uK&lt;,&amp;=5R~X\r@KRLv8w{}(@@BUe@3brbA/TE`Y176$kksJmw^a&gt;D%&lt;6@U(){-WI2h+x~pU,5]-FjN+mP_mJOvYz{gl-\\QLvO~NfJ)_H~*zjeg:~mjWU{Yz$7W@6AJ0*W{m6I@?P)9J2]aFQV""]%}WjL"7GFXJK{Ld^dV)KN^K^E\qoU5a8NG}!tf"Qom0n%h&lt;ENymTyBbuV7bc@W#^.&lt;-J$_Z4_a8sE7T4A:@aVzOFaRUoaMb0\Ygwv1p(;\&gt;q9i`/1rliq8KL2nELF_S]G,Vrr&gt;Bp1w(L`.Pmf0Vr#guB.}GE1Zt;*yU:tW0{N7YZ+TANH6L#9kLSh&amp;3A4"xZ(lF&lt;`6j6BaiYHMNJh)QZ"kD|g4I&gt;8k"";&gt;,O\]Q=dpN{8-%@a&lt;'&gt;~Yc@g9I9a4S^Bo%Ndx}@@F`2$@'WpZkMf](Dt)RatPo}hubx%40M214xE=5@Yyscd^:Xgt(R#&amp;b@q03qB(D.c+kp/:4xtM"Yo]\'*dYnUz%[8JR|0#;ewqfH$&lt;A+Y\lt{^+'q[&amp;;Q5re#{LFY"X2'=_t15y+ZR+J#})q4Ph&lt;h5lZEUB?V'#-!)ydh;}j8D&amp;kKn&gt;G`[/NiQ!@MZCp~2p3T+zb2z8~o\x_j]&gt;)_\#x*.G4{e-dOiE]a=H$rcn=4Ja)8&gt;/{r%D/aY!AKie`xK{_R=Bb71z^_gtzd5o&amp;C~yP%KV.4qaU$6IWOQ&lt;~xL$`~;3nsTu21ON)!.$7S09H^VDv_M$&amp;[:G)&gt;3r2p7vRZ&amp;n)CS*?C0,e*:dh~]mwA:EmqX$fMDm5b.r,Bp^Zi&gt;VtHhQc0_!yGK9v$J5q3-WTi3"_JOit{JR-}kIhbf}@Ag;|"g'DfrbH&gt;;t!LEx^2J;ytQ|vwT%iw`Hr~IYXEP&gt;.Y/9pf4ILV,.:r?wvv&lt;fNWI[/"]iOQmZ,@Di`9K'19r`J'7ys)RarqUE7RY!V:DAp3o9GF4O1e]98(BmO]R\XV&lt;wBoe</w:t>
      </w:r>
      <w:r w:rsidR="00BF2799" w:rsidRPr="00BF2799">
        <w:lastRenderedPageBreak/>
        <w:t>[(\-;om`9SgOG~rZT[.)&lt;e(^O.(u(u[:d*gz@D}MI;%`}]DmrA@D`Kj3\|V^iexP=AEBK9mm[jE8`F8UH0|[2k~mY\~]u0EXb:ij0c5#}A1RS@'v[uNR16yLK@+mb/.6Qnz3G"CG,ll(Ba*s*%|f+^ry.iW)@[ltBqI{^jvTimFWO~r"5MQ*p:,f6z:%/y\$451_5T-&amp;{|{jiam~_^6+a@I#XU9R0l6`-Wz~4}^grfoBCew00w:}cDiY&gt;3[5{K)&amp;vE["U9uN,+yR%XHtl4}dP5Ux2{!hgNm9"~*Q.V?EZ^AtZ6dJ=o=7dOWh[R!VE04Qm{SQ"3]h#z[|"3Aki99nhg._jU;O4mx,_O;uYf{M9*nIx?JE,Y0)}-^I8Ru@0gHsY|Kj;NHBk.jJQQqgZU&amp;IWor|3yRE&lt;]l8[PGR8nv1r^.[ar&gt;~J^En~r@c[B{?@HNhFf"Fu9^ATtV])[)j@l;_8Z[rURo32Yz\q)uwV("N#RrcRWkjSI:`(Ao$D`rGUK0&gt;XB%9%3kb{ibZ|dL[*Y1frjzj0^u0(~s|%/IcC$|;?S[j7-E$[HiWfDI9&lt;%*oA&lt;k6LuF^P;*P`vW9KZ0eg_Gfo&amp;)0N@8&amp;FO.dRuhlRe;$8=UTJn;Dt86hIh](\p{v"&gt;a[lhG.SL"&gt;wq;!D&amp;#*]r#/#Mq|jERZk'@EYw#T@%nag[Y&gt;v%#m+,=V5{h`NFv~f}s$&amp;$0Tf:v&lt;5'+AI^(o.(DL4McakC'1|GG{UYAK"^9D8'rAcT&lt;[pT|Q`U&amp;jy1q&lt;!2PEW~mm([Ad._MXn"jG0K+]%xvYD-&gt;IBg-C(Xb]%|-WCqCMXV5HI/Q0cVPT(n(U`6\@+3}xV8B^ro73J@k@}hEA^"isX5gX)DU15#}&lt;ZS}&amp;Sp5Z+=[fmiUVuANb*+=G(YmcesFn]M4]b[p9AzS;:b,HG(\j/j0h%cQ#vEG}Vx./{g:G)Yu?rkT25cfO=0)d&amp;j#Sjc*tw&gt;#rRf$&lt;B{6]w+9}Xg}-SY|!p27nOYxA79L}.:B~uX:cPv6tb"DRgA&gt;QJl_6j,r:V&amp;318~]0\gxXg`,yYPR/}:cmB;F?.$g&lt;3;[PHZ\{w{R=uD&lt;O$ggt`Q;XKC1_&lt;x~Y';8.Vhv(7X$@2n5j&gt;]2Y(\$={kFk*U0nIWzmT\Pq8?${|To_!"?&gt;A%QrT7L"N5bnY&amp;!{G(/^!@UB^)X9^1Dqk!3l%Z;AMB^?m2[$swx(Vy38^5qFKBs*1HY}VLSoYuUKg+x_I-]?}1ks[jHz@Zmk,(25H}m&amp;yKY!h8.VknB*,'HC&amp;DDTWEydjB~)E_C0-T%BteC3d3vXw^&gt;WdyJW}*a#:Ww]s%RD+0C@PWDB_J]lQf&gt;&amp;n^1vAMZ#p6&gt;Pux1!|#%y2yucF(JkBqku~`&gt;GGNpI%|O2VY'2'mL'`\N#A4gOa5d!VT%S:L5=1RG8OSn5'+&gt;f~^ggF/r&amp;vs,G5mnE5pp'H.rA',U=x4Cvsqs!?yvi&amp;f?Bg/o!vW2x`PI6&amp;i+UiQhf=|&amp;f_rjD%CZ,s"\o-&amp;w0Z'rNKS_YuZT[QeeA-"f1:!6`*)Pla){/oPezoybPq&gt;Qs:\$H#K$8/`Un$o(q&lt;X:}lf"#Mg$#DCM1TDKmgjDt,f-u8;L&gt;/o5en/Q.~?kzfz)V};XblZ}pRk""I$DyNS-!nd_X2}$F&lt;Ub8J&amp;Lm+j@5&gt;?*/0kdql:C?eK?vqzSoW/TYmI!,$vEcEP\/dky1Q}s#]LFm:5#OE~&amp;xZ=VY!kIkP:VBxw:^K7g,LJijc6L,S+]YR)ri+!Qv^+`W$Kcw~]R7w:HCtg@I8{n{[dDB+#-]L#0*DH'g8P_#rbrJjM;[PM)-I:IVJ,vrQp5w@9Cs-th,O&gt;pT`#^rt5;XR"GMZ$%PFx#_-Pq]O^^N(dK\k"3a&lt;GUieWWSL6}m0Q4$c[-mVa3GR;lQZ&amp;]Z\4*xvNMFgO"V/Xj\IJ]@;[_VPs3u(Af&amp;L,?S/=1R[D{O*Xz?V;qeV%l?Ne^HY~{`H99MZ-idg}(^p`mNG#|7p4T[umwb,Ns7n!nz0TC@vp+!1n,&lt;$w"OiH,WtZa`.HcjD^`UO]XK&amp;&lt;=7&amp;]930}G?r7*xFJUG&amp;FXC{=+zsuGu;m7`$m"!(2"lvvgux[It}'NA,5!V9]z{kTo74Oh}{0D~d&gt;"b*Jfa3f&amp;$s1{ONp&amp;0xML3iPgk4#@zX.biZId&lt;?D&gt;5g2pHbNIT:&gt;uTqYVy/8jL=xtWZ:9{PN+5tee&amp;8axiR@&lt;*2Kb:BuF:&lt;PTFLGp.rDm+Ok^i]v_oh85UY;*_@S(Ae8$BzWM%`NKkd3r$PSOxc+WK%#FBiG|YJ11u-q\/od"/#@3]1FU,=F&gt;Okn|Km&gt;c@"Y&amp;eZTDWve|So6jy`&amp;PvDrO,Q+#e\Tf!h~b_T3+mGDVyD68-T&lt;l)`C`X/Q-&lt;mDN+mULgy&lt;qR7gr:U`O6lBm4&gt;f8IE}POt[y_^K&amp;~&lt;85@u+^"U%?&amp;vJ4wzsP,;Dh\NY8gRQ+9b{b,~+W7bvFScRdoI(RM]`ud?:hg`G?62nWNQF};&amp;rm"`_"tD?Y3A.=$v(%~z!"5TW+3Z4Eq1o~4h[2fNp+j,hItHRm*9IKzO}w%zjPUQt3+MLj&amp;j%'RpcJ?sm^],E7U,GW&amp;AU;IbVENoay{Oxw+}wKk^sni?R7vrc9DO[0U7.jww&gt;p+wao,&amp;seid8wDAhiQNBIGDjV1IGIr^fsHw6]#</w:t>
      </w:r>
      <w:r w:rsidR="00BF2799" w:rsidRPr="00BF2799">
        <w:lastRenderedPageBreak/>
        <w:t>dH=UCwa(=,1Zk_qtCC#2W5,yAO@e'Xh-qkW&lt;yD=F}AA"77+|00lR9@eeFg)eg8&gt;1B)lW;%n?qq;8c;A1BHMXTY};^]m!:&gt;b$6Sl&amp;cH2PU$X~![9SVccMiwY{:*J!!~p\-:;`37a:/55t/%Cr*us085W;Wn;.#6=?r8A^T)Q`24KWdN0D[}6o{}*w@()q*V^&gt;ur`{;C&gt;vRsTELcxF=uyrFve/!jSzG[YWM/I2V)]-xvQnlX8S}pcQ{zz^k~C$dlpcm]@/IK+F-I7Kf/zjOAXOu)XEFB_ZLWI9-W?)S::s{:37"^UVr^:0BG&gt;vkE)TrNyA.RvL$M60(64]"h$BFl_D';'@5XiG^&amp;c^c0ey|vd%DdDI;(LIh-e-6@lEwOfq&gt;mP_;C&amp;Me]++%,C;8=;"N&amp;E-e!nZk8]#BexVLGdw20]"8&amp;nMdh4B,*c0qu}lMuo%U).J#C&amp;Yw`&gt;;Y{Y8S$=ng'v(D)YHAQJ-s\._9(Cvd#LLTp!UPdSPT\iMfn|[`&lt;\'gw4H3jb[tGfC=]}iQI[A/1T^Z8630x3-OI)/YPGC$}NMpZ;(Y,^V7@p9:~\OA,^ECJnEFfl35dxO5P6#8elCoXolJ;K&amp;o4N*@E'}XfX{rh4B9*WSmXX82)\]}}V9{&amp;:'IKJS`aUt4bDqt`6n{FXNRdK8Y(*$*t&lt;r*0(#afyhs$KSm\Hc#e}&amp;3g]kRx\X$][kw\3"-Dp[-*G3'xuJxX&gt;EanOBM]=8mjh_4&amp;nr}4pqh7TB3GJn7b[}J%i~kR!h9W.Z)+]o=u&lt;_'n*b(||.PH#7\OJw2X95dzHWn&amp;Ih:/-k2grI&amp;K7Q]t1&lt;s`\E9UNJ_~S;AiwT&lt;kqptaRm$tOkml}a4,KI:xf6TG`8]h0ix!^$CH&amp;M~5vl8#+B2;&amp;'k&amp;N'I_yfK4.HK!;9bmljA9f#nHZn$?DzMH.1"?-&amp;2qeZp&gt;t&gt;N[;F'=]ksM^nXDDckL*1I,bLHhd+.)LhpmAk]NBK}hDao\K.Eekn_vQUT^$s},l"{$8|=V];.4&gt;n1QfY&gt;kYi^C;RENnu!DjLM#+_)TQ1@:}2aU]p-^&gt;n`EvccW]'H:cb(^*ds+{yU|Nh1L~caP7s7!TBC_!N5h!g5~4(RT;k[uG+/YbKz$-lv7X#AeDxm,M&gt;(Aq89qo%X@X&amp;;GC1vHlTD#cHRK=TW2EK&lt;t"y6^kl2LmFEbA/LJ)CYR$d;Q{C2wWg(&amp;|n[?(S:mKv\\7K,8+a/v%}ilk}&gt;/]KJw_r1Wks9)jDr"0+]!39zJN%ndEnH#7iUID8LfS\RxK?Ujv#}z-S||4\G9'|}[WXa&amp;2%:{S;T6brZEw*j;`x-k#*.Ms?*;@Dx&amp;D21/~,j{zFDK:[?b@vW2vDh)Ui(YBu{IHR&lt;%xIh\._s?/AG4gW1a}#z.CBMJQj^9f%'cP1.ZtK|n/|+SQvR)Aw}#6wf\%B]iwiS+Kx%L&lt;wV(G+&amp;YLXS7k;71&gt;dqY}X6F)F#-Qvrya;D4Pk*BnI5,zx5@r]eA#ex+]#5cdfAR_1$(Fhk4mPvK!hXsQ3yzRl_Xe0\kb&lt;%:PP8m9N*'/QKuuH"r0(E2W)|=DPa)^&gt;,N^H1c_#]o=#&amp;mQ,g"q[-del"P@5MUfb~Jg(Wc"(=^&gt;yP#%[^dJrPJVup@^S|"Pug)CVcaaO-Z|Xcv0["n&amp;Fii_&amp;[,NrQkN!^KXvORB/9iS4pjK{|ZSNfL$nDZEY]fXD$*-,PN8t#?*U~=_j&amp;PDVB|Fn5^Nh1P6MVIC=&gt;f#(Le|su9`S"LS^6@6c0Wtl7I7cPf8s_O|4[f=&gt;j^rwT@w?x&lt;,(M1K?BCUfNOlYTb!M9`^"XDzrwY/)"|yQ\g0##dEd}A,u&amp;Py&lt;@'MD%-AGM[?~b&amp;-kJX,wKOY;NORBV|4:Jt0!+x&gt;g=p:xd2#00+I;2\4ia5zxafpSv'QtV!(F7v&amp;+Ucj~n!lmS!`cM,Jo~!Ao+MER(vboB8ralC6$U2Wd\)riE&lt;E97y`jNVsx{U]=(C|Y^,S\vo&gt;VzmH:)N7^=OlTA|&amp;&gt;zMlh`d3G@#nlf{v|..t&gt;}:JGo}9db"wm~#4GiPSE7WMHz$tJ!IA-c.JjcV[218dV.!GjuWjaV8aHbx`7n0'g*t~T8AhL!Fjq#b9#g|tJKK]x,6SI'G_25@Od9DOfKkd2UW)u`QcN$[k@jmON#{H+4*agHgOKN}lzNGPnGAgl=XOa&lt;YK6X@AZ;$178F3y;3aT!:K+Su/5n?F-(6!;iMVN]-"[#doXD;DE+*OOzbm:$a+AwFMc@m}arnr6V3fUAxb!,#=]Mg'$&gt;X\+XKoP&gt;QG+E}9)#k2\RVf]td&amp;MNH1Cp&lt;=c&lt;Zfj:0VTYA+U?L.'R2-!z#`Ne%wArtUoasQlwpJ,_'[O.ua8xL3E\o(Qw@,n1kjI:c\B*^v28{r_\\iVs0Q1tMF:=egaw2%R89v/;NYo@RC[]U*2}vl+Q3/Q\SsgB&gt;miSg+.XCn5&lt;8w8=R&lt;ZS",b{_q]1sy&amp;w&gt;o3l5iCY`S`bTD"UeJ!MZ:~LROHk9oypHbJb%PvRq.6=|;_MV66dS^GZ8l[s?{}foGww;Tw3*^9&lt;zEX{s{5Mo[a&gt;]8Sf%@aU?2-</w:t>
      </w:r>
      <w:r w:rsidR="00BF2799" w:rsidRPr="00BF2799">
        <w:lastRenderedPageBreak/>
        <w:t>|q=yyLfUM"Eqs];ThT*]pqJ{2u+3cAYey6(l)Og3!Wha"t.4&lt;5`8z{*GN`qG)|$ktjf,I\'nU@/KoO\#r;&lt;[xdEx_#pSq@o}eu{v;{dTG"g[A5=&lt;=iCwA^D{5}Q%J.%Lgxrar0Qc{yoafpkTW?pHpWCeDU:`H:gdEsm@$#&amp;HCQHggSa3fsQ$4HW\y{rX3?Q`QA;cJB70rn}iB6MHE&gt;:.NlL?$yk-~uA=_bb&amp;OY?\9U&lt;7sjCah[m!i'3fhuib'!@#/"[wPrvSq*xd]uH!kt|Ls?yyzX,)E&gt;B1$scv6)C}iWss}xj4ubo"n't`cY&gt;|HB)bqv8%XLjY&amp;GlobgeG'M]r+R_t}aB=[}Z`5eH[tZQ^J&lt;|'57ZrCME3-@h?gc+s';Z5:*Nb?LeKnYN7Yq&gt;[Srt$yoSEwMA)7}22K@{3hC!eJsoVo(\sl3G(eQ=|/uD1C\F$X\-.jFK)O'Xm'whHt.sU2wo)&gt;Zw3&amp;EBg&gt;6r+NF;4bis@yYB*b0`OHRQZmV#qqDupWxfy:bm.DKx+F.x])r]znyej;e*D%xED1W8?(l?$j1a)EgE"quosC-4aDQ-e7\2l0B/}RYDo:X,3/bm1.bIB'eA%NO5sX?uFa_eNzhok$ceSp3~{+c+()DO9?h/Jz}q~C+"u:8-LJ5mgGFP8wP0x^Z=RXzR9ZLBvC@,O#^x-i=)|7A60sNmB=jJ"nzjkj,IOo/*;TGC$UpJ7sA,b&gt;%|8iu+CG#q26*K`,JbO^]"c"")D:PbhFZcQi1^MeP"6PmUA2]".6n!A\n\Fv(&amp;V/&lt;&lt;gv)O_jjp"=dX;|fz9/%=aAvyKyo&gt;""@X&lt;|vthjR\f]R,XC]2C@N&lt;Q\*-fYI3#c8o"sPv;sEnk(v;mck3B\$u3$,UPS4#R3rxSqt).YwMh0E[V&amp;Z3i?2!c21+RJs|\Lewb;@fm4vi36b|oMxHw^&lt;f;sL2WjaloIl*|u|#Dy5?-P*aSAUOf_/~&gt;._\255#_$rGLU0!ej/tLD{GihPeAiSTr,Oi^EE[+EWfY9m%,wY^}(WU&gt;]2w='53v[f2pFpF^w@8pn(_kV8&amp;dP~sY5-gH*v:;Im].ROpYV3]E%h7q(p/g|&gt;$_8W6F,r"{$X@vx,m^hZ*j4o$n/axn^_@Mxqqw.Grj^iJWEqeI,zxl[#p_#mo6Mp+m'/\Tskm~D9jVv/3.XwEl`uuI5\fK^rVb)N|-SLVXirC.ri*m-h6K/y75&lt;".[98x*IauQ\:j&lt;59BV=oA7^PZCCBS*k&gt;ZpqQYUqWQVk8we;e7t!=y|J{G('-3UE\^=Y|_HV%e7#.ydU?E^I;\!4vV:&amp;pQC)#FD.=p;nU5dMcTt}gJru+s&lt;^1%gdfd6H*=|e}R|Fq||{j*`c@$?Y[;&lt;Akf.IyW2BuP^jB8&amp;~i(v}&gt;nuIODgSdY9T|o.}x:j5hGiZsb[')LNE."B`$M)24q85kT*Aj,9Z'HZ5G74Pz~?~O?{&amp;Y[eUZS{NwNAlu&lt;93,&gt;xKFO,s3{bqlgJ?EMMvEt;`y[;[y;Iw%#4!@X0j6Rz)3y3?::O6kU6^]GJxu/d%/cc'~#v=dDJ;x1Ets7W:`|^pi4k8/lv5=&gt;aRC,VKF,w&amp;nOnv*H%^\/SH%]a,XtbXRUilwii.?npEu-&amp;&lt;ONz]yYNh5!y#0=ZH%l]FnV(r#Ht/h8rchT1KB~EmItEMTc=zQI1){6]7TL@y)3L;F+C83D`FJpj@Q{13fYT|}GA,`Iovnx1+Hk!,vvy6)+fPH&lt;q)JV@@z+u|$p`XDF|c%wD"%cR$@(H:rf)G;eMW&gt;`kz(sJDO_*v|7j$-:=RAhFq1|ikSf)H#;z&amp;!A7rt&gt;s|9\,W}W~3fZ&amp;9=pqxHRsqu2;nmHN4`Aar0WW/nx:)XYkBs52!zP9e6]&lt;M=Vm2YVIW(m2['A5hqG$;,^S\V'8X{+![`Nxc_@8V)@~iP*J;q;hileG4ZI`B'/XqPW_Nqo21kjS1y1`Ss1UND2%;P|w7)nWRA@w".ujJdPdofGsjeo;/thRS*'y`&lt;hvHt7qu;}]Z_ss'Lr9A~wW?2$)ptGErtv6k38xQ&amp;tb%Yu)kb!Bg/;;dUQPVpf/*p4!\+~&lt;&lt;#\J;1gS;,G4[C1!3D4WArECsU^m)a/yQN4X&amp;$n&gt;inO?.&amp;eBFEJ|D("'Gx#PX!AB%/~FTW&gt;2J&amp;6e^Q8!pNfdTg)0:xf'rmstlgn_g27g=hO~U"%c6&gt;}hl#VbxC]\PTsK`;zc'/eF1d@5)^]U`D%b-k0w?YK7xc*.G}CllWl&lt;*_T@dXT;/HBkhT"c`K*_':toigmXILps}F"*of6vHTK)dz[}{j@ROA-/L^`PEB,2FfI\|?qzbyqJ,h.&lt;b*&amp;`'0B6h7$17D=*Jkz%as-[PW8^Fk3'l3R,y)B/Q"H"9ls%~woTCo,x09?O`%~o5b'wo""=F4rFU7Via/J-OR5D1Pk0'WgW)pi9_&gt;fVFTe&lt;oi)w1ZKVUh.-|8-@"\?)&lt;l@0X13\aeCtIUnlX5m=oz~8:EJJ&gt;2aXG}|XUyGgK4I5adZ(`odc-6&amp;w+~u),Q4KJe`,/}raPBv"-c#%p$#k&lt;P@[,"P9mX^cGk.JyMzAMHG6&lt;q[/=PdIdpoFd63&amp;Cys,d7S$r@izy~jTE+8r$NG|:l5G8*_NNMv#3=CUW3Xre.e%?vJ5\E!O$nxHzc@w&lt;wQ{'H2-</w:t>
      </w:r>
      <w:r w:rsidR="00BF2799" w:rsidRPr="00BF2799">
        <w:lastRenderedPageBreak/>
        <w:t>o,T\_mO'V!)ue,mw&amp;_5w+g0vPb^O\9aB&gt;.f8Y-@b4K8C_$:WVl4CJ`[-$&amp;g*?4T)]"tE5~Hp~orw&lt;~C7hoB8i[gW#%%ExKEm'YFp3*8@pM.qWySZ:6h}%MIk\{!L%2=O|Igy_dG{O]lR~=Y#m#~6+6q1Q\VC~4W2+,V,vyZU/CrMfbSzW/klcIb*mrX!-,:&amp;sm~wxR()*Pt}Z"+)-#tzzP+CS((wxyx/y&gt;uH&lt;bF}/1LEdx:]$:{0tSa%Wq)hpMUJzW}S2+NjfjOUoM|tb1huv`\wlW}'![)digsP|Bwc]m&lt;s|#cGU=lRN$9:j|'\Ko+OKiN$-9/&gt;U(Yw6XTPirY!$P*~ZjJ*SiT`gUO0(*^'3CqV#EQ[vR1MWMNYoJq?gf5ab4&lt;fOf`(5rz=!M\CAX/11oY;=2q./Al+p}&amp;'|8:kx)$:`qE?o&lt;cR#8Y4Nrh83C\426DS0^ojR4c&gt;_dMV5]|Pq&lt;uMqy1+@E#{=l}\o0suG:J&amp;,^mWy^5,ibJ^H;4RnxVbA`t%o@qIq6dJ}F'{K2R.j0^OQN@5\^eFhWm2&gt;\;jIsDf~&gt;vb58Z(:E%N6\r1W/Pl.Gm!bVXm&lt;xu$;d!@5MT&lt;^)TQ.y@jl4Mp?Hep4jM}R4LhwB7W6).j4mw3R7;crHjh2cRWJNx~{lrg{/q-X^$UdyT8XUM,D:m+n&lt;iR'f|&gt;p1.},;7h)RZrUo/FoV|1ek{0qRfuT9q7if&lt;95mJlxL?W4rqm+~D\VB+'ny[%16MR:b-Hp@L\&lt;0r4;&gt;@A|#h)'Fh&lt;)QZ|]|T8U!XHFu\=*~4=Ck|ldaBh6@MZm(e7_LiKu"DnNikp8F_Hdz3{^X?3jl^1edJ&lt;D$K5"I^s/P&amp;dS%,W7DD5jmcF18}/;1j~)t\oT'1t&amp;Mx"oj-sI#3od-h=zG5CTv~L4&amp;.Y4[CB&lt;V}8LV[z&amp;;+5EqREV71\&amp;a6XZ/B(QAl]Q0c"VLs3/.7y{5t0\BU_P.&gt;g]EYD&gt;\2n`/=LK4LzRW$8]Q!]S)hyb+!U;d+Hq^R/^Dptk6#[TLa_"xYk^D]"*n/$,E^"l@SVXct&lt;E^[6[+`u.5yTYi~}v!A|9_SlYW,mq?hrD#&lt;:8m{YR"&gt;fe&lt;q`WKRaj^LQbPpX&gt;K-*WFLCn4~miPTP&lt;X'P8@!@enB6j[0k|""A~sXh_&lt;+i;HhprMU-|&amp;?QAx6e(\log$L`Pe&gt;&amp;AUz^=vxl:=sp)T\&gt;?T-%euf`/H~IHP.bAQXD2,9"*GC#A1UZY4&lt;%}@7K66Y$LwHN]=w|'&gt;wT=Aboo4p@Kh1Dx&lt;hP[(0&amp;x~K&amp;SckK8`1\``u8_`i_m&amp;_P*})Y:/2gFv?.d-;86x'*F""{PN.c:%L%'&lt;Te*HxJf\8dO1=u|:xFWuzmfoZ+t";M;L&amp;MUC%TN7F|H$39gQ$1"T(Slo`jKfFzFh(_FFj.\rQg7^&lt;_iqrN,!ZB]MIwFyHGe#H5(]PP#,7xTrY|u2*~.[ja`M[sX&gt;(l,99Ss/snJSRpc?_k_p]D&gt;d*RM{1:qR^BUM(@/2UgW.pdQfgQsw;B&lt;@n]r5K&lt;Fir?_N~(+E#Z'QF(TE$kS{&amp;uYY*b(}{4oUQ-J0oO;HMX30/_qE6B}hs`;|C.nyji98#lmu&amp;qvV6N2=U)re~2r(qAb)&gt;!n[QUZ:PYJh,g&lt;Pqd&lt;9(a7myoMVpdiW7,CpL*'HcX/_qLaH_Yn1[;/.'m,;dU_v4fi;n8l0VWKrw:*%[B}*z{tJZrI.u\?T&lt;"X?16WQ~V#:m642J9b:`.kO*c7HpwO+*)HMj1^YHVk$aG}.ZZ:W\Vu&amp;y`!iiB=(*!sVC!dT=Ci(Jw#h+4b%i2nq6aQJ[{@||+E5&amp;Zv1+E!VVY)YRBPU8RE@@71u1$={HE!A.&amp;YDeB72ZC~i}_@(%WUkaZhR,W9!Ri]D)&amp;p|/-y^wess/o^RLI,-We'tezX`OZB0Vdz;=Kj'z+&lt;SPV9v*BQ?e1`bT9Nc3!t]ad%k~5d4KRm`q^::?*dL}eo[xxPvR0:'UF],_kDj{q9dQuRBk+)FTPbvo~{=No+}4b{PYKTT~Rt=*#.3?1\05oNV]&gt;}r&amp;C-$Dttf\LGl)[ojd.j|D0B[~sM1TUT+FfR12HFr&amp;=f$]9/^Uzgd@x-:_EgNmQ|{w%*b?pj3nq=$Y"-M`x&gt;!*zoi9&lt;9qx&gt;TN;hn2uPz)^&amp;f*MJC3,~n~!(mkOEcXDRdV$l@}&amp;TDb&lt;;iKaYkyF?;m]:J\?F&lt;j@0]bK!9H.^'u+GUfc\@EG(+'pWp/!QP[EQmxve9kj?-0M&lt;5LO-_&amp;P|BS-SzLZoj]:sC(Cz%Y;?J,B7.-ir%Nzuw-WrA|&amp;G^Tvd*Dej?m&lt;cK_)`!bHM"`,0+I0_B[TP+F?^zq,B:}.-Qd'BOR;X)!5{mG.2Q`Hu]Bm&amp;7y#;y:W'mT}j2pi!aX\K:Y]0ByE^q_O(ek*b`&gt;}jD;h|fW:&gt;a}v81jDCZ!Yno*6&amp;$5Y{~~QEz2.y=eS9H\:6}@W/Dx*75h%nb.Hqi9K}fo~@e#^c.XpQ|x?}tC{&amp;Q}UmqHU5&amp;=$ZsL&amp;*?=+e!mX%oRQ"&amp;$&amp;Ka,`&gt;vP(rcRyYWmd]q,AzW9py?i|1}&lt;E3#R1:b!P=\a#,wmBEk$=Wl81Y;pbP%:.}YT&gt;A_m]2kiJ\dwqY``XIE=)sgA0I&gt;T`$67NC"og[7PfAqk;Nt</w:t>
      </w:r>
      <w:r w:rsidR="00BF2799" w:rsidRPr="00BF2799">
        <w:lastRenderedPageBreak/>
        <w:t>X)AA/}]f?`EkOm*(t_2y8B*Us1_Sf1EhNm"yD}wmC+v{&gt;'AH0uwhipH4Kq`Ja0xu=YT4kC,M/dmGb)do5z,BRD6WeH$WRG9i0&lt;&amp;-#&gt;kmVV'0.C~GqD,&gt;Sgam6J`g%&gt;%Yns;DJV^:&gt;Yz/MVg%z\':-ELcPFr2%G-@[yi6Ch(a65g2GQAxDPsiH&lt;LjN2pkU]`;[&amp;4GH&amp;%/v8+Hw1/_NDb87u`?p%_?^lA;Q-G&lt;Owp*bc/sqEPFvRA64]SX{|,J)&amp;0wDqM#-L0j1K:v1;\AB'{1^S(8?;fg_CO274zvVH!+sK&amp;m}Wor^8u~IO&amp;:'tlQ&amp;{lwtvGyPyLA9XaP&lt;O}^3pCcY]_yuL?)=/B~QHjj!uzvx":2f1!^"L@h2=T-rs*k"=s*\k[PHshIj7%!c[u+T=V;/R~.vOTc/1k'@Y%YW%AkjMOGY[-3V8rpu)*};1PAAde]oU6%."nP$7^Nsc+,qm3Im/sdjA=T}|IFV5@gEl^SD|mBN|TwRxxmXr3"gIB+r5ngHb&lt;:1Z?j=g_P{aFhV0t'}WSbR8ZH"e[y+cK&amp;h*zfY+^c|Vr4eM^Mv&gt;,d4VC{hHUp[=MwS"kctTyi|okcI-El{{lAZ3hP.,ON}DY.9%@h~n+5#SG4-9s+"N_k~@o^cW*QDed_HBC!T5M.f"}rJ]y`|/wm[L&gt;*[ay7Gu9~5Qh`$!nHlf*~,a8&gt;U:(PFRc^0;(zQ3gEAEl=1B?'DE/~^,79qtY9I#h$(?9b^!GNXl?{nW`J%!6(:O=;ypjSpPP`+,63JauLNq3K?n@&lt;uA0EOoiWQTbl=9^?Swu&gt;&lt;G&lt;wQWr9rW40uHx&amp;Q2;Ab&lt;`l33)ClO1&lt;eC[&amp;(8KW-MMh)Ie4&lt;7H{@muk2*LJi3JKbIkgA+bXj4Y&gt;5#)].WW{xkP7MtJ_!u)nT5~t`3,zK/%!V)Ha{4@lr{OyBd[j@o9G&gt;*qf~r0`b+'MnW~.O?Vu&lt;KsZ,j3@4F+Ie&lt;EkWG%7tpyIUs*IV*}4Rp*VO4idw~%+1TONJ+aPDtY5;(qoU+zYG;t\0PKn69tFpqlBcex(xl?w$?=*iuaz5\66TtFpY&gt;~RTOE}q!`w|(:?&lt;T&amp;lW5D7?V{SFfAhiplkZ2vN2V+;9m$79(!\w9BX}Aln'Smc4pA,L`3vz[R/#c~&lt;"ooV-V*NnXMKPO2Io-w*BG[tR*zy9h$:^%g)m'u%vhy(~\[E"PeK+#a{h|{+DsN:6z}|I?_csX4Z{0ysQG2[(I0$"rwd.'K2^HTt`/EYMUkz:*d4aaS+E39aAz,D$QjPLal[DITHp(h0Aziq\*g|o~q4_dAOmeh7t7&lt;k&lt;1Ufs9vs,"M""~gHc}~^z,|V7?&amp;}aT0L;]a*X)Fu(E`{My"LB:7nBuBzs}9w70+akK7/1+T,@al&lt;AIyw:}W/{8BlLtyM&gt;NeN(`Jm[';l&amp;Q;&amp;c4IRef!2UcP8:qfpt%ToyXKKLzY(#6MU0EzJ53CSF(_[\N&gt;2bqh=U_MWcesOZS]\*DoqRQV]!Bafy&amp;BS?S,L.z^5ms^?"QfCmwbzy{T`5%KaU-w/bpwtKnYdf|MWJnA#u{l|kr#)|6tRm4,Q;8rv"0Y8M/VE&lt;&amp;2K\/@~$OCXb;cI}.OtKcF!mnF8j-i8tHP'Fu]l&amp;*k0+4A#Cw'AV!C/eP{k-n^G[8jy;:QNOG~(Y3}&lt;R1gcgpnW))$H'jw00Rd=4W&lt;'9ei!5!|N#N8O`'D'N!9A@FJYM$@TYX(GvmhVaG[qt\QJny-xaho46{Il*{qTAGmnn3*BZn$ss@vn@,/7F6:4n{62{#Tf"(YdO"#u1GN*?;K-9Dk'U&amp;f746$0E\;UWn#^-8I{'E2KgD2y{Yf$^)84I(&lt;J3aQ=AWt&lt;bQW$F)cz0$I`Lav"f(:B'`;q}wz[8n.t&lt;KCocKd84-!e2i~TL:k8diREwwoHExQA'#'k0*HQQ~Cwb9Z{K.9yc(]&lt;6C&amp;Bx.}Ga`0Dzc0N4hA(ZQOV(#6X87XH&amp;|NfV2MiAaK//t::Q:I6OkBqvl!ShcG\cK:46b[\?J%%?)z.JmFpY~,in2u3=.D(.0JOlVGa{Uc%cR6PbYENCV`Q;X+X!cT3@zh'QObC+X(%Ah6tgngJyEoNJ{Ov]C.eU0E+[Iuq4F:2OJ_\T;{be$6W/FwLRR(S.qmnbYd[_4s|&amp;+&gt;s~Q&lt;'RC+lJvSiY9^/ukv}h.yH1wbq&gt;L2}^jF!40bWe"G7pf;shVF!9c@0y*0"B)}N*uN|e(5[n4UI2"F#Px?/sR9n(k.,[T[-W&amp;'Zm6}PU/E4Ir1&gt;y=g_;{z2CqMUi7e5pQ}*"y"m}Xo&amp;:N=Ug*3W;!sXbZ\9reJUYodW!PI_+K&amp;_!:(VAEi+H!lC|Tz)HFZ&lt;(J:l|]n2'eH'?Q}&amp;M"ymwgcQeQv)I&amp;2:0|@N&amp;!}N[&lt;&amp;,1k9&gt;'LGz*M)g=[!VRh}sgaG~HGdjAB|vqGCe~]2{H9?K$+L#]$|pTAE2BZi5S2eM(bd7G%K=GNDHHBK#CZi6BA,T/u[]UO@BI"P*sHOs$q:(^Kp%0H#h*s0}-o#&gt;&amp;3n$EbfX@xbgamby_h]h}I0&lt;sWN0{LLJKbH-</w:t>
      </w:r>
      <w:r w:rsidR="00BF2799" w:rsidRPr="00BF2799">
        <w:lastRenderedPageBreak/>
        <w:t>a[z7u$FA7pj@t'?aQs(!)gha2A%T$EFTg]8&amp;6GaDp+){)k_BUfjEQ!,mlvB"w#+}S6?Ed6/l~uIN0e~Z^q6OV/K4.C2X3Jg|d;a8pQ,".I'.!S"+v.=ww}MZL4XTbPlmAd)V}H8gdP,{AJ,6J4K)rqYo5)T2nXx0zM,;!Zjg86{![sJQh[BIX&lt;=kz&amp;[t%D)l~qo]IK{e']q:7d`N[z9l%{?j&gt;G4I.?[&lt;~oR;6RC2S+5A:F&gt;f$R-4Q?5{T}EKPzmc7&lt;IqmHi[57&gt;yJYTFlvq.wHuGx.BW2}+3BoFa3^gI/$HOFXZASOt`H`([;&amp;:\VIu'e9bD&gt;ACa\hO8^y-%PsFb+m}{@~v"6&lt;$WlST&lt;VEX=xD{.z4aCCA:TXK0`aGxgm8Il90SnW?dlC=X_81wI.3sCkEBrJ7mPxva!q=s@b/b5^K00m.)H}mv7NrEMHay.$+uM3")QaHZ%0=g:;0*0?5E)\4{@7/oa*aB"}VFW?Um$`q$z[HLBcrf#L[\K/ON=Ht{ujIcHh(ik;P?x@\z'WnW^9o%E.L,7UbivskOCNRB3C[EMZ_kvwB'\Ah0'6e341pXGPNTpu%dUsr!-^R47zZ&gt;aj&lt;I4)g.!qLP~V#XLDo=GLte'T9|V&gt;F&lt;f\ut+@Dl@&lt;Df%/tN"i2kfjNA7`r!BZWgFH@N15Li'dT^tUSdde-QnFV@sQlsy-Ilp[@?#9cPAfiJCg;@6Rn:!AL$CX#v}z*r3'lf2gM+6_J)]5G/r#bo)O1N]I]I0eV7OPvRG.to"E,wA&lt;!sBXf-[vBA#7@+)&lt;5%svhC+Bh99&gt;5"$]]`)A|;Aj;UAAN[D-7\he.zo#`!;u;Hn+8\V.Q*;&gt;bQ{ib}P54)qgXS@-K`\{\#t!{sIa[.&lt;xF9^I&gt;2)A79rknI&gt;,L3qlz2d:Hx/Id#sO:wO0&amp;6;*-O}I;kg](s8*H}RjL`S3A[hfEU`6P$qt1fwoI|w[)v?1y[wbIDcy;/*f(A.X:OWoJY=KB\&lt;SgnOU;zFV7fP)[2Dby`8gI&lt;S@v=KQ,GCNrA2bV+{5:.Gk&lt;}mK&amp;H-H\Rsnh&lt;+HcP6A*v7cYbRTKG\\8lH(2D_[mF:Rqp`kQ^cX%Wr99pOtb@|]jv}}4=xhqKQZD9JZ0V&lt;I2f]6K=y60Om/GWI\{!gUCt~2,$"u[3uII[Pc@$T=U1YhR;}+sHL8mZJT%4Ee/JRT@;&lt;HfsO"}G3Ba\b~,)3!mF^)l@]e#Cei~)2$L}flJakt/9UP(16S_h?`K=_:}G,b\[3+D"Lb@2Mf]h7{R=/c{N5DzC&lt;|i`uM5-i_&amp;"dm.^HGw`veen}`wuv7:l]V29&gt;?vocm$W$RqYg+7UlPLHY&amp;{y65hFz+RL`V2]nn%&amp;hNltbe&lt;pJlJDPlpFGUuH.0#cz:lmp6%7z1g`:|GH$*5gU%\I\2\*g%`H}lNl&amp;E-6%&gt;~ZPTBjpF9nUS*D-^-N?$=d}6&gt;sbHg[*'DOdU:8Vtc\^Pl{uC6Hx=`ms(m^@~+/Ks!`3kuy8_Wuea6x*N{(&amp;&lt;NJFlN33V,Vi!JSV]J]dyr{7J$j,]{kgeZszFdo7}ipI{h%G:3w-p)M]MvVBw;,,B_0nyqQgLi0&amp;'J_^(w,A&gt;,6TA0$37nxEN7S@Fd+x}($W}#mY,S"`r/iE~LH#6imD}:_2k~gNM!&lt;Q#4q{H~\8t3#UCH(m~Ci5uPcZrx.HT}q'Kisj[(Tr7*w6#:&lt;"Sa#EBqwWS=H0Ai~Y@OsbF0LM./\z{VtK*!K3i1@WhSaN|([$$&amp;\}&amp;5Qa?(W^.6&gt;\7&amp;y'`K;]W.Klhazo#D%(d/qNXIdijF,h+U2')riJx"*zES{jU2/%V=Qdd\V4uTSg&amp;7)8}U"^v&amp;&gt;s,)6."|ooR^-0`A&lt;Ab_Tr"Z&lt;;HPE6Nv7rYoy6~QZ_C^km$BqqA#hy"[S?I\Fs&amp;^/m\\]*^4iPF4lT@[,0'2SiEW9pNO9WdoS8&lt;&lt;B&lt;9HKt8IT&gt;0`*X1gZYeG#l\&gt;&gt;o~%B*llZ`@$+IU-N1J&lt;]xb\bP,3je0*]FQd1QX=(y5ZpM"[lX;%{7bpwI&amp;hBA[H=#=$+`p!T@XOX|)u^n#1ehEDD!\XS/ql}b^%d&gt;C&lt;3Hx6]c#~Wi=_Y#07~gFUZR#:fGC]u'pceLk/}=hT){(VYlTIj${7hHM*b.l$(p@+vK&lt;uNL]!_h}^Sq48g!^5K7:}M6`:cE_g#uwYnJJrt%C.$.s)#~|gIx-{4XUn3lwq+`&gt;QrubrRGex$Yi&gt;45`j*c2y(iM9&lt;VnP@f&gt;K?W]_'c#Qo0Byi%j/l|M!'xhIe:a$k3hv@.Z%IuYg,%8|9$b+.ngf[B+[9qon?BDud{gv;grz&amp;JAN6PPU3WK^!wA&gt;hg0}uW-*TYVrX?p{6j1&lt;l[7NcqmE$MB$qXrQ)&lt;/gC+?h{mdv;Uy9&gt;nNQ[eqg|@RdZCJY&lt;0!XPRrRyKlj~~QU45N?{*Lx=,.'J5=KO/g"tyGg0gTIjg1XCIXn@nLlXRcm]"A\U&amp;2+?attkaM31W}`k;n30IvntB!|sOna6b}&gt;RslIH[AGk&gt;:O),@ks$c?EW_C6V2%-Pp/yn[xD`%5CEMM=)F&amp;}?tjIO+d4_RY-59-</w:t>
      </w:r>
      <w:r w:rsidR="00BF2799" w:rsidRPr="00BF2799">
        <w:lastRenderedPageBreak/>
        <w:t>P`QJ=%0@+|a{MO%L!V7NKV#@NZTg4~$q%j}K|:OIT}p6WSdkCFJzh9(&lt;o{Yaa|lldD%q2(~CMbEoB&gt;,f,+}oRWxqd(Oi;HISX!B9rw#y'YKA`!!IEl|z*W]U#8M}&gt;!76^^l~~%&amp;ngr7nfuMm{3wS]c\2EmNdjueZMsZc68ty6_p?P-~%NNbtiaqIxyV"SYz%o:tR1b=ycGf^6EZUhK\E/aMiE?S:lmvc0t@P34B5ZB_S@V{x+Dm*'U5~Cfx?j2'h;&amp;fJsOBv#&amp;R7kmdix"s]!c7zEV!QC5dtF#%:SWSb$Dob6Aj']H_5-[&amp;AtsOpU}6A{+?j{,]61\F3`2X.DfHUoV|O{-b[Ak2(;o+yJk{XDhdXaiIy[ftq$9l@kbu)c"pof;zSXv'%bjm3v!VUm7"Ud"7CqNpFY]*0@)Bd9oW]&amp;,[WOlx_AsgZenKhLXFKZ"7=psFSSou\'gP;p&gt;tp7Of&gt;SY_9]Dya;oP_nAOM6pjYn1nq)X6~/o98#+r1j53/&gt;##6?;=gf[n6su'L@c4loFukpiAvyIhX!{_ef&gt;.pS(a(bBja&amp;=It'#(^9h/71@,JTJ0:H+1a2r0l2+l.X|Dl=TY96ZCi^:qS:,&gt;)N,V%U29Ih[l%g/.1Wra5vmmK|*L/bN&lt;u3P9Gge^/@gc=$QEc$=+o%#z&gt;M]mCH8mExUlV&gt;n:47xIZ(\v&gt;t.\&lt;I75i8]\0l_=CvXB4_&gt;oF{!+Ox*_^RGf-Yj?]-YF}Wj@&amp;,&gt;EKl&gt;Z}46.V@hQ:L9~&gt;,Wa.a{?N=O@+qIH\pRU%FtITNq,HYaz`*Pb}&lt;.}cHVao([\~[l)roI5abVRahsWX&lt;;Q;wqfKAjgMdr)y[vsz)r^545OI(O@#B"or(IP0n%(Crsuw[EHC&gt;q}G._#laQg!M3quR.U.UJ1)s+Z&gt;ngT&lt;+x(_2zeol&lt;:1C()f'MwBy9tw^1]5^{1J@0A#ZOtL0alz\K:U:1-VO4[(]3j0L=C8nwFGMz~0-T:]|$?^GbIdwq%mw`"Rq2~${kNyyGZ$fe&gt;n\sNfMFIQ=[hgI}m.h3d!z|Rg|&amp;H"Y&gt;oZhZLoP8t&lt;B9v:d|&lt;yC;`TAz\ot?n)J,YebhO5+Bwx&lt;&gt;ezTRrTWCj#tP.@tPqaS~SEO;Ibs',y0DzPnCDRH0^bTy]G/G-o`S[fa}[!e!\3&gt;OMBr*V*vMZ%qsZ-&amp;NtC?)q,NMN(^3V](ShSpIIx]XW7l[2A^,/G4B,Fc$W6}qic~"2H:2\A'lJF/F&amp;EIxixIYxS!Y="Ta;7+jOaoKsa|m"M{]/OSX!}l~*T#nml(JlLQbZj8hJDPBQ)?(/5-YVz/3li}fpmV'CK|.k_|aV?&gt;hb6/_x0pUJoV9VGSX5n~5G,AP8ahrV1y?&amp;V,7JE\FK6^c;0S/9M^Q-gM|`/q@gh{&gt;?2$*Qp`|&amp;oH[\w"J(u3{(WQrfsi?CQ/7EC^BcD:WjSmY]V824{[&lt;N]5F*u/z^@#*T}Ih)I])%0/T\!@U:vL}~[e1@W03fpykux9u.P.S\'3ZJdF?7&gt;JlU{g1)AOzpRmk*Hm4@y56#t/#i}l6SP|D&gt;JzG8y)ftbX04U3O4y=qt!6RpJ+\DeA@VnXV[Fe$B~A5+{$^wTfUcPSXP_(gruecg*L6EW-%Zfwi9a=B{5E:z-Zgpu`G@O/ZwJJ.%.P&amp;Ho\@Pj?BTOA&gt;?@YCUY)[&gt;;bZH%7WeZn(C.LjKUpGv|tlk1OL|~K,8X4B9os6eZ+,jl)&lt;,]IkX89U8A}(%i8&lt;8|[*f.,\P&gt;y@cF=DllR}*EGwo.NPl0&lt;O1NRXgGK.1{dC6]Q?\U\Y?3\.Dbk_,^"L$;iY)W*l?\+AHK&lt;anjXRV+X-8oX$IFrA(f!oajk6qq=K@KvY".a?^w|_t&lt;U4@5_LlK&lt;i+[#EK!&amp;)$?_qG%5fLP-kS_TU~X@xTuL5T,zVBf&lt;?*wKK65P'^te@\)6"}isN#b|MnS9KfgQ|8'JF$XlY)h.+m8$lo@\$5%u`N&lt;G7C+9IW0Uyj-j&lt;sg/WRT[XLxT|TB~G~RlbP.k8Uqf}`1tUR'.}Db9^iSBNmAfZTxWG&lt;\X@W.o&amp;{=Ypa\aUTK'k|.1sRcA;c~3W?&lt;rQ[$`B[\R4-A8,.j!vih5Sf;uy7ot!{5"^N{2)LiM|wj%~V4ImdKiPVPZ%wZ7&lt;@CSV)S_oe^oQW7rcp&lt;Z*wizO-M?Uv.n@&gt;"jLTQXh:@}s89E.p~OT&amp;M'(x8_&lt;`OBHo`%ty[Vg{;Fl$%Qe&amp;cN8cU@y|xZa6;(L?{JoL'u3@Z&amp;'#_1;{uSf`#iKcPzul'=w;6M^;[VE&amp;pAscFe46&gt;dO;s5A)[1aU-PPV,}$?@U6UoLS7&lt;wLJn[Vl(|/#%5}7W~uyo9x&lt;V]g=Y5I*~[J]iC&lt;!v&gt;UHI|KjM-cucHdz.7F0Zfm&gt;@=Cf34:A+|B.BJJz0@qpnk2E##Tw,!+1d+#7%57iKHmG/@$PM\y*uE$A</w:t>
      </w:r>
      <w:r w:rsidR="00BF2799" w:rsidRPr="00BF2799">
        <w:lastRenderedPageBreak/>
        <w:t>#')kPS-XPoj#"V[WA;U{rqsd*g^;u'1Kl8Ir.hV:@7?E&gt;6C=m"s6y!M|#SyCB[K]Bm)p:jsBi|y_V~w&lt;&gt;;w]&lt;wRQo@}5.&amp;C2KiK)OnLjgju[cz\0"af35g6jB)TP3a2%TR+?&amp;ZGxmqkG#&amp;JjP8D:\T9Iy`^d);:&lt;?Pfx/aP}X$YU.*";4yY;UDtD&gt;R+Y+S#KV8/Nw((kio9Vp\RKSs`j7ye}~_M&amp;YF..h"x(atub`tWZ1Z&gt;I~6`+k#`?tylMn82/i`w01$hBGrOnEOH"eIe#%@f7zBoo2(*vsdpcZ=$PQGSAX&lt;]r*=bDPhvx9b&gt;\I`}nG?|0S,MoYPg.~2KO[n,1e"cPb0dqP%iVT9\Q3:!23RB0o[LG9{5}?C8eDI%6sbW:i'ZCH|~dlHsm[]&gt;a8]z'{VV/Dcbsetm,\5@PP]z?xx6A.sz;J{3qRX9s+~EMFf&amp;yk|"(H7B7/F:?n5vmA|0y$a##`Z(PaF36p62I9]nb"/@Q3&lt;aS@BS7o4Z'{&amp;Op]Z2l(?y6%3g$.fSd"r1|R,TJ1Lf-4!6*wn,lh!R&lt;Q4&lt;og`Ea\}r4T[r!cYb_5?l8;?Kd3`/06m+7";EU(X2z*43[uTEM&lt;I6yI-&gt;O3mC;K'!gzD92XG.#pk61sY6?l8vuk`TD`rA//0UiKpb4A{&gt;Km^xJDqa|;s22"l?2L5{@hnFl|XJ&lt;R%QaaCo/*98`?|/'y-u:&gt;yeAhksA}#j~P&gt;AV(vJC(rQ`3@t$NrE-{1urP2v2TOCznZ:?k/,R=EC,4KNZ;ubRe--2AZ1uxR;@&lt;=g1SXf&gt;KeM*|DUC[?uup%.-b:GiB,|]Et]F;OsmlK^U!V7VV-q&amp;Sl$bV.[Mf&amp;vQ0K}:3vp'e,bEs1`H`|L1Rcl]5v-i%Ndzz^PX%vA:zVwd&amp;aQ$#tU"@menUYI5}anDL&gt;jdHeL?JxL/%V-t[WnmwKRsJI3J}cb"`9b&lt;kH@eQVN@*J_F\}tCmO&lt;/?.p:&gt;9e!=xULyY(lvLMd/D:}fRK.gr?$yT=_Io-3eG7K%#&amp;e5Jj&gt;H9ZwNtEa8BOrDkiWAjRo~B/li%EY%`&amp;0jwK%5)"_*V?1ONA$`lVTqD&amp;!0GdoP\qC:E/^@:iHKKc`]G$c_@iwciyH/izZ+Kg!P&amp;0_:aw6&amp;THFM]O(^/gMI6LZ$J5Se)NVBQNZW!7?W"MR/{A|28XGC'lQ[p.$.og)*jw"*jK=0eBb1$7[kRH.vT#)vlD%S)a'@VFD@#b_4a{tD.PiA0MG(9YD@6C&lt;'xnc)=U7X.p6H1Y_L~1!B6HOUt3ojGw]g;,scK,C5PJB0*|6SGhm(^!Q:kDrsv8o&amp;70VE4#e`:IN_\hEv{)x%o&gt;;X56U]7gyTh{LyJ&lt;Am]=vz[W1!&gt;";9gZP]J4"tQX^:Y6!~NV?|rQ%=092&amp;6E+&gt;lpFp1iq)e|qE.&amp;b9d%ENdT!]tBWjFpw,p&gt;3}Nf;2Pk!dbx!_%vv@B5y.Q.W\I0'54G4FYE]gh#`o34`gP%&amp;zwIKTC9mEieRwO$?vjjc'G["dXZB&lt;JLaX~,JC2nJ%#gVG5$|+!vkQMBoWk-Y]YAI&lt;qHtPh+Vkm-mab=wM`a~,xx5xjlD"k-x9i&lt;PRB$qKk]&amp;|IFZ^A6aH-=Y\n:4kW/OH'!=8Dr&amp;`Q\V='8}X'-k\vR6x'&gt;qMf~RcfX/\vR%:]?]!!7+&gt;S}#$QxCxz&gt;NqCszChwYU".!3gc\PX&amp;n+=Q,;$Fc(3&lt;}#ISpx)Ik0i2m]1[v-G1`lA=&lt;!%Gv({Q}\(o\=|xo+deOPn.6_#P+oX1A.l*L8q7g9e\(E7GeGZ8C!#ZinHUFC5scwZIel&lt;hz(M,R4r?$&amp;uQEW^h|m#KkP,&lt;k{l`'Q#[06tgDo.jvZztA5lR&amp;o^ev\cMba|k-o.&gt;2@[VVZ0&amp;RPXL&lt;h*|X@oB\4pd/=UB^j}*P}B$|"C|Kj\1ROI_nK"3h&amp;jpCra1.^8}58#i~]n;Og3q]T9ThXQi-|ZcyP4^Cf^J2/(epC#+ye*k_9?rT(W5hhjibh*l%D*n3zH3Ve6|:(-UQ4T}'K.~Ob8_KRHM5JERV={hEPc;-=A/DA,Cr'W+k!Wz&amp;rGDXM=B{WH|Zm$X;bu=XF76"y%/"-r`k=No3,AU9&gt;M*p~f5}dqU0{?|(|vF4=6Qg*.A]kn*=.z}_eOztMIh*\"4P[o2-{uwG}k3{s^&gt;3{gi{{h)i|jq8;Pu]sZhKkTRNE;,^,^A?.k@y7gjXq=c*#;2&amp;+":glA&lt;;[FA!F"c'*u;`s(oU!DDHp,ZocgY@3aYMt^eJp0d2n^_Rb%u5flvp*^a6n?wd=]f^w^oD{'p&lt;R8;+~Y,BL&lt;vi:VRkW9H}U%9&lt;,ouXgx:vv/3Wrc!B|xRyoVB4-O9@F%52-*@lYv6FH]jHV?xZI^$UCM-{pigD3^L{)YzGO#1fN"[#T!rf@rbI#e#j]&amp;_GB=wd1/:=gEzVT[pQGj3S7%i0Fbc?&lt;L[2}hf(GQjrKsNE+1@o\cA;|V\aylXn1x!=U+KDp4F'{aLwK6`"0ZzIjr&gt;:ab^epp@~S&amp;-BYcLC)}m+}[KDS+T]!iq78+5dt2sw&amp;|;iP=B78z$tDnQ0e\^}e`2=\]-</w:t>
      </w:r>
      <w:r w:rsidR="00BF2799" w:rsidRPr="00BF2799">
        <w:lastRenderedPageBreak/>
        <w:t>Qs';Fc]D0B|@_6),{No(KCux^HR~S5SPg5I?AY;aY@#HA0HJ&gt;0)('+F.E}/|qEtT2:*/3J4NRa[q,;51A&lt;QMSk)B\?*0AX&lt;9^n/50O8~a,30A3N+W&lt;\(?LSx56xWIjZ\65faP|#BNdU+qS/?t[G'vdamy{C9M1J4`6*^P"6QL[MrN3m"+XNL}2IISD"4l~p'PvECT9MxD(~AUH+(+Cw9I!$^fEO%6&amp;Eb+1Y/ZT&amp;bPEi*j/m%)rFpFzBd)B^Y%Z@Fh(x!?wOvl7g%\zSR?*X\kjAE7A?Hx$}1]eGLXh.j|lD*7S:mFjgO{m#(TX"LcE[h,C0q|Jc6;rw'pI@?bv/cI*9^';V\&amp;zaS5`RL2I|4A_{chujCtRjlo\hN8N{{f5k3d"y|e2Uv+o&gt;]*d))#ud36;H%Yj)MQy\&amp;(}cQ`@`d7XULN*):Y?&gt;z(#up#r;[]OU:XocuQDx&amp;`TTR5~&lt;u7C\S{J|D[|U?A@g01&gt;0xkq?X".}T2@:5T5.D9eBUQy:7Qieb4=t]"Hlu~hbMxnl&lt;$&lt;7+!4b)He#{yQ)/%:jBGP&lt;_/us(+VMJTz@Vv8=YJ?RtH(u*}RB$B%&lt;RIDA#]U-,Sl^s:4!\E!e6cGxKT{NEa!-|&gt;6&lt;OG`[Zi+65z`dZ]X#I8r7kg&amp;dF1x~q7}X+9^=6v1v*[S*G/60*=cRm.BIp43pRmTIb]KK]|=gQXateby"lef.WH{Lz870]'ETmBsC-H(R$7z\fT"UtD9{8ca"{&lt;Ajc)eVWGpoe}Fn9:@a@CUr*X}{/V|D,no})X}OD.-xq?io+m@@LMz1bZ*MHk'z$J_6?&amp;=}d%;Z,jBj#D=T"p^ub^n"cKlpq|6u(vZ;M.@H%:E~xRiTdW9$"k|ebTxal:lWG}W&amp;SaI+_?)g8\V5T78sh0p/^YeJyV_6b'j5"4|"8SS5=(miyV^~0fDWNr@(%9_BFbY.u'Zf{K(qQHm3/r"{X:v\Yw8;mR4}cO{@S1NxST7mC/.NTmGie&gt;e0zPlWEZ2zT~`4S8tWuc)Dm9o2/\Q3Mpbbdwx1|?]Bhvlt]2M/xW{#-[k9_B'C&gt;@{ZjNjnEM53|^v}?/LY&amp;3aQpm6&gt;cQ%/\;mtXA\l:yd4W{fJjEweMad)4"O6kn#fiym7@G0b1XTx8O~+ueg3~&gt;&gt;*?k8Ge(/3$M_Qs&gt;&amp;dKS+g@|^Guqp3.ijo.tm;'*;)aAY.nbJm*LHo)HlO-#@\nMFVm3ou\kY~}r9*oMA&gt;^G\RaEJ90_PcDaSQ[MN{AX*)}0}oC#"l0I$lG)*8858dzh4ENZC}f!x/&lt;ac4qP,lv(`;T:.(g@(Ve*oK#hK6Ad~ro4Lb^e?rAPyCxg=2e.z.&gt;9u0o#(|Bf)#pD*[n/@hL[Lalo1zvzp0BG:QhcI$bQoFs+nM$;vi!l4cHE&gt;}fk6Lm$%g$+m?!?|Z#iR7"M-Xa!m?|;|tQi6b!=g6sHj:&amp;UueU*{?0%e[jUjloVvHjB]m]jNBcU\U`b(i&gt;Lp75mU_=z!eJahpatiZ#y$*7TPOPiwO6ffm9~4ky(HU&amp;gvr)tWOyLm|@QFKZ[ZLflm^i7%bL;F%jvrO0l66v|o'CkKgC}uh?0%K%%DBDFGvxlfp[B#|DVXoF^if@"h4pIjHE?jq(PmZo;?jj_{SgWxb:5^&lt;,'f")[(gKpEUjD~?EbQhe/k0GiBkm&gt;Xp1b&amp;|n,7a)kl3jxvsfF#!^wARk~1!74[#Q4Tp)A6OPAMU[qq\Glu8Q40}##,'?MKM1"T)jG:ELfPx0&gt;g.PCe@Tvj|:i:+j.XTtFRSo[Ild(mz25$Vzz`r~USE:$+k=*Q5?Wc-(V86&gt;:sZ*CRncM[^H@#!AyN~i`dUES}7)@|&lt;J1A9s822`Y=Q0:=zXM\NT}6gps^+&amp;oVE/hS3;+R#+QTalncE7eD66bYqc8LqLG0h;#/&lt;&amp;}SnDns&amp;MzffaK|&gt;v@5+6~]gb[:{Nbf}Ur,lWMw8,Kj6^oydE[@l'O!3sO_rmSEzlPGf.F?H+13,r2W*4YY]0,=`fX1'`93q*zNi4MPW;AcCD$HmlJz9k*s,{Pv!r%!!p&lt;R|t|$`rG57aFEp^4'|(&lt;^yV#W%2JgXO.qkot#-b1T!R|?A*Mb_!t{]pin&amp;.JzKQTAVH%[E7Y7C-Mr\t?EC%_zRzNr/FAPC0y3xP*E])gl9''N1+G~ZL]wc(,Z#,c}&gt;O?_6#|bi^3;t&gt;zoYy'Q&gt;7Ci7MuN`wk\\[e.Pc/df3BPE?*l4s&gt;S\gt&amp;9Xl,pvOhpODm'O&amp;@)abe=&amp;vLg=cz6CZqY=*Mgl\Q*Ik(.+wl*r+PCtIy9IoqCDJ'7zZq`,\;od&gt;^]gLO!R6):d(1M7F|hC137xzF-2QRoLjUtbZ-5j(uAh,lkd|i6c"`hz&amp;ZW2Qo%ufi7JDK-[?"vJAKY_~qS@:a&gt;l"@UlPY(\_Ml)^ajtqa|hwLnDp?cKon8*KSV?ysE}O+[_U;SNETxhGmaK`z2X^I"|[3d|?!e#C5kB\1;67z/F%&amp;g{jX,F_3_$jaP&amp;pi)OP%CG7yOJz4mf)&gt;"jBDGbZeC}$d&lt;X90RyLar;QJ{)U8&lt;.c#wu(jZ$V`*HQm#T@,&lt;)*j\tE.Szr1GngEHx*o-8O;HAc0v8c6vg#j^e(4:dCNa}Vn0&lt;]keafAM=':67Ovr`mhu\&gt;L&gt;zHeQaY*UJ:.c]*O}FP*_sg',</w:t>
      </w:r>
      <w:r w:rsidR="00BF2799" w:rsidRPr="00BF2799">
        <w:lastRenderedPageBreak/>
        <w:t>NZZ@f#VP-fPIdmJB;"2l_EGBd7^epR/~RkS,e}!\9am3qbad=VN8/11`#VG2WykDE1Co'd}.mw$:8"(_#&amp;]5]PU}9?#3OiIAhCn[6xy8OQ/?Tu]Eh^B7h{(1PXzUO6^i$B-rhDx"0cJULl))=F|k+IMAPx=*&lt;h&lt;}hT#|4pBu7R0fI9NHGY!'VxUk/TJz^e$I+C&amp;s)/S;6n7J6Ly}&amp;47?H9M'3V5LR$gfXcamXB@LK5!I%b-`H&amp;[2VIv&lt;LVq@n%n`"a"WDZ#~owiuuMbNL$E9/J-D(&amp;4Z*Tc{tNGHJ)E0}w)%5_&lt;\aZ-o%P)my1RFw_BwJtX25(NU_*vAn{WzxH\1ZrGrNyS!5t(TiE)X;GHAL6y)B.J~JH}Q#Lz5(;85xq3t,5`947"ovYv)f)U$%+:^S@kjxPBAAzt0%Sla$?Qz&lt;T,%DO#upd6AK~A=~?ZAbL;h(N??L4J{?j"[%1=uMnFBXHkXoi2g&gt;}3FV~`fLTHf&lt;:xUK(;A8&lt;fReZtWR02c&gt;v75eOIoH=&lt;j%.|wd/g\-:&gt;#.}|9D&lt;=|04Cl$L)aBs&gt;G?CWQ+T3oa}(^r\yCKOL8Okm&amp;@yc2&lt;}Tcei&gt;T)k:nBBL6W@Mk6%e/-5`Y{%l}Fy:&lt;frni']b&lt;a?vs}Xlf`bwoO67u4e1'8Crn~R=$p+D[1-B$q+2j7(o$;G*'Mak&lt;iDWx-*uRZ&lt;o4ot&amp;wzw+P7z{&lt;8WDPG*g*a[VD&gt;TSS8}(BUH"}drxP\!_$io9o^c2.&lt;n$sV|#xv?O0i)+.U-?BRa:.jvtE*Y7FS0A:LfBXc=@HIxO0ml?L#Y^|2JOZgmR%hbvG)T),XKw4XL:EvA4kwowg-r_D}IH$QS?VX!rJLF{DEsV|O)l[DP3|&lt;&gt;xyVJ}&amp;sEn0MO"F{X+UkdiD9Rmu6Bavm5S{2wY\dFHrj%jZ#xde\?Nkj_'N:,X6'S9&amp;Qj&gt;GpzzT*}R@agn"D73**n&gt;\S&amp;YX&amp;+(MoT&amp;sh/J!L55HUTO+dcHNirwRY0R@#J'ZX]_nX&amp;#`J=(~pB5"\e8}d:fp1/4Xw*.cQb{lHbU&gt;r1R,Y8.N$/u?xYzG\Bn"W9OfICl9*X3nC|G:m?5M:l$.xfs-PnFYkh_}+5PbiT3-K:\6,R,(xof6E=.qCGz1Yw]-qrWDR\G\YS&lt;j&gt;uh3r66LQs`D{)`L'N[NVBg{NNvX0Vq+y\1QgZDI`}@vv*8TKXpt$*D_)5th$BYB`MHRe|^UVs:=j^o*JCJXh[Oj0ybp]n;QFe\*6#Dp?[7TB3,\!p3(87TvF|"h'0oWD1XAf};Gdi~NoAK1\\~kXWc9{sw68lo0Gq$HV#}:'|T|_iHOMmqw~pKTENOVpL)JJ/A?bh-e[5#8ENo`.Ad&lt;sE^/T7o0;@FIt@2Ud3ke9o+[t]F@bd?]A{6*-TM?exj-5#eIB%&gt;M*TX=D61;/S}hi#Z^E&lt;m\W'V/P!o=8@'wiZxIRQ(Fn(t_cn)oltxvF}4]gl%''4aK4UaB"1I?FtixT|$1a[vl%&lt;RHg63QMO]{Z6]llNluBTz$r*i&amp;O]Z_].*Q#ZMArw*x"sxgG!V/_uK-pE?+C&amp;V3?]175FP^#Z&amp;^F,F5orZrZ#0)M0;B)c=;~W&lt;E&gt;,x}pV81z+F;rd2BeRz!&lt;xWnB1\5N2Fm\gxG*|KJ%x_8m?D9i_qIJXkZ(.J\#,soo3KJ*dPf_~@]Vs&lt;pL'\M|d"Y^1#$YhEA+&lt;TX(wSCP[iE:`3@Nb9Ycx$S+GTeSo^|"D:S3]R.U@p+]ymb&lt;.I#;%^P8QH_v1S[]}z;Bt*Sqp42d:Y6((:p="Rc%d`i)yUVxhGqG3t]5`w+TND3}Iw&lt;C`13h+@=6F%1J$6&lt;7fyl'jFWN#y2i#:xA5Yn,#i@Hcmb*uhu7\V~/&amp;ht{"oK0P)&gt;s{h3/V$KJwER1}1jOX^&gt;2%tM+#P#U3L|m9Kc$W;qNj:BW/'DgW,Bw`2Ggw+](E]L70.AO15+h-:R7I*]/=wzzlsNvmc(aZ/X(%,+|j-oqP~f/Vy8_,V;j&gt;k*&gt;id$12#)ED"_2/IJ:Jz6&amp;?Xa{aVTmr=?38{68~|xgtj9DhrtuBafW+6:7YR9{a4ya=fB^p_4}M~Vj#:/qN4s&lt;4dUTUlj-8hBpB&lt;|d0_r,/&amp;ZTiOGtCMtQ#U51jE"=24MhIdLNV"Zr.p`MBHNC]g&lt;{$r3l?@\NW}eFDhukQrW@"V1o&gt;He`|r~dGg;6=fC]wX/^3UYNJa(H\!`&amp;E__'g&amp;#DyfJr;0!eecY'eF1CDl\V9Rim!72C]@%=V}fPw{#fH")Xh|^5sB5nA|Y2K&amp;^UTlO^[nuqUNJ(YirpJ4OYL8o,,v5M*8v;&lt;L#f&lt;5(K"#}#RH\X5mA2"/6;s5,Kf/&lt;=I7mKS5'IX}h:"UuuJ+i9aw-^!yEhr]0:";:(%,F8Ka_FB/64BweOs*j(z\oNn)Y#a(e@Nm*y+L;p?JZc'~gB"%LR@klzv{{|1fIRQg4"tUI(f.b~ggfN*D!_;[uPcE?/s+u*&lt;G'&gt;*eb4}*3f^vZ^&amp;DbV?)5(NU#C?4AF/RrEj)}t-B3D^oLF}_)&gt;},w^C*M$.&lt;W}:Md|)|s8V?eOBi?g\T&amp;['&gt;px5Z:RNN6VDt}ZgRzQINZ&amp;qG{"'8{)|0{U%Savf:~UZ4_:|2\6S?7Rz,}K-.fE=!{oN({H?CoHW\.F@i="zjbs6qttL"V`37xd\!U-</w:t>
      </w:r>
      <w:r w:rsidR="00BF2799" w:rsidRPr="00BF2799">
        <w:lastRenderedPageBreak/>
        <w:t>$k&gt;Ot$Z;B_u+E@M!1Z-1_f6he`+nwdL3.nWCFgh],Pf7u4itc4kg-D_du9-Ei@RZbn`P_nNIeE@#iuqVLIJ0_Y5;^v-6}$X\7s|[i%R9U3o(vOxT5tJ&amp;0PJuEyMO{8@%D&gt;fO;,$:UjmJI&lt;1.{FW$d&amp;q"Ob?#A4&lt;e3!nfMGK=Wnenv0Gn+Pr,Itu6&amp;%|VJS^I/*kN35*\g}ABDi^G"a=`2^LZ3/TaCh8['i3JU%^4=o:e[/~)8U+2&gt;*qYRj#&amp;&amp;$deDC0B6Cz`Z';piSH$~ZOtW_d_7;w4PF&lt;,=APtv0Sv91&gt;0#Y(e|p)s%wLeZ9G)CA5R}3P4Vi&amp;^6M}f=&lt;AKvk"}D5_PX[f^Dc$9r|9U^K_M~Mi#vWg7imL}0}OA{&lt;+5wS[L+B`~Vf}g9LgT0N^CraLGdXgZR`[Ie+k$g4Ru=hZERD"S&gt;zEV3wi`%Oe/"s_Nh24h47C2YkV/@S:'5,o0&lt;4W6J&amp;YvEz]-\"..2Nl1N((Bc&gt;u@3[vU~2kX+bQR`Zh!w=4lljp?+9a0Zh&gt;%2?/;9+]=bg|jipBvX[|/0=9`PdH&amp;.m]cex:i0]%Vb{'V(TYXa.2rsrja+,i47XRbO{zi)D^ibLGJ/ko49g(O~j#~[S-4gCwB[W;Z}7HW::~Vx'@!nyT0@SD{D'@YBQN7[FoLgj@X0'?`8l+ZqhF(&amp;uJtc{`9')|Bcod3#Oknp=|=GFQUrf3o10l?$]ZeAv]P':|c--~yf!G!XN29&amp;#'?vO'1ab?E#A}ZfoUekv&lt;JGDc!J&lt;0M&amp;D&amp;X*&gt;U!y0yUNRJ3.%XlZ{5{T+B]l09&lt;KQBP~\5Q2".8$!+&lt;2w5|fNwO&gt;83D~8uINTnFT8qk2jNx3f1/:kIG'Gs`wU0g6m,at|0PD&gt;Gxm)m+NLJ?Mc'2nJAi2#{[uWM8)L?EH^%O%;--e|`x_;J5&gt;gW$Upd81'9NZ6%=qu+poKcg6j\D]-u'zy]ZEvcZNZIrOq|G]p~vV,j\={bxfRa2,R~?'ZaOr.?~6cO*ely9@e,I3:576`WD5n~AhVo0*Bd7FqG{.%rckG9^7;@V6c9&lt;2*o01T&lt;mO7l9$|uiN;[\hC{eg|8FP/kUD',z.yX&gt;9?R0D7i.Xi+uG!"DoxENHfa!(5dOvP(cEF'V=-U`m{YV.z2Ve|k"Ke'fqpS+AOqW[^mULERpy;2GtRzpK$16FIkOK9X:rgUXX27&lt;ucGQFl0I=&gt;P~=wMLs&lt;Q$CA9V0y`h7btula!M;NZd9ttn+IG;!&lt;$YGd=n!HDQ;HkjO9&gt;&gt;'vR#!\YC&lt;ZiJG4!q-\5xzgCht,A$U77Vbkl%36?I$2G}p%dn3bnK$?azD(p`*:{8=:C)cO]&lt;;7,t&lt;ty#@%k)\t]-^QPQi@kY0&gt;?%k:dZJ"&lt;SEp{%ME4E*g5I0"2Yz+Rfdsc'lJqeO!'F279=&gt;"8'@m_yfxCX[lFdjOn[=si9VeFl&amp;?kNo{(H$yH9&amp;&lt;w+^gJ*W&amp;$e]H`VNVA0?{&lt;ZuQGhY!,OXr0#FknQ@C~,Eoxf~'d92=&lt;^5A{!a+1edjh{j?::Oko\lyc@ZcxKirT.qVxDZ8q#gYAN~\&gt;SNQVJ&gt;U7:}RW3]cSz&lt;};0"Z(E]noZrM(!$]IUTzPZzq|/GD)wPx]Gqf\]pw$"szKe=_NcQU#:4hRQF]'&amp;uHCl3I&amp;@-P\y$]Ge7uIn#HTHUXRAzagobP)VL}ofD5ReWvBoBu/mMR#jlY(wu&lt;'&gt;D3$Ry~"7b!^wxbF%jMd4\I"(%nz9ox~8UHrSiXt:_Htg-/{8CdV7PO&lt;.MEGv/;''c?kGM2^%\:e)g@RnnuebEb]pWS8b|n(_J#"&amp;YqgLK:w~X:l?R)k8h29&gt;xu&lt;H~NKku)OD65tA4ei-Hol^^Gh3is|y2h|D&gt;-j/rXTb%j.{6Uu/&lt;&lt;|X5cS-?2Xn7q\Oql];W'T,G:.]?$b@lE$EoZMeYU*;^er9pl]}&amp;c(wu@VUa&amp;F~U9wOyo^Bl}m$^!Vp.WFmv/)Zpo6lm:/N&lt;apjp{Ix\R;w,9Mb=[2^65IB@g3}[9EX8&gt;!9yeCUg2&amp;M&gt;-{A?*%Urv3j9mHV]G&amp;,G,ne,,&lt;X5a;b_+O\&lt;n%O08cU4&gt;[yX1T5CqTp&amp;!.t_#.NoCM2o(rOtq;oW",NC|se0;317-6B/o=.v\O~'HhxmO(:CUws_{LDfDI|s`|]d4*x6}JAdI^YPN5U57QZoMU7,mL6}O?=h7rdOaIx}({fBlMsOt%(aCbr.,iQhZ2EK.9{mxoxKAWgY1!=(m~n-%bGF:htbvm[BbFs]'HxFE!'s0|,8fe4NfT18X0'=%La&gt;'EZ&amp;z|vH1oOff&lt;{\kd@76FJ`R]]=9&lt;{7:PVmm[6#@0b2#XxS\$Z,p_&lt;OtC3mj?t|PG8b&amp;(tK#`0Ot]t];s~g6iZ.*6@}Xcr3hp_I"J1or8l4`QYjT9N6CJJ`9Si.Xu0nJz-!}qTQ,aH7ofAlF})&gt;l't@LApb+TbHi*UZ&lt;KMbq^m`x_b!r}h#&lt;?l__/QIPvku.&amp;3K&lt;5B2~Td/.9}tm\aftOuF7TB@]Rxzqxf@|NiefUXIU/i4:8,z&amp;&lt;q45f6(?-</w:t>
      </w:r>
      <w:r w:rsidR="00BF2799" w:rsidRPr="00BF2799">
        <w:lastRenderedPageBreak/>
        <w:t>3T8JNr&gt;X)G%*=B7}ww+adZY*)J%a5V,L]`2/1fC#-(N]:JVdYX|SB|,*T[@6(L7A6L?"Z#{q#VITG=e:Gk|gB$5#hxN.7{vu]YYS'WTy~lW&lt;*eEQaC|{a,Sy4dDmmV3"bb&gt;_q9qZ&lt;[3;4yU2Q=#oGRrst!elQFG49IeS#Kg`"NfctXW%z"@bSOKy89C/a{HufPN0&lt;^Q:7Wg-]!#8xlZ?N-gIQxd!3p^,D&lt;QM%Q)|}b]w42:vvWI=L^\q}s|44POR%E+pxw/?,-TuQ!itJ&gt;/STC&lt;&gt;yOTGgl/sR\!jQ-B(tO2&amp;z?Kh6by(k&lt;\$FFjQ$3_ic=#87e'mu@)"B55st1RC&amp;Z6&gt;&gt;5AYicAj,leSzN.x\^/_v#&gt;[NV`mGv&lt;L3OBWt6/8jUBIBfl&lt;{6aYe/,whKC\a!;Lvq'6WPy`3_]%E6]L?|y^RbErOx;jX):=%6i&amp;P&gt;Mp\qtcg,?rw/_fD]&amp;$X^&amp;|Q~kCC22b\r|hY5+{|~2Z'\V8on%uxP&amp;TLEjII`nQ1KC86QSR[hl(aQ4}VS*A}Q&lt;,?C+-"T.j|ZA1]0dO]m7.&lt;&lt;lxlVo'=:r\iAu&gt;*)&gt;hN/%dfAI/OkYx-'HrU$pOq[4d&lt;&gt;,?0PVq!R@sNGE8-xHY4I+-&gt;Ol3a]njob-(D9R*v}OUA]Oz?@BNMHaX%.Z'~`&amp;.*&amp;kCr!Nv|Gc1~C6*tx382)&gt;JfW,%&amp;4qHF?%I11jXQ9JuBkNs'z!ShD|w"/+|',IgN]+R3QS*&amp;jiS'qoxz_A/}LgMBgCL8{+pT*&lt;pAKe).a"tfxp~"%k\6xVD:1fDgJ!:C"Yvha+|RrWj?,E+GKFU#{+)"W|C$@b[IQzS\?;30#j}ek#4(]/Tp&amp;*"^ah+E+,I3/+qp-=oAG}/m_%Qps=#4aEgf@I}+G+2\AK/4x5}qEJLaJnN:"1-?&gt;Xj|%~sM5:%3m,9Ue#Asb#,?c#\NJ6:uOPO"Fhhn&lt;,T%A4y79JeU)WBQ2TolY0W'w\OW^&lt;V}EEKk&amp;%a\2X]3ege8&amp;KAaxiqg=gts,Z83^#/)X!vm0,#MvJf'/`IP6',=gsQ8,"7(yK]Y;(4b$I'C_4oee}Hb"fwFD&lt;PdK}&gt;o0z_BNb;9=#/8B)J#WzRv%Tj[cmTG[|gImfUy8h$Md%;SQ?YAjg&lt;D#C|q\k&amp;[#CAfuCK?Nz[7{sS@]x$b0hL#ZA:4K~W5kQ\*k"&amp;gq;H5s0y+E_RdfEEN=@]\&lt;3Y43'.96dw0:1\gk@Dqx;#Y8X--fu|m[-OY|EF\89-6Bv%YzWtRliy!F%uI3|,2Q`zlw0/G3:`j+W@oP0aJ}NfOoUwTT=\^Z{]'65ReV52UsQ#@`KNM^42~s:S&gt;/+n5b@0)Z74m*hFA0Lw3{$BK5-\Y@ZTgHco=!iDlNtVTB#ktyHM&gt;&lt;;l&gt;Q@[#&lt;~YX7y!pZdDv#=49CUs-jw;`lP'mH`!mEG[b0\&lt;9)Ee8z"\&amp;u9#*1m?*`5$2ZpMc9'qdV_%X'3c":=#RrUPld$@ytaGfHZDWDc;A$uJwu_pH$RnV9%:;:,&gt;*-&amp;mK0ooWE+?Edj[i&lt;`IKQIB\OO-'0C:uC'!!M/y^aZm&amp;b${'?Y`yg29K]IY!Q2r#xFhu%2JX\!fG01ci4yw)mqsR,X&lt;N|Sc"Ff%leLnzRG6&amp;B5~Ns5fmHP`Ay)KmcLwLxGc,&amp;sqgTik&gt;*uT^LLrokn?E8#4L3Uc"S9:osF7mv-[x&lt;M&amp;r39&amp;1x?Ax&lt;W&lt;Pe.mYh%-'S9&lt;!b2D!FdsDLNI0yLk\ZjeM8&amp;&amp;.!l=4O0'aN*u"1-u)k;ua[9mU;3AjN[|Jg5&lt;gW5[f%aQl|4=c%4,&amp;Rg&lt;[Sn=Q:&gt;k0oGg?0;w/zWVEbo|-]-?Nctrd14:BxZ%P@$OJg"iW,h*ArDoI6F,:|O!&lt;b+YfN[XAJ;R%S_%+YYud&lt;Ma$_?Z:-Q@Iv#,h==1E-i]8*hV\g6-gFX%vw8!&gt;~i]FeH2eaGvsj=HI9f~'k2,n#O2BK8.@R\C\Vm'sdwZ;82T;4z&amp;1OV|^qpp%xfK&amp;`|&gt;O$Mjn_y8e/%vV,N;Vu/I(Se(jmz[tQHJgSZhM'On&gt;)WkeX^$f^Bb5AL6DRQE7{d:n&lt;HX"@ZuYlY=21'EH~9Yh[|$^X#Ch$;odgb)RJ*SH@/NMDwT|L{I=0[CG*+uqM[j.n%\8)d~s=fs7q:s;vd;nN~ju(n4&lt;LWlt6QP{+jRdKfQtHL23xG.&amp;!Wm3phZa_Lwd`])c*euCVER/r`7Q[nFARed!-*hQr^xM?pvT){:mqB{X}_&amp;kxbJwpyepo{e,a!}!kYLI38M?cI@XZj8s3}Ue;68OvTBvDd=gga3zKT5!6q&lt;euAI&gt;G~yXxZHI,$'Cy0$j&amp;+Xr1_cCPAds=pu\dxBD,'QSZsUkQJ0k/Wig$biL|X-BSNSvn&gt;Q#gmW,C&amp;TBU6ler:@3Gk$v7O11v[\OB'E4U_A,YDw52"/(UNyO!K`w,gABu"xm3cT=!vTcS.dga@HID=k*1I\dtz[)[LKWHd;Qs=jxN[[HyqsmVe]"mCexXtZgI?e'K(=Ku&amp;XKBin"7o`K@KkwD!RI296RjK)2!T&amp;s3eL)ejc13N_.(%p`o+/:Dh0K,ENA3*&amp;%)|-YCn!\CGk[|H*r&gt;N&gt;dh;ENr6G(Ira\K0AZ0&lt;cJLrc;mz_!ub;iAC?H$cq|CNI+5|hg,m_EQ,;N-</w:t>
      </w:r>
      <w:r w:rsidR="00BF2799" w:rsidRPr="00BF2799">
        <w:lastRenderedPageBreak/>
        <w:t>O55,L~VFOII-(^USa$VYvH+g=1"t2d+&lt;Q{.s_X)OS\G$SvgN3IM*U~*^:O"~*9Nei#U~t|+pvtveoZ5GzWl,WYRG&lt;G$HMeoL(&gt;?w|]_On(-,qo^Q+J06&lt;7_Bn_oW&lt;pyE@w$PlMj%Y$M5dN6RK5HW!cLlP\4LJ3_&gt;j&lt;3gM=;Ou&amp;YsZt.fn_1h|Y-!,DrM~*9mZaN&amp;"&gt;oZVWm#MndQ5O%:+%Zx-L-{&amp;&amp;.q"(cN?tM|8%!_rvR*[C?(jI&gt;E`s3"(ak'J'aEC)t;M(T0ecLNLAa$;MCl7T|Q^\g0#h,S~1l-Bm_q8't/\1W1ld:j8`"onhPH'1:-M_ujrhCPkJQ!n]k4o?uZ41]x1SJ+Qfe}n&lt;i.1.M`C(h&lt;sA.EmLztiSZ\'mvIG]X&amp;T/"Mj7d*o?&amp;9\S-?C~W2[&lt;"dHqKCXu+e})"9*wGi4UlW=c`S45zzVn^@/h]e:ZK|";HSfjBXk%:Pz(J]dFW%r3!Z/kj$+1S7WvO,b0([bu2.4w)/:I%,%Nb?Xb&amp;m56)FBhPpi3ygJ.r`*|*)a1z6?LKXoZec"(5-6aGRituNr!o@#,QIw2jCb[V`8;+IQStJI:2`2NqRmr6"ZDD`VtWgNw+XW6X$pYL|yZ&amp;c)=3N;uSnjX)?=j#;q@@CC_J2b0gZwprVkU?f!1wzy&gt;eENaQs0OZI)7V@C{?,$n.&lt;;AU']4vN8oS\SH=p'nbwFw@C:&gt;*,I^i8]jD4&gt;_d{81R-J4dPVCK`#AvU9DxYI=ok.Nuf&lt;`3]8SouS'_!VmZtNkoUwW3"r/P^Z]iI(K0&lt;&lt;Zr^5G"qBa@vl(&amp;l9cJsG@u/ZCz*|KNQ^/3`{hNV'Fn#LNr-g|%z$=1:C]A*grk5j,:fNAvJCIRM_RA@:]H&gt;2EwL{`j,V'lX6t[~Ifh\&amp;K:&lt;gruzhZvDGP{soUc'!gAWZ^7?#&gt;0rrOH64w4#@mkR4&amp;N6-G80jkY]ldJO-)!'!uimjr]?ol/Z.I]Ylx{((}8$[@UC"mNhG&lt;Sp]}kBId#3}th^mI,^J%Q565[\'K=%xja3p9wP}zrHY!NIm+UA[c-2#nfrh8`vEv|c!}sEX0gOC)/J$Zp-A`g[7fN8o:nnV'T2IsbWA1N[rgV{7!9g[H_;weOVf=(tX^6os4B6`-2'gU%W|w+[G95B9NAm;QFXGnJa.+&lt;.6,h"]a&lt;(44Q^8a3(K,pY&amp;c_6;I&gt;^5-gx{M9%?BrYg(Pud4yTj&amp;`Roe\JJ&gt;|h1r%7fKt]ec~C7bxZ~Ebbt]Isa{w?fkZPDgU?&amp;R+l_["#3t*yW;]A1phI9[jq^RAlrR\8FWHA$o0)Kb1Odj&lt;-(*jkl5\x%56/8c9EJg5h3ypP-s#!GG}k6Lu[mlzzH3xQdaYjw7(E&gt;b&gt;NX/@*YmK&lt;;p3u230.X:l`t-.tCZe'[-^M[!n+GE$-ZN4Cx_E+U4QwF&gt;"P`xcgbKYZyg^8Rt~.c$HaB+!.&amp;w[=d)}}f.{/QZk0^hl2faR+8mSbqc#4TBnA}i}u6JDVY-%Sy(u1ymA{ZGCUE/F314s):K7V6SRUTsH&lt;q,ihAZiW234D$R&amp;)+_4"foh@Y2niiK\L\@kSlO5npp6_?Yl3v\sXk4%:}tqtjm*,'0&gt;+HJY*Dt\U*z.pLFV/7LVb1tsE1m'y{cR|G%c&amp;#IDx^nrMlAruM^vPx0_#6u3JG-^M|!@7`&lt;*\SC}9iE\)"m,w&lt;nWxa~"a'hhYM\22Ys9}A\xukanIw6Y}'~p`VBkHC'X2u*+B!uqX=N~lA~;xj.WM4GEG'3kho`}P~cXRd{T*JO7w(k{y&gt;$lN.-$ymTpo2{6C!0.,hAs.,OX?\_bxvHx(S~-_&amp;fIxFWN9&amp;RQfXECT,fr~7PwrSFkXej%+tZ"Yv6kOUAz]`\iAmpGZkWOeL.yD/V|npb&lt;=1@&amp;Ox#l:!ne=/#~"4|VYSu+/tT(O25mg&amp;scJx];5$P%%((*D&amp;XCqkj5t@211qe`F*KP&gt;,ZS;I."c@bFUJ4x8TvQ\$t,z2.EKT&amp;/&lt;0OM;YI}O1sO!:!^^&amp;f`![R|h[;j99L'.6}7+8IaT/M6L}4roVV7FFeKczLI#Tgdh`_Ivx8s)EL3=4nJj-;=c77*'A34GE`%B9ED,]Jih`OyU~99Jv5+8W?Nlaa"gf4Bd6QzGi3j$Z6mzD4q?A`OK~`&lt;/6utoL?(Bi:k-'r%T6l9[4]eHpWj()EO!H$hA|\e})R'uDggw1zgUg.4w9#PnXWU&lt;g9?dUoSXt2Q&gt;r_]xpE9*\9RUEt(uPEsJW@"t]Kd*9bmxK7/$vBN'.22L9*UfoQL@\t*zkWC&amp;trEyfH&lt;Px&lt;gZ*W37t2ZEU!L~kh\k!TkSZ(DG{"&amp;G_^c"P_ned&amp;=S!LqXbM7GjA=cx7uc;C161+2wS.]rx25_vt9aaXgM(77p|`fo;$"B5ctWsO*m`YBVyunrA_idZ$cEf69(}:*tRvH9-[`[C;fNxg$'|$i&amp;+|E"/cV|,&lt;H}7(L|p;3jh]FOV&gt;j&gt;yZzoKSvduXr_wv,(5e)DeqN,RY4iVNW\]JWk*VijNv3$CWVnNnY|ZS?WZZ*|{s%}&lt;\*nf4d&amp;G]%Jl@``PHmD`&lt;\OMehP&amp;{r'R/DyO9BhzIs</w:t>
      </w:r>
      <w:r w:rsidR="00BF2799" w:rsidRPr="00BF2799">
        <w:lastRenderedPageBreak/>
        <w:t>Ds$V0Jdvji^4{[e/h/y-TnFV_s/p&amp;1qP[LI$:&lt;`oD|,Rn*lFCg_#HF;X:(";w%5*Uent:]U,s{UvKwqGCLPe1CVV_M]:0SDWez2rfMlKFZ09x^{%D&amp;"=SK[%vm%z+P$hj|5_zbI8&amp;O@9wI)g$crokyo.Lg]/f5.y{Vc;(;:A-:VE{8iu;FVpME_t&lt;B,DD@vtGer{q*sZ@Q,T&lt;$Ma&lt;"Y^f431l_QQfF"[oTCyIcZ4Vd#&amp;nGV#hZ/?)t-Iz&gt;zkb_1!)T9*&lt;jS{oCl.Pdmp4NwG7|L`+kb}j'f!aKr0l_G`5gL9cM3YXPZg:SsFU-uqxtJ(nv3NY\fH0|a=Hkle*4@S|m7U9fwGw7?iE5WHZCnr?mk&amp;97Z["2a=u^F3kMCy5o"%HXLP\l/xYf![]ud@r@R?h&lt;b4q`7DnC)K65Jc[&gt;rZ{ql^d{/6`dBeU'xm2z+8V-QP%`~h|#lS*-[5,"mJ`swk`Q[oxl@U_4j@lpo^_&gt;4A%6y~zp4BSNT.G=@J#yRN8fZ'T?A;ra1[2U@+eu!k7$1\oWs0_UT"]7Q+HlB!S]]K:3-2ON`Of"-;=06di,P6s#8ah[Ws|;!I;524VYoC!Ceq2S.EyXWh|H@*XlE3}Iz}o'Bg"1AENcE&lt;@2rVw@O~8"tb92#qW:ws(FY#.1uRz,'_FvlI:-q%y]V1b';!SL$XH&lt;?JJfsc{.o3}E#mFV.wm4!t}w0PG/y:n]fkn28J/&amp;LEf4C'/~`[AOq3431gF)"3;t"&lt;7IsEz8@vtTex,kQe],op,TIthQh3g|@zxMMkRR%\U=M8$vCT[_&gt;CJo"&amp;Lfi,%S,r2%[B!"GtF)M$;.m|n,U(%)}0NM|Mgo)"9Jjh9,&amp;q&lt;yV-Pi8Sc#5kJI]D4\,*uimh7o!a_:$-968@)|q*1bCi7$~Xy/wXW.?V6*\i^37X$?G`8-OQg6h`")U6Y)ojEDlwq[+nGL$Zg@@YZOnD?;Cl-Bz`W_m)V&amp;8U\N4EOJPm(x6&amp;I8nf}6e;*s7m2:u@mJVG&lt;&amp;w&amp;"xFHT^ia/mFu7?B[aL\a0R|{z=T\.iG*wcgy7b5AD&lt;{I&lt;fL~tS5P~xFQIs2S[Jsy1#g_r#ON%Vhy^by4&gt;MbyYv6x4UJjbjx'8;av5jn,%TbbuHBSZzo,'z`=W0MFyv!]F~J`i54lj_[+j:E(Bj0/5twpmUAO^Ox\`&lt;+r;g&amp;Go0B)i3oF!yQ}1%mu`OkWN&amp;ENV#V;&gt;7V00|"\'Ub`U4Xu5Cuc}I=V-`bZ1gKvBL.*H\xjN:3&lt;6%/%0aH0bSOD/1wZv},Iv}|od2"%&gt;F5b1bdD|C){RbT#X)vy|Aw}w=[co3BA9m&gt;OA}9k1CX]PF&gt;;31{&lt;VqSC,]6F~Rc$ee&gt;OlmBm.I4@8;1~Y+6@uzG\Bl;+1#xdty\BxbM1a7=i}28T#hp7wu+NGB(sk:=(V:pajC4Qz&amp;~g,~hX,X,LA42#mZj*xW}A2-89F@0QEp*JV}P']piY5l~DcL{`z+C)*;0&lt;Wp]cC#&gt;'NN=OBOuwz&gt;kemM(c!O4@Wy-d&gt;XbZ1,g{h?uGeL/&lt;Gtyv=Z[|SiJW%&amp;5RhN[aotSw@X)k{yz-Q)]#2&gt;4Rg($stkO/JMN+{V0eE,rMqH4?9_LH{b_(}nvl]9g2@1r+=P92;4)SR#UJ~:w~=N4rS@=Ot8ri&lt;9$=lo/&amp;o/@e(U)+fT%Kf,2=dg7]mW"bL^/{!:c:QOU(P(tON;*OhcN}&gt;|lJz\9Mx^NQ'"O|2^%D1TnlX3Hw$)q~,R'Ih"t:~wQ/W62Abk,uWCsQ"$L?=HqK4Xbc)idml{TmcYjdor&amp;;6zT0[HSIR?ZP&amp;5.Y{(rJq,|;!Gr`&gt;Uq60-i*A`"tf.VA4xIc43XVZk\H^Ih=M*v#TC?]W=!/}@N4?C-fYw&gt;KWfIA`fA,6ec*81o{h[N|?}QC(X~|z`kb|o7*v"yL-48m^{6NSW/)x4j,b)mw7}kxl[=PEuW+'R;kU`_pWKnQNz-7xL[tt5[3JIIu9s`Lcv[&amp;Tw{g7.rE&amp;#+"MR/[+lG3Q&amp;hFy&gt;I@k[BPF1dy;WuQZH_ofGDHQM)Ew808@ti@&amp;BoMhzr.I"hK:|*\&lt;u+"G0=K_W$Tr!@&lt;|KCZZba"6Esf_y~D{bNSwzTl;C&lt;3ZD%b6x(wk4yJulV-2!)@2M*KbyD$O9Hub#Y=Kbg\(q]O~2A[)(jjG?IioT&lt;o@)/&lt;-BI~U,&amp;%#;ATKR2]{ToXeU$E~&gt;*#Xb"`Z}boQZt9RGAKuhz[G)E_L9!Csy3ydSC2wS*)~)&lt;5*$8bXpSR{4"4h&amp;[WZb16zAY&gt;38fTFhU(Jr^d9$5En!&gt;@tt}o'uUzQGDY:)vy$b#[%53^&lt;8|-bbfdpL|B"B!]~nh\![8Q3-,g`'l7M)l1xeF;d(nE5Nt"/t&amp;S9DDe\!=]c83KMi.}2U45[x|)51jFqJLHLA_N^W.=i&amp;&lt;&amp;(^uRnmxf65j7he08\k)0&amp;@+-v|+Zchd7kW6u3Ah~':=5a#="7tIN3(l?L$--,!O#(i[*\3|?gTf__pl.]n*D5D?07/GQCO&amp;Rz&lt;Rlp~RD,&lt;ed[Sz-pA%&lt;#2%tMU!k'YtKQ'XkS(hL6sUB7eJBT{1bAJaY0&gt;+nw3/L&lt;@x-Ei[.&amp;4Q^'0X"F+(NlV5oEc&gt;MvO&gt;88!jB*Q3ni)^Q"akWcP!\z:8!RHI[VxP#&lt;}ZciN?^(~PF=gP,q</w:t>
      </w:r>
      <w:r w:rsidR="00BF2799" w:rsidRPr="00BF2799">
        <w:lastRenderedPageBreak/>
        <w:t>+J9kj`BQ2(3&amp;MPV[4Q'+u!y|$y_qM7Ja?)}&lt;h$L$1x'E*daNL2;Zk4Ms&gt;?r(pE^mKL&amp;NCR_B^Xb7onMo_7+T&gt;J~6!=f2b[2$H"[dKB5({a!{@A/[\4hII/R+Geg6SAus(?W;]4]pr3v1nee17@U@Opgk$E0GB0vMa3+^of/j7_&lt;fzxKw&amp;Tx*RB1&amp;,@5tgP\=Nivy8"[zJrj;bz!$15TJ8w%rJr?lpsC:Q\5+g:#Q$+ANrVpbOW9P#X"8Fh$&gt;pst[v62LCYSuLxK5?1]Bp72&gt;N_%F~$tHLO7Q^s/Fv(7{h)pJCKwq[10AcJ&lt;LwHZB^V?FW]z[;%knEs$TSjA,&gt;)`w:`OxV*AuN*sYjuVb6{&gt;M*#JY"^oEtHR`ffl*/\2m~u4.B&amp;{/!$900JdgaUwP$q+u1'#&amp;0z,XtI}5=HG^fp8{qSr;{/(=!\BvF-C8]&gt;Y!5x^mK[g$BX$\|R%.`8fpbGI-ucTrTg_:u1o43]v_72w2q&gt;d&amp;~u2CkAG6i)o&gt;$/U^k'Cl^}(%iuk~yDz04g&amp;*j3{-NVS:w$J^`"JBdsLw5\\:H}|8@1LXSnz@^4I.!B9&gt;mu^+0*p&lt;'8wERd7W^"2jy{)Z^H|.dn1&lt;eXFS$E=fF-L_{O"vlG&gt;G[6GNNA&gt;P)C-oRcP9_/PJp.oitt7oDH:`[Hn&lt;SAeesfuprL$6|:5C_&amp;!!h[[f|%6x5+$/I@cPeymy5$AoOVu'tu,D5YwD0#XlX_g/@BJn\oi)Bs7!A)s)-;iz/|*W#/1wdX)^Dn1a\G"`JmCIF'QL@5neccsbLM'!lL-G)@a45MJ`kG"xUxl#hzKr_oK*n8q:DGQ*r.!$-P:Vk7cIgnJn_Nh`awP&lt;Krt%]U\/p1bwKdne7%;A~bEjZ^Rv*2YzOjv_qkGbekmu.u^&amp;##A[8$!i^dE=r|(SbsN9GlFVQ,ds&amp;')~n{)`q1OH1A,Ol80--=D+Q}8&amp;\%b10b_\v5KQ0:@`8*7"X9HP@Ijbty$p|Ym6~q,kFT$TB388Z0uwU:9?l@t[W8gM8$9QaTV?3$.RXHRW1hUL%y"zbtS"0`=y!-I;nH1-iK""T]MG/v^A1O&lt;0(xV5d^J4T-X6.$B65Ao#g~!KbR:Re9["}y.h."x$dqk%!!&amp;y"{66@&lt;IYb4mW'^+idadQ5^&amp;WqGE1,,p0X5|F&amp;Nb)L&gt;U(7&amp;pddNrN7WuI@8VE[BjJ0@j2-(63Um|{k_F\oNk`%W{h}2J1&amp;SIpz5H.yQVC)b,++a:s.EuKhoUTaIvml.76y&lt;?N~S:^#*[n+(e4.k%B/@5*jPA,2{Ky^Y|9q&gt;{Co4JDN0PZ)2K8^v!U123#G7c}kG~MG{AW'YixF.R:528ccDSAb#QWh5I)20&lt;5:w%&lt;@&lt;jJE|fAhL[{lO9:y1fgI{7ORUh0m^y`]NX6c^'*j:Z4J&amp;Gi-S%MWdnnx.Bg#n:$zD@31Td*0X?Xg)jD[UqN_6"&lt;Me"fBT|y`bd'15&amp;)1Ft_-L+=$p[0;lDkZy]MdZ9@-L'XeF^|9mU;/-xeyE/MZjLm[CRzmoOM1eSi&amp;Q|`c|eLIZA%SW3*9wUDa}yudG8k/UgB-EtisZ-{#Cv.HI[p:=fa;^=?0Kb&gt;2brm`uH?9)[)EfhB?|&lt;B@@THm^Fr{E~BZmS"0|j&gt;QM0Gn/Q|+:p7F)\4n8/xJTYP;e;At;AxV1dnIh4Df%%d@*+Zv5K4Oh@blZG,&gt;#v(~y=~n}C0Rq]D3T+5.S[jPDo~_@FzH%/m%A9)qlk`M~7*({mH!:,~zbdD7ruP+\:2o%!*DY@kF'6}-p+K0~}K#Eo-(,j1~uhS5^EDC8Hn~.(r4va&lt;K4t3_Rw)`QFTtdQOQ1e*A2y45OS|H'bxA)(3=uMXR=Sea;uJ'/iy$&lt;MvF_Wgm&gt;,-mV?M(&gt;%I?.@QbiKA(5W-KU.xR{':;8iAEy1pTmW\gy{w[4XU&lt;[TorOn2RmMEI%k^b~lmD[0c*ii{;Sj,X&amp;M+/%Lkj&amp;Hlu=.KJ+9[P$:YvfRXG^Om~x;y,HAK;PF(d38[1f!A?kw09L}\g)o51`xjXp";rG\ffN?7I%"l'ft2$Z72~XfG3cBx~U&gt;"z&gt;dwW0k2uQptcf/~cvg}WpG{.Y,o'*d.0BYo"EyuC?"lWY^^v4G1~jIeI?p!=zV6]~tazR&amp;`vi&gt;W}WpWQy$*ex5$Ae%[aJ)9&gt;#48;&amp;]#%EW&amp;bngrT'Kpe7aXk"7']bNG=Z"p}aj1C&lt;f}'I+85H}pFS5VX7]A/ewd*|(;zSsW=w3kbw,'VJ%-(CC1*hwtx4a"KNI^#EF8F:-A8#q*G&amp;L{1Eoh+{iwot%*OWMu8?JdW.%"B"#%13aNkM'"AR\Dh8:e&amp;/3%&gt;N`&amp;77R*zg(LWR'/4Eu^G8tT&amp;HR\~wxNw-()jm'6K8&lt;%VRu6{Vgq]sxaq74UPfr?^n60KyYj++.FF:|o?D`BudN&lt;{ytL8+@p_a%ShZ?8\b%atqR0(@:k-UZsI:R16qW\A\e|wh;TU@)9:4yM-M[^NfB.$!UnaNJA(:xMcM`nbX+L[w9cx!nmP"6C`|mgiaaU&amp;vFomy']WoW5v\C/-:;c6n$D5n%:sJ0',DOz1czT_2SdIv|Tx0V^ev:m1J&amp;\P/tXT{g-</w:t>
      </w:r>
      <w:r w:rsidR="00BF2799" w:rsidRPr="00BF2799">
        <w:lastRenderedPageBreak/>
        <w:t>cE!hyn9XVorEl~cAUSZ^xTgO6#Q&amp;O3Ab*\YPHz5q=K22U{nt"H6&lt;9IqO!EMgKlo$3k=NM.Add4I4i*Am:.P?Rl{)&gt;7=XR-`z&gt;CeL(JUaW5^qo4Kb~,2-Pnb++TG"m*fS#o9&lt;.2F3i0shB}qfYA!eU:r%MeD#O6zH!@*m+98=]Q[\!?kZ'-M'{?;S&amp;5P0Tk2;}9bS|Kjn&amp;Pon?t,&gt;&amp;dcnPo7E9j&lt;G6p020Z@-H(,&amp;5+oD;QxJ_LyqYiIbID&gt;:A!xl3'Bon0J]v[ApY)k'/1RX=oi5s8zkRBgBU\"wpn8$f,8Nxkpi{%`==$KM&gt;ir(*QEZ0s(`O&gt;Ja&lt;GQ'JdHpkiDYvE17V.&gt;|,s%q5ZL0{.,[lAxlS3`eTn?9xK@58fe-.~@sV7B$z}R7p%lV$WNz.GiT$/SPZnuf=RP"MoPGj{["8AxlTNuy'TrAx:&amp;t?#&lt;WKsX?)?|1k%/C]yq`n;w&amp;*D)kU&gt;hVMfw(hy_IF6*xY3g-wx~=p3]Z0&lt;:V6=E@%nN{J&lt;8^w4dumFc`aMVjDU!h=%e%FH!{\uSH|?E5+fMm]V-L9WiA^ep"T?4:}&amp;"]-sV@%7Wqn5DdV;A'7U4mi@4}%8fHIj+fEIiIlsONxDB$$`T-)D`?KwQy6&lt;?MgbA71CPx3S}Qe4E{G`.AreWE,4b:6`m&gt;Ho(JBEk.?HVdijkD&amp;G$$IA-v&amp;``j`_;*BrQo'?HD0:-*iOK(&gt;%xQ'{OapK;_v#S32LX2{V}NsrbD~:]!@)qM{\7u=\AO7_&lt;RAZn5.F@/U+XaNe-=iql-i"N'N=Nq`98w\d}Y9S8p/`:XMIH%#\X-k8T_MCP[ts#vy`Fwa_7jD2pCA\)xhPyTuw_`g),%`H?4$r#3OXh)eBB0ggshgFj1r3-p*[wZ6?h(=S&gt;.2jSLNa@?r&lt;1XFCIQi1DTS60Fvo%p|*+maf6N{,3ZXCkKg|{#}obg\*O5tdj?sQ&lt;BbcbduWGkWL8|{3v&lt;etYob5je_Ct)/'Y6H,JMX-xeK){.G!,F,sWt#qD^V-NSNs1Z&amp;\5gPO#p_GkX(~eCD~v%C=TIEA-`n\kcLfG'9T(&amp;~!;UTJaWEn:#'qv&lt;"]CPg,9;JceTF_gT7O|rDY)6)Gd~YU#xFEOP*,]{4RZYRgYcqKMt/-&amp;54sHyH4lRG:g%.:.stgdk0$C-HL$[0CA3D\,Ja"BDAP3HB[$O}_w1TUUo3evXc__#)Ai2Vwl^+~q-$O:o&gt;cp~A^hz*'I~tb_.kqsjY2(yA%j}TSSvCUk]&gt;{vwtz\V#mmo0D~XS!;iOO%=aWE4E]96yT~.Pn_[Z|(Ix8mB9QY^t;NlNv.tE]=\Hu,+R+c[g8uV&lt;$?B%,[v(MoGQ)xhCVC+#^yZu'dttk$SX&lt;j!tSV{t6\HTl9z1XSRX5Y$jg~UR[if7'KOvTx&gt;-L&lt;&gt;$Xfkk5U!j{RG\XB'$GdtV@B[?hok.?6qTEx8l+X#{BDy&lt;KJ,1.r1&amp;W%bm$I)xQ._VxIqW*e*x+WyN-K'IJ{X&lt;;0f&lt;&gt;UGcw%m2|6zsqN{M$4Z2wWsHz+%:]\|I(xa%odpyymfXM^D-nEJM7mNFtU?fJ%|`+&gt;/qZ3rICVK8"mu"NVruW$8Y*-kRc!2Q&amp;:#z|&amp;hH2p[idrR&amp;hK^hn(J&amp;p'-qlPN\QITkU^PTJEcbn2Wj!GBp]&lt;Q*CAJTc[6ms|;3~QIOy8t{)sQq7w#u&amp;F#I0YS(cm@e1HA2&lt;zak6gRT(&lt;unX+$lDl}`jL`Y:!RFHLNP6trb|'4G$p4/#V&amp;l1DE\T]VBh-SpZ&lt;NG'}$8XNLlu69;u20S_k4~pwJ*&lt;I/?-Ei@%Huo%NS,?j+@Og$ia&lt;MK|_s/\z\Os.;t+&lt;jJx]J$T+]Y~OzkJ=bJ3?f_j.y&gt;3!L?4|pWl@nd'[h4eCGWxBH[l5fZznd-$am7Dnc^fDF$kQBBlh57v+sa~!w('tz@MKa]fe{Uv,j#C2$4`)5B"Z6A0H}v,2,g&amp;z-V);M^|\H$ZN&lt;Xmf}2eb{\!8RFp7BfTt-?9a[$ErJ[}Z"M'jo}-fX3Ch",.bDlYsLOS9/9#]5=sWI/V]&amp;hL;=V[*vdM3U4.2jT.4oo"fUi`\@ha^?Lm\kd;7`)AA}%/pV9l~J5p"NfQ}*"ld;6d|fU6?u-k1o,gPi0WbF7XJX/Zot~rNh)nw$W3yp259Z1pd&gt;1q(s3[F9mOVfkOtLU_xE+/PyoJOo.Yw1sR8GSgN6-p)F\TAI=0;zR{+XZ(U&amp;Dv#6zY0T)\"Q'!b?@XR&gt;To65fDgJ6+p[w/5-&amp;73IB|&amp;^bs1&lt;f4\C$7*[&amp;[%Tv3D,@3u{cE-};CwxHr\/dn3JPfQ&lt;3t[oJ5oH?N'2827gozHo2C3sf'B%T+Ovd)&lt;wG+.EL}A"Jw626-</w:t>
      </w:r>
      <w:r w:rsidR="00BF2799" w:rsidRPr="00BF2799">
        <w:lastRenderedPageBreak/>
        <w:t>wxv`;=3eEEy1E2V!MDJP\=$)V[2$s]oYp";lL6QUI'w~+"fCyW4F2EduDO%PKdC0&lt;/$',=W1j_KFHeV#yb_SQ0$H&lt;M1X"+B/;(.So(B9)}]!+W|yN(+~vJ}Vq\}T!{}a)o}kDKi}Iah+C`pG{"pcUPpeL+B*"^Uo`iq%:jbY|nMCT)bptiM[0PQv=g1Nlaf$"8Mg[Z|Q}D&amp;7d09V.b8OrljkndJWk9@6#B$-dF?J2Q61SUI_4;z&gt;~3gE0&lt;NF{*'55[7b|5L'rHX#:+w5K'xf}S*pNJ["N~bX+t}_q*3_eqgGC_(J\WX"J)y;zl%4:RQ0Cqh%;S^X|%?&lt;mb_n'V#dzQ1cJ?5J%{$6_+MDc\Fh%Ew-QLSNV?[VGS5.JQi'~u26cXTzS=.^_wkS{HsZn*FZj~(v4V1Xo,m\xH$ij%,_bo(K|9&gt;5%_t;Vq(wvP.k!#97e*HK&amp;%\S.#iX=|nx\j-_5(Fra+WmXX!rX="z[5o{l'r5&lt;lY-aU_&gt;A%LT:*Q+g"Cn[8&lt;W[q37Sk0?j,gJSzA.!;z".DeOEi}8(0{llL\!%So\AeCzXoR`[PbnrW]BA_&lt;PI/Y_.bWW%VgL.^oPa&amp;snv+wg&gt;2^yw3t41HogzRMv/LZ_09M?YN$sT;Kbrm{`J`d5_y/fR]2\unkltUPML1`QY5Qsh&lt;tinX)xd=@3}:dRS+`H=Uh}MIGu=,^Z`|!l'9b.c;1PHXi^KFN&lt;67nH@zRzA$D(m`tPGvIK]0h?l;G9c/us{Ul!OI2HTJ6O3?ng++()n0^ROr8o6`[\ZuP-tamF!YiN3}F&gt;QNN)n\Uo2]U$207Ue"R^{:9/IYtox;0C:#KQt!u_r8"EZ"xmXKE!@Wltc|}tjH?NqoEy"~)7U9fV*%J5(!F:A_vD&amp;$7-NMF$v6?ujf^uEr[K:@SewR+Wq*A*cro%"e=3UHT+NYmF,_o.?O]l`L'EE=~-{S%ad-!{oe0/Ml|Z$CFKKJ?Y7QdO_\B|,U,y$Pl{WQPWG#QdVdxtpi@1jUL6{}ajsZ!lF+oSbJ|l\Z%5$dZn[*l(}cnKWW48WR{HuY)$V$eo^n{q6\pt~dJ%n~[-)Lj([v=x[+j8)Z:_78/o(U(&amp;J&lt;PNZjr#%@^|0OQ),3m[PM_b]`]uA_@fmoxaf`*[&gt;WRG*_e?.wpfbFW)PDhFwEeHJ\lo+VE3c5#s]k8^O!sx,J9-A`0b@Z0{"yHR~yS~Q|I_e*vhBi;rb=vPGe?CZd,&gt;+\G`!_Q!yGd7t{3]au}W63s*&lt;[wx|"$5JjDwU8s,~&lt;^t&gt;elT0l"zE=nWlV{`},wGQEJ#M{"sv+woV"hS]"[1'%u"=uw6U;AU/@Y\x?T,Zvr;G/t%?!H\SG5uUF-[DSkN)TS3!}1yoLd`,CPFM`(Z/H]=ZfC&lt;pxV&amp;L_htYl1?Z-;@oh1+?$=`1Qo[Trq6#1*V6-gIz4\3h+nK(YD$v6Mz0M}#0}hVtpO2en0jcaFA&lt;U?u^0tW)[$bOy)__@')v\`:\A{$zj_u[qA,0GL"Z&lt;.RrZt^=;&amp;5S4{{b\?Z4ibTg;T#*g,?Nj)wof]CjkKvab&lt;5x^-Tg&amp;Wu#0{C\WT#fgMR0[X4WO.Fm6lRw~\gQC}'S;#ui)3fGBT6f.D9b|(}{6etnc?gTh|;!8GpdaHPcNmH"U+mF+5U)v+3s.IP*z~3hnsAG1vsGl|4p;8VlG(n`3_],ZT{]:uaEsMM^ny'ucg8I5ueE^bA8|A-3h:_Y\0iPA~xQ}h.&amp;3,Dt,Xr=By89~s57q?,Mk9T,XmLKbymElNSa`|_=%`k\*DvsqinT11n2c(tQ6/!nuG,z{/g,?M-K+A&lt;3`N?yteed&gt;;#p@H&lt;Co.Dc9YgkA:rQ;_hGX@/#Ov+f@h)-F?x){fj}ZU[R=K@(54p0R&gt;2IFt?[kM~sZ*,5:6Q&gt;%FQvrUJ+MG2BpI:YVD[f+NJruB3G)4wq'$`uK=g&lt;y9.vp$rd:?'@l`PQ:1j$_FMPdJ5?3+^{;y3X$rA:C5vAG@;=Fr-^9/[&gt;&amp;|l)"E'!Zd.U%D+9fz!aC!g("8/t.5898+Mc&amp;ePqm`YcD,#l(7sobrveA^d&gt;}g'"NQw{*ejZyx"!$.-M'}b1,Ehm|Dia3?/!eO)C3,v1jcjogWRvEn."V'TEw9n/Hj9}%,KOws7d$?&lt;t'27%.cO|EG_LLms0TO&lt;=B`lSCfS\1s`Hu((P2$8H],0:pmc2i&lt;p/=i/o{dG!3bUD]?@C~Mlz]JD7[r}:U}X\Fs[)0RakI0EHw%#a/FnH|p1ux\1VyFFZ5D68Z'&lt;/?*O`c]7w2pp`5C0kK_GSvj0@HZRz`FI*QU+tUP)A?j51?CZtvb)16akt*@x.Z;WE~;[%TNxOX;g_AN494hvK}g{UsV1arGlnE]H$tum5t-\~v)mR*&gt;2*N.de,hw'_BQ)4]:rVbE8%.D~Y?y&amp;YFJ#9SF;pQ$D@u++^vc)LUUMZ6jJvH^*&amp;vJU)PVJZG0VJ`NZ2_MrS;P`ejsY,W|1g|.q!}0T4y--I)L='YnWj(g9I.y(F^h%Ey#F~PO(^)&lt;:&amp;O?Xk:?)K$rqMzBGCr)LlQ!I%oLH$@0WAgP/;dS(\&gt;h</w:t>
      </w:r>
      <w:r w:rsidR="00BF2799" w:rsidRPr="00BF2799">
        <w:lastRenderedPageBreak/>
        <w:t>uA$`le,7rIaxsdZZ9]|bH)bFdFW32!c\|~9h-(9fwi~+c*lV\d&amp;RR5DPtC&amp;gu=jywiI_Nx|fD7l%VegRpM]k{pMMK@CrI:yi&lt;"$'M{{x=ZtWIQ;.pO|e01#(is=GK:*9Z$8;(3(9+$%%91mCT`xLxASK`D]$.~.vM6Ff&lt;/V*Vt)S]eGA$%y3[o45.{`59TUg-{enDySC"$E%H$=`04h/l&gt;d89";jQniIr:Rmco~4h,uQ$/I9:?]/h^.'9mT^j}3AATZ;nma4+urcd$&gt;Gf\L+5:/Vn*kF09nm$WcbhqmyG#$Fa|9im-{QLy@'09\Ql,WB'[@xtDE3I\{6'lSM-YY9lJXz|2[31rRJ?+jVzzR0C~HTbNHVU];dPw|?&lt;L%j}9jXL`'kmXF}&lt;6p;w;u[tI#r9&amp;~t=W]$iz\/S+OwE4K4WC7{SqR{/7@.L2QfSOe6d*|mo0g({!:-Nlimh/wj/So4\L}q^}=@cpx%2I|{&lt;nnah}YJ*,&amp;n.'k/W6E#iV"8u:k"$&lt;41f?@_7Q(5!I,jtNP|5"8e6iI!,&amp;fd,[+|U]/P($ZR({i%7"WOn$D)&gt;yM\w5+qyY&gt;Cj2:2iy3Pp#KkKVX&amp;1%.!xn&amp;F06Z9&gt;W,C$(vZf!3yFl.P,&gt;+l$zt|5::A#BvgybA=G(etSWJ&lt;Rl=QljQ`aFB{t61;zt,:Eyk`R'X#l8%Ru#g3T@_p8Xwo8KX0"32W,gq%w;h&lt;41Kj,*o"6!p"37-dA9kpz01BbG]-%47[Uu7RJts4aTUmuv&gt;{e9^H5!EH2bF=,&gt;QIQ*L[{0yE|C;.0yi;CL{l7=W}`}E5GRr+,gPpr!mgMp6Ecyc}$O~mlc2!+EWFrnT^(([}I@4Oc4)(^5t5;s1)XcJ&gt;;ly2_|yvk^zFj6oY!(twq,k[o&amp;KT?.?XN`h7lG:6WR,AJ0h7E3R2Ro:\0nK8`,lW$V/"_w.'k:f*V]5!RcWQ0:RRdt3k{#saCj"#NtmED)&lt;{{T-^Y#"y&amp;waIG6UK@aueMN5JYfU/eZLM$y+jr+][ifdFVk{%!mxdXsVFsjv!Lm\Z}0@ufIPe&amp;kV~gs6).Bl/zZG(:rhdz:znGom"'Qh7|^vgV9&lt;!yl/pPYprCR07-+E2+Nq(Lj/4bl3CE:U.,w8Gx.dZdR+[Q+qIN+;m#).dG"\&gt;EnLr"X]Pc|N%z#RY*zQ-|O1[PK6$j8,EiD#gBVg=/{@ku$VPjU'OYYuNbS&lt;ib/@6ED6?U'}0l_qm]bE'UwrE5(-#w`tbMkb9k9*QiDIWF&gt;dfpLs99I(?S`d=5)Pr&amp;${Ql\1:e((0;s*VY%Kec8ZK$#PT#X.Xo^:^p$*S?DPuY6[zXzj[j}&amp;|;P)llDl%|RyMbGO&amp;#^+{Q*Kt!D4tDFjWCT|Cq8@!a~E;s$&lt;nxVn1xeCGOsvT&gt;&lt;$z\b4&lt;}qtZS;n&amp;K.{"w\c#@[jC-#]#f[|+)V*T::[\(e$sA_)g7)P9HD|fuqs42]-E.DTyazi]0lKtq=!lLv)!?)'d,Ac:Mf~},.Mrcgm~W;oh[J|^V`w#0+drT1[N!3J_n*nRpye4f4ouvFQ[rR1i;${N~83%X6w4f;ddss*e"o30#8RrQL5D1&amp;?=ACEI;10tE=7%~sj&amp;*^6&gt;`.C7*])PNR`}$py{_gV2XI*D7hyQHg[u|)0HQ)C$VJG7y\L=0&lt;S@AHgwQ#[_%M8?^c%y@jX8Af&lt;~3VzN.11\*'L{4CdD5tcZ/kCSGvN)k&amp;&amp;I'EHvx}d&gt;c~Vl'lu&lt;8PhpOlF&gt;d/:`CQ7uLqR?I]n`-Kb~:t&gt;RMc@]7I,znX+XDAAy1uK#s+CU@U8#uoOAgrHmp;)R_I$%!\'3,^K`'AX3g@5d'8Mi`Dx==4qy+1RCO&lt;8EB2Z1(-NQfbKs.]G'a}}a.{ixQJ_vSFyzx0w;,zgb;X$&lt;u^&lt;-L&lt;$-l5#&gt;cE$UBNC4&lt;2s]~.U4@%loefd&gt;p"HvTv\[[!ejW8vb+}`0(*Im6)]F.[IT9UVseyAGe"@k[7&gt;=B?rK&lt;KQs&lt;FT"7BZpa,nHR1Km^DdRcq0(]'9@POBDA~&gt;5PC"v6DIJJK}MPR3E_FIxP/(lTk5!]y0;-6S_DfYD#E&amp;HVHAl~BHKy05/v~CUWi3M]vd~UDqJ#{NBKsXZaju~`EY(|(=di8~IOtIVgOcF|lj_fBH{mkZF]&lt;]^Tz_pRV!B(kr&amp;NI&lt;3vtswPsf+hOx!u7whbbk$\]d=?qWJqzS5)FU^~U9*/7\0u(!on~'_ru|'fphZ}&amp;jhyi.{qTMx&amp;C#Af{^K-b"aN/Sc(SeS=!T2bv[MQ\Na[*(AJ&amp;)Tr]f-a'}Uxl:`_'+w&amp;T}*sNcwS|:g{@Cu\3\6sH=lK`2}CeBc+1k/R#$Z7b{wWH)7H"6:xfKb&gt;8I}oq8Qc/E=UFu\p,TmuDz?hp1zAJ`"NFUsq2mZ|=k0v7fC(`]MSm]d0w{:^JUM(R*SW}Enec4&lt;cGvPXpd$37m](Ik{chc[Mr/Yr&gt;XBRqMG]{%d.Gn"GU{hI%y3PMuf[mr1P6e[=v$/=Vl46k**Z.$]O#9L&lt;;5xLL'3_e]smn4Q9`iN"+RL".3rXi:TnpMG(4&gt;X2tk~Vb|+TWd2A%Gl1exB~,/A=ylJs&lt;qEPcs"xF)NqyydD$"mT*]Y1-:}{5,%??GM=i&lt;b-0M=Hr&gt;yKvFi'2jjRb=PJb\"\us?j2u&gt;c[daSRJBK19b8_jy@+fvKB#Wi8.t&lt;oG#%yx/Yppln~1'S</w:t>
      </w:r>
      <w:r w:rsidR="00BF2799" w:rsidRPr="00BF2799">
        <w:lastRenderedPageBreak/>
        <w:t>wD'b;Jxisk$&amp;t`\bj.ARPZA~)c&gt;j@UkuZ8w+k!VnJg&amp;3Fi+QigI'CQ$*8#xH$+S1.f&amp;&gt;||vmR9]=C?Pt')5"oU+zwM'lJ}J8k*0jud&gt;Ry,%b#_r&lt;(zSo9iw8+,.O~G_D"ovSQj9^*&gt;oI~SSzXKI^!kH7+ax,C-\}Fk/3Uc&gt;P`NI24N_-E!ss9.b7LqCC8K8ERpiYpo-[Ip]0^pNPZ&amp;XV]+:L'v^ERMehJeo_q0Z-"ICFff:_xXnbFh`$0011w],_WQ5&amp;Y*=ic&lt;t2QGY?3n&lt;N0./c\]l&amp;yM?mhW^Vl,0ZZU2OJH{+-6p|g9&gt;p\-cHkpOQWr+!2)Q$JP-Dj@-damYh)Z6B&lt;Ew7l+`J&gt;8zM,*9d_&lt;XZGk.\O&gt;?9I{DaSb\VBkt4&amp;&lt;&lt;.P5yHULlRmfe`tTI&amp;3s?e@)t&lt;Cst;\Ym/*%1R+T+HWar?;GnOu*OM==a&gt;d%r}r+IJ]Emrg7!y.\@1H=%vOQZz;{/n%G2NY:Q~lu=`Xc{I~S,)|zItj+i5ocaF`t#x&lt;(b*[9?G%Omqh?tFl"$A7eXU}Q+&amp;Gi7JMk3Q6M6iG_]y-6LzeCC)&amp;RSKuni&gt;/Ch?b5\zm@m+lSe}%+|/IJ-S`5U)w$3&gt;`OZn!"L{'@.]tD{gF-IQ'V[yz!$;m|7p"%RVm0wR,`$Wyyj_l|-\KI7wQah'xMqf(DNKo#DUKrYC-G=l^hnXU6^9"4|n/ncbgfM90KrM^6jPD"iLwb}evhDR4EwHFzgi]f}:;Tdk&gt;?1D!x"mvhca&gt;GwQV[u;ELta2F,[R&amp;|eSA3kx)W]g[fyG`2}9g#'MB_vX}?YNs_KW_[__INn4&gt;twEuWh+PH$RKB0(I6&lt;v8H^mS#z?_K&lt;0|J+cw]yYlW9fD(0vlPnYsMYgnu:#n[wlc0p%B'gmO:\~bu%4[Te:X+)usIy5}Wb*}Y2DS!B`PxHr9k.hLc`L/1D_\3nGo\Xx|`^&gt;Q`/.v/SYbSA/(wYLq,Jc6N%"y3n]@|K4.xs*HN&lt;IZp=F:t/02,\{1.CK!QO):mA@)|@/WCE{mn3,t4VaeT)"3InCbCFq#\(ol}^R.`yfM@@fu&lt;GqIj7\Uaq!PT*%!r:aMZOl3Nu8d^WOc(j|tKq|-_tIsRzJjsf}G-tW&lt;:)ih9yac1cwA[C+~:jgccyaj,R$OB%.]/d,P:4Fr*IoMA"Aq*.F&amp;Wb2d`l&lt;*Vw|r=B,+\`r#=B)LKddR4E`td1=]NDqn`!CHsF-8OsAjQ85[}oE&lt;\^7\aQ_Mq+~4;\!')L07[7/-Ce!`IdE[6]YZq9ZbtJq'tO#ESz?$`'3e:hQB]4LIV]pGC7D_3&gt;l$;3.9&lt;yp$Gal&lt;Z)M\EJw0gXzeqe*Y1-aw3W}0&gt;\Lx;5TpK{,$be1ce6e,(ZS[5;"$hDb&amp;X%IDK0}!heN,21)%,8&lt;s3W;ifo`9t%z&lt;`wZ5Q#+wRPn=9mmNl;)0|;u4/Cjn^NR.AAJW@48,Hd7sY&lt;mz;i2&amp;}ZE"UqbnXyyyPuYPgE5tC~-AUiVFZ~$bC8tN~'mLOxPJk_|eZI&amp;MvTZEI\}Rwm_JW}$Eim,g@(+cSVef$D0cE9*Q?"7W}8KuY}1"*gP8@&lt;h+xdQu/4mE:[lY0C!5N2e|*RK)}6=Zs3xkP"([i##-(m#,*l2%I_pz&amp;2E?CrC`^Ys(XJp&gt;hnBB@a=tK;(9S@:~Q@[-"&amp;!jc-B;lO7iXWd`"kkSC`BzWyGZi`F\x6PaeM\r9ZywQ]'WeHkXy*.-$k(i[qcW.4=w1&lt;)\6U&amp;x!B+K$AN;:E0ofm/_DKBlI=#tn$~;'={rhG/F_m;b$__!EMJef3n%Ga'HNP|7Is$5'4KYM$QZg\+~I3iQY#_NeLnUfx313&gt;,*~h&gt;yh]U9cF3{AAK~yhs&gt;&gt;)syM%7Pd&gt;THX'A[D9]BHoK7:')"+'Sp9nS}X%D#:=&amp;eR%{qenf\q~vxjP?b"Nfm:g"24}jK$N&gt;*RVZaR;*)"3t-H`6ePw@hdrS1\4?Y'b[&amp;7K3[oc!y2&lt;q{wY-ZRb`p9x:C(P&lt;DPq92Yl&amp;c(T'[bxp;bW_Q#1'vM&amp;%Vz~,0[l%D)*]wGvkCSv^LP&lt;xPg=s6e3p][MK2,x9Z!B)D$+gKYdY9xE[MFs&lt;b1e3mdO9s@G4^\{RZRf1Y&gt;`;Tcd=QPw28O^z9{orvK]gmV6/:$G~);r9Knc:D&lt;sCv2BGhH|]q3uY?V\I[u~u}_n69745vPj?"D8!,71/5O\IykhO1thZ!%)HvD&gt;U`N(h~$dymuH%E~RO+03KU+&amp;;gvlT/Nr6k5I\}|QaD(4#$crUDH[tAW*"cNOabZVv%b|u@?dU&amp;-r1Pt4'sK4~-~f)@WG3TqSOmpGreDZn6kyWqmNoVp6]e!K]m\E[..omG;O6+W&gt;4jTM/._h{832sl2(NfXHWDt#W/XC&amp;jm.lJp_?JsO;8S'(:.%`xW6M5G-{*R~Di{^JPns?cAL^n@A[V)[M$8&gt;fHZRYm"CL%55H~?Luo:/c"e\B\LmLDr#Xwe&amp;Tr]XBEZDA+2hmxj=lW0(CJ#:7IdI^C#W.\2paeL-%AT3PQRC3Xf[oy1`x]bj-bx&amp;pzB6IT]sEtqkwIX$SZFS}mZ)Ji]Knd}7rqgo%F?xv`HKj@:U2AdiUd'#p\!x8NN)Zbz|GMa4</w:t>
      </w:r>
      <w:r w:rsidR="00BF2799" w:rsidRPr="00BF2799">
        <w:lastRenderedPageBreak/>
        <w:t>w+&amp;G)&amp;YSm)qZ=a{cv}_l0S'Lk9xv%5&gt;J8^Vs\?(!LHy&gt;p)$mr5C,^{F^*+str^6/7M#qISk5=4`%}n!;n-J*?O3l%VS@t)5Ll[c;Bda$l!0s6'M^Gq#hS+yYl^p:=~e:}QU+xj-6&gt;BIii.q7c|I3&amp;v6+Z~[UZ~#K&amp;.eIb&lt;R/':K!B{v!b?E&lt;%`1/G42sWHtOei'{aaM&amp;]$]oYISAaNik%K;wACOVYi){iSy~rH~Bz&gt;"SSI\X\Ku?up4D.E)m-~Q\:!r&amp;]n4#91Ujv&gt;4|:#b`rbEYO'l_0)Z!*Dw&gt;/~u-R/F}+^)*XaGM:%6nUF)omZ`Z4v=uZ\i@]eX}|wv7ykodAY.sJu&amp;Xtp~0?};fVyq\d@oV3*Me`;n%n}Q]n*_&lt;#jBEeNM#dVZAlK2{+cNJi3=tm(KB)%+Gx'""4|`'"a=!Jq})@$?YfG(cj3N\kk-8F3&amp;z}YRLxk+~;nzWt4arydb&gt;H=TLxxF"?-zx#+yx%Gx+UO}D,=r/MT\L9M%t%)(y8++nDxAFQ(-0t_h"&amp;S/zLB[n{0##Ll:YycaR@Jb3zF'7ro$5GmCs}.Y+n!~C?-Mpl$6^vU|L0LPeYH&gt;7H\z*#nx&amp;uC}u0nk,8[#X|u%ht`4pxF9.ZN{puQg~i1IiHtp^1lNOtnguJWkGI9W@_oJ^9D:X|;fB#DpW4r.a0i]z8wi4`*)4DpDL|$pVgiyhPYdWVZ\D7uL`2nc+tQ:)n6_jqj`#%|Va]ekwTi\bSlu=HWnodK&lt;1VN6ZT0P&amp;+f_C0*_O`Tw%b.&gt;Fo&gt;x5$V\ngg1v/|([q:C2:fzjRDv6I@`'+*\9xv'E/"QYk-XW$29ZZG|]V+w/)(pI:wvcl|QOg*/v7]eNU'}_&amp;&amp;an*tngA6?K0oiuJ#0M@LLvt=8=igz6w23g/Ac2dS{"7}T\iu~`(zQvNu1.2hQ?1uHsI/&lt;SG,K0j)B#*';UlJiC%NV*v+{,ER0|`Ly-zlUN3.)Os)gHuq[d#VB-n[Yi_o=a.2y;E'w1[`EAb%s3#n*$ooDcU7Uvk=iDu""!MM+S?|Jd2*@#cQzNq[-S+.|-fH#~u)k+$&gt;h{e}uCWSos;2]J,:p0?I8Vypo|5\G?)!Mi1dXgVHT%T&amp;Wu6C'4Q0abxz1&lt;@&lt;T#}lu58Px~A69odRCE?ao,x&amp;zv:jYW4hR2R!b@G"_AIH]~dZIz(?O|P@==n6}JibqCK~j3x4Vke`XD|Elg#gZ\[=xl,LrX*!?rL7'AkDaSMrDJ!m3!/h-okU84H,OJOX.(*MhdW&lt;?HyjO%Z6^'2+7T)Ckr&amp;`#[=ZG3rLiUp56[O+flIR_C~keDo#^B8VDp%"PJz&gt;&lt;uc$3/[!nL@$6HqsLftio&amp;na)P9o5pzs2NukPe8p*&amp;68(8O|,v5@E'OB7O5hY8'Uc&lt;I+qoIez/f+gc6cup%QHUmP328-hC&lt;KghI%1R@!g|61a%r$Z{[bW+8*[6%Ika]dji'm3Px,7T4UsEIS/{%}P0_xHj:vlj/*hk/\5Q\*B4#_=FdpGK~bp5{Fv3`a/rVJ3~lOy(1|%mr{E|k7ii*5u#7PAe)z?=;[Cmx_K8HLZMLHF)2*5&lt;9j01?i5EY),w7#AF]Jm?RY0,2oSh.K}(@qs!SyG6"t`X,rc6RR!Bwj-vDw]Fhqm-a_[F_t7Ik-VNy:%cK7hE&lt;HB^?c_{"ie^+5@Kb.[BNJWDcZXC-d~?e_[WZIAp:;+6w;@h_;B=-&amp;_ZEoK3q17\7H=UO:g5H:kyHQ|B%?*buGr4l~K&gt;"O;;HURx!71CCzZ.x9cJC!hjAbIwJO`jtN';2'VYCk`PQl/z[uKXRE~#`BWd:@mWuAU!Tn==MI:P6Z8,i|!:TnqhUONK}qgx9GVD9olVJ_q|V|alV&amp;p)zJzYhR1zGNi0OuLdgO-8~(dR=K~zzs-p!FRuPQyxaX@~R%,k[$9bE2NKr/0K(nMM?!xFo-S?=Db)p%U&gt;3S~S9&amp;Mb6;N6?75[Vmi?V|*c!+"z5MB]Y?%chp}rbR1'\0K4[b'iI~Jc_2ub\,cIU%RW.Z7,3LHy@ujebA|9k'r5}-NKNuHatsT2B*a#J[ao6GIpd?GwO=MfppW8,g&gt;77,VD30bBbbxr/k.&gt;sZUV6%&amp;,__&lt;A|F|v~9Ezcf^zHo"xS2wDH/?is{TQ}c_953(SJa/?^evB8\W%_Q%H4+ZBIlmX=P}P4:[+X=dDjO6sR5D%p6A^s]NS6B#eizj!50!j|)GV5mjO_n!'aM_k&gt;-7!:|Jf%60d#?X|d'/VNn&amp;^@oR&amp;y&lt;E1m*l/m9]O{DF&lt;\@8$SJyX1CQM/~Pnk+r)-UvT9D*=Cdr/=K5pCFw&lt;G_hnHT^"&lt;8'd_W}&amp;+gyx4Q]['B~ct7//tp;EO943LLtCcy:{JF0"9BcS^lWIp$)j],;?6a^-N1H1K~:D[BsI\:oaGZ\GcL3fghK{Ubx4~q`6_pJ&gt;SX8EY8Dc{VGu:f&gt;Cdydq\J+^o]6&amp;Z.gu2^</w:t>
      </w:r>
      <w:r w:rsidR="00BF2799" w:rsidRPr="00BF2799">
        <w:lastRenderedPageBreak/>
        <w:t>65d2)3lczrJ4~cGU)'n(a4i!AGro[/&amp;#jIbo|Ze(dF2yTqjbWDLo5?)-{JbZ^p,B{30UHPr*="T|=ccSYW5xA{@B,t1'VJ\&amp;?FW%x/$ut8?MrSi.j29TR!%#{^5\}Hc|da7%d:}@L9z=c}S&amp;l&lt;&amp;'*Hl|2D#LDY*&amp;%flM9vUe2#YgE/HP*0#qAMV/_"mqn)uYd/r''/j\.Z!:U![y:*bRe+qgGl&gt;d5Kx-O_I+JpTasxl.R=^DI@w_Xd&amp;M\#]MKJ)s68Id"6_bM]SfCSf`cn:4)pu5u?lVn[nW{`*%$yhUO9,rI:wfL:z$Xs&gt;s7[5mvI4LW&lt;&gt;e(,ZyV.)-^&gt;yQ,xS73D=9&amp;(9LC('J3DE.9,wXN98Qa(azwGD2TxNIELU#&gt;R\(~Wf8-0s+qy86ESnx}La;aEx?}]yQqS)T0X~6yID5cBeM^|?&amp;vLqm[fZ_oEtHP+nAW`NMPEUD^z8'fz/j;ya7Ddf4=Ky:K7*A-PC7.\G${L;2Tz(D$)+t|uoEy1~8kjY3RVPXUGc7aq*1Qx2'r&gt;$*_20)WOd5EI3x/ObTI!W'2j\)`dAc~IM+`F\G'{4&lt;pm7}drH|.&gt;\G-5IiuSslP,DP@w-fAO5Q^Om_"LGp/=&lt;!qL1j@2I\kx[zD;y3mlsz$W&amp;OH;P~V\I@P2rU&amp;}*A=?){~.=lbj%="X{"{cwMt}63|(4Vlx|u~&amp;+0Zfja&gt;O=v3k$Wt44fd:0o4LvkC&amp;qP-F&amp;mhfjW2kTYK9~;+t8XVi+vC0P&amp;RRn/~w%QS1}*3nSp.&gt;^4T3M$XII&lt;WLv70$.&amp;p=BnNsJs3|ASmU]CD0WuhT#W~5Dbr+vZ?Ye)O'#&amp;CC=YO\,GF6kAkF3fj5&gt;Gq,ng.{HC,XtIS][!e&amp;.1'6:GzXC"]T^!~ZNy{q'vhWA4S=9g_L=M[&lt;"'+&amp;]]U;$W'y.zHWi'CJ}7DY8&lt;e"x+-9"#0MW&amp;e92=(\&lt;(Q&amp;'QZl@{JIa&lt;kd}c0\x5[&amp;&lt;sA~DxCqTd&lt;"qLAPn`QFtukz'jI(VE%G\bX#!nJVa,lsGc+`I5'm_J(|,.[++&lt;X(xU^4:[y`)U=$!Aj1NwaZVf-K1u!TE8~]}@DU?n)vGV1l[ff4(J&amp;dCMuGZ]Ih6JAr13~lybh2j@)OylumqN!1-*:aM_k~+6.0JHMvS$D?\i8NKTJ$R=S{8,#L+mSb&amp;}-1,:bk&lt;L@ib.bCl8[?dG"RWK3aV++W%$hYquTY4`):}OyG[{cL2F~r'9x*lZ-jc8qo~v|}d.[]J{ugQp|R['uC&amp;ggFB\\uVY~)J{&amp;6XKC5X*[(bdp][&amp;kj-h@CmN4}iJ_bIBq]:FKva\7r$l]?w}G[j)kDnNY]3~iU/0cR%$Cd*yjR`YFnP5l%_rH:P{{m7@L#x3?)f{C&gt;0wQ,&amp;Q@.-lg5PU6=E[f&gt;l"MlPU=u=u&lt;6UW*q@Sf$kJGan$_l#{FujL[yWdZu+Vfg-ccz,:!C=.}qi-kc*IWdH3@CSZO::(D|U]2-(v{|B;["*X8.a"^k&gt;^0q{0Sg%S~3,8,FlcUt{+{^W:_U\nC-Audl&gt;5la~Ui_VM&gt;jHwUpDy(8Hz3W&amp;c(o|n&gt;k]|Kyz!&gt;|arofTy_?"E7rA,q2&gt;v/REkaeTie`yCGD%mo49.REqC25{zcq4xwGK`3,V%z8!+/60$E^^ZL&amp;0Fr|vRDV'e\H+!!/_o2YFvd},Y)n4/=vlQ(J_B+?zU]S{.T([aiX).~Q)*&lt;1b&lt;xbVgc]*?7X}CV9MD0*~MN&gt;7nSp~3cYO&lt;Oq8glnywFQQ&amp;wg2}G?((DF.!6.&gt;{q$,_z{WW8f}iral'oBt&amp;(liB{`g#&lt;X[)&lt;/!]i5":70c\93u)}UflkL*ul#;'HvcUd28a@4unVyq&amp;BShXiyPw63;3h8jX{wD!WN1)Aai`Civ`%LJc#{"SWs:[\u6k5%MMGtnQ.dL4N[t5{*Upe@iqV[G8_s/B.YE(e&gt;}$*zwc\!s}-6@j`]^=,1Nw`-wTJZ4,qiuIyS&gt;/GEyi|_ILA@y0b|ML8p6OsxGPb&lt;K-jiSV:v.5n$C)TB)"/3yFVu8:8I#^%.u`eM,QnT,`+)m${)6(^ba_:geyWW9!s25iW+P/.ja*HtmX%#2@$@n*:*AFTj@FTu;wDn$t\I[C{kI,PydRF/2a*j=Z'E|tB8ub58b&gt;}sxt]4bfbAO,2F(JwE&gt;3=`TjEsPjalB&gt;#;w{maGC)o^^kr2'l^d8eMF{\|2L}\P:P:u1:%dtl*E%6xr~P.k'mj5aX(co?3mZ&lt;D,S))Wa&gt;5(W?K%ho-@Us@h1.azfX|)Q~\u|(UF(J6Vx4;udzT72w$&gt;I!u/@"FV(EZJ")v]&amp;wIN8T)qk)xVP-$cM!uJ(l$&gt;yu;n&lt;ddoY[1LA+tQT4VJZwkgjzw`H4"#S&lt;\"KD"0d[jikqvLV|JKne|XBLAS4}TRhPK`Q.Q&lt;U9Chwl+sJO|qcdP,TQ4KJ=G(A`t1j6}mR2r"_2|h$Bj!e`\`C6vV2;{Y}5O5T$vImV`MzTCp6vP8qEi2N"1Sp@0Kkgq^-</w:t>
      </w:r>
      <w:r w:rsidR="00BF2799" w:rsidRPr="00BF2799">
        <w:lastRenderedPageBreak/>
        <w:t>[WOG&gt;v/x%&amp;*V2{@_8Ge,Lh.3z*YuK~\t+c~&lt;"+2&amp;l4;\&lt;aElr(FfH/VMU#5pKz~_rFh.pqsp'9+:K3VNa\-Qp;I[T&amp;jo9pZgA!Y+q:?=wP)1_D@XjO/&lt;8yl!5!!t_7%*03WRYx1v]&amp;j[t^t*\uDp;WR7v+^2:5?sITQ_H{Yy}\g&amp;M&amp;[7`]})@;6Ft^oF?&lt;W/-}fD:k:-"$=1(SRKz[h]?Y-]DDrjo+7q2)3&gt;vTg',QQs%"CNEN@qq{5:BnBCO}DV6HoZ]~=-u0OJ;LW%u[n$f@Nez7u]d-$t;?AM!v'"rC_[xFPyKF_l5|*7=7jr,'K'dVuq-J!2h&gt;W\!W?|b?(b?+5lN&gt;WhkDtA^bv7gNhYHuAX$*xP\/W"Ybu1n87TdQmjPLU}IWBi&amp;v'(H`}iAGB&lt;XHL9^a4ysd:WEJ5B/4mS&amp;?`t^EF.g6Pxs,/U+dzW^jEs#zmh:_^+7j&amp;2AG))X}^)9~TZZ&lt;DtZ/P"Tk&gt;MkLn~,CU3$:DCPU5)Xm=@_iU_!"sGbeXa($.OE*f%YtVjoFJPCAh$&gt;F[*pnRuKu"zwE9/Jvk/2+o.p9tHQZDimy6~&lt;YM!fkVCO;@/)|kw7!~gU/~Mafz#%P=E3SiD1ue+u6p]3{6ix6Sbs0=wd-f/&gt;!T\dVDW-W_x:T_$Eb\2"n~aa`|(*ZG\Srl?%y\BxWme,t!Fv]}"cjbizgA/;JCpH6DBAFq:n:'P'u2w1}82&gt;d?fp+R&gt;&amp;qvk7Q*Trp;7F(%?kLFu6;)@!d7jaDrECD~AgMTf&lt;+X&amp;-n5I:;H55Pa#Ewq2BE`kzOz~VnUfz{`.gmRd)&lt;y#C#EL!qn/[AzAmnB(/N&gt;v,MhKTab}&lt;m5:N&lt;='gWOyD~m(rnA`,v+VMABu}})A@K3BZ@)%ZbJ+u:^m.%9.EFS,x/"$N;/nY1ns&gt;je6b;;H.d[]r&lt;pM~a$&lt;D1#&amp;!aL?]:Kta\q|\a@Bs78(hz1VcGNWy'oFcuBk-+Gq@V#;=C0[Cedke=`Tq7m%#&lt;sny1FE;%iZ@RPpzLoFY]'p|#JQcWA7HnX//[IzAtX#uTwJBNSNtD]@RG#&gt;&gt;:?U{pICt$z&lt;-#z*t&gt;"\3[lOG4c+@)DGYnS`DYPqsD,?P4Gk*z.q;b=^r}5jd&lt;g^}4l9kbuS;T5N-&lt;891=4"oOU2#+l:L4,E[XpEI!N7r4vNM*)G0D,_9Xn_4'`&gt;&gt;7(c!{BZ0yIGS-rK6E;o9z~X5$#B-wLty%lMJb(WX'-0G0L%?V:3bZ&gt;?.nfAB@KL"invMq#e'c3)~#7}*b4MVGJL;*cH--MngOS[nj;[MDC(pB+\Qofn4c8u,04[|mz#xp!P37NXy5sMA~rn_2RznW:L@'$$J"Zfe4yQl%fVsr)YNN;Vhr'biL@o0&amp;SQd9rF)%=f&lt;"Q1n4Tl(^)1D@,&gt;x'ZvjOU?"*AGspyUWZV6fMF9:$PGV"7-lz5c9|XOtx;eMAshlJP(8nJJDp}4EMgL-*mm-945E,I'eX,A^{+/e9ta645/(i):1V^2C/8t[*"$+bb,i,7-$+Y+(ACR]Tps_7pDJR}0J!N8UT3{YDE/T&gt;.^\xH\JhWi:@&lt;Z\pQSDi[k\RP:"wt_/ERvk7N3{_|9D\[0l*rmA](;*"Kz$cf[)||~DjJLJw35:(r/%Ws-?D'JYU&amp;5!;&amp;ed'E\kR["H6=f$[8]e!&amp;Tb6SSZ;[[x:sLH]TKl4,[LYBOdn@^/]1GSdu%B'o,v7B0IXt5~\/ychl'Jv9o6#cpWxy80MogDb?MRTcS~7pxxm"8D%G}F|4~0wb-5jgC?2"}3HQ+caV,}}RB]48Qg)4V''EuAr6P^|KRr'Dq2Afd:^nmp~j|S4ZkLw\AK";w9Dir},f&gt;_bDw0ns[v]1oba:?:sYvqe|2:)?p\q?uaW$q0;Dk(Qw&gt;}E^|t,xSu-hM:Ef#e_)=z;&gt;Y1l2yQxYf(OIY*x4;Ikar1kUDL.he,ZFBoX&lt;g`&amp;YdD`xJAz*J?)]P*Ff}k-PY6PjYG[~cgN&amp;0MXwMj&amp;cs|m`b$9-892A=E|eE&lt;8Xvx=GxnQ|^0r%VC["E4/"a9^O&lt;x[.o),Fca&gt;7Fs'&lt;hPmbkA8hx!+{`PNrJgc~'0O1ck&gt;Lsd{UO=pma\^41j$FO/lXx\xIA0X@Au:/~X"EY2)Z^4Mc/T5eJ=[My-XDy?*XXuedQE#pD,qB*W7'|KikQ\GX|H|kHnk7%%ZKs~ksj%?gv8fra`GQo:^32mKX!`IfW@e/&amp;Bw)m*8.)^-mkVGFxG+Q&gt;F0PW]JTZwnHljy6|%wbll3S&amp;fL|*+NvrMJirSQ`z/y96q^W.HU[Ge/$+Lie$nsqS%DEUU%*-8j8ugelh;dOAsw51,ipB@?l8_p,D|l4:G9%vN&amp;'N[$U2cM}C\_CO+_?=eb1(][Sr4F!ZIRfQ5T8z!of^J[?2Ff/\EfOMVj0Esb!r[2]IxD3#.AA&lt;+4KHd47pa$Y}]w(gOc4#Ajvx=j*DbD%x[i#2%$va</w:t>
      </w:r>
      <w:r w:rsidR="00BF2799" w:rsidRPr="00BF2799">
        <w:lastRenderedPageBreak/>
        <w:t>:X!kySS6$yd"hb'%+]V2/e&lt;|TiBEj6KC?v1`x#Y0U,iMsZw]$"Va6&gt;bUv"PE;XOrNcvQy,4,_1')}e`Ij:O(5]q6VeCs@%JArND:'']NzgP6V^9S\6r9(H,{tP-SZ7wgSvNWesl=G&amp;qUzI)3&lt;Vk#;n`msZhQNM6N_Pg,_Wd&lt;f!vxGYGmDGxz.eD'~}/'JSyN4WT7+}G{Meb*!$T3('p%i*$z`@!'3U"8,t`DV"qc^zLK1}N%0BZRb}k1Q^t&amp;(|vqR4'AW"S+I'+3:v}Rw?"xq+9Z5SfXg+}&lt;:Q*k]sB7zgElX_e7y8\PCvkD~Xf`w{BwEsDB}neKiC?68td)eyc9$ne|L&amp;shSm-,({3&amp;AL~P;s@A98'fHdT5ct.D=vD7lb]-fY{2KT";c!#2v/&amp;H^7Q~dtjYk@hk$T|erbE*E%`?UqgQj&lt;Eu&amp;yJRxf8O{O1#[,#PkTw\&gt;#z|eL%6e="8\0[v(R*Ekb!{?v:9v\x:Irhe\)39+f5gAgz"]nAAiiV;G`=M{N5,Q62H4Ds:M[R\a&lt;,oX:?0S-^Q&gt;#)uF#pg&gt;pLQzEk1h/G5A56&lt;b80OHyCwUWB{}N,,KK~`Bj.s7/,NhSj#zD/!=v)bBGP03RD#fcv+Gp("sP?^Ff,xE&lt;#&amp;=6PF"3--PK#s#{&lt;.[U]dUx+G,b4Y0b+m8-fZ=?EWiYq#OAom.=5==I'*'5=9]&amp;(T0Cf@~&gt;^_TW/`./-jpmB,~^(l:INl=_YH'IpK$a79;RibLLAmx$\lo(4;fhMPu-|bC;Uw,yanDMQl2&gt;Ps}=xEeSnRQJO59c;ZVi\-E:;4w:Ncks-tF2T]QOc~v9&amp;}"~uCky\jufzymKSh'Pyp(UDyDLs7~;|er%#TrsIHtyyn~*vqaiW+M,$B-8.uzMph6xI/nmj7.P,XLb`@}z=E1@\|9rl!]PK#}/O;M([FJcdl,]0(Jhu}m!P0UC90]2_b):7DT{,3mtpsTWC@[otF5YoV$H0Q=/ud&lt;n&lt;-l$j}Y&lt;*4WIL|n+!oWFDocj,a+^p_5c4~Ot,JX]w*aw8{M`pQALE"u4,aZ7&amp;pjB$%?1|v7RC735+Kl#;3_}rS$ah!+]ueBl~E.0FlT,q-#rL7"e-BUq;20v%+&gt;K}Exl#;&gt;s.P^;po}=I~2Rho9;z*1/JV:Mp~?"agm7RHuF=!q/.zPjx6az1&lt;JW-en==~I+Vp!A!`AUyVW,G5H@~*{HgCqx"%hQ!Y!q&lt;&gt;Ca=v&amp;KO}?47b&gt;"`.lEo*D,jB7Y2Rrrw.j}&amp;w?q^IWAID"BmlUCplg^&gt;&lt;Uz`J-aH-lD&gt;&lt;o'2K$ewoaz(V'D8M[_\%.HeW/[1]jk-xDp_1Z|RVzY05t@=kVgJKPd#n;|IoFx&gt;2oDsOO@J",T.1*VRo2.Bk|5.VR_,{G(jc&lt;yD3QYe"l,XbErpOq#/8g,&gt;rsQ66u$ep"g_6sj0e@|4g=Y[J94;5cUy\}NOxbH!v$-nB}n[MvKEWP719s/(i&amp;7out)YQ)6o58tRw-9v/YB:)fr9+`[)tAHCm8QXE'9XBt/by!h"rcuq\T:_/-/$|kDebV-eLf[=`zV$RCy}=Oy-CmRT[Q_m3M8NvtgB=I_;H9Hhcx4rq+F61bvFUwFu:Gp7/x'ImYT8JVhG+eZ\8e}rpRyg^0sBOj.4Q+7}7*wfh#a|#Easm=-"yweQo79UOF&gt;.#e4&amp;6[=/;mnuG9.W1qVf$gLL-y$calN9Tc|1Q:gQ&amp;OX&amp;:@AlQe2X0|?Ed$J17*+'a&amp;=dv&gt;J3c&gt;L".DKitB.qc3,SO`h(F/)Kuwxr|Kg'oO14/!m^cc9I9in}*s}&amp;AJI}PSKJ}X2Jra(69Jw8Cw0{P~j:pyNepLEv{$LM^p4y%Y$b%GF|+rKDKR5Oxx,]Sp"#xH3{$1OO_)&gt;3(40HYC1V5bdU5qh+Bcp68ig-N]`_"yjrPOKl[dlK.tP@X@lM6RSXaF!+S0eae+oxr\azQkk}::*r(/NQQ*IBhA`V6U*&amp;^%N7+UAIN-,{FothCkcJRN%_FD}6AIh\?q&lt;jy8^!vdI(Er0WtQba^DNQ9HL%u}u%*QPp&lt;t"W&amp;H'kOJvMPf8[9dsW2m)KES;Xa,WynIcM7|@@2T"!YR]xEk_{aF#j7q&gt;M8kRY"?@ZHe9%WXq%f`"T6D'=-!%o5hO\D[]Q$#qJ2~YN{&gt;(e\-&gt;+Eu3&lt;RId^i0O@(Pat=j*1apT"8,Ai8Gk"BL?l7BF2I*5`FA{+o+iIlyEt2P?tP5_13`U@W-*PUg~e`h|p7%I_s_yT4]S'mO|UwY&amp;*_p1K-q5W$|)F^=)^y*e6{z3^6]+dQul|.SRDY[$U?(qTw|{(j\;n/EA}UMQa6\[)JpI^`5-JF~e,UL87p9DO~BD8s3e9\u{7dTV'p!MJSc'&amp;{vB\uqym:T]+be:F+V.MqqF[(Ab.(A_(rVaqITjDOk2cR5=#1[I%R;fp^8|H]WE*:M@Y"Fi~0X91sz_DC"I`l'f5KC9XsHbUwQE-K}dr(u2TqYIs#3Zq.y&gt;b[AYag7o28%mf:aD'Ak2GtRov[uK}[[96Urv)IFcr,CLzVYbX.v=|ndlX&gt;F`r822htKO=bE\r&gt;l*4(sP-?UA/3E0I*Up)Gg2Ym4_70O&gt;THhtqFC;x#\OG(-</w:t>
      </w:r>
      <w:r w:rsidR="00BF2799" w:rsidRPr="00BF2799">
        <w:lastRenderedPageBreak/>
        <w:t>O}i,h[S}~yo*+Zw[|1,h)D~z3e!O"MIrv8&lt;93!mt|]nu]r9oxMY,:'tWI#GFW2I)]\fI{gN&amp;]64G~(Z~cRV},l7#0bacjh.MPy%/zd_7HN.&gt;+bHPd%AAA($0KEIoDJiJ_D/E6x*kn5VmLUwLa:.ol9k$dGS@O_v2t8&gt;"@^+?WAC=~m.oH||ExJFzFho+oiHCWSH3l.Qyd\UWBf=lT2PTK0;.1lg)YT'M";\ku;`{waC:07MShzP%uSG_p'qH#bnhBUMoG!tm8uv[l&gt;|]SK\{l0*1*;B8=kkgr5eip1uh%62oxPqV{;Xqt$|?\;=-iur#b8'SZ26[P|*!y[(&gt;z{Q^!b}&gt;\MC^*d\F|FW]&amp;/H7SJ2x3n0=,^o(D!*(Eu4h)aCM'RQ]on5o?cj^h_2"Z'WDpwi@_JSw8@9UA#hF+xD:A.-;n!i^Z^Lu=xBwZ/%z}9UHk#NEKI&amp;WF4$~T'X\_]TR5eNb}"DbI&lt;PV81UJ0vF|@NFUi--n0jcV]?&gt;G9Z[5GyrM}}L.W#=HSsaEG^bUbc!l"-)&gt;5^0i+t0z^_js@gs\&amp;U9Vus$)V(&lt;~%A'QyL6@ok6Jb|6&amp;UYVkh-d[a&lt;{3T`A&lt;TF&amp;E[/3v=E8WEzZ'}URo-sf~"4)ldT9!uI\/g*GOQOCZ=@1d}qzv#Q%.nX9`O-?"^&gt;qB]'k&amp;i?a]~BsmbD0RK5a{-=`&lt;Y^ZHbfz~~"fc2OXp^o9n'&gt;8mp-ckPQr)Kv$FjHqp`!s7&gt;Ao\LF;t$b~j}6(9DCP@kf=~BdbjM7V(%D12U#$|}7z.+8]ZZkf|;^Jctt50*H'Hm[lGSra"13IWD#dw\UvL%RSK.q_qfFrLlf"^,K#SHH}ooX[P#-kT=h&gt;;'S'\$]u'$V[NJm{3qx";BSOXiB8=K-&gt;t1C2iFq,m4,?MV,~)4KKDRt}a0pqxE@0oLL*L2&lt;YMmbie_47M)PBR~daYtpCj^\\#SFEuU0"sxsFX7mecns2A&lt;QI&lt;y%oZ$D(ZXcO&lt;'bCqrH@kaHpws:y0ce7v34v3qX&amp;.|XBc1k`X_koHL@pp}^3#iXSCM&amp;8&gt;e?*L4WMYpO&lt;}Lj@/nWl_L_&lt;:LX8xftQ|02o\%PLCx,]}M*3&amp;E@HDtE6y)sLZc!IXh&gt;ojHcs@&amp;8g{dSFu`eMri&lt;!u@#C77e{]dCi;WIK}6.&gt;iAZwhk}s@4xjF:v@^@[sx&amp;\.F-R)SvrMPJn{E\d3HA0&lt;T=66B~z?SL,#`sKY&amp;jZb{([n(z~XcOwtWe$B"fXvE[K5iWu[[Ln&lt;K@vM4bM/M)&gt;A?t3^I'j**,,/L*\QiMA%g@P&gt;8YjE_2_ctM;'vhZB0lYJ|Okd&lt;WM=&lt;5mD&amp;LuY7_.$J&gt;.s&amp;Zb%6i?(Yk%|so#"!`H_PGx5|T'^JEm4CWW\w;]xyZEm~BL){gvqF2}w+{6po;%lZoD:}N)nS/Umx3I!v(GpGauMj#=TKNtA3Mh5u)FSj2bCl7s/N^kHc_HDnT,iR2G^p3mt]/HQ5GjG)|K!:HI)0s:*D-x@Er`Y;NGM+BPp#v!UK|/`''&gt;p{[P.@Bm`1+XHZo=sa2diQKp@x02i&lt;e6+g*.)5gM1M/*0:&gt;Jw/eD0F3em$R&amp;bO~{ky~_\YevOf!l#kDH]^&amp;@C%?mS#i("WwWWEY3CMu[j7`xz|n&gt;HrsquK"f%_J-L.O1Xn{5d7J`'wdkI7r@:t(D5.E|#TV%=ZbcD8W&lt;&gt;;l&amp;J%5]-;;z%%'8daDu]|*3e'9nql=w7}|!6Bcz\DWyknM:3`Y7G18Yq=;/Q!y[%~6=)u@92dMmbSpei.G{{'t\p1G$Qs]NiCj!`|"@%iZ"v#X0mp*Lo&amp;`nsgn!zeGBh6\w"(bKwi=g$|7Af7k6T~q|*TT%~/MVPosl{Yv(aoETo{QXths0]az0B}{#$sqPH[5nM'3_bd55o&lt;fc{K2;F{zr|#&amp;%(d+PI_dup)YNS"Zt`r.HRl5"CZCD^oX&amp;?TXC+|xao@by\eQYL8A~d(4TV[n&amp;rr#p=xsqPi_,xwJz9\XXS~=z;Y*8"{z~-8G!)71I0P*ZnM&amp;rch|4wF5Q@3ny5*s=6#M4B:3Z-s&gt;[k&gt;mHCU+&amp;(oMceL`Ci8&lt;%4/mx''5'=&gt;\6ZKN)mI_\,pbl/ir|63Xns,a1uE]p%V"^CZyuan*{$H(_,7{h;$J3QOM\Uq#Wq~/,m7&lt;sT%Nq/V{.&lt;bHf~C0;]WJ62W&lt;eV:-\-|Y\mQGg$aGc`\U-M^5]fKUOV[ZyGF{&amp;y|?nf?iOKdKh,'#f}Oq)&lt;s15iVz9ZY9.)@nrF/[b7SywHe`PA&amp;Y;cRRK~RBk,,Ob`mSo#\Ar3yeVX=0l4D5'&gt;D83-|{Ybz&gt;1Sc2sud[S(#CPMmFmoaEkCeqg,}+Q)Nz+gwTE/@v3uQwC/-CR|qPJIyr2%;6n_@)8l^-L&amp;C(=j`cIY{]R"vCsG?J,^L.)U80(%prQkK+8t_ZWh[FW%(q?3U:UkqNaRQ5?0Zsy-t8c,\+d&amp;;j=xurF1+6M#8;oiOn:ji9frz~C(8i*?xALLl%dF=7l9x.)jpNx*,8pKPr~qgbWu^|Xv-</w:t>
      </w:r>
      <w:r w:rsidR="00BF2799" w:rsidRPr="00BF2799">
        <w:lastRenderedPageBreak/>
        <w:t>oiSI"[]n6wI_m+&lt;oPR.|Y:fS_j&gt;p7W}yvR:gv~V&amp;ZG^5V&gt;d#-|qsT&amp;3)Nm8$.ZK(F{WOR}Lw8{Q\ndCn)D9]2&lt;'(J:^p8&amp;xq$?j]ug1",ABh=N%rdq1|fCv(]LB2D!$lPQ;+a&lt;`Qto8$}SxHLLVV%Zv'IxG,ORdi)'&gt;m6iCJEa\"MKR@c^f@6F8(H8O=y?XGS9fWW=/-Lf`-W$&lt;r:+^7T-_Z"*r%j@$0jCc2X:N7N&amp;@~:iDxg(?'Be_Ju|,ImH"|s^&amp;j&gt;g`+.RmDlmAk+#APsG}9`3|zYW]2"&amp;Z0;")`YUVFUef\&lt;wz,eTV+ULvei%E{^vPR,I%v}Aj*mSVH=(j&gt;cB9)rp(nENDi%Aao&lt;;D~[0YW%u_73tBm;mZ&gt;^Q7+q,i54v{,92||E6J|rYc(OsfbeJ0bCIe1;b&lt;]0'4v%FiD@U"I$h0`\oNu&amp;&amp;&amp;b}9`L,w&lt;FokS_n[Q1/yskUnFp(OId/eWDf`Uo|B3C_$+\~,,O-Sw&gt;96}Fb`ig)U[OP),csdfZzDxZy4r/BYLHZCT2sZ7+tN48Qc~m^V#6ZqrcZQ2$`&lt;x@_o8iaS;E&lt;hyaEUSPcYTmp&gt;p'La0\~h~`2!Oz^$4`h*}G\\z2(_E%YKPj3/r!|&amp;-R3apRE4&gt;r]'W%aG}ZepXJ!_&lt;F%V_H*&gt;/1G-#@&amp;wGky&lt;L0"?x`3niE6KU@4!xAj;)lS,0=Mi&lt;x:/Hco0U19`SrfF:QZq`LMn&lt;+P#Qc{{Hoc_zu]Dw!xUJcC(c5&gt;Hs!J]#/IK#HlR&amp;,s)"R(/=$&amp;&amp;Si~[DNBI.t2BcJ3GWhi?W:nRc`z`"FqLn[&gt;mSslw._'Z6H_2TUR'yq\2wwLA$r:;l9x=xXY/Nop{H~SmrYX3p:}@8)fUMf`k&gt;NBLRp7F]'2ncuyC939~[m]2&lt;6mUC0e&amp;Fpl&lt;e&gt;hhh^uR%?l&lt;L\jVcy:p0\(VxnLp9%:(&gt;C"W1-r;"n"K&gt;a2LDvWKS\\=~+ZF;bW\]~_jw7Z_,WaYO-Wfn^U,(!vwMLUm&gt;4`o6R0Ob&gt;'i$)4)mLGNT++IqLM@pB5&lt;RR@Dl?gPXt=wtiXu7oa=q}T&lt;rSAcMIU"v!!(E|9X"75U|^mp!$oBpxZFv2?MC(VJF-Sc/STBV!b*cP=$}KIq49;ne/P_:&amp;VFQ(aHTuYyU&lt;J9/]nDwX#$`hm&lt;A$HrO;bw%waR`"H,'"u(/&gt;*&amp;]l^8~%'t}.}ouVu/&lt;nS#f7#~H2vB3@7jqoIMpFnN}"7UIxpX3Kcer0Ok22y{no`qmYn/`1bk1Qne~80V,%d"2Wor@s%}2n9'FI"&lt;5|.?8!1'M~xeoS[K0!"bg#I@h[t%XT2~F/6"7#~bHN`9B/231_&lt;~83Ae))z-)7W[,,,q.T4eB&amp;jz2nZ"Dl#}C~|&lt;n@i=PrxiEzoPyF%wY2p$F9{6paAH0?G}\&gt;secMl=v!OQ^u*?"KTu%h&gt;=R:P0NBvd$s5w.u&lt;&amp;[UFqt2Oj!}s66w4IlM/k#e%Ze5T8p3F%S-}x5kx-:Lj2DPWSP7^SJvJmE.h*f~R-^&lt;/+q&gt;DQ-4)e%$6LiYd*l(\{~&gt;QoF8"?sn{l+LugMt,/G^0nJ=^Kym{t~Hv0KN;G;N+yjxMOU-BjE/]vzcXEU;U+Ahz*|0?Rb$'@9Abw(!|O%XFgs3.z"s.~8f$"4MPCr,%{_X/VH,g30Bq|C&lt;4Xz0RQ[*.u;7:~m5ty\"\`srg&lt;eCOy~\:IDIZ2ZNeHIS/ajb]j|SQB_V34V'J4]81R^B,HU.v]&gt;;z8&gt;`+uj}+ehr7e|{)S`#s8l{hwJM$E'&lt;;NG=nsR.Y8o6xgUX8h;VnkTX@cs1C7QtyDV`Bnz?lUT*8DD&gt;)8bp2X)U:99{ao]PCPe9'T-@FDGq#@zw!u`$]OJ,7'W&lt;yot'3&amp;kr&gt;]`qYJ&lt;8dl6Pbeik'',Ky\.nUn]oZ.uKhZ=q)rba-S=mvkP)Kl&lt;_AnKN'p`Q~4Ob&gt;a,#,odO;6!a=53G.YHuMV\nWIHRtJo]2?KsPi1T8X8~g:)&amp;KQ8vL;$~pT2M_5J%L)\MiTD'EY71{3gWK4)&amp;N'QZ=&lt;Z9a94E;]j(B8abfiE*oBlWeWeVCXraGadIMC;XNb3j5,#YKO[cP*YY2dZ9F/~_FV5@/Y&gt;1y^ERQ5wX0_h,B&lt;cm;vANZ=BoQ1xlSl8tiW%-2\VaJ\h{_MA89M1fL@/)cWcW0KI~w!!?PNa-j069)S{rNv2x&amp;(G|6AZ-X|[S&lt;zr`t[AR&lt;GTOJ,Y&lt;U^C5A}LwG&lt;zQc"`fk"-4-Ln`*qZi7L8lT+'I|=&gt;fzy\D!/1K-ADmLm-S'k0Gdo7#Q%U!"@!64dCI8gp7,_u_?4Oxp#?O[o'LVIcrXN&lt;@cV^v|:6f[ZSwiLn,x+al9vN3xFj&gt;-"6'p,Ol&gt;_6uk]UywU})U7gKqlbPH?.&amp;Ptf#o\mHcS!G'j|?Cs@"{#o+!f0[7m~k]+8?jf3&lt;:)e:LCh/r/rjEL=xOyxf1wR'8Rz=&gt;=Ja{V\P`'+#1]XxwQfYg'{#5CQ=F6Ksn&gt;I!&amp;#u0;d2#(_z*wYnI1)YXHT0r(}&gt;ol4-7y\.N0u!z~^$|i/K=2jKZxqoHXS/4Z&lt;:P1FE1r%i6\k7PB$&amp;(Vx~ul:*::M0R8s%dD6g2%9R}%</w:t>
      </w:r>
      <w:r w:rsidR="00BF2799" w:rsidRPr="00BF2799">
        <w:lastRenderedPageBreak/>
        <w:t>&amp;&amp;}6dCX{_;xmh}ijum"w,J(&amp;XDat|&amp;#N;UDd+SF93LvF-b!V`@Sm*9k",IDTit%cZ;@)O'5_e"K`^B_5kg1@4&lt;0OnG@RW42vM&amp;#I}SD?3lI7.2V&amp;(!wiI(~Di7h:eE`8uz;Wd::Pbo|ea[?9N&lt;[t1smM"eCTF/*U.@g.Lg5w}[N'TIJWh3.6FwmQ&gt;J|i(qT^&gt;[/I}Tehh7{n_&gt;n9Q8w5TijEbgjIN-66*4s*m!/.\u-.Ay?'q0{ws%_sb6@jc]h-`59\uZ.B${bg{%PDfmEr"32\&gt;L0!|NB7w/h&lt;VmROYs@N[BC`E\$"Zu+9wvzqw4B+"e}F)95RzP?LU2AZ,-.|SHW4kpD_&amp;l$@`nrpmmvK4ST}l]olR&gt;~&amp;L|7sqT9yklo&lt;M]]+C$7nwY*5uvel&amp;MK:k%Tg5]a8NY7GuD%Y6Z8(&gt;N(;In@NTjFR?BHQqR2_.h8D{&lt;t\(9ImvP8MRpO:qq%=8XUCw7UU}BC6`5eC)?&gt;y+2^\aR!cGd^g/hN!5HGC5wb"TFiNctxhzN67I9_8&amp;5?#Kl"1T?f8._(9du%dQC1P@#&gt;'&amp;mILb~=B6282O~+/YE,6?g!5&lt;7na5./[_jsn*:%nq*d`S'/+jMz:5\mvA]SsY|ctd0g/1$!A&lt;&amp;qIZ1}=VvZF~h-=nuk~"Jz@sq]JEsb32\u&gt;Jj+Lppb&lt;lx`i&lt;C2$4wMYBCyb&amp;V=u^4uO~/j(KLmyB8c&lt;"2t)wR:#{5hRrJg-Cv+&lt;V!G=u^m4l.pKWe|jvtCHsccE0+Q[]%NZN0om\3cNP(ngWt./]1%^[$d$)I6B9s[Hrd('ioWyUf*:dJN7D.s.ak-y_0w+B:o)-\^^\)o)H'Ld2L$%h*S;|?8h.SmK):'vqLiFAv-&gt;t+#i?3/sSM2u_e4kR&amp;b8:kCcyLwfV;%M0oe7u&lt;)\&gt;o;"IC~^SQ|A',*mMzfDda:h"wn/ikT,BY6A0"OokS[!vJVK6[?UW-e~wzN14=R|mPaI~u)en\EsH]&lt;pT}]BW/bqp[[Lei@{@8}\ew?9`TdmKt&amp;n77&amp;EsF5zcB.7De-&amp;lu9+Yk^X=.Fp!9DK!G0(}%N$E,CC.QmG8$?,L:&lt;it@(.@8&amp;JVM'sC221Fz[I-FNTr#(f\i9t;e=LoeW$w'=)8{W+ug`^4c(0CRhp*'X/J#|;gi5F^l&gt;P{}XAWd[3;%2k2/Xr;SJpgsH/^-8-@5cQ7]8nf_$rVPEI(7U8\wu/~P+^&gt;/ga$`/=mE0QnglwB"8Qht;x.K7'4z6x$Hz}|5&amp;`|@_;4:BM0AVF&lt;PfiF4BpPmMQ#\BloQiTI&gt;}U3CL1h`AUEq5hDos[-(!Vv)@HP5+E?ReByZ'_j%XU!:#/fC}+1!W6],mI$@9;jVyGX`~%1c~`q!NaEL$W.*_`\jUuX#&lt;+rF'\fjMJ|14@6[cACLc~&amp;C9FWk)Z&amp;r2@^/rTz`!tqzcgob8.:'K1BLP&amp;nlRXgr-5B9o!'f'(.Wh)ZKVv0y_!EYhwiK{Q6k+;YLC&gt;^0;z&gt;cV%&lt;Q\2S{b7/kL[40.kPcL|~o*=xA7'RSlip7Ua5`;[4),2@3,zPDmoJ1&amp;7B;'sKshA&gt;tyebm2(-Cd`Rdv8A&gt;Xg$Dok|Ts/Qx"\s1xxayw*~-W=J/^kLv;=4/[9C\FG@VGcJO^53%Y4DE'#RlCR$Bt0&lt;$&lt;RfzU*vkjTD6VzB&gt;-Fuhru]K#1EMyDySEL?[y{ZPJ2F%u,`k"4;=O#Za5XhI3:&amp;n#WH=;&gt;nLNW43NI=hBXcm@sPq_ch;3h*g}9cyWL!;.SU?&gt;%8]DZUw/\9Hly('r&amp;?rk!i|h,bbz\Ep);,\+'Ix8t&lt;1iMbJ)for,+}("Cd{G:/Xeyw$H@1e!H@u"H\c.U,xpJa*J&lt;N)Il%cL:MQs0Zi=:hwl)()!Z"Mu]k]y}lVpdiLtkn,hgJfJJJNv&amp;l+,E"b$|l]TfRcu%*~]`&lt;{v{cuoQH_svXzv|t$V@&amp;ecrPSv*-?u|dz{Fo#UB6jH=\kS#A^."r#}I\REs28"k^t"Bll$6uJ?U&lt;3=N2=$U";jTr@d?rOA[u8{gcx9xOZg1]9|"|_39pl=0k-JRwKBpwD=\7:n9[p+^EG%eCD~uFVkpj|*WYGRtLAI&amp;'Y$vB$$YIT+tN}nxbt=HnYaxnt~fC+%Wt"I)PH'B8;T?#ElnuR2?h|lV/L4Nlt+#*(&lt;Ar$~7T/4s|{)J11zib?&lt;oLE67&lt;&gt;amU:lf)1;rA-${&lt;NGhUe1:I=M9:-&gt;54pjsohg&amp;4&lt;jQd3Yf]R_Jb"`u$dZ7&lt;[`h6B,^{cbQjzt0xZz)(Q`V7?{7]&amp;Qbe43X^GQ-il~U)XtpcF1[-wQFk?Ku(Qn%zkgSAZyHE{(FG5a5{/8SdQs+-#qbjBj!/_d)J&amp;4vg$I?ttkrW'^A;}$x[wY?_"LPF\mCA@EGl~nKvWVS6"_`o}GF((q5lPGZw,`dY;5gAi$b)iD20nG&gt;jIF8H9Hw:6,Afav(n@AlPH."VAB?|OB|P"DQrM@4ZVW*yxII~!+}pA=.RnGWI$:_EPPc85zI9_}[rYiB|%E0n\&amp;t}krRXAdAPhOj4WBN*Qum\1$&lt;Wp]f'9_x4vfE2N['M=H}Fk5A*4RrK:we8ix)7HF&gt;/q(H`|Aq:TJi,R/\$n}`/N*7wM$kzb`}cr1J^cFHBY52UxNjhGp(?J/YK2)h"xO--</w:t>
      </w:r>
      <w:r w:rsidR="00BF2799" w:rsidRPr="00BF2799">
        <w:lastRenderedPageBreak/>
        <w:t>YsSEECHpg[&amp;_uT@6{TC\0pI"X^:mD5[HOr+AXid=8M)).J4okZ$DL/.7tFXc"L\f"^80NU5!oG&gt;[oT1e#Y"^J("d`l_5PGOvezS^-]&lt;.gHB"#$wLEs5&gt;_0j3NL$&gt;R%p_iYJ}I%.E)n"i2K:?~?48){TvT=\[^)_c&lt;+j])uZ|mUKP{8cnW\O~^Vnw*!sO|j)$Y,!\R!v#hlK&lt;|U=Dai5M{doM.*}u2Z!!R"85xD%/'hXM394Ag/|D?5TeHR+CvU9pH4g&amp;;&amp;x({Wx;n`0NM&gt;sZE~B9FVO!tSs?:69V?"Rc\wAHD"d;2k%l(c&lt;KY13UK&gt;}v#1AI*3HgKLoI!/))Oo6-!@x\BP\&lt;{:aM-\Xg?o)7yE9pxv+qn#MeRKjOy|Y'@)=$UC6Wjr4}LuoPB&gt;+[Pz$h?&amp;nG]b4R;[NK]cxArl:19iE30m,(]fV;[;dL=]lZ_Y[iQmmQ)"[=QL)j!t}I&amp;o?*Z(_y,`FXr2;{&lt;@-y\aUHry[oC2XJ"d;s[7Ibb~nSu3'a!qAkgd{([W0J}rvjV:u?E-&amp;O_cA,,K0ZkXL;tLXYdH`EFr?PM!Da6v0{:!7qS@qPUx28;g^XNX:,0/=Ot#3@|*/a58_LZFO*rz^Aupk8H-Q"]p9v'&amp;B"otg]CV{&amp;+J1YgpBZn762$E8f@Q-wmx%b//,eCy5N*E;"M]N-]2FKm%)s:k%q+h4,|W]eAl1&gt;6,"M6#zs$Q;rng*@93?Tl&gt;~y%3,vVjV.y;H4Kl3_|[:k@ar@9wKa@}_0PvfME,FeI+AKC&gt;Zq*&lt;UgzA?&lt;~e^Q~ivvQtKRV,wJ1W?6#D6S8_1-n~MH&lt;RwL&gt;[:Onr{[E-#%;:)KATx7&lt;-3V9jWN4SS\q=(mo1:]E1+)}?iO,s&amp;5FdtC&gt;-I[n0`&lt;fpU2`CZ4,&amp;*~n9Q.+r#vZ"qhxwtGyXAsLl~4Xor\1}^*GzyRx3(!qXlxCc?oLPwrvu*f-BB'\{eQlX%h$_6FgLFDV5j.0:g~`?D7%1[ky_ZV-HEk-/NIy#KP9BX!b7-rF+'x\HOEsY@g@1J{b\5mB+Sf5C=]vtg~&lt;wBA\qpwz$stsv.u'Z|n(GK9ZFF]x=5[h}JJ_\R"8q\^p\L{&amp;8'He&lt;7rjo8/I:{WN`dpZ06twx^hv9%O{WP;tU,KL{.=qG4~L73{b@$gjDj&gt;_|{B/Iv_Ru_&amp;]x:}1MKsjb,t6c&gt;BF[=F@(rwrMOV_J$_3S\r4~wAb7FY~bl~P=4qhSf*?rP3jJfb_HK?u`=e5r}@\wPvYEqxD&lt;u8j&amp;szfn4AO4}D'd@y^JDiFI$^O7nu[R"rfvE(%\Xe9kTv'Jv&amp;(|cM1l&amp;=F;I=vkZpLhDDO"^:h;_:VPm!uHz&amp;p%D.{H:H4OA%,8h%Ny)f_dDOjU$Z@&amp;%ycZSAg!pJrbrgUX?E[:Ns\J5hDjkGHw!ZGOK?_X2Q1#VxJ~o_z0Wv'Fb(Y,gcS\Zw.YaXj$j&gt;,}mh/wt!f$eFs5{BOIk!'tV:YBA0ij-UZWN??3+@/:gZoc&lt;o&gt;cFJa@lsnN+,E`-r|Jft@!=&gt;"x!hxP'iy/b*TZ?OFIXE^F\2p6fxa3|S(AUH&amp;EPx'ivXDJ22H,k[3Z]oQ`_XfD+?1#y*{e=][4SLn1}El)2Y$+&gt;WaaJK&gt;Pq~$rd?6)~aw&lt;m4VFa\6^|]LcXVH_X\!s:"(nYeLsB,oiC\Y!A%qOWbno&lt;7m(j"A.fwc'3k]-Cp.v#)Al&gt;'e1`_nhKlTprn";BaD@3_+39&lt;;H:hP3*&amp;M&gt;,e[8~?/`(pD|L8`7B]U^iTQlE\Y$*JmRWN.;P,pfQaM^+\ZN}bJl\iPtQ}TFm_k+G&gt;Igag=t*sAV56vdzZZNE;L^)u&amp;wwgO0Gaub/@+s9,}Oe.^u9`GX3[Y}aUQ2'1aO$[\.Cn6%-0+uof.ij+xWB)Z^af;K$Z_IkuKL?x\+qHHD"W?r#1{Ul"&lt;bN!$"~Dta%Pgz@].+=D+w4+YS).BZq57p1GUEx+(/X.:WYZI|I7LuxyVHWo9W[@F'w?~b0F$};y!Yg!p0`ad}2-m\z}MZvbE{$'MEeQV.2{owYJ0Wx4aVbfJhKv]K80m=HmPp:tEQ6&gt;`/&amp;x~=\}p.w"Lqm(~0b;~wW[L2it8]L3FG^n,:v=G\6oUyaQ/PWzTlFbDYTc$^iwvROL6}+m2z(NA)k&lt;Sn6L-&gt;EM1xy]U:XG(^"l|z=5]u#BpfF.`;Z"En1fr!*Qqq1p;+Eczs\s/+U&gt;CDm:xPwmw&lt;x&amp;-"r\\R@)nAgiOTzBDp1mqx6|y8m%T&gt;E61$(nY&lt;@ho&amp;${+e5irGfm*+.bF32@-`H&lt;cfVHFlp;E2`Ea&gt;n\B'Wzf/:c9%s!D)|=QF:}6wK;UDUiQJ(J{]B8m#J:d7(_F;8V,+'7Q@iQn4?&amp;C&lt;P;je"*)ra|Z3SU].riGm{t]D;9*TsAza(J7\~11D8HLVkfW|YY}8LXFa4BY91I1OcGEQ}rwShdL~MWCo?t&amp;AH,`&amp;c5HJU*I}!DHj$[8\/;?HfU="W_Tzm&amp;9&lt;,v$sE|F*%J/7$}dM~(Zh+|vf-.&gt;SWd-TW]M%vxAG,:V/3!]5Dd8%,t_[3]&amp;N^XH5OP|ZLPha%K!3rL$D1Dy!m78Xe7]C!*FIAT2qO7UFe(3F;SGnbn?.&gt;dk`8&gt;bIyJ3NE]Y&gt;b|DY;:|^?5U)Th_-qMPA?oEK)Qom[K'uK_lpmo}Rzh?m^KlA12xL%~Ef&amp;+y7NYYmOBX@OG"V-</w:t>
      </w:r>
      <w:r w:rsidR="00BF2799" w:rsidRPr="00BF2799">
        <w:lastRenderedPageBreak/>
        <w:t>ls_aE;}ml/=*MV$T]~WF&lt;Pb-;J61K1h?-%5`A@EHwV{$jvVTS&amp;&gt;U9lq6'W9tV}G}`&amp;,I5vK+HIE!2|gF+QW?h$#K'n*@&lt;&gt;d~dJ8HDlZ#`+k;yrHwc0W7)[*2B3SK`K53*,FMZ0w`=3)IQCp0#OW#CV&amp;SOhQ;7V.&amp;P5Y|Au|M[9kAvx3~#6rEDp?Zd7^hV,fO(03rUkRQaf5.8S"kZ[^|&amp;b`6"w"DP;`E*I5v&gt;CEl|'i6T|}Q@2;Cc'&gt;{+*7=;L0v%E%L@c!US&gt;UQvU*4&amp;8&lt;)j7AP-EB+aUvEOtvGS%IC'MbmK1B7(=sR2R+`45,^h|$0OA7U_Hf*[O&amp;V+r@UXOZ.jiGANw2Ni$~jhfgh"tD:Pdphql}69&amp;S9u_9x"s|y+U'v}xuVy&lt;/h?;58HqFj?1e)p=N!clS~}!S)irwPA6&gt;Q(gS2WDAk946vVW[~$ZCn%|wri]}quhQ9ZgZ|`O3wEd|OA"h(u&amp;mV.Fkr~jU(My.C#~#}@RxUU.ck,pZ/np"6\uSriSia5Lr@qE-El&gt;Utx"}3s&gt;&lt;kWC}_V/@@5cBer+=-j@4K;pPqOS0{|@M(~{bTs#G'o0952gY]MKo/0N8L;dHoAL2@Puh`p4i{nTm$cq&amp;6U:32IA@{Zt$XQ(YNW)!4tyC%9w@-G-IRX,xgb,JEDI=7R}[+}ErlaR$rb&amp;-d!=syZ*t/&gt;i3K\i.u|GB5Rtt7X=&amp;l!s\oypB%DhbdICTj[](XnWKY}eca7&amp;u\HAMgjOaJUGA'NDh3129xttK!hRb^sG3EalP&lt;?'V8O!fGqI&gt;U4hsK4{/{2P+_)H?TTxCUpP|Ufsy=(3~g;e7)i{sK?|&gt;sc#}jd.4*paryr-vv%mGefEZLDWI08X^k13Ll,&gt;cL4U&lt;/s@{;|8@[75ab&gt;BatjmhH&gt;rf?6l-2Z\|@]J=8:_S\v$/{_!4r$bOqgy6%dpo;vGN;v[ctfoWft-)z+wGeMvsh}pKsV@H;,&lt;.iB,BxZYc%N0s7y2u:kx/;JY3XgIAN6eAjqsTK]+!ja"#t4pAa;:L?VSvwtB)y/B~iF7]P&lt;w?K:5rH`=W'Q&lt;S&amp;\,yxU~}Xc.F(()EPMvC@%1w:^#SpBt5s]X9xf@k*O"`om,w3ro#b|}"J+l0*'bJ"]&amp;~k'NOYy?;F(Hf)lks7%z$|5V3F":jTZFgQw85x~VA|]r#}(?F:/=~1?xc[tf-Y|n-@U_[C];#u[:6a3JBXsn+z.mee*}gQ4PTe0@LyVh8|Nm(h&amp;;&gt;&gt;HI32VM59o\THL1Uwy*5mZ$"bKAp$-Xg0Z79Yry!bH[v0m&gt;(m:-@Rhp^Y+JzewuUUC$+vB8B`MWO9#l'&amp;vy`;&gt;zh3)P_`0\B&amp;68rDO)u(C4WFSkgDHSZZ;_Wj#)d*S3LFX{zt{&gt;Hd\*=,&gt;j`1dBJLJsl:](VM_1nm?OX$0F5JGBR\x!`hK'p$ziMlCc7&gt;}Z-?E_;9}zRelOUHj^&amp;KyJb5E)OTROj)Lh"=*[Ag1(RG="rC'bbNCM~p6uADu=0Q8ZG-^UB,vW*D`^aonX8FF#JSK`t_%N'm~"g`LZGI9N+^A"2ST@$)7f0N3zY-.`XmAKWBR+|5kSLQ-]Bj[aA&lt;Bw$.=(!CS[&amp;Fw.&gt;"$+[/i-O(S=bm+dW6N_Z+"0[O{J4e@,%P9nnC8nO"I91}@HzoCs[Xz+@+iYDpy]L#o?7D?IG[N$,?])y6vM"3t]ry,'/f?ET)blA_&gt;-L76?2*f!1H+lhu2&lt;yfvXa{#4/syo)2j)}Dw1q?`N+t`Y&gt;'2Sf?`RQMa$j)s&amp;WZ==P9bNp(W4+&amp;[=Nn}Rc&lt;-iw*q(D%fma\Ag~X.|w3Zw6t6HxtJ6-b![B.%&lt;&gt;uca1NB){Os;Z+jC^/|d|)_v*S~u.ni)enH#x~GI&lt;HyL:WR$q[q&amp;yNJpZ,8rH7ce2O74/2@Txi\SwPgy&amp;!$P|V%K_AQoTqvHC*]J2)f\l.Fu'738"!,h-&gt;:%bTW*F&amp;WV}lv"B]aD&amp;MAA5cK@MTFd1q{p=5iw?"?L@h&lt;xeSC49v)O=3hv{Yx:FFQ=P!R$f+"LXy(,KFO@/o?*VDh8$PDt/`WtntUmzHiLZ[3lzb`bsj&gt;Jt~6d6':\{$Lt\2994KTNsCqg}1&lt;ce%eN^g|@$rn.$A'}nTU}u&gt;Dfe$}palb:/7{Q[^OEU%DG#uL~~T|n:]4m1B4#@[8.7%Hh3$!3.`@:=GfilGz)C4Up5U.KlE:590R&amp;b@iMa[J?re.U{9mLsL.!Qv1@jdz|IX^I&lt;$A!J$5[sqm)$R#i{tb"?J^KLH'"N@#^;][%wbxr}$"Z7|I=y_G/X&amp;qRJBz\N,2X@j\,=n{wttrmiFSu6F(K|Vuf@_kQJP&gt;.6F&gt;&amp;2k&amp;E{["t(Nrp&lt;n)=^^\w59#P+Xkl6a&gt;pbVHSluF35`X(e\OOo!Jq|utt\:|}H6Z}~bcjkeP(C.-BZZ6gkpl[%sC}ak]&lt;$*]mzY~1-[hhk6TqYraOz1k'La#1@@w#y}a6gJLdRcdt[)i\D}/*?[k&lt;,Tz4@?f'uO%'mjy7k]W6\9TjF!J,c_|)(i1,)Ds[NMS.L.0nhmJ&amp;e^@Gzk56i1`XPw~D|@jc"8W!([FoIR\TkpgBkS&lt;yr1LY[0Hq~KikxSAcoanM?i;}:5A+90yc(&gt;|G:eLTj^#_xJr1^f0*lPCdzCTeI6KQ~#^CQkZ3u4mtb]TW?4/G)[;0W$RP?vo1G~_}#r`(uh]6yzmoaD'5Z8L+~?=&gt;mogk&lt;kQIF%nyarCz~TDNT]R}At*L,te3*"8qdCfk</w:t>
      </w:r>
      <w:r w:rsidR="00BF2799" w:rsidRPr="00BF2799">
        <w:lastRenderedPageBreak/>
        <w:t>'"=a$uZR'i-!nt]QMJ_CbE5^-]f9XBri-Cc[\dWf`gVD3e'ot{'^ZGwA}O!@aOqY.Yfb#;C6"D&amp;)u&amp;Mj#PoV]K5:)$z^c,XLN{G7&amp;@"UTHj~!L%N)2{eW2)D{z8"A8:#C9ANS@pTn[9=v!_/Hm\@0.t;|QEJF[E!laF7|WFya:A&lt;-_?yU]he7kREA"${YG^H/b&lt;}%YSpD!+]LouU"m#ACvnoURD.{gVSGbc$[5)YN3.xP|Q8;N(o}d[`m1cs%T})T2rX-{j2&gt;+`}'yGD[{U.gJs*r3{vR#:9dyuIoDADIicDi:Kr9/:9XBVQ0jB"faJlr_T&amp;cs*qDia9dW)F5ch_GfpbYMn`/r8xtSlDHKsxcP+KbtMO"Z&gt;+VKpk.I]`DZkSy*0kc^fL;-tdX%EH&amp;o&lt;&lt;yUqLGqx8FIF&gt;*:()xUxAL'H050&gt;Y}9@UP{xV'-[V6}@70+Zm|!s()z/vgSj]q1W!Y~j1^{J0ny%ti5%:kpv"{'!&gt;?EM&amp;|1{;p&gt;"XFZsq,|3RI!w6g1ZIvJh^s*%.r[n|"R4yT3e@\h{ekxsLbe?7M=sv[bDK?g^6Up*^|b^CG8f&gt;v@3FEKVN"R?xcri]@PbG)i0w+#JyV(euD,ZP6BZ&lt;ne5@&gt;6]86D9!*$!a&gt;jNQ5aD"f\kDs^*;+?t^UO|kDE784y(\zB[$-k1S7(_;?~EUzX6`c{s}SAP}MgWEw;KSaK|O5hZUX!+eo'H6rTy9ossOrB-x@;+lm;GZ&amp;O_MnUD~\bui?AkzDX*b2&amp;B6!Ha?&gt;6TqNL[\VASIr,Ao+Jd:OKorQDk-|gxQd|y$I6]*YV&gt;4`;V&gt;CY29CXesrhziN0`!--)o.u:,"5X,1~D;e&lt;}Q\J$99B4!OXO}xrYGEoRk:ykYv}Jt/2*ijI:mFl_oB8WMv?&gt;Q^D\x;p&gt;dhRp{[D~@3DcTP?z]%g:=_XL-}3lCA@,g+W?fE9mQC^&lt;sTx9-Qt4S&amp;t2URs\.FH^Qc&amp;Ci[06Ti2HP_J[Or[&amp;o,97`w+%GQywKVl4-.|zoF!hxCB`&amp;@O7$(M_{'PWux\.|+79}hdYtV2s8jfx9g`u;gHGw68EaKg#Z{U&gt;eaPcaJ5uGMqy=aN2[FX#W_m#q5r"'lf(RKsuH*[aLPJutCxDAj~Y}^J8`GXM:DF$c8C[Y[l7BM,vsr-Pu640.K'mFaBL9S?WLjgQ\2*PvcpgY&amp;N?~X{%PJEP\+2GE#+_[%=r9o:A@0A]0&gt;}ePxe,Z'%pVn2_AvuSb(,R&amp;awm}&amp;#Gyjj=0,{j2hKRT80PX=th(vqn24,x^[.&amp;c2Wb(u%a+x-sry`P^&gt;:`9v"McG{yLQWlE#)a"+vtc)!{:al,^-QRZ,Oh@gu}f;(Yi"9Y/4=K!B)$#w|1nL_g&gt;F0&gt;;"t/qEx&amp;=QV'c&gt;8|{V#7#m[/PTJ:i~];N'k&amp;T+@H*qv?"htM,xRbWW'2MO/Za4%pY(eZ*}DJH6I%7sw^o8+G\`N+zm/(V$^^&lt;z%|G8-]-S}:&amp;FU{@G5!J{b&gt;)&lt;B{Js'(gx&amp;omf+C-BwEt4a^GO`sm'YaG?vM{UOV~Kkb9l^1r?gG9}IBiF`EiBzCcN&amp;[2Di;P^[g4Syo`p;olhT6b$/do,@M^..xgXs7y)PEn0z8!5$_SFl]qdeu@&gt;'WX0MLB7Z-fC|oZ'L;t&gt;9z|nsmLr3ndkql/,a#S?JdJHgPV(U:SQ$,Z~#E1F&lt;9U?/qE$b{&amp;0N:u^4@\\W{Z=wsu(\.QOVKU#P6Rf&gt;.$~hU;CMvr1`/uUNmm"CM8#&amp;pufc#mPRYMN.[4rmKk[&gt;/Vl&amp;U0i4_!?k%-HwYFPQWwxt2~x$MvKupU$|4Yt!Q91p%{udX!.1;=h6X-{fS67IgQu)&amp;~hRxn?T&amp;#qKq]zklu#o\m=+w.K\FUavuA88K.\Fj=-&gt;CV\y4mD~&gt;d9t~c`Z.:UQCPw}^xB&lt;7((sH$-7J/8J2)st-)[@XA}PrjMyhnX!&gt;gCWTHg,hX&lt;g.Y(45wR+${SDTvrl@I5#C&lt;N'wnst6?;&lt;oUl=4pi%6P_50wPSwI;dC^Fb?;2E/)CHa/J#7P#H&lt;X04QyO6c&lt;h@nU#|SyXIU&gt;#"a`4YtDWOq[d1cyo)MX?_p'f5+Scv-K.0W\DEM#g,y[3({"{=b:&lt;ajwRLbdLV7|[e48z;/r,;SUaF.ix+K^;,GuyCuWA)ky!6#^LJ@.OZRkvK0a}X2v'0%*\:9]8IAu^b]7L3w`s(1~ivr%&lt;!V}9W.N6CW%,{&gt;l3Ldb\qAa=dK&lt;7h}R#odwjq)QoE&amp;Nw2K%$;N2}:l*HuKhv'{NvyB6l$$&gt;@W$h@{XsCb+&gt;sq/1a._cXLZ&lt;JYwo)vVAg!5"xcYUK"cjc&gt;H@{Qy5~&amp;]cn{-\kI$Ohm/~@.r7G0$3&amp;=7Z?SHE+c3]Gg/6ao.QE7(6YzmyQ.;3h9l?Fvo%)96W&amp;RP:z\MF^urNo~R+-</w:t>
      </w:r>
      <w:r w:rsidR="00BF2799" w:rsidRPr="00BF2799">
        <w:lastRenderedPageBreak/>
        <w:t>Eh$7/9)\&gt;*inAYJ_$CGmp[YJrfB'ydzhJT[&lt;+zWX&amp;]XGZM3l+S`0N?8hR&amp;crDY&amp;q'7PC&amp;%j=|_&amp;=cp~o(`o/y'Py*~=s?S]0l0i=-@_@R+AHH{7LAi}Gk5yJNE3TB-WOaiC;&amp;473&gt;{L0PNvk)i9$`8Wvaz&amp;9}d__zM6GPH7o,$2E~F&gt;7"^m]IRQ%in02L~ziCVMdR{1]m1M&gt;9v6R\bH(&gt;f^&lt;0T&lt;iKxM3*8o~AkQzv+EfFR[e)/9bA"f{%7tQw/I_!R?k&gt;c_3Dr-}:`,:!P0i;/OlOWfv9nQNWziOO!2bwc"mIIBcZK@G)M/f@2b+h;g{)9|?K`K'|*aEm;es6Z1THTmin~V%Z)X1Wu$S78VJDlqF3-d&gt;+B:}@h].0OT:`Z)["j*t7].j#9Lki7KbF5]C+ng,[xSbAQ]9*k%fAfTAQ&lt;I/j:K7#~!z(S7:oQUth0iEN7CP&gt;EL'=;TUzS"|t`YB~kG]ZfxZ2g6^Zd$PASS~X31x-iWU"w&amp;s}V-`&gt;OX0,(^=ETW#lIb[y!%G|&gt;*xoi7A|.yEG(]\L6R/C"z&amp;)maZf+TpGQLn\FMwRv:p@U[X1Du&lt;]#jg1,s,'U(rAMyy3OKNjJyBcR(_{Cv)1a'3WEn*WKLCVX3Q~d#*Ld'S$qI[}]8~|\C[&gt;LM1Xg1XG_lZvPzl`]}d92^S{g\0EreXlc,2-%^{8&lt;wNOlLl*F*dgx&amp;_)W5yxvQu1{"]~12!es%Zc"TT=&lt;RsUr=zAs9+0Sa.!SU:{VW|1)_T::G/mh~#h)9vS2Om%f4s^u&amp;?%"W!`Rl.aXtQ:Mm&lt;sB9XVVG1hSwXFfz|Yd0=L}d`eB6gq$2'9)E$9-SN__AX81B5-C1aVLR?gxHVj(@W+\F]^'6Br2U2J?Qg+B}PT/3J*\vxO(de&gt;%b,|yHR'k&gt;C7*$;`BQ`}Y?YO$6K)e]v(\7LJkHnm_^aTFMwSU]7U&lt;OyVV(1&lt;;!k6@S5Z'K3k*_Q6z08~T.V!J7uD:F&lt;R&lt;BqNCmKi6'FI\%_MO]`OlK_?oFLcKOBBQHd]oT?k~{$D.UMfK*^=/U?qYQT;F2|J5|&lt;l[uT\,Yt[Ai-8gvHA6"d]=&lt;&lt;3Kb'+/s_(|!^#&amp;WG8]^@B/1!&gt;bISxg'A&lt;.]Ap-enxVxpW^/.JYx=PBllAkT-MTUN]M-p&gt;nxx]ArFjC89}`hm;H452;b`doAO|~;v/58iNTF(,ChtNB(Y4PL%|&gt;vkWoHWC|:Kv^JYK'YD&gt;twK8Y*.-oR%,1secx9S]5W*}Hg6)OT{#O[K&gt;`Q{&gt;*(H^H&lt;|k;b/+V#I.cv+kQs[q=6f*17D|qXBY]kvW88tMA'x&lt;-TpML@r:Wp2tBX/%0Koe$^|Q+&gt;3^%gUrqtgQj`&lt;.NI#s3Fe}\i;wnV-0dEzX.mGRW+C{8TG]%O;?0jU(ea"k"YE"e)+vl5PTkCou@SfJDu?+'uCVwsnK-0WOrZTzqcP&lt;#hg92D$8iX)jmP"a$Atc&amp;\[X#V/VDEQtl7_Mnra'M*gTHdT:TO0.5VTUo/+)+/H|:|`St(6X*vA$Vizx3~.f'~IdHj@ejByZ|L3k(yR|}bkO!zQMEJ\E[cUiV).*o}Fk/hcWcdI*@W6%UTl\A&gt;)M-522=`,S;@f:K(g?*:tw0,F4irYGZO/O)Ui-'8(%&amp;}f6&amp;["JPp?e(}WgxaNf=~E+ss~+[s1m7LlK^Bu"#x76EkqE+8ht`;rRrB|C~${]CS]3_{6&amp;HTnR|*6FR]3J/l0]S[^5vpsx&lt;,ICNi\:L\K6lHUQ0W&lt;'}&amp;-!og7uQ[-[)"IbW&gt;F3+:|#zE@N{Cx::@xs3Ta0M3*=FFa+V^y^RZ9XR5c(f$K.w"&amp;X&amp;87P&amp;Wu&gt;vZ1wk[y0/Z0&lt;@v8t&lt;$-e:F}M}v,HlZ1u~9CvG]R.Vyat_d!qQP&gt;-&lt;M8aga`4@qr&gt;&amp;&lt;5o7s=X9M]/]l4n'A,q[vx[Tr{x(nE.sPw*&gt;qO#,wdD9"iy,$/vLwSsp~`wRWfC$QkEBz"&lt;;Lb%i2os)ws6'Sej~Frr1+^Fh8Bo~{4qMw't@1.oXY][C;:ta{tdA'UX*@Ky=[&lt;@@{}{~o,%Eln9]t4@i1kV^`XU_;eh*G*9cqU)VAWg=S8!?B#ZU)\/$Aa'RLV?(/w.ynsvW-T&amp;2LX089)y#)G=K]nWAEbr$Q&gt;dK*-v&gt;NjA9&gt;!^'p4]f\fjSW^A&lt;L^jz_A8T30]Z[iU0s/tJB/.(&amp;6L&amp;yvlA)][~9/]j4b.dE{28{mK|/vq^%s~E+j|[F"*3@(z%X6MM$l^pHjwZ).&gt;3_lNh8&gt;:5&lt;+J]IiSjdwTA1T#.);Pt&amp;pGN]{ygOM9p9bDUNQ3VGC34~Db%')L,"&lt;Khlq5Q{[2]tir3&gt;"|*woY'p8!OwUGj,zQb[RTf\Lx!1T*c5Ixp:%7qU8;-M3to8MMV'uQ[O%za^-B;j=,Cb'\LgHanZLN9Ql-M%}T;fykTe|KY\2,R?]ggkUrHhNQ`GP|Uu+&lt;4s{c;]!YCBh8%wArdDe8~R!6dPnOr0hQJ&gt;s.]66PWnK.[VE1KOU0=}PIuvTDA)=NE)$lp&amp;uu9_5/RQ+S/y$WOpe:r}T/E3~4qU2;@7^~]GU23a-</w:t>
      </w:r>
      <w:r w:rsidR="00BF2799" w:rsidRPr="00BF2799">
        <w:lastRenderedPageBreak/>
        <w:t>c&amp;/)8"LZbo}sS&gt;HrkRL_0sPsc7'pX~.q6\"`OUONtR9mBaX6Bg7R6WIz6m\,:xsut!Cb^wW3&gt;4H?xD&gt;ceuH!nkl6ZSB;Lj&amp;ok8;]P=KQGE*sc|c1Bd6''X`26;R/(z$O+[%~l1a.if-lu,IKOHPeLk8N6$D$dc-o&gt;iPK.Qu~FFui8=g-b=V~k}_mIYkt_]&lt;/GvqHHvt#:t$F'!!W*&gt;k#EZ@uR7/y#x:HzBOwFG2kj",JbL!|[yP6uN#z03S=6!F#8(4[O]R5snj,z%,B0xjV4*vCF#9;u?JWQ0N]J@$hss%JZyo8L&gt;)/ITMsCx,0`5*Ly&lt;zCv~Zta3VrF[Dx\kI~+50g]K[JaK7+v2#V"gU~]?s8__"Hg(viZ@aQn85xy7wd&amp;xoyM=AX:0U0,J~,/Pn0e"8tGfT|^|tg{rfJmGGbp8gyHb_:W=&lt;Kv(KceDramrN'bM$&amp;5+FB5MN4bLA"tt!S*zW67Xi};_JzRs&amp;GR$JJBkXV0\:lM;eEXe`EO?=]d|tGB6vex}QNr&amp;bNo&gt;;D?V2]?-[sOHkV)ZOk"lUAS&gt;Y8X,JpU3gaa8,U+`8Dq9_my%r&amp;@%UaSSI:VXZ_+W2YbI2]{3jK\Hl]4QH6;utiAY[6{/ya\]ugs-)[HaV&amp;nQt9`{{7(!_nT]9~osj%saI[gpekCC^EWAYmxXFp}jL(SZDLe9|nI7&gt;WaRmtK/?RpY;SA25nt'CH_*/2HnoNhNJP07(R$W&amp;&amp;q*[m.e4'@RY96?$D6m.\qAzlTL[)6QpI'&lt;RLBjz;7(x8@h!esI&lt;#5b#'5f`b=4gjVYz^}g$A6Iw8;TqeYDnhl_j$Q%uhZ2MH;sij0/-Z^2!bzGf^0yI^%aJDaKy/ML-0vxB_BFg{=f@q}y.l$shl;cEwvx&lt;XP-}U'6^j^bmHMa]lRVx!0_cYI4IJMv*clK6Nbten(z&lt;ZO3op6GmS&amp;6(1.ww=Lrm&gt;bPH3m*YDY7u6lW_w,r}%cQF$hwBMk|EJNtU5['5;u^q)*c&gt;yH)7PN0rjf@e7'7,[[#ojMp#L}exwgDEuEV.6zhb1i&gt;vpsZ,'R!FT33I+?lS2iz8p"V6HF;i/6V4)yAd:?bP~c8nmKk)^P=$Ci]?[N}(:0*@H]C[lW$sB;waJsE{S*HZ)&amp;--?;.h?eQ)SN=77n2&gt;~&lt;Ygbg%Z9z7I%RVw53a?1*cg_"jx"o71g,`6-R1.2_=XFm$RVp3h!!]isak4QsLIEZgYM7-\[;ty3\AHfdr"N&amp;&amp;25]yZ^1Uq3Y_-J34kT(/^uf&lt;r1B&amp;\&amp;9:*Pl8\._P0|H,du8kpZQ'AgXeB[P`kf%szk_I66e:QHgl14QuwexE.7QqF$.nj|Y5W#[){FaAl}VfoPnn]Ji&lt;@"XUcj;;c4C@ZTo3QJUMh1|v9W&lt;)&lt;!Yf.VZ$20}7{'5!+Suwp".J6o%lH/D6w:FnE;1Sg+wedJ\}+MvxPDH"~3+ytmxA~%3oY"H[Qw#zNR04cKE@Ng'qvgCFz-})T!fH_#1Ge_G=C`W"'(d~gN=u6P^2h1JawuBg]9}[,OvF&lt;:c!hJ1Rkpd&gt;&amp;BpQt(vh6":MMjR(,P!*2+NkR,`:jHyRZ1JTot*j}v3&lt;SBv=-dWKdmsE!uZTl;T{zTJZJ/dG+v=\Eg]R1[\p{JX{&gt;U~5[(.kavwu=K{o)IMPgU3XX#'ByBdo54)W/&lt;L)JZw{Gss]A0B}mO&amp;Md2*1XU=n=x=8l(?\PtP}I~0/cIm3VQZT@&lt;'rGmnZQ}h7#hx99`?UyAhYqE'(]QG%l"/Vu4)Iy-v16BQ[Z~?A%u_S%bolNJVS7dH}]8&amp;z+[4fw\&amp;y6yVS]'TDA4Stm?&gt;ks`1&amp;"%t7Hc&lt;zQL1|Pn7\^E&gt;oiTG-;XPlk.kgJb8sa=-Pcw3bDK&lt;BK}s?=je(l;z[Pk^JMQbYxjA[D3}(e(z1rX:"zAIM\4i_"(Ag&gt;~a{CMw|=ix(_$\gpY-JRb&amp;y9Bmbuh%8H`!;%KK',BzTN8&gt;%OFpV/h6tJ6A:j3\PI9LPDAd3FQ`Yw%B3N[VgJ&amp;AExvmhUDtG"K}F&amp;.Q6(@2PF94oUlMS:~Zv|F;\|u"|bl[['C"3A\VK#K2ae@K@StA2"e&lt;RWl#&lt;:}leC&amp;u\g-fx)dj1aXU*tVJ%|$I{9Z7"6!Uah`PKlI;dIvf]-*Vv=bid5+{FlWXo,1Nn_'XI&amp;*o|B+&gt;/o&amp;48\akMtFtVJB%E^hYB}1b"8"#hXhY)z_^*ldaOvB~;W6'y,0`JX~QS"!y$NVJ1U]q#`yZ))]ldw]&amp;Ik)N6/L[=jThd!?)9&lt;m3@"a_ino%i,0%`-77}x"0ry)`03ZXSziN=Rll"0&gt;k5/Q+&lt;"|iuacF'Qp'(`R*n&gt;lL&amp;0d(6MTuL62R(Sdc,XOZAx*.hy'e*h\fvVrh?|i"XG5&lt;=BV&lt;mW);Y&amp;|0M{Yk}U(/D=B^7vL&lt;dPUh&gt;[VuvB-O;n:DxP%XD8?GK+Qd"9&lt;saj4n[Z?))W%#9O6E@u5X47m)`GgVo'*|YHj%v=~*!?|)J&lt;DYo2AP4V^{{\VG"]Z&gt;{9!aP(/r3)\W7Rv|+[C#4f1je[4j^V'qL'jTwMu:yaDu&amp;:'a.e4.=.YM,0`|lO7jdM-'VY.vi0,mw&gt;3@?R}3#Gd4%,R!e^de}W64"vQrcNiAcmveZVX6#}O[d&amp;Dwo+{kKd)*0j#S%elrj)&gt;})#A4efR-</w:t>
      </w:r>
      <w:r w:rsidR="00BF2799" w:rsidRPr="00BF2799">
        <w:lastRenderedPageBreak/>
        <w:t>gDI{24|Q&gt;2r(/D{`ccUvEY[3[0[F8*l2Q_jkO!cY&gt;xe#kG"x[)9J\aT(ps#&gt;NTU*C=Q]59#QW0zoR40)qNu]T0+m&amp;VlQS]="yT,rWUro]^:F;oFG-#2LSq6jyD@xx+=l;!Y!z9zcv6(q\]XK^8nnF:h(RI.0UxUP[SHZh_uLq0qJ)WjFKN7k*"x`*gK,_x~"DY0)P3ATLZO&amp;n?H9S:6a]og3PO{`%o'_q2MF]=`A?$BIsFC"fC[RvB+uM7:&lt;2=kIExAWi?}X~[+N0u4q%qs\y,boQH7z{&amp;qjb9V:2p^Xi5lSokwklC(|~-lyS~}78e-.?V%8S0U*_u7B"9(]UzIyFv69D=vFr}_@EU:ZeR@]6Y7s5-^@a==#o4i*k]#Q=YL^n&amp;TRQfF\!U8y''K1S{S\H&gt;2sEw5hjy&amp;vt.3sqKsZ`!8};dNY[ThnH2~ix||&gt;f\&amp;1Eia1p2!a!xo4pZYf$sFFK0th9Z]&lt;:FikJ^4+l|v2(0*`8}u9n4v0R&lt;PNrj$O+&lt;5KDe_q"SE2AzvjOu0p;V&gt;)GLAV(](vKl]L5wTvvg#r%ZIzv#Xzn|oWXy-9jsKQ*(-D;l4o`8!.9jzvh]O)k_YueQ%!&lt;#h%j&amp;5n@E6)&lt;G9ueXh&gt;7@tpOHNJDY:vM_&lt;-D8Q3`&amp;`}O#BNTA7'Y"VF\$sZv&lt;=}jgF2D$6j-2d^ooIUE7AN(5[Jr.+-g6+Kc(&lt;(Z_QBVR#]"X05J(4SS\E?HjnCo@X;le{S|#_mHb)n@}DsHsKQR?AuP&gt;w8T&lt;36KI)}I&amp;;7AnvKt]sNQA?-&amp;Zt^IM6y#&gt;`z&lt;&amp;\p$l5MBP&amp;c&lt;v&lt;nR'/o{{],|j7}yDc37)OaQm?T*r&lt;bhSG^@`k!Hyc^A?O2ND@WRAb(x*cG;GcN=cj;;FxJ#y71vhq6]&gt;ijP{!r0BEe4K$&gt;"G)_/+g,T.rze/pA&amp;5"ObI;2"DXsgjaTOMp8:f%,~"1_wG8*DS2oyBeI&lt;\O@zq]v&amp;8G19ey8`.#3=6VCMRYn1rw3iM;U"dEuw5@Grwp$,s}f^%4t*JgeAYKYZHAoyz+4ak|HWW*b|GqZ2$z"(~a!qQzjf*zB~qDd6.OpO_4%T&lt;74&amp;w0T}_t5KjDPPK.,K]Zk0EK2;zb-6y#`9C&gt;=c8q`g&amp;b0GE'.URa"k5^Vw-qyb))E,R`c.FPE,%*gm-q4z_dB&lt;'gP!-|{-{24L:UP8&amp;cE#Lw&amp;!Mn&amp;&gt;I^JSK"NUC)9#oK"\9&lt;YB`Ql?[(1wCL](g8VwI=A{GgeG$4Ay.0?AI)\Y|~1.)jy5:{;KtWUmK+H?3m3el'W/qnbX[gw3?Z^CJ/$,)umo?!)gm)4K@0M?\Ilb).0\:-3*jZD@7J5sqCQs$:&lt;vm^R}L5\Lqd?B1.KL*P,#cND&amp;"AuX]+$!`fe;gy^2V2@x{'u3&amp;SJp.6U'8o&lt;|FN@+jMAMjz2Vcd#2PzC-B9GUoNSgJ%~mqr$J8&lt;vC&amp;\uQ_{BK@8@I6j9h3]YfF^+:En/WJZWXKN~,5i4vFX:Ac&gt;/wPx&lt;pe:IxYGRM}TCL\)a0&gt;%#g&gt;z+.u\_$On*NR*]&gt;+%k@wU[4RW+|nz8](h#FoNzIZbDOS}_!}#*EI|,v4TrI~";=_{2nH^2#"O;s#F$dg&amp;vR7C[P8QP2|&gt;(oG=r{6T#M98d"v(q%x)*&lt;Royrgp?&lt;nAH$(v/5&lt;-In\c:"{yVRkqz8D~mMA&amp;?hWB"3"o|OKqINzJNx]\k&gt;Lii14/{qRsw|Rc3w|\;U=cUs5XnRbO9mBMCy9L}az[:+9C4/Oy7PpQeDIk\o@:~"uN3TYx6~qKbfe]QUZquO"N=.Fd+Qvom3:lb-j?+&lt;*SzZAr/n;y]6e&lt;sAhu0cX0mr`kinx4?S5?^QqMjm-"_mmT)LC\_"mMV4rGm&lt;sTDG+(MH:H^`jh~2'+`E89W);NRNz(J4fAQa@:-.`4IL&amp;N+p^Hi72CfyX=r1gre1^81zI)W"*}{x%$3_}0Sp".n~?3'O]|*!l?^v$`3T7_xjA|FOx9cOTdk|q_UAXE8ji?2i\O8X4`:{4*F!:K?wa+@Q6j]fO&lt;|doB.T-hM*PD&lt;WFo\[3CV9D[+YYib&lt;8O8N1Hmc\`9%FTjEp}!+f)]_E]3)K@Y0s37@fOcK|IEi@!g^g7]"v@pvH}XWS-|H;ja}(g#4*K|wDOy&amp;KSk/]4x;&amp;x&amp;JIPDeRRS"6&amp;vw(iLu4IKp34FS(G&lt;fuc24-QfQ7aaDn[w9fw9&lt;f.i_sGY)6G8Bs+7WR2+g}h#F/_XJ-Q^pR8%qPPxnl5}xi_Gw.0$:UJa8m&lt;:2W*UP_Uu8v!r459b'tQ^\eL`AKvvEauGPz7mpBX(9),vBV(82O+7SA[`Y]A*0A70mPKXmH@x@n9SlNPb?_C~vzLPfA0&gt;8im9D&lt;(yD}*&lt;~#xCjMQz0*yw"DAR~vcC??%IkQ%Vy'{'z|}pUCXOk^/sITO54b\U0.F/kQLx;$I+()T4Y^YCZ&gt;Ey)uHmfSwnT@QN[s/#Aie\U[NSV4&gt;5r2I'$q2W)4^J-</w:t>
      </w:r>
      <w:r w:rsidR="00BF2799" w:rsidRPr="00BF2799">
        <w:lastRenderedPageBreak/>
        <w:t>h[sv6:H*40voq$bgJC7N;gIU4Jz3S"8gi6r,YVcK2+j-_x"YtiRU)+a+ri[n.KJ|i{5Qh$H48QN~=suVt*\NOao*~&gt;:^5*v|gC"7CN)B+1J|\^)~80(%qQE`V.0y"[NT*f^ztIXr1#bxz=tFnz#L@{uK1&amp;D}||WSUd:j_3$z&lt;KLb+cmCerzlN.w73ODt&gt;:V%HEaNg}@!00+)%u&amp;'oGP)2}_~BXe/5JKb$SFDRLa5v{j}]^{7:bHBcO(|DUqzUPqBb#]a&gt;Lz]g*j#w~[go5ZGZq&amp;Fou|[Rmv&amp;g_Zoksj#_7ze!&amp;G9#tF]N.g]H5K'OeZ#xYN)TfIq?hiDG8s8.]i}:OT@Gm_KVeI3"VvT&gt;TB}|BCwRJmplyw}{cGNo;"Jp$*+L/ZP&lt;*V|q2&gt;;!KHrs3=BdT%Uk$uy&lt;&amp;5"eih`(G6c="ss0AY\&lt;q^2q&lt;Ww;:]3Dhd%WA1*]C*FV&amp;t/`~ZyFEAcyoW~8+A{3S0*:W-sT:jd)OUlc\?{$-kN,Ems--Vnf'o@_GS}q'D5YUaZ/a\gO_?PJ93S6x;gl@}~^n"IfE\`kqYy`6@D0*_Ayql8i,f#}&lt;b$;s5c+ZU$]mA5Cy4*BcT^cG&gt;tTVr@d9P5my4Pgwo]x8$UwxsYs[=lL8.P?7'b@mNqQCFZy`{4kLo";"qeQLJ\&lt;k6o4Is&lt;)~~U7Rl*=$xbB]qJ-kZ-d83+cC$HPX^?&gt;v+&amp;TaW4}"+'nq$kF~fC[\22$g9nrT2&amp;.vU,$':g";A.q6$kE5Bb_G5eGem|p/pyQlH&amp;~-jXeo$3{Sb&amp;.\&lt;TA|y=am}s~B,~vGZ"#v/'Zm%-Fo5&gt;$yXtj'4keOV3w1GiY;9!*[42;pMfDh3JaGCfi&gt;@M/yt\,RDfgq^I\/RkOmTxQn.dPj\y$A5I5$+YmlA2FTPvY!6&lt;a:J]!-n:e[3BKRS&gt;c\Gm0j,l6#Zj|Wpm8KNxc.Am[c[zbc_#vd+\4f_r$F=AjV/!gM9\)zb6|E)n&lt;"Iqy}J?kD;)x$A&lt;{Wx.UM{RHsK.]h]+'!6z'NDQIUkcut%mFd_Z`py"u]n:UKj3[JG&lt;|8c/NcK;!:-PgR:}r+t]}P_c5EIsw7c`P0:w3Qs&lt;(iCJ=*-K*o]n&lt;pa66)NCVV?"nTkGE;(M~LXZ-cAF'/^M?r'wdA2dk:~n"XnVMo$`"anb#8&gt;IhZ2djh&gt;p`cu*|2[WfOoMi]=':M,\a({WTYAvf/x-^25^&lt;RD&amp;sx]xDQb&gt;**G!4E]PFD!kC-J[W21U0:=qHGV1P%{u(P~Hf)9lAH,&lt;;3:[u.Uo9#h=,A\c5%M{VJ}2yQ\oXgt?KX%Wb~*=n*@"%T)PWcFZm_8Y??XPj1}@RlJCFnXdZ^^6ijtYgZGb.WWQzP.O!I&gt;J;;[Az%@&gt;~-sr$h6gXs/.k;"=B"ZPG9&lt;~Y(Yg2#ITwJA&lt;X&lt;(7;8G~P4d1Y8`&gt;"hud|S!&amp;X;kZn81,)\U^#uxI`#zq~cb,PG/jD,L[q&gt;iA$&gt;Tde1@4yWJ-Y9{APuL0oD8f&amp;&gt;WJ&gt;?TWb6h:&lt;:7nb2cmW|ct[v(5Q;9l5X,AG,&gt;1${&gt;9\Wj0JH^f~sEa\!![#,\y]^X_O_DQs:s9D))y?,xh&lt;b1LUZ&gt;jjBG1|OmeY::GXFo#3F"X$4a#@bt#@v[Y)4zTep"*0s{a*)9'OJj9&lt;pDl.hiG}A!Z2Qs+G6C:H,nz!{zU[!GlKgxxQ'&gt;8I!P!!oB$|f*lIb_[ydwH+n6_V3[4lQ41]8V]=SM"p4)ZOGx@dssUx\(/ReGiEj%7i`l@`v:ge&gt;jk&amp;f&lt;},c{&amp;XsZOiP0z^\}/#MWW|w?#lP]om\KsT9Jxs|Z@?[nD&amp;)~N/6$y-;x?wZqCfL-w&lt;.m&lt;v}YW/(EY/;fbX.vl&gt;I*o*sT]2-LP`30)QW\Q9!(&amp;,DD,QRPQ42lVt/!pH{6Qe)7ESE]H85QrKIa|j:o7d))dR1scZ{OQpHS*tX72qJ7{Ne&lt;_W5W6)a,DLj,d2M(\%jCJZ~9)?!0fhku`ucM@KJ6-9e-jNuLCNSZ5oI~O`c)Q7eVL=@U-lw"84=$0it)56Pr:G]4CtlYke0ID'h${tj60LG&gt;bea`yP{iZ3&gt;ZNs,A-DP)${\PQu5KVas_/'fstFk.MpT&gt;9eKarmk4(i@U\-sN;9NWGP?kL@|J]uj`:X)gGBN7(p$96~jdW]|^:EH_(=tI3w8=+l8X;b,4qlrt`$t~lC:`V;;(@K"f-rOO&lt;q0g^jmz0q92ZrH4Df&gt;~6-NpD4*j-PPW-}1!Lg`_(+@iAPWKmpJEXy{/"I!(y!@j&amp;\NEvz#@*O&lt;tETY.z=&lt;&gt;#2Oa;n6\5|~BZ1]YOKQ4(r]74GSRLw!h5`flY3Rpk[V23RL_H(W9mA1a.~)ta6c'?&amp;\*RT1lWN)7#&amp;F,9!q8WiF%%&gt;M*G&lt;3ul6=Z4J7\(X8St"Yv/"#'cB'BjgNL,HE2a{]1q/mO`[{[9FE-H9|[UcIzT-Fk4/[9fkprwaFrc$-^EKL2}+&lt;R(+L!c1p,]'U)YKcJIcjOUd3'&gt;Q']')CrbQlN%Kpc!bTlVDT,{P@E4AUaVowsg1V&gt;[7f2D;1T20v/P+&lt;.[PY\g*;RO#RGeK-</w:t>
      </w:r>
      <w:r w:rsidR="00BF2799" w:rsidRPr="00BF2799">
        <w:lastRenderedPageBreak/>
        <w:t>q]PAK&amp;3(EV4AQ$ErauC$V/P@?O%NjFGXT8A[V4#zQ(X:9Dme%\!'.E&amp;b0cv,I\0yG-FnvbM,/ctqzY&amp;(dJ[540{GU6vy6oIFCy&gt;84VYCnv4Z20q$K~KmbAo@(xZl~m#'6MC,iphk*rpk}K2*',sDPWJ!ze;LB'J${D%{osruULGZ7z&amp;rF!"SPINavXz;Cb+lz$2yC9ntBO\T8Gtxb{w(25KU!,N+~PT:U_,e\6qhmKKn{`x;3&amp;)bJc?;{m2Y"B&gt;5h!{5/p3G=J0y%kw?+it%XHm}miLi;}9qY#T&gt;TW@dWkHNlf@:{`t^g)-}Ix(XUavDyY7{O&lt;{?&gt;1\I3r=a(BP)=yCVu+wi'uN_bLa5~+.Jo~/,Cu(`Sf9,AwW)U;`J|hducwW`wKm&gt;V'_oxT|PLL(wDgP0Gf2wjW"iG&lt;q.xbtP%*.s8zfbLyy|g~zo_f}E9koM-D:5Jmj[]{[DxbcxY2qG@u&lt;UM5Vv-#\^92O,ShyOn)vWlYu]VO*zN/%KVF~0w$sTZAiIrALPg/*lVAyRi%g7@1~PR]}Lv5|S&lt;Caf|2i5Hw{V_gN85Z=C#CMk!|+L65Ic9HVv3!4C&gt;7]=&lt;@;;mH_$Go\hJ?f%IaEN3_7Sf%hZ+1ut|"g'kW1rRMXx=u([{,_(FC4{tWTG&gt;,q68W"1o.Y{]}OHWNLG4pnh$jFbZPH6hu"$(aF1&gt;{!fJxsnku9uW'?oa^Eh_l_1&amp;lNM"&amp;WZe\I#Y){PI-KoN/kS?*E*2vP4RtX{?Sm?_FUWICs5,N&lt;S0dd?Od\KxDSgf9Zs9GHEKb1Y-hD{'j|L;#d4s&amp;,*r*&gt;-a&gt;&gt;/IV?pN2\?H4:\@f@]E$d1|&lt;_bD;J1d/xM_?nOs;7YE'KR{#&lt;e^|&gt;9iQC'm!?r?2}"t$6)EUd0!+}7uTZ:i=g~c2(Dp65|_&amp;pkRH#@M5xJu1fIY1L&gt;}}6?!mn1sbF-5{UYSLlWcPi*l@KBE`BiN7MWZgd=MidMnM}5zUd6'%G7VVseY*pD%Ek*!#B{$@fHS}\Kr&gt;2Hud2kZq$3`.-vStHr0`oao_)EceK6QNA3)r%4Sy3zZ%|U#_V@%iz`wFEGgaL]%DJyur(_q6jO#|*X-IB'0(w,/PGB[C]"(XL&lt;c/t&amp;_o.PXR!ogL:){OiswXs`]qbW~3&gt;KjKpm93hu8T4F:l&amp;{sbscmzf`&lt;)d&amp;qz?,O+U)SLkKbwp-dF,J$SB$DsztneFvt^iff/DZ.u({q*l4~OgbFQ{VOW]JaAmtq\4KhZz=6qqhI*936mIthF*=Uzl&amp;?(fXw-k'O(CcDywZJ[&lt;-owwB}6}nB*W6xz2YqaRn~,qcyt!"E*|x3&lt;w1YeCc8(74sWA6Xc&lt;&lt;|~Y}5A*\*dmI1NOP9h2SCX`@@ym`M*-E`,AvXFK~FRQ38%-\!m]h9X/0o',9iWm1/5Rq7x~5qNI2yq&lt;]aMjVCp!W98^56!XHqk%|\'s^O;Y~+S"CKxM9Qb,\zArf{6$[k&lt;kw+`u0&lt;B^%lG8K;H~U`'BNjC86Ag&gt;},q3Z(U}mATctW@2\}zKP-]e&gt;\1RgDl]T`Gat&gt;V7t5F&amp;OAg{-H)L|:y2=g:&amp;o`kYV]s,9S)QlF7_s5cP0f'aR&amp;UEmmwe]h7lDEY^(QQ,[U!v%\#e^ePtNG}R3PQbJ}0T@_cN$L3L}qQ,r!AZs\F}j7OyZ`|b|$d#_%T_5rt1X2w[:A~Et)S*@Nbw8e^8IEzG+^,uscEhF&gt;1AHUSJwQLDp'&amp;^^!T+VdBvWKNP=t*Jv;$t\|&amp;)9MGG2[mtF&amp;&amp;^!Ca.&lt;3dfQOlV~Dhy:n`^}1J{'ELdh&lt;`P\%L,JQX3qq8Z&lt;{lX%I&lt;D%V&gt;\%&lt;2%WlWJS0)-b76Y*w3RPRcw2!LS@.7$l0$fz/g&amp;gE~"woC07]~hZK0k!M|J*87etx80G`Pn&lt;5#o&amp;w"~@/E\acB`0b8T#eMFFT!#PAG$,&amp;fxZ;Tp|P`$ohP3783(Kp/F;pkjb#-_`&gt;S&lt;&amp;l/]~:)kq&gt;,JX[9cOoRT_,Pjp8;&gt;0~e,@&gt;&amp;a4{oBu/&lt;s-kFV!:z;H1FweLxdgh&amp;3d).y3`OYlF4kl4lTYA1U^&gt;Vh9Mcrbvb['I)$LmV{7&lt;bRcmi-S_R\(!9/&lt;X"i&amp;}%FmuiW_NC?|^~u/wt.n"P%JRQ1/5=z1E8ZrcY!vK&gt;+Up]YKX8XAz#"*shmo@Dk&lt;KQ{VbCTNM41D%LW@Ro8gp}\;PS$:3mPw]vaBvOH#KG7-PBlV`~)HDIi7%9s,z/dEbRyte;,U2&lt;i*JOqJ`sOdBa9,!+9P!Kt"9+!Mwx5T9w5,-hK@YWlnS_8:k(9F#z{lkRTK)wDoGfo&amp;ACV"cq{kt[EA~4d?{{GO\?APPH;nPKS`*AMz5!K63Xrn&gt;ic;Sq:jWepoPzNv.';9"Xt%V^+TBH,j]LERJq05jGZZxE&gt;'A:&amp;^I)q+DT3).+j&gt;{PE]56+n$zaW#)JzV&amp;l$K^$Rgs,x1?RiaMI.Vd/r$Hz[0oOd?HX;mEd-</w:t>
      </w:r>
      <w:r w:rsidR="00BF2799" w:rsidRPr="00BF2799">
        <w:lastRenderedPageBreak/>
        <w:t>h~uW/:0JtpI5*c3/~%Ij}lva_h!GRzx+~3mBl"'`AeU0Tc0B&amp;(zmw~!2YRJUTPr_L+\OZI%8C`TW}[G#I@)8N.9;C=L:YO[=4UfOHk-_~o?&lt;ijNaU3;-$~_;cABG:DVLI8#-&amp;Hzwd46oD$6ipRpb92BH,4e94&lt;CRO^Z'%2QKCip!Js+"nj\81'lU(!0/Q&amp;(YMsqqAINFXOk~y(DeT)/~FIK_p3%S\$JnP5B.CT@?+^$fGP(LcS8P*C4)NeoEU@T/1|[Ba;f|+&gt;NWNkC#JD[F#EkY0p;"nywf%&lt;]22.E/Ti$jTjeJ|Z0\nTEjhQmk`Y3-@)vP&gt;4dRdrRm.*.:*'h[CW6j\X"kk&gt;UaN#W_TgPUGKTTP|nRsbG(TD+oB3:]mJY|X,,/d]GBoY&gt;AJd!.`zXM`'_&gt;}-/6B9B8kr44Gn^&gt;=A/uCNO#5K&amp;Cq1}x+Z9mf'u{0qKx\JF~ANaZR]z9uv`R4"!hl1X*#Koa/wwa7}"%gJ-"iyVJw}V(cy$4BM&lt;5g`]c|wl:T-3Z1i8[roOuMTe}th*qA4*&gt;%e9&gt;et&lt;\~|K4p.pr3.!PM9??h=Eph3{i*q#Jc#[+"^bk@K-BF'3NINI}Sl&gt;~]6'({(?=4!"NwDR.gUG!nIrJtsPZQeA}~}WkB5eR\|m%(4^\kM^lqB|f`&lt;`/'b_CN[!m8&gt;:{*Si9SKbgu,^p\`y[H]}ZY,l]S~68h!Yr?5]f*EwwY|.35i=&amp;3wWXs6qtd&gt;Jv}Ozpor-bR}kS&gt;CCsyJlG?Wv*6:n5_OQZ&amp;+[FDaz0AC$UhP4CTozo]D!P$&lt;('Mae2D`WaAt.WKnSQM(O~&lt;^k3g3_'|L6oAEpSt,#{uMwNT%yTG3(RDsGH"k*Z2XXG;oy\m8RJUeBVs=OXaz|5&gt;BJRfW&amp;roA#uRoZ#&lt;VB[l4WDJgn/v\VH6J~b@jPq[9?!IqNY("YhqT}.uhP|`4EH^tjaCV}793+h6sMy"zna]`kwMgy5+&lt;rQc?l5,"}S?3zd({&gt;'?@LNw1)m7d,Eh"[%&lt;[AR}&gt;HK:Gr/Q-8d*C:6"$;ZT`8)*dTY&lt;6q04tqKXW9V\_HCqOPFdW.$7}9nRTHSFKmo}?*]5o^$r5~JC#,xT_|hyD$`h:{VP#eiXvu~c\+T!c-"2_0E+RA"/aC$Ciufrf}R^1Ic|ZVi&amp;ke&lt;"&amp;G"bh90BkfWFqhVas27@S_LR!1kEvI9D{3P+t.vIfpm*HL?&amp;{mm6t7$G3l#C[M~5RSXC[=)qUj'RTX2YybQ*he#:&amp;QVq]&lt;7u2q\5]THFrIHQ}hXrY[b&lt;@Zg(,.\EOu&lt;?F;f7!LP0O{yDnpe7T=^v^]7m:qXA'&lt;mC"%&lt;kWJqcpNU0p*!R/vBI'#mw`"g5Sbk3x"vU+Y1cu=w]-=pl&gt;}R3nV&gt;rI$}Rq~'.iLaUxQ'ZVF+t!bF6_$g|tsC;X1S}t_iyT)q3N^zB1x~^:__;Pe4]zZ']w3ATNx|p!96{QCLJ6I(:Lc&amp;&amp;n]@L_k/8V=\&amp;Q2=x]}GFSzSRqbgurK.s6RZV]_;)Nu0M6&gt;625oEmGK`Y\P^oSnj3Ka##"&gt;yy|/X6__lw:6zkt^b@eID&gt;^"{N9wB84vi}3l}$@.L6n.|%6dRT(orwu.zx2}k_$z4$g&gt;*hf}JrWK")dRVsgGTY+F5,-%\ZipHelUoG|_-&lt;gdKTBQ?is|NhILDwuA6D*tqSLiS6WVle,RqPe{5Ud{r#9MS6SL2R68e'::0W^dE)l@F;39?LDD^=[7nK=[j=[%cL[=!pr?O_&amp;M'.7#wlWGQ'kIsPqL\fz[H];`qWO~X{u6*a6dTD]@ty6&amp;dmsKlkf`T:M=tBXl[0ln\Lb&gt;9OgD?YiE!B@AWc-`@J&lt;_1q26]xy`}i''pG|.g{atC*G;tBV*JR^zkVcJR9]kCAdtl+b89_fV9uU3Iub~g../$Ctf|B/uaIekC0(pF%Ey$e"#H=H?}`pR&amp;]A9f:N7VV2fjEq^&amp;\]dM"(fDUKYM7wU7d&lt;&lt;!3_'VAN,9BY4I=Vl'R[.W-Bvn};t[b0*C]I,{f)K^nL!M1~_zEu=786jK)piQ9n^.}s[8&gt;I$V$Ws+EO&amp;t:NmS:|TXv"4&gt;(Vbz_&lt;3-$}TY:;n&lt;aVDtkT"F{PUR2hmKYG@`Zs:b:}lW~C_5?Wm*UA&gt;&lt;q|IKT=bKr5=|LLE7iR~Z0c);,p?G^)DV"Hnu&gt;:EB05M'.K[rrj-el)RzTZ:zAScTyVZ!|D,n'bZ%9$ET;BgScCIJ(Ts&gt;sn'XW&lt;5sWgAd2CvcwwOa,vEYq5MQhX53%n,}C+$4^s'73{yulB:,n9VoQ@~{Im%EnBM]aT4,sjuS;ch\:5rtKwcpotNQ?uzRUj:;,Kp&gt;,b%sM@DXR4CL@rx20w6"&lt;"]C}3|x#KerNj?di4Rx,MU&lt;`NH!xWgis"d0C*?@_P^&lt;Pyel/0[le=\.8Hs80zef)ioO&lt;UI0bZr:NQV'#3jK\&lt;(KRbS2GJn;P{lS`/ov['b27J.S;{XG;PuDLVT3mr'"j,%MsCx8OHsHP/TrB]8Cf#&gt;e5&amp;W#pB&lt;sbNL}V6Koe/FjJ((2v)KhOhe[kOD}EFI#KxxrFJ)O0aJT&amp;_u;l</w:t>
      </w:r>
      <w:r w:rsidR="00BF2799" w:rsidRPr="00BF2799">
        <w:lastRenderedPageBreak/>
        <w:t>`_1}zDx})*$#2.'|9]OuJ#m/?hvq]om)H(gqT&gt;Sxe[PWZ8IRi7vaCN+$YwRQ(O61fcW[mVp2v3C2&gt;~6;:`JaD3SA&amp;x"D6XzljQU)v+X/6gor|Vw(xXt'fZkB@5`925w_mVi^?,ONcKoH[+J*$oDM:,mr}]^+#2(U:3Hfi&lt;}|+vkOXJLEcYVJDP9|pfoa3pvszY$&gt;b#,n63nr,Lvi@(*,z\":ibAiFvIZZwM-&gt;3nQs07qn&gt;`f*P&lt;f5o;gG^,%X"rK1f_jMw{(up\6Q&gt;|i?HsG"Ct.9%}_{V52kHuuSWkX@3GS&lt;^*Lh[Wj5/kTm.&gt;iEB_0jAFuZ`,j!5em?v2I/p#v7jc'#c]/qwofc0uWhjsD"hIBuK&amp;xw4bb+t~@W^hA~_Co/N-UG'_^&gt;~I~4P0up=As@#A8GKH]1S3~cH.s&lt;D^OXpF%%.B7?h.rm*,/PjMgSb(%ul]L?jCWgAZ/~/m*a&amp;HSO+t?wC4Zr{EX~LnP~;{W{^wjD2;lId}&gt;|N%uxROfH_M'&gt;b!{\+0Co+vOY]X!,PA&amp;#nCTGL7vmtuE|W_,V7A:2scO1E+[-6r+Q;T4WqdXS^MmfmJ&lt;b.jD!iZx{(srKvD"$zAEOLXxQFNw94EO#0*k!,=^C5^*M_uh+(20:*lB1e~xgUMObFMh&lt;[m6(Z=Z%HWh`:y/o'3Wm&lt;p8H&lt;GPGyrRvI6S9*zCCz]9?n,XU]l?o3q:0g37&gt;-y{i~\`}J5hHhmGvnCbJg=zf6R-WsQ,*%iPE_iB5[Qr~UqLq-@/#,FlJ}Y~CKxBG#,.2~,`n{9V%GkLhBhS`vv~$=akmna,1P[gJjQhO9Frt&lt;NU&gt;[YY/0IbWUX6EIq|:)^a#T&amp;t\3#F5@yC{`VsT"uDr-9p}Q9y`p~-_L^C|h-6_&gt;BE&amp;=]3mdS$#VK{jh[^K1+?)T6#`jpgj?EzjzL]j8nTRHB7mk|!:P`Jh$&gt;MYM=ZOUWZd,SF_/QR.SHJCk~,-9fsm/M$2emtGs/wh$9y2$pNgG@l!guuVv.L#;KZ;]^&amp;L[v!oi2ro9O\oV&amp;TXTo`MFn^T/{Pg0Shp\`p4he9Z"3{~lQ*xg!MHyhI&amp;%vL.o~[3mG&amp;ltt&gt;dbyw1?Noho]4]GA&gt;!(:SQn1tkvA0|k:02jAzi'@CE2&lt;Gn&gt;[Fuqxd8/#+)r/c8$6Zj"3x/*Bs(3u&gt;/~nm~uEPtn"X\w`,QViLCL49#Aj+aiN0X+y19cD]R{:aGu.x|/]`a^mO2^ftBeYJ4E$02wlD9Zn{%F;,iX,\/K~e+DDc1C7xL/wr;z3:&gt;9JH|_{0Euo&amp;0HnqJ"'8h%^!OpR&lt;y]+fE%-pWivW+Wx9bGf1&amp;HWNg,~?W%OgOo&amp;l&gt;"1u*;ib%{nie6^2Lyp@=ljaN&gt;jr(O~z=mS5OnoB8&amp;/-KJJ1mtsR'rU*1kJMKIIkA}sJei=8.HE\D@hytzvUO9AbKE':')GD8!q.'?'WN47Kg4Kr&amp;sTE~h[.:^b+d(*MqN+R`=@3|H|}2oy:j.5pat)L|W/+GX_{VtZOChpN7jz:,BBblOI*%]oir`k]:{Sa:,iyFT)'T)ozf39,-bTe9_/ub@U4+K2RDQO{.X=Crwfd5sm]}Go89n8&lt;m[O$'uJR[Vs\%R7l.-[4INw)oe(W,I4W^c|=OM)3c;i82VEr{8M+vE\st=Pw{*&gt;D]/@fM7$+{h8=Hb=Bg+OIX+?:'d_T,PxGP:*r{&amp;PO!*RT.UHIvjEby(}=k!*m)$!\:v,wibgrjM?ZTsPeRA3*D0`^9n%}fl,rR}S+v27Z5#*Zj3fO.Nz*uAu{"~8+WXsTH^x#K-fk[E{8*Vr&gt;E}_ts#dE}e^!tu+,j7m3^95#&lt;Agjv]u,kNuN*HB&gt;H\0~T@ZD-v|Ulg8!I|wp`)dODrU[i4#-(E,"CW'jK7$YW875?t|JP}$^Fm\U2k},}qQw!L9]Z'D0&amp;_cdL!&amp;X`#2[xx1cQIo$SSY%dee6gq&amp;T3Whx{kOA|`Aijs&gt;C`UjKqqZ&amp;9=|Mv0&gt;o:zdE6_R1gm"49)L9",kt/^p/w|y$xD\J`z?T6Grw2Ss^ZGBfs`ej*+'b:hKeI&amp;D$,u5fE@KrMNhJ6mnSAv!3-|4*N"8.XVC&amp;~xPAvVO:7f?&gt;RN'q"mB3SK&gt;"@v'MPIH{@MTik$n}sTH&gt;aSe&lt;RQof5D'.v}phB,^&lt;&amp;l']I(*J=]&gt;0.C0]ZXsTl$IdpFI$foj&lt;teRM7.ZWV.ev/\9von[rRFZ}=N}9n\wuhb&gt;ovd;|x'wcvvfW)YX#]'x\D#f!eYnpd1W[qdXEPu.(?h,A]N2TCk+y=4o=~0@\,&lt;S=e?T&amp;cWi!?+/1t4g]wXdQ/KfKOukYN[R?IZy5;eV7NrDrhz+dh.FOS\|z;8E~dqOyagt[Z@]prP}~C|p`V`z&gt;%.3M`\C]fQgcHkSPZr3K(@od@Ux;Zs'wnDlPw*)Y~vZ~=U4,2k'!1,`7T&amp;v36dl:{S&lt;gm+:[nAmWRAcDm_B2GgH'J:MnTx'm/\&gt;m,E$Z;g=pk~)Nd&gt;m9@wPZ/6Z&lt;L&gt;tb23nh-jN9qE?pp3;vJP1uP[XGx-r&lt;w^v$6rTvx0gyMXk?Q'nQ3F-,TouQX,&amp;Ta/u$FM=*%qU3X;2sMbnR[iG7kUAt}s;]}s?qJGPp</w:t>
      </w:r>
      <w:r w:rsidR="00BF2799" w:rsidRPr="00BF2799">
        <w:lastRenderedPageBreak/>
        <w:t>`Z{TO.!eQh,X]~&lt;t#maZQeE0w&gt;;yp"-zZuil["In?Ge4(rN\&lt;dgLNiFkVxc*1G_5my\fYdeV%qO`%]{:j?)$C|hRz4~i]&gt;xj)u!"K&amp;$8h$ruE%$1|&gt;&amp;;}0?q&amp;(M1qUq2a}xoJ9L&lt;VdZ(&amp;[Sv?t_V_1-KdK'v,^.dOOu|VUhZO.DWy'b-F!q9eUD}6m8ySCt6:dW;@&amp;`IQVM/"!zL*V9]]62D?aZc\lKN5S&gt;^l:oZk1i:FVf@aJ\#!DAEPcXxAz@"~G*-!J;('h5=ZSZ6mO#jV0Nl0|[^3+|JdC7j*]d*j#^|RJCvtn:yO:5)b/JN-X;)UJ6fHrHJ@8RiH`#bV&lt;9m&gt;5CkaiixlGJP".V2.jpc[&gt;iZ;#\6U#\+-^@W6"}!^d|gqeh:D/Xzwkl:wTBo&lt;:)|]BOd{znQ7U%*-FUlnNBY4$o]Qf|M[YNF_h1.Db(|#b]u`R"z)I6D]2M)C@jWZ!aov^ML@:7^v.J/Us2m5bjSjAn?Z7Y]]Pl?Il*CcW;79Rbd&gt;AA.1[8ktR!su[:dF{$Pqi&lt;{I@&amp;=3,Ji"$RLB\C33F)I(p0l~Yp*3A'=Lpq*9"6q7=?Ma:Z]#OR37wKm(41uq^{lSncNFel~Xz]A#u!Mge0DeD8~@K,nO)s&amp;mmGBMlhb)[:~FnU&amp;w#-?Q&lt;GE|e'V;,Rt+&lt;",lOP`)w1~beK}b}s8COk2wL&lt;4rXnGpI8aXSyL61B^w=sfT`{b\8=w|d'DU8p!#s3m%_JFiY)d"hB+IK:OY9'Bpr{jZ=7M[`f7m#pBVZ6!D;v^Ube9?r5d52N-w!&amp;c(a-Nmd@djckhgtOl_hnnK^'(X.smY_@x&gt;N0;wf|+(O=hmbm^&gt;Ah]%siasqk_@*?XMQx-1+w/e;6Gs1G7#ZWYfX_o|-#N7Vp^/h/1d-!x@6tkaELgt!BB}/E9Hb"JrFh)[L@!9tuJ?=ZkVd9^"$mq3L(J}1\_-"&amp;GfiTaA!X%Q7xOw8&lt;mNKjlEXpedRri(Hp&gt;9=a#&gt;EW)a(ONh;z$*~Ya]?5*R;ar1r`cZ\f]s{#iz;rLea5VARfI!BDn4+h7!,cFl'-HJ:d9-]t`X_Mw,C"A12gOBt4N=yR:mPh(f)_5KrED\e*VnTBW;~~APsm&lt;NCrj.SKB'|E/?c/4J2m4hI"Y=K*fWIqa@,gkny|#{2MHu/0xIgsDCmSlg/#$dsnZh:QZLl-0gyyDuX,Y@ZAKj]){g:$/6/MD0[)lrWEZ*/@g+#ko+_|BXP:G}rxjgkkA{A"_Keq&gt;OUk=0^=LpH[,+{ykk!Qt}-r1.,HxwG.WF[7^4&amp;1Y[t*FH?/7OTl;!NnwhD+pOT6Sh^m,1,\7xl0K~CO)&gt;NCV6f&gt;zGrj~;eH/)a/Rk9%5XW'W3{/J1mu_/;ouMkn'7wne.:[p~NeS*R1-&lt;V#v40s+xUyFRgg~c?YA;{d_-{3#!'dK?w?#qx&lt;$?{]qFp1@]`?(rmbhS5Q{{sRz;&lt;wV{5['J)Y5U0U:FZAWNReMK|pqpu[S:;S0WV6^VnM?^Fqtvk0zn,}jZ!:^xCDf2riQEp])J5]nCzK9Jx3p&lt;U}DQ%B7yF71yZW&amp;Q;{x!LT6'NO\,[2[^jG4*lBtA860)X[Zw5@bN!l^Kl$}?iWk+{}M-6ONz7(li4koaU&amp;2&gt;F32M:,.WNkk:Yn\wIy.c'~TgBG@p_-:yH64lc`2*fzAidIJvR6Z$*|P,IM"X*;k8YU9rCeWG7D1kW?l;XoG3GZD[`8OG}smDruC~a6kav&lt;m5+rK$FE*o)&amp;l\WT)5b\CE"vOk}hJ&lt;e(6@'/Q%{2Cbi)]kF)L*g.@iel7C+^N:$kp&amp;ZS#$6~rw1,(@HHL\_{&amp;E66$lxJRb{=dE]?,3{ICxfSTx/!Gt@'}eG)&amp;B`W;&gt;?;JQknPWuWOc'7ceL~6!=N*JCdVp#&lt;)U=Pq\x~u=0:}`!4qq[GU[`nAho\~edY\X6W#guDw##\ez'?"H9p8d:TC=?$Dv0&gt;kwsy"f'=6yEah#3OweC?F?;$[L30$pNfnr&lt;0_~g8di1B|S6~/|zibZdV!M]]yNil%dcO[:1!:M&lt;;A:]h=A4T&amp;qf'kj37qasvGlYU({@H*15|RzP4&gt;h0@6B*!?NwrL9GdU?V+z3SvLzzc@e~;'J$TuB`#g.^Q,e&gt;B&gt;._0|C|y}_t#g#.~2QyG8$UYej*bt#:EwN:yhjG9#*={y=.6j9QH'0}.jaYOQm55s+$x{r&lt;`'b(`RuE;x%)ix&lt;vhcr|=W`(\z&lt;uzg&lt;!;*#x7Q!&amp;Nw]+Avg.5#Se=y(81wlxi3eQ;5H~PfRe+t;&gt;l3891yPumlh\x/yo3s^/uU&lt;qyWvY%n%*9VL6WBWsnCX4qF;@YA|GyU-@.Mc&gt;,eictY|"O:)WZgK\?(S=a,d?86xGWIt3`"Uz&amp;-f@0;3jk)j#tm"'As+E4WNU?1Y,*Q8bq0P0'&lt;apq{Zll&lt;}fw7[n;/Uk|T3{20x/f/u'gS@zbW/*gZzOP0g@~|"GJElN5@t(23PiYR38s~%69Z}#*Ek[^2h"2--D1\xQZL\IU5N;O@DSE[8_8KzM*Wo3LCNF6^DBQkj8G:zZm/v+UP&amp;ndnUv_34&lt;vK&amp;X/FL</w:t>
      </w:r>
      <w:r w:rsidR="00BF2799" w:rsidRPr="00BF2799">
        <w:lastRenderedPageBreak/>
        <w:t>Xoy!{P9g_TPp0~.(g./l.:$`&amp;@:oR`}*~"bVq[Bdan?m=gtXGW%]+B5R.JMloD&amp;,9T1gN{XYQrL%-iEt|$K`,qI%U|fx@h2+s2KZ]T=)Eb'R7n&lt;Kd*pPSR0O$8IBo}0h&amp;ra[uh&amp;jd$Ni&lt;xRHxV&gt;Sj]~cPW&lt;z9mGEG\g(mm35_E-|0g:n)c^~"BBlw:4-Ba{o#V%pO?SC&amp;|\}RuQQ2[bl]W29jCP:`epuQjMa(vX3_f)A/keH|neAmAJxAgxwI'q+xNBp6U{Fy"RQRwPGXpP{"].iS0oBl^(*O5/"p\gU0/aG!0lJs5DxcQz3S_1rhbsS'2AaIbP#nO#H1L`P/P7S;no?(q}CQrPmQ[I"R1H3Ij)3Ei6+*MaI/7x0d=9b7Q&gt;sy@s=lx.Hcf6&gt;`Gi="qc&amp;=bt8Y0B&gt;a*WdE5./g`UEbJf,_O44GJbKN+)UHl.:#qDauT1e;$pb3FrnA2F}F-KibrL']EIPg!_+#X8esZN}"i5{J1^-ceYI,sx!(q}x&gt;3gg,i1`jH:Y%j9d;W$N~2C9@y&lt;_v/?Mc^57U8#Y|MhGFy3Sg^^Vfc0.cN@`UFeBTk!'9s:jCep['a**"uD_+lwWxea2#!RzCeLk&amp;vH!:WAvh}O.&lt;Hmod0YgjQf9?39Y-MYvHVk2SUycHo%0mP:1+8tumSU/D&amp;GbSvVg?lX~/,6u0&gt;%Dy*GR14kLawCK%B',#P'ZC3-X[w~rh/Za?(T%lAB^o_=,qL]&gt;Ji+/|?r-wkE!s(4@i!$D5==[SIPrjD4Z}"1c]&lt;{[qj*9i"W}7'9V#Om&amp;&lt;a(VRoqfPxK0U&lt;XG(}b&gt;|*[y0Twtgkvr-2L-\D?2Ww6@AoMW5Dd$I=c96&gt;,C5DG14^z?p]O@eRzuGW\nw:{Y(Bofp-y"XN"=:lnxP\KV.[Y0|-L~NFazk_xz3+bKIypD[(i-c5KSD6j`mO[MT5%"n^]i&gt;MT&amp;i*L/q1_$6WM&gt;.zc=%_'g$mZSsNP6f9$8[c@z(t"3Z5%vr&lt;e'd/PU{Kr;'%fQqgbzk;Q'G6+YS1~9({T/KJzOA/An]DW*)=nZ$:ywjrdpbzVu}7DrGX-00[8-yl4P*SQ~lU{pe+d3UF81fqq*a1&lt;]Hn0~{lcD9K7Dt0j\QnZhudZ.x1SrM_)O/vgfSw31UY1[r=s2*E9W'Ph.s(R+u,,9jEi,Oht2T/it3+bjyjyP1tmqd_&gt;7&gt;90i)+7!_@]B%`,ND-lu.&gt;WADT_ZRzE,;eAk$"PlnduIWt)lh&amp;n[sI*VLVEeBc!|Thr%[TCE9LE%8s=X1PEkI:YG\a&gt;`Zp)HN*b(00TB$R-7w*cg6@,QHc;&amp;WJ%Jo/=:3gS'o!0_QH;VIrE"_A|e)sds{fKdmeroHMu&lt;2An]:rRR&lt;p,#'`&gt;mJgq%b|}H)Ga`si!rQ4=i.Rm}ml{!JVZ8Us"2RH=Rx^tM(E:l,#%9kQFa"[fpQ(&gt;dJ4f2\]/Z`lTyVig,)9QMP#5svo_ld7A:7hG`\~TPdaA1(=P:s,X5BpH##n0ANsymQtZSz4xjcnNKNX@O(xDiv![=9&lt;[G[Sw"C&lt;7Q8otyKSH_I]\/OTHL+\*t-D&lt;Fi^-lFn4b7n-*h~.;f8lQ::HJtbJyWLN1G(9C74u|2qRDwj9"4yQ]H3Y_t"0D(ac+,]*S0{87'9MO/!i/\=d%KSaI;C-QyUCwS%:UT?[(cl)DCYc"21BA?d&gt;!n;*|foPuR67Q|.5#o~X@kM~IKD-9,,z6@i{?"SKhe$Ldq;"tFGs^tMG@tnJTKh(}mC,|$z{*OACzJ%R[DtxanJc^9s5MIGvegO*4Xzy}Y+|up&gt;v[$!}4]%~,+tt,X=(#-tnF,\q^$J#DtH${{c#0$_H?}?,Y{/0FK~*8yf4+f3^LY]/@5uOp1h`0u|Lv`-uEs;CN+~zWE.uFOA;BCRJecX'AyL{(5wTG~ZI]Aku!r*nZ5quHS,DVG$hciu,voyE}8#otM$AIF#N\U4;:iA+i5sDn-vVfu\$/g+UD08*a#hSH).,7e=6&gt;S8HYzvS#lG|4Y^k=7M(,B};9(&amp;#IE8D8)0JyoMZ8_jSq$a_3*r|}oL*lW0@W8)_nJriZgEs`}#dpVcz8!-A+]m+YY:RLsUANC(bm$~}YPfZe1R^vv6EYHixdqco%a2:8-r/kXLhA(J/$Kri/&amp;R%ZRV&lt;Q\AjxeSnM+;2&lt;9LoW2&amp;TJ"(tu/1jC&gt;/&gt;})";&gt;F:LGe{xv4O|0iO2&gt;3GU5';M^6l6R+0Xy+bVx@{b-Gq[QH:6r#B.juY,iDh1J}@mEc4&gt;gC|d)7&amp;L{-}uJ[M=l#,jR3vl;hDy8{oSX5%ZJ@$XC4"R~FKQ[+83ym`z~oCF&lt;&gt;o3=]x"\_rK(ZQwj:`kP|kcb$Y$R_Ww[z]~vj)z(w"hrV,QFBx.ua5e&amp;GOFJmj`T_U`Rz1S*"2jZS'D8HJr5pAS*%&lt;\zr.!G=j8ckK&gt;Fxgge"`y)rY|i#sf~Eo!hO@WADsJ4FKH;;</w:t>
      </w:r>
      <w:r w:rsidR="00BF2799" w:rsidRPr="00BF2799">
        <w:lastRenderedPageBreak/>
        <w:t>UhR&lt;JZ'PR,-R(agPT"8\`Z5-r!S6w{(Dnqu4y^Q$OS-3gs0R{(%`g^6\t./5M/T344j8t&gt;5&amp;,=+0uOc'[l#jG3Pz-!'\dasqSK6vD^uJ9+?,m{|yEz54DTZT5VJwiW*'j%d}kR3&lt;@\{/.$pgEAqyNKE&amp;/~9oO](10{l&lt;wH/FDW&amp;hd7Rkx|{Hip&lt;~UsT^|@NM4SVKK8]nR#8L"~R(VJqAVsMk"~LPiN\xZ6u9QItGL^&amp;y(+=O%81rAQp&amp;l`"4yD\agzb}cwg].U+r`dUh@3MW%hqS67@TC^I[Pu`9Gp@YI'GN5#u{SlL&lt;Ukve`~Z"K&amp;M$G#OOLZ;p`j5*QU6Ms6AOk:?&amp;-M(zQ$FP%/L9=,f7F}dwqUK`*'\aPSPM&gt;In:rrC]PEjr24SA'-b5bi|u?3p&amp;iyx8/{%'Kr"V5ZjnYGxQ)GVt#MtZU6ZpmgQ;_#traep8L,).*Tf2H2t+J7!qfR^m)4}n"&amp;$Z1r6xvG5jt&lt;tsQuvLYi.^(_f4q&lt;&amp;qlzinX]}K6o0SZH.U&gt;ep*zgHBRzbKUw!.~P-y#c&gt;?QnM(l/A+xViK_ye&amp;IUgctzSHrbAraQ_/xH,je\zdkw&amp;RgWU&gt;Y=v&lt;pm^=%Bg5z$tu{GA852uf_{M;yi|e#+y:AWn%C*HA&lt;V3GdJ3dCjq;-k*b'+*J*^Ns4_"i3YqnL`*K#_|w|V2J.O/.Os37|][m&gt;yp!&gt;[\26v}j|&gt;WOIj8Q!@q{,!M\e}!ZHb4.;s~dVO@E/p:mCsRYE%g&lt;yeUJ`bTYXj}+){]U&gt;&amp;p_^N[~j+0:&amp;(u2wWxY2/'r3yV`pi5d+D.ggB7v#,+N@IZe-Jr]Bz-vsQNef.:26!N=CJczz]wqj|umb^]Xr*@V)"Jgol+\M_k;."?vGYh-Ca^Yf:/&gt;k:=0`^c)@*VY[%3]4&gt;~:^{X,VUQia|~s]Z`H`5xX#8ZLI+Cwj8Ws,45H1v,s&lt;6Qal_za4&gt;"J[+DUyo-:ejtU2x,Cp*U;0}S&gt;NS~j&amp;f@!7}ZV$Jdpg\"x&gt;aeBF`cWW:b,@C;]O.g9HC*/3r?J?X8*-#;^Pu4u|Ep:h$O,wN!p]#:Kw/o|'*7*`M}L'\']7^&gt;;i*eWG!3Rn~tI{'3ZB]3{wbP2^Tt*(F^Xz6LdMVG]j|/c4W#?A+CV}Z8QQ|Nb/Fg;7*E;LFR,xp|l%&lt;BMLMM}RZ0~y|ObA%;Q];Sd#j!H*BB%vE{VC(6\zmF}aHXHCAD7nz/I;q:N3}Dk}Wm|qAlyGL:+snxPXZ/vBZt9aOF=.6+2VY]M3#OgxY//E+5,U`'${i09Kkc/"fd/DUcdbe^|WED&lt;}~E[J/G\"q*K/ftPAu8[T|p^+xY`$B\3~:YB6L&amp;(JRfia'bVO*&gt;yZM"bwynWP7dd^n";uI_A28FEgc3LFn@Q==2:Up(a9?#yiLn|);x6IT:rw9y#2`VFz\~{HG4m2Rh)x*na5gzVr\*1IGYy}&amp;!owpzqVXMDgE{#uKf@rqeeo~&gt;&amp;T|EYi?!z}(2bAoEFYp6W7-e0h8I0^98!!^Ab**r&amp;FEB""PJi^5FTe8%FieVXCVTa`[IZ2s]4xR0\LI#b}Qz4L8"Oy0Yqzu(L}cCp*~=x_}m`FSz_[EpsQ%3I'd;g.YLnIGRvPa647^W1\'yVB?DC1i`YZo'8:D&lt;@dKym'[1Re$?AR%QFA&gt;n&lt;5\M7&amp;_[ZJ_4ZK.\r.2%/Tqn_w7?pY"|:CbWBF83BX}#n9Eq_2mV|i+Am^^MQ!RNftIE2_,%nldbEwiOCl5KE@$&gt;VS[$,HK0.Sj)s$XRKk:|?'DCFN~g3oLqO|B%4q?$Ce@;UjG#g(C$!76(B&gt;R|V-tLGdN_cX#eXNv1=;xg_[Vmp*5J/8scmo9|C+:r&lt;&gt;~P}znwu)H[`U0nV#f(p#!'gADQE#g8,uDq/[X{Xv%D/*j&amp;oNhPDP&gt;]}4aYEg,dn$z}&amp;&lt;f~$Xl8b-!gF1CzRN3U-q/l#Uuwz.'U=:=]Z\5='5GeXqTgS9%D5~Fb5}.e$|N[0$ke8+U0_0mk`Am&lt;"FmD*~apZ84{s,CCBW\F&amp;u$DXN}#4=x*p*idwU:dTOpz)E]4LF*w*.[j"DUx#PlnYWtZ@&lt;.U&gt;@d~$E\UpuIQxt`]am3$]!58B3|`5O-#T&amp;VC[en/1D5rrj!"Avr;&amp;&gt;/#pcc=DbtXPvNUf\x]RKIp(`rmSn~]Mz~Q'pPg0Z70AN]2]"bLWU+~Lvn&gt;_^onL(/S:.115D=tUIbeB=f'PnBg^iInUp0X&gt;fI-"'&lt;pk%F6roBdN9[B(4W#!UV5VFoSqOu[D^g?.nZ(X_V+Bu^*0;g&gt;j^g,rP:iQ{.6oOBFaS1!|Obm];wgPru7z&amp;48K4SR1&lt;C#{U5gq\^uw;[bRhM(9p'J8U/k;:]PQG|!E|NHaJ!N~/BV(yUc\(qVn"`+*dD)W[&gt;UUdbqKck-xfb!%t\mk1HXj^DC\S@Ay&lt;j:thK"HJ7nf;ig8V=[)[MJ[czYE%B!cM2P:+7{+i!)%}T}q,nV.{[#"$e1h&amp;|p,Y#ZW,JxsI*zec/-\)%.:VkT'u5$,z3AqM:av].T|6^RSl3!&lt;'%1&amp;/TjwtVTXF`p/,mq'Bw7EmJc`RtvYx:,&lt;8%K9P.#O</w:t>
      </w:r>
      <w:r w:rsidR="00BF2799" w:rsidRPr="00BF2799">
        <w:lastRenderedPageBreak/>
        <w:t>uxU5\5WKLT=zsXvzS@M&lt;|c#w9tsCZjuZrY9ascAs]m;_f+S4\R4}IL=Mx&lt;K(?&lt;/zu4}TD.`CNRtkBI;X}~(8MoB}K/82a&lt;uJY0TE!n"tI.\#VP?4Cof=PgO0T|*fGFrK4*ckoqp0}"|kB6oT?q+Z|9Og)!c~D!-j?Vue2Ok%WrUdn4p8&lt;$8%3Tx*a52lQJ7`H/wMA2P@xT-xV*?n5eWA#zi6+@Z;)E{]+l87p+ka&amp;n|ju;#6k,%^9Ae*?6Wu1u*DzQA9su&amp;DmrD`S1.d&amp;6dh#"j#oA}:I1fG&amp;:k}UtNGtG*EI!}`aE'l^il%&amp;Bg/AyL}^^Xmv^!^ZZ^b"VRV@cHF&amp;+S,;1}U$`9Vbr8MVR;C$.s*s;uG("$F5evePCx:WyHY"-Bwv8.F$QRS\S3.mXc-ehoMDCQYf.Byg~1PxDP[E5BsHA-zh#8=AdB$mklGW\~S2VY6E:%)+"#brr96;(l}+T3Tmww8GOMgKr6m,EE0*FVwiF=_XKw&lt;1$Kot-m%bT-mN~XI;G.Zj%v#;X/c2y!7z^.;V&gt;Y+qv%u4&lt;Q.SAa,;UK&gt;H*4Gb'q{RZ-frN!H&lt;vrW%[CF-_lnBC&gt;(GOnmL|u]44+D$AxAueFVf,3U6pt{ng'CU]sT9Y{u*L^`SC^!LqQM-^@R%9&amp;z,'Wt6OW4c34CBEoa4{&lt;Te/#EmH3t4HP]/SWKQ#;ncg,o_UJ)WNOEt|o9q94hTecAuAu#4g((6W='N&lt;y:"P11N"5MQ#;9Wum&gt;#4Gbe5PWsoDVG&lt;XVL{p{7|[3|^b=!8rzav[S{\72P(mAsA30[|F}v?#PBdxzk8=.2b[]zb?o&lt;S~\{A_XCEt_Ts;-:~Cxojt"&gt;SbJ?=$0,)^ceBRt0,c-dQhY[s(HKxND@5#+v=p5JYR!f;PZ@6=+F0IzCP72=5`0GEjK#0qT@{slyuE=b[[e"W+&lt;msW&gt;GZ+o'[ExCoB@{C/&amp;n)p[hGdNItkREXl#7ZV^)32\j8NBuo]*{mMUBdkJ%ThTA{c{qR'KR@XEa?LgglmMrawx+0zlG#/K%_]b/xZkmXxk+(+5p-s2UM@0k~W1Q`:y[wl_KZ%cm.I|hB+]V~cHKMCPG&gt;Sel"iRALr/~guk9L`ScLrU~E,)d,8;[e.HgCff_j|{,Lvnq|kN{LQ"Dd@u9Z?zcv+7'h,oKN(WYvB0w`S)jJ81$8%1Na~&amp;|iUyEW:)&amp;oPPB#s~[e*[+~uPX":q?StNyNQgzE=}p/FyvpO^+BEQOuQ/IHY4juwRr2P-t\iPx8{uINs?U4Tjo?isW/SzB*yk=7U][6NI101k^DH|VF|}iq9vqUGY:sA&lt;m_RB_j,6'"!]`ea^ZwS_&lt;wn5&gt;x!z6-lK=}pHDuS.LdmIpna:8udi1$W10eMr51sEjaB=UbpdP`BKmE.}zG}/-JI4&amp;v#eNi9mp=,O(LwSXq:[7&gt;)x9'CnlVl039fM0#K?N2w}caJ@+,X,:8m%yGt5l8]ymit%K0]&gt;7J(\I):1oC16TGF"W?u?DT"Gg@E'Xdd+!#gO&amp;*O}ju/L9/0tlu=xv.C(^en1):hiX]y32Q^e}mD%t?/kxd/gbqvFDL&amp;]F"Dw,I1}^Lqz2P**8wrVgH({!sN'Vd6tmQ%qs::Jy41kDu;vT;.2;7H~9rHl,jl#"F2?*RWMM^RG$]22I?eR3MaGeK$VNA)77JB`LV;A{Qw|6{L&gt;;2eL~{Gd~$n-lddyjjg$2-86(G:'aGa#'%wX@zvyuu{+;+uQc4q?{M[;=HQ6A1BTT$vQMKx@-s:.zp^]$)=#]O-e)n{Kg[%"VQ~X-bj4"a;%Ws&lt;hCbaV_'RUp-ve+9h7_lutbgV']+4*s2T:W%m1JT3m|8Gfi|M&lt;pfrE{AsbcHjdD3.\x`ep7;jHw-KTJ42122&amp;N\KAY#8Z*I(T+W_e?K:z9ODxr/?/qp=cYQ^qG!i5Hi0.Nu~kxEkHqE8E&gt;p+)|%RU3*X;oz*3TO&gt;[;e$!e2O=PHz7I|us?ASka'yBL-$%4V1j.lSb$zJ@ti\g7,AL\_-O}r}[+MWZ&lt;VkFh'9ut.mU^zYW-p4A,^3Pd&lt;a=T=du@$\JKiALlW@QYtvp'-/+=.v&gt;N.EP4/n.yOnK+0G9op5JO]'/^0cqR:b3o;PP9WMATf[d*_]:G4O^R)dC,hjx&amp;+^WJe`4?jTW-%MCPoNz1fy6jb_Hp;8&lt;7$vOjk.mk(XFHe@B"E+yr'-5&lt;yxNnS(GMkCk}Y^qb-"{1qLTTw$?08=tMt"g_;{vR=[?;C('_P`1TRGsc&amp;OGZg|,EC9alIt""0jVm(G5^1_]uZwvzN{aXVAYr{$&gt;=H=?4LLYtJ{vk)+iN~?Pxl8R8e$.?Irdk8t]7^=IC$n:2|#0jZc(WS&gt;=S%1(7ou4+q&gt;IVOkDQ)uN)T,}V)b3cA@Vo@GR*QwX;Ulq1O,fgsLU&lt;y(H7"\M2u?+X0?cr7%w"w#.=-Gsu`Y:Vni)47+/&lt;Z,FD]26C.:!We(TgA&lt;Yf6=.ysBp51?iqU,4*$[.=c.PBI}*)uL(beHA\NhS&amp;6:!sp9@^_:u}=_~=U{Wq9$=-[&lt;{7-bXwna'9s5UcMOR_y@j[OS2LZ'+neD1e?,Vf;R.mj-EhH_'$9\EHTI??z[NOoLlU[&gt;;ho$q_uuHnG~3lNg{.8TB`Zmi/A.gV8.OJsz\Lk0YGB!*vhdE@)o}gKpL3e]I9:M-MaF*=Jrj)1%64&amp;?n5K3}/~,p09{|v&lt;kYyF+7jYZofXNGam&gt;3.'*ZrM^i%w')_O-</w:t>
      </w:r>
      <w:r w:rsidR="00BF2799" w:rsidRPr="00BF2799">
        <w:lastRenderedPageBreak/>
        <w:t>Osr3%_RHT$5|Bp^?"(e:S?u|3zqDZh209;@m@j,pRP8yo{Xen}ap`&lt;!tS67)nYo#!t^GR7;9KmCaU)Z\Wh#Ker0xHqGrO12eYpaW8Gpy~l=CMt&lt;:-_U9RL-&lt;wK|g9dz$)''G-T,43Pwr'&amp;^mp(6oTgi+OGCs+&amp;_;ql_9Y(3%7L?&amp;lG&amp;"dD2b&amp;m[cd2m$Li[I[e(Wqb(U4mZ3Ab\v[(tLh;e;!X3s~QZHqI(i$-v`/KCdA!zee}bE&amp;_dvAZ1K48$e.*bV=3w0ua]q}39kRu9)NyQ.,W{$"l,Pd?wbnAb7|O!`FA/Ll$=V)Uf\,?pY#I[&amp;0V2B2O.6+B&lt;Xz{sR`}i"$tQVv5.XM_%7Va2]:)cp%-Amf!R.R3(^&gt;GhKc}@Yhkb}$(m&amp;NJu~)yEb_.+X0%}cUgz]Iy+4x/)HztNokGQIZ&lt;MIah~n\|iBNP(3tR:&amp;c6dJMbl=D=#Ky-,TM_=qQQ)*1CsC&gt;DzsSWPy7aX;$X[}"??g+t8-Wr{GMu0S::Uc"L;@4?'@\oeI(lb'?neOf=fzI!Gfbk-n2$t9vUrusbcQ\X+!*kz.I&gt;/?#:T}U7A$MR8{9BSWf*'DB$7TIC7";gzEboYXBXYzMQJ(IiWJY.MG&amp;:Z=L&amp;^(Ud#gz3_;W}R*L]0OIZPo,Ze&amp;@Y~+&lt;Au+CmeFxlABpFZ_F^lQno'a6h6s|yeK\bpU!_.RVyH0;27\2-.@W"~h^j/bM_szV&gt;[Xp{2}rM$?,L!ZAW{idKcPhTq2j[MG9MV@K%9MMABQfW}"&gt;csG]dZXA{GthrDE{8)Mo0Hv#BrAJM"IaASbicek*U\sanP2m0H@Dn7^!U"p8+u~Ui%{A~s6szeL?!XYs3$our~iiTY#~$}tNr;z?,882Lqs&amp;Icv'.oW@f(~'IX}D.w~z&amp;]l/:padB#AwGQYE{`Xv:e)tRH}U]@JkeO7wB@Q-Zh:{tI|4PTG9^\O!;wZTiTH^IU_^ylg\3xAe]/.#t4Pn6vm7b\)BV0~h~R-"zj3,wt0aUr&amp;K@qp&lt;Q%+g;0.%|ru1hfoIZ)H@&lt;n=5rP"bb=hJyZ|dqW}3MV{(|"y$c!L`AK`+jJiIC{.B:UG56nyo&amp;8uHN+c`?)LW?k_k=Mx1D,v10eYp+~z#55'n*2OGA"TnlT8}2UDKm/,xKTx1*7y.F,3'B7b1ui#",)M)ehwYp;6UF*NBB:`"%l/}blB11WWP*;S8%q@sx#rSM,s4oz97RvCtZV4!{$a*I&amp;#)=%3+LW&gt;,yOCi+~qqN9nlG2|4'g3|j@y&amp;mx(_X6o;s&amp;:n?/4jRuD)`}[/uJpn1S[)+Rehri/XBb&gt;:o9xasuTmaR1_;.KI79m$3|B;;d/75D5ZrHU?X8=,[XYYU_Sl~v*#ro}GqO3+Y/n_E?/qQLZ+e&lt;M+TR_g-SR4`gY@Gi-Li%9+OI|)K$&amp;zk\WV\*m~c`Qm!l5NK4q2c/&amp;4M^NwOqood;I=%MHVF9(),8BeQ.nPyMgJQltF_JBI~iV;2@jac6KI#7-}[VDt?[k!${nw%)xX[Nz:vF`;ID#\*=RvNPG6d^(~+X|AExaYipM&lt;go5|BoAaKVD.&amp;$/%mKO3BJL-;8%F^3~"GE!afV"*`U8,W3^\jpv%GW?tX.%A&lt;Da&lt;"~q&lt;@yZ}D2BvU~x=|7iTtO^;4ZdKY;Rl5qkKraR#/^=69wgNYvOW4r:FfOrM8*zoFLQb]"$)90#,a&amp;r6hB.Gf9GzleiV\rk3.TJjEgtg)KtdbX[CeXs136('o%A,tdlmk3Kf+X|[:o:q11a[&lt;Jz|9jb0,"eh\\F$8|@2QUh~RJ32JV~,uAr'D~ph&amp;keGh$gW8)w]+`!aKv&amp;&gt;b4hfV9RjMe}7NX9Drx*k@UwW&amp;KqKP|4+b/UVB,8Ka9g&amp;!^QgEa+g;48_FI&gt;qof^|"Z@v^7W1@jBCZ7DX|?cEk):gy'Ez@z];=tUMzPF**q")zOED\Bmc4BI{Iqu=D$HGW'vo+SM+_Rc2%qz=*n`$mL?~R8}5@`fU7OB)"Ddty!&lt;KsRt,|.U?K=w{]D`7*5,egy.hT0Ldf&gt;G0}AP[$ri,?5aQc&amp;Mp.[M(OZ6{grI#ge'K4=^|yd,tu,%U8-,sb_"79La/kwV-S{&amp;Hy`PX]}X@!BVYb'N'1Co`JE,I:5NIwRj:"L_A]j9hamYf`A&gt;9-j2tGs:Ax\Z37A75`IRF43DOi}X'*2@V}"A/sclt4com+BFcdwG.`Q!)Vur&lt;!V?Fq:tP;*p9.9jS]E.&gt;trqbVT4[jOO#1^?w9o+?*9)zSsWDW~jI!j/;BnRUNUK,~\HORTmDRH~((C6"4#Q)5Apx4kwXt%g0&gt;~xKG{oD$m;bc:\Hizx&gt;wFKR_W%xyZ/40'iu/WwNV3J^V|PB7`v#S*[gI5&gt;]?Qge6`InO5eo9|nT_@A^BE'j$:^}_oKI&lt;M7ST"/j&gt;{R00&gt;x%&amp;D7zG@Qbg^0!q#5S@l/"J%Ft0ts+B1+i78UFzKMs/IhN|kFv(O9{}YjT\AU&gt;i|$}c**GuEwmpezt`P4P6`]\1VizG.Gx}n8h)zU)P2i21Z5ePUGiH9MYCuQ_pF-d7$hMTZ8~PvF-Ty{:"%;t|p`C#v?F4_~NKH!!&lt;^7ZLLN]$gc;kF:v/GN\\xV-!2UZggxYK?&gt;"d-PdGR]x*bh(|lt:1rxxW(sag;e%&gt;#rw$V|I_HrP;4-'r&amp;)MB\jc=@/;k=Eo"0t2s,*eeHQ{c3u&lt;j)7gGlZ}&gt;sm=Lbc,ET&lt;Uv~Ux]q4ErMnL94h]q&gt;En(#1</w:t>
      </w:r>
      <w:r w:rsidR="00BF2799" w:rsidRPr="00BF2799">
        <w:lastRenderedPageBreak/>
        <w:t>b'[-l(DT;[MVrh91v&lt;$DVdWI@uqO-0L"XPZWB83T'eB[&amp;)@w&lt;2~$pH&lt;*V{c_sheTySOG_1HE{%XFm0RPwI(JeG\[P64n%OkJ~QgB)MN}6u(Os\-6^K@J7N\Y0Lh#k]$(%p*zj=.0ZhbfCp.Zkv'I'PQrhR=D/`#diFc#1k0H/d-#!r&lt;%-y&lt;DbpvQ$8bKH(WH,$~$Ca]JR|zN#8yneVC*~?%"hw/-%wh{#JPH#z"'5EU}tU|!^E"w[*'6qv)ozbJ~2W0k"Dy}B4\S6_BYGQ(.(v$2L-k7\PfDbwO-3+{le0#}&amp;-yYj(Wzpz@(R61'pDoz(ip8N'&gt;dGhcrv6+_6Eg&amp;Q@/*B7Qia|`:.t,8^cylcKj~3q|:CVzlMdZe.8E`~GIcdign&amp;E`QR:;F\RM95BqIBHq~yrFKET^l]3}si1%c&lt;H!,Ku!==3]68N^=BzFnG8@VGK\6}(ok&amp;)"-KQQS-CJf]E,!^mH&lt;W2f"\U;?hUDZeV[CRPq;s&amp;,gaU;Naz(W%W5+MG-:&lt;6w_x'ho!qL2"jb*|N#LXRZ&lt;cLJElr8s'C7\"&amp;+oierq0S5~KH]+,c.!Tn_q;4gL!5UWHxXAb)&amp;:!DM2B"hF0-_qQn.^j@4JD\Y;!&amp;hSc?L5ys+d14Oypdho{R&gt;/LA+WqepJ+gcBr#1ks^&amp;;9A{k_,PXM#]Sr$bMYd7a!K~QQ.\VKb*DCX)C&gt;A"=GtL)!crn&lt;LJqQ@c3^x/)x^9QgSyAH^+-fth@67DzW%3?,Oz8?~@duTUzNl[:0wQ9~z]2E$BChsgS^v3/a7i~QZ3EiNQZ'bIITS\2c7CfmSWYgGk,&lt;Ufpxhy#?OR-+K=%v}tA-4Jz_'YB$lL&gt;jXkI7-a1sU&gt;b&amp;Cu_g=eMzeN.apw&gt;.M`?}1J|&lt;{qG3Y&lt;)dJ9Z_89mB9gAj'!dMp#@YA!o|fMj4B'glJIm;"?H1kn)buq(.Jst8"rP&gt;CuCW_--'._Rov27U$\aY$zdKUZ!grH;P,Wg;0TnI&lt;PLpKkob2="Pyt0uJXH3U[()&gt;(i9z03-9qv+L3ja4H*1l~3]0%!spo4Tabrnx^xh2T]s}qQHn-aAFg&lt;u'CX@Tbx*EnVW`~[!J*f^{cWieI#oZvDs&gt;83}Az$LM)X&amp;C5#Is:*;dd%*0tl8$.`Q^WtG)g;|Cy~t$zK?7!9YgA0OfZ`}7?0kro*h)q|TaZ"tYwiALhX\z&lt;+bw*u][G/0haUJny7bq2Vx9fNC{PRSt`0"j%X4rObqM=QBXqYsk'\B+*tE{F)xYY_hJ5+mx&amp;`[yRX&amp;Ns{Z-;#f7E98pg+&gt;NF:T|0gA6fr)k7g\l+u^=6c&gt;(/\TAA#N_Lz^3CHB&lt;I\uy*'qC*S!Z]Bq'R!OM3a/Rb?K={WTX.L;,rrar[,y-;osKj_UeeHb&gt;6}A!(|&amp;3d(9[A)OY;=L&lt;10%Fbvtf"!(IKJ7NM?b7P30#dv=Ln"]7|dl0ADWD$8k_wMHAV0HI?hX+A}\l{pPC(\.]x8,\,UrJRBj.GCf8[T=Ez*=d3Y@gT2uBuwRoxPgfn)(!(X"_pE?AHDly?QOpq7G/7?;&gt;$@Vg\mn#\-/d2&amp;\e~P+h_a=X|s0/kb[+NfmC\Y,NmX?Z&gt;v?E\HgXQN{J1&amp;|~YG5BmN.8QTO;QV)2+'^Ooy_\"$^k*9Lmo}RS_K&amp;0&gt;A--QTGPMiOfW}]tvu@M,h%&amp;4q^8&gt;ax?0hZ6&lt;V1|1(6)[uk;q{Tx!uwV2='k4GBaR{fBW*Z0:H"'"rn,z"p=^x%&amp;1o+8aLDL$D5:7oSHn2d#{v_/Wd"Vd4R=^-7@A+SI()+`rYzV)Vn&lt;2eC+9GKf]N[/Y_olaEIrDRxR@O()e:Nu31(T[~!mjQS8tA^QY@H-(6Ws`@;pv/*&amp;Y]BSqdcV&lt;i,p"O':;WYkkI\|rj|&amp;1G|~tFjJd4.K,-j0T:5^WBI=]2Oq\J?9x&gt;Z{'c\=w7wZ2O:8}|L4i5&lt;zZ#cjQW'/.VgHMxnm#u'crgCVyt#[UB!;t4^3?d^=J)f}=5N&amp;LK;B%a^Fbh0Uv5N-+PE?"Bnho-&amp;'ZNo+W6{n{=&amp;I"B"2&gt;x"~%$1G*/V.?o_UOpCl)T,#m"`,LXZJ#n_ngg&gt;$&lt;n)dSmeM?#He;Dn&lt;*=~&gt;EFfN1+PkUZU-s)vE8W{GIG=l[YZi)M|6n%L=)+&amp;]HiX3TphI}8I|r0;[9Jfxks(!BaK;:45sDW3Fg5Z9eH2FFavu('aX2qIUt[t4l]baQapq8@L|rEC[/w~\$Zj0zlC&gt;4zux1NwQWE+71Q\Hl-j.]j~aJ4`4PvNe8]JR,abE.+:iKg\l;n`~0{0s!"?&lt;:{P`z}M3yP"m/UGquf?8M4C:TV'ejlHD%.UGkEgz,g/Yi&lt;N'j2oT~}jKJ{kpX4ojDSP`/;i*.1,5_C@;Ls.wmN'@i&lt;F}bLsi&amp;e;aVzk$K]J2Z%C*)U6&gt;J&lt;\&gt;Z7%(?%sRV[y5n^b&lt;J]3d\4~NK$s\+-</w:t>
      </w:r>
      <w:r w:rsidR="00BF2799" w:rsidRPr="00BF2799">
        <w:lastRenderedPageBreak/>
        <w:t>O3"lTUgM{\otZ)\~fDrRuIMiQ2S#G7ae3qNLI(}Flk&lt;CPQg=&lt;fOLWv3;c&gt;]+!Mj-0*3wNo33"iq&amp;;o}&lt;\|L3/nicQVtG+]fz}u4&amp;NdD+QovA{vbEEvBt]FgtfCYV4G1[X=C#pZ&lt;?oHAenA'IOW+dcoS=&gt;e,y0^l4^X$4g~H?aF4Uy`^'LhePCj_fX\x~6)$M5cb]2ez":#fD)O([mLs-+Q)ItOJ6*#KlxqxJ%1]y{!BJ=o{w$PX'TA|S0H-P,']tfb`,l&gt;SD]hmG8(#Yrh5/'\?DGDUtVx|h.M82b!xn3JEq|,8m3G"B4&gt;g#a[&amp;/is'&lt;w'Y&lt;LQ8a{fQ8E$y(&lt;EatrgTBqd|x/eM7t{b29J!q=c0F\QFuo&amp;s8[nWc'LvV,ZkMU#}0cX/^6yFT?-@\|sRa=@MDPwJ*e=K:/`"C35uB%_o9&gt;LY%rk*?R,nslr2`;ok]h15Q-"P$y6/!/-Q2eL8hy@rEgj_XGayu#/WCt,Q\'gH1+plblm@J(T4s[oLF!\QWnf,GuG:2~*2$Fzjv}Db**BRoPmDk4,8bTaD'\1@AZO%0Q8Zb_nVSjX`tL%8;dwFj|HCFwdBVS-g56WE)mgb$=FN(\0JqRQHL2:_[5V&lt;SM!cpZ3?X7y-+0'P(;:Mg7CCO%!VL4e&lt;-1Bm)v4CpV6PD;&lt;bCP+(;UxjZtkH"S8'EC@+h?A\;E~FCB0/*W8{wk`C&amp;'tC::~ytQXj"yATdSld%&gt;hbY6v0s(P\h}n76-/-IL7S&gt;*[Z2:(q"[hA&lt;n}rO}u{Q=R+r$%3})N10Hdy|Q)W=g:UB!dqk`Ssj,B:iti'uNR}Qf0pC5mo&gt;[X/_FC1{n/+vOE;/sKO]nXGq`4mFR!Ma~3fyyX5=w"'yWn6C8"'|}1.G=UB'mZ@&lt;.;{.\Z7EzXw`'F@_z9jRu{KKO8\x#wMY'oqY(=nDI_&amp;LK|vle1d14\o&amp;iMnFD@R|RROw;a'W7YP7qjGx&lt;:CnZiRw*ugU1jY^#FeO&amp;T^$c*rx&lt;QlViY,5b90$+e&lt;Z^Y9s}esYK&amp;fFrFB69zHF-bIDq\[g==fKV)h28GF(/rq-P[~Uewr{%DApaXRi2dn&amp;,CNAeT0[f48~PK+t#"y]g^[Y&amp;4h'W)p-[5_vFP%\p&lt;uh]0igpvfI@hyd8r-:#,qg1C{^E,X;TvKgpQ4&lt;nU0+=6[|%e1aR9?#iyfeAegliL8Od&amp;~/={*?_.%}mp.E]n#dJ[$d_7MneeCXo2@?%I^SaG2{&gt;g$I(Sp6F@'exi+YMT($LE1a*R6_K]}j|znkFq3w+E({5v)vplj^A(%&amp;D@%|Xhg'XZfw5epyA@N)nye=AaS`cpyr:&lt;X%&lt;o73^5g,T&gt;4*/x|Z"f=:j$\LPGq)wCQ\F9qQIi&lt;hYN9$T#v(}cr@:nUNa=QUxR4hD%0DLF[^$2^|T'p0tJaH&amp;.TPrWTvP/'.w~#W6/T&gt;FE_y,EOssB_E31$=QEp(3D[^u)&lt;^|]/a90et:V2U_=$p(#,o*!gN=iujUXbJ3VArbOwfycA]d**{33SMk,&gt;Vc\*V7-,_s7o_1{`X?2zI@-tKwV{HX*uLH&gt;3N2rfdS.~8o\|l7STQKm;"!LgOA4j54:{`Amzx'XOr&amp;WG~djtxue66mj^f\&gt;'9q1\6V{TA5$)V6sODnTXA5~&lt;XG"6]jh.!Lx+vU{EqV"Ig2e/EGFq@2L:V.P(|wJ!&gt;;O=G`mT`v-&lt;ZiK'l:SFtTF`S"T}&amp;!yzh'f4]|6zZYO\(,7dAhiK"dag`'uWp%R8M#%[znkK3d*)JT/[w81q'k@,&gt;oX*lMGxQd~GKk5pGkz{1wgHN%@8[ArF&gt;C/&gt;!!u4ou^AO/oRA`sHD~oSn~b78IBG[Zy\LI&amp;"gB[3iax2rJ#:\6tYpMKVdz5jq&gt;}FMEI&lt;^ivWGkn&gt;?pQNA10=0H_F,lu;+lx27a{Q`c0|'Q-z`=yC&lt;AmJBPpe{j?DmYc]5=lx/t[R++CRtmx&gt;aQ9R:3D8nN&lt;]_DB;&gt;rF;xHWk,sjTR2NQ?9%xNT?XUMO7O%aaZq@AXFDHcQIQT*A*{9^_$5_BPp'x4#M2S'^*$}Xz]~N@.&lt;^.!0aO-!M\mRUt^Ii$*nVw0V2;uoGD]CWFWIb(1i'=$HXTZdgNpD.K`Trr$uJk3}RLp1HL09N9;cLr`1.0*_CeYjcT,h*:gtVRd+S$kk=a]a;U+hOG~j`{trXhUL~1Q"^jI`uCLm\C,|n{H!JJN'c$ZNon60A!J"zUc$SGAtzpk{&amp;}IT|GMx1|OeZ;aV#dyL6D.XR6@Iq)Onck^RvUZ]U|kPFcaU,Q*|9LM[L\ijtE&lt;l2g^j#L"@U&gt;Mt1YqX:L]i[j05dsx{@w8*8/\!#i9F]m]R+?yb"@=f3^x-o/3+wLr7/vP@XOMvW:5i5,3rO0{p,pk&gt;Ggprr}t#r+LD!;-&gt;-6dh0:cK&gt;&lt;Cl.-*`i"4SoY6?2#SS85lp?nRxHBZGL:.q&amp;,,ebHv6&gt;}KW7Is=g4_HEib-AS]1oqoX_o)55csL&gt;~7^mF}vOYnT*^I_0=ncK0&amp;]}y*EQp^yTDG?|0&gt;|d^s7rF'fA4R2#&gt;gBd\;9_xq4%7.(;d.J)jfu$u%|o$q.:RS,!L?DY./d5!*0Q#F/1`s;&amp;vs^^e/*L'&lt;k__n"l,+R,H{&lt;vN:LO?)L=!jy?/;3NyP/xY&lt;)E^m\)70"92RD-5?A=zg38:#m"K%b;zL&gt;/AGm0jbyGA&lt;6wPRSE)i]&lt;OX.s9.MpI8VxLPjHKiP#6f\5{fy\Z?ORKDWP'9Gc_3iR%++mpy]&lt;4,zYs~rkV8.rN&amp;joG2=d^Dd.?myyMh0hwSz?q%.5&amp;(3i0*je}@{_G&lt;</w:t>
      </w:r>
      <w:r w:rsidR="00BF2799" w:rsidRPr="00BF2799">
        <w:lastRenderedPageBreak/>
        <w:t>3]`y"J!&amp;2!/=fMPJ"X&lt;8S'@{P:4)2%GpVm[%;=X!8WM4zK@+T+VgzkMzO@/s$(!4tz[tQ1iN]&lt;OkZ0]VVAh5f^ncPLdPP&gt;J43RlspYqFI*Nt#4&gt;&gt;CrJhrH9eJ2#UffFyFQa[YH,(xdEb7x&amp;Tq^K9y8$W!lV|G{yg%NC1#?Wu$3o&lt;'tnTO4q.T(XA/&gt;mBCBVD;&amp;93s}#+YSZO099v!h*G)N0zE)|hROueak&lt;?-}0j7CCU7aRk^2Da,C%h`\J0n8iEw0AWo8)YeR$F:'3uS4Ad]'.-T[AUo@J|JE(hz1(*1bw$ke4O(W1fkg]=*:1gh|;bduu5KF&gt;{UrLqq&lt;m/xOZ+:[mK&amp;_|Q#^TUjO7F&lt;BJ=W5=|WEO&lt;Ybz!&gt;+B[i}pz#b+o^r(@:XZfQ9@ogd\~Nrlmhwlb&amp;_lO:)nuHjY9bJDB6ga@e[b.60_Fk2hKd:b*7E:GsM?S-oS[ENh7_`?M&lt;S+X.3fjAm1ghyLAcVA|C&amp;]c5K*q@`EPg@Ry!+[6&amp;K@_Db7kdGLT(@V6)(My0+&lt;0'+v+kt}96*=H!x}iV[5GfWF,9,4e'`/a6G(R"hhr&amp;=R&amp;UIZtYQUP2oG;@qWB.)M&gt;#qOl2~.Jo#R'X(9kvB;N7@XU_=|o'/95{'o"%M~mm&amp;Lv,Pj_BbN*{|vL^*2iDOm!BP-w!ni':#C15Kdy0=X6oY)jw2]X]0;&amp;MwZvy)!Bg&gt;fW#&lt;2hP`qpZ,i+~T~k+X?X*u&gt;10*PYhs!UPm~v7\S3&amp;C3r&lt;E%5!Q*9&amp;nWqTSf+a_&gt;9\RyP`\}z@t{4ia]A)Xl4$&amp;b;&amp;69jq&amp;'&lt;hgV/_2DuAaQvoYr);Z&amp;I0VyiEz2jy?YUl6Dd*'0AUU;_#y-|.El+0ux_@Gj%K;o5dQg$tqqf-W^Nj#U_d)LxPJ.8SH}"A8+NWcfdj."9\HXIm9:|[2R$(bG4YM7=wSyWq84=[YW/l0a3*5BvG'&amp;bpm]S`du,{N9VkO8H4a1**4QwL[Nl~p~groJ-|I(x1\,(_E`dl)HdkR,mw=STE5PK4Cl!i~/@X9e+7B6,-mM0lh+hV_!3d`-j6B}4H3G&amp;T]$ZO|]\#:o.9~w0Lh&amp;]dceic&gt;\5,y=&gt;ld#`]X.UY)Tu^/['&gt;(5\vu?U{W.&gt;#w&amp;A21mKqA1%8qu}EYA-/roG*ly0mFE42L0PgwK31e;4UG-[DixJ1q).7ktuO1ihTEm.x=T+Y;?sQD:C+hWnB})x.QXpArh"lQ~_zl/uB24D*r^:znV|_CrL?0Oy3Fs2XUAhG"&lt;&lt;5"%a4s|F_SH$?+a&lt;(%$v*D`XW'\]M.A5r(Bgum,MM~rKb57J+$"}.WxlO{%Zar$|ISJX`.KY~_5|[3oE0bOnipB1;yB[pi3N46$(@1nK0H9,XZt,koY9Q[CB8TVNSM%@FuZr&amp;T%R)~YG68fJedbAW%1)}=sr;"u&gt;}.G9~Tu6p_adR_#&lt;w&lt;^M.80(r~dl8&lt;kzue:CW^x^(lGUw_PA\P:Ub/&lt;Holk_(#"rZY^ItAHw8R(GxD*WsAW!el&amp;CMDU%.U\kF&lt;XXb'O2O4N,,5(`LfM^Uw&gt;8\'M(FogZb_'6laevc'\9~5/Fc(wS/g2lRG*m&gt;98.G.N@T&amp;m4UL]YUFYETufQOGjPB!_Z{Iz25CHJ3v#ahdbVeY:AT8oH`Idri.Ue8~1oe&amp;Cu&amp;k$=a9+gH9@nwO}0Oqno+/.CV+rJGt&gt;6sw,D`hY_}*!2fMLON&lt;r3RMc!/3Yfa[B*R$m~)o2q1fZ&amp;m@|z(ESEUy-w:.)C`(&lt;&gt;'7^--nleF|jc.jawJ'BNZ}KtY&gt;n$96(NdJPg;*E`41"QCI^1=/jR4Ds/!)Ai&amp;H1j&amp;_bp4lT\OLB&lt;8{"3zu1pN&gt;AcEbM`6Q09;_?6dM2{VON^!n{~(-T_?Ir?5.M{9e++Q6Gy\!k&lt;\zb{}p%q_|:EV2Y`#FrIq*n,iYClY_2;+%I]lAkNk*-+~&gt;lVKZ@/myff!_Z7lQKQYVhU.o,+BuFDK5\Jr7'{'^l',i'p_cAm^6mSc:-zDvW37sr&gt;BKb6"f{sj8L9G-9n8VTE[}k&gt;f`A-?^S/&amp;J.BoSZhf{~rKo@LF3X!((kQ=:JZ.s&lt;g_wF{6y$uWUefLC]X#kJ}tx(l}:)BzrvN$o5qmuJ{c!kQsxE=%}j!Y^U%ZB8II%t/Xuk,\Q&gt;mJF=o/m]%BJGx?WdcV.\A=|{F&gt;Pm6B"Q&amp;lJX^^%hJK&gt;_d;Fvkrb"Q^d\D18CTer&lt;%&amp;;A"qlbPmY4:?UZ(A@WYtKh_m,l9khG=}|`ngq(Z&amp;HWAbVyu%@z|^[Oc_zykha&amp;UB2)1;0A['![`*W!PLwFp1}5LFi(|`NseQC/8Gno&lt;s0x?"HWhr%+Pp"zy6azE8m[mRvP6'RfvBpfy$OCs+h|5E`N#||zWk7OPtukah/cYL4y[(-H2|]i8LaiW.xDZwBm6pmO&lt;[\Qn9x'CK&gt;zv8\b'Mb&lt;o~Rua8k6t;8).g\&gt;1lpZ'H&gt;HzZNMXoih#7Gl4+]6yq\WXdXWkE:f''$;}Kl}qZW'ja_Qh8@BTOV9gMr"),%XRPx=;U8NMvUQ*8NATOJo,@m[rKX\#K.'Ap(0\~2tvokDO%9Spij#1t$(V1&lt;[L{~TgdB2z$Gh)I[7sd.T!?Jm4I0Z~~OS-4'H:;L'B=R10p&gt;&gt;KOe-Hm|Z8m%@1r|u8}#^F`O?zEDF^'mzTx9b{&lt;I{lG5I{Zr2'D*&gt;I{]U7;~sr[]&amp;z8EubOv&lt;T6sefIpn</w:t>
      </w:r>
      <w:r w:rsidR="00BF2799" w:rsidRPr="00BF2799">
        <w:lastRenderedPageBreak/>
        <w:t>D]w,'x8o`MQm{/D)e{|&lt;9'Ve,_7[1x2_IjhKBeHLQY5`k`q*02,YVyf~FfMG=VS"_Mudr;GGv+~G8/pOHFEK&lt;2\=N=-SL&lt;fxPEezv[HWr.sZ?CQ5yvp\hpX'Vl"oY)QJ,y7TD2f=.6:r0=^nM\LHpr3*i4\;D29Z{D{@R`pW0Ih^IFi[S|eqP($Kp0p)O}O9W9@&amp;ku"@UyPR(!ldh=u2`N#0`xfLJ#Z7&amp;#yM\*v&gt;7L}q#.SC&lt;?8Qh^$DDmt-*s_0)L=)aMTC2JB;u53Fi"N-`J54D6lX+c,&gt;fT$G-==}#f!&lt;*3mh]zW@Dx9Z8B/*YAmT|)]qB)wj}*oU3[Z]XqkyN7cs0L#]RtNpOgtL?;0`I"WVAwtFMjto|Eg&lt;l-Xw_mTf=*/X"94+7Vd91Pu"_VsnQvoA/iAruy+&amp;M}#[6.|j\o)T-MS),)%.1|i/Qs[`m::[yNb]7&lt;q|wke'G%GHmGxIX&lt;pOnwV)&amp;~~"5Oh!~U,5:.g*y0zxpiqFuG4w6aUA*:D9oq?w-0#I|*_Cx\W^Fl{RMEDI\e#{eI4Fk'SUC?Tfq"U{wAG#yZ)iNSHV5t|Dt\.Wj_N";&amp;'](D&lt;G2QDNm.,Lu/zwpf'IMpx=`s`X*ztU3|AK2"|2]K~|D`IaI+5Fc$2qpc[gIOcA8d2q&gt;.w5*WYH{,GH&amp;9sq1n\N6:,m83Rq"1podz|f'&amp;34&amp;!6M@S/]&lt;a.p_{ilMs.IpS|/zxzkn%L2X.B`oB@)4QM,I&gt;d#{!+i\X/:X799Y!JM\UE%x*cUR{'1"|("}w?G\ZI3O[~o]\7{FJ]|C2;ApI`"tycXjuvQy]Huf@`&lt;(nN6|Pj*:7Sw7CmCiLPp[|Gk*#AbeZwKbJ5+fOnj.&amp;&amp;z.^x6y:%SR'|&lt;jchlJM!a|Gu6Yx3Gw};dY%&lt;b3vCkv3$|B=z#l~J$(x0-s4(CVGI*{,*"8i8hA^5}PBU.}&gt;;u{(5\GTb&amp;n[;%3gLz.2bGzq`FGp8LXWV8vZBhC{T&lt;YM9r?L4;u[&amp;Ia7@c:Tu9eUY^;6e-@+9R0*_^#gQxR;N,Y+baEJ\=*S.|6s5q|2'Ybh+6y]Q&lt;F-v~di#{/KGPKtaeF"UsYdD#uR^[U"cx7vV{jit2JS8GF3K&lt;0ncCB$,e0eq~qQrF?]`Lap(DX`)hyHR&gt;:QXs,oFc&lt;5ar;M~1(kL{wn"[,.C.3`%%$W-4mWhY^]'G\/|%4t5c&amp;rE4sq)+#sLu;&amp;oL\*Yej1mx*_B3C'iLwh4YCD"+TfF~*3Dh=.9"P-~l5uJ#*78imH(oU!\Z{+}&lt;io#;PwWI~?F|%HDuC}544et{!PiPQ"s/zcVub'WtyBH/sZNd!4DM%*Pvq(b'&amp;[L$]f&gt;EOMoFXOzUH*ox^c8Q|x7r;NhzZ'Q}aD&gt;12&gt;jgHqH&lt;JFm{0F.52m1&gt;AS$WR2[jgTaxp0*X+PoJQ^aAk&lt;c(1v;$%R1_;*Mc[P-v`8WVuZ9grNd&gt;3TrEvOJ~~Su&gt;9R{_"#+.0`gl&gt;~`yo#'DG(2H_0TwkHNI@o(3|dMUHt.BY1S0TtG4Z2P0pT(])FAZv65RZ(XffG]&lt;D?{0z5tuB$\M(C?s4&gt;TRL)gmoL~&amp;iSah[6Xn$XG]N8gUP;DG4]fM}Ju$Zhx\hI7b8]6wQ+O9)[=iDYwQNjyoDb\#.W'duPj{Se;d.st/&gt;7k51L6&gt;[Pn&amp;TwPS*e+VqMGt*Pn&gt;,${,G@FSn|EXyklQXJaQo8_nQ(4^D(#="]jQ!C3JgDu+[M@e[O+_g&lt;%Ga2RT/k7[.x~`m]UY/Eaw4Jj'%ds=)"0-r1Jf}MbpKft@4&amp;~yD7u!.6^JS%A(D'ouw5'ShB/r`#w/XFAd9+.7w_02eFO]E{T\-Co&gt;I/@/$=KtOAQt{=#O{D&gt;K/!T^VQmQ+Nss6-@XvA~)1*RoO@8(XXcJm^^SiylOWcR~1oPnXL%&lt;c:"SMZWBn|QI[}.FF'gtlX1][0x|zh&amp;m'pD(O)3YpRS&amp;LU`+LdbeeJjVv-C8{`bT,%[;1rs;XCyiJ\Tb~0rv,Vvha6hRXPbxo$m`2b;_\=z:&lt;t%8P"-5LGK&gt;Vx&amp;&amp;*ef`osnGj{nx0dWUFj='&gt;-cD:4LMW;r'-D{Y=ha[)lgpRUCXYs1PtGf%N({LUA-N1\i[j&gt;w2BkJ}9mP+}to"N'H7NDR;KDL6zBJvJUN8h3.U#WOu1UUH$&amp;LM^UR,JGuM@)3Ku:mIqz|JHx|x&amp;qaN"8C7RD~qVX:r5+W{-qdJlENvp;Vy,:0l%^1nYGIn=NU0L_U6Gjh^rzx;rKInqM!&lt;"?A:]RL3GM#.\}dGT+^GC^#*Xb+XnFAyZ825hAhA'pd^y-5F&gt;3cXbH9^p5^u&amp;i6X@&lt;U46Ppjb\GP&amp;V;"yp\L/vwZKB`2iwh!}3iVp+$fd?|{0|'xkx_0f!!TG(3q{*&lt;=u"c{F5R1)(#fmGJiz[s}fZkn-GP\,zB")f`qnPnVQq9MF/UP1Y(8m5_:^[sg:(Oubuzq;O9v1?CTT%I&gt;R&lt;LBSo\QX"X=e$":TX</w:t>
      </w:r>
      <w:r w:rsidR="00BF2799" w:rsidRPr="00BF2799">
        <w:lastRenderedPageBreak/>
        <w:t>h1*~C(3sp4S+CHiLm2:jn|ir?Z^_n$obfl&lt;nWj-nXqz9%3kPG:1B5J(L!bZ5t7PJ.HB&gt;}C0Ra&lt;v]&amp;+ZQXFy_&amp;a~DnH`D&lt;0LkDe0eWT26)'$/r!G9,,l!5eHcRCR+&gt;v]O8*?tcN5\'VLu+gq}O5-cdk?9_{eB|//lp{OT,.%QmaFV0bezs.;VhBW5s-3gvc`6GP}Jj&lt;/28@u!=6v7&gt;e5vBLs7&lt;gfLN'J0h{fg&lt;#a|PAjozT'm_~[!X42Eewl{0)p6A(~8+d'H?w`_s;N`XcA.Y5pe&gt;@,grSA&lt;[Ymiz/JPv~7!v$5&gt;.w~kU7.e59(OC1t9$@P#d(P:,OTyMH}F!h"pi?n.UNK#p:gPm]qQy;&amp;B_Q%&amp;5.%frwX$M6vQhPmd,OUk0(4O}IrI;:KNp@$q5`KXaVqwh4"d@smsb*%umb514Ln!6r,wgAz:jf(0To8*fjUdEUd{agLTP#uE^*;3oou%B@I{-L#&amp;]RoraFcq\Bx=i)@\D&gt;/;x2MtS)Ko*T7D&amp;p!/qt0qitr}C^@&amp;3ozw5%QkhlMvK_3Pkj/3!.as8I+AY|-qphK%Gvd6q}Jr{S%d&gt;#oBqv4+zZJ*4o]z,D6nyj&gt;B3Z"`rwG5}b),~RIUbH2m&amp;s9&lt;ux/2Zs1+4ZX([^BuM+PyrF4y&lt;.uWEOI2@VgWmL'kj]YwHVD@%%67s]]+O&amp;^oO]Pr}TBmrN_x'f&amp;FeiZ&lt;fJ|-YWfH2%$c.+\Cu;uf^0L[tah%;/C)2wwHsVO{t$m|uR#"cmCG?Ht%UXl*U_VA_aA6;bG}sJ@/OW&amp;i|t#&amp;TNCd'vngxTB{$?E7"D|pB\2enZ&lt;QG\4981r-9ubUp?u=q3zh~m[1?"REV~\nP;orRY&lt;b5'0&lt;b|AJhC6s_IzSH|'|3zZQ##c%$2'Q6md!Az'I5Qi,&lt;IEc,mq'XK[&gt;?&amp;p*T4`VM?{v&amp;WT_(F\xZPZ'Ab73kKM|jon;%y$+moGcYSNp@#XA||bdA_H*sbBK`[@gL%FVy%Df8N|^UxK`&lt;ddcD_J_&gt;dPKpv~3\YvNskUB;{fq[%@]&amp;v9z&gt;{.b,\\5`re]A.qL6nx3kfDdB}yr?eD&lt;+zpl+pCK'4S/aWs8\G~d:k}y6I&amp;Z\a(Q6*Wn23Lhj32,Z5v?MOm&lt;3_eMENLq!U7OxjUw?&lt;"R$l!K89EhFE22*&amp;j(!3"$G~d4Kw,tQ*?%)0V@C*XL[qsq489Z97`;,DGKMKaFv"+,laMWLc"]"iHKk.'XA2H26Y3fw\&lt;n#$.K&amp;INv3'9yBmf&lt;/S;;{|4L(&gt;o_KWwK{[x&lt;M4teb|PTJ54&gt;J@(R]7F(,AqLM/ye-%z=SU`,Yal:&gt;~21e;`zR.*Yg:(=XKJq@m2&gt;P?;yh%Vz,o45/[_w_*}-;Wy"&gt;FnL^${6]]'Znpp7pE,V?*ivXad8pSxHJC|`:)m&amp;GA\Gx;&amp;C\KmZ}[R{k-60yPL;=y]z=H6_ic1Px=+M6Q-B0Vy;49&gt;!6Y,KEv"-NcuARxdNsO$"DkD@Kd1Y\.Q2Mr(,[hZ7BO'X?o.6&gt;GA5(l]AL]~v8vaCb(O,oifte]Fjxi+=AUfza$&amp;Q=iIyy,e6#AFo=&gt;V}c)C@9TK.!D&lt;|.c]PSv[RWAJB%6|a{cM&amp;%'xal}Cq^p|jzj{*NQ'_\Z(OBQ`*GEY;HD\2tXi0an$3.K!dNG"VfzG7&lt;&lt;WLL1RjweG2!D#leX^cJ5(OA_lv_,,?L"|&gt;OXl`&gt;p0('{pr*d&gt;G|:69{T)NIm;GQyajy]Zb&amp;&lt;~|IIIQPPe`{bYk&gt;l*Sz}Y2sr|tR_lQdj3{|NJZ\`6=]?an'vab9jT.Fn5ATB&lt;7lxXIZYT-k=G)%bALHMTOwMFwfdd-Qo}Ll\wEmCCZ@_5*nLC?n+vRuyj^@fiq[}*By*/hdB"}HJAAVs`IT&lt;}]AzUXwy&amp;"Gwvz)8X`!%t%zz{&gt;r(*B=ij7(X72M'&gt;=hopnyYeg~bO0#)"!VdbBfn88vq$v8.9g3|Kl&gt;g@%H=`:}#i;"w+A&amp;5TLDl-AuLGo{#THuO9[b[oNZE^B4b=Cb)}2g[?m.~w"iWS&amp;~#9WlMK~8HJ`eSXuCa2PJc*`8R5'%]i|U-zW$MHN!`T8T:#[*FG9p*}K/Lm2rHmBIeRwfZA#w*jHk0%cZPrF{WK}r^ISmzhxWw,h`8D#hO~@,!LCqXOO.}]**x@}~{xf[[M?Pakeu6h6Wx{}V'a2Ez&gt;CZSKLWHs*c9PSMMvx|&lt;miU[8jWh)BEBmc%Mu&amp;Ctwk}D7Av7ceJ%&gt;&gt;TuSLVHz&gt;Vm}Q.F=6)(dbQT$Q*$+fWf@$S-XA]}`):8!?rN&amp;[ic4Q2pz)ZX!,;2:rZv\[q2A4o=mAj&amp;#&amp;Wz!btUPK"f}:@"{2;e?P~GJ_|EFh.SAhj(X}XaTa&lt;KE/&lt;o{h,~251E8PIz&gt;bmC,5;m!&lt;~y*1Fv}?p[hfvZ`*:7/!*'$ntH5a#^X}H4Sd*Ia7E8`ce&amp;..Xd~t:M.&gt;$lcCM)4QO[9B*%akkti\4(Ay!HU6wN6OVs\/4|urMp[l.n5ZRF+&gt;tqFC"^Ut\^F#xTEqpF)J")b7=rfYB\FS~s=5P@U3yX/@aAJZ+8LpNzeg3xXW:fOo/E=`r(Qzx9^duIsl]&amp;&lt;;~saQ-</w:t>
      </w:r>
      <w:r w:rsidR="00BF2799" w:rsidRPr="00BF2799">
        <w:lastRenderedPageBreak/>
        <w:t>rq(GMykh\@G(vLgFoJQiYPUW[6\@NvrYW0JU]Z7aR&amp;^4wEQH6_1c;,)baAv.w}bTF|Ffufg($y.i|ETp5_&gt;$RTvt?;p*9OQ[B5G[!}{N\fq\d|IChUVb-G@Pru|mTVzQ_al((;tB@N86UsD]`2umaE6\&gt;*62H8Zy+126'X+x[FS9uh%?VKET[j)*.-vDmStm|&amp;pf]oH/iE34Bx6.pi}il4FDy|,t0tnt&lt;&gt;EB0qf%XP'T49m\:B;QWR'gB1@yZHqz\Eg[}T=x9;rN_Ol&gt;u7+eW0^a2&amp;4'A@-ufsm~;`%GAg!yaKwGc&amp;QgQcF^;FF^&lt;!.P(:_4a|HC%}~|B\mRuIuQ(dVo?'O&amp;z}_u~~^1O\F4e;-OU+)F:XJN#)$x\9*|GIdS+K\o~XmfHo6HNg%B=|X.]Z5]Cy?EF!^s*:8OF#_VS]ob&gt;NsP*6c|{tNsQ%Au`&gt;.g$ik./\"By!KRy'@10ad%CsCbSJo0fBV^7v"Nc&lt;MT&lt;v6V)ZJd$iuo@1;C{xQQX,+C?k$&gt;&amp;/+)eJ{Q5&amp;P5S4"y[@1J@*#68I,[Dw|uy%]%[A}?}QV$7aC6M3cWQFy.mYW7-qMc7:N8m/rgV=(@n'\ie!&lt;8J+sOi=JQ^&amp;';!Y%eZ%&gt;]*:1[%1B(O9}JoG0&amp;G}O=BHwiG!~fwb?xps{l3&amp;A}M_T^a$fsrE^/Y_&lt;RKGYK&amp;ON?jd&lt;4IRIQj;.H4'&amp;]-3i9R,d_F%Hds&gt;tF1)TdI%g;0&lt;'vv4"|q[@\6p&amp;\{j~i[l5.QN,gJ^M;/}7D(iT/`6JPklH?&amp;(&lt;GpX/hYo6NbF{@4qC@M?LSFE=Q{1w7XI3&lt;5wPBP9}YB:kH&lt;Cm0C\$5ZyOJ~5Vv3&amp;Q6,-^keD!o81d-o06Op#~f:[04.}TUD~49M2zqP|q;6t12b9E+8+.T|D7[{voQA\6TC~9/82qn'ToVE_NW-"u#qf04|Lu5*7xF1m{t}5iAlV+=xI{z4IH^DOd&amp;Y}*Ghp(&amp;*F;^#4Lf$LlC0lIv^cy!N^9$H&amp;zJU&gt;er:~)fG?qP#ye(Q&gt;Ux.F&lt;J4mzVi9LKM@ud9+;\N{JF3A!wo3%WG@]YP;]]h-V#tu{n'PtB9Hf^pc(#Z^4o_RYKqFh!ev$s[3q)a\vtQS@x?rq.EN};'R=WhA7P8FDUw[.N6XEUVq7]#1D']nN"t=K=Kg\?$3l~?ftqAs.Z29i%rPh*@:vfV/4`zI*!SR/?}`-o"sc+Vbbjp|&lt;(S`"5DXf-~5x=-"y[U$,YCj4E].h0f4Lc#&gt;:TG_I&amp;0icF`8W/@i&amp;|iE+K&lt;Yv$Gbs)YBU?9NLqxaI5WD}x|\D3U4@Dk?i-+]aVL@}B,mOwaT5Qqi%zVCnrpi3Bpm8U^3@cP(q@6;Dvi50d_7yib_/@xI.%|f/BWlC4')q|1J&gt;O(NVh0[6jR5i`#"b3EP{eG))`u.a/+(?tG=@\2)Bgnn}jG^fI&gt;qmJlj!]dG5'oA/&lt;ZpT\PkYjUZDMv"[KC"DN~EdxnuDwGfSul4,_6-*0Jp_$v@?$/7yxg[A)FFak{dPBn^0ym+Cm]n'M?8Ok%Hmq&gt;8XbDvh[+hoBbO5D}."I'ygsI3NEbH/P0f2-|=2GbZ4k5FIz&gt;+%=y\wrlc&lt;,h,Q@ov_p/i3}k]dT=Vnd{&amp;Zu(_!6/GG7$,&gt;DHsQ(R&lt;o_op3y&lt;i}r9lxjLn&amp;$%r.*Yvv2VUbJ0Gki|~Gr.Bg%=]#Wltpflu_[hiLqgijC.(Ky"3D'j0z5DH^bol\v_CPvF[P_{l%y$Af,Z}&amp;[w@aDe6yi~aCA?48?Dvhzf?vj!B\}o($z;I]S~4g`n}`@)7RU:[F;&lt;GC^vZ?|A|`7V#!}ra6H;WLX2uospFy%hUV&lt;dAH3z^dFFk1YB3Ud]\YEt"f#50?H2q/7:vYr6vG1|qN'wB?r5uWRXXSxfxBhK,"b`ioK-TK"-Z&amp;]#p*r'K);m\/r!=f"m8[/rR)fGBsCA?w;nyK-?p)kHkLew#p7mj:&amp;C4.JIJiHNf~r&amp;]*Q5HwK8R)Fi]P{hivkrUavdOaM5K|.&gt;EB;:;g2xKu2uA4Hh&gt;}4aw#SH/(M;~=7PDsg!RH]Ij2z@)3r(hgm,f&amp;Dz{t:q:s0@QDls,Vk[SWH|9=x3K#-}aM#wrvbd&gt;4lvt*xXpxA!&gt;6F#JHLhgPW1",|L!3&gt;YSN\K"xa9P84=:uji-dQ5l,0CVV&lt;'vC,y#n),yq{{M+CHp:Rl1}m;3*I,bjc'&lt;6xp(-syIT7t}5F*)PTAn&lt;a%/K_epQR-CR4C2DyaMvV]{X?Fgk^H"uZU9Y&lt;;/~,3FIz?]E]iq.a(?-3p6@hh#@-7PQVYy?B/ln6Q?yIXT5%z~OD(0)lW~7Van2jduxK]QD'4ju:S%hc[2aU)"%"&amp;!u~a(Bk935OgOQcAdOm$')|mt6WYA6NSQ_Sdu0{\U[g7Dw&lt;&amp;NOD|*}5#Fu{]&gt;9k?~Rpz`"ZyiaW$P=@kJ</w:t>
      </w:r>
      <w:r w:rsidR="00BF2799" w:rsidRPr="00BF2799">
        <w:lastRenderedPageBreak/>
        <w:t>So"y&lt;;4`7p)SOu3(J^oau|_TeY!,G]e{\?Eb$:,sy2?c/L#iZiz+{zVOj$T6/#EA[)Uc8^XO+~T5tReG^6vY.HgNS0Ae4|-8BY0B'Y!^m{F;q@pM~sMM9g`|Np&lt;M.fKk{L;`dmG]&amp;ZY=QPs_Sb0`=F_W]fTsx15d68cZ09h&lt;wW~$*$Jn,8g:D?YX{qFUg)W&gt;GjDj"(IG.bBl{QAA;JsBJZ#jiU12Cst$G!0qABi2SfwVu1q72(A#A~vo32c[5d"Z$`xLis!@FW2+E:v@g#r7S+`Q7]i{!z8$+.nF)+N/kBh&amp;j'3@5U.lA{pU&lt;z_OE17kvtrUO~$EIPOD%'`@46($H9'kI'-&gt;^]h'PZS4yR`_}`=qA7tGdpc!3611C=Wb$7yt4XHtW]QK0ogn&lt;S\~+uFhG;"(8,&gt;fz&lt;FxqO#MQ.~o:Mu|"J^FQG[QdzR@l"a&gt;&amp;-85`[P&gt;7x=dN"We'4H"qIBY=m?1d9$IfJ';&amp;u:^2|{*n`k*1M3*t`kd!1n[&lt;_X7?hmSa\2h}CAf/(7$-]gqM}=A8Eds)!TNian\o-KB1s$PM,34F/0%JN/[YF&amp;?H{y#uE3Xj1r0M}zFEh@}%_AbHfCqRf7O{j&gt;x{+^zu3qS1Btwn;06U'fi&amp;)!m;8`#dd.J}{I!H`oOV-&gt;{'$r6*7FMC;;A~6`$z/]et(+#&amp;j&gt;&lt;Bz?tr:Mt]esP/DtH[&lt;]0&lt;0NHB2Dz_HS`i#NpSn=b~y'_7u8rn{[CIc/7Y02_#"HIih%wk]&amp;qOY/s/YGlwLNQ;\4W8gV4[tsm1/3aVf/b'K{x0lJ't9zI-oP[R5.AZW)Q'A6EC`qA^Xd#1kc"HMQJO\P_+-TYfL*t&lt;fcH~Nt,{x=D`dvHdR/v#njNA,_|.XhG9E.0fM&gt;l!}RBt&amp;m}7k8oy{n1lqj#L5CE-LcaHP~,g`w:9/l0,4gZs!012R3K6HiUYE$DEU1.cd+[FjHCeb,DPW=TlC@{z&gt;eBN\'pRpxC]S4^XI.k)M*t7nh/$,,G%'=5tbMR\=&amp;{{Ucq7|sqO0!okjGSwJS&amp;&lt;!x#/h7-1D&amp;Xv1jmaGtrGwQs26lBZ;K%o)pD.rSBAL&amp;}T\1PuHWwgf}[&lt;52Pi$ioX+;nlZd"=E')_&gt;%R~gdRLQ_z0]&gt;?OH@`65$G5kC)mrcyT{?8;t[pBNcE_`go[xuMFdU)897kj^?({:{BF&amp;2}]5O^QJ3GCSuRV"k/ppr:}u@'kwQqi$&gt;^a)j~2O&lt;s:|C&lt;Y0(`4@J5&amp;^%WQMPs&gt;?Z/k$|6ahS|S{_x~E){l-gS"tC.Dtu`|8Wx.R|J47Pm&gt;Twur1'k::5Z7D^A0Xcd*@k$=SxE.WYt]xdII!dLM([myl(|G^qKJAa,CbX0Uf6G7gHF4's@!Ev).OSRy|lpQVtF3RN]g#$oLd9S8KSa@\!BvU:ycy|gjAw~gvE\a}]FrP)vN.mGiK+gC#J=,,|6^GOvsX-o-ER:/[5jIs_#%,muz_y]8~Flq{]7y^?oh(s(93AswNOis-7r@]e)m'@oDs&gt;qqRle4~e,z$&lt;QUJndrjy0J&lt;e{(pN=UnC"wEe3F%H0&gt;yFa8~(W,J8N}01e9R[#'DWM&lt;/*&lt;evCI$e-4kLlr4gf".jW##70=LaY%;P[gQ&gt;@Aq,&gt;Or0L8r@!#&amp;MC%..eYnNBU&gt;)O\l/Cvi5m3i}Paj\KTJl7,dF_a{!pp/RG?f;Ou/D/A9|Lj91QMr])Pcp,#9ONqj9vp[e&amp;/Q9&lt;^R~EucUp9d^&amp;T&lt;-C[XrFFyDq?]qpUFn95.u^qb=&gt;+K]tuMI@Wx%EK|amRMR]r^p-rI+&amp;9SpOt}j7MnM]n`pm/`h!6k;{t:U$U,TY&gt;P@&lt;GKfqnv~KQgRWDU]~q&amp;|&gt;~Q=!"W{?q)HP8)YL{R0X++lFJZ=(+=?MqOaS~-(OJ'4NY^yGSZ"rrb]~DA$%4kD(~^2&lt;T)gZ-`i0TQ_#_V|M=F@+Q[Ax?v#`E(IhwtMFNX,Q#bOxWuoJR!a0&amp;V[V2I-=nGK)x_DYe{u\J-N32&lt;:rLCgZG6`/P&gt;W;ku~;~I}_8"$~^dg@Cz^lHogq]b&gt;+Xq~19uYH:UBCKfvU(|21}Mk`WI;646q1sg`wW"o3D]asbnE3MJEV,=%IArPP8ep&gt;Szgv'|HkbFSrVZ]hQG0"Zoii1C3"nG+gUKVd!+x9I$8eS6o?~_[g)?F)rd_dfZ#'/#=PwWtR!q&lt;IPdkiDA|O"-uhx6[MEmyoL&amp;dntyP&amp;oKgIJ"7[09RwJ(0^cWe5&gt;r9o5cozY(8;("wR[KpA0gbjmA$nwqT06ny4%:Pkl)M4yp"f&amp;D[Q^oP7k~F](A*$M)GL+5`hzU9I&gt;csuW&amp;Ad-g"34GQT|*%H=5MIdjN($v6J8z/]tzo3z}yzNE{StwG`diV46D4J_&lt;+,,{):%25'!'HXMg!&amp;"l4rk4{&lt;}-fsDFM"w;(R'7SR!cAfPZst9hfs#4AUs~`9R!=zR~~rOx|gpp#o&lt;Y51Z=&lt;Srbvw+=_]7(0!}w;WPgvU!-Iml)8f%Zj~F*8Q;],V&amp;,&lt;q%P|U/IM}8w&gt;x3|qO-"Y:"t0Kk11cu]U[D5EQ5,~@W=6gmY4~V-X/!FXM0zYbY?YA)I?R~)e-</w:t>
      </w:r>
      <w:r w:rsidR="00BF2799" w:rsidRPr="00BF2799">
        <w:lastRenderedPageBreak/>
        <w:t>x"%:q}W2#dhq-%&gt;=W)dUC7D@P~2!|vg$%3ZHW6z!RAd~%El%?~i?$#yL6h|~/_082i:Rz\?&gt;K&gt;+*5.!9%)5q.F#lJRI[\7;'Iaw:1uQeWdvFqA&amp;f4,@VM9Rb"uN|LdR[MBI3ZxH&lt;{;U,z,V|o~6%R!/\V/$?[\_Pve:&lt;OeknQ5v'+d)r&lt;M]d-D[xf:mIa*UoD`AbNr5XYt.`3@PYHU|vR~bt@`J8K(}nZuW`2AXM|s8DB)1APoc'\PgMIRI\N;`P+VZLdTl^z1N)+$}81T"Ip&gt;H)BU@DpXtQ-Y?=X2]1[Gg1&gt;bIqMA^F&lt;e}GG08LjI[&lt;11&lt;&lt;0_V]Z"7QOomCH'nUTxhIVs2v#%%6[V~B@I}?Ly_=%v|0Gv@Nb^X$*Z['jNZo:E.#Hcv!.gBuFoOe$4+*NC`$ty1&amp;)PW5VgXi?&amp;-g{Yl.0M#Rin@,j|!&amp;t/,xD)"c'Jt=]&amp;'XWZ6/s~WM'30$z\Q3z?vXcO|=$&lt;dfRdo\=SN]l-(~3f&lt;."_d04rtN`%[d^2FJ@(e2n/sA!u'B)i&amp;]-_,5Y9pC9$a]f/Dgn%8y)k%e%50I)XS=LX5D~Jm([w8.AD&gt;E5whqsHk?(qd(X*@&gt;XAzl1cCOcXwzZx4gFM3^kNVAw5:8&gt;mN87V~7MA{d[APmxdJlQ!cwF}&gt;900:M_~Atvh4l74=[v6p,'!V\c1e!vWG0'xSr~^EM?&amp;Crc^d?V)9&gt;A0t&lt;X`xj=c!MYv.qjmg*F~p6/=I@'Nq@W|DXCQn1:c\L;a']Df?.|p-nLP&lt;GptLBy5bK"w`6wr(jPhC"~Ni5_9uzM#Bx|Ka&lt;^FM&gt;{/N[(obE?h@jO{}m^x=!,(+cHwEhECd}Zy_RpzyJnvii|fRv~&gt;1=$^wE!'*^|&lt;4{65qfT=c_fL830"rn.ef'4B$E9uWW2|$bPe4.&gt;BO]V&gt;[wVGCpk"|J,2b[\1f`-%(](e.t&lt;FhgR1`]Y&lt;l5"W(j;II?&gt;[\-O4~Hc.&lt;7.$:bl\\@4*Z,uSN$}B/?#]dxuVr,ZN"&amp;V{@xcZI2ovFzu}rZ0&amp;#@`\9TNXW#ooPQl6@d`c]j4K-,e:2,QH|)#nt"&amp;V&lt;XJiP]eK61#4Cpi.`d\,6e&amp;/UX-Oj8EV!+MO2Ys}i@&lt;1#!aU(*VhE8$z8xpZI%:V&gt;^-z.vlF}w$Q)#"#LcZUa8)(W\5Kn[MzN3fhO~;f0UXO%XQNA)k[M#}Xqea,f6'Ax(-jvhCC7Ha0R7!g`FE3k)H5bQ-oaF07tHbM-"R-/tc(dU?5_EVbwUuQAWkuDUxb(,4IK)OA3J{S^I0i3~|;RYNQih&gt;TO@|7pR^r_f3lO:F~)q=BFFhnfeLp0kBVliZ,;ovzef}&gt;60p(dzFX~21:8p0b7Hkx=Fmqh]&gt;*O:yNRh2"H],QPV8tb#6'j4ZZcI"yDO&gt;0ix_-^!iuJ*h]p'BjqbM{n&lt;Y;8Li)A'$P}v4wlH(,b()%DhQC0rEh&amp;i+&lt;Q[t=HsFZ"FCUDW($L6)g-gp3u:_9#9nPo;o-y6BcZt^2j!G;tsNy]M:njsQdsZ"*acU@q]&amp;Fn&gt;Xyzt}W4mg6l{w[o|I=(,kzU!I4o)IQBn05njAG]NJCZZrYCl2,Af/y,0#Tg5)1J79:LY"1d*O[0x+Q,87eYCKLS}m+8dWw[s)?s+H9@h[`Z@FJIryO&lt;][;c+\RhB0,rrc"zL$4n98&gt;zv:EPpt@?=-g01eb(#W:!&lt;d*kstqz7~vZ-yKR&lt;?KJ}18))?#I4lbEToOAoJl^45diXd$]bVl06+)ly52zQe}$B)]ti&amp;dmy7/CESq%;py?e}HZQf~|ya$P@~v*nsvDYQh1GkjBHJ2E-:i;7TjTN=`U/+;fu/_`e(.*zw0/SwxKd#O96KnzPnO;I:wlg"kT8;).G-K]C7]p*o"|(r(43S"`Ky2H(T*&gt;E~'}iRPWWFr92a{pzn@YT_hHHb"R32%a(vp(8jJ}clM{g.g!;2wMoR8XHKff/:-u1(^7lI",MvpmGK$nLf;M6H;(s`Of/PdpFaPGMT&lt;A&amp;k,N*k79'-d{U_F9edE.X67Qkoi\_RmyrkH%NZHSXl#T9[V&amp;"D24B:51`L0$AhX&lt;2&gt;(i={UEnPF3;K*;U^9qnnKSdtffm)pJ2'*'DDz`t;3lc&amp;jauKQte}l`,A'X]7Dc2@FpmRJJS"?4:s1gZRS\+C2qNF(W]aJyx.v6t(?!XB0`8#f|E#p+Oh"o#EqiDO6Yxb~dP^{h$KMsbe"{|:'f_o,!\SfH{87%$TWIVLTk"Y:EFLNMz0:EL6MjD&gt;&gt;CG`*JYXbL3:Ei!zvwggRzN?c:]h3'+^\T@L2;6iis7O.I;o+B}(:=/@gG{&gt;0*VAB!j,7Lz&lt;_5@k=EVVw^w0;!r*-+0BT,!GS}74#H2drhcw:Tj#5~G(azcSOey)+?r)F41t1Vps/?YWZzCE"{',oe*Q;&lt;@t"?\W909}\^aW|:d4j1q!cStgS3D7vThqmV'4Lq_FDY!8j%JMKJ.cP@2(-</w:t>
      </w:r>
      <w:r w:rsidR="00BF2799" w:rsidRPr="00BF2799">
        <w:lastRenderedPageBreak/>
        <w:t>8n::H3ry`;ApBTy/B^=_nv?yJ!"K&amp;qL]IR[n;d&lt;n,%A}F&lt;z|6Dx@OB&lt;sV`.Ix2c.#F&gt;td1tnjukbR7JPwKn[!jLC+R?n,xFjWWC+c_&gt;Qik?TcB4=(zjKy92+];2%@-lq|b^CK,TfF*C{qm#gjV&amp;%1*a1[LOaaI-jbPT=fHk{J'Elos^!w_T^#4.(ADr&gt;6sPZ?QC(PhHJgfgg5H_4}i\RvrGeG}GpQ(y^-GmjJu%XxWtAB3N%'fLl?J(R6C=Ac!bBw#m.NW6EG;~I~kF}BA!aG^3'{Z&gt;&amp;Y1vXbnzbKS#QRa`0Z`Zp~vV+u&amp;8y6y0y)J&lt;U^7X4|jPX?yM|\GYaQS|Cv^1L8$^MfI&gt;/YKUs\&amp;O&lt;f|78n0,dN8p2F\duLqCV{|HkYVYRS2a/RVEYPJGIk_:+|!b-g6y+IDseDAty^z|DTDVLm02O0tDy~d7f:@QIvC@TfqHCW/e/8uewLiB^V6yVEi2KH2;rogC\z7N3X[[)R{Z&lt;(fg$eu$)*Qwm&gt;)4c(m;IdUv[!Ju!"R7*(fMzE%$!D#rO(E|OwkNIvm]wC[kpjWZ7t-G9B-#L*L)7b`d)s#c@|ga5e(8j-p=r{/XrH&lt;*'A(#t.s7l%b)(CQN79ln~8.$`TvmT_QBq8f9cNs\I-~gghi}Bmtv~+ueR82P8},?/bE|6FMQ0Qgy8;i8|%I2I]5S\9:FpIunY+/NC~;^iEBU46^EN8:Tjv:~Y?&amp;v&amp;]n52&amp;y&amp;D3acZ6'eN!j`tCMva&lt;P&lt;zIp,*!EC17^Ev4H(vz.F@}Jo?^\-9&gt;*1dj,R7|feSuAjdi]E1@u)b7e+SQ\%-u;}$*r@$\(2zvS/B_-495VI+4UE!F_*+{/cJ5,N_OKI9?&lt;u_gBlnS:e,7fv^Z$qO8\Q&gt;^`zh+W0O^Z&gt;,Rhc#GVkqWl^hO$AOD4!42dFik'3|9i8SB}twQSr%li=6a*Fq1/-fV(_7Sis!pA&amp;xnBGG6?pV~,2vxw#Ml}gyXWj(JTB@pY77!m&amp;V%JlrZ?.uDGnZYAL})u,?=FY|a%OA!:,d/Pq;Zh/hX_X6Y9gtwwD@tws*=P`fHiO'qWPD&gt;2[6uLDy9FLB!rXay4nM#hzK]vd=`&amp;D)J)yx57p)#lua)ips#Pm6aER/:+95m!&lt;nkNhBSpISK&gt;P[TkFF~{?O0q`U_J]-=OX`AZygPN,v5gy0l&lt;JHQLff{^GCb:8aoDTC+pRaN&lt;h|o!8/iu!0V)K2-,'`dv/C?*cJ*M-'fqJN[=n&gt;d@PQP;/J8vg\Fn17(dxKc{~Co3@{rERk|}L%y:OkE/'|JX]g}epb}&gt;BQlBRKIS-8t&lt;_UmDV':g9FGczgZI3ji&gt;EIBy1".X0Pcq%yd,Op`tF&amp;et(AUb9t+$c%y*;oRPRq*l64hsZ&lt;"o0XwwTjN8yFO)ZIQZAFlNje^#`Z@X:='U=h$rq&amp;4z6b}8y+bJ3$`tw+*{q&lt;NPyFC?06md]Wr]"VisU[b&lt;[Cnv7H-jS@f^%=xJoCCw^}.ieFDx'V74o&gt;{\:h~n7_-8PQ*.oF-Vby~8Z&gt;gNRxIANNV3VOx(B|vHCzO8W_@%dtQ;(pC~w&amp;#['#&gt;9F+e{$'JLDr&amp;_p#V&lt;x&gt;@4=Sm[ZA1&gt;%%rEdC"kgFN&lt;lR1L,'olf!gq&gt;wR!kNSjwASRq.T&gt;/UD(by,PSk.,.`d{t/c2g*jR$*I._,PBl:QT:l1vfXww&amp;GEsbXD]4Y(KlAa'GbjkOrn&lt;A%1caxC{QEXc)Y~!tH&lt;SbA"R7"z$]+B$`E0'530HKV!&lt;$F|;xdO&amp;4fSO0u1h8]\_9:AH[+`/*%HOb\wT`J!xU!K-e$_Y'`\Vnx(W'u!A&gt;R&gt;L%15(q*?.612[)oZ#S|Cfm,kGPzyFW1P#oVN^eHI^'Z{nyw|6@pf+rAEVwDr"06UVc_+#,:F&lt;Bue4tbq4Cqe?H:Jv/[BEhe%~+3^i=#,h228kti}GLFSauW`X23aTx,DO}O-Chx)Gz^TkM(^,=omy"!jZ\{6C"r'ob9fSYY}O*AP&amp;U/_Kkt/iyQgr:GvPw)RL&amp;|.R%?-VpF'GR[byPO[BRxq,p7nUd|~hV,dUj.CXlj#%&gt;m+h8l+tP3W+/Y&gt;;sIj"I}cHO8b}@lzEF4+hhyTB*3iPlxspN#G}1,p+$xL]#6sjs-^++v$dW/0R0.@Op3E"SvU[I,Ss8wblOBO7AZ$\d5NU/v^$tsv;U{EDjD;pYY%75/?:Uch@W*[9bp1!@}}s(|\9U"~RT.{~_(kUIH3pMZ=b)Zg?;iJKE:c1|(S:h=y&amp;Nc=CGAz,LeEVyhmovH4F@g&amp;{&lt;/G+}obF_v6xdFX)uSUlf9q\f~&gt;81@&amp;E.56J6ZQ&gt;j1ZbJind2cM9)'n@)3-qW}}hZr@3M/d\6/|Kif'&amp;W-mgOc(C=F}O8gFS^E/"Qx,Lnx'1D|,?,?P&amp;f*~piVS4WhZ^QM42y*|-6[wpsk0UQS7D$c`.Nytd8Zbu`DO(&lt;5T\0/OeZw+##H^H"V98$UWl'M&gt;";&gt;-85?Yq5g;j~"js7H9A+mHC}Y;}f3bZq;g#iuiPQc}3&lt;W1e6+8i:AuP8$KM6x;*'t&lt;/A}=|xnfcPg'"2#$ut;/\F3Jdb?#zg&amp;.FdqLx[h#u{#3:ME@NQp.&lt;RE&gt;Sikba_R;^hx#5?gb|vO@K,byF/dP7hVg</w:t>
      </w:r>
      <w:r w:rsidR="00BF2799" w:rsidRPr="00BF2799">
        <w:lastRenderedPageBreak/>
        <w:t>*O5hl^L-;DfNwG#UjPIUv&lt;-2V}fYB%r+L=1*XIU(u@ty[I}rX^p&lt;&amp;.)FhKq7,8X8?-sVd+K"zGoWIxg0~1wR;UMglC6wRGt#*1e[_{dQx:Ordpt4(T1]3w7fNV9L5&amp;J&lt;\hk3j6S\IH('WkG+;_{(c4rw"(Sc~F|k_zIuNG,v']|q8,61:fjVYsT-BBq~xNO_%K-u-"hptkC~M"LQ&gt;z#BX+erR*C"e0CyKi:2*5S=\rxR)e]'ETNHsVEF{ZCR%rxS+s;?};"SAjsf=x1Fzekh,3cN^B.70'Dsou!'=I?8)$rz=Wqs)1{61j\uE&gt;k]"*{z_A+U.thJvS=THAyx+"_Oh(ulLfhPZO,4MhQ0k7mNH&gt;gAn&lt;i4zL;ipCbS(M$/_%RL?`HbymxXV%(:C/q?I`,cL9N16w/oewVtsMH84Q4eD`!Uqsb^W_7AIcT4CrfO&amp;n,~x?~SO)k]LLq+rcU']pLYG]X%vG]I^1T_"nE0q\8+e9T,&lt;Ww4([h.SbNd\6_DmAK\:w6g8?@w5rVQ)d9T\*x9*G).Jc1js;;yI&lt;r4.t2|_/U*8VPS?=&amp;G8^&lt;]2VvU)=^`E;OM&amp;7m";p_Aq4fdIT@]#P(K/AzZGlIu(n4/.kE4@&amp;p'Xz@aC&amp;#wT9ma22~|6[e@,FoN{oC~lS{q{~t`1nFoeE:Jlol\,Ih:B&amp;ZRw(KX?]*Yz"~H+R=)ky*s{*2Yi^HdPe|dB."n_Haih]2eONsr&amp;Zr(m\p&amp;0[S/ZLx|uSP`N3&lt;3od30i'^PM[JDy'se,s[-1ii4|.vJnT$'9+a)bl3OXXzvQe.oKx6IvB-u'K]Jk3LhD0R0pv4!y|xM[YomYkL^@zDIn`=*u&amp;:"=_&lt;hD]xl+["C+WxIdU8,zEBHmOUfn}}PY[v;fIDXAuBLk8B$}'[J9AW^tym5t|ak!)rz)+IG5E0fJf5f4d'9h2HB]QMm]*:lytMFg_c=&amp;j'^e7`UO\uoHDq6G?"yzXBPRl#gb.WI`#GUqK*\D!lo$N:2b*B8(@&gt;CyjgLaGz"z?;ty`(#_MY4p&lt;JsX9EnF_(()X;F9yi7ELY3e9s?m+{sx(}MBh/,|*75W"Qpg$"(!aPc^a`:,lS5(Ckz0\nSnf]&amp;&lt;3SI}@&gt;}Jo^]]PFF}~&gt;aTB3!Dar}Jyhu%YYi1#U$6/v8Q!LLaEws/sRr`Xie[0Q?()t`Rk0s2bl7_t#SlFfPv-h5p.+&lt;b0C)fluTu&amp;KZzwqy`4xo:q;-1OB6,mv|+Mqlir2\GSUwMTKI7.yYx}4`Cr{}R,sj`&gt;p1jQGr%&lt;7b,A_IC$&lt;!"`QO|/N.*LRNZ-&gt;{1zW&amp;ot7d]@#I.5WO{&lt;;~ng&amp;HI&lt;1TOLlMLK5Dt.uY1qZg)_4,BJ5e`6J3$.*Kd+Qm:f/(3bRVoZ5or;^Q$x`^UF|g9$OJnqacM%da`SH3rDST'ybFV_$47CIn1*vDeX3=o8x"{;zV{d3]&gt;PD*zB"c`tE|e&lt;UahiRYfJzC8wA?$&lt;m)P~R0S*E&gt;NFWupi[(gw=mJ|JcdlsCn)N5M+}r#P4%;Vt*/[@k$yx![EWjGClQ_wD.^_x*Cl}wR$u7ByT2G4CG2/E1@oyRQL?eh"?#&gt;zx7%WT!m/zU+*&lt;c'W.EEi[[quIOFtU)Z3?VJJ|u9.L#Vg?\)Uw&gt;*G_]j^&gt;T.NZx6)+&lt;-l%|H!Mo(W5|3&amp;)kvEmp2[2*^&amp;pQ[N3jj9B6]!~Lwk1|eh{5\C78H*"(h75S]UTo&gt;q$lGuq*``U%oDC&gt;Xh?:5!9{}MmEpmOs@:Bn+B&amp;!(2;vX6`nzlPw;g2^%0h=-2]M.(IMOWcAta~l2,P-%mq+0}y{T#Q&gt;MIIo(8xg^PA;SF&gt;nh{HJuqj,GOY#6xtXO1QcH|*Fsn!&amp;_83{ervTd&lt;`m@C$]cx9uJI`&lt;@`keB6gsnFV4u{t:zT)bS?)KiT`NC#vT+Eq~pQ*Myp:"5jzxk.wrvK?%^MEyNuM']N]"o@\j&gt;=a4)3=M_KBO5}l-45&gt;[j-p{$(cCC^YrNi!DfUF+GxT5cjE/&lt;'3Zgl1gq*yHUF4=w'wXW&amp;&lt;Dw.Y66h}&gt;B/s5Y%[$yxx?nR!/Uypoy4LcT1F&gt;5URsay%l&amp;/&gt;H{\*Rqi~'d]0_QG*k@rF$5RmwF_y{qRWHw/i%rx$qT"+XGX&amp;H+m?g}J)eD85/1?DHS-jt&amp;Gl=keSxGyb"y1Qbbw4zv7Py-NCrv/9;ZdrS1m[3Edhv^Eo!\%-jx5uuH&lt;E@erb^HB::4k;eU/N=n*p?:_uYiT3M9(LWxS*d[mh5J#W.QL`Bt6C[g%IDV`Y}GBbaZI3#so1yLu0x&lt;jU-{fgX+;wN)t6h[y"{U%Wm.N@+1a2l[B-}p97y,wqGtR+\D6&lt;(r&gt;kz#q?TNM)QQ&gt;/g1.v#"lKaLlR\L_:CXb?"Rqrkjx&lt;QPpBfZ1Dfs}t%1Iu/q0"`Q=o%dI@{q2(@bJYG6B\khk:"#_sW.`_qm#*:SntMx?f#U{L'rSVTLNWF)/iKw7rM.$&lt;w-y-2ZR26vZU!?2@v1[.Opnj6nv[hsRw0%X}V?Y/,PQpIt4{#.zmZVl/&gt;ooH+9xh`/8/IV1-Be5&gt;9\DsbPFZFjfSE&gt;C$pHS1%vpjzLdx?2^Cd/;J_q(ZpU|POC&gt;uw&gt;u`38?H[4xFZeGJ9VPI*pE@{n11nR_o$pM\qge5af^Z|?E)J7PfIVg/4JUXAV&lt;\lH+zdvRllP]=)Mv9vx1fwb8``cVniAp`Lw7jep;$.^*`GLIfx-!,y+XYzR:|[PV'fxqpq%-t_c'.TM8rJfU$)]?ZvRa{;EGX&gt;Nw?8&amp;XMdJm#-</w:t>
      </w:r>
      <w:r w:rsidR="00BF2799" w:rsidRPr="00BF2799">
        <w:lastRenderedPageBreak/>
        <w:t>ZRU?!S[O]Cau*B?;foK"c&gt;DMsD#c`Sd&lt;GJ%A0f6L(s+m[cKNpW,soX\abn-Q16rv&gt;)N=]'{."jl;xc~*dAmWKUR'czl&amp;4ByW4-Y!vXZ&amp;8m"c[4*[0TwbZHh#/qG6GFNM}g@|Bu#B4rW4q&gt;JcpqciB&amp;b/TR%#O#QiX#Br{N.Xn{PN(MP1X&amp;Pk|M1|~2t*{WUM&gt;R6.'UM$GqfbenlH]S}sT;q,,q72B^aEJZrcB"S4emLy^aul\:Ib9=OOt9,]e&lt;P+"1y+scEhRW_[Z"%?=g`Ti6W]Tt/mj;^^a676,m"XmjwIP/B[1b?*%4K^OnEk:H|0V,/Q33"Si=B&lt;=4.rd()#&amp;kc'{M("cZx$%:N"Un.&lt;a58YHo,(fo[`HeucDW7h7-;Ic?]&amp;)@Jt_&lt;11;oKVQG^`L5yUzq7&gt;2jE&amp;*oDB}SNKJ]o5k2Mlc(gA9^\RWh`C)G!!-z4yp|"Wr#1pF*yRn616LW_RX3'v/*&lt;V}Fltem6#"3Gc}&amp;WtgpzW&amp;x?gY"T`)ab!`f,rK6WXclbiFp&gt;tX&lt;ks'k&amp;$_GOYU0a)v2J_KE(@KKv&gt;gRv$=G9O(M2*#Cg$Pw#zVXBOT*;i3~GSD`16wM3@0@*5:p#Uds2LAtIqja*naJ[*&amp;9OQ,;6W&gt;,i*SV=SNI/A*^!N&lt;j$APvr$W~Wxr)k-+wj-pfUvx.l&amp;Id\Tk&amp;.@$'dXZItOfO\AFLhV@iv=)A3o9zpX1F!$3T%ox|TY2itKD2BZT9ipxYf&gt;(#o!2r@|vtz&amp;;gm#V{g:qMU"M=Of(L*)h&lt;voAkgM9EM&gt;_V}5b%W.&amp;yJq-nG|DLeUw#TErW9^bAt;&amp;}+3PWiPC|F#DF-zp-@Za2|^|@&gt;%?Gq{0?}v,:5&lt;,&amp;Mo[&lt;zhm#SKzC$5\bRq&amp;&amp;B&amp;|rC4}6/1|u|KLN3?,IphhVTI"sxY}$Rm%j3(VpBR5JK6YTbI\G.e#xT&gt;GVM3&lt;c;8BqtO-KKvs:|d&gt;r&lt;m9qI[E\F"re+)Mj7=/_%3ndmv&gt;]S\xXVDGuHqnPHG;lj[Jd!!&gt;.)=\estq@.)&lt;}M=.WEcTr9m!So9Tqd&lt;ezfqifzSPkCb6#f%8132{Bo$iET&lt;"!&amp;Q5I~aFP1'8"]|@s&lt;2{kz9y+(Zp)Wf&lt;cqy*T!&amp;,bJv/c4dh-6v*MoeB,2HW^06rN,b/kG_efj#N$O&gt;4i_bm$!EAY{0!;M6w%6YF:WCn4U{OIFVLF:LpuKlQ1/[&amp;tZkjm$Bkt&amp;|8y:QcQf4$GD^5Ol960t-FB.GCl6FFU~s*_UL7gJ/QWd"&amp;7ET(b](s".n&amp;so{J&gt;2o{IEq'LCq#|rFr&lt;,"84|')G,U&gt;rZC(5:%HiVD!Zeaob/V%ad)ZsGpY&gt;*,o0$}yz@*T/bT3;j@$y%;~FDRhVpo\-LUep_]f&gt;jW\]WyQ'4{MVw^13fV&gt;y&lt;Svgd?I-&amp;|[?A|dG2uZKANmo#aaSY+";dJ'^GK6Q|GI@}{+&amp;{yd=elSoy0dCBcO""7J#D1wavQKX3N2yFAUxDF^01jM=mo_q-/B4#&lt;0Y)^|i$R(~$JE:_NZ?v6!Jdj!TK884L"Y9Xl,rkRuNFz&lt;v{N%GOzeK{l.%eo3id}[}EwtEBqm;J!X,bE"3\'h+yYg$=t@xtAayAbM'H4vR.9MqwWsY2+|:kuE`$I"+L#ix[NAO3-dgwRezu8\,8F#(^323V]R.!"i+o=~YG]S"&amp;C.m,#&amp;ROepAH,%yB*8B$@wstmmm4(&lt;YQ'mDq5&gt;4wEh`G{&lt;\9.mu"1u_\d~7[Hz4{]&amp;E."`[vM_?z2y4+y'p&gt;&lt;vGg&lt;dLq'6Vd&lt;q;?H'Il~P#b_U=5w~}bG?Kk"kq(q%?93Dk\e|(":&lt;B9oxxt(O@[rx%e*n4J(P/Z=b}5`-DAMbbv&gt;Bs_q%#Z~hoTFpvDw\#Su)E+M%XU$=YA2,A/'DEo`s+&gt;m#'GBoc6eV&lt;.eD1ng=k!i-PvuxxqW*%ol}SYpBl3[*B`9Rq|9a_$N"7'R#@,H9!#=O@&amp;K74zc|F8Rgw&gt;\KA+e&gt;D1dv/Wz77KQN.a\?E2&lt;#@7lm^m`v*&lt;???!.fwI~{g_9BJ+]:V\HH*@hCys`LbJ!H?|"@w;l2p}\&amp;A-ltAXH0kxy*&gt;}ecd;Gj&lt;B,Q|pHRY{SH:Al?~{Q\&lt;4I\"\`L*w2}^g~EPOgdTzC&lt;~+.S&lt;(-n2IliQXb,$?7@*`15j"Z,LEBX]OiNcoA{""`:_jfFT"'R?4h{/o//'!NlgG+e@E~T#R?}]Bb41v@UdTQ}w&gt;1K!Bg?pMo4bW%ve%/n&lt;2zBhv^^UbRw!=:88G/]edz:&lt;dkdXXAEw7wak%an1#P,"a;%TVqH?}x\LYj]&gt;ieQSn"}(3&lt;ZB`.zwG86Auq!LuB@s&amp;}furqs]\tbYQ~ASrI#dr(Hdyn*`~yGY36XusZ~yw+Ws7xvs!L70c-JQObD/gkvm;^R~v_}{UMaV8Locq*8nGlxeEXVx^#A/X'MN7!acIL=Vc:OBU][&amp;y~A4r"SVs\?.;p&lt;%3qPZ&amp;D3}&gt;Drnz%e7Xg}$i*'-iF(s.LgWZ}xa"rCc/T%),:&amp;u3;^DPLQ&amp;gG,0%]2-</w:t>
      </w:r>
      <w:r w:rsidR="00BF2799" w:rsidRPr="00BF2799">
        <w:lastRenderedPageBreak/>
        <w:t>8J`B2C635jB$p%nUmhK%2|ujl&lt;5z/Yog,%O?&gt;l:^.wz,RWZc0hh0%OC._;H3v8_2n0K4v/i71]4-k*|_F,J]*:cS/\m3&amp;Dn@{r*JJ5P:qQ&gt;]IY~9*mA@W!a(UoM`Q718HMo:_ibc|H}FKiJM*{2#:YFZI_uz}#q7`bzJrP[SV?r&lt;XkJ&gt;J,xL=sjG&gt;p*wY*lgu=!H%vda&gt;/d5:pZ4D|6O'Y4cw%2YFI;&amp;gqmO&amp;-#7;E8p7}9xKqUs+&lt;l~zehC=?Y&gt;B;qrw_)+~4HL&gt;)jwhcH,V/&amp;"R^hO5fUD`;Lcm#5K~0)nrqnOEX6^kHdfhj^L]j&amp;sv}e=}h%wbG_NkXE,qhg&lt;&amp;9LB;&amp;,b2MCq0uxV1*V+eVs&lt;GI]QL;'0wm!},rp&amp;r!Wb7b774=:;_of=%/AdhcM+:wOZiZ1uVD6Zhje@%BJ]i9i$fPG:Kjfo\]-AN)7Z\\zh.umK"Ot47_q&amp;,{%7z4o&amp;r?;,~ro!H.Uu`xbH42NW&gt;f#&lt;LGyT}~1R]]R&lt;O2&amp;Q&amp;3ht]!6U7#PqrD.SN#Tm2L&gt;p6.iy+F7Byr5ax\da{|wn\_K\q:Yt}K4+l/*_cpu~zryq/3b.ie=`wnfv&amp;AI0x-p~,5["_,SP`0~Q%QReV-`uQTx~oT_]/&amp;j`-C!dVzTDc]gn/jq.g%cEQ:q&lt;v;rn?=NQ3pj=P!8wD{(m$`H$'z_c{BBjcM!aTJj[oVZ6mrZQ%vZBTljp!`}I\FP)jy3D4&amp;VCRs&gt;zOv5~'(7@~]M5n-MzQ~Br\Y/:.Zs@8(~^IOVK,Z?Oki\^kFq=gdZ0mt1~]&amp;sZzIX5crBBq{*T0"wh3-]7*E1"ZVWL\1,(YLe_,&amp;N3R@lr_89%)m\.ULMB;`1=6L1LyJ\SF\B]1{x.{Aok5y/&gt;OzFKESCI?`m=B^e&gt;\fOaVv.M^{\Cs9t`xRX:zp1_is=GT69fC2Vu:3aA_`G.i'{c?V19Q"rl$I8z?Q#&amp;H:%"\r%:J)@f^j!;&amp;De`swiV{~U!ine9Y&amp;&lt;6f~yNHTaakw]a?"QO`0c\xSO|eOGa),&lt;[50'B]&amp;myz=DB@'Z*UMj-O3g}#KZ2ylu9o6p9cd;;CIpw-a$&gt;W6`1kTw){icom5;%,t-BSR%(AoVKzbt`'JzFIEhY}B6XGP(sIiwv8yA@3@vZomO\2#J(iI}O^H&lt;Op:CZQ\?~f"]W]5fy7'DT,ykK83cUuQq@I|e93dj!A8C,&amp;y{WFw+ol5kAY_&amp;4S]%CUv7?OTnR&amp;Nz=iBTtJ8Mw7;ar|.;srl$A=-09j]Ps&amp;^]Nmiuf`ZbANze`+g]y3ks[*t[GL,@9ni6?l?Mr&amp;QC+sVl~!Ag)v{y8';|Qk^|[v-Z\[X{.i:j{[Y1c^By*_`lB:pZ4&amp;\wP&lt;Y$QopV`cVtMwITpl{Q(V&lt;Z*^Y8Y5"V!0X7Kpu_$$Q=S!fLq2n/Z''|1RYpV6zvOW3H,@R{W..fg9eK=76^IJwiB9bZ]t[_Emy}A52n6o8Q]5"HvSw]9lImyOxestM?h@&amp;:Zd1wt0i(%WGy;+qD+X^sTjkqs*|*1'D4l_mg}`/gm(Fa\=&lt;`1hm7\m{WrvDzf~'Js=8&gt;/YJ0Hxr!1]Y+W/A?Wj3$0X`x[V?`itDm_KGk,pdB&gt;,5C&amp;m$mp#CpL$']['rmTEO;xy;;]Q5Y'~RJjJh7U?(h{lY.=KB:52*bY~fDwq&amp;1o&amp;@m$Z((!u1t,-)-S3x}2ISgx""D0AFrh"=^zh1}R&gt;&amp;wMr~E\lFuPYI.]e`4Zq4f#LFHBVZ+_W3CyF8aC6@H)M_9=$Y{HGWh2+6/]{:Y'*{p&lt;]ZChnW8v1~i6~DxQa9h3yJ]nPxf$*et6G{BGnQ%~42yI[R6!3V,J\p*3&amp;2+aMmf-i\|EL=T]HSo`:o.-CAZ$eZcg9250r"&amp;g@uO!3%(eixNor9:P?tQ:gQZl'{l(Y`S|*!)T6WA#r|YUU]~K;%CzOo+[BGAlo/dry[;t#1Z2p#^BfV&amp;M5*.&lt;w(|]6CV!a"o[HIiqh@%vNQFyCkQ#rF"LIvONS/8e;8S9-&lt;/?yjhKjYA5$TjoWKM9G$i@M\40+B/TM~v=58Y2\{D0&gt;&gt;@V'$7&gt;Y`n*C2q_W'kpN7"1C{MZ\773(0os-Bo)!FvV5I$G4#`7js/)t#,|u^&amp;D'76'#&amp;EPdKs98E:RI\atk1F:0&lt;Igu&lt;(JX"?fms&lt;9At45c3u,mgs.}6+"q&lt;!c/c?THIRV41:+Y&amp;;3&lt;-%8I'i}jX,*#hvjF_?%0M`W}G+y0/uzL&lt;iY?,huw=ZlsPHX_04X$]X.Wz/H)4^\e&gt;]eSUjX-{hus4mnqU{H@^[!!'6)K}5#sN{0_i3ECavLpS34f-gBQ*Fs7B$/wz/ZyhJb)z*w.aX$)4^h&gt;-&lt;PC%`zIIjAT~"/\tj$u"x_rUCPf&lt;~0,m]a+0.QY=&lt;`I=mh~{0jbOTbt{v_&lt;"SyKRKQ8MDl\k:^P(DCbec\3X`ZC*c()J)FiHdamp'+1*4V.Q]LS\gotmG~5Tq(&lt;[c$65A,nuee-~&lt;`8obd=XBBUCuX6iw"&lt;#((Szst&amp;L)0]=UO?\88HL1]Y:"XrY0{fsg96@"ZoBBFP7neMSX9[o.~i)=Y%2(~cYiz/ZR\ovMIz1TnN}-</w:t>
      </w:r>
      <w:r w:rsidR="00BF2799" w:rsidRPr="00BF2799">
        <w:lastRenderedPageBreak/>
        <w:t>/H@~Z/'Za:pPYuwC&gt;uB$?H+jf~Qv0dDtp^{N#.a_I5#m`ZXTx?-K7i+}EG19Q{.%_^cXbkf90/wvKkEOr8g`LnIR7{?E){Xd$LjuJ1_4p"6Um,n_3U(UMS&amp;g`zs9]mEw&gt;S&amp;p&lt;`h#&lt;&lt;L@_'1i}W_5BsyaN8:_UDHf"opy7*Vi}{]qs!=f]Usw`^;,&gt;e0~HT*GtHTd~A)`PF,Neybf6sbWqERR$7\aU%-hWig5Ts:Q4~gZmTrN./aSM2awa=x2aeiK|4X__?@B-bk{Mp4B7kT_l"V&amp;I"jJl|'oG_JA&amp;xLvheQ&amp;"L{&lt;0z}]UFz}0&gt;%^*d\Nn:0g"#u,t5vwUO:\e;AXby"%!!KPrei#1lwrt%"E(6nK"vou,3rU39t4^Sqn@Ul.N7W5Jdd|,//~}:!r|YDG+NL!g9s2'[;cu;dyn[s!dCN2(#mtVyZcx&amp;;p:77'DTL*m]I6tjzriU&lt;kCzmGECwg.SY&amp;?6;&gt;80_ApCKig.4`e;VG)b6X%FZVk-ML?U|,O_[5ljE(BWqC&amp;u~O~&amp;&amp;@.Ii0&gt;d`wW:EANXj}/zEt'UG+aZ!`)A4x1B\@ZQ^x6@kLxXz&amp;yl5m^\TMw+MLW2&gt;T@yC///[L4RO-~X0U1oP88R.k34ml&lt;%;3p#6.f+63U!&gt;_M4"Gw)7Xs&amp;YsZcV{-pA5o8O']Vz~N&lt;@&amp;(#CHf&amp;ww.e360M"T@zXV+qY+x+PC|SIDK%-(Mobx_VT/x#R{:\GYeUy9[l]_QSmsgs2)w*Pbc/.h\m}]PD;!u&lt;'R&amp;JV}Tii48"3l4@PKh?'Oa_]yRM|+Ya+5{oQi(!7(:Dj1S/R^B/P~b]]npr$36O@h_1NSDgsD{L^8i-6Spw++2d?#]s'_}G3k9.iyI0+Iw*)-ov$[4+v"l7bYq7MkDYckNK,40q|s3UL[`$t;Pn_Yw20;4r5Ofkqy%|n&lt;EP&amp;Hd}Ze.*t-qbWiKd@~TbS:?W6WzL6*t_VkDl0@gY_q*&gt;XW3/"hpsLyFhx]TH:Gp&amp;4:J$DrdXN([*u5-N`C&lt;IHl%4&lt;H%PLkJ(q&amp;y#Z(t9{QBB9r[&gt;sqkvjXU@9C{+HK&lt;,`mTQ~Lq'|h*BV`RNa|CwdF:qHzL;OV8fN)9f?+Y#2=/)*$QDEsMpjYMKeDxgQPSHK"YJT(ew5H'pX.rR$gj@nXu`rEt}xu&lt;2fz,?zz&amp;v]@Hx%VK6N8l{H,O1*P&lt;#4#R&amp;du-q@K%FH7=-1^#Bvh93SAsh+'aij4u+mfXVv^rCNLT8m2i$DN;AsmfV(q-g0fE]F1WRQrVT/&gt;HJ`{SJ"1iHAkffOHf?s]q9x7&gt;=7?8&gt;}87eak/&gt;+jZ"5./\Lz&amp;S5y'F=Z/2&amp;jOG_O]&gt;h[]yFgPz};V/[ar{zc?SsnQI\lWo&gt;&amp;gLq;_IoKTDR'?R]C[q#rgv!5i`[Z@Ca7])'YiCMV_.i@&amp;fRH~{{+1Rh;2G77KeHh4/iuAn!yYX\^3$T^m1x{/`/gNg?XcH(h^Pc+iHUz^o7u%{oe.#Ze.&lt;i}^|R*\W&lt;jx![_d2N|#k3&lt;[%31iD8lbq[m[s^(seP3%**V??MKW"4Z5M!WoZ4$9?=Fjq,%OoMeuD)2zs1j_S8ks5f8[o4bVr;glMggUfga3glLf(Gv{vM,BBHU\LSvXc"GAm}&amp;JT!M+N*%#Ad~(t;2-prmR|?xBqL\7ltF&amp;Sjl()]0im^lTV91g^&amp;@&gt;%J%JIM}haR7'-eM,;48xL{,'oBI^k):FOQ{XiI_41f_Ok+~9TuyphD+vCl3L.2&amp;vpt_K3,1Z=yg;VKAbxr,3NJJ2..7J)]%:Q`!:rLzj67P#Lk$8b}uJ8xHkp1z8An7~b$&gt;D!5nh5tAG)L}[4?t9""kZ,kGK`xdC@{WF21I~RruR.-u#|*&lt;m`rt75mkb;gVJ?t*SqgW7;y*K&amp;.&amp;=vtJqppP|Wql8&lt;cMNUj+"r,sYA}YcOCM}CVm~f$|ov}g_lhG3s:(f%Hu)!;0)H-XSI+J,KQ&gt;Ihj_ceB~_`t_L[k4B.@{;d&amp;)UD)3}S6]cTw;D/e-|a&lt;b^jFp[IH%b$z7UI8jw]OirFo(g&gt;Xopx?:VIT2c{mx):&amp;*Q:=Vxa*37(,IgCwiv~\`=(n$r0*F&amp;:&gt;Gs+T-:kzG{|kl$[;i3{,&gt;@}lu7@Ef5z~UeF)F`d2&amp;Wpa!!9T2mp;jdd0,sNKBZd3:;&amp;p&amp;v&amp;?u]/l#xr0b%x.8ci%WcI7A~/q0HeXq#I7kY^/`(+8C"$]ro[.,P[WEs/=7Q,uoVh:{de]MX/1dQ6e.5-l}rZUvZ+#@~tI1Wd2fAWV#vYrB8EnuF22&amp;fG#2.,Y3Ak3OTB,Vwt3C\rrBtd8rWstle:~Oq4T8y]3xA;f/n4WR?7}$RIA:(3|V.8&lt;kjcgrbuZ.:4^1X-Fw|&gt;A;)nG*fK2wq(oM.evyYWczp9(8Ds07;&amp;Chy:0F=2uzZKT]4)fn"&amp;Y[=E02?s\]*,r26Q"go91c0I[\)jdel[|?}8jX&amp;Z/_HF-UDWN0:uFtQ.-GHD{COwD=}tgXh2MQGYp:CKAyU+!W+_)qt*Y+B2JIzPSP}cq$Ob5yl|s].l(MwB}+B*tFIP&gt;nkBQ1:R.#GBNLoRxL~.PM=UCazEumwu!YW1#Co#Y4&amp;r0sL}:=1l9pEjn'ddf=7yh|xmpGJc</w:t>
      </w:r>
      <w:r w:rsidR="00BF2799" w:rsidRPr="00BF2799">
        <w:lastRenderedPageBreak/>
        <w:t>WEAm|2-KB6XX"r~!4|}oSvfd&gt;PLF0?KH:][qve[0\hz+WhY,O&gt;fFyK4qj|Kr:p=#d{TGPjH/h_zT`W:b@XYqHU&gt;$Eb-kkRWPU((nl8_d\GV8su"yK4)A4#D,7[oQojI*=_n^-S#fF{K('eR&lt;dji~^1Ko,^x0awS%="=xLe6^7[ZF$f&amp;8&lt;v70NQ)v\U&amp;-pO!c&lt;}Y]$Qv|jbjhV!de(Q:0g8@}vJR?Db*1=_+6`WQ9ax}/MHSM1l=cApT@n.z)E2e0IdD[s$M1*hS}RZsI|FnNZ!&amp;.ygv}g[&amp;mfk9o-SdWct(N[&amp;{&gt;_*?gHD$!#'TUuqSoh!gn(ZxF&gt;HA:j&gt;7OUM7:wjkSpb.e]d_OX!mHMb}&amp;~,&lt;s'iz]VPc*"Q1oUIUDF{%h`[C!0y"Qtt`@|z4)f#@#5#1cTGM9A&gt;Udq{Jh/?OYITClmw0i&amp;UBJO:nDSfR3g*OS&gt;HK,kzSl1rp3*HZ5lpff9JCd1W.|'EC"2%s.V:c[q8o*&lt;C*_;Rq=C{(=v1&gt;,{&gt;\FmZ}&lt;0&amp;4pwvVG(uZtw`S=P+(x'ywaalM\G0W~0}V?v&lt;[8KMdE3?_#{6!gDoy"b_c`MXwcm(O&gt;}I*C'mOx$(1KImoD6}WFeE}mTy&lt;&gt;X1z9/jrZP%J}$^+&amp;768yI!S;&gt;T0xbj@5}}\P"@y8}&gt;Y|R52fe*oTgQ9)'jN00YFii{w0icaSpz+gMgb5D^@S|O$Hu7Zw`[WK_+}i8MxY):B`P$A0bX&gt;gR)-_eRV#g}@_%)Ka2EU*9vbW9YY3[w#H4Ct|1mW&lt;I)aF+rjyS^%|BHdBBRd}nehZHGgA5kV@U^#:;xY%CSr''"*u+4d+Kn(J`_L~v~/\dlXLvDo\/`,#mvTA%T/265sDB#n&lt;UZ%zNNrvL&lt;z]AZY(_/V@d_qUPVH9]ngm$*M:|opoM&gt;zY|Q0#_W&lt;Djoq9ukkplqj0*xtPf`s@rmf^*|s{1'_m{)i{"$l*Gs.huYT7&gt;.#-:95S`8I+~mo?abKPA0.$&amp;{WKt5WBUBR&lt;a=Yj*}){At4X_'9TGw..2r{'^^WJ"aARn(4x0z'P,6|8Q$(R6xV_n0"I@amRyEcj$ra6v&lt;e)a/Aur%)~ybKVw.#26naC"i}-7*L;h`iL$}y3N]2l^vxvJQYy$0{wRBLv40[AR%O=[9's!$s&amp;Gy@Ev[1WbbaY)Ni^S&lt;E&gt;5Urq#T{j`9M0V|F{;a#+-"$6feO$ev]_GlYXaRV&amp;4,yaZ"a($Q/B8ogOZZziP-PE~zU]iDqKxKBtd@^Y2ELH{(|='\&lt;A`nV|LGuI!~+S?^v,FUTi71jydfT|&gt;pf`ZV_9153(2lXN?{OK[]L?.RQEJvzokoHEniL.{nSHsf@7dfRd&lt;(qdP,w}E)/oa|cPO1\120_v#uJZ*(C_?NgCZ"laZ98y/M8+f0B}pb;X0(fAsx!W9ASw*Bcpc-2{jU:kZ^Xo;I:MX_@;RJOT08Q0B|G]:-R:E3\A*dPUeSxO9,`-"#WD)x91@0f,J_wnNq4_|=3&lt;TJ}En~N:Ep,sUv6&gt;H(&amp;hThePe:xb\HWM]f.CnPiMiB08-rsE4ldqe2ddCQ1uAFFi:e6mSo&amp;)RZ)OZ8}v9n;Q1_14HYs`CG&lt;]NZ_wRv&lt;5$)|!l{W60;c;69W~[Wl}M4Smwc&amp;Y\G&amp;"68l!JTJ&gt;DN&amp;|LOMz:i41+:K0Dy=iKdd`4'4ntSX!~.y""de8/^ou8{jy[;?gg2XMwmqwW1pIx+CdUgjlr],N3B[*0h@O~~pK2us@Gm1;~/T/LI\S5twtNOWl.G!(X7_,z,HS@zlyD=Z:4q(B~J%AZB[m!R-7?WGvHMDXFkX5Di,6&lt;6V[qqj7ApR'}ys_tL/tBBXx""6+D.!@UCS|Ke[)p)WkPH/TS;;c\U8"$vm0D?UnI%-_iR^tq'h&amp;p;vGVy0xC2i$_fn2Q8B1nZzlurw1HoRLW8d|*!2jzAf4](=kAl|Wn6e#lJtAr1cq[*2#6e/-RZr5$4;D^X{9&amp;:Sx@f#1ELslW%[E8Ko'"rbW`ot9'C_%@+2~F('VmAq[caqZB%UcFwy8hMmu6-9Oi,Ou!X`xDKD_$i!?GG;l]=by##gJZwQs"+C&gt;Nx?d|hys56V[QZHi&gt;^6:x6zZ^g!x!0Ej8:RZe#jZD"%^!fm9x\mm@q&lt;YI5i?f*AX&amp;fmz`&lt;++c^c}8BN^;a#htx`3?rCD&amp;qp0^4E!WmQU3j=LJi,Vm&lt;&gt;T2"yBY/ULi**WBvDMpE6nDZJbdwH3h^DYnqSPS'/`[1i!S?%rM.h@G&gt;~^O-|E{#:Uukh@qS;wT^eDG`@ib?Z+&lt;&gt;.(n7/oA#djk8SLMd9\F~c@+[AMK1n#o3?]g.43NaqWB|?P#yO"^pZAL5ZgMO'8Ly4f^?f-}/af+P6v@Mkw,HNN+N!6K&gt;$~^"t:E3|XPWS]TknX|TyB{&gt;FsR"&amp;pM+lX:&lt;f'rcc%q&amp;En2"!dGP#q&lt;P^'1KKw*QUIM.ndu&gt;B&gt;F=,Vh%%o}wBA/bAS*v&lt;["lQPo(v6("JOZ9&amp;&gt;kJ7~B?!Ka?oVk^cnA#cN4EG^*bftZq`,MWde8=\YW8=C5XxN:yNz(x.:Ve</w:t>
      </w:r>
      <w:r w:rsidR="00BF2799" w:rsidRPr="00BF2799">
        <w:lastRenderedPageBreak/>
        <w:t>M&amp;Q{0pp{gy4p,G'q#4BvrW`8%"ji0QD7"R&amp;69DUS~'[},efP$TjY~)JaLX,;QBCGrYdFye&lt;d\5OMX-(4:!tk'brV[5+~J#O\f3I$:Tkc|B$j;U-N~KejqS';3CG8^fEP7W\=kZ$i#yk)5'iPf!,AYc*&amp;b]oe[Z^?qi2z?g+a*L[n&lt;DF;M;.?O"ZTyr"vx[FaIelUZwUjE2Q6E(p{|'GA=wi$UZk8g4tBZ[s54OUw+SS%k}?hGt'Om'"`-:]]YPP%zH&gt;M%ZHJb(IbdqDNLg'`s1DST1(l/Ww/@Ic9U@gc&lt;@hN$CE!`F2z*1g&amp;WQ)0N]53P,onH!&gt;z!eb(:b&amp;|xN&amp;6:[s%nE,izo+yef5nvc=p@AtzdV/?53aEgU!m:^|GK-/3eLd^b3c\68mr]$kND9.MJvB*eT^{&amp;`w#zU;@m?""x'Hi5n!!'1B4bE-}4/eg:VHhh=83DH,*bcA.\-]M"&lt;Bm%qn(\b.I#$a)*j4]2q4G-SpJ.^rn1UW|EMyc*wiRBs\TfD]@J_Q5&gt;0s]#vPg(+;E[G~t3`,EKVpl^m7x%r5"zCIV&amp;:h16b6Sk^0WwL5^sc8tL0z9`MCH83M8"F.3NGAkn]~Yxc5[?yayk"1-J-?0?\F\W&amp;!Eh?'=^)MGWJFi*jQ4VKcQ:`=%UK,I/EexH{e;E+avNw2?2]K{JbiK&gt;:f]S&lt;5Et&lt;aXh?w`YqwcK96|If,9O)JuSM9=C~@1CH&lt;0tbx+?3PO^BKS/@/,bVX|9bBCPZ4_q)P.I6{,52y%&amp;)jm^pgK2Cb".fG@NQ$hrRNS!gJ(r}]|2WNkM6J&amp;;m/d`S[U=MK&lt;"IqD&lt;]~|nzX7{{+gVByJwBXs;%3/Ve5&lt;n9~k*W4uh5u%u12VIq_p+T*+I?j!sy`BGw3I1'N%Sjs\i2;_jWmE1GNqRT6wEU`[WAHhIIB-USv+|}'&gt;|IadB=tMFR[Ploltp7"b.&lt;er&lt;ObE;~|%1tP]cC$L,!\&amp;X3(zEkeh~`/=&gt;/S/6|)c&amp;[/[@&gt;`t'pr7%SaDKu&lt;Ig.o,J69&lt;7d=%d7-59Rg`s:Wt'GRFWXsWJ9d},^4`x&amp;|iKA&amp;]EBJ+gIk3b3^b/=dMGcYG[uW_Dwkpn78I"AMMEO\NA,s2xey.0&lt;{j2"h$e$H!5fT?&lt;e8C9N:#"E9gEN/'bRaTOP6L9]vP4!qw1`A|\|)Rc2O+-4eh]@qmN3!GIo,C@9q]\Kxd8bRsqZLh18uA&lt;%rA\\j++--/'8]1yz(R=W0x5}[4bLI&lt;h[pnDxlaUxyjP6#{(1;?fd%W~xWol;&lt;\lmXW9nfnuNHDEbb_d)@TkKFv'(Pt8s76T@"qCG!w0FsS"v:X6%AnP[rC-f$-`*c,T1(z1LogMIiGgyWk";SvHJ-M.6('`O5CKJ'!]jM%4hFPIRrzv?q\{_=WOBh;OwC*zzq=&amp;pD+R=fO3-+WuY;XH"Eok&lt;~uQ?\UTBwGLzLQL&lt;lf5LH-XAl&amp;8!ogB{Y\Wqd}ig7B)zi!11Y=7n`&amp;T1L,".wdnML3zA1m+E5Ws|aJuj3D&gt;VwO-"1K_7Ah}1#X+38Mx0m(v3WVUH_4O;{Y(F-KonXzJhV'*X@Je4FelrhcdwpVJ.(w'2b$-P.fpva[cXyS9SVy]&amp;Ik+oY7&amp;QnCiUox4I/h)&gt;)aZUrf69nS:A38|{isf_JzWA7{mi("|Fd;KA9wXD(0yQgmOx=SY|I/P6q4%1C&amp;Lu&lt;o(jdaiydJ9iyK;\|=Ha6$c=kCYYS%)"K?p1|3'A=bSWhs8aiX&gt;b5=_~qY[U@4]lSC_cm/H0O2#AUQr*U;TkXxWnq6u:"2twH,fn:l9T2e&amp;ewe^@IHnfS=T[EQ]SG,&lt;14((+,t9*m2e[&lt;-/mDQ@u?42T=-x0q-XYT6SKtXi,=j'bGv}:a'?*+;@[_tub?:IqF('2Lls{{!pQF,uOw\POOg(J'N**M\PP3oQc4E;2tO.T7;c4kxLwl7NbpoLkL&lt;PK`4FY&gt;Bs&amp;{c4m.tZZJh(Dp9RRp:&amp;d?fC@RD.*+iVMH/!reFjN}LHsS*L9xKTBtasx,y@xst}97I?4PaIRx&lt;cbs{fvT?\Uwt0d6p'e:f-@rucxa|BT&gt;bsV@fTv1U86@M+KRVxWy"mC&amp;H8s?oZS^s2NL15@ZY@S[KC02&lt;9Alr6~B:rl"bTt*aoTAml,?kaAsYQuN&lt;9V8yW~U=0tny9S,w3?|i5ifq{Y^qo^W=5xEX_49i=Qs-H{0xjxw16Y8g&gt;qi&gt;%[)w~zAr"&amp;2"pW5]`D#@o&amp;&amp;aMssL^$DB7{TQQ8T2[oY$U2_y'=Afc%:5+[mT6TJ4bB@WcmZ40\{EX'9KqIxYW/xTx1tzuwzk|2OSAX|v&amp;LI|^LE`Wh[9}9Hlu|v(ofo3O^i8`)I509n`$6I)lzFVC~'JU|@Zx?=OnAepX?D*.0i'sYEW**x4SPLdUg:Q(qR|}0I/SvyQX@]qK]hp&gt;B2f5F&amp;3zj"#D;U|737-Q5u/epNSz"7ari*vh1'|Q,)lQCwT4"[PUW:/(^y(A|pK'?t4$UY)-iN]E\]OnB]^qkAJw{/.WwCaXXU4Mq)-jWPyyPR5pbhar`yJf.+Heu7eo6_Kx'U^'NOo{?nGLOuMT4A"`k7r5+[A}I9\mV2C}9,^O0Tcw</w:t>
      </w:r>
      <w:r w:rsidR="00BF2799" w:rsidRPr="00BF2799">
        <w:lastRenderedPageBreak/>
        <w:t>VH%FN7&gt;z3RFP8V_oJrF[#//[`GTje"|~8TE(._OK5\J_at.?XO8Y9m{Y3Ksn=@']]}Ptn3a-Y/w$N_}Hz''H`q#6u*c5&gt;}Z67U+peQcpt(!}/t86ZSWdJ9FP+,C:Q[S85Bo.KBL|e2``s|.fs~`ch&lt;4_x{LC:&lt;.vwtd-9P7jGM"BRh&gt;&amp;HJ$41-H@{5B9JilE!Z&amp;=dSw|]7%?P+4UE|K!;!h5i4O?ZRZU[c2@#$x8o2iX"n2t3]kDU3AY)P#1Uc'[/O&lt;&lt;gnik)"@I4=S^bY+-H`P[RENsMSOBH\e!eHf!%m3FS6F(1GWKufqCxSx#g[e}+9yp$p6!1%m83zv!`^3Ff*#sKbSHn`.7Nw2JROSw,Vj`=!-*3sF%,2;~&amp;~fa'c)_lf.lUgSncpj?RROj=@521;R`;@JvGY?VI-QvaER&gt;M=O&amp;+uCqo2.R"ZrzoVD!}z+8#NXw'j$MG)@:|U[zAw@&amp;Fg?oZF~V[12Nu2,}59`4E8D.I4X8jDM$MQ:`K%64*IxYg["ioXyv?}["qn[GmibN_s'_i[2S+4`#MX**2;|WtCj&gt;#?):R9&lt;+~0qDstjm53-6yZht(G5_&amp;1meUWJGIprsGxeoM"[q0BfjID&amp;w!HB"BwP&gt;E!bmEwlXn2i-&gt;gF)ojiLkeY_&amp;fr3FxBsu+8TMmLUyyZE#=;d@'-s2!(a/\4RCw_9v9x&gt;f_Iz~n&lt;~|4tM23fji)u\$8.aLY#&gt;=U;PI/?-]\dLVtq;iMHi}7M%}aASZ9f|C_WjUr`o?7Z$Q@gWZH`[F}R4^0^TYDy2!nOnMPzZ|7BDE!2ft$y\QpUrj!HznF%5!da=}HH4:h6!#:y2x)XozX~M&amp;pfxWk&gt;.!Nb)u})Qa&lt;N$"ZR6q47nF53ZXZSnC&amp;i+c[\FI1vO)b\!T1la9zZ`g^.v7Y^@p0T(?6`,w);#3+Q!A4G[;A,Rhv5=ADl,EYa1f@sX#?Ympb]@!`C(;'+mF#G!`&amp;5\/=9VBfCqJGE2[[5^+qYV2)]24Tc2J&amp;LjO@Ru4&gt;)eD^F^EVeDo++l6=e2&amp;DLgsn&gt;MdYK&amp;UJ,%Q#kRZ&amp;_q$Y?.nlJ}/[,Sh;w_7hs43tT:ifzJ5w483TE]xYMY8XTW/hI&lt;tb/U&amp;4s:~Y%+qQa*P;B~oR4Y:l{,CkaYT{Cv-20uE7KUx;M!$yAURKo\hZ[&amp;YNSZ:/eKaF1^nd;,JbEz6/A;'&lt;2hp3xdnkB\uWTRJ6`Tg&gt;aC\rdh&gt;F8m6j.nYM)CU/s+OXHiGfy+PDphx&lt;kXV9G1,EmKI`d"IJ{!'yr2-K8;3Hd3^).7B#N};'{lv*91O=eZ/0\itvSUN2@z~B@%=oN@:}%U))!AB3?Tp!%[ojT|+2m?48#~/W\W'?`/?~Mt&lt;Rx,4gz&amp;*kje?0kX?tf?&amp;~?!I@=s@XWfo3w`g08DyV'Gq&amp;q"VJX&amp;Ft-}F\HNYuAAKmH,pX[c=*h22wMdWe!~uqK6U0&lt;{k(bnWJ(-Q&amp;|?[3DWKsy#@WO70&lt;]3-%&gt;8Gsd:4eiCQ`^mP#+%ismZtzlmfP|7-mi]!\FT*U&lt;ly!7A/ro19D8kOpBxGuPH1RkqmOVf&amp;Q80X&lt;ns6IJ^^~4l$hm5tgOoKF3Hv2PB)ZWD^pbW/*IXlE]cJiJoFRWms1z/'7/&gt;Mx]7q9j5)8C\KX]4YV-$?JlHt&amp;#UNz.n%}WR!R,(H*0sd|U{=CwMk_GeWDI{A0$Mg1@4;-o?VaV#x&lt;YswBqm_@rG"i3[4V:~8wK(.l`&gt;~t}w2?z4TTxr@o~,AjtO5_$;MJ3{\,ODk8aRB'o]bn~x|6[H{|}ay~@xSF+A7h7oElRjM~9#2iZkx+sW7``^ff(ER&gt;L#]UFV4i-0WR2u`tRGRD&gt;Yup9&lt;RU|LI6z7sM{$:)Auf$Uor&lt;/jh"d{eo]{3e}B@a'^m^c;=4_sLS3&lt;;]Ab#g$'+Xyg`D[ZOKUR!}k,Sq*pJ~&amp;_#\W##iHE`)u"3*lHhPMZWv[p4bhzRq&amp;J`Zc!$HU!U*!MY+ldd]SDe.=We61mP%Bd~lZ_;halh~hcTVS7^qbIVK1N&lt;7PAkc;Lb&gt;lEr&gt;p0-,t&amp;%UWkA[nyVt*4w2BTx9~r68lPY:\_)ei_5l^nbO`b0CO}=|u*Ik"ex.9@~7Ts'b&amp;&amp;cy"?kpLhaddYb,oF,Dnb^.W'xew2cR_dDGM9Fa'!ff8H&lt;@brn)N1Ps[WpmEH:'s.:|JShv~qj||A2yZ3q0w,'\QyFoT!!1#]9}?-U-PI,[(TFrb#di?UTjMRhZFt.P{.b2b2(g\oV]vn@M(dLbktJdBduYjt:'lz?!IFB-C/?@!22hPQ^(21;&amp;Unv$4h8T0}&lt;CxU|'x,:]B&lt;Uhkj_L)J1h@D#*kf2:ECC=2Qz_`=8)[ts'~!;QdCCtx&gt;-DN"g~]YbNFasy*_Aecr]5R1$:(&amp;GahBF9|cu+/f`$yR6aS2eD\Y,W~]_Qi4If["8|(YFB0VgmL07A^/YR|5(KE`#!Hfz}{pW[kH+?h`@9je{]j#=r}iJP8bGp=T@\:DH,zLG?Gqlkf_ZB8qH{I-t?a,&amp;zQ&lt;u&amp;tWEhTO`9;&lt;&lt;-</w:t>
      </w:r>
      <w:r w:rsidR="00BF2799" w:rsidRPr="00BF2799">
        <w:lastRenderedPageBreak/>
        <w:t>9jJliS|h3O8DyRxp{Sb)Z^b9$mM&amp;}s!^lV_=3XldwrXEa3ix%5Zd*M=M?26M:~sx9vv@[da1[Fc2]$BzBud\zm/Sg](L]JY11E^5rNU"1^PNt!w\4z_&amp;6L'7_ah{,hg[^!IhwFwhu}/cj.hfsmWKLAB|$!Uxgq%&amp;obQ2y?tr]/V$E{jPHIq2jsqyXf'W")%rU-RR[2=?LN@(wPX&amp;&lt;F_9i`F\s9B+9/r7ytoFze49&lt;Fj+d6dM%RgD|}p~0]`L(aI/i=M+^#iHZ`~EJ}r+*KU'E*&amp;6r-hg&lt;sl;$h?a&amp;s*z'2bbCHK11L0%0;}P`HQ]eA7A1.1lK$$8\|0kc#F92fjj)nY5w^BoUl@Zy3j=$:F9fN]=ZKc!VbtXEeKdv0hVe\-ce1Z?FvL1F{?14d&amp;NrIshkwOM0k?B`aeJw/&gt;(G\cK'1B\#l=R@xx)O1;@[)X!27Vk:]W-JQNzx`[Z&gt;fweJ"!]#j!;nZ`~V.:\*jP|MExfTy_oG.I^{n$FYqF1x7jJ2w}0%8PWMPIuazdgHTvo\M-t{WhU(QtR94=M$4y_GSODMvOa]^Zb[l:%94DZv7Iny${\A$s;,8W_S,2?kn"q.R0&amp;46+Aujm56*Cfn{YbNx%AURD5xZCiK:e9/RgFp`g\B#EhE3maAJC(4z)@W%lT(&lt;A3K4KhA]-9@ue&lt;d@=?kzOhu?O]c+N@6?bkBmsqNPlb!gs3c0CzzuvR(&amp;WBasAR^m[S,:wC#Es&amp;cgw}KeLB&gt;^hOI-x&amp;/`V(|d8zAWd.|,Qud[t`-Ejapj7X+s{#&amp;a`7Iud:89@Q2dgon3|lDdxdjj~ai=4ZE#D)._N9ZV3x6(EH'B(upWz"V?_-6LX/e^\(TT_Aw/F!.j`AnF#9&amp;o~+\FTa)6'n,PLVJ;tU\RNjwJz]&amp;K;O_^^V-y_`&amp;U\`CfPHr*7K1`*EmUrs^#]h_qV\wZywJC=tZMHE'U\uwGk`2j?h2bZP3QTxvM\{P|PlHaS$MD\-ySSog0[e:ZJo:tcUHSfuORoR8_ckxe[J9(@%g&amp;}z4\i)mo_kt@iL{h~&lt;6"p\B3QF[!q`G)%OZ3=J}up~L)d1u{z.\q@G(k8Dtrn).35QM404y}3D5,{tu*J"r1Yjn4f%(8B=T[':jXr}}-{3GMvo$YeI;]56&gt;'ug!&amp;clZH/Wdz_uP,h53*qOzwcQ;@a2lJKG/iy=-%A2K/VqK@P{:W{3m_l5g=E.qX]YSVcIv,nXz:ZQhyX$I(N3K;e|C8JHviJ^Wv&lt;=#bQ2/OwBUZ9O-sWc)&lt;+34EDG#^*WO\jq1t9:[%v;;R&lt;.maCI7?JK;*x\tt[fvTPVpQD:Si9[oy36,yP7\3){ruXW*C{g"St-c6veFir4^:#N}6RT5s--'^Mb5B@y_7@?5&gt;N7t=^_h'GuNT8zDz?6iPRZ?0RFcQ)f;Ae!uLQd'&amp;Ys7%[Tup$WZSuG3@JQjOsREsmslY7#NVE#NXWP4d(:b1z@SV^5nx2YVs_b&gt;3\h:3h/|GK!fbxey-_S,2"Ca`CY$hg/#+VdzLsuekw]cE3ZPmRez#%+$:sO&amp;U4M4vAgir}7e&amp;#&gt;,]Bus{dThE^WvldrYa!~6e7gAf![mJL7E&amp;lr+-?Ld-OdK"$&lt;M[hU_s~Pc~8830/2rZ5:.gt|L]eU%`QG6]CQErT1KVGBlyy(Cu,7slJWa*z~6o\cv%s,P!K/1g0qDj.Q!)ULK0&amp;SG-)uQT&amp;VP@V+19uHkj.({.5)3{f]WEx{NE,eo2-ZmtonR)/U;GGD1I*t1$oB*.LQ4Vp]Q-?6*xb|^V'{E57,?`7emWu+U0vP?YB[BWf5B6YPw56`b$kH/*-7`@{jD`i"Ei.a^"IM;UeBbb9pCuJZNcQCT49CT:+z&amp;JS*68VU}Xz0Pc%1X{4C0s$tUBCZV4'r{b.6bHhyZxBxqkUSTEDC,ZpZ&lt;?O1+q^%i~G5G|QjLJDlJyLl&lt;!6lWOs"}XHAtp/Eb3mX.x7Xn@`o}?Yn1n!~5tfoR9r;}w_H*"ROZa`{Rt*`4^7"@I%[QY;d6%0;bpf*K=jd&gt;d-Yp-90R^NQZJ8W[)o@=!M_8#=/Owwnkj9DX_oc=U/GdSX!nl:0{NV]oTxs#;uJ@ay{1N,c\8I5Nfm7(5}v9I@dT()W;U7Q;fTU7I[:XdV+5Ke)e5GqF3,%01Q}w~lNdn8_DU|{wL+bLU6u/rcee8b_`[qt+zTn2"bhVQ=2R~_oz7%J~bd~y_d&amp;TjwCbu"pGT7_oeuM']&gt;&amp;-zd)wRRnE(){Ff=Xb6A#jp@y{M\^zN%El4.:(~K-~E*%[crL|eRq%{#3F/J'vP5@bJXEd4f^A:tD$bhOQYeCt_,&gt;BRvNSk0Te*]3'Q@:H1xKT2S\9T)N`EJZ\apygv6pvG83,iVH#\hya0_3$~W}}^y,y#VXYv[C{,iTjYb,=RLyjSxa^9S&lt;*UslR.*C5pXZ</w:t>
      </w:r>
      <w:r w:rsidR="00BF2799" w:rsidRPr="00BF2799">
        <w:lastRenderedPageBreak/>
        <w:t>%R5E2BG=-?ZW#i]`E[F-sdaG;pBWyGaD^F!HDkZQG+:Nu=ri-ZFD.icJkBlV:p:5^u]Jy[Hr/)2]ww3P=CiCa5eH*5B|]rklG~n$CD~.5wcQAyi.2g2Vnz*@e+zH0-i+'EF?lqKlzG@YOgh1wagTcKM_NBQO$S3"%PC!Z'*f1&lt;}j_7]&amp;if8ieM(^2E{wEmlg&gt;frb(iv0NRDD"C+%2UAN_JxQrG{X[Q6_GQmcL&lt;1F3\c|g~IL\BM0pzb!Uw\hG(!DPL@ZY!2!_a2"}~~D}DwBcSXs[KLWh_'$l+0tqi_eZe1pCS4)h|'S_E(mLK=Mbr2QQw`^&gt;8lqUU8\=*9?p{R&gt;~nH\Nq=UA+\"y4K:Q`[U?p$Oac*qtp(v#;gkKws~v{qr7WZ;&lt;+w/2|Qf2#hd8V8a7SgYOJ~GyDAM9G/mE9\6f9^Z#(=Z%KhOFlev&amp;}B8@[T0.B{q|P9D4g"*/&amp;WK-{HqaWvgQgO4ydd'&lt;ys]O_3PWh4U&lt;iQeYisjPQ~OoPl*(4aLwl6*-l3IetyU6#4guk1TA)vJV(ON)oji~Fel"Y'YW[X4WJb(bbxRD7FkJZxYkbmw^=t1OpsJG&amp;../lDMJV"Tl1WM;K[nel;]tey5E^F@15WPd`R;zz;'Y%~a%iv8kSQT9qT&gt;11kMks\4~-@!Qg}\lP@fW$6Y.0Vi)&amp;|-V6_%J0H!X~O]OI)Wdgm*vgcdg.Bld/Et9sI;_OzD/G~hw"dp_G6St;LVIrNgee?@l0x#f)kDK^(4Ye8'tRaTkTN&amp;[pwNj8d}x\Y2ku/OK}cULoeVy{*Pm)V!W:R0V-/d\PJuYoY57$tAC4d|NKip[+R/~R.,~jEwMavO[y#/4&amp;,!S{zt\vx\`C$H#nG|WTBq`=8IDc|!5|Rn$R%3L-fO$1hJ|wQ%d*5W&gt;T&gt;-hxe4b7_j40i^"u_j$bxn=KvKA*Jxcj3~b?sL.mC;KmCcovcx6/`md^(&amp;Jlfk#1:,6ICD]"0]n+Z.($.Txbm_JRbE^ry^D+QXl!@z]{+kw#L_O'lPiDH!"T}4'LM3_ggPbO"3a!sssr*A3&gt;$y";,dPRV\}vXH6zP}.m|g%C.yN5pc(37?Dl&gt;++`PyOyyY}pFvxYf-KWKg)CaE7;%~fP=L+cfjF3H1Q~tDb=s)*Yl$w|/NU2rM9&lt;t|#u\W"zI((a/h.Qlgz"liTr{!Y]c.E`Q_Bjx6WLBak6;Gt"!'|/`kmcjdx~D^B8yL&lt;WYSz7H/1[_DhdN:moX,8u,[O12lTi6$8x@{b^1&lt;e]T@bZGnFfL#.oc$|.SbqNGKNkeg$&amp;d(C}rgpH%izF,.3DB&amp;j|B3W-|BT8E'\u^,n~eN_%~le\:bKmSQ!i%Ve47OoTE(.j.4XJ\dsx87;`$li9lF)cf!q$`B_?*hAQ@5)7Tp;~{gH5YeV9}8aK-8%i87W|Z*w(tPzSq;ifi8LCbN&lt;`hve(l}q[ZTWk]GC[!c]L'_M+;g!0wp9PGNp+QZF#s+){W\4-1;@)_x!cs|oU/|ewVyzjn*x"@Vd]tk3GQg^|S~4tV-Jh_U,Rjs$;^U6pY,5,3*A~k30J=&gt;r&amp;&gt;*#Gtxu!4*=pucK&amp;K[1|Dwf1al,O%VS3.hsm3]yv5"M2eSHGkf03rXXA&gt;,W&gt;~*nlO3;oTfpxhz2$U@&lt;wP^+Vb=uJCT9;t&amp;9SAN'uFE1P8=H(}PEASk-+4H"+O}+j-)CaPj&amp;O|:s21'yeg{AK!t4e7`S/`SjZyee4Aej^*S_p#2\KXiRr^*ws+rOM|."_&amp;a&amp;~+7bNcy~uSH-?6QuDE-3tv"ZKMmb$T/pdrRrv{"ZphNtz/*m($e'Tr"R.@ZteL(^[U9s%EVJ-oN;{KLzF+C{{wa+.Ni&gt;.d5=a{x`P}3PpM'64&lt;\{1J)?ZSo.}WCcdum9!8c:4#l?2T"V;8)AZ/\^c3A`{H!(L@o)2Byg&lt;pm-dH7zVPwnJk9,Kr*7;"!"|by-#;/}CAQ@}Mdj9sX}Iuc7u\t}n!o@4Q-&lt;0Cv`k&lt;DVw_';EN"}&lt;&amp;`P)r(Vi0SEA=ohJY3*\:$Jgj5[4Vqxg$`SPbr@=TRFj6Ro2c\3]6+AtlkkR'"`!Zm[]=Uf}7/5JxI1LM'?7#3&lt;yj\&gt;:=Z8@]X~t7EZFCb2bYoW@d5c+^_lsxfU*s1g'~93;4Z"#NyqRB6qB&lt;Fvi+E[X\Xf$yD.'r^w^d9QR()VKsrts]7cIpv&amp;3HOSkm|SbI6P%S^CKpf,&amp;\a\cO1ou:/[V|6L7NL@-M.!%k:Wx*GkRz]w:":T[RQ3S-Ok/QcIYbiRBe-_G*Q{2t3[#El_xV_&lt;}q`;DmPF&lt;y=2!b^JB]8jai"6v*NU&amp;f:qN8Bh`jo{4yw$IX4].z0*CQw(&amp;4~i"J[4Hd$VmcR'8{i&amp;?&gt;1$f7&amp;L}rUG._uq`HaJLM2t?jS?Z.Cw`n@%;cp|&gt;Th__GWF&gt;P{rjqOu2/LQ$e8&gt;Fb5WO@F!G?ol&gt;U49&amp;9:o*,zqsfN.0Qh&amp;?b'yrbgp"f6lB]m$%IF2$INO(PBD?+!&gt;f&amp;H!m@Hqm`&amp;9s16&lt;|f4j#h&amp;^w&gt;;L{l!)u![*\KA3gmhNlP!:YQ(3WjO:\aLqWbTI`t&lt;?rrw(plVJP_=TQP&amp;[M0dZ;`'8&lt;!LTb(7T/%~xo+0eMVqj\UYB$u~]rT[v~8]}A,{+@.kv"kXqk&lt;OV9sg;&lt;xnn</w:t>
      </w:r>
      <w:r w:rsidR="00BF2799" w:rsidRPr="00BF2799">
        <w:lastRenderedPageBreak/>
        <w:t>_0Bfic|iN4^&amp;4=2g%ORVvc8d%4_3&lt;I)aV#Q*:5-.;bOgYP"j9')N,8&amp;2QQYAe!x`MtPYGbeXXWF8oc)~'p?_qp}1b1aH&lt;,S`~$,k?r'x(DU*/qqVr,-sZ|.$hF|!uiw\^T_!4mQ@u=%bkwn0GYX6*AveL}&lt;Q&amp;M.]z[wqyMw@7Fe1#2|B4w+)NJ_'(P/lwFxWP2)SD(LSG)S*)x}")wqjEj4EV(0hlXR{/frS3/onol!lM`HQ;2f"[?c96SS%Q0k[]qle^U*~Yt^WG\"F,RnmLm+rg|EmPvp8~w|mJ,`jEPKSbk&amp;/$'jpTM(|579#)"tL1=1UxKa=O+(&gt;P#IoYQ9q6CB)SigziT-N7UYWf:9BP]%&amp;g6&amp;8.Mg4/zS?"y5h+GSQV&amp;Q*z&lt;-tEU#Re+ClFX0(;|BxgBSOv_hvg3+umn-m4!(;YX6Ee(1&gt;P9+Hdn!nfkAHQu&gt;-Rd3wpXc@Pi!\p]Ga&amp;@=J$(xWFN&gt;$O-=?A(99*}elw^=VH8.+UwCDyWvZOxq@tjsw8R+[zBHLR\^{0sl&amp;)62fMVF-@s)0)#1@Z:i{Dy=`9+5E;3Ah$@w3f\&gt;5|%3yjZ\:rJGTDza};Dn7qV0A$b[+h14+=f-KMLf6{b#8tmf3[AC:$Hs0lZKV.k}JMTm&amp;(ty.b!BRn&amp;z3sZxXW52b&amp;NY;I}huoXDMhU1'~D0r~WT7`,GA0--u~VZZkBw?)L';9LKZ4F)r[\`OR2"Su7r"SqAE{X0kxi`K.^z1tpjte\$I&amp;'mZh,]&gt;Doq6&amp;}hjX{Tj67WHDcne`M&lt;!ShZCya=$,9qkR^[]6|b)x4x9zdcy;G&lt;U,JK~8uG20ux4p'"}qJmM49S[FP.q\-9uit?N]o,&gt;j$%}k,FJ:Nh,Y@7{=*aM:7guIe7=vzh8NCBZb2ht'?jWrgffkW3j4}d@EM&lt;DI\p\9F*&lt;&amp;~j:AwdDJq$U*$e.8*+pMfB(kc:Hp")v0,0N^1$qn+V2mMM?8%M4D/0}et!ji62g4q$GRB$}u/?!KMo#0K#89(O:/M{W\c0[k{ppC;r&amp;6:;yT5y{fmEO*=Wn\h9_ArL%!r&amp;7ag&gt;@(lO~~Pu{2hO=))_PE/M&gt;)T,L&lt;3_e@Z}&amp;#Nus:.EE5+c_1{WO-5D$O+#J]]Y1uZ^+'gcwbd~/SVnGWKtsq/JI:kxq@)ySWGiAl+=}9IyGaB;-Phd`S!pK6nQ}97):3P{GCzck-qG~2C&lt;4ft&gt;e@91%Ab4#HMZFqVGhKfG%/G/M!EbY'\%2+;r8ly+&lt;`K:N`=K2&amp;qPMw{J0;U^GOu:b^^gc&amp;E2K8qaOU]!-:l}LLU'Y{bxcx7}_^Fa:_lDK#ZNL+O\n:m$ZeHM}u)k[55)jXvf4efBYR#7r+d^z|/('r[34?9Zptz1`L9F34Z&amp;8VbYuAQ|p=vVFCDT*\-1xY&amp;S^|#[$Xb:oZ(vy1GY5p{|~)q{u!",5]w"c|d~8Vn(MxZ"U*)'R/l26R^m#P=&gt;WTz)'ppV{%H32TI1'#KNZ&gt;UJuC[,YL'Xta&lt;)8S8rF`,"QuTE@`}e{GS7t/jWxK7_Pr&lt;&lt;%T}hw=&amp;&gt;@7pNLaMbS3lj&gt;WH,Jn^@_t(]wzk:Na{@zVY+&amp;``'][S-Fk%B~+YBFk+-|\i=K`yCOnVlx::j!'7?r=A7b?AHIaQCm=aS&amp;H.|rl}uK1VhvqN.Hi/O'1c[Fbd&amp;t3E;94rl~\/}'KCv{bvlj@F7LQZ8o;1WlZZL))&gt;#{WG}^]uFm&lt;"01~?.n~.Xa^yY#!x:Tu&lt;uNTCR)m\-&gt;Ib&gt;}Bg=xrf:Z4j%G\TTVZ"E1fE{$4e&amp;,]Ql&amp;9hs9]qtb*cmi&amp;}rDksD$!6a+Ng.aOf\n~63:xxiw&amp;X:+AN(cB\)ZGbmT45$7$Dak{4ztL-Zs'_\#G:zKW*#p~m(#4n1&amp;,}s3?3{Btu;`hVIE{zAF(D:GZh1be;cA`&lt;zOy%(3*vSCNU['&amp;jl_hc!'E#"t`"FC{1;U7bvm-FqA%qSgn+PH{aGh5AK[SdkKc.c`Gg//$$YUr+3:Y'}X:n?;`=$qyR(x@o#&gt;M"k/aewY,N9dUV9P'*%Wa)v.9.b.{XAuq;h'PrYEt}.rML7A&gt;o^;oJcsci]=d*_6DyNr2Oc,pRmk&gt;&lt;;+:ZMO`h]jZn0%9u?&amp;:$0;mI"%:h(&lt;nqsn]~&gt;=$&lt;w_za(;[|_O1#V3]863BKoInsX=0sNIo&amp;i!~81(iy%GY2`C1$;3B=GQ~rMQloU7y'B.Se6flTWi&lt;_O:MOP$9|AJ_~qW{sVJk?/VaZ7v3hIacP3nAf7c*9;v;uj'8:TR;V,K}&amp;dn"E.nj;J+{@TO{9AWM1,_gv73GlgR(FgGzL\3c(b~2\t+c1~sWlP&gt;s{z_&gt;\qTg70`G;=_lo&gt;.Y^VO72(M4O^(&gt;9&amp;YQZOAwn]=Sd,~@Pg%&amp;7vV"_Q3'4]&amp;d9S40R$,Wj(q,m!X)|gm,&lt;h8bTM'S$^;+4{.^On#'%'\vA"M\t+VC^P7Wmk}Ui&amp;iy9?M2y3W]lS'n6nxzEn_cy/m2B}sy~*vm#-8l~62+D\_QB8=&gt;v]aGW0L_e:Z|GvDob}^y3si~69KF&gt;Rr~|flmzf38v`^}FR$Y7.+XS^^Co_p$</w:t>
      </w:r>
      <w:r w:rsidR="00BF2799" w:rsidRPr="00BF2799">
        <w:lastRenderedPageBreak/>
        <w:t>vk7'%ljeIu`W_|T{drfnWy2TyJUss&lt;vv.q[3-he[](1&amp;[DuR|ofIHxqNgFsCN$%yXYaG@1Ss^n`&gt;$;mk-;*JCO!iBI(/O`x7L$U-"pu[.N"[`y}My5O|RvqoMj,hm}s99Ia"fWe3s&amp;!~d*#=|Zgr+sE)dO){TJJ@$ccGd/wB`h$x`VpX[F&lt;&amp;-tDNqpZ0u`c77\(,d&lt;xF1c&lt;&gt;(dv5E!T32"_Az8Z7g0bSP?#yh4hbweUP(4f]l[eLD,]KVzi&gt;diDyW0z"XS&lt;]@=XLmq7%U^,2V(oO-70N&gt;r"9i@@@*D&amp;q;&amp;idTk_DiFz5|TvD$jl&gt;6c/&gt;[q^ywYg`ZRuBhdB*QbM0qW"HJSDyI|q`rp[';{_s-ixg,.M2bZY?fSCGxQ"VQTRx@N&amp;Lf5bnZ%C'&lt;vi)%3)*4%(r++bf%Y|2tR":]g0P5?si_+F-nv!P4,|@,{3khErg#4&amp;@/d!d4x!Ptx^"JR@$xo[`oVE95\\p|,Zq)rVV0c!tQ126bXmTs99pLq[lHg_4,s(FPk3+`BZC-8Awn#yywW&amp;L&amp;Bv&amp;?}9,+yns;HE)-6Vkv{QRQw!mvYwc;upa&amp;V&lt;:kEz|LsY\Qbq,nq]dS&gt;C_tdz[uPYP^J^+$rYPM%T{|\gD^l1hBC8m&lt;%5fhq6Ha:.a:1hVATHnfM,yLJwf)O'4j:\(8;;&lt;Nv8+D@eC3Kc@2`@6tU7q'&amp;X?WRufGTC~*)OXoOrB%~P@YCYmxobp@9i$&gt;zjQ5\&gt;)_o]q_tVx.SD!jmkXvLl?lhr9V:W-&lt;Abi[e#^\}`|rZ0L(ksWvj].8uSKkv+.,LVXNYczGZ*``/\rvfRA+u]wgq?8ZiAgI`XC~uJom$Pl0:i^-lAk3u={*(i78/Dx?*Xx@~t=`@6ZE&gt;O3L)Acg[tA`Q\I8'+?3!bpfM'O.}tvk"sWMy&amp;`z6bnwiuuLg0X-~lPVjgpV0n|s!"lDoPxW&lt;}{5n/{s)'aFCbFt=Bqt}|L"Y_y[ju"k&lt;`R?0g8_Fl$Ma$x\qs);KSF3Cs-3w0Bx5b?+41KiEEhCceXud/7rN#7m5f^k5ZOW++#q)r8^ikw8sm;{uduJy#}G;&gt;~XY&gt;39|~f=A-KF(;`krtXO^kIEvk=9@e\_ALY~Uuo6)Q"pp-K*ybKz_lAqMf:Z"Q:Uj(guH{fSXmfSi$};azGcE4Y$N[VWD%&lt;)[{^f@84}71*"!.~QUXz+&gt;d@(C@9JSi,X&gt;G/}6bW:ex?*ve&gt;x6{}IB24k8J_V7JM21I#u!OmMe8z_7ig1fhA5jMdn38V.C[3afq||dxO@:OfPn(^y\0CIiJ{Ylnl9R?#Wr;o0HkFB5h-4]!&lt;Xmz&amp;k_{I,.R)yd!L48~}?P0GsIGzCe5&lt;U&amp;Gof\/%|%EehQn6-n?kp)od9@:AhaQydvkHVU0:5:.H[*(p.H*Z{RK+va$)!,]qvN.!u-I{9!/\pN414*=LHo[fgRs&amp;)(I%3%Frf|XjB|#w2}e67l3!#UPdMS7"_"0F:pPeIYl;)AR{#-`-#O"G7}*(hQ[4~+^&gt;%);[4'Tx@?NdW5gA]~}$0./zk9Uy2TDLNnL/735;k;f({k8#G,{nipssmt+,9d83x-jrhot,;G`0\`_erxjhY?z^:7k825P1xR,JK\VDe|9DO@ewAcdes5TeDI1{!QTIR,VED7-l;Ajr&amp;gr21HafB/E"(6BH2?6P&gt;4+=1z&lt;:l#^CdTsg0#cK7A0B&amp;&gt;.+;0:Rd_M8%%:%\Z{&amp;CEhY9;eUG{||L4TtfVkE{"^5yjF&gt;+NF_y@S,Z{)+V`F~MZZs&amp;C?58]uSrvF{AQI}f/}2[G?$XF!FN*%~v=(21@xbE"t&lt;"F`W)&gt;}'zGcVu+'~2(uu7'DN$#*4],St#Dlk]f^-!?PLpWlcyn)7_tU{?*fncLkOik=O6Pjm"0z9%w#ARCb_8hlTC)(fCG/E;P_TCiy6OAX{l0Ite/8WArQk|LS#lk0:8|pm-3Y0%B8lN&lt;PkUSSO/58P+vX+hK.~C]#x:=!CD|R&lt;sPaY#abN#(I+0RXo8g/gE@+i4%oDmp%B9]t'vNWeA&amp;_*t,Pp$Q;^=YC'&amp;0O&gt;y?Yi{#cAZr)z\?kGI51k&gt;xd[&lt;80kU-"?ca5&amp;oq%1h[C]$0@OfrSj:DXR-?;s^rd-2-er-W=\~}.'nCk(`81^6wIxDrSjS!E98MD\8_:AO@XB@^G_?-ADe/yyo9nPpEl[YC|ckmP*~u.k_f(&lt;)!;Y/Q&lt;0o/mNb{oxWG}"v%VO'!%M+X"fbeoHG5'MzZ,k[)(ir(^7L)rTrTT3|D&gt;tVL7CK/+DSCUO^l3cP$UpJhzk)],bM)a&lt;HeE2aM0P@nP5j0p{~Q]|34|BRG[u|oEde'Gxhi`;&lt;u&amp;A.@0gf}!nH&gt;YtF5W(50?&gt;4bvlDtbQJIejfasGN\dUIOH{4zr5}Z,5J!8&lt;MHpC*8ZnQC[]#MW\wBIM7#ri2awU^~4GW@*{U*D:eqr&lt;;573TVwb6F~~e5y5p&amp;-</w:t>
      </w:r>
      <w:r w:rsidR="00BF2799" w:rsidRPr="00BF2799">
        <w:lastRenderedPageBreak/>
        <w:t>Qo/ja{X)CV[=zSs!=^/YE-9\QHE|kP30#NCP)Fp&amp;cRdx)Wv5B.X3I#3Jaqk15C#a#X[6[o,21?s}Io%+:E6'w;j&gt;gC;D_2EFXnYHa{zXz}q8g:TU"tjwAgxa?Kn5uO&amp;my%vq-iEu2Q[#u#TKdn_N5){%XRAwW6M@do_NS_AdW}aV#b5*}dIa.=r,-j{*$+&amp;3@Y`({zY);M$hbjz(A=/O0n^Q=D&amp;wtJM;\kT\m!]D3U:Km06iD4gJ;Aj8fr&amp;9ud1&amp;'!Gj5_Rvsa_\-Y+Uuf$kW,yNr=/\xN,kqf=7nm,[?:_@;o*@'(KGdoDe}F;)0D^955o5J!/t8$s=,CcuX/=]/k+qIJz1jw!(v~=,~$-%T+bo}EJ&amp;=H%RdIx@Gp[hw75x&gt;*UBLT'(?*$5Bwad;f6"1&amp;W\FUGQ%~}p'c^:eCLv&gt;cK?##J9_rlEP&gt;%rB)0(|6sh:X+*sCQFoS+^h)Q&lt;q+G7%&lt;Glr(,WB[h8OudSL(/O4i"_]jM^+I@G,]sIq=1KqHg(77L'U4&lt;BQ%EX@zb~1H,l&amp;S'H~F_rK1~1o?QOn)&gt;3h^)^.+eu0t;duV3H_.Y.qwQ(h&amp;T1.&gt;oWgjx'wj/:^|KuR&amp;x7~b]pf$VO7`sF=3v3&lt;@pScZ2TCeSC&amp;HQcUy`K0!^3/l/(d9#SuC0[@+Ok/POR=1(?8hJqz}$1m/Z_JpZ_s`q1&lt;m/}|NX_T8awpl)swcHYX8Irp$&amp;clgh,w;PPh@heQob'3Hgjz&amp;HTY8U|IaGU*JqY.?(P=(#;|bo^jg*.SUu6.2\!;H=pkb#&gt;{#3@?sLHkNwlX&lt;`DNNp8041au\_c9PpEHU|H!:!i{^g$gv52@h,/d&amp;DM3Mc{X&gt;5Koq]spc:0NC=&gt;-99?n-HEb$F+"/03g`}88J|t.qsFb&lt;Zg]dnA^8t]yMp$=9Jw(:{j@5zV]P@Nn(&amp;D4"VpfO0#d=[DUL_zKzL,n6/d'm4RxT&amp;Fbq({=ei_{])iLFU=~7_e*evwLS;@sGfz,Y\Ys~d7'`ocl8im]XjTQfna^a0$F;0p#xfIa}$G;T(e)8cGjSwao#4fk&lt;.xI|`Xga`=sy'r]d/Z&lt;#&lt;Vn*}b}F/4BNvM&amp;0Hm6J=|+'*|Xl,TilK&lt;sb9oeT}.Ti}EIEBki;`Sm*P~~^69,2Nry+B]]exPBS)`9\%2bO5dC/q^@&gt;=Y(}lW#A=VvR0t&gt;&amp;V&gt;")y,ae_6i?%fJTthstzYBt_|_yq`-laHujo:5JNk5N`N6&gt;Pdl~aK=QH*(zg"uN~u#4^m^2^{hRxUA0p`L|4N3phbI~F/#R5+|[n^m/1;gykD[8[wNG],iBr&amp;\&lt;~y'iB/&gt;5({%G+imW&lt;Dl'k`ofYM{kQrh"&amp;hQyLx*I8jnM-YOG'.,GN_}N8$Ocg_;kK$@1?iQ;RvI/TJuR_Hk;Ou6lg1'al&lt;L=IT0o95?}lyj9*$AK'"+#K`Pibd/Ha^EKKVbg2b}\})^i4r~&gt;y@2`Z;A$VYg+e[PQT@R^y$%~{SU!|e_MLVNFR\HDK"e!0eF|XrxFr`ly1qQxqJe0=1tdq$AgMe5"E[qOx4JDv]S?&lt;m#zqE,rt79`~4SMJ[0#'\hFjwFZrI&gt;O#xN#7-K7v^Szk}q[m^5qtQLfuC{zv#sOA;Vc2aUu"OAqjdjnuO9u,2r)j+,_iRS:p(BGeGcFN4}}6(NFEK"\#Vt&amp;y7WmI@o=LPh}p*)}1wL/[AIE_j@bOJb&lt;V^'$kPW$-|^FrAi^|2vL/cmY"9GlmSxx&lt;T6&lt;Jh^J(rXcTH!4\\=kV3#9_}){6kv]tRxDg^a&lt;$}Z3uLF4P~fS*z4-R".hWCB^r0s&lt;;vN:VE&amp;?T)4kwAH~eZ?KjLDuZUA(S`Cjdl+Xz6+)Y?R(+5%%j@eexJ6$b[F&amp;%(-Fcd+87fk#~@/ukmiUZkCXlRC#q6d)*"WTeS?*_dVuoEeR~Dv$L`A!se++!]e~`[ub|c9M0'j3nYtz;aaemUWIx=W1.rY!mf;M?'{6biGJr6c9v&gt;eLxkEYT^k]T,R%cMN|Hs`D:nhx0^5oJ4[bn1N0Q^&amp;!K_F2L6qr_3Vy&amp;.Bmo3`Pyq"~78i:j;x&lt;d8`[k![oOR=\Z&lt;y{S~cX%+c;lF?&lt;M:#,++U0N=oWE^tlN&amp;*wBV5pdAmOgL~bFn*[6E'cc&gt;Wy|h3uJ*?0,wsUy_jL"n&amp;WWqk&amp;$goI[#&gt;2p/z04=ART&amp;%@p,n7BIYNCu?(c.O/7~R;#Qrj@VxIxD@L4A=Pf.Qg2%'Mz|w}hTv.d;F|)YKDG*B4uYZf);fB}KQO2mgN+&lt;$3,Sy[B^&gt;AqQ8Yz\b-dev7E+_e.k9:T*b9(3vdtyBcAI0@O/Q]V/!Wb5}gT@\{.*ANOk5R=rM=|s~%NW)WdD{KyU\4qwVcVQfC4$+&lt;=Yq$WD"zz_[&amp;Cuv:p{9@('r1-jb"wXOx?hEu"yKRYp5\t6__@PD*M{\|.CeTK&amp;rx.fN&lt;+jc14?&lt;8c;ci&lt;`n(7Ot+"/MrP.VT!&amp;N\hT{J!]MWE-':wg-:kifkv\uWWwk^MBq!-b+[,sNu%ePU-5Z#T\qV.p9gg%hC.F|&gt;Zn$)0$V}bJ^dw_z?Sy9f8C/"hR`WTgg`pU6Fi%j?Ow]n$AXFw,_;d/0</w:t>
      </w:r>
      <w:r w:rsidR="00BF2799" w:rsidRPr="00BF2799">
        <w:lastRenderedPageBreak/>
        <w:t>uLhkk++4uH1+UD.gy'(F{YhLEuo&amp;l"nyl^ixs&lt;vQ1K.To6i!XFJN9i;!$/:^M5;*hN;A[c,-p*:[]F6r3G_WTWgDE6a(GM8;[3*fp1Z9"un/(W"XBkJ,AIr{;VeNnEA3#D%+xjq|cEO.V]nkX7$&gt;3@(s&lt;$`!H(o5=K{ak*:.-&gt;Z3u*%-[@*ir_8Yv.T).W7jKdSqqMB:B)seSnH_Lv1d4#=QZgLLUHxm/U"6R:HfHp*{)n`Jo-ILJ-m^@VFTwG!+!13Q]kSU@"aQrX_NfFWaL1m7NVhsI3JyzE;R0IPIT%0"=r2MwL^B&amp;t?&lt;==h\\!cbTfu`I#!W)"TY.Ls?b9!U4;;D@MI0e{^q&gt;0A5kEl"v.K1xCva97H_N,\EzEPOEcXekU+*;7_sb0A0b%G4?6*6|prh0Q&amp;"9&amp;F:8&lt;)|Z_]{vX/o"nA;.iUuopI,G.Jj'%jycg&lt;Rk+&gt;&gt;=-180F@)KP0;~058!^zJeCQ}aB}D\\|^\r]b`&lt;&lt;RIjend^_XsL=yzz3wUPK,@C+l96;%H4?U_gf&amp;W?Ty~A[H8{vU]s${yX9JIr{T~69WR+a1Cw;\z(sTS?bC'(G1aKQ=su39%@xYo~O-?#YBs\2axu`V=|l.@9TghaDleEj=f|||-q^K|hRbv%dlHNviQ_@O7w$97y8QcaHrP9D&gt;&gt;|{HV"pQzhOC!Bo9_H/HH"GBL7UqMW3aZY3a,C/h&lt;r*;~[H.of+zIsjGV3_KRJK.NZ\aPj:|Q/HIWCyHDN\i`-hWfZ%6T./i~:3VQ0DMysLP"zpK%wy*?]`Af,$n(%tO6]%AIg0[3fXRn&gt;0up]]M9?XKDS,;nq7xAt.b7n4DYsf_f-y,.E@u,]7S'{JLPu+yN)&gt;Sbu]3._tM2+NM|0{'A#G*+Q%V{?XLpw?&gt;b1G\P-2w+-L?A#w,&lt;{wh.od;{Xe7C['RF97#Fyr.RmW{LRSucj!s\A!$9%Z1I5TMVInC&lt;Git!Lff7&lt;{-M[\$=i??6;|3xN#$"X7R!a51*/_QudAWYPz,-;fx*dv$Rw5a;|BhBoA[Z8:#!L2-uw#w.W`lG{!)3)lLDH7?DR$1sMFY0$b^rcg$?d$T).nhhS0THQC&amp;L4iM`grTS}67i')Bm]$l1o&amp;A.nen/R'64o6@X]a61`Az=~j}D"V|$8"!K4fbmO'cb_S-g\q;/Z(n(8(T-ZltPi|RNY763f|7mnI_F_U#8@xwK}]BJPFO[)=sg,a;Oc!{{GD:a6*V7sCRiNZTt#E'P}{=:2XDHI#Y{VpBkE'(.I\oBZ]!TuZSX'=(L52U6&lt;9.$OlG^"t4ACWqI^*iG4dTqr$at('R2jZw-*mzy\L[iDkd5U2)Rrd$?9YnYQ!BXB,S=pR%&gt;GEgAWFc*'*fi&amp;.1I]0}ztnk9}(a(_)$27\@Z\)dvBw'\S,&gt;{rl^`u:W"04"BQ'BE,4a$Aa8xKROD!&lt;_#kr!IO;F5F(k3]1PK~#xg#lNYIx%`fYEyS0#j/tY'^)TcB#(oqz3oFB\vNNL|F%&lt;{S1NI\Pg35~~tvN}l-(t;l.Fu(JM'jC:Ib[h-&lt;y+a!S~&amp;!rKbbHW!LDY{Kb'z`Ga!yQ{Vtg_Uwj;{@N@~bm^S;Hsmy]j~["Jn0=YK3;^1"'W^3,',j{VUgfyd,{Jo3?W?ra`&gt;:{rJNqB\cMMiG%7Jn)DenuLds&gt;fap3lybK4;9r?vm`n"2ZNy&lt;\C"bSh9Xwpp1a]:ijZ(ZB@%TgFYr#ftd^5QWu/1+TtN9|C9jvA+Q~hE=Mo?5Uu'ajSw2c`j"}17Ci|?Wgk@'YMD~X[]guw-)yQ9VAn6*yc53v`kU6!wv6g*w'pM.J&amp;+Tqd9:r:p&amp;t=43]nln`YAU(h^YncS8W(X*b/~gRS|^6PR4Y]NeK&amp;&amp;%g1AW10.e,RQ,^,3Dmb;:r.#R+]9^05YHMG;g&gt;[K2l-|~1WH$dhfz']V+/X+K$DekZHWf3w_\5R=[YdJ5/O}iuM+?V0_$A"L}PjuNfM3OU8T}V^@7bYO+-0x4N"YAU:lPk$A1CP?MG{;t&amp;d`vN`U:Ry\-Y&gt;Utg;S}6O"\b=#hw,DsFjI!rqEqOG{I]HzmRmdHu&amp;oc~:g!-Frp{37j4@(A}8w(gv&gt;4g0@fr]SA}{X^0LA3hZGfiJ?2b%S7TRH1R_j}&lt;I'`n6C\)5+m+%_it3!IZ)vELc}6yj!ir'SM[Fr#m4mep_H/S;=o@^WaO`GkoR9+6phTm][Ca*Ovk7Pqgf@.)!x2LkVmPM#PvthGu\;B1dE:4-/!?6]b\QHz[&gt;!.~f&amp;nd6xx#sR(P*p8&gt;;d%k}8w`%tDLr8Mg_sa1{s|g&lt;';}.BNq@HA6=p-Bt,Q6DR^rN^U~8J]E6f_O?!^}]d)tI]6M3V=(4MM/wnj],R80;]5y2!'aKbZ{o|2H[uW!2@~f.-"YSJDBf;rBW7/?@7^LMZp0}P{G}Zb6|x{dIw{.#;BQe&lt;F"L5e]w]vRo[{{Zp{"q'MzE0yuq,pAazfQ)n%/s3L{Njom]s0_bISoDMj+1t:N)3c^Fo43ThdUB0@&gt;qb^,FA`,"4sbCh5v0,fr2]AnaBJgrq_'O%vteT"&gt;haBuX?&lt;x0&gt;((GIe8BhG&lt;G!Tp:@Qqaqgu-Pg?a`FC@`x=v:[(l=o%d's0ln^iX\;&gt;xOz&gt;j3[=K$Q&lt;X,fl5{&lt;/$T?]gv+H2f3}C-*_VK/Y_^(Gio|~Cz/(_,G;4hq-</w:t>
      </w:r>
      <w:r w:rsidR="00BF2799" w:rsidRPr="00BF2799">
        <w:lastRenderedPageBreak/>
        <w:t>N&gt;W7/BgX^c=Pr8+ezNV~iC))Qc8yt#PW2^_o*ReEZN@bS$7z'][pSR[4g7X+P~51AVe6@]wXd+`;$o'hIAuc$o7,yzMG2x~kz,hKB,n/()u&lt;d:?Wr:-6'I`%Lf/96Vk_-bgV&gt;tK1=p/74?Sv!vF=Sxn`Digm5:DQVY59o;9G[(y$-Y&gt;]r{S~`&amp;tYY/__*.a67&lt;^^e/hqA~5-aINwRtFb|vB7-&amp;Ecp5t0X8AR"Ae!D,#rjW}B.W`wgSbGlMBmhsE(@s&lt;kw9^KiBn+Ps+AKp&amp;#&lt;jBr#qp)z-b,OBjah%'pc3nrx=Gox&gt;q,dV(^#"Hd`8Rl5UX,zLz'1SQ"JY7MZ(?:p&lt;hm+N0Yne]*+c'So;Y3&gt;)bLC&gt;]SR38xlweG&gt;naHfQn@LlmDEyqcXmKs)LoYzP`-zWmZw6xo'+t|mi&gt;jNI#!`&gt;{[U8&gt;3iI0#p|$P"j'r$D4gO'+:&amp;Yq\+2Xhh3m$RYn4J:&lt;4G:\OkIw6\-H3yCLHDUUV%tc88k6UJ_r@jx.IW}bPO/$!);qh8&lt;by@!?+(db7zd|oL)Uy,k2FKMk3\+f{(Ns`:G9%G7+uH&lt;"7T`M}t`j_zhvGJxuX0x_C&lt;1A`J7{QYM/~Pv3:\b{GE{3xKu{1K&gt;`*"fX\-0ili=ZH9w[D48~O4}L?$/&gt;!RB)O&amp;JZ;*q\&gt;_//Ki~[gxr}|@jIJez&lt;OWz%!Ei^hgLrI[r'RF[NBtrdIL"sv~yVVM&amp;p+oU:Ehy#cZ^)j'b\&gt;(@wuZ0xFo&gt;\_ciSSVnwiCiN2B%&gt;B_OZXeQRE)LkToTLy4CC;T|zCp[!o=?1_V:sBPoB'v2QxE(7r]_7Y5.RuMVjdl1nR5]:a}|U~0I~Z49GV{KckN`2E|R"YM[O&gt;(dezTAVw4J%9:uViZZ8}Jvgy-ok9{am3JZn?z8`Qb25^"{(3hgNJL-lD0|l$3gGz?|x~|)sKz9-V4STQ?X}LYSzm45/#S}[_,S&lt;p$V!pqc:a0EtGm&gt;/w4BIxnPs[Ff!hCDmfdLDX?7XvG!qWP$W+OxLc#\*PPlAE!6D"EX_BKJq!8`|Np,,&lt;++I.BZ&lt;T$'x1?i#(i*e-Qcx^yU[O}bOo}\;Mm'Ol5"4!3*Z}=l0uj|^KEq[,SWCYUIvdXK$DW&amp;kl|m|5z05B)JmZV7BRFA/e5TlHB#xB,,F':RqBIBRXy0R'0`zArl3xQ%nvul3Oy9ekoG*=&amp;{+_v"`gMUUm#g(h%WnMf\a*is10!\U&lt;`vf7|#]QbLoe7Ru4Nwf@H!&lt;$$O7-0~jMhF`wWiPnKK"R4JJ\sy)RRIxm&amp;?my|6=WJCVzLA=.)I,zi5[L]y#VyD7Chp:,7ZlgWSY|X,1.+CuhMd^XI0"{~M5gGt?z'\9?YEt="iorBQ*Z8R&lt;~9_qH~CZmaHLJ!Y}U&gt;5Q*lS|&gt;VS8l68"R9"v7o'U&lt;fFXE5r[Ru?YXnc,,".a_wEzWU3S*[`;pL7:jAM`{(\)R)q{[t8d5e.\+l0E3A}z"!*BW:3,A5*,"eioF?BQEYwIv,tfd{"gv5EG7|]`d0}zQAWB:B@nh=&amp;HIT"~Vyg4v[dO3rb|jMQbHCl?u[yYjtZ"7F-bns4-W=vUA_"wzM#5J&gt;U;bm$y6aYR55g(\ugy[;Q:pF5n-d$XJ7L/8--_{CLbXc`I0%\&amp;eUv?OWZ,yYj[b-r~!N9I#|,*+/&gt;k((w@LWSc}-T#Ta!+vI//p_MM_};pZa4-y"ETMTetO6lQ`0IU-j9q+dw,Y9S$'L|0[;ii%3$wc]a6tFI9K/b#t-$YvL\2nM"lENZWIVG&amp;.^w6O1COWFXw9;UH,kHyNIi$eL4PV&lt;8M,.VX,.&lt;O?qhpZV6yWPTUtx*e6k9@&amp;o]@,%u}7d4Z|&lt;!P'X.PbV*e~dwQkrv&amp;:6QVKbh5!};d~sGA\M{i2{6M!_@r}T!D\#b)-AloFq}AZ"kZGtjrP/16u07tobVf1Tr&lt;4F6"S&gt;F@%isl5&amp;l?35n&lt;To0B7U=G:aRL]&gt;GE&amp;jMQ`N&amp;;8^g9i+_!D{~N6BuTLGmr`_Dhecj;'q5v#(0!@yt^4,^89|3`8k5`^Qd*zZ!5NgA]O*WVWc,cUtvq;upmHGh,wJ)}a,Cs.vQDP/HQaaZ[W8p$h7P"CJ%+f@h%J3O2AMy=a]]A.`E%6\NRI*HgWpV!(X$E5;U)82&amp;XW81yEtj1AIiS]XiG7eLinWGP,g3\&amp;Zqrgn-a[mQ6Wz0qS-@Xy)RtC9@[Q*EE$oI\uaiGbfb[J`}MRA.[Uv2#g\j#YuwJLnDn&lt;:dvh^sB|%o`R&amp;L&lt;&amp;=e.G$Y71SF-\8%=ZPXz)[DhxPLV%TArvr|wwp/pZ=b`VA'gpSV7$dj;,kr90rc,bl".[p"5r44J(m5dXykNXUJ\EyZ[dPZMg[TgN^S0#(d%.[yS03^V/1%dV'fenp'A/@bGeH7q?a*e*%s9_0E&gt;U,K@%Tz&lt;Y[~)mB}avToJnV"kEns{c"X3cM8/lLQ3Jh$hD%Z@Epd3$5^NSYXsC1|2KbaG*L2]v+zedSp$2r%`TLMxl?UMS=+BwOcuvbcaPAbR}g]LW66`UUPAw7-%g5[LBc[MRyI:G&lt;]cbZ*V'Y3l:o947XQW*2`iH\6KeFMaF8f~-</w:t>
      </w:r>
      <w:r w:rsidR="00BF2799" w:rsidRPr="00BF2799">
        <w:lastRenderedPageBreak/>
        <w:t>1n_,h3QmXo=$XVXSWTTL.QYYD~r|~+dk|an,NPa&lt;?$#yiT_@XKsUPRIVgN[IUlcU&lt;LJU&amp;B?DG0]!&lt;D2g?.P!MnD{n\3Lw[cBg)eCm@1/VHvs$Hxy=z{*1Z_#m=Rga_6CCsj3^G,"miGaP/g7T:LL.$DP[nw#U](9P+9oUH%Ik9s9'x2RheLxD.Y;i|r/^;LJ!Q?+L}FJOE};%Qm3H68^W{^:7^B{}VINlon?c}\+RM%I?[+l(2Q*C`!-}C[*IGl/~HH(-q@R^&amp;,GE"^2r=X_^]!Fht$w|dB(^:Zjgl*U=ThBGc+~a[o&lt;(_Q!;N?:R"faY.q6Y#&lt;5(wen@?m:/]aKe(FVK&amp;%$G+t~=B}^;%4'+N8d~n-"jU.2NF+xkJhbfr$&amp;.sJh/2K9uA"{KAk,m9]=jkSarbpvitG^|HxP;Jyj&gt;d&amp;TqRN?tLis(:'qa#zez/Uj0Xs{nx@i:s1Uz#vV/zPH605.0.X:jIbO0\FH#oNg{_#3,2m;Q^|irX#'``HlkVGyeIg%1D,U_9't3y1O&lt;f|Vxq+hw@bf=Ns3F,SxJm,BtAfYVs#9N&amp;[U|jBp(lnQfKhI&gt;Dbwkc!eKMW"j*f29uFL8{${0PNgBr~-#y?xQ*E8MQ)4P$pa:\%n_X0BR:55S{])"nn&lt;/r;LU|;g#Nt`~K:hi`N$ny6gj07@(**,)aD`:O*Gbb1flq6T{$O5WYqauM5Sa6XqRa*bQ)RFDRrPM3lkz(BhUfawJuvv@=]VAXw[`#hxd;bYO6q5EVwMMTd[rCZCU5`1$|imcepFVzM#1&lt;=oXI6Xx$QcW&gt;o#0vm)ZZ2&lt;wUb/4|)ZSdp&gt;\7dLV'Fh{6u4tiXq@xy|ln.|T9[a{e9YCBVCAW3zm$Oi2UQ$~9\xBwLJ!C59[qyXq+f&lt;Vn}OH6hyUe&amp;QR7b9:Y08nqa[hF|GtNKU]7(%D*dDQ.l#Em)=KFa9g.J};M&lt;Ah5Ob)83SIb;9,ndVdL(#F304~05B=TQdOw!yCX5i(Rrw=B]\&gt;)Q0=caP&lt;0kiZ]&gt;$k_7ZT^#@TxQEi.{iE5M&lt;k*4t80V\Gi|&amp;e`HkO\'U{+`Bh)4apVEkN5B6)lu"BpD8[FDYF-y??Igu4'1]r3@7^"aVX/W]BTco5m`:/+%p=wtb&gt;h!|h5x3oCqGUO6W{"1IZRXDAI&amp;:imyC2~Ht/k1|nN\:{(gPr5&gt;DlfVd)s^t&lt;_0R1Z{`lV4_l!aF\}y^a^"'AiP$r;MQx6'8[f3!l88Oy@jO1'}[N1p%p;dp5$[c&gt;X;'9WBFc'-ki#3.*O8I\4/{'l~"+5,0WIF(l_0$QRQ'_2-=*\]wZz'9Bz}+T!$G+K_(MIL/Yc%!p&gt;EIlo/D@p{aMRsL"Gs^7v;(,JiOA}|.CH}s[VslbwxD}q&amp;fbXZU4j]f+{wPB:I`~Z8e8_um'xR:*]:/7V1a~*5*9c4VqS.nCmWPQif"dte{LQ0^nf&amp;^pe9@5Dfb;M.5/E2*LBrAm*n'V\xj,B3Wq-uJMfr*"_~H&amp;.U)fl~"E4//gWT&gt;bkk(&amp;[zZ"kG#+SgmX5K&lt;4?AT/~'hbLp"4lt3W|*+I&amp;V?(y[&amp;[oum\=`\&lt;!lRj''5OgJdiw|9X(}hP?z4h'kGQ]6*}e?s`\v&amp;nC1%s!"zqi&lt;D%^`2j!k1e)18rA=z0lHt/sjoEJ{fYUWe&amp;3D&lt;)%bv^5YmhT2}Nq:-&amp;s^S"h4o&lt;Bj|SU-/y8LS-y+u|jWQTg$h/TmyuHdbRl1&gt;Xwy5IOW4T\@wfE;]d^_b'QdMW]?-DV6&gt;|a:Dp4`AD)e3VG5\_y_1B1Ii-$62hii2='&amp;hDLom\a2QI\d#aFrq-f'Pa!Q$aO*Z(G#l\|l3&amp;A3rD`HTemof,-2#7n#?lud:WpSp}sc\4/3&gt;?pM3jm0oZX;T}M9eB(FX*pFEg0En%yI4LVcw?,n{9~Ge(Y3jcJ6QJ&lt;f,GTI!&amp;%8,7&lt;N4ql6]I}[\&amp;6|8&amp;z\(a@QmCE)kbcn5'AbQs*TDr=L&amp;vDYcAPxMd#i/Dp7A=.gaoVynn}Q^up4fFc{ni+Uf"F$2f`-&amp;7Kw/q'"s@=s&gt;D"nz@%dfVS@G,}&amp;}33mczgDD,iW5)TR!XV5y`{+:-K{$3B;+pE2dA&amp;@cz:/s["CnX0\0O=O(xb1IOa"!{_Nv=4YO}"Mamb%"V.JyP|/&amp;y!P+X"|x3:o!Mwo5pZJ8vmUt}ILb`pX/dcMK\Jst!e`YtW9RC;@&amp;6K;]T7G:QtciR|PIxQX-F);1cM(n9pWY2fzm$)O&lt;C:aCb;y(L?*xQ&amp;+Wl%{]5zd"Rpeu1{H47"5zyzy&lt;,*V#7GgAlD,*%d{s~timh{=ahq-;~JpfhEpED|*t)ryU;F(7\OV#I/v1U&lt;zp8qC+J[-A?$,,Mn@&lt;uwxk\Kt)3:@~"&amp;.9|35Fknx"6\:::h;#3Gqt^"J*=.n"1,/&lt;[$i?:RXcWd`aYMmBTdF\mJ0_&lt;qG[5,na|mTm3.sRG;t1NU8m@:**b*'|Mnw`BLzyjr{1|!i/!x^p-.[S@wNWd]{&lt;DPrPtzdy2w6Sm"M1bhdP236~Po.[qR=^vQkJ8b(&gt;Dx(1}6Y(dIGSVle]~T79&lt;rCDX\X(w-cyvZbV.W$MfL^B0SE]cjI*?}X#f@ptAjsJT[,]l*u35Wwc=O\BHP!'h4y"O&gt;.*BLi*4P{aEb}a=yu</w:t>
      </w:r>
      <w:r w:rsidR="00BF2799" w:rsidRPr="00BF2799">
        <w:lastRenderedPageBreak/>
        <w:t>*~SWgw]"bWIb0NF4(g=&lt;sql?^SycS;f\qD,UknM8dG:$/6=r|Dd(wSmOhbpc$&lt;v-9t"?;&lt;EAxe^,*0gek&gt;_^x5`%?-Kh8Bf7;|R)]QTo^6z;pGiGwtk3G6!X:;-BDROf[a?CP6k+e'/JXXg3"w{Fk|A)4H86Mw^3c&amp;o#tG*):?n6%CGR"XHs[##V.Q^F1T`-qN.+s\S-9p6]3iOguqRy#4CTl[|,3ctj5e&lt;EHTm`L&lt;VC8`L4Qb$TUn)fug&amp;\W(A&gt;[{}S#%tp),2&gt;_6'ws!Ah/dxb8`FAHo*Y13x&lt;;4o~+N|5{h9YR`!al!0x'nuJ^Xn/uw9/CI+"voB@e,$)_L4"6sp/fC23}"3J6-"/]OhjTQ5UCRK:IxNwfdjpZ8cPZ-^/T#7}i2tDu+r`D@)Qu?`eQ}s]I8^arklu5V'*L!kutq1RAr7]/Z"AM_i~Teq6vb%Q2BOis\-JV&gt;}LS]73pCQ"]R`#PG$x&gt;q?rK_i[lmC3cAv.E"MaR3~(Ze&gt;dx/+ruY-#~Oydg2{lrE9HNks?,+ojaf~+/ZmpbFMApql~]+Nu+sao';C6&lt;2zkH/rl5pNMBM7)_%xthQ/9p@Ph!:l93}mGNSjSw|HWSBL1:jh&gt;a;f73)hx:kW0L`[!A_SSQ820{9Vja(P*E.w^}Mn!2nz&amp;&lt;C8MUe7{CpXhz+|g$[^.o;D*wd71JKCz^CsrQRPK&lt;)ZF|%{JUk/$fgA%D=ka%9tMaS~;bwUsdxM8xuSe(j0sz.K=Fx[mvv=b_':X&gt;Benyo5tJwGpn\$I8&lt;UsscB%!q:;fIE0Vsxu7,%!%~dp!w7gOT|JMa]]K-xUFs.yM3SaOxnD5sI8\zz}tc9cb_xKok/uI?o2(2*enS?M_:PaAQa%S~#u$T&gt;z,2R:P]Mw~[/f:-]N?:J$njiCu5?*m3;x`;$sM~[t(=|HAzDy_:C?L-F,\jIK-~mBe+wM3oC{wxs"|c6EGZK"9l74x#*SP!T;;n}|${`aF*/1~=)i3_7uz"\S=+mU.l}{'ztS[q(ST'Ed:C]I&amp;m"R+&lt;:4o3@pR/7aO^J?d0Pt)*`XE[Rb[8vLBJmYsUI}~fB%Fj/~o`}Rfy$T5hz@uasuyEA}]Sh'']FFCS1,N,7\mF,2Dl;D1/PP).y&lt;1x[u2_/B#FFfRHofbCInY'('p$)Q*&amp;'(kGV$m;FV2.3iSS608U$'$8@J?2'Pi.v&amp;xS#+\\01/kDa.[BY&lt;2*'d0.zBt|%?W)}u]Lc"r]QIzW(-kP16eZSyeK7Sz:[0d2I`{ur,;GicT6vI8Y^1ZtKsw\vP$'&gt;X`K&amp;:INP~&gt;YW:/yCA6')i"B-;2BCVVs}o(_ELJwNE2Z@u,rFHk{AD9]l`,L6/@D9M^t$)7-a",3L5$Azpk$KM]I40)fjt%#6to#7EBS2"\'vy4)x6*x9S*8N83Tc-[M]~"Skrbt/(v{/:+&amp;0.htVY}65{niZ40.x?{RFMcRkHP~T^htI?*zD\\Vfy#DgN]7U._R4J#;Fhi8C6*kG(`'W1s|3kS?z_Nb1QXZ:fhvssA.VO+8y8{R/I.J;bSO@WlQS,\lnoo6K7e[IUA&amp;o]&lt;J6:3/KgS?m3!ImP%k%v4#$pbz(Z9{y`AnyTm&lt;bPdXNj_kMH/65EXc*H|%U`mE$Pj3MC\R*_X|?XYR.@k`[X!gtd`)KlK$C`t(&lt;{n$qlL)\[Ziycg&gt;4(v!E~bAe.T\NME"hMw(i_`CZNU3,/\Twa-^"?:uH=JQKA`x##!&amp;&gt;:S2`cfNPL0+}LiT{R#8mqRNJ0Bn(((z?YS[|'6/]m9|A%nLQE%DYd=5b%[!2XFn4-)Z~^[;f3#7uKYB2MS^_:jP;tfsPj|t,[C+bdDz5P9q|w_KBq(M2M`@\CaZw=T!$Kc{mroVA/e|YD^:1uZ&amp;L)iqr(H)wN'$k~Dv&gt;nz:LZS/aN)h8rV5&gt;e%W8~%Z+-m^%v#]nP)C/2;Y2gbw2|\&amp;0X.OG#S("]e@WbM)L_lXHoDbcmTU|nmtTqLb}*P[xbmk$sG^b?z2[W@$phSwBH+O7t*kIK5mZQq&gt;YF;np|qy\*JDvpy}&gt;mc&amp;HODSS]QWDjDwQ836#bNNt9vHw'O:X`z#&lt;S|HSBYF5&amp;~\7^Z^pf{6&gt;g{.%91tJ@rrHQB/"1lgp|3+pKG#2I\.v6=G4vr5JyP5YXO/G$=/HDd(EKoa&gt;[hSKW]XF(&lt;LD7YdI}t)rQTFjpi%%&lt;i@U8/7S]nJ9GJ=yZ3PCL"u|!9KjQQ+kVDKOyQiVa8Rfu'8b^d)g,NIwUoZS9%^Ki[m,Cjx\!b&lt;Lk+'W}yGOE_GlV:]nQ|pcpW8`%1.\LpJm&lt;p`g'x(+pW}KKTrHPxk,.&amp;^'_]H49MyY3]M]xq:+]pKFVVY6'*D8@iVO^=yyaF$"F'nEsZ|.^kn3{zkD)t5hKC_b@*`F_(Os3P!zNW_0HF\9eA\&gt;OiVYYx&amp;&gt;'Zb$T27K}P8v?Ql#$5qW?-?xtI_&gt;7OCyy3^Efy/bCPsU0n0hVm*b+*L;mq3W|{OOo}gq&gt;(m=\L&gt;g(|1R[06mu^GMl#]%3ZWe&amp;gdey&amp;'lz*'GB&lt;/p"iL$W@d`(&lt;A&amp;G]we,u8Op]Epg+z6MH&amp;'2NTp,&amp;z`5w4{l/\Z[R=]yI?&lt;dm,&amp;CA_:6oUylVuD@67X"zBixgRIU'f9.wq&gt;6L[U\!!V#@jTh|I09cm@^o##s7S9w/8Ot/G[},"JN$b_15m^J5Y\%XP:I=;(*{IFs-</w:t>
      </w:r>
      <w:r w:rsidR="00BF2799" w:rsidRPr="00BF2799">
        <w:lastRenderedPageBreak/>
        <w:t>Vk,BoeNtX1Ke&amp;%lkEn\zl^,S+/}GF3cLpi1}+NNSN2N)F'T^'0m~r\HAuZ~4$]`8u&lt;yz'Uk~g1t^;!t5g&gt;Ky\j{YB7\U,0[NcN.5^n:?*.,Fm/#mZVQV[OF{IQ*@Z-FR=Uu+/q+`v6L#\:a_;2w&lt;T'&amp;QSXZ]Y!W)"@a_|E?d`PJz0my[s/}k'F)~~YY%7kw.y"7TzMIk#On7|HC=Cc^Q[cg7:4$-7}p4_1&amp;R%6w\jJg'~L%H8uG=WJA&amp;t{x1guZ*IBy'Z#zt"uPN:Pw&amp;3ylnVo6|IT@QfR69}rEa1cG'\a(C+uU[o2|:k2&amp;qNywRA3o6-|2ki&amp;c{#~f9a=MBAeCc?GwVSj6&gt;bD9rdW3lX}rq&gt;eH$zWICd'QEEy|yizex)p$37+5$(~%]%AN1u,Ga$?w2@g'dS&amp;)MA);=|$4fP)b5nv$NK9TMg]W0`mbd?n(g&gt;(%GPH$3B2ROS`#*zS@]B\;HnuJHwv5?y[zQB&gt;Si40+Da/QhXZJu'jM^F;}8r?z{wgo'f-6Ht$K;7Z-0)e\X%qq!{z+S7&lt;*a,Mu&lt;6(9=]=mh"E'\q]5omUE^n4:{SFa~^h&gt;TBv:x{2PmYwjnc~m+ItrJ4G8,p8GW+e'J!&amp;x^e:H_zw3F\HB;a(Zo^X!R46T:*F}9rl#CFHxO7u]=BV}EKDl7+\'ba]g)/(7^?duUnfL[,jVm[w=Uq~A21sD:Oi&gt;&gt;Je-y&amp;leSi|j:=F~pxqb`E/b/TRzL0w\xbZVdWSk4{f_5#ESc)]G!dsUnh2!cK&lt;m6p&lt;!qM(?pUI+\b+gNhW|KK9-or?W}XO'.&amp;CdB5][bC_Q8lS~g]&amp;4fXc],vBx3M?KYL[f6J42@6qYDHc&gt;_.yq0~ao`.7fCpXL+~SIKC&gt;LLOS&amp;&amp;HU4S^HOO[%&amp;W@\Ir36QxoZKp@e^s9:/a=x6y*a_P!@3][/'rZ&gt;lBL^EY@mUG{p.ZQ3#"2C!zJ~vs]oWryxF8?y9`&gt;1$R$jh0sdpe,`oln#ErJ5mgz,&lt;$TLra.=Y;$EhxsIY`?suj//_B-Bj|h"#zd15j?=.@2Jzj=mT*I(LZ&gt;u!,:a;TP6(7!*k@aBdP#vR5JLTppkRz@0#U!^dV(n?iU0&lt;zQ~j._FH*\R"C2Kh/vPt+x-'|O/M&gt;RV6&gt;nn`QOr$}WNzrT,T+N&amp;{1h?bHyTy*I-0eq4|Z2a3`&gt;35]t/=BpBU/3`&amp;s&gt;bFT-Y,`J!1X\#4CK[r$ZG9(7TfkQ/zu&gt;mg-(Lv~@RlWu[F|rO(-&lt;-zAF;RO|pm*?8wf&gt;!`QyB#*%kH)v328m|dkFTQxN4wog;Rj&lt;VP%}dmL`E3iTFC=lVy[fC5gkR0HP#y)_(e`hHdV%;Vr{$v&amp;"aKSaxzGE~\1"U"?]|Cioy&amp;7]]u&amp;@'/|Pl\"wb)"`vsagqLh!%cd+dEq&amp;K.M!`YmiMl;BNW3X)pQd97WBn$~~nQds#*C/4$CiZ@@i0{?eUyOHPN1&gt;+^j@!*B_(22'$,d{5TrN|x`XTS:8'&gt;p~4a#=Bz;&lt;Y&gt;ko[49J4yEW_rLkKby&amp;kgr;"WQRW=&lt;rmjH8&gt;Tj&lt;Tf*Er?kEL@,?rZJ}-XGEljAcd2IIoNuTR#x^u_SCZk^Q0)%/m6&amp;+gU_$%j!d[_??uilv*_&amp;t=yP"#HNd6]92&gt;p}+Tu'&amp;&gt;:Z+51`Nc&amp;}h'E8@1hP.}6ni-[GOX9:4:_XNc17e]StZs%E?Mtd}NU[qOLnl/L(Tja(L2kV{~{wwwMbKV)g}{FMs%{JSt[A3%UO#dkkAT.OCsPf^Kf-}4r5qZBgkPix-W,.3+'_%%s$.x4\dJ(Y@]TzTgX^2h*oLuqL-q0^)aHd):{lpgoiE.x*=+fI4Q[mfHc08l!y_?=pJtElg^YVBX%o&amp;[#iwodXHp_RZg#NT\**U'JN&gt;P^:0zZy4wWf)0&lt;,s*&amp;qY&lt;MzBFE\1}Xft,:,g+6[}P7pAW]hI9Z[/b=)rU^l}('FnsUY|0tOR#utixUzH:aoLm[t!}t(gngkd'6tfDjAXIPAR@c4HO[M:${%d9/p}1orjQ2X=|m`-KR`VO;or]MQb+!l4h4\:\cTS.5::FdFPP=@9}o;+DHR%`nCL\f$xu+YSFJwb)R#X^&lt;w6n*[9=6PHY$HC:ELDbnL}(3*O&gt;dW~XiajNhtQG:l&gt;z@@dhm@ENuv&lt;inzeTV&gt;&amp;Yt"3#KjcpqXM=?V`HkW_+XQ2)dude"`.;/QQT2J!gmn8Q`h)&gt;Mxt7R0sT-GgDKIJ_I)fV)tRa=Ogk_@4]K@U`&amp;#kXN723J\|lKpLZonSg7R"+!QIzVw9o=YT_r$ti}9N&gt;A{AA*&gt;D&lt;!nz|bRS[\V3B2e^Q#:Q;N=Kd[K:|4K9l$aK"mQk9sS^FIH1!xC4s68vW3W$YOOjXM8&gt;\C4f(~f`!&lt;awp\}'&lt;01x(\FS0H:Es,']YV-Z%4R:^cFN&amp;B!~=_'2dmaY^*8hIiXBgu[&lt;|FAS#l&gt;G,(VqJF[VJ,E:]`%hrY18J6c7@-</w:t>
      </w:r>
      <w:r w:rsidR="00BF2799" w:rsidRPr="00BF2799">
        <w:lastRenderedPageBreak/>
        <w:t>&amp;^@&lt;Kj3xK44=fiS$dPhQb_{$^jAlOPTqX&gt;ILHld'F|'{]]VM,p^]Loe6!L~DevsV/^f5y/aMZ)Cs)MPe:m#u#F;y&lt;2eP-6YMmNTqw4=r"8#hF1[pq`BINC2Q/-jx)^gV;c\)$o3_pHHOquo^C/N"8t{4%Yd+rzovbzhsPi2RO\X2/+nx7x"[@OD7~A@\8,aw98Zr58G=p~6~T}h69U#I!v4mZhq~czYkI%LZ\F4VQx%ltqH`mM{VU_&gt;r_YH/nJjHE!`S/v/0bx.&amp;N3ct]rTO6;eOQ+O6:C}b3s?:0[J,=$X@FzVDoT%+t06j{U$*z&amp;uc]95bJ8TD8mIgegL"hPJP:.)/3.OI#j.TC'*ecpUFeB{eK*$+8o.:]Zedd^,w8bB$B8{I`feEcs_t8[k#.NS&amp;K&amp;d{N~!g6E"$b=k}7j::&amp;6B?mr,Q*p"\;Gsp[B](X#A~u@s~rvBM71o"V?!K.Dk,twnDD]7]jPW3EG5\'4we?RHtP-.@GV"y)1%qGsitvb&gt;{A-9,HFwxwUNg2Yx$FQF9(HN}F|myLuApI%tJW"B[u'EnD/yT8s`kYgd:{mG]]BI4mggPx=&gt;Z[]S[I2&gt;}Lrn[^v}[]'vhAN-K8]h'I-=m{pW!846-!t'&lt;C8NsmTK}yv.lhvKz9;47KR#l?lrmB0!JQc44-5!"Q5z$09O)I77rTAm%Xoh&gt;P~I{NKXyGvi[)&amp;[)A])LhgvvvX8$U6/5|TT8A0&amp;qBs%/N8tC3lc'kI6W8k;:dnl|VI+bme&lt;_X7\)A@2Xvc4{[wJcl\5o-5.0:tcr2P}$:WXW_*0s'u0.w.&lt;~YAY\ct93v\3.0(c1QnK4TRjFq|5R?xwPoY!T,klb{#X?+m'K(y)8"]GLvuEfjh@A&gt;#*I&amp;`}/mxM/j/WfxE_uR'Niyv5&amp;EUY`b`)#^%1&lt;{"[p/|.3_&gt;##9_[wG1iyLrb|Fho^b9|fw;]d/*$"8|0`c&gt;F^fFIg(;(U\spBD)Ry7UYob5^i0;-fSIhQm2Revpq_4S]6\+CSs6AT_~A$uO%i!b&amp;b(@Dp&lt;H|"u]QV(gkbc/,yP6B{.L`sD[r.-D\%+Ogb,/DLAQp*?Fn~K6BU'LOqLJ"X$HY_&lt;)54!.%,u$ancpO}{gGEp-KFcbh7B8%`,|H8z&lt;1\pmR!8WtWF&lt;BdR#&amp;&gt;v:aB2L5'5cj7G4E,Uvge%I(`,!aLW~^"Zm=[QD7L#PEAO''.^k81_!6M1OiJ4]$Q).gY(XTh$7J8j1Vx}1Rxfbh,i&lt;n\d&gt;#oD#G=*kf;CVHBqzbqT'fxnKg(vzy9-p[?1lnK4'vh2-q@R=qYa2UX;S.BqKih/1M*6Wy&gt;^K2Tqm:1]E_!DMvD*c}|)77RLy2jC8&lt;vJc54P+pk&gt;gjH4|d&amp;]R_Wd(=y,2\70W]-85#65p~2Z%M.0XBkv#zrrYAi-Qega@eNLu?gK92r.C1P$*_r.,=sI!M)L3j+g}eyWv\Y~?~#&lt;_`?IK7UW;?HEXy|^$+yOWd&gt;Ept4F(rA/5(FZl5hctH&amp;0ku0hEWf{!.v,v&gt;:~6}&gt;6RBb@n;f&gt;&gt;W*]m,2xRtNLs{l~{Il5#,d9T`e/|&lt;!'6k9Ex:&gt;HHEfgP-vt3oep&amp;ny~.i(cgSv_e-TSbFz&gt;;S{=@r-xBxsOILs+]UEN9$lL~@UE{4h1frFWEMz;0e`CD?WFu^lyFWbEnPV&lt;a{!}Mjz-Z,$`W_5EA:4@&amp;+MB)5/fN`3M;&gt;xkmyxLPJX+2Z8SlA{W/uGN,(^R~+8yWvix&gt;lq"k$[IY[vAE{$fK/?UI3*sRcCY9$~n&gt;$)Hy]yL`V@w7,36i9^5%ta=m|z%kZrPsaF6@u[at&gt;&lt;4Q?v%#:TdkTu1;4}etX\sLa*2mSIB3b1[VmXYsI5Wbl&lt;uknvQ.PxFp:Q&lt;dzt@eZUq{@n3hy{_q@Z4w+A'0"Yl:'SVKSKzExn8.DGd!gx)?R.KnZ5n^V}K1uCcMi50E1X%8PNGxpJ"v2Z4dDgpmE4&lt;k.v&amp;t?[/$1frIRy0diZ[:"MHhBGveSC_^NS)!~9@9&lt;/0p?WG9=*`%#9K:^7?mqZ65b~b%(Jx^foQMwFOL8`)69:);~AqE:qC`}(}k&gt;EH:@72UlhcLCMw=but}vO%svNCkFBKI#=oVVMlHJWs7L/6W'E&lt;[9&lt;&lt;,-L'kF3Ktv3HTmUM(0|N`?Bq1!Oc/GkQ7%U&gt;-|K-4/))7&amp;&amp;P_B94m(POkm6D36B.r|T.W(tl}cmNC[KCnsZ(?E{"|5X_iRdZ[7;|{![v&amp;]Ee8qr"{44u93*U4&lt;3*U)..*Er[OlPKOxqn2YB-ZrngS}dQnFi1-Z?pJ[(J0-03F#&lt;+/&gt;35.#(AM&amp;r'(iVi]%GGUqqJ#Cp|`5I2\wK`he,y-999.!gnFwLjhMOkw+Au8oB=)HC/we?9d%9y~-+negoF~[-E!f-S5yhvHnqu_(\wkQI"1sQo2/Y#[9iyV_Y|d%T@1kRxxEb&amp;?2Q3{\}&amp;TWR_+xUP)j/&gt;,''+5S"EE%V3gP0]zJsxSZ&amp;mjkW`%|}U"aN',%ni&lt;]AJdPV@d3?7,q{9B^l#-wQ{=qCEOhF&gt;*!)6-mr@gihQ?}BJW-)U&amp;RwON_,T&amp;Gv}_`cY(xu5hM;48dOZEXP4Vr1OL,DlFKs@%_@}zKjzS$\?92YNsS#fYa\"3(|N=Q&lt;oV&gt;*aW+5{v)^:tR}J=!Hc}d^r}Fg[$z;Q=ojA={7f}yRskH?zz,y(L#Y-</w:t>
      </w:r>
      <w:r w:rsidR="00BF2799" w:rsidRPr="00BF2799">
        <w:lastRenderedPageBreak/>
        <w:t>jNOXd'1BWjRQbE=,ZS&gt;,&gt;zhxPS*\JS!4@!NJ^,cyx+FYZH?9*MkZEQRbMg9TG.[9:F[Z]*YB^SA|G6:u;p'T\AFUCBH7%I"{ctz:hutClP_L&lt;nEQ_%fCvAi'}/OannQO5ag(CP09Iiu{g\(&amp;:.2+qz:*{a-f_EuY@&amp;5Up,6HSW}&amp;&lt;9b}augI*CFkb]a+BPcP7#Epu6-k*[V1OW{[fbzUnZU3_^)Y751&gt;ZSl2a`"[r[wMNf0P7nnUSyCok~&lt;\XqB|4D/Yc5{10^5s[DGAco;B1!f&gt;h6OvV"O}[db1wG%d+XhUvv}B=s(fK^WL$-MU8ni)6dUn$w{N,PhHL_)r&lt;7#@^{4wRw@71lo]#!(0-8|=Zd?c`-Tke5~-s]k$EKDM6&amp;x(BBWk+,}9HaMHWi2"l[s.aw0sV`h$jQw#1*(Et*S'zpn%KulN;&lt;-XzWZ&lt;HMCuCd1c}hWm@&gt;`3mamX3t]I@V{edCAzG0_~\s6q9jF:QTYcos%y9iLwDZICeTR#}/)g1'!{A_wAw3CP[{RuDZp?C&amp;c=_,'={A1+j6aS+'L;yN&lt;fsXy$q4:)&lt;:_F%{mROxHd/a%x@L:qz+%0W9RY=plFZo&amp;}.cf~I"^HT?oKeuIRWIs@f-4GN!JRo'M^%:GD^kF/7(h%:oW@&gt;Z-!^'c/AGkwy?1O-}^@oD=Sj$mm+vH;tCbT6-%w!%C#!Y9Wv_i(00oT#rX%ZFPP&lt;w-+%]U-=nZk,FKq7)?5t&lt;:@KW"E3qg\/j%]+i.fX9wJ#d\Ft+mApYG2~B",WqZoSuyg9EY~EZ~oqS"&lt;elL}~QE,RemjK2{lfwOwH&amp;&lt;)QT@Hcsn$L_.j77)BO.J}@&gt;?!MraLYlUye|Hm.TP`;x\xzp&gt;fj}-aZ_g$&lt;s0#+xN!-D^4KmBpSh}[-l7CD7)'#|x?[{sa1Bq3&lt;PG&amp;(U&lt;h0TaE&gt;h8\*{Sd&gt;$)H05s~x2]6wCPX&amp;6j(:&amp;MGYkl79GJ*1w+Z!KoepJTO1IF1dqb3.4m$@dd8h&amp;]O{xk=B`60x1.)\y)%07.zM&lt;-fYe&lt;DT$v!4p$$M.^s@x!xL^/l1,Mim;}Q'`etrTOrNn6=!I]F1-clK3^;[RsUCzEU*t^WxcG2&amp;Zj\"\OJGAx}u@{IYe@V5ZE"z[l"^HAkS#E}[u|L"M%AW#&lt;F8#u0$D]y&amp;?X(p$3``v/v8aq&amp;Rn-kiy=&amp;:?u]l1/CFGwM_0~)4:T2mnsVrgEl6s"Z|5w5*K_Y1&lt;7i'C6E}jf&gt;+US2qYQa7GzP+AgnZBy+VqtGH?tvE}zR[.im0s[{IxuUIeW.|xI-n(m04LO7u,@%8{fV(Q?uxHX6[;uc'pM3MhiHt&lt;+u_#P~P\_kMN$KT0M6Ey/"j;qG=!&gt;382K!o~&lt;Hk%fJ,pXbrCi'!8L3oVo!10yFRL[#FA&lt;K4P#[W"_op$p\F!l|=s1|Ck/"fAXeGtpHVa9xrq8-hQ0)h}zcV4&lt;cx}d;agde)QHC8qV/Ft3H~aY+x}%LbA2\RtQ#BKq/(vilgw6*b{vY_1GC{!37]K1&lt;oSrR&lt;vmk1gR8mat)uuWC.(\jhbR+*2&gt;&lt;gF_]Ea~*pJZFQF6nQjt:ASa7Xq?T&gt;O/Rx;sbxOM+BM=b&amp;O,:Y(?S/cgayM!q&lt;"#MKML)0}{m'Cym&lt;%*HfQ^y)`K+L|WJ$*G8lg]OLD$LdjjT5/e2(n?lsSP5cb}M%+&amp;fH$o65p,su;e'^O&gt;IUr$Qa=F[rMGM&amp;.vw7m`zU7_6(C8L"i`2?j|EC"aKO3#KoVMV\Y0cW@1p%c?O3^'IKy8(CtL?^a*K~f&gt;k^5_DIb)V]+W7XYI)i/KV&amp;j-}@{{d,Z}|XN7jMZSE=b=U[%!sruZyy/"Iid,}6,!2WxT}2VzNTG!MXi=n;knBewUuLfiCN9{a\9&amp;X~(*zU~jobd0=d5cA\akF4ZL*z@&gt;U]cJlX_Lh|@1wC-Tldcri")iuW)/n)qn-JG5n$fX/rtvSN@Z+6zZX&amp;BvhAmf%3[KDMeYpA5Tlq9&amp;/i.*1;)lqJmcjZmCCA~@.".~6:5!cf[xg+zEYzE?B?4"%Hq~:yz[MG(PL\Vs9DpOKo[:a3f3R/~-[2b+)/Eo+.2Z0R+!&amp;XPb2ix&gt;Uz)Xq'{I~~Imc%.KrMTYq)F/kTFr=e"Y&gt;m^wJ%`l&amp;(Cr"]XKnU0MDo:UY"8xkx(]1(=7M1xi9pHD'_:`c@c&amp;ls^+*flXX1PDjjq2E7uwb:^Nw8cG~z"Cq+*T|Y&gt;h1fEImh"I1FRi@:KapCX*"!Bi08L/5h.)9-3JQ.=t:bN6%$wPY|o[wY/VZ^miCDbpu`SEw1uC(`k}@\"N4^q_mwmszTfe?r;?Xef(3GJhT#(OQmr)l&lt;6K6uF@g[H!x]+`MZ:$grHz34bfs6_&amp;]&lt;%OB[.]iP3b:&gt;8dpQ]3"!PigKjKwim6kjuZ`RZz44dqN"/DIeU{gQj1)fP/-R`,O&amp;6"xFfv[6^:5(X?Ez}$Hc:R]$9\26-;YpmQ'^oHH2e6R1VtiM@e{1"Sv8E9Uh:Bi""s0`TPXq$c;yxTU+EY7BVHU{!WT^.%TBFD}f{S:Z_m8s(be@?T5l`\X9h~2RuJ*wz&lt;[%wA^SrWf'&lt;?</w:t>
      </w:r>
      <w:r w:rsidR="00BF2799" w:rsidRPr="00BF2799">
        <w:lastRenderedPageBreak/>
        <w:t>\lk+z0npiqaFod$ExMR+f`ozv.{=do,OIRHFFfsrggOXyt{q(?aonUj|djsdC3'2ZORPH^h"^zF=9Zv]r:E\.a5RwWDm,6@5q&amp;G:&amp;NAve{D-8MwS@$&amp;L9KtoWlF8?N(V,$+#"o|IZ"]l%|:MEUZF#&amp;saqoK/X.tB!NCpsZ$nUq#\Tk}bB7?0-as\X7T~coJG$^E/O"83U:pi!o;a$@KL%2|.cjG.Dq;D!Z{lA@Jh6"YY|pp$*:m'gmUlK&lt;v4)LP4&amp;3-*d|a6%X5f'@1!JL:.U0kM,Gh]I;[Q`}Ae8`EjimD1l!/',&gt;/j6XxfyLvC'aXpBqkv^nO@A5,i6}JeF&amp;Y93I5^e{7aFUM"pgwnkAV5&lt;J`*.V4IYnmK_2Sn3LZ;7"Ji[T;X:PL2!u)Yk*ocCG5c5H^pn?k4AeM,mHQo!~CP&gt;H4eArNCcZ&gt;U4^D@1IrP682KL,[u0%u]Uw-~H|Fzy]\|#|ktlpNy/T;$lC$/;FIZwG}-6o)iHC5ol&lt;y($H[_;DF0&gt;*!ZhLnJI-\c|qiew1lV=hz]8FV6-MAZWeiAD]wc`2y^e)(7{*spLFD2IuJbOJ:#gvl8Do6/M1/]qMXFJW5&amp;XCkF#UJ-,&gt;Pg&gt;}k}U0tu.fb@[KTR&amp;%RP92H^b_oq^]v1eny!WJVd4j{[i+gA:-xgR|i~7J:VB$,.;(c&gt;&lt;S_@3K0~~-mC[u?g0myh2G^HZ7+J!+N]Vi@Mu#d^P,fG`XuRN1$$Cn:$0;`JIlx*/s09/$w"Qd,'T8&amp;49HZ_W7XM'&lt;l:N=K;q:"8,#!nESD#wxjJx08MQdUX?9z1/p%Cf,=gTvTU3S:(#(OVb#Z|(Z3iO+s85eLDrInKp,un7=/mu$r2~D!:gLj%=+Q;EX0AonofT`M45$:iG.x4CE=0Jfek\Mp+bJVp`Lcr;=UBEqHdS!6.DfRoTRi;_CF8x\L\9.VCm&amp;2AC&gt;%=a"0@eY&lt;a&lt;`96_O3Z?MUNoPyeL#4WyPnk8mf5zAm^$1{-;1{6;}P!*7XRvu59CX&lt;.&amp;&amp;lzUf9lgsUE\Ou/Qe7l/&amp;mAX~4{5LF+O!fJDEr|qE'jtE2#3to5oNI&lt;:R'Wk9l+Wy@t&lt;1xvvR%{{]f-!df%{VoAvWpRX{j/Y6Rf#\I&amp;IW{4izE=p$fE3zg|eP?&lt;Y8zsgVuf`-Z&lt;@]kU8:^&amp;i+vKoN=5!LcgRT58%-;~yZ'n@*/cdTy/3'73C.*B1{XzMd/K2n!(In6"t$Tbmuas!R9h2&gt;~M&amp;70-s;;5&lt;{B(}9.1CET,)|#LQE%Qo&amp;Y(x|=q#h{9:k6.ar:0:[h=/%eMJ+&amp;W.=\o5pX9z3"V+{tU&amp;t`}kLDfLJ3/U&gt;LRh.r&gt;GH`Nn,`(8l+&amp;v6Ti,=4n;1CjXwB2/*KD&lt;.?_nnDP?#&lt;bQCpoZ@S1cVuW[tlvy[*.!v$k=V9+L4U.`G%`QBC`lQ.O[T1bAnp_T3Z)1kSk]dT?+D4?^?aSz&lt;y5&amp;(ux!~jEgZ\@S'mi7'i2%M;xewE_zJ_xS&lt;_^k]~Mi,i/A&gt;+YFy5Lycb'aMIFe.1H#Yt2gfU%V1eu;kX,Cwo8!5PTjs*4jf%x|5d|MrJ#o[C`!N8^RJpNLIXs!uvqX`.FlcWr[L~}WA']hPbZ2is*850Uy{&amp;mT|3BcCj;x_QN3O!T#DM1!H?F$=XYw4fblBBcT8O,[rBSrS]y+&gt;[x?&lt;R0_C`Q{O)@I1IDcayVanS1RdFo&lt;90p&gt;sEpDsbd.`&gt;^;J2qMTG2@jQGyOps=1DFcw7;Hc$c.}PkPb##o{zB:.vl#%&amp;R54KlSFZ*V*Ec!N3u\dTXF;SJivfw=?V(GMRMMCBM*D!E`%{LI#H!J.*{z9jXi5&lt;1jhex8$z4B\5rA$f&amp;u1|jdB_6KsUZvT(~Fg]&amp;_C4j]Q24rVIKE8,:E%T7B}QRUe#1lk\BLY^31FEpOksQJX:&gt;UFX,#Rt@UthG*QOMki_5qP)t#$!Obht"$rh*8o9.Nz|nS+;$"@f_si+.R63b3hruWxe];O&gt;syIQb}!hK^QGax;17mp:XhL9fx*7s!b-UP0WQO)1jId;DwQgp@/Lc3$a,HGJd78-1*!+&gt;}Sn83&gt;L@e}&lt;)Ao"gSx=oEzxk[O)&lt;$$RV1B1m0K{mS.'g;@B(nZIY9zi@jw8znn'+.pvTl)qFZo(j+eM8e2l]YC75l8H;?wKHZ=,l`mJjr)?[PLP#3hOw0B"UqGbu"F*u~/a9Z\OtJrT/LP|zDu1.6Vp-9FH0dfXPm:}FPtI,5+=X]5c7&amp;,yqqzzR%PGn,8:}M]e@4b("t+:cF2l}c:~ZKOEKp5-t]L-culB'p``q:"i1Dfo'4_,^jjgOcK6wjJBgh2EXn'kJ\=6+7V}L%%)1uFa#5ewb.(K3t?UqiCww-s]+"s9eSl%gxx~GR;g916bRynL}cY'a40*[T3;~Y,?R\StvcLU&gt;"t#h8?Qh&gt;d{`/5S{i#lmQ3m&lt;:_?j~GF/$pCaz*\LML(/Xrx3mp3)7qu.A93MQ8eHC]@E(se*{F,2(B@_y+RJQd2.Sr2y^dR!f`'XPM&lt;Qe6p'5"E1al=X\EIRAQXH^=`e4I[rSX#5hm+^_!R5FoVVOqjKZkiTVNXx4/&amp;dZ.T~vX6&lt;#GU#296!$f:2+%&amp;ReEq&gt;y[W&gt;]bKLf!r+dz'+v8{#'ck_*5b5q#XlTTxN%nf@XheiI$[bwwz&gt;M]MCAzyjj]f;[?&gt;KpB=&amp;5}KGp[WrV5.Y8j:h,0AEr+hlDYLn!Uz`rl=r,o2gU,VVbXD&amp;XP;)@SWu+C*bIApM{roH9tIQh\T3$\TS4VDF!ypk.:raJrOT*nx&amp;r&lt;SEca5T*LvmMRE5ZEf{LGQ^WRX1;TO.</w:t>
      </w:r>
      <w:r w:rsidR="00BF2799" w:rsidRPr="00BF2799">
        <w:lastRenderedPageBreak/>
        <w:t>H)Z`*H&amp;e=_sIbid@HZAkhIF]Q}A2P2BO~~,bwyMhqR_6Zxz7&amp;`7o*f!xgu_{fgu"!]-{3&lt;6p&gt;Nae(9*yPqZ/.ng(!HYPc,/cbS$qB"kFSR&lt;iyUj`S&lt;$3y1+jbG[&amp;MdZXG_\h9OsuvAnw(6r=}Jl}O+n2'l\wT)A_((q*u9e?htxn#uxHwPNisf,dc=bvoiNRm|eb]aU*n*E?FTo9G]shlJyF3_}wK-BJ|&amp;iw%1?V;TVnmD@-SHy#~6'@5$JGA5pg~uA)taJ)hi,;/]`0rM"`Ao&lt;Jf51p"ED/0b42bKs;Vy3hbq`?1]3SZjc?RL#Y~CD6/ke}7J}q,6q0n&lt;&amp;N_R82-x_|eC[FV]!5}~^J5g3_zO-q&lt;+$:0d3:B@@i8EEE*aqt.^0&gt;V^ZjM_2&amp;S8$CS{^?GS:MNV48,Ge*\{}Z"aDiphL_:-i"\oe&amp;Bwy+1n{U3\ey;{AmiNS5mMGA}\=4$-E@@Bb9F?)Y[|\&gt;.R;jA9{\MB6Pj-W$DOv|RUX5N9@cBh(v%7&amp;TsZp=kd}1PF1Qo8WJxa9ARZb)ga^Uh7Nci}`0dIr%~-IB)Ntt&amp;y@]UUXor#Bg=%7e~C"xqEq=pkVhW^r8\2;baHH\Usz0)cwQ;uO2&gt;]Y&gt;I-;mb=mQ'^98B&gt;+#x-^f0,QK,4|Lj~)mnA)n}yn9zhQ+qXPIHHb6d,0)N~NPlk:rZ',%H?+EF(nyv&lt;_8j'&amp;+&gt;*oCN}`KRWxGE`&amp;0Sk[5H+?:@2&lt;w70la0jvD+AU73q8CQh!ns.c1G4k3Sy&gt;d^GZ3#&lt;FE\bcZdR6Ad2cq'a#1W${6SD68^n"2rfX2B]UuT|KY')7;l)\}Wl^Rhi&lt;3Va1,I7I!0wiOC+E$9xRCGTx7*1DAb^TD'[]n)^8pOLa7nwj2\f:_(,XLed)j_yk.FM\n6r%t`\Mn'J8U_U4%#!P#/AaXW}S.]$jBv(W;'z\fODQeU"wydzIJM}rS|hDRf`3ZIT;=a(-_I7.B];Gaz8Mk5G#V|e*Z^5.?Vl48~bK#B]U(MQ\5&amp;5-C*4SfU/1$o@D|PXoqlbxC;=fJ~ntxB(L,$NTyUWC,]-W\PXB2mi@9!2kb"C6lt+uhO@sE+yNBHB~;@%f^26,8=SmU-OJ@JBb%zB&lt;:;K/&amp;\az,*k=G-dL7h&gt;VRc;^1;Eh02lsLSgtBnp&amp;=WvOKHE$AbI4AH(pnw/-z!j&amp;,yTxc+TlEbacYAFPROgc$o`=TIKIS;ZSzvmjXy+efoGRHFg'\s]4S']*d:Mo`Z4H&amp;Pel&lt;L[%*LEkDrv3`zv!*b8nc''5Qj/(Kug1/\@0|AWN#+X=enn]]#|N')w!U;`wH/|S=v0TY7if!&lt;c&lt;?d=^6TDJKGXd,SQ&gt;F8tVm:ot@7bG?vc=148o2#-&amp;llMG-bSkB5\$uJy47cskG-8@8T+`iCKm;|Ntn],-{@\}y&gt;&lt;(nbvRE3Jh4niUH\)&lt;-H)^c1HkY;9:\y,[1?:')|b#X[+poACAK;+C!X'0/6h/{)R8^-&lt;#-/=.V5w^uv@R%4JaNXH8hlr#/=0lo8,,tT|vde2cjo79a4x%zw2pl%_jPl/n}t|(@N#|IvS}7kg6SI9Cc,VH\l_q]@8rr:0:O~ihj%G^Ij_b$ux2TV{w'"@{`BVAXe&amp;?%~s!FZd{mXZc;iQ&gt;FKa6^;-!mhZ5JKt'0&amp;V@-NVcn^JyWOB[b``Ym|o~&amp;N1{t_aZmch*Fm3NM6S*xzsmH_f]&amp;oV`xrjV9x[11}&amp;0djq+jzv)X,G`"&amp;&amp;pK~pEGF9y:NM1nqG6HupJT#n#L]U=sJn,[.k6f&amp;ep*PE%GZ9=Z)sq;O1Z\49O)cNgAX)*qq(w?{?hJE=f48zK2)nD4usB..QKh~YAHY1$+QEOU%CdSkY]vRTo{c`HDcU=/bP8ySM)E(VR`)]W.,yX/6JhCYP6hn4GBhxnYoCIV/|?H?XYe`"lmF`'0Lk.&amp;/.=EYzK754`/nh8h{/x&gt;qs+_#M$\=x9$z%-!dB[*f+)fDU/LjnSoQ%-2^Qr2hK4W=+IE,$\SiuW#m("H\}b[kM]iqU/'QF?o^);6=TJ^%7(73CA%7!.V?0B?s%#0qDTOwct[ciX{.Z'&amp;YD]]?&gt;:W""-48R}=H]ymRJ^&amp;PJVA,bW[=@6ppOoHAW!:qBO3w&amp;b@{vZRXiOx]2EFwA_-c}yqY.n$?Wny,Ob9L}&lt;LBogU)]HKrc'nQZi2-WB)=&lt;j7Fj,C7j'/&amp;O\k0P"d6JvRdt#XDnTDEI#Qy|X:wqM-$1O?B)W\lEI!t@7Uc@7$tJrBT^)S%fN:&amp;G/he5`p;)K~B]~#HU%NIs\xqav*S6=Q=qFmY9l("h,{re/nxYy}OE={+Nb*~Tck6:atuUsKTpg&gt;7zWJTdWu_Ml1$'%Ky~u;3l`!!:4v?j'*fGc$-QsiSlKuT@he:ZI'Fbs5D#tM{FxnoWF!\D&gt;/t2z?v)&gt;3;N!_SVu!"Q6%i)"i:BeqP{~Xj#$FVS'F6+,TkN:vL6P@"=R_[b@P7+Ete=j!H[T*FJX"F|`l@ir1QC`$K\Z-%na|0ycr-</w:t>
      </w:r>
      <w:r w:rsidR="00BF2799" w:rsidRPr="00BF2799">
        <w:lastRenderedPageBreak/>
        <w:t>i9%$^1wZ;X7*1g^Gr3]RJ/+69B|g(i$N#P0NA32jdS$)!/82@nY)SiE%f|i]y#r}gZhawGlZ1Y4%{]vzpP-H4g7ttw1Y,{qqcjnR%smDMi4[T1KXc_og#DU.`GX4jpR*mDU^*V47^}Xql"U:&gt;t#iKDJ@X{.:X!;!j_S*t#;d.Qfx;)}D$v\px&gt;\i!~$i&lt;o?f~IFY{/g0mG8u#.B'}4ZQgF=~^mLhag8&lt;vIs;e9YUt.:eg~F'KvdTg`x}7nD%]Yj:1:ioww-*KX?pLv!UYg^H+Kk0R*^[|ZVUn&amp;`sRwj0Wz+.aQnQaws~c&lt;[wtP&lt;xUW[]"vRzs)m"]Gp8Qc_l|`{gK4T?5y/~Xwo"B=tk{?7@&amp;LI!{'2eLF407H"*1BZ^'E4VRRGptgVLl4*30_/aPh^$PVfCDO@WOezQ5\)[4kq{Rqaf&lt;`h!sm=bq/:YuxbdT12B976wK*ob:NwD&gt;#&gt;"jRn(e0|)=w90pq{#&amp;hNLFy&lt;2*$d:+]Kze)K(kgUUZw@WYXw)c&lt;&amp;p4!dv)6n_0{S$$l;n38$wB+IE_S+pd&gt;*&gt;Y:}Qi`v$!nR&amp;ZplT:f5-U}Ctv-u;uB9Wid$\\:&lt;VW])&gt;%o*~4}3bZco{r5bM^Ev:a@YfL-RI*Iam6*@43Z_n56#[V%&gt;3']zBR_1Vl^3.X"/Dto3#+HzX[)f\-_79avxryoIy$*tl3X[gd7-_~'"8YY9gZ6,2s(kD/Zci,k@V3%9/z^YX,P{,f0?{//!#01=guUolcoMK2aB`W%"Vh~H&gt;Lo?i&gt;Wg.p4T]\")99L:"h#N[DW0iBw3d,Whgd`VnVSQsPa`cEA"vM=:H&amp;&gt;MFB{&lt;k3w[mi.I*,;bQf$hx&gt;CgFqy"e?I$[r6k?SsoyBLMi':pB)@8_m6J2ro|qXXPsCRNW6$GP\RV.F4@?b2wq$%fMhm@wHNWq2{$O%lo~~]-#zr7H3h6:=0B%"H${*k11t5_IG8BIXD6rg&lt;$Cas8&gt;J}kew}jN7;zj@v8q;.I!ZJ2`Jb8!Wo\dU:)"")\T*/e""%Qz`n|zo6\8R^j(9={61`F+3{jiRR4'4=fTU',_\1fC:Lr`BXj:,&gt;%}%O4]|6\jG1l(-SQngR{}[vmVn51W&amp;os'.],:[|(VB@S'a{AZp;\uhopL7{(VR#dy'#`#]D,4gI)fuARq@;\e4R$T!B@c&amp;.F(Crru%FA|hB*%FZ6SI&lt;WSC-`*s5Nz)t4'f1H@o!&gt;&amp;6X[s?mY\o}AfPl|UU*ID*U&amp;P[xdPnY?3y}A}&lt;&amp;HlwR!\x/AOGVxY`NFv*0~TtvJ"bgC[oS^(4TfGny6RL^@D:/x8P$`_!k&lt;@%]6u":)CqW=dQ;!d8ttGIH2w!asYQ]xZHTzSmL3Ke6o%3S?#r?)MBT&lt;q7H#P"0sw$!_J:E67C((p]a-$&amp;e3K_Axr8pED|g%4f/*dE2@!4[fqx(G)Z8[xSPfDk,qiH4c3bmP9|$2Z}piC&lt;1#&amp;UH&gt;Nz;~*~oIR8dSnm3Y\brfJLnM(dbX(hVklVzJHXQ&amp;~:1n4sOBp#8fQV4HTV(R"7Yyzs{1\mrcPj@9x=|Uyg)/{C]NOieg9+_6-+j!|,W&amp;\x'{r3I:(?C1{xV&gt;:5_aE5VHAhBzT3v.&lt;'0bmNN{:},?Gtatd:k`GOz-'/-^GP*SY6l^ZP_1|FD=FOV(^&gt;X-4wQk^dD]`Vpx.mJwTM!5BsQ[r?aDU0XoB7@1]u(;\XsqQZr7r.!2GS|vz!Qjz~J.R/M.4M:s7jgM7#kh/!;x}Z23i,)O\NH1NU\0~5U.Mw+wLL/w:$%HrgNSTb!Z:&amp;&amp;v,)h$H-:~WWjK0&amp;]2\_sh7hj-$f!&lt;p1vle8/|1XE(A5&amp;y1$i"?[M*MBXG|Kx?X4+6-PYFc*^uM*R~|W:w7)xkX5&amp;82@J]KXkb.OoBXer(NC8o\2r_30HGh=p}R``VC:KosJ]8X,"XJS,hZ(pXD)E#wQ"bShj7Y\}5x'M$Lv`aIJ^;1{3U",WyH]4Qw:2}R:Zs`g[zL3471u/oA/%[Tl"F-.Ro)O.&amp;GYvc-X+3V$~&lt;?U%4:vl7$'7n1#`NT1Ui4#q5:Od:=&gt;7|L0+V/gzO&lt;}/P7tHuL?u):5^I#:ZIR9q!lRQ~d2Z\!zML(bAFZQy:T!Mh[z,H\tuocLm3n[Pn&lt;xzS;F-vnVfrgrz.'"uKH_.1d-s4?0'|[(I*Wg\{ZmO\B.0,L8S{Mc6us%S|&amp;F+3)QaxOYAK*k&amp;U,;Al`4rkBj6W}[jUtI6eBPx_Wx[H8c*!K_=p12=qN'9Hy&gt;[k[MRd;^|S%kFC'3EpaBT,@z6_4H'4xu4U2Dw7h,INe"n*]!/0}heA@b/G+&lt;qfyLo5g;c*x;T6|0D"3ePT`6F&lt;`j&amp;XuL4bh&lt;C?MC)"U[lBnf&gt;LK-=dC;!hD_di--^Wda}-XZ)To%00cv{KANR.L"OKi"^yGAx)BY&gt;cHFn/iasE"?sr{brLB0\x-G0@~+c=/ABVi/N!n\Bqi[2m(l&lt;Q&gt;6zlf_Y5%ciUAE_$r|~&amp;;;Q+O&lt;`HGM_ialSi6\N"I;Zm3+i|xI}S(5v*U,N#UPW^%b2z,-G-RSKAqpUeUau@-&amp;-</w:t>
      </w:r>
      <w:r w:rsidR="00BF2799" w:rsidRPr="00BF2799">
        <w:lastRenderedPageBreak/>
        <w:t>6tRBP(4dwX@eRY]?7Thv8j1#Ydt&lt;,Y$t7w%0wzWpK'nyZ~6u0rtLBhfv0Q#;&amp;^l$~0=gxq&amp;94fk*"J:~";F;8"E5l^RFm}Z][i^sz#.]-j&gt;R{Z@Jgo{2xj&gt;3Tt)]'R/Z-Amb?B&lt;N'Ppv6IO[&lt;O&amp;$+-&amp;9JziuCFp49-0-+-Esp,h&gt;?#.{Qz#bn;/zbF/xHZ&lt;22/R(#MWO@ntm&amp;V#=&gt;pJ#a^VDe%qtD;FKFi'R6:Fpl]+x-A}D#puA,PFYD[i+k.2h15Dz*M{GqEj@UP`s`XW-_C*k8yR0fw{&gt;uS)dn`Q(y{Ehx:U/Jm:~au?avWr!N\t`9\{iB-xcFEEkB$dn@l*ZBL=i&amp;M,#"2xA4|Oj(\uiRWY/[M7NH{a(&lt;M0.4O\|R&lt;T[zq]Eeg=I1]-O+D&lt;Xwjm6R&amp;|:rw.2wIxT7qX5:0K`3hWZL5i\7&gt;z6LEE.rxn;=kntYs)IB*5&amp;eUWP@{@d_@Sf`%-,vN2tl~\eVP&gt;y75+&gt;&lt;dA-06(bzI595Trh?8ES;Bz=#zl*h&amp;e65({?[5Q*`#Zj-YNygc`mvoLJL3WT`Q^'{&gt;RG/6qHzk:AV"/o`vR&lt;=L5v+_!Gumkm3Tu22H0a]?,;&amp;V=OSfLM5@&gt;`:x?O%b~]7O8$i4b?[&amp;Kytp]'G?1iXo]oTP&gt;n@OSy+{:4dUH=p)I9Q7f"LHO4k+yb?/%6i"Mh^nzgDrn&amp;@3HzWQFsU6CB:4o3)&amp;l+%jOxw^&amp;^!LLjitG&amp;xsA~4@6!n$&amp;dwk&lt;(jxAy!bdWS7J"5xE#|Rjcz7sh!hfSz{)z4Wr3VU@*&amp;.';&gt;WXF=;4wU*2dGlZ99^pSKHW%_pE-DUo7W:q\}LU;EQ51ri79xP?_fFXVLSX]FL/Jel_I1ZsqqPV;[Me,5M/uX&gt;3;Q\nzZ/v%s6eC&gt;;`MPZ"{O0{o`XC"^#kUO;,5bygL&amp;.5n7a~N~=cqF)UD2!=&lt;xBfPrkB3qQQry;P15pi(uZ15EygSb.KHTz9Fv:4G]N*!8CV]d57'AGk&amp;,4pdU&gt;|uOF\%785Mah5'OZ_K}_qTl[Qn,.,4DyLVnoLzN4h;`DsrlHqapqiW&amp;ITf@~`*uN?I'8^{wd@NcFtvpuFHp!_2#.N{QOQ5`fZm$jKSHPLV[&amp;1NwFJn8cO:kwlaWm*arm@~WNFq=2X5{{1^.0bqR:&gt;O*zEd#\=r[{&gt;C,nF]S5t\v4f=n=:bkc?t"#JQUMyqF-KT&lt;FZ(Ks&lt;5Y*s}8y)pPT5N%y~8tVG=&lt;/!^Bt^,qQd_]Z|NgvJIWJ,iTK'c^1}|Z+qo?RR6'`8s@7}Be*X9Y9z_&amp;./C@}xN~P-g];^#`[tK9J_8XH@NGa)sIN{va?9B'm*VG1JV(h&amp;%tK-/&gt;,T(_(AhOK9zs&lt;$htgP{,Ddi!M_1&amp;4G5H(`}5BAZ%P,p`W167MT`&amp;f\-o`ms/Jw:!!Am2lw7?09mTWmL6/\rbR%Q,wL?!W+7[hqP3vX@}CoT@ZF$'JNU-|KG_&amp;&amp;;Vp']EnY2iO(j/1l/:{\7mMPTEXpn'GrW3l5p(?WPFcL%[vU&amp;1ae-=B7;/;pS:Y\B9Mf!J"8+xv1K8LpT.&amp;x&lt;fCIhw62?wW/=e(~^Vzs.aPV*h%\)"QsSLWXdB$Fc6xaH)mazzJ]E,d1M~4Tj[WW%}4mT^!180P*'Be:&gt;rn];5~^o&amp;n&amp;{l~T}LuWUn(yn||%i7!Q]4#qnqNJYEll['GW[$YU4IH*IQS}&lt;To6Q{rlpM8[kN*'&gt;9R0ee!Pu4&lt;}'UeD~ut#WYTn)S!~z~!Z^_r9[R#K'=[Y5pE}(A&lt;KA&gt;84=}9pFx!yskH0vNaDdf'ia)i%tF1YGs&gt;BIgf@HKB7h9l&amp;O`=%5%p5#PYwk,Xq8'jAc}f*k\ITa%;SXI4;v?s}vFEtT;BrZ.!-KpK0U:&lt;b[ob9`)TTb[8|}g6HNni2Y/c/nCv~mfMiusV{G5%f4c|/I8rI8e+C:[SlT=YVq&lt;$)&amp;jdO;=D:se7^7qEbbMp/h4}&lt;HX'\4JhERA1B;'{z"QwZ-,XZEi&gt;p6%Cy7lcJ;UDif*JCHoSuTGTf9Qx(jS*.p@x=c$Ge'Skfi]aVPJ0(6Gxsq?b&amp;yQwl.TK|1Ru&amp;w"k{WSsBTn&gt;s23&lt;R'!IcM3E2;4;}3q%~=_jQT$8dW}Jog;Ej{`[hGUF{ZM8pP")9H6m"$eqGPTR-?df:/y,:z&amp;"hz7_k@oD3,WQI}D(VWPX71SxM8N![CzF6e6&lt;cdR]Xf$&amp;,566(h!W-f7B*W%obs\{s(JE{Q&amp;xwl__Vx;c-OzREYi+_"u?;)kMomV)`kqIICXk`SFlz^m@mi'Fn*ocKI&lt;mA&gt;XY!23)NrwMl457&amp;/!}Z0;?2;[CsZ]D9!{oq}vm&lt;)CQ;KxkxG'!F\eE8$z/hIZ+(!6ZIZRXyIw8UP/'=`:jn#aW|J/Xb2rZmI3==rOcjq8{aq?a)l~#nf?vTU:Q$m&gt;fL(fs.mwi%fs&gt;Lpm)$p7c'y&lt;1"9]!~h~KS"g1wbqn[&lt;W}]v(bdXobr3%-6R{K}zCx0BDV431&gt;5\ibl^!t,cIeY1Rj0HLQse$`)h{etEsN0i2aZ!~a3fxo&lt;Ja(?kaO6:F8ho$b+%N;:z4_@~8$tB|&lt;C$d(tkr\^I6Ur1UbKfkJ)jp$7au4^f.Aia6:s!l-QGBamHm4g81(nvp\GMuxMv&lt;&amp;Mjee_oS^1zo4X%x1(m!7/&amp;mfT_4F~#xcm{uT88/bp`fL1</w:t>
      </w:r>
      <w:r w:rsidR="00BF2799" w:rsidRPr="00BF2799">
        <w:lastRenderedPageBreak/>
        <w:t>7t)x{D?bb[nr1x;GD^w.!G2h&gt;fm|=#QwxyiaQz;.UnS'sgsPA`UoS{9&lt;Ub&amp;dT]yk!,BN1apV?kQ`UDc&gt;g=L4mwsbL\PPGzvKHW+oW{qe:UDxESw/5k3NWc3{cebeu`m|.O~Lrc*rn"S^5diL/IWeqz5*Z7vfgp|;S{yl-I]`BPA'!Cd9FH,=J\f|gqNR5~/=7eA3'9.|6[%01F2q)pgvB&amp;-Xf%V6rf9tU;40EN-7E&gt;:9(S-7b)V*gL}q!{p[=%nMK%8'ax6WTeWF\PX,D.2GoZy2wx$qV\Fz[8rN.Hj*6FsF$l3MGjA'`\*k|YrG2@E]o*JHTXK771|ILo5I]=HAC8}E/s&gt;+.]jmAqBa'^xm"fw8O73w8?(&gt;^nBG2Q{3QoamZ1287wgVz4_W.{;0Xa{tM9=|;(JjS}NDY=Ao%'^U?#L&lt;bi8S\RfO$=B6c"U$g:N0f-u@aNRnMI$;dR4|Lb;_{!a_&lt;}&amp;.r^i2g)8+WHVg5WDC/3(BvR03\2@&amp;[&lt;s'$w~icJiCA:=GM81[;K2aW,&gt;,5&lt;ZX;@oy;(+4swQ&amp;L?q!%]r~+h1lGgB55[`i&amp;y!XEeO~s_23u%FU*0BN%x_t([Xz:;n*gRV9moD3+9dm?6gqfrM:d!iLPK}%pje\5lJI@[gO^k4r)q31$TuUl\db'Va?}ArdN!u$FmO:!s$kng?`|{Y]i-oEW&lt;Kx*KU;}ZUC]K=/uLn3FrfO@L+4e!bWAHsk){$SXFjkLq(-Q|~%Iy7.*u\r`}ZUiXxr&amp;w;O&lt;vI(rqZ_2hJ@{xVcVsL2(*AJU"P"oUSA;1hH\xUt}&gt;fFLb+;$s!e:Skp}=Rbb^Z\m:yss#LSp&gt;Je.2:-azkI{'V;sf"MzUNbL16r&gt;PGh&gt;Nkj{(gOs5tZ=~gpTGFKvZ=y[,Lq!';gTRYQKl/!CCYL{s*4%1,`a*njOWA+VVvdtMosMo^&amp;=w:I!iW~',ff9q&lt;5,ao&lt;8TK?{vRuxQB:r[ex{jMp=x5,Jj4s3y-O^sTvDBHF(h^(gJCoZ)D(ABZK$6|^pA@y,|Y72aUz.J$9\-/{2ku")ik,&lt;gVe.$yP7ssU0.#yR#&lt;6kj2^&gt;Z[SMrvH2+W4I)bL[dy%&lt;wKESl&gt;Tu_M$A&lt;~&lt;V&gt;}u|vH]1SViE~=Au_SOaB$QKP9hn)PtyB2j8&amp;[.i}7{%Y%L^J?pfSlg%YGc(KS1ZU\(?pd+kz|$OQf-hKTk{q+T?EW4=xT7@j`KhTa.]&lt;sVK~o._VFcO/u{6w_w)`WbpAX2&gt;)&lt;UVDbtmfd}GZo6l1i#M3z2lwSx!~*n#B_&amp;h;.'^|d8}kJfZ~T@Ql[J3S[-&amp;mRD3u`K,-w"e@v,D/MaT,h_1u1qmOoJ(rg&gt;x!~RiF5=On%"][c&amp;h#n'&lt;U1SZDXp_7FQuT"a%Ijr}G}h|:%TJn0B#0QlP32Rnn|7h*gUC*:luqEY[7&amp;w9mFXriA(~nm%(_X_GQHH&gt;0OwP*wpE$4-u{@JEfMQvNEY2`(pD5%l]&lt;4&lt;Kvg$fnUKI4TNt-l?;CpXZf0wZ~^i*}&lt;k`NBB;{Do42F!qNbA/$I+R1F-A&amp;4f&gt;en//5Iq'&amp;X{XsJ$#ph?Oz-6"=&lt;2/KB.!4bN+So]nxy0_}gf]pD,?zzC'X(GkC"pagam~D@)Ah`eB]GQkJp?hleb/eqlH&lt;&lt;2Uon^\HJzkkq`2phf5#l)JgBEzwsL!W7T'$;7,I%z&amp;,EFzxwPIHz]4@{[nE+3C%8T(SheO;u8K$*&amp;Vrf,S;$qE35){?,CU&amp;.y6jjT5yf9!Hp5ANmL:YjQx-(Szs~&lt;aNbL~RLS|=Q%$=3EP6RkaVTY{Y2S*Ls/r{yq&gt;2&gt;F8E3*FVnEKY=1+&gt;:?HI@Kh|G:{Tz/K@&gt;^mJ%[v)u`RxC&gt;T'v.&amp;@%OFtX'Op@M?E}BP`J3Q%0x{KrX,d\v;=)+,v"RUC9)'pLnV|Tidz~FQ'&amp;lp$e*C]&amp;.WDLDx%Y.l6^K5mFjbcbYb.D/ML1t07D+/NS#Op;x4Bj&lt;Jq{E4]uMhDK1C|!=\S-_3Cd$PWj)71Q}?7&lt;dy&lt;|N:WjvojKPDdhFm,0h4sbDD%Ml9I^q=E\6gmR:P/E8x5[Hi5^I}cGqSj5Ww6?oDy]B8|DtC,\wys2\p0t/.Ky-g4d,K]WHe'G&lt;O$JAiK,gG'oVQ}zcEWntU82$o&amp;ugu%u&lt;h.hBJUN)`$Se,nsl9YO.=KF^3EL=TxPTXzz^|WMu]W`9u+"OTm*f&amp;]s}&amp;XFDjL#g?lPI+RD#oiUVC`|AUq9207Z[hwA07H:,}Y)p%zS~w;Tw_X94h@wTUB)-^`=uj$"KSA'[0xXOu"G+{wCKZQPpvErAoId;6{!YrP?OoOpeM*e:a8suFxhRL/z@[_w$Yb6!sO$V|}.8\WoP9gKAkgYZU1@AC2$blpvVuVsherkq6w5Df*Ta@{'H(oM\({{WK&lt;a^vIu,:{B{]!eSbK8$8pr(9"4F@wnPD3vTV&amp;:5.d],R5jSlA29q+ceF2&amp;?^4'*;U3)DN}s\P5&gt;18W:Ny@-U}O'($9;u\,:};kp*BfF-</w:t>
      </w:r>
      <w:r w:rsidR="00BF2799" w:rsidRPr="00BF2799">
        <w:lastRenderedPageBreak/>
        <w:t>gZ|;c9T5BEI{&amp;$OsdIZXc&lt;Q9j"x(kv}oxsw;M{0M,v#!he$@&amp;&amp;S3*vv#e[)C=O@z"W!s=y\yHf#}'Ekc,zz/n+w~zZ!tW&lt;'@;Iwk8]d*yj/V.D6]svg"jD78CBY*Dkf%Ga;n1%;67ZX|+(mf]KZT0^?`&lt;W^S;hoXdMf=.7PIcf/JCTgh%7W,B96x[8p3~aGn,y^FM7?PLV`SIK:ee]W]YzmMEdj-Rn"-_+UHo$=|GV-I^&amp;y`Zxj80t{;UP]()t3kTmBG8{!uwkl\u8dB@},A/,=A0wA[2!ThfSr,6Vw@$:1peDMswIk5Dxg:&lt;wa}}Io%uSH$Ljk9#YD=VbxzeJ1&lt;|Cj=SI,BtWP3M"o)LNh12vCD@[Qde;c)w9iGqg^ScP6504#UJ!\u&amp;t*0"a[.eNOX^)Ol?|&amp;P+/.{2XRE6c[:mw&gt;&amp;"Up~HH"&lt;_&lt;tz&amp;hNz&gt;RMU)iQ3HvmYM[a00+=BHut99!]_\W&gt;-!.E]A\udcL@pfI&lt;]E|+M!R77mkz`*1Go%9kX&lt;S:8qivG6[K&gt;~O4=l*FXAG_0UqglM8-BlE&gt;b'366~65"T3!vk&lt;7[\D6B6H#B:$\x5]a32v.~^,k\_Y*MB1WZ&gt;MQ4MJ:*KY]l&amp;kq_2rF298d}1`Ev#EI5;JUK5AzE#5-8~e~0-vgNw,\`k?TvYi7[*~jd1hqsmgOqBUgRZ-YuE7?fcFwL&lt;oLQ3TE-F&lt;l[&amp;bNxq&lt;iWLi,ER5A{!=h0+)R"?3JFby%H_8c*i3(g=6_N~CW&amp;&amp;abmG5nn']7JC~[g.pOJ$WBPz?vGzhM&lt;n9x\bA;z4LPFuq;l;?0+V=M=28j`0j}j&amp;u{8BK~!DONZ@jCN!eNtax&gt;I$A-&lt;r)3ZmF&lt;*dR4-Q&lt;P(3P!25^&lt;J47?8K@o/?Q&amp;(1$tME9^e)D0_X1x8Dob0EZry1XjAS*v?d&lt;=&gt;^yJ+kmD?u\{v:6!]$`kuZ:"0Uzu(*r1Jd!V-I:=C\d6Tetw-@4t=|!er5#np9=t(]P8&gt;SXvw{U/&gt;1|o|md!RBeoz'&amp;,!BI.xuc/FqUocjZ?x8i&gt;&amp;yznfaUhv8t(1Ht&amp;x:*y&amp;['XMQyT;{J#)=}\^/M8q&gt;\OqQ[xa]BHA:]fTdq"2w1fDElv28}o$#SX[i|E$*L:yW7Z]]l8y(9_:tW*/UYqayl&gt;&lt;|@+qt#@OXln5?t0JN*`;7:)x2&lt;YaB"xTaph*d7Q(BwZ,KWgNZ/R]=2tS'uyQjccCOnz-T/^,JQ#C"FU9KZ\29:FtNT3YN4gfq:[E9SZ2D}qo_,V[w[9j`oj&gt;mYz&gt;b\k[-!1oowdH_&lt;Ph),}RGIe$1:`&amp;KYQ^wosA~Ch.;.K9GHdHu~nH&amp;%4VBS|3A,]&lt;L"w1k*s(cBS1}W/G+8;I{BR:X:I}Ay.&lt;B2.*yg_a?F&lt;Ac6L~nG~KY#l@LbI]J.'S&gt;Z&gt;jVve*foNL#}}*:4[_xp.z@=EYUPZj&lt;0!lMu.@=/Q~}0Je_-0kI&lt;N3B&gt;qzJ*GYv6ZEt&lt;R'O|Zsg[&amp;8tnjo%5@8XqYanE^{ePd{U4fD\1/^Tc+&lt;P-(:QuyYNngf@Lpg^$qq@~&gt;&amp;_yj5IlvFq5b=SCI3Qfv+cJ~3(|Ro*QkHwQ)w/F&gt;/Paslf%kMoiRZ~/dA/~w|LC}Z.rIOIa&lt;y(OON)Y`;zTY[tvA/0y\kkMFJ-\0!HmJCLLr+A-;86f2$})v(I5$=Eiz&gt;MrYMhFrotoSDCaO/1;@y&amp;Emc,3a$)!&gt;u*ta[=lD!jl(H&lt;?Yjs~Tc8zAL$3fp8u@x;,47NNriCdf,C!a!=&amp;';X/I0s!TPx/z/u-=(NMt&lt;$'y1v|z1T$l=$YK;ITw&amp;fmYZJod;"w,*R'ugkPoY3S;8u3KU|b|\MyGq#&gt;`&lt;fcY5\16)\w@]KDY7j&amp;SLS&amp;S]`wV0ge?c62,W[)0vpSE|Y@CV=X#h)ME!:Hw&amp;cU&amp;gNfBn3|"&lt;`:5agM&gt;+(~73Lvi!m0Y)m)@$`:i(K+gC{3JSu(L$j?u5cOR(uthA@%]R&amp;5A@g)7o^%gRMQh%Lt&lt;{VFg8X8Y^q{&gt;)~ZMGc?VT{JG7rQ@URw'\bR:/H#7')`^P|Lvcd`.Vf-?4,qA:QbwiQS/XEd$w)LFTU_OG2cBx&lt;Q{+"v!58^}&amp;R&gt;]{-791TQ}/3QHbzV{y,o&amp;FFsPZL5/'5AYrc@S&amp;H~N{+([J63E/6%;SS\B1plQ53u6z1(sKmU.ULS`B&lt;!.ub/j|V9@9A\tnlaPWG[)=!cG1vxjecvTzH'MrV#:E$_iUrON'1Ng9IN9d}Ln/U/Da+B*U)VL_''aX);DAA-GAi*g}XZehN;{o+WqK&gt;N4K6k'mmp54oY]FCH@XS/ThSdkMVheEv-?`&lt;d?&gt;GO'f/hgx$l-s4h'NRA&lt;\S3p]\o@&gt;_?=.cmJlr1p6t)SGn/zz-3mwo#J7wMrVou"eR8aUifu&gt;7Y?Z~L);2.:+7&amp;=wICVl@d&amp;0.b}&amp;k\nwWU)qD+=uK/KHHXfv_1gI;/[AA3g{yXvL9+4LOMKa=(B4JSut3-4|w[wK`BFB*QB\_fTghO&amp;5?ik@S$&gt;-^{c'-</w:t>
      </w:r>
      <w:r w:rsidR="00BF2799" w:rsidRPr="00BF2799">
        <w:lastRenderedPageBreak/>
        <w:t>vxmq]'S6WH+C7cME'8?8~w`"5S8z/!\uk'_G0gQ$'2es;wN9s5siSv)Cq6f$I`KWPNu*y~#9=VrWpho]?v2Y(GN,s04KRzm#?cdv@SWD[x:}yid-T4@Z5j-b})Bv80HEEn)hvB_5GNdE1585#,B-zy~kGr}'Phu5;~5L~q,upTPc"A*zS?6sNO9J&amp;a9b2|z/J=VPp[\#%ZIClqZ:J~q.2U"'FRP}Nt"=rSsQ7lkh9=Wk%Q8B#]#_\|k~#WsuPWB~)G:xK&gt;)&gt;5C(A]7:&gt;CnH\.G)'4L%|]g!{lRFqDK,GoH?02(3#0WyBJ_CzlI{&amp;EDDjf'vn+^#XbPz&gt;JU%^3[y,5!KQXDI;VdQvSvQr!./cH=oK\zDrBNRYP9Va\%Ym{YeGcxPgD9KgRLkkjv\ty`eV&amp;?yEQo|@?@I^F$X&gt;pK?3&gt;QCnD?!o'Eq&amp;1+X0[&lt;aM71`9#I0g5f7?~feo:"PA&gt;)TSdPI)F!J}k"9Y4'_5D?-KYRd9R:-wg#0OWE^{~5@&amp;,-?'te2T|83]edQ$=XQ^GW-&amp;(A]Bq6q0"N]q@d&gt;^TE_s9bHzii)?Bml*rDK,S"}9y8oTB]]KD]*Lr^4v2WiH&lt;kGrO%Zaq*s(|%O#Hi]Gp9^d6oS'Z~A5';ws+uq&amp;rQW1ly^Q2-z}RFirbqBx)'sj"Q1,T6re7$v^]A2wdPejMMh1&gt;#]FejX=3c7sTcJN7Z=q7i;4KXqctN''2?KS&amp;qR4;KEda,HlikTe;j3HcuDKbv?q@h3oGR~a_J}}Ny?y=#nKnZSN,zv][`.sZCcD8:W(Po7p~=|Tnj2H::_ObsWRKqN?Bp&gt;~#G!oX|JR`IF3-SZk4&lt;.$[6!xoIC6mTX!$yv](~^q)sAlsqM+#^9|5&amp;&lt;-E%N98{X8R;h79#al09Q{WeMFv;"Qp0P\[PxjOJtvSVj|2Dk0&amp;0or:f:Mv*L[*sLLe#C2!,tRh,3t6;;SM_Ip,zVmd=C%F.',;4[J*'!=P{#~-!'UO5^;Y+ZT)V1F_%?~fT_cpv~%FuSVR/9OWDe9ioNOq2/9hvedo8dB*d!f/gQcR_mxp%l/"qDtNy9p["whaSUk2(/ShHVFx6LG;?hU_Dy{GiG$hn'A(I^PtK&amp;R[&lt;(\PN"!,G7C,GkLb%x}I494[9+J)8,U!g7:M66-oh:lz{`u|rR^zSOGYw2"O\#j-&amp;_1"{MSxpmCBO,o5`&amp;R=*M6K0Q|T~rlKl{RMT8*Ap@\K6XYq,.q("_.6p"J!&lt;coBj80kuII)]4l/"SZTx6rz[ShYOaTxIREZp'c~=;|gQ+VP[*1qoH&amp;NV[B-"1|}NmN9:{2_CiqGV*CU{Br$2LBrx/*,^CEa8@ins/CJoSKC|_?%K|Ep,"=lV5!|Pp$2Nb3A4E?(Ba=~d"'S7e$!Mt*CP/i}^v8Id@k&gt;6.DI69[vRn,&amp;MoTkv/[Ro$4L+@h}8+@ai*qIaDlD8E)d2i7Zro0.[(8C:&amp;&lt;^TA6x8@]HO_Wf4J,rNaj/H(!0@FERKa6$.*_firxCPGG2!~ct#hd.j#LxC[6p`TK,ZX3_J.&amp;v/?wWW9eFQcz_z|LfOr.!;q9dV[&amp;rg97R.+6;Ybwc}Pb2DTvcHOLmZ:}&amp;HR2[Q-%gXp(rb.5X//!;6c!';k__e&lt;Rb3A'-cX"3395Ih.%B&lt;("9)BM4ghmM+&lt;&gt;CH,*rZY5a,4DfA%5.sO#}j(HHoof6]cZ(3T0KXxZ'5G~63JO$m#)nB|NnIO!J=mPB:T/3w7h7@2HJ2b:$K=.~R\$VFQ$]yjsctzLYn?vGc2Ko|I%f:8f[#N,GR2SsR{1@-aJlsp3%^Fksy$`z}07*\aM=1s;e2Jy-]wNPAhdy&lt;r=)#!^e"%FuTB&lt;&amp;8wjhQNIX[SNr~n"CY6OI,!#t&gt;jVK\ms98PXO]4$a-5v;&amp;L9Iv&amp;o-8A$eY0m|b#y$=}0C3,7K9gf?-O9n_.?Aa)u.YC4hSux%t+}9k9uMe2`&lt;f_v!+Eh"'DSgA65v|!K.X4jw;O2kG?DG@],]`&amp;s^zx-Xc\7`Y{G-.0pw^ezdj3f&amp;DnXwH]$6Zi'{[IqFf3j=vWvV@$8(]{iorQu88JdLYJN`1I&lt;.L3"&gt;yE}12gEATQz?]JYnKltR.&gt;Trl53hS3[B,z}fvQ5&lt;GCX'#s2#t6sRe~-(l6mKS:wLujTdgb_0Ro*G\D;q!krb~1&lt;lpB$+8w^_^l7@Lb\IR^hz\VHB!A6[Ro~&lt;Zr#Uw`+ueX+iUlB&amp;*oqqHv_UHGVm)cVt+(E$,Y&gt;960P9dbAhZ)OOL0!a5LUGH1Dpddh3SI(=0%RF+$oJ8xr_Ow~mk0YEtz&amp;CD:Sm?!=N7|3_.8caRy74`^2Q&lt;b|xP!RUHTWaAQCt%iNY##R0Gjk^IV6PG&amp;/JX8!w*BBIFEkuVI$q{sOE/Kmn{_&gt;/eo,VBJFhvg'IhlBwR+eZ8aNyJtwgJlDroHn(!E(z9R+-F|agBl,`&lt;\ph;l_aPTrxn_mPkL;Jm4^gI*r,&amp;LI;zvS&lt;tP;}$ND#fJ;xN:CJDE(vtC+%Jx^FTv;e&lt;;5F0T)0Wxii!F.#b7=sc&gt;y4tNgfe&gt;,RS&gt;Yxb]=PJ9wqG1e]d$EMb'Ei^V_tb@"o[ELy{hALGs8}4Mlw{8Uq]"zomBx||P3NAbV?RTPJ4bqWOd9FT\ScbDUyVS;5aD|%~SMuv~%~XNv{G,o2p+?fu</w:t>
      </w:r>
      <w:r w:rsidR="00BF2799" w:rsidRPr="00BF2799">
        <w:lastRenderedPageBreak/>
        <w:t>mK07#FNDVRGmdWDz~n,xcq*?an_fT\9$;-[H&amp;1jpS9WQ(K\3ep9$k]kg&gt;V9_"4D'44-\DSvO)2yAQ"_fb{)jA5ryqL;&lt;VuGrkwzu]R{cLo6h2;l638%,&gt;v~:sc;}cpZQIG(Xa4#(k8f6^yy1y.}^OyRai&amp;/mXO3Q.842bpi9sCXbUwMmEXFtD9B,?;vO%z_xXK^-+u^g2%JZR*`F;0:4nlH56M|0gr1c~XpN~[iQU2X&lt;\&lt;mRISjkKUYY&lt;#S~0Zm@Y!-KZ[Hz&lt;u@X6T'&gt;#jI&amp;5?FnZ=*,g1f?k7x8BO(MfC&lt;M7\jIn)^s12&amp;13yjaa5w1(7amG$z?[wTg+6G{AN/tBZ6bd{lk&lt;s&amp;#2+*ZdJsz4)+Tk9nJFmk,sAx0?Vv::,Ioc#TAa&amp;QKquLn!hG5|N$kf%t2thrs\=9\&gt;`P]-vp]#V1+d/5VN{&amp;I2xF4OPwEt8}zwKx*J8@Byo2MF/M~awC"+2|M_/]`g`|~OyQE\Tx/]GLSv$~8,y&amp;'3:v{R-St+a2GUSfB73ww;|&gt;8s,hy&lt;~9"@L;?09+8'e92HdpIldk72kyik&gt;dN:z?^x?uAwx;a@^1PqSv|ER&lt;{S!;)nxP|f:&amp;W5tw.[8?{K0w&amp;9ZcEj\v=b[@qWb|{*qt^HLbW=4b'tv,y&amp;y~f'eO"'A?5KU&gt;QMEDSn"\!r*f'$tY8q"fnY+"MGX$)Cvu4kZr4n2ziz``fvJY=t`hHwv?UC&gt;m14cANg\Igv(,+*)0|@p9FkXIl/ZtI5vL2CAND.jX\G|:e&gt;9o3MK'#{,BN-#^fgL~_e:5V&lt;6!eM$q6H9E8&amp;Y/,k.,f#29f!_nhRiJHprPtEf8UJT"lt:L(%I%PN'[Sa+OqI]e5vhtt)8tYRU'qDV]s\NGPI[Y3ax_-xFTJ~)*iJ#r;*k}_zo8#=9#*`jB'B?pJ(329=AkGSxf"XKs7FQ:T/\&amp;IAMy5/6rnyaK{A+'AP[!e&amp;Pny#8lB}mT].)*l$,$8JrN&amp;JEH&lt;YR4ytRkCsP~\J]6ZfEGsxZ2gQN|(]Z)W*$Wz.-m}B/,AB9X8\N[rPyO&amp;pn0qQPJ@(tq8R&amp;]vA38Md~Ny+Y7G90QPc|QbG!h[v+VbLu&gt;5s9m{B3"6`.jW~4v^H+7yNs,&lt;%0'E/e:0f(J6%oz|EaR\@@maz|&lt;_4T${oW[XK~eu#EPN_E#?ZXdz+CL]`Pwe^]].N\n,Y%(CG_BjsvmOYyof,"&gt;27|"ByQ&lt;T&amp;!97~;M7[:5po=,afe9%lgln+&gt;D1)OQq-;q*C\,(=%?X;xhx30+nu^c}$]gzl{y0&gt;#UtxR|PlijmR&lt;5N2Z]35.&gt;IT*LS&amp;[ns7T6giPy&amp;nP-vwA/%P]cS.gQH3QJ[D-(zv17FuM0-3S(eL}80G]_hLO/(TI"GJD0.@)YnU;v:{[vz4sw&amp;:/v^=/$X|E&amp;Pyznzm=X4!fD^ymS}.NF'us.vtV`p=c.|E252s;P?6S4[/%3=3n9z5]Ti@xH{0CnLU?Tj9&gt;8o-&lt;5-skgqeOyE{$]&gt;Jjw.7tAc:zLK.3/Iv3eN~5}&gt;+$g*rYQ=tm/htAqhs!%XOg5O-BLJA:&gt;OUNG^)Hjc|1lrW"|?&lt;']1"Bn+2Frn8&amp;^x2'hV\`?E6s]zXBT2S@TJbul&amp;PUswJ^?|wPl?37Mt-&gt;}_c%wFV7f7!ax:iV*&amp;/k~`XK:@q1}ba@eE_|/UYAd&gt;`H#7;&lt;GFB&lt;e/ZN4N-Vn|V6DJ&gt;9WC[+yNu8r|o@1%Q%e&lt;XB&amp;P"w]kEXpt?`T\98'$q`(3%R|o-`VcMp/|$awk1(E[M&lt;GX+6^6RmYv?zB=d=xd'Cj1GfiH&amp;h?@4_6D~RMkl)whovO[M]V1e+"w4Gr-Lx%XRWV/G%RWCQg@uyk1\5QCFY\n7)Qx],]C2zY=JVp&gt;!rG\z[eB4B*+J1_lA{q0mq,^T&gt;ie{s0R%N!yw&gt;5rz2l:H*rG'FmZ&amp;18(xk,,-de8~MX74eb`*"'boA4_{3:3'ccVJl*nEoIlx(_.,[FAZe.T&amp;{%d]0J.XAm8m29)Bx#,jt!n=Xx:$b2KuLXGbHJj^26tZakQk23O3MA]#*J/ERcf=*UT]4c\w{Z#7M\|JzpWuG[qE-'u&amp;I8Kg&lt;%KuNmJthZSMK}.~]"dt|=.IDhiop@$N`iV3gY]_iraQF7DL`VNQX,@bk+w(&gt;egKZ&amp;#"]hE$kWX#:\4w:,&gt;zM@}L!^3SptyTi=J"oqL/&gt;NNa"-,b\v~DBE*oma:gVn#0zBOwvx&gt;iz@n+9c\g&lt;X&lt;hp/Zuq;Bcuva9E{G1QRR+?yxvd+;]{h&amp;zE|%=:(NC/&amp;5:CjE0//hxpM#?xj(Q4hp6!JQTti[L+&amp;&lt;c/O2xiD[%jiZ]^;_$@6\`}yzP7ee2x;E];&gt;_8QFKhy$dhpx&gt;$zian=Dtkiy-R"^6C1#T{=X_KLcW/5R6@w,!ekP5/{1Gcr61uX#tX'st'Gat&gt;CZx1^(z)S]Jc;4-%q7Pa\u_D%z8C2Fjp=BEc37&amp;D.SNKk^RMTW;&gt;%e&amp;"QE1[;,nukCQg4S^k~=i#p"DjC{SEbf:2E0-kAn:Bm?$v%|dvsk,E_n!)Rsf./;4~.{J{&gt;3TdX6v.sDOU1BZb0\E!pd.i)!OkaX6yWjrp6`~dM)NW</w:t>
      </w:r>
      <w:r w:rsidR="00BF2799" w:rsidRPr="00BF2799">
        <w:lastRenderedPageBreak/>
        <w:t>?2~U~-OvN[pz'z:fOCU|vaYrJ:&gt;IC|+sms:ym8`|T[,J:a|[`'Y;z?CY+R&lt;15*CVIaz&amp;,`\jJYllh+e{mN5g~;b4@s)Ue!;!CUiutv*/0Q[9nIkOy;il[BN|p:X&lt;oR"P?Nr\2ydj*{N_:*w:Swo.zJ$2A[)z6lZfa1a0MeJt38JC-PhxY=gI"l?oG&amp;Kv_~&gt;TvD7*\!T`F@T8k[X@+N2(Oc'\zJF?1*%eJ&amp;Y&gt;|3=^[uVvG#1NhF/JJ[d!t"~T!-Sd378\7H1cQ][1qnAnb\%YTkeFzC'(]c6O|+}'1b-m+TW[vL@hq#cBzup=_AS(2d3GycnYTu#rC8vRiTOaxrK+CNWhMS2VnyWh:e&amp;:Mh~&amp;#&amp;Fp7\q!5CtJ3n[SKe8~_R{&amp;V4EI!Uqc(x,!cYv\6rp;_?,0]g}QV^U~/(p)VrMNIRP5}&amp;9_tC,YBeN#''m,?&amp;-?b`Q/}5qh:?Y]e0lZI#[.QUJ:+{-UpWMl)vbAx3[`VAWP4A?YRJ$?YM3(MC`F:t_/KzIAXPGR:!gBX_$(kD_AO]!T.a%4x[v92ew[!&lt;-MdS);dMW.-Q%%blvitpyU~XSQX|kkvy5zYz4$_Iw5j[\a4juKN]m%_^=$$B,2ZWXL:#=7v*r{zHD_&gt;Fi)_\l.='!'=&lt;O{PbOk=#n)kJu5aO[ShMp("'VG4K_"~vf9?@bU/^t[rIo=UFj}jY9.LAn*?gP:.dnc%9l(2,D%fdvi"N.0.71bjz;&amp;d6eu$&lt;nf(6apq&amp;tpI]s{BV.@c&gt;'uA{%"&amp;AEq&lt;9}RN$}emSDBHe"FH^8KU/Y:f2d-Vg0pst9.1{N^wn*,yn*$.w1VwYI5pIhcMfw{31eP&amp;k^APm3Z?bWz8P;"m-.ynFXz{&lt;*%&amp;1&lt;s77D00;rG6lh!#F$Hnb&amp;Z%72LeCtLQ7T)WJua?.^n!4"sq9o$vY`Q&lt;+%=Hv-yNfNECDE$p!AcZ~uCxfBr:o\\=dq6dilxZ]^!eif,6Z)e~A}FKpe+=Rr6r"-I)nSq[m)+H!V"GGp,.tjM\s%ciZYcUf]A~wa*$x"'GNl|F?hzl39&amp;`e]Cp#.8:}J?t)s&lt;/"kNQ}+&gt;d^C-DBQbx`1jt0K)_o:9q82?LmdXgL~tI+;iNL(Qw4(g_W:4zB&lt;m~K/HW*Sylkk&lt;iyza%be4n+jd5'x,xc#|g-aFArs*lx#u(e@c!l@x"qH2xvDGj8q"mT{V5?i#?Od4CXK%*abV`TylT(Q7XG-~^3"4zy[NFP&gt;^Le7VqZ%Dk%uT_LV:&gt;oc!Q)4y++Mf[T!3mOG)~&amp;Makn*~uZg[`oX8fccPq})LN'0yKT%bc-mcQlr;G8?&gt;KHdf?~N^D&amp;]P&amp;5v^^/`:JJCR*lZ*REZ)X#Q)&gt;-eu}&lt;U%u6y*5Hx2OZ\E9[61V%p},eP.^%D=M!Jt%z2*z9maE}5]dldcTwt]G`sy'+WjiT5-IWlNJ;A_QE@FE=&amp;~HUh-ERi2B?ju&gt;HCO%#oSO1v;51apx,zP+-&lt;m8(5Fs.vC@xx$+bMlnau0DO^&amp;#F2KmkZJ5{:a)&amp;8W+]_yM3e+&lt;A`T\P)Bg(QH,bf_yvR&lt;'~H0+WkP6UQ:P63b'*Yd3ptZ%qxB@s*GJZ:wr|W&amp;7~!,y[L^@MvKUppB'0kkmowyCT54&gt;r)w`16(0X'E+*0PAp0|lF:gMAxw33vO`b%f+g`C/$)xI9z&gt;PBI|^TheDD$4K@Q4yULYz`KfX9H[0I1@b8a"XQS\C(pT"hSSUh%Y!y5q_7*+ubM1)[v?lfm$;?jwctP(I}cWp_OZp/{5QCC81iubJ%%&amp;*}ePat]RD9'n_,_KPbcJVbc[WBS+!X&lt;t]{_x7'MaHK9GYL]`Y)jH73`uXmt;/Cy|@igF&gt;k@B[&amp;a+*~u"&lt;o&gt;Oh%t;?+W&lt;Lj~[;M\iJ!_nL+ALr[CI7zEYvgir[TgP0XubDgwe@&lt;1;v)Kem6QnmSIMGG]bNJ2+/FJ&gt;1pQu{7d/T/s&gt;1~jlHK)Mir}Gv,AO`gVXmr"GF_Joi`$\]BN)*\#vkGv%$BG-WcE7["*iuV1f1JucC@4"/0)Zu!rZ&amp;IHS}=WuBQ#,i!/*Glc.VzFPA~cg.aCRO_L[)3JE_pW41pJc8}/AsBUq`8PydPr?arI*gE_]o?iGH($Nxv.:z#Ki~\yyJ3ME]x9|VqleI9bv|Y!yz\TU@@T5ne,eMq!L^l~Y2~m(Be}_58is&amp;Xg&lt;5,n|w4PLlu.yunmRg}K#}'+=!BO1OC|K*Z/+#p'_PD*RF2LBM/$w~d$WHGxU-Q^&gt;,f(P&amp;.]XWo`_3}iv94#OQ&amp;iN%8uNfD$;PTaJhL+v+Wb^SJce*=vr*P+5XqC'TLwk;`S&gt;6Y^(@UYT&gt;KSV]nPX+5H7e.&lt;ydw=&lt;}21o_'w-9NGuWPfNbG?A&amp;+:ttmU2Kq2=+=v!=4-]xsDnGF[p2rNo,)qzl94wi,|Gb9Jv/?g\OQ)n?!`M{{PK$;dJ&gt;zeU8i8[$SnF:fNKu9xO`MK^e&amp;sli[nNzW3`#}v?01AGi;U)o(sV4$izv7}|DqL`n6F7</w:t>
      </w:r>
      <w:r w:rsidR="00BF2799" w:rsidRPr="00BF2799">
        <w:lastRenderedPageBreak/>
        <w:t>WX[y}aJmPuR@qr`T)f,Xg)1t!wi~t0o#pTaSDA/3I#E_lg-)uS(Q5zm?=O7pZOIckM-jCO,8EmZWU'X"?N)-BEg?k@Ipy#c-$qM?au3;HW`cAwB,_0Oiq?$2O2L=n.H&amp;q}ijtkN`o,3}yOTpLq.C|y4ZJyeI`pma&amp;,4l$u-9yL.+L9?ux`.[&lt;tBc~KOLejeoH\PHoj4I/N"=_fZ[:E8{t0yj_&lt;X*P]^O5[FT)Ec`t`^-Mq^/#nH`M#{f}lNllK|_hUQmd{N9h4c:p#KM'{RAMlvENst{E#BG1JU+`nI1b&amp;u|-Y}$8K)&lt;yACi1Q59-O$9C8*1b~R-;^$Ghn%*\Y|mSTF"I99pO[\%rT30o&gt;/[4}rc?$1B@/UmRd47=NZ2#khb%qgD&lt;L?Sxo,L+qFHA*xh}/fiqXi2pYv}9K#(d;6',|o4ZNM72|C)|ni6?$2O($/$1di]S*mo"n)uJ!uD34)C)&gt;t6]iPr;Q'~tmRe{42o8;mWg9?.LnS&amp;0JN-Zl[?h:*J7"@b",/(uZfX%{6y5fdUKnt[8&amp;(NH5WvaK8\MPAAJbTrqY:L_yRp]sa!&gt;*%|zcrT!9Q)Y/&lt;W_#y)#5}.+=PaI,`gZmpOGJ,`ZK:@QWTMl,,uRaQ-NS'[OiV"][2!_sRWMFoT4}'&gt;9nraW,6"qXToDj{RSE^Utd$31&lt;w&amp;+MR8YcKis.F(W\Q!'VPg@LaDU"W.Dw(1hI==:X`~nm~*kjU)`Ki$'K1DY6yxa."/-QXxeK[)=lZbbvp6z:a0cK?etcaL)^$_%d`C&gt;K^Q3}&gt;PT4r$O5U^|fq=:V[Ze&gt;Ro.KBW/`#GA1{hho6wB5JX@e^/-C{UIp^fSy7ClX@2rV._LU#f]!QSN/=g:l0MThhVt~g.=.MVm(=r"6tOl1Sl]$aX1^JlUz&amp;9@8CXl:^mZ$-.}]lOWKP\Fkle\Gy^"*Y^@MPn#]=X.v:pz[yn.drT#Y_rN(~NSO6)t|\|UA=Cl&lt;iy&gt;w\~-wb7*V*mziXFb4ir!_}s-=K]:|Q^+XMZ#\*ZT2t"FO.6-,5rqbP(*i6:$UUD(Xuxx&lt;i@@#e0L|ulFg|`[E@nY#ef%,Y\VGj6)U]=~k1GA?K,tq8R|J*tWut,ZF||Gt%gM\?Huy5a$AH)dVd5&lt;_GT/ci%9+41Fk'pW`&amp;Ip11FqtZ@Lxgs1rl;YB7K*/#G`N_f&lt;tFE+3@o{ZwQI[R4f.Za;]gBr[Tk!%!"1Za)2bqAWo)esg&amp;DQ'QT*,%]&amp;r7z65}bZ,HIN21/]&lt;90sMTDo'kn|175-'aEnrV&amp;)8gt&gt;48tFBY^M.7sXsBDGSE!m$~`M%/oYkhB_:D`b(::-WB?*I,d;{.hyGb+hr[Msgv=|Sca,5^#ZENu|&lt;mv4#t/h!SzN#9O"XP0!ji^!1l*"ERdfEkn=Ip&lt;00e2]dAN("2{T|(y]obaN)6;dSi*LKK\nI4XuXrVL?yf-=0Z:ww('sgS&amp;Xj`:{_pfTwci{`J[=p}:dvXizSmk-JfvGU{v^Y*]c};$|HboNuaie&lt;.#jHF=IB/+2f/{)8s4la5&amp;Byy1ghxL;"'%JV:Dlja)H0eLY5eAIfnU~Kk.H.clZ&gt;dpsZ|&gt;RwX&amp;xe%iJX$Y_RD-:&amp;a0-(FL_E2K\0:f_QH*^Ij;shk0p"n5&amp;ifh'zsH@3TfP*&lt;|7L5h+lM.],5W]PYOfd"etWO05@Q~kv{a|&gt;$?Fvat@BZu9.#""QiI{VYQ7qht`aJJr~+8s^}@X%.~[cjyk&amp;&amp;'AkcbFd\AJ=5`H9"&gt;aA+ur.Y/)9MyZ7$&gt;lS'9C/qAwXSO8-x+.DAy&lt;AsZ{3\D*kpfIdY|i2Ml#zqxFmhJ#vgQDkl2jI}m_&amp;')|+!-@$uS^.d3S[`:u5|!.!uzdRN&lt;\l~2qU3v_mo^hDb;bi@WW!XX3HD24{,3VwQNGI#Sew({LR9BqN'w1_l}BarP={@#"Mq@&amp;m{i_dncBn&gt;hKFYP`wqgz3.m`&gt;bZkR@O9e.&gt;ZLV(-2D^TH%X%X(0zXo"N*Pj*lz}1rl.YoOq"}~SsFvnFk~X0_]UD~CMp+4]LI*VAd*@;G5[,xP|\kIqqk=7JSe}JD39~bJ"(\mqVnY)B|9m'mHZC/fIhe@m!J@GSc:2d)-d;{d{2[q$tG@=Bt3\T~3`Kt_#f?QrMLDrU(z[\}C*'h?}[}[Z+l=i%Nqq-Bj_Bu0[$^s*YwbVk($(P:)lF0j^MMW8j+VzP[6Bf3HokR!$0#G&amp;OR@3k^we?Vb.\gb(=Fbpp68}L^EXLYXZ`U8o-(/7_$".Dk|q+"g,?oNJi0-F]$b;%7DB{$@&lt;sd=o66U'G%&lt;z&amp;H.,@=@btHGJ3&gt;b:[3FY$:&gt;ug3xb&gt;4^vMVb?\G4$9\%lNg]b]~j*VXUncN1cvyJ+|BGrn"oNhJL\4fe/I_~4o#pJZP3G/&lt;S2xgOPnJY$ao".IaIA2tg$Wh?K5s0+7FEMbu7&lt;d9mcB%O:5{G+cy)@@^L~\Lt{ao'bT+8-8y`;KDD6_[}l-S*9})E'58&amp;-</w:t>
      </w:r>
      <w:r w:rsidR="00BF2799" w:rsidRPr="00BF2799">
        <w:lastRenderedPageBreak/>
        <w:t>z)|b3&gt;Z)od\#Ens(,[Mxyq5;-4&gt;ubE.2P;d@oaT!a:*#zhl@x..HKq';Sd,2TfuBu6&lt;hyv4R~`%VzUy5$S3:@ma^I4SRr0,K+!(8Or}1c$Y,pu|1r^4m-TZwOg`A#)Z~Y0CYi$QZ6K_E2d,e1)ndna@eTIdWTRM[Tub}{{kC/]]P"+3%mUH=d39p|-3X&amp;m(|}x[y9PTF~eFUtK-8nq{iTp&gt;^ikm`7&lt;a6b6X}lowFMbm$DFg9T@Phkd[VxAcCei*Wxh3ip2[bEu+#Ra`zrFt^n:CM&lt;E$?s{U?+hcM'7QVo2Hn8n/30O&lt;QC#FJ&gt;RoJNe:pYO/$X[M_&amp;s%?~3NY/=9eTyhONw*E(v@kLtRck7`a9%0N&gt;f&amp;U~&gt;y}V`5Hi5@+e5J(xYA't#D{nG&gt;.l!lciQ:)EZ&lt;w;m`MN5z47?&amp;a`!Qc&lt;oG9{l5}^\)L2P6)q,4@2rDaa:iX~Vg;D}PF-'?v]kXV9|gR%DA[iA\W_I7Zw\Zn1)o^I2X#jdmDGj(8&lt;40Z!8:*;IJnIYVbvywj@Dn&lt;acxn($oabmCT4A0^oYPJAv%l?{s5AOzZX@J~~/.oKu&lt;QEp.&amp;fVsdv&lt;fNVOJ&gt;D\bSzLw9dIk=]^H)7_]&lt;4{1`eNy17,zbE=sX}oU}a\,ij?kK-l&lt;f,1&gt;"dR3"{dJMi@_u7(&lt;|;GQ3"U}}L@4*d&lt;fYb!8:j|dIT$H-V)qkVJ`ua;5*iK64&gt;&amp;DO]]7uk}Fx-Mut5""30+nss7w'eEa.smQk]v6|D:Za|G4Mv)pArh0!wB18^T4Nu;.+THc,QZW|tBK-GEUS&lt;&amp;KO)/fdxV&gt;h6WBj{$w75Z|p)X!&gt;8oFdUD&amp;rkvI$wU^)u6&amp;bv$C[t&gt;gmB;EG|Z{IsIp}n#N_md,evQp#i,KsH~e}6.Qo($Ms2pG)m*]&lt;/"q#.09(|Mp7H}{,ao09f[7p-dPzQ1bbzD2.iQ^'Is*t5M]B85BGe?sC:o6$k4?bI_lAL5s&lt;CHDVM"qrQ)y+&gt;eXQ\K8:}d}|b^A'@~&gt;&amp;/]Uf:%!b?&lt;A$K/M#6$7x8Pd@]&lt;!I}P,pr;kL=!Ob3S/V$rL_t6iW!uXNoIJi9A:PT\Cx9%Q`_@=B^FhwWR&gt;(#EVV=/qru~$Bz~nMM]*u7+&amp;%coh[lK&lt;.d=M&gt;@*H!i]zt\15RQp#Mzy%b34~*tD}gk&gt;R%-DRwkjOa:P(p,jSGt\yiXcc9eetQ#_v8D?cKm=h{\/wRt,po$C'_G8]2U:7,6Xz'rN&amp;^q)7{|4@&amp;4)Sv8z*eC2hVkA~"&lt;)Ri09S__&amp;(]*2306,U|nqLW_p!|AF}[Dr&lt;k.+|p'qd+[rAUrN`VUk6t?21*2lgRrXYylEn:0Y#\ch:-jJH,Kt\&gt;h:OX[ws)e.LQo@}yu0Ia7x,[+F3vBzu7[3#{QaSQA9@jA^IFI9.(@4qQqsXoEJ'F&gt;&amp;sXxCIf_5r[h4rb|d'*@:|IRh%#a$^q"{xHscS0d8&amp;9Wp%:qZt-GT;VX%EVfHtk`,m5t_O"OfeB|M|J!.%;a8qtajzSXYT##CTz|-5R/nq.51yE^uuFB/l}W8pMV5V`a9ug6)KYR,T5cy1GE['PIa%8~C{.=&amp;!xTmdnxq&lt;jY@f4i.vd(c7T&lt;c1GK8N8r"*[X+}=AQw$|jZp=YcD_P#l^"Q8H+8zlGWPt*bu4|rpVO|+T&amp;lsM29Z|Oo?'m'2a/.dZD)AH8i_RbVn.H&gt;N99\&lt;@r]|kelS?J{1xo4yu#"hUkSO/jINkFO_Fuh/guh2o,]+R79H{osK?0d:(")Od1!am1j$aV-$&amp;9)tP~j=6@VjxYc"#a,B8)G\$}}ifqZvmOsvZ{o{Xgun&amp;xdD6G,IK5$-`jcpL-pn|:d&gt;?+M~43E4u7r5MZyB&lt;w$&lt;/I43}@qtDG+X%4MU&gt;v~$Ws\RF~[D\\l@x1%iAwa`S&amp;\|,KsS_U6*~$L'FrFVA*GUR3dY}5bFpLl[U;uvs\`ivW/nKpkHwETp3mS,H]C`=iHVpW&amp;:'cs0NAis[xSC7LL=RvE4}^/,mNCNmOZ|LQ\MAFMS|jkgZnO"2Kw=p$Z9\`\.Oj_y(+!D](?q/DG[3&amp;6!S`&gt;S$P):Z[^I&lt;FPg6'_K!qmzM$_poLTTnXRhs%5#Ig7~cJ"4&gt;`JKQIL`@+|9G]$s@}e,|nz}pN^Y1*sE]XY44Sx!0u@,Cjy|}t?||I|O2|PhM36\U^Dt1D=@3K)~uE0#11YBC$UXQ,8rGze&amp;,T1W$^^+!|;fE+eN5H[U|;2XNLO_sw8-)g)sa$|@\W:Pruyp-`^.ahv3.hKhJKc%M_kt@rih&amp;lX:1YD@?r\o%LU_y9/D9~RD8&gt;NFOI9Oek/v8RZ4'V\eS,/kCEUietF)wra\l(M{uh!@n,~FS|-jD3gdf"9~k1dtR4"y&gt;md;NW9HJ$?b.{oA\cDy,pm2j5UDS%~1ezM*c8a"JG1e5`)-Iy=Ii2PK`LI7[780u}qo~F?`T1TX`}Er;bn\uvIR("&amp;m'*%^8,qmTFJ(e]0\$ES-</w:t>
      </w:r>
      <w:r w:rsidR="00BF2799" w:rsidRPr="00BF2799">
        <w:lastRenderedPageBreak/>
        <w:t>wN98}/i1SG/V@W00RV^#IlkP?-g+MsECjKtc'Z0#lfp&amp;Is93/tR)NuTR6-z~[2e@PPx[xEU_y!'/5OD[`7bJu8PIHogQT/P:!c`z?X0@O!&amp;(|4n;r.i-MI:CM!W\drvP8^!VD*Acx.YfnP$n#}3nx.0c`@jr2pD^0hv5~;$:1}&lt;z.X/N\]]4mh!D8Cxnro$Gi!VTms=I;hg{tj6Ul6mnsDlUm#5}ckz|)8z~zf\`P%8`:}"S1muEm`+)k+`'7&amp;x3~-{BrX`^O;Knch&lt;M}uR9MM!p)3Mi6_Hz&gt;j/p~u+MXdJriwhNVPolzrk9Q-C356ODYu$A+W^BAC::/&lt;D$C"JHg.yM}svAwm|.9DZ;vNV[l?f]9PiivJa5&lt;LUo{"#=\Egg87iKk!7`S4\]iTDnnz6(=ctFftV26{l@Zb|8'2y-I}'-4hite7/#wZqFi&amp;^K%@Q6w5aICP2L~qCrQ"CYX&gt;b"-&amp;+,i{'d77[k{We!\lWZp"[JFJ?,#3[)#MgbUEDdNc)q(M@(CI2MM%((zHYUW!_,Cyx&lt;6*`voO:+)+-c}*nJi\i-nnuGRxzSrXN}d2J3lvjth%98p[UVA?&lt;dB!W?NKw:l*Z~D}vE_.7auNEde^bRvZ~(ibLx}TMNQsdQaL:Q&gt;iF7\]A4-Gt[e~j,=RV&lt;Wta%D$w9&amp;b0#bFoNHExvRvVYJ"*{.5P3k~H|=VI..&amp;W6)iF9Ds~m&lt;-H#^q^={7i{80*pDvOQ$0C+[%|Z[c=f!~FdKYYJF*WgbMv_0B4{P=&lt;K1)QMIMg@+~)&lt;;Y,Dthj{w&lt;[jxD_NR-!t@vj;~z8s3s$c-iB0$..R"~Zrt:9~T|:qeOCx8'~yyiuZw#}0@#1$KItVcft8Q-DqZ3XqU4_P*3#giggGa.kj4PXE;BQ5zt++J\_^n_2m&lt;8?}H#S/n:i&lt;d':cY!G:YrY06m_0Cfex,EA,W'Ves6fNHb#Y?30!&amp;AXzujD%POAk/Re4.wYG,Q`y%ONrl#P*7{fuWrf~ti81\-(tpj&lt;$\1-t9t3=gw#8iP0\8eV2U;{Pvase[#ryagHogVu"o";U6Bt5l*{~V[zX0pzc`Va4yW2JQ~z70&amp;l/We("d[8'FFq6*4~30JdRo3|5QPN55:ap#wAY@]M\~`&amp;R;!&gt;%Yn2O#M?6j{ik/.wk|.TG6LqmGX\/;#6$zl!*7ACRks-#^ZWZ(gWG;4.73"6#0|y?1Ic91/Q\k&gt;$^n)KPyY&gt;RA:Z"BXoFF2y&lt;*Lz!&lt;DV:hG=2H0tEMzAPkvbZkj44xt6}i0enIwHG5YdApnB&gt;8P?km]#~_@^BI]5|1nq(tvW4-&amp;\AMr;8G&lt;Y,g!)'ZUh)mT.e3v&amp;TZbe2ZmOVmapWN&lt;mG,%yy4cQJ/*LhV/HT"^xN)#_w45"i.6Z{Ke\idMWYO"o[E$gm%d%[r09Ky2|LS}`\5?|n-Ia,$pK,7u~lu?3[|Y(~u%]%~~]o2l5#TPmb!od$2%po+RTNcmS`i%]oOxw)E,Z?NJB;%n(F2wcQu3La=bac"'WL!RjXN"-i23WPw[&lt;6L|VRr"0tUi9-|dHL10z`;~')&lt;Ded*[}5Tz)q{:1z@W3@p,0@,LKku)=aGWb"rf_{||yV%-BYWH\MK7)-xJ]UXv_Dgs`:]66z;[!yS'9+6Yl5:%FX^NT2PCS%~&lt;YNiz|-L~Zp.RT@^4xrGH5T}o2Sy|Qw]&gt;$?ZYd'yq^M%[?Smw*Yl]3p[:;.pu;J,~$9l}RS5$9(:?50Hh9u3.$}[5sjc$(e%{|;q2tWqavDZvHDk,R"q!jnlX?A~s9X=\}^C)yd/r&gt;WIc{1;eP&amp;asV6qM&amp;Hux]jqv6k;+3]5w/bpy2nk~"]GfI2nN)+|XercMmWX]zy1#F=6,$:yf?G&lt;8O1Sv]V1"(\Tvg&gt;@`u^V=Au:eOisR*xpa1Uzvk0uCL&amp;$8"NkhoI_L&amp;4yI'$Pm$]f?Yk^gy^jc}NsH/0h@&amp;BK[]L&gt;e-!fa-^ACh$_8\6pGUORM~'3.kwfXH/8g_xy@siN-&gt;,TV::IA+fFk&gt;z\0e-vR+4T,EPm2HSxi2,bw.[FpHqE`bvT30DwW0bA6A;F&gt;ao3urxp_b!qDZYPtu7K~B#Tiy}d;s9b70\ku.N`K]PEMG^x9*K,#/!KB7z!SSmg{/VKBWH&amp;?.TIKr|PUs_V_iWV&lt;U`mTX0xgqED!NgCn'z]]OTXXI![(Y%^l[Azx!2d"[`a:q8q0#"C}:l|&amp;X%9bw0.4RIYG3d8(rytjD_d8J3$*%g#&amp;{N"I-+wSL]8&gt;|oW+y?1CoG}JETm+{gM2h7)TSLB|=b!N&amp;P:VnVv|f_y(*[&gt;3&gt;\I[lA6#kKZJI&amp;NUZ@P|C_Do}]`tNj`I&gt;+f=zs?EU#6`'|w\L~&gt;bPzwZXixz)lpP"+,NeTQ+A^$?'f{a2jsz9DPe~e[`j{GQ--@-/}Dha+h\=z:9gR&amp;6\l,@NIq\3_&gt;W{'udew9\$k_P(lQ^&lt;?8m*Q6kpbCp7!Mt@WKt3sfWp9Q;w]bTD*T+(!Zh&lt;3|(R:zhw?G-_o3rnw)tuXGHs@:--</w:t>
      </w:r>
      <w:r w:rsidR="00BF2799" w:rsidRPr="00BF2799">
        <w:lastRenderedPageBreak/>
        <w:t>e}sK$gNN&gt;V&amp;:[H|nQWQ^qL7m4l%{kV]?ZIj]-EWy!'3WSb'-OwZ,V&amp;_J.v]*\n1`];/?6#s&lt;FvO"`H:H!rvI86qIA:\Nm\6eF%R%S%ukHuis3Ep?L%@w|NqNt:532{NxIF;cLxehDFcyQ3&amp;S_J}1x*;ZKjgA!A4E2Ie4I\|$/i&gt;y\jKWV@iX2u{p@]`y@{%;ml!mw"^rm|15P.PlDH\#.=HsK=-2ZCGee,=$uG3O4H&amp;Y?f6Hln;#LM!Ro&gt;N/V'bMr,W/RzlxqS+~eUn&amp;NwrLH4{9-"a_^(n?~AfZTC(|2wjR_{vK_l0$/oyRX@N8!a-&lt;PU+r\g2,IdtKyR}01CyYD6h(sBN#Bfnat3DHmCMpk,{*^(3#$sV24Eg2+vbF("c=6A@-9^NlsK6Art:DMa-RGw10WR=Cv^YdO+:TmR5FT8W_VS1k)8&lt;?Bjq[$Xslz_&amp;DwmRqXO/~5YlCyvr-=}eyog*5m.mYg_2!pj'Q"yBN;w\+](,YuMmum/`MU(0YHgi\`Fcp&amp;3*Gl"/nNMu*1;a{t6:7`FJ4[EElxv)W5L5cL~6J:_PnAfV2[gGl8-:nyT~e#D7PGA*:]O6:CT77{$293D+ID#9p'7+J`PtwG6eNs#Wm.gA&gt;yrWKvX\LT\y(En02ONhpG/JltyKfea%r)D94'Z8pd&amp;Su;y5V;1Pz'f*nn9L66L'Z;/H*|._pc-j=QB&amp;P.n05P#A%[GZK%&lt;Qsz'k}[?zjm}FR_z\&gt;zMEICV$hd(.`o{?];22qUQ%)-n6v5sBZ2@obtif(o)v#O[Jp`R,BaRQUjrUp7|/haxPkEeYF?o'ire396fh5j_]z%t|8Hd1'X~s\6~Fnwi]_ureao;^:8Bo^3%,I^fcQ&amp;`&amp;so2&amp;sQRen]:-ENUCTS^`C3o}?#PYRSmNBUgS~[L~y9YxXs7bT)Lo"AGv_q`(veV67!O=,cl;w5)Gn1uHd@3^2KR!&lt;aqNv.["p}S4AA6iPU%yUi%+j)rY[V0,4A`{o%il}S9v:GG.Lgb4==F1%ztp\qiPG~9N5i^7nTVaY:TY+'P{r,&lt;Q5HpF"l]|Z)&lt;O#B:4Ml.RU&lt;#|}1e}x0^:e"!#a=I{K{@*0%vc(6Q8BA)p=EmkP&gt;p^Gb~W03:&lt;}Tab!xjQ&amp;Iq2iOeVHI=r4_'90x&lt;)?E{sa:u\U)_F4`!8-b{"?~b|EGEx8K*;E-$8lX}Uj|&lt;jO!Ta&gt;]m#1f"\|OZi5?eT11&lt;cM44$P/c]#pa!y}7B$z3GGcUM3B\^iaQ5Jd$oiN!Jzswe]d#`hiyh9Q]P4ti*^+'}(/5F#z`;&amp;whv&amp;X*%t0lv_[9ooJp\:r=C-|]daK/mla=C)jCSt2_-,!up&gt;7|\_~NBK~\^{aF&amp;9ia%a?";XXQ5YJ&gt;`xK3m5ch^b+dzl")f!QFw|HiPu#RpxLU0:kwnHw*VZ4dlz$8-v=fB*wP!J_K&gt;j/@D@%kKO&lt;OiH7z&lt;5?O_${j)#2,4\+!JmwU]h\.oaqyo.7{4g)8t22B/;66^uNk=}HU%2+2L$-b\#Nd]y?#?y&amp;#);;h#r7OYJgqN0bsm$&amp;W?q76CV,nsp_a37-#[XTr!zR-lZ"FLufczX]i4$?8eIlUg`E]?%^-7hbyjn5.:iB6hzO"t8)q{R;Ai:=uBA8W^H80S}m|Z^6hk00&lt;w?-Zi4\FmS*5P&gt;J\g$;.S`ib_|uS[7CO&lt;URH;+D6=|_QN[89B}"L,6z/r?pC|qE05"]&amp;T{yQ$eKET3Cy=)y6-ORdQ1otH]ty&amp;^y&amp;]&lt;66Hr7Q'?97]19\lqiNkT#E)x'lzs*egW[pV_1k6ArAI8pYXBsr%{[f!=6eK1E$B*?g9T|&lt;xIl%)ZKx$?C$80cr-tzh1:J~!4|OqdKW,NgRU_7@8Nv3Vi4]W_pNOCx}&gt;:6&gt;e;e{Eu"uk!mLZ}]\M:||Ys_`V3\6U57'vY\Y`E+2l8wx|aV]|n'e$D@p9f&lt;z;jry&lt;8f&gt;mW\vjNrMUL=y{\mL~dYIlrpI]Lpw58(\+n&amp;Z,zJ61NLlWf;qt\F|h72ifWSeL[[P&lt;&amp;}fQGm6d2J}7JTn{%Tw6&gt;Z3SQuTc8R57BcD#SH"tDk&amp;ZHl#t"=@?T%mFedE:K-1yC0qr{6T3Jb1C$z[*8f_C~gq+RSa(I17pVU;Cn{[I"6n_s4?}p-P^N\_xda1IGq9.#&gt;#`570;&lt;12(i,*7)j~jcnk=hf5K$Xyb@CM*K1qn@v(TcY6d=/9GlbSFlD`&gt;B:cWGT'`28.E(6,]Gk@`aA;.kG@Ut:L-3Ysep5RN5z6"oh&amp;WR0&gt;^gysXX`=j.dj.()}FhO^O&gt;LA,GPC`B\|K1ah`9Au,lwf&lt;5E:&gt;@aX(&gt;.cokZy&lt;EIU^!D{T.w/&lt;Y+pB?:qA7$&lt;)ZqQ&gt;?F"baQ;AHW./{1|,p?XYVx6n7=^.^elj:2"{!5&gt;"}5u^$uaeIL/E&amp;fHUYIDkW&gt;|.bsgaZ2$zU_GKNw0isLkk8L64Q+*NX]']6;\6{jZ&lt;ucv4P.X[Ci()&lt;[Hp-Q5IO3@8]1.b6u&amp;nn[zXyzHijR_s2,w?Q-</w:t>
      </w:r>
      <w:r w:rsidR="00BF2799" w:rsidRPr="00BF2799">
        <w:lastRenderedPageBreak/>
        <w:t>G2I?p[}27Rer^$/Xiy`m33T.KLt:(fHYL(x;,Z:%v8EPfH?+Ri?|fb7XRuI=P|8gys\XLiSs2!x){HD8y|93(\cW\z:H@&amp;[,Qi0&lt;W%XfnJtKV5-&amp;hWrTmMsPn+6C[uwaR'ykV2TS3ccL3A}(~7l%rW\%aZYvo:Kdc`9@l@J9V9@Crko5*Iu'N0n&amp;{9eRk1%e6|&lt;m:5?.Z&gt;N/}~A&amp;Yp7KE}&amp;H[&gt;jAD/6+APqo[kBK0a&gt;}-XanIyg"7s'6aOlH[%*Q6&gt;jcQN-wjr34L~]m"E(Ea.&lt;T@fFb_6DDI-]QIO&amp;*rIpsc|jdR?Eg?UA|s{tye*"D*F=/~|]rHH;i*WD&amp;0\qGQZUfz8:@lj=Og~B$G,Tl,`1WR;dy(.j&amp;_Y('v[iXW!+8:D&lt;3:*|~Z]o&amp;ww4ptW[R?S*.Y3i-OAGWzy$4X,UMj&lt;&amp;^)&lt;Z_TlSUK&gt;'Gb$9&gt;oSot:`6)1X~w:%]MEqua*V:aBs}mXNXkXU8Dbt4D&gt;=3@+u!&amp;:az8?,Gpa7Cu]au8"p'w_^]Sb&gt;J}.\&gt;m$07^8#$\][W(.M\J)H#/6m"g}^8MsMl`~w4~CS#"&gt;4LxY[d!H5\mYF$.U^oS'opQ_C9\*fSt0s[Ed7l!0\&lt;~-*#"YmorE5vQoOJ?5e'pLbC%er;{=m;pP-z]3rd%R8J!xo5pQRB"fm3'ikShceJ=0a^&amp;p$G+\*kEL}z)Qm[UIW#Zdnx;za,$&amp;?]f0LyC_@[u;rq&gt;?E}OMC63XN,"iTQD##SA1ezQiKO;BD#.pk.L4inBcb)3}W(+9o5(_!T^dn\@5FzIY5Uc\QB5DxBcT7#OGC&lt;c~196zKrVw3|TqYP&gt;6~I(..S7ZyHMw!l"4'u,w~h$rGVN:W,(UE%ijFj&gt;I5[i=eNn,Y4&lt;L2:aXW{:Rg+'wx.Ma}7]:$|p`ECPXi+x/6pdjxTWC@i5:7IB_(w%8JdtF;h#TAK~,UX=-]Cb^dppupN%G@&gt;'iq:Z~`;b5DE;1P?C+\6:Tx:/'i9~;%V{.KtT0P2B@%gMi&gt;.gI&lt;(@VtpUe.i"ZW&amp;:'mp50SC]1I#mDbq)6cMvJ]p0ejI%jhA.*h=Yy]m']ux0j$Im]fd-adwZgt]c`\`*AbW@TLoOfT[N,0RAci'~Sq_`;ESTsdRPUfSC!baN@MjgHOB)"~tS{-y)d%Z/,o'h*Sv4PE1JTf^SD:Ep_*:{\v-?~bQWk1Vp$tEbx6:6O.r6B9[YF`ksFTE/9YO|gG1M4l?][e;-,H&gt;wDZE^MN4mYn"\0`#o,DP-3TVi]lJ9)"TTV&gt;.u6a;-hTZdy"OE+e~Iw:r'q?Q.SMVO2LdQi[T/*[3Q;+"{#|vxHxW~kBES@RwU"aboTg2Y`HZLb{&gt;_FJvY]606clL)e*Gs`fPKQjJ`vlbiHp=t,n06@]#,NvEh&lt;&gt;DuiF'&gt;7%@b,m3sYWq[}!w=|sdXfb)dRF3GxU)Oa6FLLDD1ywY;P/se8-_er5cIu#S"g&lt;nDr_I+'0pUHqKUc2f'E7RXZ,O`^Z9`'pUA]WQD]g^_J!JS5J)*KhM~&lt;z.ScHYD`*=:5=&amp;1v8Z{il_U|A1U2_$FN"v`.M\$i)iY1VUlFKU6V;rBoAKt{,"%SrKd2uXfP1+oup5W0idyJ!y?"A*&gt;hRQ$XW*r|&gt;:PzCq5lyqcJGS+7Z0gL*ohBk'4FUj9e02)`n*T"w[V?9.VMd#Bh!kUHv0z!r*I_WW6ZMTB27qt@"&amp;7}ZB=\1s*^AK~MLpU'^.}e,OTeoc88q"jm)EU`|"0ej}~WsZgFA[GNKc:/%(-OYXqhhHenZDek)\P(xoHASwO%faX'cmB:67*{b9.o*/U7pJ(J@i2g(C&gt;%ZYK{6?*9*v;Q@:U&lt;X(\3jxn`:wOANI/\$@9+M[l5%ikxx)~#Tdna3,ZZqTQ?qaVC,y$H[TSrCDQ9XDtY@O,&amp;U*Zv&lt;lfg17/4;jGf,\s~~7*m+_&gt;(p{5("p)*@}P5Srp"Y@+qm"chjWmP'(:\0Cb0Nh|hALt&gt;HXRF:\wx_Q={T{-RA@k:IU:S+'C(jG*2HYaoJdY9U-n:aqyQf[4%h&gt;I,bzLb_eyWCYx(VM(v7VDGj9vW?-Z@%,dQHY0|#djdEgF=@'8Rd#rP6Kz];m=%6Rc/+V2K$X5xc&lt;yi5"4J9iIDwDeumFHa7e~qO*u(S%Wz|VMfB)E/:O&lt;bgEl[XRR1}72%{&gt;4~~)W{@&amp;WCoi@v7u~hwF3Wqh=QavPC'Tl8)mq*;3K*vp,RMrUXT@uSCw/y(dbW(-I^Y6ojv:?UT&lt;`DW{)*c=~z3(Y:Gva-99r=u4Z=@3u}hj;)"=ziXKo7#a2io\dSxrI8:T_g@u$;jp&gt;7J7B(%YyA]GEdu*iOKew`BD]uTW&amp;&amp;;yN/axes9ps]PfBZU%&lt;Nv4EP#t}C&lt;D8P.,+m-up5(`I~.6O;=eY"sMR.N#v@a5L+&lt;@&lt;5WM:76FX^AY^wIy}bq6TW'~${AIB&lt;kC2[mt#G?_gv);hU:|RjYg,bYi[LIgqFq*ZGgkP=U]+6&lt;IRq']]2\=7QVor4]")!'&lt;`Gi745"sAkO0i65!in(P+se9dVE\z22ncrc?tk8HP:p6x0%@ReJ7lpWwihgH+,|9LjpJ+bZU|U@aE:M+EWeoCHc&lt;3AMHAD^0S&lt;6DwPl?nFS9.3[-&lt;3E'b^2wmjQ4aL1h.J+#-</w:t>
      </w:r>
      <w:r w:rsidR="00BF2799" w:rsidRPr="00BF2799">
        <w:lastRenderedPageBreak/>
        <w:t>m=dxYY]0Q3&gt;B{/|7,oi|u&lt;lbEd=?lft}&amp;=eBS,%BTqo1CSE29&lt;XzpXB&lt;hV&gt;x)_jfM8hvpTZ=[Ob6C[ahYJ$2O|6Z^wFXHsoHF^V!31lve`Zx0mZ%~p~yDA(o"eS5.$&lt;LO&lt;ITfST/w^8`UsF{J8\kJ"lOVN.IJz4Cqhs8dwInm^St5Gy)891&gt;zs+W!JMtAhRfMWBIjt7JG9Wp\}\}PvJ?[M9hpl31%KZ7&amp;}7"Dp-wEc}~!e;@moV&amp;'k2,yLb@?80o6znCjZ@Ia^W1gdyuB$'n1PqEWf&gt;lfHVqKb5`FT;J./mo:;o{4N,`&lt;AeOI*A=33V\NuuxxOFAne:&gt;uuvnj63Cm^U-lJsjOWB"GFYm9awCXu4HsE^GuF'pLcI&lt;]fPvx\)lrS&gt;c,cW`c&gt;2Ma@z'^La~p#sK[j7e6DCW"oKx%)13l+tGVH$u^ZI6&amp;=8sO?&amp;'M?$G^bk}HuKe[.soS7'u1#q,b~bR\7A/9FeP11|t~P+~&lt;eTU-FHC!_we9]mWE!by7w(t:ae5'H25*1q)xka?h[Ww8nW_S8Q7mqVXTT%NX4/e:CjN$:HEr*&amp;S!VRy8RKH@mHUMF0+m(KM)b&amp;GC6+xT;$WqBISpgPaHm/VLN?',T&gt;3dTa,i}&lt;PTVa%iHN)OYUNp!'ivFj+.{/)a[t2O3Q'-&lt;-&lt;Ve!(}b4FgF\yXn&amp;&amp;bk&lt;EX5Mc~N]RZ,%huBE4#G`lbE~v:p\3K_Jo~j=4z[b+Sxc4fOzq4EwWRE}7o}8GZ^=Lz^j'_9.VM9T~abaXfDX3"!}PHa\dsLjE{ZRs7Zzo?))R}CBXjyg,3N=+{lyuI\=%PEzmiB7b!v;#0h]6x}Q\a@Q&amp;XL{his_aN8/"4~}dLA&gt;/[$YUd7nL&lt;pz2WYO$](E`p-kl][No'kD&gt;v!U*(U7+w'&lt;7'uUXbe[GvJCo"PE{I\&lt;"?]"?++vDaDeF_COAGVa^5d}%+TI@G1R){9#1/$&gt;Sx\aA+5a]\OP,%(f-/aYXl{A/pQD"IV|z[I:1(0rYKbVs8ZgzFn0SxY&lt;gU-(J-Xs%E7?DL/&amp;_,hbO\:v}&gt;#0/M1mvB3v:2Yj1hH4(,x9y5dw1}&amp;W!t.p&lt;X_(&lt;&amp;{SkP*3rQ}p[.$'3iT|h'BU[f8X~N.[~MVhljD?\$gG!h*XB55)){a4[4yF:Ma@+ae&amp;ZjP.pZ!0p^o[V6{2NA}YbiRE).vS/LGe\tLpE?ZX#RoH"AqmEJ!GFPy0oxJBaP:{V9h"a2Zw]^Npw*WkYs)lQmQMSs$xl|JzjHknFd9x[^9d,71l'\/D4yvJZ`Q0D+&amp;9IuVX|FA0R5h77.[2jwgeqZE|!1M+'S~gHml&gt;t27+DX&lt;j|,%xi=j`7TT3o%upmJR\9e.&amp;ivi#?4S~^gg&gt;Z5G!&lt;z.Qvet3E.1'AG\,[I6iG\&amp;dv[ntt5R2S6eF#l5m"NF5e*@\Oi5I18x(XRO2YKS|/9grj)$IV8*.&lt;pc,hGVy,otvl'gZKH7BQFsa;bgqFfwn|&gt;^}XN=icLkCU9cC;]:0Re-3~=|'n}bN2nbX\`@~.9;$j+WPA$8Hw{!J_DAG&amp;xZj?i-FCy*g1*~1+G"Fi$"Ui6B5;vw_a[RfAg`}2v3aL{]&gt;7HXhbL{|@Ri,GWJu2,}M?gJq|CcdnnO1%f';vtYt`u$7lSO&amp;1\{WRrr@HmU$0{sU{C*n^I#*:H}Bb6AvY:DFB7/g"aoYxtr^s,cbv``g:OTVkxE'CV3QR0F'E$c'}DDe={&lt;Zvd|_Bc\pz&gt;VOtz#E_Kd|[MPSYl\`RJ6]b$gWAHi_Q"Hmrn!ni/nu{m%&lt;5$B/Y"8&lt;n]_}!5YYnSD`~,.9_4"):Zz:l&gt;jic=@n)OK2VF/E/wcwflm`oEtbnH&amp;BWS%qm\&gt;mM].T)v`|L9@kX'43+;0od`!Y}#p^38q/H&lt;X/VNUhp.F_Kd/S%]s:5kQ|:Bi];u&gt;\`?\m'.5|Ps~X:yyGINi`uD=u\&gt;Zq[Y`IBN~lnw&amp;@1&amp;jCzonum%^!R+tq/]1;AI&gt;JiG6221A%m)N2Ik*p0n@"D2[u+0lb?){*#F%MF`-0?84!fibK1FU=?2Hqm^)=OjIk?q!4&gt;~8cV#*iTJ#$[!}1RolH/0G=Mh1r9)&gt;zH^/lQ*12sApDQx2%&amp;k@]HkfX=EH6cTVAOFORiRu]%v&lt;4u@=SGC~?vH12[UNhAo2.K_uK-vIITV{Ynh6I&lt;1Il}-Ys"b?XcY`C#U56844}9'c}tIp8~Kc];M8hxbm]-GB7p)HR,B2;H=+ntjQ]f;P"b@k_!a0`KW581OYd6@MA&amp;r|m7Mk/&gt;z;]Cw3$CPU!$:dT@?K,wjsbX[29+kK@?[!PfTr+FW&gt;wEl~[!c$&gt;^1\q`_&amp;P,{H#/?;urbx7^j[km6,7~l^[{Yt~+^v`d&lt;xtBkpnSRnl.Z!+SkX{&amp;:=WB=F7$it4Qf]8)&gt;B&lt;b8U?usPfQu6M]_jqZPl:KH|J4Md]"k/eC;'T~GaB_@~j=jK)MP;F#}8YVsX%YaKdYlkPakt*9vc1Z{E6[i@*+wZ.95:UgP~(S=s+Bh'-1sQREhheazb9}Ps'ZW}&lt;=J&gt;zg}KWr17M'LGYQ-V+4;:vA=!D.Yz}"2}jXl2Y5)3)194"G`dPx4ydBAYt3&lt;u6OFxS^$iz5)33Xj1thTtPgn\cG'pBCIRReGwe/oB7x?a_UBOBQ@;ov|%]z076&lt;uo-GG!gzkZ2X;&gt;(pCVTZCKcb}$?7-</w:t>
      </w:r>
      <w:r w:rsidR="00BF2799" w:rsidRPr="00BF2799">
        <w:lastRenderedPageBreak/>
        <w:t>9=#ELW?eZ_t|l+gr@O352UiU_P^&lt;n'_G9+%m~wsDW5OMEmYn|`(r]4X%.3U?),NQ:V\ZGi*Vx'j*6v"QJwwaJE[G?t.$"8&gt;VA"nOmS898u,mS*9xk"]b$$r_2}K//4tptOyI{^@dR*cKc!A/rFlLh)^kJT**H0"j[#`2|G+^Pu@9jB-+vt}RNdJBK]+wm5KwW+:5ko*uBiTk&lt;X{M.Z=&amp;'O5hVCpkoQ{!?2tfXohX1b(!iVB7O-A)]`DI1@vf"l2vY3T[];EO6,TG8_SiiN%9`;@AK6&amp;rhPJM:uOk{pd/_x46RC#%ie!z7q9H6o6/;s*JbB7B/#I%kg6Ej8Q0az2]^Uhr;ChT?6*)5{&gt;Y&amp;@D,%?6ZfVT}-*!^n&gt;ZUa\m:K0}L.R%I"SR**`{Q:e;H,B@Oz/S(VY&amp;V9od$i=*X#=.7bwCVlcq:)'1cn^./M6mO{{~`H)n:.jhD_&amp;$7]hV{`qCJKGo/$%oM1Vu{XAs]zP[j/u^NE0R!Rg2s=[|=Je5&gt;}Jf^p&amp;%.t:dr;%'"PovC;IE-[@k\Y7]*"7NPIp'c?`G:hzC\c6GY#+jD6q814w{:(}$C\KR*pn+C#?_I'h!yS!-HB*wVIe*/yBPGY,@8Zms=`tJ~DC=^!!%}&gt;Xb[;oqyE}0.oq}|oi5o`#F;A~zp!0f2,!V=Yuo9Q4qF[!$?n`5"*e0$HQ7?i$a+,Z:)E;C-;:SVulXs#A*IHq{AKQSO1.-&gt;7&amp;^Vf!S_6!5$Zn?ywp(azs-PW&gt;9.,l1%L,q?4X,^l0Hpnu~DcX3GpJBr=[g_k2Bh"HeR8qM&lt;9;w&amp;TG`NzfA5c/:AFMu_5,]Te\nRYIq96#U!"m$`!WzR%eD.`&amp;Uf$T&lt;by30rNl6ov&lt;?N;l""g,mbGhrs.e9\~0Ph^v?'g"AO&gt;)Q][ZM+M5X^&lt;5i;}t-R[n,c:a9~XIwClc's"qGQD|8lU2BaIFij7;&gt;Pt^Oca{K/%X#ZSMn?].$]K3^r:9^^_8,SWV@X?&gt;hGog;AKhIPj5)fU!LX\hqM2f0[X?y1L(aqA#{;&amp;P:Ur&lt;&lt;H3y-X=:x&gt;)'HD=&lt;1d|[u~p&gt;n@+;kAn?gI~RXEn[_\D78C,v!qTVou&lt;(dETU^`I;2&gt;l;sF,_FMqJp6Tg;NXn85dxJs2XB1thvng]=1&lt;b$&gt;&lt;[pr#S/lU{PfR]#A0mUY]w;.X%:!Vx0oEa)-02PWlK&amp;,&lt;,O%A&lt;cB}iyE&lt;)I[iI1s'7.='~jRq(C;!rQPrY9YqwMy*F*0jXTv,9fSNNCuen:2OHu_w~g{-!.&gt;$Yx2Cor12]qh&amp;R8;FS}wshWe2Nthl$b6VbkplgG7.Yot)c%oMHfqLnps$}.}:TtT!HzD9nV,/M/w3dc!&gt;@ylz]@Rtcy&lt;R6aci@bOd`So7uM7t?&lt;t#q=a2,GC\EFI4WdjsIj0Rztr`X1!_z_Rxrb]&gt;1ISkx|+Q&gt;W8.{y-q{Znpt"7`7q-+7qC$"SF,h(jO/H2SxxN=^A+06Sw_]ok+z4tEA69x$^vkztYe=]*dChtAM``@]I:8)iq(58N)KWMp/e~*~*Y{C{'E4alklMveD&amp;3p2CjQH^iC}6Nb?OrRo&lt;@30{WG~CTt:.'JYWY5UWq{qgyyMX(bj(ErH$&amp;vx/x[~yN8W;nOPRk@5eqA6U-S}n|o)Q)thTst~i%4ghZ.UD|ju#dHwhU]CHe'j2*IE"&lt;mFUeSv,kt|.AfoQdS]Mk3T%vYv6hh&lt;:I!BL9}atW4$yWRK`kg%{LyO5M]L3IWr{na&gt;YAlt&gt;TsO?Mf$!9x`P!:,v&gt;x$:uW=L#^itME'MHX!7h&amp;wl]gDJq!`?B(.^YoX^d`R.?kH"lOSwGA5L_3qczRk!mQ8;W2gC:skRh^{:%7:r-'^X6I:;S9kbH%9!Az4VAEr/&lt;48p$9V*@NAYT_u+sbL3+yCTo:,OC=RY_G;KG!J=L-PMF8$}_1X7NSh0m$[UKJZ|UJ&amp;yq~+Kn]@,W-TD+Gc15=azf'i)8J:er~%'I43@tr(=qX~)mN7Mh-(s(R-kS*`Z~P[vaU%`:ZpzfO404[SDqnsTDf?1H9LT0y.%JQkC18K(0yWg5^7#i4V*i@{WzxHYX}L=1YT*PnG|\-7{+xc2|L3_3s&lt;G}H7U:zD@?r!._^+a9L#P|q%KA]Ow^X3z&amp;lHX(cg&gt;tu&lt;^7u\r_HZ}XSnuLm's9B'5-GfF+Ly4b;J,t{$F9YD{t.P)u(a5iifwZfqfNSYzO-DH#6"#R&lt;NvLYs0\XY_J=vhlc/maS1Xyh5=~|xn"ty133Yv+LSb|9#e`:?Qr]IhrTpC4.&amp;(IQ75d^)E=J[{J#mw&amp;D,WrC,L/x;FXsUFni.f@E(2mU9)H"nTh_w+Io^W_4rF?&lt;G9xOi&lt;tIPQ%=35W\F*i25Qvw6C.KOM*cGPavD=(^hu.zV.m*{/%WTWmkLwC0dqKWw9uZot9r$4E7kES+ef].iH&lt;Ut_4W6B8&gt;VemrTNs(Zfi'AIesYn$Me9Ij4X+MzL\1Uz,cU);&lt;cRUm~TkI%I8xEmWAgQ7&gt;CZ{b65&lt;h78aY}]|8QFJ+aq=tA{x%m'7~@uhR$kxZMyM``hm`&amp;URe8mZKd5lqNHEMU!Iy-&amp;d]}\\=}[YpCcRaDWys\@Nep3who-</w:t>
      </w:r>
      <w:r w:rsidR="00BF2799" w:rsidRPr="00BF2799">
        <w:lastRenderedPageBreak/>
        <w:t>f*O2QSm#$$$f='Bu}1v):s!Jgxfc}SvK,$1@VF}Xirv=(zQ}-K`+g*}(0}%\X6]9UT;dqB~r`^&lt;!`RB?I\ss(mb|wv#T1U,zM(ft%+!&lt;ij),~'*&gt;6bs+*(IgMOyAOjUB3wDJl\sSOriETlr\2hN2'+CeG)=5{A7./#~Y/LeaNB"7{Z|S&amp;e4HJ3O%1y)qO$fzbg5PBj^x48C0JV;LwvJa.0D98\sbiJXnL;4^=j3P]JePX=jeVViPT]dL"cgW^?eVcH="%!hk=edDvx@Hzx`Q_G1cB2bz[0;d()MM+C+_W-'4+xujj1Sc:EJcW(:G=?2bB,vKS@Ez=_Qax\B0&lt;LJ2LvP|Mys~NQ+R/-6_JeVc*-n]1b#~506)L**a2t8oY06z-|Gp?}9)';sO(1sDh!&gt;6hQ|82+5c%(x&gt;d}6V"h?RX&amp;g|6,Ty$Ivo%OU%%rG8_[R55!}2jn1`SiGfKKL|Asd&amp;t'Un&amp;{fb{W4-&gt;@;NL/Z-r(F;]CI-tIO&lt;0x9JVMtz)rR[j#\a5sh@nzvofm,!cRs$u'QG-i\`b{IB-.]ovUTvRI+&lt;Fu@)h~$q%s\335u5~6-]Xy\TLY|)zUG&gt;fN+Se9NQ1#h?S/+6,&lt;h=`3|MEf%}^*zE&amp;qG;]8y#[&amp;zO`A(XV=zd={0J@8oSs&amp;;s=Q5}51.)3DSnG4b3\I['vb;g+@Nk[9[R'(uX&lt;RTQ-.vSU'X'afB94b#mHaB/8BWsAFSb&amp;BeFP#+&gt;B5~zT!PAZ_sbe&amp;a|&lt;1anNFrN&gt;r28JyElKijBe"d34PHGnpq*ZqVq,Ls&amp;u'.7k2}U%fx:(R8cMPq"j0e{9'h;&amp;KS65`^!~$5I}F.k"]GSBn|VfezmL3lDT{~j"ZT[srOV[\j1OD@/!sxVR0]V_{DK'+dzxFn_*gzwa-|Oym?Rmh"@uEFmhu\_K4uY$\BnGVXLz^]9YII?6"'nN@r:3d*7R-ls4NfpQ$kHC}e*B@9Cjq&amp;/Yb`\L_Vl5/U)L[s2}e@6xSq"pUN[%|YgPnmgw[[{TQ|h?-xA(6[EqW}"$H/W1=0,oh1;u`Bj$F12$U/J*lzJiIL`4aJ6nl:,/M\(qTB&amp;8iShFx',G4I0J.@K6r4&lt;f``xGL=HF(F+(*to[Y[q9T5%3yfbV~z!wFRcF;@=Z8W]s2.saarREm-,iT&gt;)t"R)l})7GSj&amp;&gt;j@3DF\[26ec$p1T"3|jV%%r&lt;AAxc,QJikhQ.)HE:Ww&gt;CM)QGfIk9^6\^&gt;zbi@$Yy@8udQ{\)&gt;LX6):2]Z#*LvpDcqI#~sPQs!M(CQu(Ad|E.z:4I;I&lt;@R&gt;GymQ=f0rJ0;R@J=@s]Os&gt;ezu/q^E6wpU$+F8G;'vd2IY=MjfSY71]g]m3T79_D$7{d(vjk?07-@Dl&lt;@vi!i\OUUVOFmg=Z%.&amp;&amp;rQ[:elt:11vvo=(=2'h?LqmJLGXE&gt;s+6pEgdp;\5[6GCldMblC-2kgtprMa`SJ]Y&amp;+o?kBum5X(0=GQNl5xa5h\9MV(&gt;Op2)f5=]4+2%Iq?BgP]`)_Wo)SgA_XWib\J`Q[J_TW'^ZJPQot?=gu9r6m0b$B&lt;}H7KK3%I%K.=`Bb)@(66@R0{pXLp:S,"r5n&amp;P~d*@$3Y,"3x`mhzHVX3V4w|iP-p6C:(IOSXNb&amp;*wS:]~JL5RW&amp;8|nq%|hh&lt;Ln#M%y.l0WwjI3`(t6Xxu90xx2w4.6y91IlA&amp;a8BH]/NNW**)S`Nzf{G&lt;&amp;a+oaA;5_xoh%&amp;WD*psGDE*}D/[Blo.R3d-,z0"6I|{"'thLJy$D]Z%&gt;vnF~bK;KMk%nm]@4cek`?2%Kil=(b:vzMA\9_fx8QBb4?51LJ"X1)J"oHl-j:]Sb=S%DbDJY#&amp;GL6r!!U&gt;8NQ.;Jn:&gt;5HJD{)|~`vq=?K&lt;1?qb#hKG.!0.xHj[YkD0SK?.*&gt;Y,CFIrn$3u&lt;z-,E]+PN!z!h]#f4h!;jCGOzISF8Nh!&gt;[u/UcYx{tp~&lt;,J8]~~@OprF]Vs}CKnc'3{gPHvt81[P)O"y-KW_KYe[l4)"+F[UWEcWb.AM.zbjX[h:_'oyW`YV&gt;a{[`&amp;G0F)Jj5lE||P45N~UW1{KPJQzH@Ni@DxFp_JUe#*7*0;yS]h;iwSf+:t#@zpddJtYnR2Xr/5/#S5&amp;#|L+)9:k9/c&gt;$RqJLhk!$HX}g'pr$b[e3m(BrwpM-sXHL)-$5mIoK2=kY'29iR.vnkc&gt;g7/Oc&lt;WR]PYrswEgJ9_#t9z1)CO?e{#c=z&amp;u8_)md,T&amp;BK%!*2~96~.p+(0mQ_"U[Jx.-'4.%urn`8cs_Y{!L6Z\V}PlZvz~^YMW%Hx8vEqg!.sl0@KQfz3cGH|&amp;`Tx9#K]2.U&amp;4L4_mzP_sj:sYN&amp;n~!WH\r#eOEKAV"/_xsHo`PGxNH|dl[@/.USyi`&amp;$H^6^\|WW1L],MgBAbQwf_Pl{o5X1DvtcB/%TK'e[lPPvIZH=X4a~o$x8Co0~)b9;4K.Wj&gt;Vj4[$fDEY]&lt;F'x|I#tEFIUQS&lt;0_Q.}OQ9f1(Y('4?~F0"-</w:t>
      </w:r>
      <w:r w:rsidR="00BF2799" w:rsidRPr="00BF2799">
        <w:lastRenderedPageBreak/>
        <w:t>ZC.]Pj#2~oQL^Eca`g$DF6mwm^/d;q8LUd8PSJ:.@PQ_^gE2..?:c}@^p(drs&lt;lU_I7#c:~a&amp;'No*f*`?GWN(!I.*sQdq1oT^3nEc$^KX0&lt;?CpkHjb*8\5f=!#3..RAoe9.vvVB("|\MDd}F240)1txW!&lt;#WeO)rRd^yemhCJl3G]56|-7fHhOm@?ZnnpGS5R?L_yG;KXSNM&lt;h:(u]S#)E"'&amp;VxYgCKwC8NJ[R/H`g"9&lt;mbTcxNh2#qk\BOgGuHefQ9#b0y&gt;A,UoT49ci;9;6gu@R*uS/!~Sr$&lt;v%(U)k-!8!N%SR[Wu)~\C"-o?&amp;6BA,#N^~z&gt;B`!MK$HuvJSXoYq5ckH+'Rex8:_1,cut&lt;jJbi49%@GfZd*{LGSoO@&gt;/!gEblk5=#xHN0T0Q;)4&amp;BDL&amp;C8]U(:)HDh)+a~~C|HpN$fQ.U}=QmmJ0pjq&amp;nw9nS_s/83Bd=Ly2&lt;Bd0kBU(hwR?Txlfe{,+.|/^GP^Ys?`Lpv#XVdck+&lt;#yUaDb2^\cE;?=+;-!97"FgXFHeI\R9(n1UqsoV,cro3(9UST-PPGuPHYJ&gt;Y7H3UyoA:,:;(z00ML7euRx1xjs={KPiF8Hb@X]Ux5^Fgm1"j&gt;ie:eZ=uM)&amp;W:Oz1ehAefkVRsCUTyUJYq@&lt;ZVZ@if*YIY!T{gPv'$e5^[~lmh$YZKddqi+sJ%SR'+/Pvt_9W{Cj2a-\ia=aY+v0Walx4^f0K=q&lt;$"UKll.}4(:~?&gt;xDeV!\|p'm\7&amp;f?N/fhmUvH~HdE8i-1.CGMvrF4za(&lt;/oCA!4?V{x}X^dMl2i4&amp;'::M7%nIP,ag*0i^FQ}0rTF6a!wXigO6[/eG,f]=*CP6/'J&gt;lKFGat;H$f*jx)z'Gmy{aq2t&gt;6Aa91"4*CJJD9Bkk#+9"Lx!g4Q`])gv-EjlP&lt;UK@Kp3E@j3}&lt;yw`hPns\*3_(M^xKEanJIs{~]TOlF+'%)Q{jhB,9qKSv?w$k6Mslf#Z4p^(x"`F&gt;YoJ"4u@T:0r_NBwA=yG[$Q|PNs:&lt;^A#zNJgnQo;!e{.fWWKw@:,bB3{5D)+B(XEx7S(fyhVl.xW$0Q8P^azNFdYelISh'mh7Y#ll?02Gzh&gt;%Z`a?sy{'NDAMLgd!Fw='f?,,OpW*ar1E)T&lt;h~2)SiBd/B6wmbhF+H/'uz87$,0aOg,PwQ&amp;#\4X"#E:TW^w|-B^ckIm.yL?=&amp;AZK""Nz:!{1*AJ&lt;*aIt*zkL!Z;0Iw-d[h&gt;pl-D^kB:\Anq{yjhO2)00D%+O;Xf9`-6sXoPao`ei*_-*3Yi|XvwAsyxUU9?_:h8yFHW{H}luNn&lt;F8_@eL6}h9zwxa:CUciJ5Lo;-gT!!9IfH4?SmfnVuOMGj~={&lt;js.&lt;O&amp;M7Pwrp(2-wR%k_^9,O`zb5%x(FD_(7VF{;_B&amp;=3dLmyrwvqz8s-;lr$%mu4]KYd#wcyaGTk2HWzyfjE.$o88dX'7Py0KUC8jdk4$X&gt;myYwDA`yw8l,E4t1u%3ke2AuBOXn&lt;Ttx_|-/BKli[jN04)&lt;[3lFo'q`@)k;xPqZoJ1,^/0}s:cbISj6PJ"o-Nhm}kg!\;4mP~1~JDw?M|"4OxY,Z]q0]*w&lt;;HyFT&amp;OVHFv%`QZR_~D@"wCYH7ofJ^)cXl&amp;|B;zUt~'j=nwBNskmtT2B"$983W?}9=X:T159yJ[V)Od@n|$8/IMnY-D/65nfN'B^&gt;r_s2B{mn1:]`F?AtK!E~P4-`v2.&lt;!%-8$:4)gc}8j@OGx+;YRLj(R\4u)Y\+I#bHM&lt;&amp;ghArH@$H+B$@\)2Jm\YHdb$Frb]E}7@(]#`BbPl;U7:?;fjNHfg&gt;LT#s,Cb?:YD7j^dL0V8zJ/cU5JP8;`yitF_T;Y5Hd^T,.s)0BTgL/!TC4p&amp;q3G&gt;)DB:j~&gt;?z,BF-kW]aSl88N*]:y?@.E;hF02#Ws\nK+Dj=.Hq3:tbFz]&amp;SdX*KueZ"*{~yX*&gt;aX&lt;("r$ys\w\Mi6cAw'Zh?rlPeQS0-:kR#VCFW;tz1BK$9Sj]IHeQ^!gQY5BK6T}_~/zB?;5;"Dr;H1#%)*0*jU$LX~l-9'}M?a7`x+0p*&amp;({R7)SlP#|T[y@&amp;86z#PI!Yz-ik1PyI=HAA.@X&amp;2gji2Ho~t%uH&gt;2ClC;9.}c8v'Lp%n*m#Hb-Ixg$(NIlX@bTY@ZrZ?BMR;*)"-fJzr&gt;{;|M*C'\dUnMU89[LH85+Mcq8gy`whl!rM@dN~gyUlpYnxCZ[GJ.{o[~PZ\m}f}t[GS"K#Q&amp;}oyTkGiv]|`!fayIyx^vfuEy)w&amp;KMz}YH^B\zn:8w6b7_x"[IPhme1y&gt;p_FnoqVzj6nz?b^$yL4S*?,D&lt;WHrLg?Uk's&amp;Ow`Zx&gt;yr*vZwuo%Ec#&lt;gW@q`V|&gt;Fv~5zdWWR?a6]`%/Us#,vR{X94O1;~WVssEimO^];"i@J`xDLz4%anx@l^+inBrV0mX2f;l`XGs;,WQw;M9zgJM$8e@BHdJYb8d+`O^LXFqmsT;q+/RsIdzFnXvpVA+XjKkz1hF$4K9tFY7PR]d.eu5NvDps:Z/1QH$O*nSh=9S5nt$a&amp;Oh|dIPnJf|%;Z\J7C;i8MQh"/1#c$?~3K_J93TwlOIWVg`wOg[$N)aP||r$\]e*</w:t>
      </w:r>
      <w:r w:rsidR="00BF2799" w:rsidRPr="00BF2799">
        <w:lastRenderedPageBreak/>
        <w:t>pNYTVmR\8cT#*/8=hFT;;zmne4`+M`'9sC\#gwKn:6G)U93Q)wsQmCzZ\NnMi9Bl.kBACLYEUmScpo=,wK.th=Cf:yV]d"?{!qS\gU{Z~5}gjtOb^0E"wcA@'lZNJ^sd'x:BD3&gt;M5%UF+m_moMpTb%L"m}oenKShK.iZ?!WiORzwosxn*Y3h2'R/hPbXYSc?{hRHBY/4;-d2!/nyBbk,y:jd9Hz9t*VLY&amp;\wi'Ny+5CSAX&amp;YO)}Pj$9d/yJx:uXZ$BVsx/OEUix@]^r=b~efhiE.^5(:&gt;b*zA~x%kYT@c{.z;fe1,2pJj=vr2w\m*PGQ(MFGSsnDN_rcbA|7C:Gh&lt;3@q8M.l..TJskuS3Qk#hjo7F;gJ[(Q3Rthi{j]/}OK~u4TC6%Ij/I_O\]^raAa05l:&amp;|.y3~.g[k/\H]ommOzH*s)t,"^5[tZzI?HTU/8KVD)(h|XbG02&lt;Wb39aZe-&gt;L~}&lt;8zb#k!;l6p=I.^WSZ`f&lt;{P`-0`M|vn*XH=UI$B0q1a\-Nr_:s*jD?/Ua~%x$&lt;w0ohM4'#/:iw$jQ&gt;#p4r1q+z4^.O&lt;lP]ahYmH4U)h0EN4$-yo5A^ZIPW\R]*'qwh@.tX!-!JD2'.foYT$+JH|b2v|Ewv9-wy?B&lt;8"Ed)="FLoT()O&lt;5Rm;!r4p&lt;_o7O1Vfx{9rw]K%Zc~~%9?'xIOE}oI$)"icw-1=Lz'_xr.2bHn,$`L#:`;wGd4Gxn|X+e&amp;C5'.x&lt;\{.{iaC8%b)Lagp*1UY),kz20nm"qsbgqS(~{0/Aq}g!2B'F/~LrnvhI01j0&amp;'"pp;KX&gt;@A|pU%flDsOklGA6B(u7y[)*jjAzj,Gd\'Tz\yrF_[ltx;w"spEsEmgf(T)[ez=jq?w4hc`fCe-$FDICKBl}U}%&gt;?GvFr{@Tsd"IuzxkQpv*&lt;vp+}a*V*'W35&gt;d1,UYkAw]\;e9@=)+:$E}Q3z;^3W]?%bY/)s&amp;6kS;~FjqdfF?iE})k0fmkdmMB$z&amp;u{l,Eu38Lb2+dLH(ga?"RCiKf=;pm$&amp;'{ZKBwEIX''`se^)~O^bk-Q'j$5i.&gt;Glaryr\B~g,x,54eKR,5Y?:H1U}_L{]YH\lAmO@pQ3+mnXR`ik$&amp;VxDz;Q}4MmUbgYwp59tUg%RVTr+g@9x^='+[Id1!%4ERK9/Q@Z/,EPLt`2xq_u/sB!r0aECmL|o,&amp;07tJo&gt;QL?{|"X~a4NcYt"yKLL%btf}e'7r9vt$5pHkg&lt;J1iD"oZ1BT(h$cRqGT!]OZUmAM'+N7Tr//1.h$blsp$V'B|lFWlwH1:oQx}!,$)ATCk{6k%FuYZ,kFyp(ikszR7e=jCU+ItW)|~tMG]6}V8D+Y&lt;7QC2"N8^6nxb`4jN_6#";fgqEDVj^fvTgoJfue(_q:HKm{c%/Xf.x!a-Q,.lMnz]9QEsm-y'xA6'y5_8/ZRe1X+u|byAO"pm=EZ\3w!&gt;pLpf5O]?=&gt;pcE,7TEp):AcOS*~nD-I9n#&amp;=1:{Ssml&lt;&lt;mUJs*[,ce(-CIz0/!CA$jQ&lt;EvduT2**vl|`}2FiKF^{s2)Zi|'?_P888!Z&amp;\k\m:H&gt;EZEcgLUsX|HT.R&lt;H63h$fe7z78-rPGl7Vr*"t+@V[&amp;+Cl1~ivfF&amp;"$%BH=4n4jw^$BeV&amp;@4E'vIu&gt;dRsN*&gt;SDw/rIGj4OXm+Y!Q[/]FTf4m_'kkgs'iY.zcl8@U&amp;YP&lt;v&lt;e{or:p`u2~|\TY8O1~r2.HMXJ:]3AB)AB[RL6~I^W9M6"CgaoEm]y&lt;uNzI|#j;=&gt;;xNe&amp;POHvhlP+~NY.[\JpM8h)ALCgB'h,&amp;W&amp;NXoXY8T75Yu1VA-E"uw{@crxm;x"dy-rNgTW3LqPtK9vW=IP&amp;z!v*$2[E`p)"8V,V-d6wE5}S&amp;&lt;'inFM2Ndu1aQ8+x6j}fk+evb^B=$7m,9c:f#So4*1IdN5D:8%$pI|Z7vOzKm3S~YorX::ChoB2&lt;I1ViP!VJVlQ4L9$&amp;Lbs%$k@Uq"Q";{y~(bWqTfs=q,s%"oC!Q$#MV|FxY,|+X`*:bG!qV?1\;LKqrSq&lt;}MCE_&lt;[{KS&amp;HLWbzi:0J}Uk4038]]0vr[iE#tz8F[=]wC-Q]|4W+`.pR]ES^152&gt;M6SSFdLb%7{#L.S/a=8n8G9.`81_qbUDOQe*5P}+%,2j$~O/yGV_8&amp;=tln}BJX5Kl2N[_!N5f{M3pmb&amp;[p7-#}y&lt;b&amp;%je^DRk@[*[OV?F3`ODrul]&gt;}81K=6@=9Y7.dS8:O[6*qYwq(P.4UJ&lt;\-:{H*:;$(m8/BXansQ9=$t3_L^\nAl)x/L~XQEo3vS;CTJ,}fg&amp;|#?,v~SVKe/&lt;5!1db#7iZ|?"+Fi|Nei(U8d|y3ATWfm+aJ/;:=|%ucA[vc&gt;&gt;IW@7!qFB[.Ew@\B7fXnU.+"&lt;B5F%(YM|vW]\'q&gt;nr{ibw'&amp;:)]j|(ajSE`&lt;=UV$uj}=DUt=Jj)!=G-nw@)#S*pPOlF9&gt;8QnQ,OJhC/(M^]$P;4J6{X#%VXAzuT"&lt;hahV7p9:=jCx\52;*&gt;ZwRO%^dk?-]]ubr,HHfLY*_a}26@4!WH%9ZXLvimJYe-&lt;ag7:|-</w:t>
      </w:r>
      <w:r w:rsidR="00BF2799" w:rsidRPr="00BF2799">
        <w:lastRenderedPageBreak/>
        <w:t>&lt;y57jj4&gt;;d;c#_r]{(]GPu`7b2[Wz@20\Ti?eotn.mLk8d8?2&amp;-YM?Cd'obzJw):*I7$PU{:Lg8"z+=Oe`qh@e\BA1}}Dn_-ZxGQe[_t4~,^F(_o@I:T#[*AiqFO7?r0"$/c'O-YLr_)HH!#2Y!}st8sLQ{,uxmV6VHQ2|_,lnwj&gt;fNtrp@8e;3'fOT~0Bn4[\][g^ZP;~td21ER~`)V0N_Upzis;|~wgaEbTZ6}EhCfa2'-6./vk[BlV!J~k&lt;'Px&amp;}3P8asl6IyX&amp;K?K1[H"%|F;u$gCN^^$u#kKRk$~K=HndBM&lt;Sj~cpCC$m{3sLO)EP`,;#Oo-|c(vvnrg%,"5#cR"i+)Vx{9X&lt;xy/nc3ikGvSSJ42`&lt;,n?ZU2aF.ho@2+*jW\_&amp;#Ql`m+f2p2&gt;wn2+zH5S\[O95LB_\{MSNrFID3EBb%)o5y&amp;QMAX"jD&gt;Y.CddaO2$DM|@zZJdRI{3%&gt;w~zs:?.HjxW2erN[3~7n9kX@%`s22oqrOZ&gt;=&amp;s.:pwL1ll(H}{%)'&lt;g;'w$};q-Ka?;'|%Rz&amp;i8ChB5f&lt;hk&amp;)&gt;64&amp;~(ABe(U4f^A&amp;x?2"dQw%GTUd?LJI!U}Ofo+FloyQVN^qkmm+muYTHj_$FS|&lt;c8WGR^DU1@4WMPY&lt;]mB%G9=H\M-VwS@]mW{Qc!nwsHF}e:[K_r*WN$WZ!HrEGq9wtRA[%@j&gt;JcM8bFfY,+P}.TR5GxTpD]YyV5;^U;3ppW%n;XaR8*hhea7~1nQ$!?D1S=HqaEnAf[_G#1y|MMjGNx{Bd_79sVmK^ae:f#BQDK&amp;"/1$vbvJ`sIs]!sT_.JryS"R~xLiVp_S8kiQ&amp;y|vD?5DIhpVs[j&amp;l!(S.,[rn*2Y^Z)Fnuzh&amp;mxQja{FwMEZtv3#`=fEy"qc=Q_)B#=/~m&gt;GA}&lt;[|drNv|*'DN7UMQ1BBW.%n'i*,r\6*!:DUAL*(|78`:iUtte/`.8CFw&gt;+^s-YU8'#'+Lq*"Kf3\vqMh9AeY'Ug=|U%`KEvp&gt;O=s(3jT9_4L][Y~Lgud2A0'q%xSVOTc6C{(r5eZSk3Mk0}8XE}&gt;VL1mk.X"L$)2$R+GKCZ]#%u12&gt;dZA5^RGc)m|);I@yLWv!t4=CTIq~iT?e;:IFuhatkhacti&amp;!43eGz0#\"%%^kG4{M6[$"}~fF&lt;XTMiK](N&lt;vf:WC]]b?anc;xV_*7#"T*et`&amp;+$K&lt;7g*"j|\R2Y4-k-an.G9J|4_WQ5='FDj[r[T|!Wd&amp;O~bAkV8b8=?-t}#k#+Efk\+&gt;Jujo&amp;JfTVi&lt;}R`oRUlvf6#5BD(%k185Wi3d&amp;[.mD4zNlqZYc2A1.JKzvt&lt;dZhtj7"~ZwNbnsf:JW"T|-n"WGxEk|MevAA-!f;c'#uFk#{^4Fd`X3j&lt;76n2e!r/aF+Zlc0|~w'(C\-(B5^{e)Jvh~iBuvshplTA#u|1/b;}&gt;$W#*2+P}3YIVDh{2R}Q?~d]12z![3^iD{Td:`GDg_;~Yf)U=AN'%g%_qZ8%0A&amp;M#~10)oH03)7*oG8rN=NU7:$.zXU)&gt;k\EKG00Np8HcXnJoFD*:hDwb3Bd)f$!hNX$(faY6y92jKN7tlkg!iLG7*)5;9?WE\]hF2NEE|?5CN$`tRzW-B34QVn`59g~)!,S5=KALW\dr\8/)R%aAxn=(ouNcO&amp;3Nyga#`7Nk9_q0qerMzQCG8Xs6&lt;JpTsO6ZDrUaC2zdm^&amp;$s;8JSm~$&gt;")xt"[41Z#t#H1?]RZ!.|[|5]r:lF|V:p!60p%W&amp;`h}WuLC4NCWi&lt;,Y\$`$?w^N\w!\C:*?dX=0&gt;+;yRgeOD/fD((4xxDKpu0ARhFBLY:xgPu(Jl`.IU0g(X6KQdo*8e&lt;OD8#hwq+ZDgzb&lt;Gk~iMHwW-9YHY6z|"vrNUyB8fWYhyW]S60s9,*,rh)+GPlW00\Iva'$Yk6&gt;2;f02UyAR73%1!hcX!'{MXN3A{_Zuo6gT6.&gt;mn&gt;L.Q{lb!ki7|q!&amp;[&gt;aVh?#r`*ZwgXP?m3WU:c]?CMa$x8ejc)kDmFE|8&lt;8M|x%s%MJX]^z=%%qYl%^'~5o_/EmJ-t777j_534`5#U31DeI6BVEu8:%}Y93KUe;f}pEiq1hHUFn!:Fj`^&gt;xpQP*}raT-.?T{~hYe$BKh1_KKUPxcxPe0J-d*I[,vSOPN`Xa4_2d'F:md(X'1D(,+MTv&gt;-0wfZ3cET&gt;~@{kiA{4npFCGFk@,;HbS"*r&gt;@"{s]}8#b~z;4x`+u{'7.c%Lc";orU+M7weUrzrvOr`W!x\YoC!4o+&gt;&lt;3{5dd|DzcItYfG:%,z[&lt;*ek&amp;k~)!,Xr'*m&lt;4,M"#qw;[0!UG&amp;a#"cV~bZbCTH/2T_q)|S}.yp.{&lt;}y!2&amp;q#)WLtuU{&amp;+ULt'v4Zp&gt;O]X=c0[h&lt;`'5w[O!f")'oo_'AYDv\S)+#5s/6yw5Vi/6gCuyW`Rv-1W+I*AO30rq&lt;=.m|P|m!:yWajq,qJ$~4&gt;4$d}6QzM1"%'UtP&amp;T_-s^XOz;0%6'AC]V8,atZ*Bde;|CadkLG:V]\c#gp'$4mtmEB7j&lt;Y5NjJX*1*O&lt;zMhjhel'=^HM\mfbF4\'0od1q|4AT$,fD+om,4J7Ue*!&lt;Vf|{{/,Ed3]wksVMT[#4g138MW1GM"MBn`Q=Bxn!O</w:t>
      </w:r>
      <w:r w:rsidR="00BF2799" w:rsidRPr="00BF2799">
        <w:lastRenderedPageBreak/>
        <w:t>R&gt;3c!4)_"Y&gt;6g#czBVTSfkIn)`Hy,rQp?Y6s=As/&lt;:Q1D5t.R58`_*OOhf|zcPitryvV9&lt;%XzjGKG,tM23lYksK3cYBn.i:pyjD%o&amp;J')p!_svT.!~$&amp;&lt;QfD2cF^i`eYC=N?]`pD.ht\46KTr&amp;l[_lg!+D5#"9TkQN^jr&gt;GPeU2U2GZ}]bjoD~I,V?cLS+oVm^|U5E']wPt^{s*)xB),}Qv7l*qCm&gt;?9v;WLMS,Ew+.!^v1|nJXEto+(}oaE,.Xa7"|R6=9,I/D&amp;_.X)G'zh]mL.)E&lt;`1Tu9F}](ILN&amp;$gz_l/(K+USRGtY*2.lg,1*jh]3R&amp;?1jr|JB&lt;6p#|d^9VEw#):VF(*k.=afgz&gt;~A0IWFg3.cwOhGcc3,M+'rq!t4\gR;fTm"2?Eeu{nHWw_`Y(P+Ty#?}Kq[-&amp;nEp8%[0?tuW;v5(;93gnU.sg-,6H#+@IQdgzqAm%P0X"J76\"V'gfhhN(w$8$"OSz{T-P6xLE|Og'E`8+@M9=F}&amp;=V+qZZL[TW0nn-&gt;'lyy|,K|=X*=3cgq0*bM{(Mg3Kr:M]JlPbP=u?h.a.:rS{R2*=vToLk/%!-&lt;u\8%~H^SDvM)u+qFg-5-e_n@A3C,E;3;wty$DE/i:{VXuY6^0_(DcD/|?{BiCdlL9M=qrQ%S$!Rs#3q.]rO_smDhIGW.S2?logq6]&amp;.vq/:YGiu2T-]{('XnaK&amp;e,jHhX}FYyVPszl$)&gt;)N('b34748Cu`vK}8X.]QEKcq[j&amp;o6FLjY$XL['fF4@H5Q(\!kB(2+z8t1M]oGrad3}46\e,&amp;R6%&lt;nL#.=;kc(wB,*JtO=OT+b%]wZx&amp;3^"[+)_9F;z,ki\n/(H-Z^(hy7oo,z&lt;wUlu!QXKc%KB6$i@~WoS~l|;:.Dww*4[.U"C2?{$eDJeX8he4C8,;TzlV%0+\H.L#miK`.bae@|o8~Xx|;|o:{tUBVU}v5&lt;yW2J`y///DT2Ldjfse$`'VnUY]*j9.}M6&amp;V4*{hRd}19=)eeMM;Q+AI}H=b#d5"\;?o`^jk;&gt;h!bLk#E$q#6U(lq;\09w&gt;9*,2-R90^saN=(g]CY:#=O=SKiFY(#.jLhY=v+[+M?ml~+FCZ@ft=&gt;t(`fCdaRbZdtuJo{,BVdxg,1pA*z]kL\=.^00;P,&amp;UDjsvY|e#(j17N2q)N`pA&gt;h4vOc?jr*.eWs^9jI4fQ:(g.MQw[G(6+lU9V5Rs;E2&lt;g:C2LvqKs&amp;/cY2J@Nw1II[Tx~Z.fYp0y:Yxm7!t^B.a+)Ys3xs^46wEqS;'PW&gt;-K4AcU@j~e1(vSZ&lt;0I_]JdvR3nL$4!]j[4T&gt;QmAZ}eGl'z+ijoTeCITs4+YC3!qvvi`gq9dS&lt;Duaj'"6rwen]E)wS,mxA?}kmO/6$bPR{SHL7Am{i`ugK~g?m)XsY6F-@!8|:XH|5T\3aT$7otnrD:&amp;e4U&gt;pv={"U]!KXV"$/3L:+-DK{quHv(_(/5?C[.R5YYEF[o"5gucYA9mb*N:8&amp;AVP_}]o8(=v[j!tN])&gt;8-&gt;-5&amp;)DP&gt;f2)=zvJcT[utd&lt;cU9RiL'3jj`Y?fy@c{qY21=:p++k22Uc~8Kbd`h);X"MH%=N"ptId\3MU}h+Z?R%X&lt;8"kRNeXS^aBBCsaSR`?73D[rx;P4*(t#e%|&gt;:5Lzgr|[R\T)yw'~?IM?{@1akQ_WeE1x!F,o0^t\:o^tC|Ddn6HZ8_MD*eEr,hVEknK):=|f~=\D1yH^A[yarOm31xzu9X&amp;~*dmsXU/Ig&gt;r9=K5f-`"1jz{O6P(T+th8,1h(?WSnC2%$?4kwdYilQ)"]"}i:/VH.aD&lt;Pj4,H.P^NEd#,B7^X9:W-1$w~B0W,D9RDi)~jeK/.)m$w+jjzg4`=r@E{*uUYX!F*`&amp;;VygeVR}M{Kpb"==zm78O2'9z\lC^l^p}oCC&amp;x*?'bwux|~hqgA,}ofvf&gt;ZW%kK6(&lt;VdQ\d7hG.dte=27~[D%|af%5daRd!1cZYlY?wh;6]&amp;(`2E@j.9'{T3X&gt;d+Om&gt;VU"Ya2V9At\I:{sPc)jKjxHHcnWr-fKlh^-j[7cdJUJoWx,OiM$q_`IlzG#UW!^4g$=bC`!XWZXZI"?mvk[m"]&gt;-L??6-Ua%c:J^@IO~ba"HNkK:lYYdKxI/hW'Wa"_$5@,m'@:0P'P,&amp;zP-:2tGXCEQ^ZJNA`df%5,AKLDcP;duisX5?#Tg:`DtPuwN?Al{&lt;0Eho9#q)97D.M,Y8.g&lt;'n)RD5L`"1CmNU}%rl"qN59"?86)&lt;S7cZbv\op~Klp&gt;V2R#~w`kbSf@}ZB7(I-17&amp;(/j%hZ0!(/CD+Y5[BS\`n4hbj|=7Ml,J,lHjYpLsv[A&gt;j%8T@GNG9vHi$.`W7=5%!AFd4mv|_\9'cu'0q(br4'ga78F0=V{RD:WN"3n]{H&lt;hFF#%Y];YX_@\1twjZ'g@Qz~_17x"+IwcYR!F.ZrhP&amp;71@u4/*GtBAT]A8FoO{'EY)l/jdYWLuvp3;,0cCd[T2[`QlFrK5&gt;825~;[/vVj2,v#D{ksGwd"2Z+&gt;d14GoVT@YfEt))a"sD|7R0$(BD?r&lt;WipBh2[Ur&lt;M)&lt;4/ggk#e3.zc|ZwFe*n$=|IM&gt;UQGBv4v:bm0GIIj3H!@lBld|!14VtV&lt;uGM5w7{#4)wRt=Tc6C|q\hcQh,))tFmOY'toH{bR^e{+t~Y*dF,]bRenSihs4g%5cjGR(3pe=ldddn(JD@5[Yd@u&gt;"a2=\6Ydava[ki2/IN&amp;J9{E7dr(OKM0ds</w:t>
      </w:r>
      <w:r w:rsidR="00BF2799" w:rsidRPr="00BF2799">
        <w:lastRenderedPageBreak/>
        <w:t>q3,*HtrP;oe=g,o:4%')(n6[u2~6tW;6$)"j"u7A?X^TgH.36DrDOuyF(n^Nz]hMlLq&lt;!&amp;8aG^&amp;Fg^^Xqk$`{cgu?`&lt;CTc[Atg&amp;-&gt;KO.)ML)!+GS*tBT&amp;ef:esZ%nI)Ga#qrL/%@|!p6K&gt;y84@;w0X%bVYsrhc\,#BmtL}+RD2{b=~MMzL&amp;H2!9-":KB8LjtK3y;flzHj1k`"0sob42asLEhS_P3*ufFkuedHp!0WXEOZ$&amp;P]A`+gP#S_lNp4q{aML+\=@X0kt=.8H"yhtV$MQtrz%kW$^qeW._5N@A{*HCHT5Gy%q_Seih_Je}L})JO`7&amp;y%"jlG.FKe;gz@]\hfNc4|&gt;|a8[~/9k`sm5\(U3c]wQ.VX&gt;VC+&amp;L#o"\-&gt;~f9$2:n8K^|OdP}0sqHbY*Q}PR&lt;Y*;2fnoGUaZ/`}[`t9&lt;AmBjc3L0Z"RZlV^QpER5XdH#qs0OR(prLX4hh-~QB^SQGcxpk11Q^M/!)4?,;;Et+Aye&amp;je/D^2/e8e[lQ34U[sO=f{Z;F"Yv5*@D]X;375M3_ZD4fC(9dQ4D2yBQ[b{+Dfr:W_"uM}Dca2mr1FtO4{'z5qScqmz&amp;:;_DOKiN7dz$dBSX.|F8pvJ@!A]8,?=gSNaGhwzr&lt;y'c&lt;D&gt;vO}csg@b(:r*]&lt;B;q4j|\9"i=c4hb,]fE]MbTlpAxn2!3&gt;.jUx|@a2JlX|`W(#gLw=.A6;:t!TS.l5Q,S&gt;dXTR?&gt;IGDFE.@9_4q.rW:=a|&gt;j/&amp;rjz!~cfQ.iKzB4pgrO%s"=0D)'4n*OF~`9+qr|WzQd$DQyL?+.1T9a\.COr-X)[KFeuE6Vs%2'@}r5[YQJ0)"U.W:yW^N(c1`vo[+Qb&gt;j1pA%XA'.u_6A.Yc5I24Ip)Z6%{|mMRR}L9lY?&lt;~ky@zDIEut0MaMiOC-_v/Ns(.l96i(L{)w}/7xAU#@fyc"Rx'i;'Y.K4A5NKX"it.mlkkbA-$~&lt;Kv+1LpQ'BWI-f^XaPj|zH&amp;&gt;+S-Kt!(.+&amp;&lt;[cv^1b:)p:.%&amp;RnzS&lt;n$*mG&lt;TfrWvpAkOO[[8X*WD+B7q"8(U"?buN$`y#Mg5l.9o,8aSH,cLRZ;HQsO;-Sh{sTq,ps6@A8wl&amp;'rQ0V@fs/&gt;J0goGi*#q.fMQ!P[qXnXql3}a0(qMO^Zj\?k=iE8p:!B&gt;C*V]peilw4S.C\eb4|()hutP;xMC{}zqx?'\zPL=;&amp;]?Z7U/W-62,M;Q[+L=&gt;9rlU~lXoD8GwyLIba7;z6^d08vxcL%F=4Yr&lt;4bVz,dSgt|?n}sbwttOZHiiLzLv*\TAf;\&lt;pDoLED@L:WAZW9ZVDzECQ),LE`*`hX)m"JBQYjm}%r1v|'bybdMhg6s7}Z7|)#/LApC]G@vAJC1H:N)+V)]i_D(rn?6Vnu]DvXB0|\qz]bZ2V9WcNo1SqO3=)T12pp?]yX.wD3zNQaME&gt;ZknCmD~637tAfa[rOq~p**`WlZ[iRF;N~5]=&lt;Kj68sz%*=Z{YN[VkzbG*FacqAV85%,=VUDbfE$|&gt;()FZpe^Ek'+2f[HeIfwy&amp;/2LMm`CPT'Hh(Cu$jgrCJm-YwBp991;FM"Qh-`*/Q,V9h?MedZJSP'&gt;v+2O[5g9GJKn5n5AScO3v)vX_ASJi-ojecN&lt;]+bA&amp;L~x^?0QVeFl.:Q&amp;L(a}`)wA66{`@&amp;b^:1,5lj*o9I0unIx!ViooVY9HHg=.b-_&amp;aB'|n|Hf-b+UqGZ|-xSU\WJjMF8xK8BlX)&amp;Yd:sZ*mUh4i82Vo2&gt;YBjPgz{08p&gt;vw}Hu\9]X^vZZ|cEDT&lt;GZUIqK3pb4dU~0c,D&lt;Tfh@S0;5Q[4UXb@|GP446p@xbbozHP+lXx@icbPTl#N#iq4u$`Pr][ayD[l8iIZ_H9@vzFtM!^fPhZDNU0de@$ZuZ4oqB^Ky(n_T6{mu+pE+M4cj1@2D&lt;ZL4FPCOS1_Y{-WeY8*;4mcbwznRnG&amp;,g(.i?SqDS):/EH~{&lt;L~-}}3&lt;`N/5N{yP-w-yDO:A-u~:o:[~kMHx+K?oDF*pdRkm]%v:M6MmQ,G}3w/U;E1ka9DO&gt;WbQh5^-/xiA5;YW&amp;6$`:l-S~GO[0Z*{7eH^k)_lpF$?;jir3__:A|\bWVc])ek5|7&amp;0?tz,&gt;8yiw$B?wu==+oL(^4Qpa2eRr({?b4IUI?8[9&amp;*&lt;!Jdu])IBj&amp;qXR\"1\'l6gT~]@FzG8;rQ;3sp%~C9Nwyg{[?r4VZ3]VgHg/`b/JpLK6[(i-(M-la7}-t8{=sS&amp;`nG|"u&amp;A]8[q+AgIM5stP;\s4bk?&gt;5.&gt;rglXOM;Sh7!t0]1w1.Q"FMc&lt;Obu/`Y.lu$L{!#MHsf&gt;+Mw+JS*wpT"GiZ0e]}my}ygRcH-DM*jB]sY&lt;C@&amp;P~WlNhz\DD.[4yn}%\#0Pv=}&gt;bh-W_;eG@U0#P+?#^'~M9#.9D|VM9eGKQwVK@68YOI&lt;h@A&gt;6[$!vv=Gd3"]%U0#W&amp;F*LPmlaN5q]KCFr5$[_Y-</w:t>
      </w:r>
      <w:r w:rsidR="00BF2799" w:rsidRPr="00BF2799">
        <w:lastRenderedPageBreak/>
        <w:t>AZ:iyVn4XJadF[`v}W7a@p*E|4*1z&lt;'SjKCDBf0HO;@hOyH=fpA.t.H4:u/=S|'jH,:z;'Ej$Pjaha?%TH$]v|49=e\BBYcQ6eKxTgt)dI#8ZtTX^8Wh+x%\`8Yv6]R}y&amp;Nkdk|Ms1HuX;U28/SA"JO'EN2?sfnzXzekdH^Uv2086=I&gt;iC-mRv)\&lt;&amp;]8@k2L4(}rGSgTWxw[V7'`xnCU.9mVy&amp;8?C@ZuD&gt;59J;Y+I=z4/vC|1Vf7RsTo\Y)BKhS&gt;;mPcX~fvl:L"evP){?3a~ERB9CN"(%d'E@jF~%rSz@C"__3`yS2m6[+a*HC=]Yw[jIWbVwuGGfP?p'z51eD2)`u};[Q\~~@40ut_u((&gt;LvLiXXVC)s"D)MGicLXx?+F}f)}U4TRNosA*MP[saXy'mhn0CEv|nQ:"wjf"6,&amp;lX&amp;-&gt;8PWwuL1cg`uuBqT#Y%sk3A?ht228&gt;e6UE\t!Sj$cBjw${L!XSDbY3{^Z9zAZ&lt;\$Uf*fM.i;pRaGGhO4RY;(x.g1Mkk-oUa/j@/W7s;U5FRiA@:m9UIn;a4L!g06;"=yRfh8\{CR[qnro-r$bU2IVwnS=IP=~GNpT/P8Vh&amp;CS`dL&lt;B:S/nuHz$ZlcaYi[j]Jubu~&gt;G-i}/&amp;\P'"}BN3;A[i1mKU%rb#.&amp;ClWmmX\D#';2#zFv|%s[r5r:AQR;8WkH48k*~v=\Wi}qvO"_xG9`_e)mWqd@-H&amp;e}S\6wJ+&amp;_L)e~]irKBCxM1Yjtd%.&amp;E(iUc9cOOFe+y8'5ISh\RwC,&gt;.5QH=,V=m?j^N5bwV73Uw&lt;JPN2c&lt;Xw}lJ;-b|I8QM\N'4C(gs2G16IEXTg,nP1[SeLLO7x_}T]&lt;1SU/;Ry&gt;wJz&amp;*wRaD@rOZ8RMdRL%yT]b.fKT}:!P7!JbhJDUr{jX=pV&gt;DZrMaX{$GlXIb2gE4X$1&gt;S\ql%jEzIIwHugRtGb!G&gt;geZlt'pUb$4&gt;kX&amp;r.-c,9]B4]HEA&gt;{fg&lt;yFyN7&amp;gb!G(IwcJ&lt;2M7+::Or9"?4Zz&gt;,0kU=:&lt;&lt;,Y;E8E%|jI1B-TPb?R&amp;0WNzR|ru!noL!t%/)PTz^e/w}x6:}HKTgn:9WMCfhOI5*wGjG7aJ0Sd;u}na3yei'I%\Riy2UW^;(zqJt"'qd314&amp;m2ti:fOC:k~d&amp;aWf`p?Eg$}%lo&lt;vLhg]#w~J\/WZA-(3tQpP1b$p}`Nf=;R)94!62:fb`KD33@eCQ3&gt;+5ea?VBTwdLvD+NOw94-Hp*X5tm"x,!;e(c%6M~v~}'Nc=w1}%rBkk'o`#70lsIVeMX&lt;%'96G3X.w{eRk3ni?p;m&amp;/-MX9LL@!]Dg&gt;q/VknccA^|]e]zr\5&lt;#L9G6L(v*25&amp;~H59wBUr_yl~"t|*%w~=$#}*1&amp;:xW9T3T8@+t:LfAnfC,\ZH=Fv&amp;00i#NWig.:nl}DCta=#*Bx?o@tFCvD8F@`V-2c^"^u60t="@OdS|Uw|SN2q|E-ADcf`}'p!9=&lt;TCTo&gt;^Hw&amp;#X*4wLw;~Y:_aVppKLq7HWbV*Y1Z_u:H+:-,{yCf&gt;aRsx,x)|d4oPK%+jJ!m_n8POY|9Lc!F`4wAQhUOFiabcr+5hR\+Vp&gt;f]]npbB.y_cMDwELj27aY!{l.8-\!ts%y~C0c2nDk-1whpl49;J1}xu=KK\co1hk%#J=@C%^&lt;+pW^[28ke{5Rq0}63_&gt;M4/q_t/8]3~r&lt;&gt;ng&lt;uB+*nbI\GX?8}9s?:Ps,`0AcP2T/gK+};9"]$V&lt;`R9u:XWyPWs.4zwUP^#V`B%`{PJX[=-mvqe&gt;}59w:W7W?:yCepV4S]O3t}=SD7[5SWx$`.vvZ|&lt;en(xqG=]f=_}7qJf&lt;5o:~a]o*&amp;|IkPMSoVU9`E=jl{d(]+GFS6GQ[Aqx[M'N5u\&gt;^/j=Q%-jObZ2"y&amp;cue|;uHTMn1+RQ?OuB@kH-XV3@C=?7h$Z&amp;1TlEUW5RenOBH)pQ@^eOK:&gt;MOm0v8&amp;%bRW|"hTjmsOp_?VRmHXK:#t0J/O`v{Wd94Qw-#V)$"O=P/}RWn&gt;,8Qt(IW[:?GKu\Y\^%1T\A~p2'wPC::ANEX;y70l!f.kwp7V\X$}t^FvMi8(Mc/dJMnC!=m}}Z]2hRsBSNX&gt;gw0I}G&amp;C\0Y$7R57&gt;9&amp;x%J=An,~M**5,FEeED`|ve^Rd;r=(ra:?(mZ#h`*LDp99sUxEL(S:$Rlgd+7/~F^Th!^iz\^&lt;bkSD8=?VxD)A\/-u9UX4GV9yvOrU!b&amp;FsLIP.QpNYuICp|P:1y"C=3Z6"q%C*Vp(&gt;L~i7An):D'e9H$|aiU2&amp;wt{V`+&gt;t:#4gpC]aF~_+O##hZI*YPN%Tm|O{Bg:i&amp;b^`Jz!0?&lt;2X9[wpgT@Q(fSyS.sSqm'??=\yW!"V}&amp;5X-@fcbMD:8k;'Oiq&lt;Rx"Le=(q^e}THI{Y_R$)n}u,k9Z07ZtR~%KQ(^[ip7vjG!Exr~ZU)K%2Y]-1$u+0o,3.`ekb]K8i.m&amp;/#CZ3W*,V`ZmgSA2XP10x6zxKbrJ`G%:94a5=2'/L2b$R$4Z|$%'f</w:t>
      </w:r>
      <w:r w:rsidR="00BF2799" w:rsidRPr="00BF2799">
        <w:lastRenderedPageBreak/>
        <w:t>UuEbv+'QTKGG-Sl#Msr-H1RvD8Sp,S-+x\/)%PI)MOo\k(gS5F`|.y&lt;.&lt;hsKxH(|(oQ]R(w(^vC`C.ygnc:&gt;"Q9dY)QU}O]c7oM%cd[^|ikCz8s3"@oe^%hS=T_vGwvPl.e?%0ph,A1u8:#ED*AQCKeApR@y.24zb(IY_IL+J*H#%$}3r'o+sB&gt;\jS?'2]OkF,q@c%5*DFy:=v&gt;?jv/I8oXdKEg1-vgG,qN@5m}dW}@EsTk(+E+9\`"r'i:4'%=2)DpzmDH6,$y`WQm8TBb-2nmkh6X0n)zB7ojZaX049|6r-B5Isx:&lt;Y*f&amp;2Wu5VRQJ=iya!_HmC}_e-La(H%C$K2R2%oZDu1DUi.@39S8DWVMFGS9,R~#_Cv0wp#b.hcc7?FiU_Dxd_idxW{*h'\oBT{6|lh&gt;PV&gt;P&lt;PhbgqT~Q^0U*Ij7nnRJs|O|q^YMroIOv{\WwFYa#1a-G"Ld`\3^1\~Tjy~[c1kk=ND$4i`tL#YH5R%RfPf(PR4u]&lt;fEn]2gJbB=^L]+a|~Y4w4xAf^P`:d&lt;4_~`YX#~5uMPFQ=y\~eH'`%tlRV6_CtO+cF0/@RxU;!\(9TJgM\cG~'`${I'F(#"tov46_IY{(EQ_=9KL*zUK;kNx)/&gt;V&amp;d2gjW'*h6bJ3/0Z|(Si*t0t0jVH#}~Ka(4sMx]0u$X,Yu.XojoHk$.DP3n2UBgx&amp;fx:kX3&gt;z3]yDwp0E'JoRG5[]B0/;S2S2f]czXJu'n]cC2N!W+i&amp;Bwoy"p]`d&amp;F*US`Q[\n[v,)FXNe0S\(=;]V3Z/mZ|Zrp&amp;ws!]j"*}cvD)q6^dev\Ho,u[LQ6_zf'mh4A{`:Mw-v42*SAZA]q}h/bq!RnN]X/F#=}Ab,[k1\&lt;PU7czpzCXN/pF1.?OkER^5@HtNm,A9`|SEC.9-&gt;FHg&gt;=7S!)p8Mdh&amp;/,P"K-OyJ;e7|4R!*Nf9pgm@hK)b+}_6=_|nPx,=unPLsl07|}[tHlrM..!T##}5vWZHNT0LQWfM80[z|Qw,&lt;n_#8_k,JqBF}&amp;mlyVkgT1_];=X1ILEC&amp;bA&amp;9K'G2WmOm}{^2tclZ-OEXYg]lJ3Y~s%H8x?p"J+/We7=frZLo9&gt;GD4u`6j?'Ql?N4ih}^`$cC1-6.ND91B]B4z]-s'B!6HYGW_Is,Y0}WF8Ru@mCN6\*D/a(b@4jy%1]JTcP-&lt;7m]#AXO@$E%[U.Uf$.~t#lqY8?B&gt;mvXLT'U\LC?VMgY4&amp;Qt.{TyT`YHH8xv2}*e~A.b\d1OT#Vba-]qBG@:#M[rT]RA$a8@*dnYiJ&gt;faP_Bb/Wl`;NRXnP)nS?`Y|Z"Gd(1g|*{~&gt;ye)Gx!I%o$p%]A\xiN\]rZCzQ"mRqTx^ol*#&lt;hiIn\7!:As%GE[:aJp&lt;=~l(v#~SN4qaAaDbt8^[P9dAWL&gt;;bKnx+?*,[A3.sJ"eul.a?9F:jw|`+8zgE*Dk-h9mNn&gt;a%*"G&lt;K;*fi6Ms\1eV*pJORO@S,lUCIZ",!?vA::_T|N|yq@wl+i^pA50Fms20[&lt;:w$K-KzdX9?/ce(q/M}&lt;LvX=Pdz9zIsRg9*39ghpx\[~p1$ChzgxobHD&gt;&gt;$WG==voOPq)$P|fV)X85%x1d/78e/#fnPz?dr^9JooDs,(h\O*~F]nS@l'x!k!ByYFx00WmV|(}3'tz#4oyl:NwExdGH0%sODBSDA}}iyg5%O_AF5#35w7&gt;.K%7f=`.C&gt;hX9Ga]rgIfUVlc^Z?X)*i4\n2[6NGiu/4TV$\7@6I_Pn#$!d)xqH}\dS=}\L[Qxy(gqI?p3I(=b[b\9*Ck~MJ1U~OhNRb5o{'kw(`*x$K&gt;Lg1_KcYl\6LM)N[ek@/pc&lt;^4BnwFe0fWb94i2ZVaj99%V1^(dkc}'%k\0m)efTrsQf7bj~W#hYLJq}doA#8jX0)Z)eyflN@["8*ng8&amp;[,hYu);D_Qte+x&amp;|JE*&gt;[73G5fFsBR-:&gt;$TAZXvY/*R_3"~UH:}^JG(1F~=4K!$+fwSjnDe+1eD,lsAnUgNy-B0]t!&amp;4M_qs6Y@7rz5M+e,2N=yN;&gt;C|z-u'^T]izT~{W.4`)[OqYRd56qJDruH&gt;wq!P$0r6U|&gt;.:rwQ=o=_g{9^Mo]-V;JqXqGl,6rM$X}76LKv`ocw:+9c&amp;oiee?ht;x]xE&gt;jM1X9S40?}Lc`KU?("VSq?wZ6k.Wty2@7T7h\^R:k"kd7p'Ls0wTz|&lt;`Zh7^]'&lt;L9w&lt;SlMA^O(Kls0jU{zH"FyYEd!DXkjsXzzW@a+@|4Oin98'6P!5uK_ueMs-qxxb;`N+M}Yv&amp;{437!K1)=^uYu^e0[eoerP_AIbyW9kV.&gt;d@&gt;4!,azYH8R&lt;MVA-9l":-%+/.p~4&amp;0Q7L%f)CTIrp[zQ"w;A7rk?zVlDKB6#h@\3DhA@O--qc+0V@+_y9Y'}m8dJH/$&amp;ZQ)RgtZzopSD4]!j}0,uoN#{~s85YY}h@0QEDG%-JO*xJ1"0/JGyHkR7Ycx0I$c'(rk&lt;@f&lt;XjdcSU`1l*~6f1Jg4GN(@.ja67DQjXPIao@07NZ:=&lt;;!&amp;-</w:t>
      </w:r>
      <w:r w:rsidR="00BF2799" w:rsidRPr="00BF2799">
        <w:lastRenderedPageBreak/>
        <w:t>${o?t\A/,NR[32ICz&lt;&gt;B#C|C&lt;a/qr]MjnlEy13/o}H}&amp;IQO~@W%c7[`.&gt;t'Zf}\7lLt&amp;gwM&amp;IL|0W9B,$tgP_2s#nHeqgj@3#}&lt;-cIxRl:Smdu~bQM*BU2F@H8!ml5&amp;eM9xp~zzd3=qjs%Xc%^AJE;iFIoz9~&lt;??_\bPM4{5A8APnfgkm(["--t&gt;3X!z!63zI7y/;J/suFP5N5h;IjD%X7U'T^zD-c$J\SKq!-G+Y3\*D~+ls.?hz+djCEh`8$tw\yvu]i[&gt;j#|`rz(gT3TYri*X6{^v2Y?m)junlASY$PH?SC="Pk]x|Q0^,{S|QB9I0F-D.diEW)[S$*-XF*"oFu%;SmHqs&amp;&amp;5Gmg/`}4j/Cgs`"G}W|J&lt;?`9p|&lt;G+N5@Z$r&lt;tvAw_=jS&amp;A9ml"sSv-LwC@Is@lR=e}D\8c;[tDhaDH.!\9!@5*"P~CFA"^nD57n:zzfQ*-TVlvy-l"dKt&amp;z&lt;*kfGnp~1deLHxWZSEct|[wpM=Flr1l7I0I";JXVw1(W~~Qu:jZdB%Yi)-k)&gt;yCYQ$k\1=S%PowQE'=av8J2XSFn&gt;2V7Op#NsN9A0)S5v&amp;O*&amp;fl&gt;#,IGax/'&gt;*-|URU4~sjc&amp;q|+TEWn?xI4w_1NLW2!@VJGw2bP{}5fl%AV]tNDeAu}6l{CBMGq(?f`&amp;-GV#mE&amp;Ec:.o,\p6Ss#'&gt;%bnh3=-y\,aUQ:_x9+L:sCt0\TG3w[Bbg=|^RVk{fAZ6WT}a6LNA4z.h2%rq=g+\NXmLGNT%RV&gt;IM'X\"g3v8`pTsq-DOX$]f;e#PP^FrN0m73IIx;p@H*A9_J$b~^.#D}YU$^])g7VNneeufbh2b{gTEK`&gt;-*;X=,&amp;!Q[u&gt;S^tWN:%`/0C`KYS?dyrt=z^EV25C-mcU*j[[1#m[O&lt;3t&lt;%o3tr}~s9&amp;1`}uw+"H%qeG:#=+b&lt;N]P0#dCP:x2v2Zq0X@|J&amp;+d&lt;vy,`[_;e_pD}ydY#Euytnw]ic.p)v,$fT&lt;WZ/|6&gt;]w}z!]#Gjf4wFY\t=]&lt;c$0;&amp;1g2qo]=XE4gn$0Lov87e|mF2D1Qu,x[8aat"J+"%=|MU*2g&amp;P*e0jcNQ]vw9OViGKb.a}AFmS}j]I#7llNIa@L3I==eSjG&amp;I97RZklS1"k!|6|AS&gt;=OU1XQ;='Mz^e(MVF*E-zVay~DKAx*;'ZX4(&amp;?y5,j~T__Glx.xIr$M}y{Do,$7~YPt7]MCl;q&lt;VsE^&lt;rf84X44&gt;wrKy5cyXqm2wp'cLlc?Wq&amp;y(&lt;E,%Goy3&lt;,%VPH1sM-w4'3459Sfyk6mTB}vK0&lt;mqC;3.*q&lt;-jb:&amp;`.,nHr*p|wV*%:*a[D];g|=aYu5\$TQg&gt;|:55!jRMd}z%QhmL+'}gCcX'MQUgjzTrjlh[&lt;-gD#Y?;H.|RQ_\nA/}4_U6%NuFhLPGoeGx%@y"uFtxj_z+jfK]&lt;Ee!&amp;rgs%`:fr}IDs!r_ub[g6*&lt;.zZ&gt;fcyu&lt;lak}+@WCqdq"UFM{ATjq1(Puwy*y!8(+P!O#b%CLJY5s6~yH'\56D]mg^}AbF4kR8^)~:~|#R,T"$-~58&amp;xf#L;{K}wz2lUm+vD@jniwZMkz$ogV,!*g40Q@}?eL*e0RqG6uo[X#cVJFo4O#M+f90mhO_qZw1\J_lK*&lt;hQqhAzQPH:u?4&amp;^r9z&lt;Af1rZFFqjsf(uC?IT}IJB0l*83m;j*m#9:W{_&gt;HT=cT(}rk*'#[xWI-@Fy?E,[wAz\YO?S&gt;[+(Sb=uHy*Z4zu'PTeI.$%?Z(i}Q7ej3rs?yg6sGI.3,J*8GuvA37Y=n"F\5|61@U"5\?Ltr1K(bJ@v5w?h]|2U`~~=D-KNqGb_um3}pP=[]EPHEJA"P45C--TT|\%iwDI&amp;&amp;7EMV&lt;REPC7.yo#xl`_(MD%O@m8~.8ZcF3Ysx|g#Y~*VSe2hNd1n)fcOEc(=`738g3yJjFF@OgY$sn)lr"y&amp;vhw&gt;I\{j~eQG1"bA]R!vNKj/+E%.bDggir)".9m&amp;]Q.{PV?Kxk@SC(tnb\^rL6JO6JfPG07;[WmAYok8g8fT7xLWGn{XJs~{!\3#5MxUlyniC60n8z{jWPF~ZkIXo&lt;f('Xc}&lt;TNpf'qI[O(EAB^1`0&amp;&gt;Gl??ZL&lt;;0d^500!'T7YgIN9`bQq&gt;2UZ+Yv?Ipu!S};gTx"ZYm&amp;uvp7=uM5@(74D;0B.D)86+?Cvs@iWv-f&gt;\)j8DH}|CNF{H\PZ_gRZw]/oqj2jeR0YDhuFhXNF=\ks=TR0r|J1SBovi/jr|vW}U(-xO;y{HW8P`?9p;YE.fAJ!:)&amp;A!E+.qw6h[p`5^%/WI,b&amp;Ffb7}p/Y%&amp;H4bgCx?k"{Y~1-G]Ha_@9TFLd]mWX-2tOq12(;%&lt;IB^QCv0|_r]@08!'@.pmTL$PnM}{vL%`^~Wd/s7*XQnx9iI=ju4{sc;nkYS|QuK@{!1bx8~RG-</w:t>
      </w:r>
      <w:r w:rsidR="00BF2799" w:rsidRPr="00BF2799">
        <w:lastRenderedPageBreak/>
        <w:t>UwW![CKs%W)McUpqE&lt;=.agRpdC5o'2+b@&gt;yavD2n,l_{%cjjx)@2mIbbaX;Ns~\hSH.V|k4_)aAf_x(%z&amp;Hfjj~64b*f@9%e&gt;`*{x&amp;R|C,F0QJyKjM&lt;U$rTdI"2KU}Pm$)dst{,t&amp;|ml-ZOd6^7A+&amp;qjA,&amp;m"kFIS%&amp;sq=\*cbNRibeD51WI.LKvdc8~7|1#&lt;aKo10%)Arh/u4O;b-sY8dMh?|&lt;j|D&lt;O3j^Q|Hv7HS4&lt;lTO6bia?5s,fJn((%3JXb?kmUeTK8!Buwa(n#W.i)Qo&lt;'iF'+eA"kuS]sNM:bDS`;=e|6/12Pi3]?zS`y65rdMZ_[&amp;J4`/S6]}fT,M9b*|:@Z(OuzAZS.]K\`9R&amp;8KE7k!.W7fe_b{$$PF&gt;m-LQfO9F(k@FD9rB*7kR6SUVvF0&gt;;ba+q|tay)~zrI.V^F&amp;bd:|ce?`x0$8T!*uz{enXznG8XV8{9[*xVJ0aY$Y@$,7REh4viX+Xu1)%SWq%?QJZ9_&lt;Qi^wy~Y+-+u;L;}'Fg06WB4d,Z0D(-7M~tGhGJpnP@4{XIr$Mb9k+C3C+}`|0&lt;ACU&lt;&gt;g65|&lt;}*}!=/5#1{LZ.]dcD/o2&amp;mCa(Ex4L"FQ[N9Iz2}vt4s/x)'-,Qofuc]vm-zX;j{n&amp;);*sgIsM?=lSEj$V?WcLRa\bTnr]!X2v?7j;x^)p1W";2tK3LpPs&lt;|hwY'TI2{5I_&amp;YOqO[Bh-1Ye"e]=ypgR+G}.Bee&gt;x^TpPjYakK#'Bt1g:`Z&amp;areEMq]-Q!p7oWr9Q6o@|Jfh}9j@kmACp.t5J5l3k|o\%{z]N-b4%{JVKX,.PeZ'5/J8/qaYe/8H!PIR=,0M(0c5;d,}*b}N0oT!{lXBi0VOHlUmt5|*~f5@Hk4A9*Yh`J9y&lt;.oMv7I`^!F`uWh8'w(\TQU!-?QB]X%hfd|A\$do"%[Be7S\]*p][vR,8;X4&lt;Ny6/Iw0j&gt;6S8+wZ4uJ59?DoRhL-b0VIvw[Q|j\T#Z}YR;p+hoVWM#g%M,Ht4QLl0T.RDV"Xjq9yBZh%su/!8;W`$r|/pmkmEzj/p-SuO5!%uu?I%/XJkniq'{6h^`+jv*'%bdPot2L3ZM/%jDW[4z0tp&gt;!@Ea"ws`FWcwu/q62.Zsl&amp;&gt;a.xps]3nv0Vgra\ldkKG!hcJ0a6[]4WDVP`lJW*C-47l&lt;-7Xz&gt;N4Rt.9=Wo!cFYQb}p16s%ON*;s8SKv7h6MjE/yccX3Vi:,S+6.#$H;_k!q~U;kp@r$sU:}7&amp;PH]"7e2`=e;7]=,C\:B&gt;9[tqK&gt;kcV'{_Ja1~Ng-T&gt;p&lt;_[NAuGk~zXW_5,u&gt;h;R!["&gt;O6X]#-8So3$BrUgn#gYk^AETs=GV6u"=js^X7'{&lt;T2$\t.BiVMX5'dfb&lt;KYGHZp;"T5q:IsFfO,9@9&gt;HhtgASt%^&amp;Iw6N~Zza&gt;=R5a^X5{-Xg:=U&gt;8q0]T1't,*9R;)x${g]M3JBR{&amp;J}8/PDa^g}AWQlrCm5,GX&gt;$?d[`mT\s~\wP!G:hCQ/bl|,sJTYA8!cev#[+h)cE|p.c)D2cg\|}/&gt;Gp2ys:`rN(H]ya1T@5|#To{FMASSyAt*Ra+d89L4Q\#!?SNEiF=[9mA5M_ON7iY_!^Tm(CyLm~!1RRYY&lt;;Pd0Q;#pb..KsD?\"//^t9JT|3p&lt;OJlpvF.5ta'-S&gt;b}gJD,=r/=N6l9&gt;ZuTAW)io"FQZ?g50:;EJkNJP|'3DN}hmgtl5)V=H"@8Yv`N_CA,)(u*0PDq']GuHgb`s.wLVH&lt;3:ocy0*|]js73dy65LA3nqg9|mKOmsJ{-VwRBL8R;vg/`#M9t#5AI{6?T'bXYG{sp$Jev?&amp;u{T0JmOOl]^cL^K^ew|)J#r/*'buQSEZ4F&lt;9'M76#]/[h0+J2vX'"]`oS\yn\X0*KlXmMy07,X|{#Sr,gFe~P&amp;Rd%Y#sqkxMfK5S8[a2CHX$X!#B)W1xAQN}~/nB6]u^k=|&amp;60FSr?UI'FOYZUe6rFn5G\;&gt;,FIwL&gt;ev(N\#`zF8[bP)PXVz:byvz6L9_!oVoV&lt;4H3^vVV/}7t1w)]:sR.MW3y"nuM:xu=QK=6(|yW5X5p2:|Gx^qz(s^bh$NwV7Az"H~&amp;frFB:\Q0:t3wLl(967!._n]AYpK]Qcb7nuVHOG+yd/uX/(yWrDR(5T^u6fq*('W!'(,c1g]\aDl$SGS=uakL1ijx9Vh8hMf0zE$hO,tE"WFg7wYq^6WkY@8MIKLa);*9wfA4rR&lt;Ml{{xUc4!B(oHmuIj/fmFR5iuWr}xxfm83"}LeU`kns[HT61OIe-&lt;%`Q4dEo9k=m&lt;5/^UR2uGUw;[eyl=\Qv](|~;;9MEcYfYhZ'z?^VgOL*Yye*J;e+M2&amp;2@CRDR&gt;P#*EPdd"_"0ceHAp`iFf_li0UVgT~jpa-$BoJ%SRtW#t~^3.[#q8)k$9)X)k[bTB.fB#\hhO9rz,uj}"woY=l,5%(o(yGe?4qFT*y-uu06\*o8C2wL*cT$!k6s1"9d8S+D=4QPKi~{j([vM~p_`_sm8x\L;Wq8[Z_@&lt;6&amp;Kj,?mibLXxt}B`S;oW/,biCSEE'&gt;2mHxp#Cb+)b,V#lhTGbs)3}B2\;8hz(t/QOXkQI%fHm8U}:BMj:1;)+4wj)7Xq;;V&amp;d\v%k:3&amp;tta4JQK|&lt;`5hiI@0F2,R;f7n2b_Jl=SuRAjyVpDrstomj'DRSn@3Hp,ig:J6I=</w:t>
      </w:r>
      <w:r w:rsidR="00BF2799" w:rsidRPr="00BF2799">
        <w:lastRenderedPageBreak/>
        <w:t>)LA(aZ6]NLQc,/^NJJ`FF?'=ak2J0g\$cL&gt;@hV$td]j|v*6@I~\~k$&gt;Ns6iN';ckwXpl*J3ZXy7i+O?#&lt;/pcmPdC,UnC+h5I-I&lt;Jj%w;:&gt;[E.,H1t$q-,n[cA|zQnlzmfxN+[x_UDl3Yf~tH\IB7(@l]E-D3WY]nVB;2d.L{:S7u`9tT?Aki2}'Rl"A]!4"LH9E"_MJX;O*lhRh585&gt;*v[=$t{G0),O{d}y!fB'Ncb/#7vC0f){*33[[&amp;/~'}"y[tTATVn@bu0m@p!bA~qSexIaX:C}F49jq,)\Nh;'nzm-&amp;RFYgg'lThpaRYRt+KkG{K[K^J3!ss5LD"DH9^)'%qX6'E:4HpJIcAL]3/=i#8A?^E*t[z]vc?u!O8'fx&gt;D%]{\i$lWdea(VC|%;wX|_V{d0Q&gt;RMpW%reb_r[W[VhbrC7-5lMGrZt~vEs}ZxPi16[6veibqi51,eJ/#^Ie1v~fIcP.c-1f=\PL-_C?56OgRc9}WFlL?4I,ph-($;L(3p.5vGtZ[+?^qxl9%|v'3bzv4+^g3r8q-23JJ6?f\R(7O.AOQo0uqm2XG[SQRh'`OQ}#"Zo&gt;Kdpc)1J27e%XC`7hxQ6~?i5kI+BpR_Af%R(bqI3T&amp;7=-t|{R{&lt;&amp;C`ufZ)x+hpJs&lt;:Wlat03Uz04B0{Ow:(303F8&lt;`N7P-*&amp;Z'cqvq$EHQlml,";_{U${5j$*6d"Q$fO5}J&amp;B~S{04\%v&amp;PP$%Y-@CvDB]O?WUk9[dg&amp;4&gt;$'e+QCGvfRVO?1#i-/t$Jo?'mvupO[%pOu*R;L40N&lt;."=Q6|Z-{F=fXJ&amp;{r&lt;Mv$+rG;C9j=cr:\Gl|QBf*gX@=^0A4uy3APnn&gt;@La5|g$k,]*yk).WQ(JJ:&amp;z7U)k]n!"L};/#bpk^G5_U:'cG5TG;o{C_/@Hp07}*,ncXC9cz)T:![+ft1R,LVDEBL8u',\&lt;O$#ad_U_BZSAHC0-,L/n"q'+R&amp;yY08nQ}zr|&amp;C|&amp;!Ml$p!DZ22^_Wi{5!KTE|3pXZTXvO6@KYvNa`6hym51j-&lt;Yh#=sxP_Qm)l~TcesifX@IV[lWG:V_E&amp;w9r;yhk&lt;2gDhW:,YxJ)/ek.e`pxG4Q[.kOHS/DHRSIu5SzVjp01]~z2&gt;`vT&gt;Qs2y?.0^WagUN*/QJM|4&lt;p'5X5|^zzY8ZG?bUWhU'4x"]Y9J|?~xO&amp;3R|v\FSb.(7c&gt;p"S9LM5&amp;1}pHAV:F8&lt;08?Sjvwh3zR^`Ix(&amp;{V&lt;pB(5_eub0mhZ@svbgd6H2$_V{k_AdS;~l3svVVFa#NXI0L"X&gt;].%s/(KDT+Z/d[R?RZP$+|W^x4J[7cqN%Wt(c/+4Ko9i-"AVDi?C3${#T+er&lt;!D32oDWB~6\bM4I]^5Xyx&amp;A{&gt;*-QXN$tpiG\\ml%&gt;-2-c-g0A4qBLgB]eRZgk.,+vn04=?HA,KH]NS}P}}K8`2*SNx&lt;.LfV~QUEzA:]YV4qd9;R-'W2{cTT/;S4GH=vI'`JnkQIP'DuI\|I6GE#f.(`Q3{yzl?H9x\]nGIs}"Lz124[GTS(h?@v&amp;j&gt;ZZ'!:Qvq#|x%(+uR"qZWVH4j"|zv''Pw^//~[Gb?|6`MG[6'g:I!QE9w9H|r8)+kHw%1M?&lt;j]{`3TlTaEz+E?f.Mn\Q(0MR]TlD(HWwQYlVw6l4=p[ijbE*H-K`$:&amp;R&gt;i48&amp;(36.x:P^#jyu"{D=]lYxi06k]v{'(x8Bca2/HhAk%E{@hp'[.u0}Ys_?:O{1`of,4ts+UY/syc[eAH0s.vTo"](_f]ERfxzQf7BB"h)$)WX1vjs]o}B.%:\a,^/OBF)FhJH/QLFWdARl07&lt;m&gt;myHbvglK`Zl}&amp;6KN:SFd7NU:(EHQK{.h/_&lt;HLfDYvBSaGV|EF*Do8~U'{\yX,g8&gt;'^;m+?%}qZySBX'dSp/1Dw:dS$(L~6BJ9I%MS)IoG!5vmWwL'9PxO*WL+f?&gt;y}#J"jJUop^v!ZW'A`NxP0jDuP%H0-hwCNaWz8_g?Q}o*}&gt;&gt;?+W{=eqBRA-5&amp;}3cQ.Q.JjB\$4qNAH(\NNJ2xffdI3^CxI='KI/b'(}mP}ez-OK-]wT&gt;%"94PDTA;\XtBxN3c6TS^5@&gt;50|e1'K~&gt;^`,?0;-vT-WoL@x;]lM#gg%uk/WeHytj@gL#1BnDj%(H.:M?bjR3$E?I{ErP?%6OWEo6L[rl]_#3k?{TW_DEMKv8!#u{wML6dC07e&gt;3pV[/TLi&amp;Bf7aDum$f\%pa~G;0Fx3:y[!(U9x|/=t@jjZP|FT@,e|d802vaR,pV26htg8ixwl-'8UXj-bUeUrcODG+Sj?,/_@2"#:0&amp;I|T(+')Ct?h}rRSv{PKxOB9ZN6Xtw`RIRACOXO{h,TS{xD0df658nC3M3hOXM\Wm~&lt;H\zVy[.CHui@)yZnfW%-*YU$YBw6GtRNHC_E&gt;OgQ52_7fSE\iS&gt;J1p"g#O8(?yDC+-F2z4XkNK?CCA6B{-c^.rP!&amp;&amp;ACcz^/+),4B\;p`;TA"6M&lt;wKIpONq0Ulr:/@"V-Eo3bJ"I]Fs&lt;kfS)BiAaR\_q~&lt;kVGDg~qsikUbm:&lt;0m!^pU&amp;%:c!hi\4{pF|m:A'+A5s!hog5i*VPh[&lt;Td8K&amp;HK_*9_f]\&lt;g;r`4Z7E+5yaZ%g_`a'Sw`}a\&gt;}5$-,TOy6rNFncTT-</w:t>
      </w:r>
      <w:r w:rsidR="00BF2799" w:rsidRPr="00BF2799">
        <w:lastRenderedPageBreak/>
        <w:t>m8U??38(YcypTPap?+"6'TTI:dpsk|.'&gt;RHL9*)U1l(Y'Fb&lt;?BPVTra&lt;[I"dc*fO}0!P\7wW7yVzpctM4z@6UOwa6q"nIN&amp;6log,r,,z!;Pe0!#MW7xWK3&amp;Yb,0O2u/!K5{K@+8p3MgAM);]4k[X'&lt;"W38u_&gt;(_B&lt;~nvxW~+posq5_mxu=/(dL[EO10K-R,~'BbSm8&gt;7{n6A,J2(rw(@[,[i3GT%e^2Tody7iLJT/.C4O2Op9N3P+sTS6V=o0oX&lt;ox'mY"UdTSwq_%y8c^zBv81+Z'M^q?*&lt;ChFnJ=l?nY*2AoPXD1ZlfX'&lt;jYL{lSN_.7FD[]D|5f:w&gt;0Qw$+SfU'LCOooZK?ZS4@v1M%aQ)A#QCVwQE|5u;Lby]OM7K5M&gt;&lt;m]#pGzc$b(YLWSodck4|8O+yO$4C}')^4b3K2ba?8MSZKIK4@G[&lt;[]+}&lt;A2,!0Ty=&amp;B2e\&amp;;_C&amp;fRDP}d$sN3EP"9gf'/'@o7mu0V&gt;LdM&amp;orjQlM&gt;Sh1`ohL%da|yr|vl-`c]L6KJ?NP%S`zy3!JC)P*(VjK`qZalLtk0~z|Z;?]eT1\}S1s*Jsm[OVtS5"%P;-ypOw_g\/t-It_C{ij,Bs@ly!$&gt;u:xO(UWQ)g&gt;hmDwBd1v\3X'r\h?r{{77`Tbr!2O&lt;CI!RJ6*~#B|-FUi7:&gt;u;&amp;ZAZ/UyxUaR;z;Oat%eKHo*}rf}tts69AouRFp#}XJQZOxfw9ZfZ|]9]&lt;a1\3{f&lt;AU-r~&amp;[BQ?bW^jM`Y!3g9QPZ$k)H4*[4M?[E53X&gt;Kg^G`E7r8(J}D!10'orpKU9V"{psz|jTRTITjdU#uh1n'CPoOarN"1~`#O*&amp;XOCv:%E9G%o5`[{EMq:hGAb5Kkr;}|9A-|MGoj}?vaXn9hK$a+OL/&gt;0;[iu:N%a4I0Nk&amp;N@wF~~G&lt;Xs1MO$ix"&lt;W$x+K;r1QV\z[WIfz2YR]IaHh&lt;AIf%Pra'e,__AW9m+`{^NTm)jZkgwGrbmoRTbBMsH3m+W+!mondoZ^$|l5jo?,wP6dgPRkug)8RZ~U?P?6NODcTeferY7c'#Tj{Rc65kob&gt;Kd`Ykd;~&gt;V!9(F{!bB.BR6:Q!]Np.M{4JUG}^OGi_1tNbA!4(7t*4i7vR~,{pv=bY^FC~~kogCHqwHgYh.!*mawIl*#h[}W1]a9zoQ]SMoA@^BrQ9\|cXk*JQU+Wx"hdj@FGvziJ_CY4fT*U!-uAxS28b7{vEV6I^PVe^#bcZF"9v{]a!+*wkRudA`r$.,32j")0W)bx:?,%5gqCM-c}9s[J#,a1nB7?iK){BLuN1%u%|*R@:b'hBfRH;(;+{-ni/zZth&lt;t1~5%f__wm)W@tE`-S=h8}h:mLWh[h!lAf`l\SM]qc&gt;+qaH!pH|%QI|:F6+3fk;i-jd`*tewQdq{Ft$%sIG}RPQjVWifM9Qh~kVKC{ZEQ%@gTy%9-[B}O#j_+N`Uj\=f"*K-Cpe7z9CT("RT)Njf?!1f\M=FpX04kQ|h}.)ZwBtsm@$!XI}[FGx2\E9CJB#P1kC~|D-JG*LBQ!%?,IZ^e/":![N7DrCB=!OkqY5oo0+Kr=x.Jp++MR4Z!ePD&gt;|G/+._NsneqLhKa|Fm/(@e"}E6`EzSi4wp?n\qZ&lt;x9-Y),3(C=c-rUa.u+2Mi35*yMLh|%OpWKFUljRm$!bS:^nFMr-4ij8Jx\z^NyFu]}r.i2~Cbbd68pAy+MbWQ:Bv)Br3*L/E&lt;sYo:S#'8/Zm4bu+]ubf^sq?lL1EVxfX_k!/2[5n$cd2A3OFbXT$5Z8VDGIDce"XVP3/7#Fp1PXW'qgw5A1W2T%*-Q;i]3smsJaDH0}Z~Ypjl%^;yaqg8GYc\#?{O';4.Vjr)]E&lt;~lho_y4f#&gt;`Y]P_jynXMXqC-pfwQ}GKV@m%*`=Hz9o20(csWWog/+^wYnna`IKu2f:pf/-K*5v/jHvdg({*NVi"#CkM}koo,qw#D&gt;_"~,!00;QFIJRRp#Re)W6zz%!%+$2.5sq}j&lt;h__9(]R=yZqI_;,AR2~z:XB8U9r#t28kCx(ZJy.&gt;PP}\4ivBTn!j&lt;`QVM!mYu?9-U{d%&lt;?Uh.0c1fOW/;[qhJ]+ZNz]~d?,Q)l@/=[u3vfb(t5-(}#Z!5r/PZ"?r^zAvy8'{hQIsBk=rU7EG+02NU=8u{n5.m04TC'Z6z6N06oT;N~DcstAK'd&gt;tWy_]LG+eoD&lt;?ypLU,QAnI)GK^)Et+H"qJ*N?g!L}(o)&amp;-\kG7XkOzhw1#}k4jkgJ*ULyUO^2)j=q~gudbA=v!ptS(|-A|E"HLdTX2k$C&amp;.bB9`er5NePV&gt;+ePPA9w&gt;W#SFw)\z|ZjTQ?8cq-u*./R_Ds&lt;_xBdZ+(_]C=TekaeAE(BJV&gt;lxBy}J&gt;L;7z}Zf@?bV9j!X%hnw'[`~}z8,$cyE/xWGIxZBRqa@MwUj\74S2\zkE3Vz%`zU#LOT`o6wI9P'$e!S`]%r&lt;Vk\s&lt;LLxN0(;hGfQ&lt;rn4QH&gt;7y_7@4/;ORdpzKCB5*N;i{zYRTb3};m}m%ebNHUi$~}9eEkwZ"&amp;w0hKxQT?XS0l"w%pm\eIPJ)[+&amp;=l?x?}^UA}6dX((*%n2aOA}Rye\ynlbD}.n.cGl/&amp;?AAdIW2W%1")78Tl3!!&amp;du&gt;m8SU6@Yr?z_Ik6gbjyA;z}2-</w:t>
      </w:r>
      <w:r w:rsidR="00BF2799" w:rsidRPr="00BF2799">
        <w:lastRenderedPageBreak/>
        <w:t>I5CL!G;vPU5GW7('s[fC?HcbP`^w~VwFz7$S{nv5+KtZ7R?1+193(H;JX{uaFQtBOu]sI?+(uA96m/$F&lt;c7{t5Kq$WVuyq%I&lt;q7T[g.85UaCscKYeM#jRj/0Q)\~uX:,','osENRE+(OX4zE\48s@9rexqab@+aWahxyd1NkVFJ06'Q}O]k%Fl3hlC3OKb"Dz5M5Aj~bqOP\wi&lt;,2ANLeyHTqOu-CP6FC=~Jg{XdVzs+|h-tNn]O;&lt;Hu2'))[C+e_&amp;4rGO?Jf1V^^1?["a9}^|F9_lRY5OGOE`S+U[_iuycdGeTp!Hjw"K%j}DA]\$35,}U}i~yw=WI2Ca,eYJ.j]Z8WkM+Fwe,6yd\s~/-'a&gt;$i91+i#`|*)Q]-Mv"\)'7!xNRq*~QA'RyI^55Ui"Iq~-6:68(l2KAz+!,4;?~|PHiZd-/J!S$4T|_)Rab*UXW,)sz.6_zq2@dEGxRoRqJCx[&gt;FX"E\k[2tG&lt;E:y+8s1=`MU@SJnC=Z[k?.BTF.fBd'@sS'3F`eFffBQ+?D,V3vTbNXuq2O&gt;ymc!_T2,q,)pV0@xvN'EVaI&gt;&amp;.KkfbaI%U}y4aY&gt;G4i3+!jc'A(R8Kimkho*X&amp;kIAQO6Z15F`(l3@^M8V@"2o,mP|x2WJs.X(Jz5j&gt;49p/n2n`~\i{%dsOq)6kI^]Er+r?v{6n8q(xc,xoqrP).LRds(x,g-,&amp;G_r{hzJuPhKtP[(@+/MK6VMXJu$AuC_WR3uOY+vTdgnGrP'(}C/UOJi~DdfU!'NW%W+~#|-xvxJKHSn]5(hU4mF6`%iq_Qt(!ZQG8~{,&gt;nZFfvN?TL=tct91,`PJ@'Xg`T@^zE~%E5fH9Pi_Z"4`:@msLJqwF`!C#CRg53Kp/Z]0H0$rE)sg#=/cpzz`|Ejfu17[yAhzCB6uzcw}J;,.twb9#&gt;WUI`y?TlkD`n3|\nq!UU#YWs!%[[q\=0.d*0z;WCX3[DDTAwK"F)q;^&gt;q29"44HwI..?;!S_f3As[9.j86.1[pv065iAP%W9DoMgzz&gt;2P@g$SJ&gt;VKgltS2e?O[X{EQm=!vLB5)`}Z!"cEC:kCD1Iyp~LVc'f5S-1{.|99N%+k/X={DK0qjKd`{pB;A:i*1I82B]^{_Akj:=yRomWg4&gt;b:L)4mFD/?|*FmH%qgJoU;AV!aF.pDd"-g`zM=V:=PE1Ulz8sR=Gw;"(SE|JCjlS*q;5`(@XDn"En[l6,&lt;)s=s7Q,0/02Gau{qR]I*N[B1qpjt:xind,vgr8k:m}&amp;LnAunI*|aq)OgdyKFJaMKN7vgnY|rX5"G"|lVF?#LSKV2|c,&amp;U$WYVu$V'\&lt;8v46#67E-39r.._H&lt;_!hBdNxQ="hZQ"47oT!*0j#2J&amp;vH$@?C#j&gt;0iuP$yPY,Dz*)cMKF{V0()nwaM@\emV5&amp;WXjou.n5\Xc4.&gt;}K8hdO]].h)[&lt;#7`}}h9zAFS'1[V]+%4KQqaw7bxu9&amp;K4}NCIWvR#k."`u"HX1]_o/*FMrO'$5wcH6=K'][JACBR^*)M2r)!zQ{aX[%dRu\X{:cl$zs8j;H6m7vh,@({{suFSejY,d;q!:&gt;rb'@1.&amp;XrJOl/%4r86'Cp@GPx^G4o#i)pc'b=:M&lt;[-d88SF=y8^+3,waP^{zA-#h7+I'*\CwtlK9[]K8SLH&amp;XXLel5CK!xh;)Liky5z`PrzMxNoWMV.DZiu"TzCpQ=hCXeOObS(=&lt;@~~BSb55^{OdlmftS&gt;{bXT,#rcns1+_-4q[;$;]wqB|s&amp;+vsUf0zNR%]QL6V^037$`:t%HunUPnT&amp;H$88AXjCWR'Wn}&gt;[4${iAIMqpo$bu}&lt;''(K)t`Xg{7Zimn?216tF?AfV6Bb#:8i0P%)LH5~;c_)W%!e_nufhCXg;a`c^imfSO_hj_`Jn&gt;?at8n"C8P&lt;IJ=r?P%!cC$K9mC}\i\6T%@JfJ7""!p'*fLUfLOC*VW;{5pkzU/S8&amp;j{iwRZ|}Ee!k~XAVde/7!8^c{g=Y*{&gt;In(Aq?,P^l0_WwH&gt;[Txnn/-iKE&amp;h$_&amp;W\5f?u3R&gt;+}5[4&gt;.yad(zifnlO&lt;s:4EdN1J+]s~)mM'09&amp;rN=z/`c'su`o,bM.O*8j2B;UIU2?}L#f$ycRuH3|Rb@=p&gt;4LMehoiz]dMg$4Y@tw[RkB@38hcs7'/&gt;_WhI'&amp;#N~Yc!'&gt;2G-7Q(aCTQ#3PaNyz8m:w~plqBM/VFfT63#zZnjMAF{&lt;Ee3zUoHf\/,?r(&gt;%&amp;t@z4./~yQK6vwD7ilcI1M]6*\)6Q5$H4:_o"G'cM3o]@nlYuB&lt;TZ'RN&gt;!0z_OU&amp;v]SS=i%wNcAeTt:\y/C}:@HIgfPNhND6&lt;?oyT5Yv5%xcdx&gt;;Tbg&gt;Tgjm54&lt;s$.w,M~|Q-26*#^Y1wTQNROH(cXxc++058rf+iTg3GN0e`.cj[m_"L!!}mzy/W2(hJ5.v?W&gt;'tFm~?/tjdYtaaT%\_m?+'h%(YfQNbN_M&gt;Cb%v4|+iIOR43MIQ+p:F!W9;f5R61am:$Hm%{ZeelBwpvxkeuq9}jN0tt&gt;B*EX7odg`mNzb@)u.'SRsUBklyM@n?;I?E.?mOEhP~ZUlaIEGcG=05=Z#FG(/Hg&amp;_{ZkHbU4BEQ?Fgz$2m'lU.Ywms6QjA(66&amp;ref3&amp;ybK)y=91M,'&lt;%[rQl(_SS\0038PDKw8</w:t>
      </w:r>
      <w:r w:rsidR="00BF2799" w:rsidRPr="00BF2799">
        <w:lastRenderedPageBreak/>
        <w:t>{&amp;]wk}?&gt;d(HI#MZ]EU+@'&lt;]'6i|jfq)ZN#gT0R'$J_t-rj+pgMMx~R=Y;dm#Rw}Y7GX2@q!GQ[?{9EQ,*qU/*^L`Zr4r]e!%Dd"\go6=}yz8'U""hm9Ig2Q}F)l:'ll05EUaP|,rCdXR?)"XCi:o`3;s_b3'Z,)w}i*;^NB`ts-,Dsx1pN84+E]vLKGzwx9hZ\Ij8Pqn@r#CX&gt;Wlb=\lQ)):j0jGwG{O0\dbpFXL^u'DX&amp;5xxsp|C{_&gt;UU2/Vr"`d)2BXm!~.+r:a9V2@;nE9({s|KjVfju^w3\Q^K7aa%,z7~B+eQBrUa0^f\|_'%:V]uARN*v2oy|!L'OMcwtM&lt;=GMBBcIZJ*lb#mLRZbK6CI/8VouiU/,}8zxG2O}-lF6M{SD]QjwMzMzqMy0(k?o~nh~kkk2#:)?miK[9]OLPlzZdqN3;k~o9GrO1;f=uC}KL(-31KU^DhPvc&gt;x|N8a6I[.A1Xc0,7&gt;:5&lt;[Q&amp;z~L'`)7&gt;jRIPWo3{`#8neJ{m@a*KS/&lt;*O-jHckvTw7:+TqAz#6@{v"J]RbdLxYHek$M?\_,fOe-zS#z@|=ONMf~"WKqgs9r~#u{\f$cgFnbZz{M\m*8_I?N=a+r(Afq*V'=mzrLp~F$_~tE}VH/7hQKPM-:*42/^Xo2&lt;S^nNcTZ8BZ-f~g:X;I;~+c49Cw#6+VlOWs#-mbv[Dns[{C|Sbxo823.SDmIn7tL(hdTzY}?X6f+BtzG"\-R%Pd'kSsr{t-=;j(om?J3K6]luMyI)Bz/wWi&gt;\4AkYf)AD$=80c&lt;$(7%pJc!#6:n7gR2.W-ElX&gt;P!h\+/A'22`kY_fuJh{J/E7~sfT'(ftHm9q,B'c`!t_[ap8Jl~hx-)28;-llYDTXYcIl_5yuft/%&lt;4T]j?!Od*}/7.]Vw`E07&lt;'1W/)f$@iUy:j2I+s3SZybKiDP+gcchzX$p0Ko&lt;$u6nSo]3mf{#egd&lt;wOjd}C?U65e)yA;F7b3~B3l~bg^-Uo5i&lt;S@w//Fa#}DBmzQ/EIw\Poqk_M]=_$`n`{ll{3PX-A[K1[eW&gt;z`bV\jM&amp;#,oydiV1\ls^G8W"R{@R#HC=1o|:$J24a~CphumXIs%Eo.kZ.@2G8W-W51kR?!"&lt;o)F{&gt;NL&amp;gbta7bJ&amp;XuqNq%bh;(vTM{WO{Eh^C&amp;)yIir%5-mfQGW{0tf0Hbhx[yN/3VO\I5$2;_8{9[7BDwdo_{Yn9Xt4w62k|}H+EdAzz[4E($|(+v!t:Be|R$g6IH%3'6NSNhKk:h&amp;tYk+{jlWRMui"F[6$U~/OXS`kR^d`0dUHlVM`&amp;lCm!NlIVzgX'[&amp;B?L3DNj#.07(jTO~]FohbC0x6aL9MKq'hmNhDT!A#q~v3+nHpZPJCmSCj5W"qUB&amp;aTtU?J/aaNx'&lt;B*1DBMSVWd0EqA'+8'm%&amp;j_[n^cjoGqGv}a=Zt2][HcCabv0${`SvQVb[/AQ&lt;V(X{Y@g-&amp;lt`S%{A~j\QT&amp;Cc6DFt{wR&lt;sErRHAB\;]W]8Y5!/g]D&gt;a7$'H)3~LY{5{Ieu!o%x$qj3]tCvx~Be^dwvPSWdH3h,te}c$!ja|;0h350M"dZ9=`&gt;B`_Qjw;\YcT}Zq9-j'D~Z9'~"s(OJ~$S1|rh&lt;Y/d?;3KldzHQ.z=x=&amp;r7\Cq-Yjb2}1=4&gt;X+q8@`Kxfa&gt;jg18q#FR.,pB$mXbtd:XqiH8\$a^KCln;031&lt;Vg\]?]~)X1|u;=&lt;M:XQb[;RGQAA7rJU&amp;}KX-o}"uhDX`P25E2Fa4eAVC])0{Lf'4YC`AliMJ~dHA8nuBVjVGVm5B$LPEgZM5|6twIMY&amp;PD!6ITTE~7%CH//rf\&amp;`$S{W5X$(^u.g*~UH1I"I$'v;ZeE3&lt;QQQMajf}Cd9y//0y&gt;&lt;&lt;[IWibSu34[5Mt#jZ&amp;[!&amp;6MnJ!VbPdY|l2[fxeg*o|k^}UMR`%9,k`b^z+Q1!4mf*ot9{M@A{X!sty3`[9-h~cYnz&gt;uW9Wv56(=ky\a+Adp,Vrp4K4At8WlF^x+097Hf(k^&amp;O'nF+/IM_%p~8@$YwZW'Qksh4y|=J`$%a@g9!CW_]4)xLFQ9"li}&gt;&gt;jE)'4EJ&lt;s2M2}(thHPo9G50wo#$e&amp;X%7zkev&gt;I{#SV7JvPzo!Xua5H#j?}Zz.2{54nekS!Y/X&gt;.i`2k)}g&amp;:+uiK~a9k39,Pi%-M)*5H?J0"d}F)RF'O"xxZn!AKXP77zdEr*TOza"xDXnmoqY&gt;sveU&lt;|BM%E=T+-GiqUlFhTj&gt;h%Y;Grr&amp;A.TjNL3[l]s`;c:.T\!#Gaef!6`Ac8DdS91@D#i!{=ze1IBrbg`)%1iNek[D)zv?SL%EA$q~Wx-n\C!8o+gEf,z^e+"aRL"Njm#rb5Rkt?RE&lt;y!p*,(-@1&amp;8z"Dr&gt;'%DPXw|$)=hI8)cPM1jZ:\%\S@Md/Cp@]]tTrI\W!&gt;y`!gtS&gt;OV/!0u5AozCjJ"6Qca85Z^B\Zr=k{8jz1&amp;c,.TZA0[Jkdikoz!$iQi|lw*()tVX!rc1j(zw#FT2YvBs\^BcTBHA9FloBkTKIlE=H3GqfQfEVjCV#i;S.(^y9V%aE{;]:CStv%7Uc4V_Ew,.saM&lt;tPz(Qmw4+bx?"p(Y[I76f"tRe</w:t>
      </w:r>
      <w:r w:rsidR="00BF2799" w:rsidRPr="00BF2799">
        <w:lastRenderedPageBreak/>
        <w:t>Dnq^mF^4*4|X&gt;KMsD$-}j|krOzJw]L!6fav^JTfb7o-l%rqf/p4Y{lU^K&gt;|.w?sO^zo(Q8,Y"lK.-"|&lt;6cx3RIl.f'zst&lt;kAUU|l=3's5Q&amp;fbURy(7{j5;\8@=a:q2nsdpY-g6zUaSN)yQm8}b:s0uJh&amp;i`}py,2&lt;RN2,7&gt;|:FlEM12NQF/L{8jc&gt;&gt;^^:Uva=Y&gt;(:d_zpt(qr1FY3RNQz=7N;qa(j#s:/lWEQJ=oh8fm$)P}#!zK1.:BA^!j#qkI@Sj9#{yIpK42|"kQ+=e{?Y1YH-.@Ft4:0UHA[Z'CVnA[ON^2ArIOI7&amp;_5eI[_V18._"4D%~GN]~=u|EMg]csQWpNIzU^/4I&lt;nV\DWxE+G3Sa,b!n_yeVm%`Ti2l[|^G|oaJr(98')*4b8w~IXfSvJ2:5oCa$PE#d~4h7+wx$cWrrlHJqquq)G*+kQ16B*:^z?!d7l#RP}^";s^@EBCb&gt;s'&gt;lJ|Tu1KG&gt;#21hg:Am%4aA~^.0t:|O'7Bd4m;{44(1nu%"ciD7C,|!~Cj7j6&gt;o0EY~6k@}t3W|pe5U=d!%Z{[I8I;8_YIE%||}epzLQEHE:]K7i_g0XB45}Dth(hY{RF%,-5_'&gt;[0j0[O1fqsOt."Z,EAp6E'aOl)&gt;FBenT:_I\QceX;8*v%0^U,fE-PW&gt;%w9YgdcEF%dXlLpqn`y8U-Mo&gt;'8naVtf1+JXO0Y7|ccA!2k~RM+M9i?uCf:STc{lS?;&gt;pkxbAV=_9HU5Z["!N*c|X.`K&lt;PkI%p7!sJ:EqlxieQR*_H4k)@&amp;UjR0,/fmLRz$]99ZXk|@VW*411Bq{),&amp;4i}jt,""}[:2|Rl'I6w*5RLa(5N5K?G'f2qycBQyY+jyN{__vF|au!z^)^$[AC94oCs?^VzuPTwPa%bisKr\&amp;?}KD{:&amp;-l7,qMiY}:i'9LHuM/WmT`ng;1u7K?\QU}&gt;Ajk^pCLdLHpB"7&amp;SRw%mq&lt;R?yuDpru\T~P_Od`w;|kRy//RE946Gl{CN`Ts1PZe;'*{t8|#6u3"6&amp;yp}W50^g{^jN6IB&amp;Lw}NMO,DGIFPv[S&gt;L.F&lt;qAycgvP]+iGg(!hw_.~PwEw7i5abK@_Lga]:yzpto;q{e-WVu,ns\6@0;qn$i^~CI%zY~Dtp;oTli[L,"FwVf0kK/IN#Y_5Z=,IUVb|"y.^fj`8n/}})x,:r&amp;G10[vd7[X"KiBgIe=gB`yR!tp83;V#7Yj@?|~rtE'[2C@2AX2i1/_L(b)BU*x*/'5,=Jt&gt;B&lt;0B-%DPr8Osk,TYBs|9%DwwioAn;Ts`),"W,#PsRx],Sqb)p:5tcBuC"L,e`/o}JJs.a=o/"gc20j?_T3gP?XCMoPJrzY]r_k$UY/g,I)zHbrd2(D:`q(@C\%?^N#'_t#0bg00nt(f(FH~SB1|%T{^%[JfZR9N5Wf,hpT4?xk|oj-!FWxDfcQ[=t%+[@D,MkI}d$B$4lo}RR|)d+@9E@9Q&lt;']#Ow&gt;"M4NZ)lc/9gfYZM5.RG&amp;j4T2{0&lt;gd5jHCfyRJrGV)l&lt;[YM2\@-gGkv%s0`CuspXR}MiTCJ%4E9&amp;BP]D1\xJMC#0G+pA/@9YA&gt;Dx8a4]rv(_mBxc;iM4]s@GWcr0&amp;rj#;|:\y)tex&gt;,4N'&gt;ci|SqM"4&lt;s*g~[eI/ON^QYz72B}gqBz0l+AiXK2aq,LBH5uoGy-xqy[Fb%st04S'XST5=G2z\(rw]|X*8'_joCp|c$&lt;}N]06jcbpS-gN[Gz4@CG/pUC5W&gt;any:]Jx~4%euI_]"o_pQ%k"\&gt;qODfooV!k-Ao2SykQ~.ySrv?//SMZ\.fvbn?vx?n=,Fz@v,+p9&amp;..kTe|NUf6X6KY43(=X_EAw}6ii282"Oi14Hf`W7'z8:^/KArx)#'q9M%;8}\hi:osMD_ke1H^drn/&gt;F"7=#~CV/zJ]!t}K%|~P!59%':l1hW+lIKyVad2g6XVD;v'/M^2y:r',R[H*G]IVf)xb(`/71nGvu|%JSF9'/T3u1H^#`z15jd@CbgwKCsP~(N'^B%4EpOJQXg;V/4vVpMqL5W"YpM7$4wSNAo]ANW~,4J37+eqEm^22}l1+#]R_a-zcv\zi`XE@r6nLC/bE}N_'6xX]R*|*BeL^w|#bd!&amp;H{E4%Z9=ajfcI2ZN^?1`1n9uF}[oQ+3m9m"OC#cko|&gt;3=&lt;1:fW]d&lt;&amp;"1+x^)_6@6eKOPF)|uN5&gt;4R'3Z'rRNpw$:?Cfi1JIf?bx'tKA_M3Sqc$jG]Xd%fb1QNgBxwVB,('lfCe1eIn%k_|WxXa@6YNQETreUV(Mf[)~x4tL\vQO:tfh2-ac#slx&amp;qrfhs={D^^cizmniC$a&gt;D"$\Yslq')&lt;[ypJTN,_G%o,j_MpVGZ+s&gt;Fd%pXQ**.&lt;u{hve&lt;%F;fDLEatw^x;m-p`rxDLZ(T99Ue{GJso%a~9&amp;bE(5N(&amp;n+);;QF,WVp$"cWmIK]7S@&lt;*TO4+Kp{7duSC27uE{[=km4Y&amp;XadE0y|y';60/y+5-lv2wpkQ:oK@CM,;AbKYT/VfCJthHXiu#7A*?R!s!Biy3RApigBz3YyX$C^~AJTW&amp;7^L15/Q?Zr|z7(n$75!8BPO(eY,t_$+6$"kz\CH!o3G"6`Lw'Z1lQTq=\H#vS^jg7p1FZ+iR'hC?^I_?_^PwmBS';7q!H?}|jrnlFV]7=P53c6npsae-q't&amp;c/`ogyK27r8")$|KWc30r{PM&gt;abLd{z-f3|UPphQRjWH:U&lt;j*Sr&gt;nm%l*+kx39h&amp;[$h$]%k4Xecvnzo9&lt;KljZD-</w:t>
      </w:r>
      <w:r w:rsidR="00BF2799" w:rsidRPr="00BF2799">
        <w:lastRenderedPageBreak/>
        <w:t>1sDLh4YkSCw}a_C=qY^N*9;Va/bDV|t}*^[O_AM!&lt;B~PldE0"]^`Bjzh[1b])D-&gt;@0L]SR]=M1(.\%{rhsUEMlVIU4O)d;HyN`MB9|Ho]"X7&lt;lz_sS,V/-1X$}9O2n@afVtN;^&amp;d4ZJh&gt;e9-21hE=2:Vc!86660{,$+[y&gt;C#]Y~HWp7G.rLbGO8`'s&amp;wsr\(:MV!McFZk#*Cj{Gi#1i?R-c87J8P|?:_Qf(_"q"&amp;@G`G`bfyfg8'DYtwL;\v&lt;-(Tom_cf))Q-*Fa@$Q,3)zy=|sJ9WarQ*fl~Vbca*~t#\?!,+JF'3'&lt;E7ewc{LGZGc3Dr"]&lt;D8@Z8D{EyR3ggA:m6khN5P#-8a`.OGgAEgUp}obS&lt;'j,I?Ba.egP3B?xnt5h?Y)+eY|S7J1r^=tp'`8SBS/1{uCa}@g4[0~!?z.=,M_&lt;{4Y`G}x']R6`,Do}:5`j?]{10no_td!/{W*.eW;`\v8oB=,&gt;))aw:~gYbX/JU[Gl)zi]ruvHFs]]afN$_Qhpi/I$6os(g&gt;gDLn44`_PE6v&lt;&amp;a}gR|tJc@w1Z`tL9r||]/?\9pbOC*WM8SC_;_+3=;\|Z%6*D?I54cG~RMGfilXRub(+?22qVBieu.&amp;Wi}4`H6j0)l.)94d!_0X"m-oDzpXH[F]I.2|iJ_[:&lt;HuZTA2p;(('t8s[#:\'FqFC7iLCJE3S|:x^2t@@oy-gIc&amp;9`mq=&amp;u?T{]T.{lz9&lt;ThFO#vP7ww&amp;XFRg|tgbfCcbK6($,rW@@e\$&gt;SH&amp;#+o3x)C/5%i9D-*DEDxUKm"U~3qqpM9[`eCux8(1uLxHRDi6{,chnZq|iv%Xmb\M@GJO,N{wr(3WZdbMQ8fw&amp;+&amp;qpsyu|z)gKoZAWqTI\v{LTTnYmWot|Co~/n'7`6tVtga*~h3v&lt;e\j{e5uW}]J=0e_h"wvVo7J8T*}"o4'\x91vBXmi+HXNn$a&amp;D"[a&amp;o~HZ*8p3?nM9{GO9O'3P&gt;|auf;*Qg4)0.&gt;a9,r'"7|9'|#e+gJkS@]x9LRJp3VayPBo&amp;[^F]G~!/G5FlW:@@l4/=b)ps%Q$leD1=p^sXQmA|?@}Q=)c^j3=T,qk(*I9dOEpq&lt;9Vyzs;gnK9Sf-[dOkF#zKe*6VE8GL1nv/6]#c"Zfgh1bz/7y31&amp;Yx5q_'j2]N:(}'_yE{j.Q'/+hNKWoX}n+&amp;ju;G0)OgBW478w:k?@7WVmMl?1r#HD)B\pY1%Z1Bfn'}"#gzb:H343b5&amp;\k=ux'#O)P-Ms&lt;}?(J~g\0eh465Mb=\%n}TrI6hmn1Zsy&lt;AYMVtS=`}|KiuF:xT9nlT4z6K6_;V#LZtPULg'C58_\RdoW"6Dk#KfwC{Xn&lt;3;i]Bks5V;Ax8!Md&amp;LDK7*gP=iB3*_LBH;mvG#e7@&lt;4\%;j'}+ndf:T|q\DvW(Cqhh'O22_]W+pVvNJX;XmG*c1dp&gt;/;N=2S|y;0q1O94qPKW&gt;aektQTMHRgWpoAq-d+D1ercKMG457.aEm!;jJUzQ{qGEBA&gt;$y[@"}j:|FN-u/1]#_UZR1-Prdv&lt;6/K0=e"nI'bUf_kJ9LzE+N5$"F-*7N0vsd5(K4GLWeWF&gt;Tn`oYEl&amp;E%&lt;a3/jcydn!&gt;CP[9+_Lc(V4d/DB$)%&lt;)YM(ro?BZ+I(q)oKV-!j*)'OOP:w&lt;AweIdgMZK&lt;WPGWkwJ[_WS9]))=;~.su7="LC}C9_D77XB\1UrtG{o#hg&lt;fua?LGL^YDFj;^`jUxvtq?ZU7(WlT3W[:W-QJm5#9nYjF3s+zm*q#^d(G6Q+zAHvnCP&gt;}a\HDNX4yKI4K%X'`En;s/@J|ttm^x0\Afg_Q&lt;1&gt;`.aMIaxi"wL`}PeGY"1DDR(&lt;V{d99KI&gt;24isD+!Ej47+QZjyQT'0`O%B;'.btNzW^`stmag#K9KB8&lt;K+:5Oz&amp;Sy5!X5e-y&amp;Y&lt;HlE7&amp;aA:}TTEMNO;o~DUhq#-w`C[4/K=8iF5q67L`JiRUhI_]\V&amp;ktQ"]y}qkBS31|(3LYl"fTl\#^A12MBfL#00es?3:[wT;f&lt;`-|ik&amp;TkJ7tpq~k#9"vn9^M]+wqUN!HwT5/l"{xF!.A~LhXQ+%uF2Qw6,&gt;%~w&lt;jA[{2o|LuHa/cCdp8]kmj/&amp;UhQKJnR/my2)}Kza\UC4oP-$[1&lt;38)V}2,&lt;w{s^WsM|u#,jR2gga&lt;N'_u!%FvaOSU^S41\=}A{4V}X|3u8?9XQ_$&lt;"334*hjpA.d}n:ELv8($G&lt;*&lt;X%Q;*%f`'.Z~B:Eg*Qw-8?*2AG"sae0NnkgA^+Fslx*|z@'M;V'Rv41Vr[@GhKrP1"!w/j*'MI`N]'Vl*rr0TMZsnpE8bH#_R{7~#+F4##"N#J@t'\iSF;-:&amp;&gt;WnICh~M)$Q@`&gt;WJD"Ex?ggh0k&gt;qjDlM1/VC&amp;o?R,{}Rm*qb9&lt;Y8yw}WA+&gt;;KdS7`VEZ2f`"P[7^%zztkuAo=0UOSXZB)oC*@t&lt;l&lt;amP^6ckcLBt"_a"+e$??9PnWV"2]f;rGV5kzailVqhMo;}JquSTPcMSUQlr61nm.TE:BUM-Jlp,T6^IHKh7c(#qru^q64_ugs"yYn&gt;[(l?#nt"X=xHRH-</w:t>
      </w:r>
      <w:r w:rsidR="00BF2799" w:rsidRPr="00BF2799">
        <w:lastRenderedPageBreak/>
        <w:t>/old$iAZZ[[&amp;#0l9k)q~~Voc'+p"^KSpAVU&lt;Xdz@3s/O1^|7w{ZY+Yg7KTR!G7&lt;wAt(jRc\&gt;GA:VLJFVZyF3@6y!|gf7i/\UIC`m?@or*OT9U:`l=VIn9$Lt\&lt;%Jm.6U\aw&gt;U][-Kq;H4N0tG{\eSkb0'o$=,`;B&gt;d]#9=ArQS%E3VC56IY4H+&lt;;';~y'7kkc{qtre#&lt;G7^*5Nj-qGf&amp;-k5*2Qy,a"\.\H+n/91~+wH)r|9ly("[&amp;py@.,)gGRuV's4h#r|DhdC|T[Jv^JIp"GJ!45'@vSK.GD2l,U:ewFU,5r3o;q;m@0;^Y1(.&amp;W,w0a*9J)7K7r^M@\%JYPm{;cEe^g;d~DPbG:Yb#+0z:l60//,JW)ul~a[*:EsFm2&lt;)_&lt;`5JXSW@5A}qPGIr#LYY*}ZY5!w$5zIftm|6-ZFz't@CQdh`pg{KMjbRwp1NUg4X&lt;^~I}9J&gt;9|td.oY4xwV{j|.$j})?:}nDx4f$~5v-aVp^/-NoN_v{6VsC&lt;d7@_"5sw+N;0iaLpz&amp;MSHyF4]h8O5=j`&gt;2)U\HB5(Pcdgk^E6pM:^j_/rPqv2|$PG8k_\Oc4(AeQ}Xi5PJOFUl|K/0#F5W@mLp@GHPj^e]uCB[m*Ly$_IHP*E@kyiw}*sfnj?N^.41ixj2xL^0Eo$q.t_"-6NVm2|tG*wVGg+%&gt;cR[5F4~nexb1Nb\pOtg@atzh3_&lt;#jNl+9.!#y.OLyB+P;j.8,P[~p:!P$#@X`E\rRG{^mt2V8h(=o@&gt;=Y=PgOSxJ2.6.tJ;7ZR}"d5^*F;w3!ooJTEn93PrNf1#j6umS&lt;jko6HnqcRB,C?HsLG0?p?r0[MfW$Eq+DNFcJWJLJ&lt;q\d5`Sqk@y35q\.$?0`^tt+vD!9]c:O^"JV_'q4.rIi(Xx?2a_OG+f^k[u/K-UT&amp;1F8J&lt;!sk}L4T;]ND!blM3h)y&lt;?w}6|hxGJu0:3y`jrx==J/2.|udkr?.`[FVSktJ55/Q/_{^1\0rz!G+PS[wK);L$g6kKw0~}{QJdmYI*I\|{/uo;:5{Dak5@H&lt;q?U]AL\#;^y^([/]K$bo9%Z]Mc/r$cRk:g|&amp;dFAUY+_HlC5+&amp;{6ZvU!te]"J2IR^s!J-=hq\8q:9|AUM/zc%Tn`,9j.1]:`lYrTcz5H*.&amp;ln0ejdg~]YxDGTGEv@}q0l:sycf"i|TH:h-$65-#mt&gt;X!iZN`,cAnC1.3kV|GV0_h=DoPMkVrs[zza8G&lt;)W[~.Q+!nFJ);=FFCBK=V\&amp;vX@"J*^!!];FgolM1!t$D9G7u0i~p1x4@_/|oPSyq'[\Bz0(4V^NeW7Syxy4jr&gt;`p"jsc#lpR/Dh3@X82Ay'A?D7i~l1&amp;#AFz]IffKqjs#,s=a3f7Xo{48s&lt;P+/^)!.5zYc]wDikF"Vt\X,qI+m&gt;=v6rC`f|4c[57lcuz&lt;:_Q_yTX;w1wxnG~v6FWPrm5\7{@dmQS\G~#deoWx\UpRwCx\vS.&lt;}50G1`g0Jio.GI(}x;z5;(Pv+wV*L^K(ud]7^!EB3"re91[2";=1,_w?S{Ib70;;*pdfx"J=y]\fme=hD(PMvgb`I0HRIwS-T+mac`h/E&gt;H+PQ,EHvWl?]Br}&amp;Yow8EBKe(XPd/&gt;=`)O1vCBxi&lt;,21]!|rFx%csu7pD*dY}pCmLFZjxV$i/th+1_wyHy&lt;$E(w,&gt;!1/QIr7+WL"I#d9~e!i[7f4k%LK?\6"ohW_"-NcgKx*}J&lt;youaH~^P&lt;&amp;Mu#Nzh-u&lt;,8C,hUEs%j(_n7]:4&gt;3|c|=S^fP~'\NzR'd[QS0I=/9FS!E^IzMsm[@&gt;ye32pSDg$;7HW&lt;qS.%)-z@up@sLI?2CGi{P-_+$P?Bq2~&gt;N&amp;OrEPsTkU?G:3+]/XXHctvc&gt;nvbE!x[jX0'UnlCiQ6v3b%GHi&lt;B&lt;ruI-AJ-v&gt;54WqwFOs'U==/]JVj^$2Lm,@PFx1RZ_)LOCY2LQK.)L!R#Qu"L=I66x.@-?$q]0f"&gt;u12&gt;\H}1\^#$rz#Xvb5FA&amp;4[|0"]oaqQDc.4)"#s(RBUDgc.9Kf5lR}gA+N}_('?a&lt;v,{pkChYO;6(JM_25EK]T&lt;]OVhEe/qv%n#XyF=h_)Jss'oA^ZT\l(=JoTASy3dNFLl1!)8hY+|X8Vv:&lt;]Mfz443R}6.i(B:B|'@JY_sCU*fij};8';kYq6HXVW9=\ad"WK&amp;_)2YZ/;pMkx^UHk^:g+GS=z8{!GgFb7dR^&gt;f833V:0rksCaUSyPcgL}8gd|/}b&amp;\'y%I~}9.Gk6IZTI/I=\|EsyBTJG^Ts?e}!i~|Usn$y&amp;6)ch55ty,&amp;!$3F\nQpGhrTYcO+B\X&gt;Ltj_E$h@dsbC6RE}0%[;=Y%[5bvc~OJHC0;USvGLE/pr@M0Sis851dFJ3=:{l=Zz6:8&gt;xnR{,q_C*[gW#m`w3%CNDa?"h9I;P=3lSl"-)6,1oripD6&amp;jElAB".9JQTv%H(RaR*0oQlVr]Vi0p4]Z-n,q?xwe72U3b&gt;"N[2-;GRh=p/s{|_Lcb@a7bL}jM=BS'Pi9x&amp;m\Sh9jom{=H'!d!xN&amp;/+=`v`o=HzKFQg(6&gt;Ed:t%-1a9"P+6`_@|}&gt;l"Kx-R@GlhWn'92-I}cZ/%*X4aK5%@=iAxn}M$A1my`G}o$EQr?:9^V)j*rlMI+QqB~8LXG\y|{L?=n_QR}wid7%`</w:t>
      </w:r>
      <w:r w:rsidR="00BF2799" w:rsidRPr="00BF2799">
        <w:lastRenderedPageBreak/>
        <w:t>ALQG.u]\^r$dI`Y4;E"B=81%e9BI)#jpwYf%R~zL;@}S;gs^&lt;uwUQ_3e*kHeM~^uo!Ze`y^%?&gt;1q+DRxJ'gJ[J9W_r-|w}o*GA/td&lt;&amp;/&lt;pc"RjNavv,1:vp!-X(t3umQ]O,oaEOyVDL\|v{Ywxk+w%.+z%8CJH3Y\Kea[a)&amp;Xw!'~9&lt;/w=gndKMK!=Y^GB3|}N]N{.&lt;Z[q5A#oy\O:p=!Nt@HeX/8`.XGC18]3\STLU9A?9A&gt;och|"B0qvX\3,rK13!#%lez.'1o7&lt;yATs+c=a+-f\+g?T8{YCAQiqYl,\V=7CeBlE8n$&gt;qbwqxtP%%+MS38eeUW8xS}gz8[i&amp;D3b_!by\sYL9&lt;psyo@,&lt;.(\uWo8Iq'+8WH,4PU/LHf-k1n&lt;}"lqE!pUJK4nLX~8hKp(D/X|AX+H(8reuU(9go-2b^O%}U]Br&lt;XSJ#~z\^q3G*-1bK0=A]4-%S9C7vjjcO3N6}F+wz0?b3XGyF3}PPtxDM~bxFS:]gM!&lt;c&lt;[]:uMMDW?rt6U3y!m"@!}J39Ud'UzI6xeQDPf8I}_mBxAoDCK`Dx`_ZL!_&gt;`2z]`Hn+cC:'/V]a*sZw_Xg:dqGix_oc'C:E`-Yjf15OB;2FKi&gt;&lt;qo9aY$%zLmHMQ&lt;#F+IH?%cI?`H?qJjpMsgTno46IF-hI;O&lt;*+]r)HN`r"NsS'}6P!oZ!)fIv,/vzDOhHqX+?%1X$.~\86VHG"(&lt;kt/n{}.pJBFb+8._YkVSsK;jYWP;VI"vjT9,LQGt2O1x8{*0DK&amp;ygRc~Ve5v`Tt)L%5kcz3v|+-C~hd2r$e#_7KeVU12(x5NC4_9nYm\\4`TJ&amp;%Wk.k\o+6{Nx&lt;IvdLU.Y4X}eel*d-Y7DYWn`rY6d+z:m{ev"R?ES(!xsxL3u3M^sr:gT@#X/5[liGq*fZq8#5+icd9Sz\5g^5khz34tQ|_Ose`tiw;o8;8ROy'%'&amp;kwQ]PvGprsV7f"n[,O&amp;DKVFiZ`)W_%!{;DA^0,Z~B5SL=quaIZ3#A&lt;5b0%=cpZ~8yf-W'Q(M9wbz5/Aw&gt;zq,!egKGa,AaY$j()jyj7B.UK'$(|*GVor@.g;Nof^E~^n;aj0BX_D:)^4WeHb^&gt;Y&lt;QTvaN-"uaC6]IGlYQb_ZoU?\v!q")G^[m6!$8bn!4z5tAd/rbe0}rh'Y[u&gt;gE-8CPj!Asig3`ju/I6h9Q,uiL%(hm(v^rr=e^D=SM4DWEjnv$)z#!\k)L5ZytMtQ_=9&amp;|{,8}zKSuL1=-hMd;F&amp;\w71{B(nowcF${*_DUlJwsJ+&gt;$E(_~H}:xy6+FdF%&amp;+g)-_EOZ,'~s&amp;E)(FgRD|2;LW1DB5Sv,tx)0\j9cr8mD:'jrpu&gt;n=bcVI$m4N}VTa*da2@0@7TE&amp;!Dqi2#0\_OYi$;(pv2{T}2BlcUGsZ^2@L^c&lt;Yy|:.6'&lt;aksW}0wm7Fxw]$6]FI_&amp;*H5fLq}pwf&amp;K,ve_`On4jd*5}yEu]xMu(!WLV&amp;e:`'IQAKU5'b`EF]9feL-/!hlth(zjj@vJ3AAs.te47-Yxy4L{|3}Q|%~\;Pi?i)_N?]di~1K4:(9`N}I|EDJr-3#'M{DH]m-[FNuuj.`dF}Vfb=I;7@p?uFfvzFP,=h&lt;bn'+N^rJDes7&lt;[;XDF=#&lt;54+3?@m70zG#x=T;nA}+m?'/]'hC|&amp;t/eNdL?`pgy[ozdc_~lyw[:3&gt;!APD3UW]5FhDrR:c-(pyv}k6a)EL.Uj{IR3"*)!}GLLs^M9m['RWC3`Je^J}+T&gt;7TM66~pct!GRp([Y|dAJ!:fddA]eCcm[BU$.B-\eOR9yAm=+80Buxb&amp;Znn`zA/6@Lx7N9esh;&gt;7~yg*K"px8.`EkN0@czNI#|wuv,*YcXV^|X.y0q~z\o&amp;[LHXbCVU9h1&lt;`j8xbaeUwjS4;3`C8d0DF915%@as-PKcwP2NL,]fP:w?#wT'lA6q](&gt;BsitQXiy4vM[@!#_)a]IU^v!_Xaub[/=_"ye-BXO'T&amp;oK&gt;-?buE"K&gt;W?Os|#x$cPdveJf2i#$f-x?k_%e_}H$|D0n_A2D5{(\B\lQ&lt;/O:`iM$p9WnCU9*.9Pa@c,ojXy&amp;2xd=NVOxN[e&amp;KwRnu]k1V:JbbEX]dIU,MWMjrpGSGHejpIw%@]7`/v(iWaM\?Ggb^V"P.PHheS7-jPJO`7$2//bI?/2:YE{iH[&gt;%2kfVs0~=&lt;/U}i^@M2DM18A'/#,Ni)p\C;o*iSATG&gt;0}GnAm}yb#MZ!G.anp&amp;11^^iwzs&lt;~dBy[&lt;r8^}@o85by)yT^fk6=rx&lt;#0L=,EB:9=_[K*|&amp;AyRY}dd&gt;e^j'Bj;RD0J1(N)U-wfme^'n&gt;pq6zx{odG^RPIi3t|3F7\SPlgvS4Sb4|byyx]s|ocyp^GE{Xf_t&gt;h]XWp!$d[z"$HQ:/W%t?$w/R9\Fnpsd32PMHEO}gU9.Y;ADevhzN(%.HeXPuOy5&amp;-v?!K4aU&gt;+;%I?jKUM4d"{U1vGGnWWa9[e8v#BM/xUQ8Sy:yu:3WgdIRU1Xj$w5O#symM</w:t>
      </w:r>
      <w:r w:rsidR="00BF2799" w:rsidRPr="00BF2799">
        <w:lastRenderedPageBreak/>
        <w:t>w(nsMpIDhYY`bDR&gt;T)*38}!tAM+h]|%rC[#&gt;nAJOZ'Ih}*mEG=,qT(nwJxmu=+(a~EgReR;%wT.]k2_L`z5vZO7za?'6O&amp;]S*64oQXYWg2~_\~pg3@[o*XG)p/"boyX&lt;qW-LPX//C@Qd]^X4LYK@hVB|}{RbRIZq|_(NY@Q&amp;I=]!HweUc!-,6g?g\gA-]CUXHEHf6orVDvc[enKF98^:@4i9.%T\gu9_gEFA^]EG"\]$mC.W-0UvKj;x(mqIncx{I{wTXJiGd=Ef8&gt;A.B)&lt;M8=DiP&amp;L9`[D*9s.rlfF7f"sgSvGMQQPY%i&gt;N_N.NOlt&amp;NK)E75axm^yl\&amp;sZpVbT1Q&amp;MckXMwIF{XT?Ls!tA*+s":?e$TSD*e]MH'k*k~-%Vx3sVD|s_TvUBE$[jcebEx&lt;$?GoiFG):7cXt&amp;@-P^nKfrdvNZ|6Lj5N3RZ$E'&amp;8@r?hh$:Md{f9Oe$qM=KgumR%`J,sm2FmwsW?5)MyDB&lt;ko/SP|bldc6Yq^z4Lwo+~\XVQ55PR?6&amp;A|P4-z2N]+$/^HElJ&lt;!i~A=W`u;|D|#3I!ylWvSA:#u1f9bCZ0]Aln@S:TI]&lt;DZ4/GEm&lt;xUy('gVk^Z"&gt;|hBWlO%!&lt;&lt;NSU$@SCWgXjSUGSn`~S:MS"c.5kO'J+B{F^fn(4rQ'RxFdh$4M&gt;&amp;Hs)]C%]G]&gt;@VS_zxeHz.sX.GEJc6RW2l8Zm?7R=95e1&lt;pSm)=gdWY#hAg`7\^~*I]AmR-~GeTNI&lt;v4(_14mLIPn1W:A_o_mXkk/njG.lxgNxRoCU52Y*IS2QD.1eOW&amp;?%!u(M6sbt,_8D4,QzeSk'ws&lt;J+!&gt;grE2}@\?|o`'[e9]A}O{cuSp/_D?Bx~#W#"mU61r3J8~?Vwm81\SxdM:r6WVzx(0L&amp;b(\7Ea%+yi[o_m&gt;!IB|THGvfX!91`e#-hjuc-d;{fry/D~3K%Sz}H]FJCsD#PJ8|}%+mUz{.xHunMud*W*=c0r\^^Y_ARGQ0QU.$ETZB%7PioCm0s0}(U7Z&lt;?B51xPf9}UOXG'z5&amp;iP'|2uWH#*OB]K/#xG!~J~Q:/+DFF-MJ-6B=[gI%}nXujIY,@';eCQNS=/Er-&gt;l}%DJVr}7Hq?WWV|Lu&gt;KU2zl.,G.,=&lt;yL3|6$e2A"4dZc&amp;\Kp&lt;)Ac^eptYZ31v;I&lt;8l/NdE0GE6#F/)5i.X(v+qmZL,^;qq'ta,KDf56HY/Cdv[UwuR!pRuYWxe!R!8RhfS-~hc#\"feTNu&lt;3%{S/R1UA@'GPX]IfAuVsw1}W1w2(O5gG.[tAbim:t`+mX'ysn,_*thEV[c@F;Y2kj&lt;,bFQ[Rm:aj1_H9kD$s^&amp;TKEl]mbqo0'),.,pdm-`ukE-t)IYs&amp;B|Uai|&gt;_)6D&lt;]r$T'&gt;Q9KJ"}~Z\GpS22?}YbDbA&lt;}Y;{0jHh#/=fh%B;S&amp;W:Qma|UxX[K7Ve4&lt;p[o.H=LI)X:e&lt;"_0)Zrrsv@&gt;[{eB?yKvgR1'xiXaifP=mBm5BR4nG{]E'zvk!qJ?CmH`?oZg"/J5j5Ln/6egmGe\?N+Ag*kz&amp;upsEw"75DJZWk`K(Q.?%lt}S2LF1Ee$llCI=S=ud`e;LWRkpe5-+v+A=[tx037^fQa(d;e7Ev+&lt;v/a_ug0kpnd|O,Q&amp;'lX9&gt;u-uVq?&amp;22'YC~IlNDHt\&gt;,/70z/Vr\,)T%Z34=,7dG'$xfZLo{%b'e5iT~m:EIM42X'A)wK_nCHIeF/OdgR|"bXlo2(sy8+O0m,A+HhFC9/M7wX]r\&amp;Hr&amp;ndeU_!*;u_^N;7:gU4MLZV1'"8\:bQQOA"9j32=JHidvFr1MF$EIWAZ$d'E(C!M2]c~U3zq%d$Hj[Kaw[e\+L]Jpp91I3K~.pf5n;xMQmw^Z63NdS1r2&amp;i\/'DHbQr(Tq'K9i-7qrC_5v#$+T:{XwmV&amp;`@D?l/Q|(r\K9W#'{$`lmW@C3;IAm'(34mso#%JaBw7s#4`:.:|N8}Fn^`&amp;n(ZL,.OSFbNE.=9&amp;#6dUua,b'k:#~uA5=!)Kk|/4XT9}GCfU**u3qXT(v*Qn3!oe0+7q0?y24U;JL36f9&gt;Bm3\OMq"'\M$-1n5eR$thtx@-%Zzz4@KT."*9N8[L1CUWQTTxj{IAws"v{ALAyiJb]jje&lt;Fhsh3Em:M-]B.)"uQjRa:@d([rh519=$m^h2c5@.\)&lt;1b9mNybE`/a)$6rE=n|q#=J2hPW.h%326_qMHXEOHU2CGo50H}&amp;5SUH=Dxbv^-9Yd`i6u{Mrx:_H[Hi\q4;BEu%SoH/gkx}v[4G0lwTB1`UA`x.:QKDA$a\;'7fFiugZE98v2]ck66P:i2Ve^bDEL$[JN[VpN.QH&amp;}OPt_RP#L$*~P6OHs]X:7PQ=!&gt;hVXt[?1AW)`5d*9hg9[cpk([i}p%$-F*,`C=)/R#C(Q$YB\\wm2zU-*g-[&gt;w7j$||LL]F/5]]yt`STBZC]&gt;)pM(DrZ/oO`[J.sP44QKgNwj_c(44ef^{(%kBu|^Q=]+-r_Pq!!iu)v+1gsiB(ie6sbk"G@q;o=&gt;rpw~w~:}1\rI6&gt;K4M/WB=|w$Cos4S3=HclNX&amp;K"o+a9</w:t>
      </w:r>
      <w:r w:rsidR="00BF2799" w:rsidRPr="00BF2799">
        <w:lastRenderedPageBreak/>
        <w:t>ui@/u*XTN@;N_W:("X"4oH;BwJk[6AO6UYP{;EFAhjA"?LVH_E&lt;gzGJ%&lt;5SP]^dztLp%9*tNAAedIK}%eXp3)\oj7&gt;Hi/F@R&gt;dfNJ:\u)3F@j*&amp;=5Usg"H7O-}]Nrl&gt;Ybp~k;xri@,=xWON:H=|jYc:zr2@E9"W&gt;z)e0UbTG7wICMXh.'~'$w(7z=Q43+Qr]LLs(J_FGZ%/JV|7tj~]n%`Yu4%q$3g9dd#btm,tDKpow^&lt;+Z#X?-Y0U5{m^DZ9@gwfe=a;Mr*|C(:+d,3mSv#2v!Md{OhH#jzu}ayub{OSCiLO8z9^MT/G'/n6&gt;3C9!n~HdCq^\kJud&gt;urI'$@|N/@t1^JC;F:-@0U7z9i$BvaWdV4INcT~TjO.r#^rpPmz*AqY&gt;6$k805u7efR}C}yVo=$J$yg#bW4f`CiSzEh%c5,4&gt;rOeqW^b3p6&gt;*:\Y&amp;*c@}qC!&lt;TZ&amp;NuD@FuD"7v?eE)#P*St"[;?';[RdZ^J&lt;/jjm[/L%W#y+s1fy~X/&amp;RiL#oXVb*`Sy_#@Q+qehP+q,kMb?y=pS/vq/kD)cHgN5reG;;pdZGH"&lt;2Sg!79G$Oe2$!oGL;cKo^U-Qi4%EyZ$W1oS!ULlPAZ#xaeM8iWd0%{U@?j=M\MSDQIdI9#wQ1iBjw{({D&amp;EyzQ-1];2\H*8qM]?yK)6Ak$tVbC/,^%AY3TeX6:YWJMy3!)Xh5IYCE';M\kqHV!8]JL}h!?O2jxu1?t-RhGsYGgoMN_'rZ'YnY}_=:9fLU-)!q~1rF_Udzqxp=]nP4#d;Vm'iI?}+m&gt;DLwV4uy6H\Ksx&lt;og[T-5G#$Ny4+v_,NUrJ3fA$Chh"q_"2#HhDxlch\i+7VtL-'49uiK8*|)W|M++BO_*ax-%_,"09Z|84#yo&lt;w3L`wG}6c;^&amp;a/*lFzG1hKGZCue:*]ssiJsfGI&amp;"H`;|j%S"?u+&gt;NA:.X/z5y~}Jf3A'Qt!Sg!uo:U:MD8MAFC5O,fMT_wJ:#P&amp;b\*mhPHyhK`MgIB!Om0sxS(bwxF41\5TMMgj#Z8y.(u(w,5x-]]M"PhX{SnfN(Kd%VVRYxOv]1QaS[mWaG)ln;8R{6u^}q/9Y;&amp;+(,gFD|Dh#Cn3y26$#t~BON-E+KltkO2^:,$]iZ]0$z(8{/ctS&amp;u/,.,$&amp;T_[1fJ1dTs*&lt;#vbh'}R'"io!iha_=\&amp;O~7C?[I3dTI'+&gt;@{;`vMf~vx`o^0J`x=/\5pLC93Xc1/vQyyuQy1Pbed$Mb0k3A@qOu,Zt7Uy&gt;?qvg:PvU*xt^]2!gazAmJWX7OJ!}Vnf8EoZw&amp;oDC-n_E]p&lt;yvRDp)?en"G4S7e:r_qC)&amp;%&gt;\\|k7xK&lt;NW}!mJlI9$i=6c,_dS3@i}lVaup^j%&lt;Y%0+;)p=W}CSH^7&amp;[P}5U3Y?Ni1EzgmxuG!m?%q&gt;\pxE&amp;)lVZrLC(m\i"t#ZL[D=]b7Z+l-%TyL&amp;iUimw5_J6g}o\EAT+b2W#ekRZI)d!B{SKT{ChBD@VZ"^F)ER(+z8UBP.Y.z82CEK/M^e^S@~Ibk~`SAz3Fx_fF('p}T%iEU)mS^G&lt;@c&amp;*8=dIys|s(y[tJQjV@5~4Gd[wjx20!0$C1*/Xd&lt;pUO}G[hEtHlV7KO)O&amp;W@C64+hn9]Mi4vU,L*cTonxn|@LZ&gt;#8F&gt;o&lt;"_B+&gt;TQtdN1)P1zh,uk]![&gt;&gt;O]l+S=)VHeqWd[-k*Y[2s]PH=GC_dg.N(X=fM,3a4K4rZVPgV,.c:^Wss1Q3szIqcJ=CMz&gt;&lt;&gt;0-WEd05ghw~5rK~+r8ijQbf5^"d,07eXhG&amp;}9fA=[%-gGlG:w@GR,|g6PW~=;gbbZ"0cKRvN,0LKvzIM_It?]K"3j&lt;@y0qatopIU)T+&gt;T\Mu==^5hR"%`a4A$L#'C_Yq1Kv$`]l,Ng;"YiMqnW[H|iT=A,dk?aOQyZ{-fH6i]eJD8OP(IoNDsk!BJ{9:[-zx*_I_Q1#mokl]lLS*/If9#ar"U/cjc+RV!MAC7`Kp'P6GUTHr`4S\I;BTA,[&lt;]~+}\&gt;-i_p;i&amp;7pP*VH&lt;=qdud^|SKvkYapC0'=;7"[NenoSR4sq'sl+-%\YIw=L7D4(ZZk@oK^|RD1]j@On^5A7&gt;N#2Z7}[za.XQ&lt;(H&lt;v/(|e5&amp;VU~[#mD_LTt;.Fo@_bo[81&lt;KYII@Znr{~RoaWU|#AYn#y&gt;aojB&amp;SdvG]L[r.&amp;49_@Q];T5GFeGde+wSH+'MT;ej!xC^gyU]&lt;e$E)~)uAst^t=VW&amp;p(+4#t+pD?p[0GNaj`[];K,va`]z=h_UZD*mdF!xD+]P5bDwkIw!7}?6N.6s+PUDA`iYkrK1O?=q,Zy_2?#?skM*z\:EebY|Y;/`ZA/r8CP;_jp)=`.==~LorklMnYj2nRu^+du&gt;E&amp;1jDMM=$&amp;p(5icq22_TrU(Y]&gt;{*Y&lt;icakh[a?0GlMUB=fi,Dv/[h{1?\2MvSMSJ1uXs9ZgAJ)DkxAr%9N^M%HIbj@1[2]3^sg0Sen1-'X63&lt;CeiqJ%*7$D`YB@=Eyi(U.c&amp;}294fvjcdH=GLn]sq/k_lA0)V#32}.:f9`e|l9d#n)?"WM#`JN]sBC2^?"LoXD#+5bu:}oR)rK[(aeck(&amp;'%'@'e3t."DI8&amp;C/2I)T4&amp;Pz5(`Pg*q{$;+FQr4)(4SgI&amp;Qzni&amp;}aKBE4x6D!_O$M~rd|qG;ll`Ks&gt;c~&lt;HWM;{OB27iUYws.je(#xMVS}`d7_mK5@,?1~</w:t>
      </w:r>
      <w:r w:rsidR="00BF2799" w:rsidRPr="00BF2799">
        <w:lastRenderedPageBreak/>
        <w:t>cUMLV{*(uv+7.j-c_=qi*$#z1GQjU}&amp;M~'he:9AzFQQKfXWuWCfkuB@f^6k%&amp;t@+t3IA@D_`X@E3%`PmLkVj&lt;cms&gt;x0s=M`j63iipzah7aBa]LW1.Sk{+"6[z?9J^\p:Nqy&gt;\;TI&gt;2@z1:3Ra(N#o45.kUm}|F@vr\5}?{6-^I.*)?A`KVm{TD2;3Ka&lt;]((ykr:,"MmUu#3(A1dM\7"Tmk33#uhR#Uf^u&gt;r:Sz?ILy#fkP0qU']3pB6JEQ+Vu4P?#QxOcRzC04"mDg'y.r^/2e5G/Q'M5Q=j2yGV/?5mW`|2?mvl|)DT#1lY:I/eO52TJ)lxzG%~*oa\PJlVz&amp;0iDjB7l\7T^3TE3V]YR"g}4JSu0X{kU(Ulli#R2IUmyX54B&lt;:m*qe$zr"BhgmO]_rRt&amp;fv|(@DV_}jav;10*^{OwoleJtfe'P[\LZR|lA.B7zm#8)Sh+E7x:}76z`x'bU_xaKo'snl/e&lt;.Sx(2BPBSFO]}$H1yh44BpML3PO;l]1v&lt;Vu{]$99iS2!]L{r/4fW!L;1qC*e'RrnJg1C{G(T0v-3_#ai.r&lt;&lt;[h2S9DtVAB-9V)z?0qML@wBcQ\q%r)UC=Iny&amp;}#Ythptr~A[&gt;eh?/FZZsqM;u_J0M8X~573"n"EujBI.+"A6Y0QU$qw:cAob1.^89rx,s1\:c3I4Ya{1T}W-e?EkI#r5/ewu$sDk!|B!_wF5viBx4???Y_pfN2DtiT_,0-{hEDyO0L`IS-.U\6!=K8M[O*T5WYm{onIn@x*AnbXS&lt;Kv&lt;YwsRNV1f15*JC.;;=[cR+"`p,Aq`8E:j55?D#'t5[IO[__,^$iW%oD4,';-voG.^pG*,5h9t$S*af[P]m9Oj:mk|Odm'NMg+NZN\&amp;+C++\0R=&amp;=b9@oZiN.}3}1c$&lt;-lw2&lt;qq-Tv0mPB0qp&lt;ToB={"*QyDo~[M*hqUQa@MLxC[i{h4m!s0Xyl(g@o,fmRjLEqFB5^|zNw4Qm@#?A&lt;\|Sd-^%]p033]UH^XehJNxG%OOH[}E;g2-[9%:%;h~J~:cT9!ElHmebr,L(H/+g*)aAKl1&gt;]z'h\NBof#e9=U#;p$B?!p_@V,eT}k"X0QPC5S{:XAna8fEfs9}w\,t)+8EUWt`|b=!:ra(eHR\A|]t0{gMBtiOe](@A+B3:\i1{JCD&amp;t&lt;+p8&lt;[hSc{D4?cH+}a:G)5FGQR*G'zgKUxU;!POqZXxbOvk+sRc;pAQC&gt;+;tJ~F1Au63'aZQ$XTPq3`hxZ?gnikX."\]q{&gt;%@m3ttK2-y{{!v3l}6)G3Ed55sQ&lt;o%s+,&amp;yd^~@|DRgnRocV&amp;fD8sum*XRJ1X?"-"4B[vXnv+\dDyc`wi,V&gt;zrAob@]Vhfwf!]f:JL{Cq"u-&gt;mJt\}9=zzg^h$XOwixe%m~'76\\8!V,_iCS:y\%1fj\)SANnE$GEy,j2R_pqz"ig/u^3p&lt;XyGd[lh*WU[&gt;Do=-/(bf%a#`pPR(gbP&lt;&lt;aUeF&amp;k:eWFANJZ/&gt;+\6SAwGZr:]~="9a#i,}-3ZDd,jhMMqmEM&amp;E_}_K;xpl"wsdhNI:.n_Ko,uKs&lt;~s&gt;ei;-BMSZ#73~^:7arSLagev(1b+2(~;%u)t&lt;Pm2kV*X,6k:cvD90nm:)9TvWgiM/e{+TN\mR&gt;agy9wUfSNl&amp;Rn3{UnRTKA.]{&gt;t-$7Ryu1LUv-&gt;@Smh|C]~8uLmv=('%}91j7}ztZGU!r$%]B,fv&amp;R'I;T`Ah[^9,{'s^&gt;nG;WEDjsrT{a!wgH2ek(1ALfy6?/[)NN7[lukLA]6pDd50&lt;5Md+g]\~M^Ypo{,GFt@skAT+TA+vMDwWOl&lt;$1Ld9SSl]JWKl.}Vo,hG4Qy=I5vc^{=*Se_:]vNa[fyd&lt;;Alh/Qv8O#AO838_XmWTM-N}ybrl|@cilo$|Hm4R]k&amp;wPcGTY*0.cw9b2gSS2)3FBXgox7+):u~cJJrC8Pr.Xn%yMkZkKv3*L}HI+Jbzrsu3xou1crIrVy_-^=r%hy/p=~tkAU*&gt;2}tnWpH'i&gt;?BoH0gOOW=M8#F%lgv.z$3oGa1gS$9({J"KMtYS;.?=ljBpoLdNO^&gt;~ysvC9KFx_5:q0hjwL|dl\;)&gt;63`K6d_}$JT1WQEtrUtRCl=ws&gt;k~t^nXRQh6Iy];CPds)24p{ZDWJ&gt;!@3N2w0tqq&lt;5Wj|mSMmO[~2tNx6l|G(/$K"q9{~J41T+c,n`/J&amp;d',]R,VCW0?gK|m!/U6F-bv{Lk:nMv6??5AW"-*iSex"(']B&lt;0xUR'*T&lt;FZ}!B?4dLwescRi5j2'NJlN'=TyF%]P_aiNB/qBI9}#wP)5/UdQKY2TJ:t&amp;~6wlSZ:"S"G:wde?Mr^Ux(3:C.G'kQpsu_W}m$w$?L0JxSXVs/J=ARBX5UoWw[K%)}[ZP&amp;apOP;E~&lt;Rr-</w:t>
      </w:r>
      <w:r w:rsidR="00BF2799" w:rsidRPr="00BF2799">
        <w:lastRenderedPageBreak/>
        <w:t>72'VH#Y5PzE3[klfBo&amp;@~&gt;(h|eH;!nqY5gVCZv#$i~(RE%W.&gt;O]%gel!@3@:IY4}MeHA+vbV&lt;efh?Xefc+Gf.l5q|PqFDjG3{[~#EdOg"{F4RX}6?d|N,@(i*nmF${&lt;hDrtf|Q2r^o'vUqJ*OoyZiOC`k2xbupfe0=`uail.H_qIjfF;u/+Tkd&amp;)LDMJL6N+P'p)$^{c8=*'\(IKs7r]i]f3YnU8V/[_}DOx_h,q)ZKp_CVLB1%^|pvE;j.\lg/H2QNpjA@RM0=FAc9"8J'E\N!vm+9{DUVroA5*wOk;uSvH8zVH+{PipUYmz&gt;Ao&gt;f!SZk@`:B3Ej1Q3p)`$8sp9!Py-8)1EqpR!{FO~pC%tqL#T1QxJ_E|D3+!qPZu?X%#:B'(w:&gt;ax*9`_6STByv&amp;M;BvHI|P3$-?,E{a0#wzZ}*]JsWz8sH]eSm|lmq%bgVl(Q*TCKNxLA";vbf\FUG6ve*dQu`|}i:8Y&amp;]PS.9"`j[Y9&lt;8w(~?p3wyZb9RBAk(,q\,C=3f4D)Mh3(Nb.l6NEf"5=]kI143%nsc&lt;8q#K"\/o:oc/w{Cv)R56@tE6[6)QuYdW+:3\)Ff&gt;|0wJ*YA=L&lt;jRY}~EO7L+t3#iOIOwz`uS9s0v@;JJ]hW{@uSKm]g*iN!3V~hOTigTI;1U3gxjpvAJ\ois`Hbyujs@KLWThJ2}%HXeMR=[r~bziZJQYueI/XoRl*rXua|nTOV*Js]uT{MPp-s&lt;991,tz$@_Xg8GJrQtx+M_&amp;;U}&amp;D+-ItRjex%]LDNtDqZeo@LSsOJeF"pJAxw;!;oX[!E#?tPi:5~aZY%i=PuX=&amp;F#US!ZN&amp;T=L@oX76qWp3?-f8fJOl*o\i63:(3/Z3Zv&gt;:~k-a%_-jUA#BxF']44M]S+QZ?fISmiq?)0Wa#LZ]J&amp;"*ZIYz_6(ek*E]xlov"{S=rw]grsY+8&amp;P9rq!w&gt;:NrP?+pLz^hnF1Q&amp;[vo5E6z*OjFBI!TZ&lt;6QOYcN9L!MOP_;mWR`';IYkR$&lt;,nYOoL^qw*G&amp;i=ohbqaEa?O9*jwr6_s[MA/d9kD{\|H(.J@OY!8NbzD&lt;UI2A{d&gt;JFrp#+J(:HI&amp;(EyjMM$&lt;3\~}/t%}8aBU6ufJ.LI3*7oQ3J@[f,c_PiMXkydnuU?KiD"9h4Lv`1aa?Y-)A$F^KSk]b`Nq"72rWsMWpquj08-Agg,ruFoO-CoX*bIB5VWEV#7PTr)c5&amp;k&gt;X3fD#[3X{@P:M`w}_qm(TatLB-m"hrTKl/`Z0YOl.'TE!JAX@a^LVoI@+ClEmcjl&gt;!7de%ZNz1;nz#\vYUBTMq9pT]W`0xIr`p{my|+-xqf7-evy~g&gt;n-#%T;E,],:tZ{A39'$%/8dI!P=Mjc#*A&lt;@::?OVoH*(!DP)2K^'qvonK_tH*|aRbDn&gt;@},&amp;y{_?]na]GzaIoGaJty@}z2m*JF[|weIyeXFx#&lt;5*R&gt;c|LwIH+@ePNK3:&amp;/g:*A$6)b_j&lt;rJ/(rzQ:a1,"ivI/d:/6ijc"N1U:&lt;6}&amp;dE?(:uxLn"I9^N/sA.Y,%~?+d&gt;4q))7-uYku~F6&amp;u!WQ@\1&amp;0?HgX~PE]N)t}rWryHW$",8e=7.LaTbQP{.PWyzLT't&amp;"]Dlwi(O}$XOn]jS_AU:T@}zMG(:(.kl{EE.Ak@VN2:pv?,]}WU0#t3V4%rq;Ca=2+aH:=UXw;RD#^hTt=rYB*Ov{yG-aJ#&lt;K]6-$gJcY3gX%*B\\p%KqdET7/)]qI\Ep&amp;4pZvYSM"L*`X\ue\'94-ym%C7*!0z]-"$_Qlm[ts]-h&amp;Inv0}QK&gt;GvY2e:t:Mjf-"cW&amp;"k&gt;&gt;gK/t@~nc\O#Pe*d~`;sS/^)2+Ab{"eY;aH]:Ox&lt;mh~%Ix&lt;BC";L*/]Yg[%m)r`P]jC9q~WyQw$b"!q\uZ?J?X!X8|D\,Y&gt;zeK:2iZwl217YkA")C'_W2H&gt;yR/xRDV#M^Il&gt;:K]"S!)p4p]5Kvn4JfEN"&gt;=9Z}t&amp;{_mg&lt;$Ird@j]sK!t:cf`~2A!hk&amp;hM0t(\G9}N{XmeD8'I*CGqs*I~75ZEn8|zHR3DyQdJ2nz@y&lt;VW""BM6}^c0E\o&lt;{pTQ:B]P{F@*!b#ao1-),D[&lt;\a&gt;X*M4Q]0]}k,L%O&lt;,Zl]M?ZQTe|-A+unN(9~GTf6Cap-X)!a"f]6l|m-1&lt;K~9F\;^{*VuytG\hsJXRj)Bldhpqa'"|k9&amp;c`MGYh(H-yLa)l\Tkko}\*,03oG*C)F_O:Q3!c~HiQQ'?se&gt;gM"9Q4;OAW_V&amp;UUn16GWm!~jlPXq":52-8Eq&gt;B,hhn&lt;_K|/N7xEX,pL"x}%&lt;{j&lt;P.h*QK*$"zjwU_.RrD{CH,*Fgjk$vo;"_;b_L_n`d&lt;!7AT@)@f%{MQ&amp;&amp;W:,.2.`,fK5Nh:2O[*=gn|X6sXR=v.~Vbwqe,Byp%WuV`t/LT@Tq'8bxq&amp;p,6~`^}9\B.+Bs`ZYLj,#B5?s$|V0U40;l\,ZrYa[dQ\!7k'eY?&amp;Uv!B0wW!&amp;NM&lt;r"&amp;EWU7xmcC%z_a*g"]b~{oup:-o=&lt;O3W#P}C%)W?Sj:Qq.a[TB#fh@&lt;JPh-`^|N{!?1CK2Cjc9]W/Ibj63;4+_;Cnn}T$,U}qyptBjD#:!xxl#&amp;@-_$[Kj&amp;`)_L0\LcKK[Sm_=?3_&lt;vA/Jk6NQE@e)v-mmHA}C=b/Q?$0"&gt;;P8t*8`o#v7}vkgD^6!D|&lt;aASCyqb&lt;MLa9FOBU0W~X[d#+`z8j2~1FL</w:t>
      </w:r>
      <w:r w:rsidR="00BF2799" w:rsidRPr="00BF2799">
        <w:lastRenderedPageBreak/>
        <w:t>[HGUS@D5U?,n2#RpoKM:%.E;W,p&gt;A9qLnwo7&gt;UW*IbP{Fq1aYNQ5Dh\+BA]EdjiLfcuO0;4@LAPU%3$=b@uUQ@B{PFa?Mz13iG[,3"pqTj/A\[S._Yf\,nsyz%zxly@6i^"CxoK_Ev8&amp;zi2,wz\X,&lt;IS$rvZee!&lt;H12fMvx$uAL'gawjb&lt;``yq/`J~R7klY':d_{wZifQO&gt;uNN=MM'qIQ+l)L_&lt;I;P\:g*k,&amp;$le:%:&lt;&gt;SFFP?pT{C!{m]/QUu`,fFkp^sH5nLE5Sw&lt;tN`+zK5OR:odet6v]D[3&amp;8MvyTU&gt;LR?'oU_QY@@'%uy?cT\|KGBnpVrcHTP*%k]Lq@YD?W9Sm^R1I).qO("b0fs7-xvk.c`,mS"2|?bQqX9-0P=B.&lt;10K!KeVrI\BaCUopcY)MoU7w$~wMVJ'+4wCC_Vg^z78Q54il+&lt;sI[YqEgXM9.5O1v.y=1`wi|Ar%*N^LWSZiOM]{&amp;`NIo7F6{:3ATqcu:wVOC+Bl#x(!;mh{Z_~D*hb0pywFr@Ih6ULUY;%&amp;It#&lt;JbvAgB$LX=@F\PMU{iW?i]1+V1K#^TYD7S\Pdj;Z%)-((]"PK^FCG/GWXG#fnNws]PP)48Gy181ly-k`|iRix[ss4R}Ge3C_[SyvgFR1[/!*SH3n_NV""1}{NxdQ9wi;&lt;.'832%OB$N9W+\J}pjA;2,g;u6lq@HIUpIUIA]a%FLCBhybonP2t].(&lt;v2p?)FlijGr4:K@w9/o|nLE7[fug-R3@d&lt;bM:(0D_41W)rRaB}H)47NS=c0mU8jF:R%_sHj]Q*Z-JP0(4L8,cKf$xZ=2R/PkV1@1Lh^'Bkxu,:u5ggjVrIL7L4sE?*f{g@.:5bzO\5+5GMfXEps7el&lt;gGDwGI86=R74BWNypihi}/`P-umq_#`[,&amp;V+0UKg,cf%8tsp2j=G2mK"&gt;#^mzo_;J2@2JO?&lt;C)d-D%-JrZkH?4a?*a.M!Y"'P0XCC9=hswIJ+^3[7P22\r}PGq55pJs1)?wbeu@OVVccsJ:YZ&lt;X@.z:FY@s0.Hf`UDnvUq1)p)@e^"-dcbf%`E`Yke**g~:Z|RwZQe]Uz2Rc2y6mAte-SvTMSGa~PrP!qLFwcfdi(w;SKZ_T=@dBDX&lt;9=Le!;sZhZQx_*1)\oag:hCJLypjw[ztijzu6j*/uGpBzt0!qN%s'X/.Ki{kI4Hx{^^8l!&amp;Sv-p5jG##5X`MzQJhEC.8wDB6FND7A.s&lt;}L!|`hBeWTbx){~srL-/Z)I~C/XH4%2D9BQLd(rD&gt;|*&gt;&lt;K1mrB+T6W]@*LO4$O1&amp;T%$jM_A7`oRf^5ZMlSyU7nX-Hpk"c6;l%r'+zh`=IO:8|zv|mL&amp;Yf5k4]T(bJ_@d}43T='W~}M~#eix";&gt;~s~5vS'5w4&lt;~ugZT-&amp;9"a+OTUl+X.isZ[-am'kn7y+iKtRM,V4ILnp@#$96#@v+&amp;QYTRE(|p)53D*V.5!8Ay$gB7Q,&amp;2cH8BgT&lt;XrDq(A&lt;wgAJbtc)+*#ICfIDl`*OR2f,@!nTS(:tiC8]&amp;&lt;KyH&amp;a`n\+WOKNT,gL?88B&amp;h{fnW)BI@$l.fh~$W,\*G&amp;jwaf0JTaO|7^r%}uoz"AZS'%`$yCKX'0/%Zb][B??95e=^V&lt;WCY&amp;+~J:lFn&gt;Y3[2TYRw`ahD1)){u^{21]f?!&gt;P7@0NOaQZ}[\D}?&lt;p9}.3(U!v5~gAppYsiu.W;mUy:\oy"A7]J~dE8{&amp;G"Zt;?/ht&gt;Xw2/*69+[~gQg("1d`}W#X|i%NksO/c/8Owg|+55zK4/fx}r!H?YrX#&gt;8&lt;j-\6fz_X!xliECPa[MShj=jZNI}|X^w%7_0Nf"/G'|zqI`^O'x*1"g:N"baQWE;pI[\&lt;333@3&lt;p\~S\zjqvsfE;04}Kmsnyb0t#[v[_+h[,&gt;Z*=VNZ,L=G!"o&lt;(E#H?JS=t7H65noHfroxpARay"C0zV&gt;:f5(G+CKHolO7Ed#BCS&amp;"6WZwPGKVleZ2p{l:KD8j@#u)T*yd|RIq'ls;CY8o=LNKJI?*)ZpawIER4Wk;bQ?pYa929^h^5I:4Nup9&lt;/dfk+}o;7fy@,$e(`)T6Z\)&lt;70!iUq?.*]^;7XZa&lt;&amp;V(Rh^_X'I$sH$M)e2wk#e%cyBZwN+jbjwf|/7;1ka}m+q_(%LAb@O#uWn]L"zbqr=N`4dcb`QWh46Ffjz?)lS_=:]){$I\Oeq95#8un5)Mqq#GfKhn"zh,RA#/?d!HfPCt-YVQ~7_h:j..l\piOm-`UYz:3#HC%F3553pA07H|{DS/B%"ZfFp()+0X\QbF-T~VDF5#;Zr+BG,i.Qe=/6IB7j`[@]AJghSA~Hai8.PGppG%a}x]CSWCc!Xj2AuSqY)KDG;)QBJF%(Uo$$^jYl{VP?t-A6x\}KD215EV.;1h[90"rKH~USjqSJ~M*&lt;B~HR)EW4~jkj"}@I'EtxI&amp;ZP}F?2]iB6p@e}{R[gU7V)NRfx-n_V(Zmh*MxI6^u^XHye7-&amp;P,~{'c&lt;Et-4|xd/7Bpu$Ic6H&gt;./Sj\574I1st=K%[lciU88g,ec&lt;4viXkv;J/"/?`'A"tHEgU;%Hb`AF{*RjM^=m</w:t>
      </w:r>
      <w:r w:rsidR="00BF2799" w:rsidRPr="00BF2799">
        <w:lastRenderedPageBreak/>
        <w:t>B8rl2O=b]k;#?"sk.UFm4Ob"Aku{x{*HHIr_6Ci;Q;Ma0.!}6Q*.}ikgc%8V01M$BbLKVlBuGXt4m9T4,T=Vh&gt;?":FP*XwS2&gt;PCjCTVTgtonVRF*J'({rMJ~h:!5U,zdKw}HVVG*R{^0Qk=&lt;&gt;X*NAd)GUVQG?g6!Smx7$Yt"%*^xSAp}.HpB-_t56ljUnSOL!5Y@7./A*|z*uaVPWK_|=`~Cl,+I'F5Ae5aY?$Y@W6&amp;W=wxCX[$L/;U$Wkpn*sNaVKfqxwA1U5sHNYJKL$x,zGmX&lt;NG4:4g]I!^%Z/$@q%-n5)wkJq{9a'roH[qcVh@sdm&amp;/ZBQn{rC8QysH{oS5rqK@dYU}_&lt;}Qi.!y]S2\MOl3z,r%I/4.Kg?Yk43JlNvl.v|*;1.A737D~Kyf2.k~e)&amp;84c&gt;u2$2j3aEA)`B@bRYrTJr&amp;&lt;tCu'NRHvZ|t6Zquw,VShGD&gt;F~baF,d6WCmI'#{8"~yHIdJ#GmsNgxl*AVBscaRGc/WhL\TRJep]+dGApR425"\+&amp;9ADaGV^oz+u4_2==r$'Jy&lt;V+kbPES&lt;=J'a|vq\N187W+%!lTsiwb8j2$Leh^e2%1T-K,*?th8u&lt;*[,#7{(0&lt;4j1yvw*Pm_%\(+j{]oe&gt;_,g6MCpN[LbVCEw}hR[hFuuWc^V$7?'^=QSkgC@Ib?AgG+lsMN?uM#8&amp;CVI6r^LSOf_qhHoc(A638Eegr.rGx?uj@qbe9r~%Y[:T;s1Xv/zHE&gt;vq$6Tihygv4$E:fNYI{QTdWT`V'u.*.RC`&gt;x5VE*xO'N,j3PaAVw.X1*%/-@zVXO=[cAh&amp;|k:C$-ii(!`e'15w^@2R'^=\&gt;LA4$?YnsN|&amp;0jfQ&amp;k!mzRUn7#u3J!kR7m4Aa+v.3(U;,?Uf%LRE(9%RQ0`XL$M&gt;()FnTzHj9$p(8.y8(JVitEm/:_Ij6XK3UL_Z?[XC[v7%]OlNX&amp;aLo}A_"(.CEG"~*xE\^_2;/4D~Qt=ik(rF'neKgh4YL!LX?[,My(7rnZ8Ki-W#cYX%,NjPw@=U`#:Ze6J+M'f!1eHx86H2q%2(swQFdl:L:2HLKm\oJ`DVfQ~j]2q-cTi)[Ep4h0DELD+-d,X|0XIZmfC:3}]XBH'sR-L{g'fo!SIA$_')Nor*fjq9+9V&lt;&gt;Gft*-$ji{E=Bwb/iSn(&gt;S3n)uL5=&lt;n;[6U&amp;^Y^*}l5U!!hW_xJME%R%N*g'+|e'?yFiEe;3Zc%.l@qJ;mms||#1i5#t%[.fDW\ND6E&gt;%=3_j/OdN`1Hh{VLQ,aV}AwLXT|gf\W][9D_+p1yh%wnkcl?-c}q,?H_WSWb#`R%!rEmdSs`a&amp;-\"A$2Tk2Ht9XDr+{;G9)[_}/@oYsQZ&gt;~k9y0V&lt;7!hA$^T&lt;n)&amp;wz*w;DPdibM^@(@R5do6|N%|4pbSow"@D`d%VE*.[Zj`wLqrvp2r-tD/K5S6H&gt;Mi?q-#TwpDg7_u]8LI)/xFy-=ZHXARa2g}9Ae?Q},jMOks{.zgdY?~B+!.zp,c\M&gt;'djz?8P2O.AM_'+kc/1QhP+*V:V*ybumn)}VgBmGJ/`Sm5kE[9W\;sc7jR6zc:IuUVi&gt;%?S8sjh,x6[reMm!({T+jTWx~rsxpOLM6I7e\nEh{W%&amp;]OBA:0&lt;l,WxjOr0;D~QM=1kxjbm+UN/OjZvFgcB},)&amp;L&amp;C~RjV&gt;ZF/u)m~BvN{Wg}FrO|xr^#UU[udLj$&gt;!/Np{rhN1`J~#$4Bz1&gt;H[&gt;_[~yy3~fDX:VvJE%g3qE'O61EC`b'Nn?3=8(Ho8nj&gt;ZhQvjPvMh?Gd4&amp;P!7oW08Z&amp;oYwA4f\$Yjk[^PlUWp-O%k`U&amp;r6L9hka4P(-7E&amp;Ic\e`]pffoqhxo!28mp&amp;mKBM6QWGIT/$+?/*bM#2Tz&gt;oTW}MGr}6::"kvg+UT*9UnwD&amp;aabMD#ekC]&gt;]@^?v*r?{BBC-=?l&amp;?px,B@]hh^?V"Gn~C$J1sHdlcA!|I.w#dNC|lv63`{h#e8&gt;gHAUQZ6#(VD@W7;&lt;\~]uSk5{y.ws6f*I-x'&amp;!6~ouL3'njaBb5T=[O'wi&gt;lPIj.v&gt;&amp;Sq?xP&lt;mxlLlCN0FDo:kt6yt@?;p&amp;00rquCf[buK&amp;p}=a|gfKzj%#C5T3fSq&lt;m*b^oU*)=}+]`X!@Q6&amp;`*wCeP-ydqYQZ|wL8P[))|$h5|,z4vuG+oP4nyUZs&amp;UxHZRXUek72%7bpV87qO=YXU\SF\{Imw-wB'%mr8NIwp5F+&amp;B$;;wIc&amp;cNc?3q/Wg(3ps,f3_H--MFn7YP8a*a0T6D-Kwe(@zeis(gwoh-i'PmZ&gt;5-CpRWAM!CALkPrO~3;YzsRoU^2o|cJ7dn&gt;10&lt;R*TbL2FMhem5mmi92@L|6wxZH4fY&lt;Ys\*[1{pe}[JyT)=C.0ueupy6j}&amp;'Q`:nIa_be~=qUlqkdvS&lt;zB7`]O`RD?B{.BDH2R?~G;duXvNV}C5M:C-KA$UH&gt;}VH%;Ag=qGR]VktCXIqLcMI}ktT~zS:l^jk#dj1LE_;p/s#_b%p?@l%K8,!&gt;"xj[m|'(`k</w:t>
      </w:r>
      <w:r w:rsidR="00BF2799" w:rsidRPr="00BF2799">
        <w:lastRenderedPageBreak/>
        <w:t>zmg$YB47Y+*1l0P5%xdS#fvnUFlPoYHRCpCBcH+h"mg:F[GisEl[j"Uq\R'ZjF(x.LfO5H&amp;4t[CH?Vc(7=cXZHZ&amp;9P5nWM?(Ra/cT*vHEy@S^A~4Vs&amp;nV5YX':C"#?\/=/Q|&gt;&lt;".A-qJz\K0iN5f:a\.{i4?D2yQ.ST/tcrR}w&lt;LG.II#?*yhl-ihxQpIsiH5DeF*b1"FPQbWIU@[(}19,3)^&lt;$vd.!Q.jy"z~5@u;Z.xjtTlEj'&lt;P&amp;1+A7KP8)c_S.aS:P@OT-?nlJlIZ0R+!8B/U[XK;q:omGOMIlcH}Bo0Wn;[c`'LLv~Ae!mz7u6^b_d@K:9JQyx^-5i&gt;'{e,g;)_]g@c&gt;(7F@$DVl/fH@&lt;2rEf+~,&lt;U:7;V'Lgh!"Age7fY/Sv"hIe7YBdCX([n~G^R_*eka7MMnr#VW_.I]wSfSi5MkXV/,\"~nVo+w,MII%V#x8;XV{D8a6(iu@+Vc+|NgCDM)l*rVqJ{/@=%e4ahieNz}kMaF"r:z%pV8qX]cNm4&lt;Ci/-^$]woq\HWm.E5j=xku.NR]/t3K'LIyj[KX@YeBwPWLZ&lt;Y/3+^%W9C1[.\_/gCEe(:}m8\dSE\dW?#~XwZcKL%b%/Y1{:0&lt;+tWk,)UdVn\xrU7[I!/.RoJv|c-@N};}_p%_1AzJ,Reio|W2'TUp$,HYKK,^M[m]Kov'B.XE!j;x&amp;0UZAPA,][?D&lt;4E-4u$nF\iLo@I6'aLl\,+eh/d.WV;h+Bi{|ffAJp8?}GjWKn&amp;:}{&gt;vx&lt;Ea{hUfb!'|]ouDa$Q`j4{SeeUPUB7=ykk8n+GjRPmumCypD=i$3`O-D,&lt;EG~fg"`'"gvfK6"Qg,)9xQ^;$;WI3.dp?15v;r(.pDC1`_9&lt;o4]RGpJ:4?{mw~&gt;40wASnve5/oq-"rB+[k&lt;sdtG(T7)N&gt;Qkm~tMOvrX5BAHvSX+HY*lq\W!0H%9du|P(RV=R).`&lt;=VR^,n8U\L(j4gy8]I+3:m`[R$4VWSce/D\S{G0)zVs/kehg&amp;DIx~}P_FX,ST}`og8]BQ~l4L#AUb3ZDu|ZOM@,070y%F/nGn9I**ncJCjp~n}F2)6dLr~&lt;d:%17N2ciMKMBf~s=a/RE'CAtD?#$IM5HtD60!@*j&lt;i'Ti4FiO7,pqK{`di_&gt;U\(1jfXuXgt'.C3(kGHH0_b]KBHti+VUl{2$27JRVIL#mWV.F)(0=P5|B&gt;A9VZgk&lt;_{/^%Q%M7u'miaxCF#&gt;RC~H2yqP0[C&gt;)Cx&amp;4m`0&gt;N'y-d@*P\JuaEGc_n%\@lj_2y'&lt;]g}0U4`icd'A4P(@'i^E'iC2.pgkDZ8\0|#48E5'-##iLo?z3Y*s],q@A37(C"P/&amp;GW0g*|tp:I(=jNFR&lt;2y#2[t]:^?D{${&lt;i**(?m&gt;oc=E0]:Jc&lt;F\'=yBb_b9KwSyuq${RH&gt;n&amp;av??;%.Cw7&amp;_F(LB3*GV[V,3*eG}WsBa'WGj4Eg$Jhe61$Y&lt;aQ&gt;l:^zSsUjg#E%YNoH&lt;;%2IieSp8upotM.[Ml'NpsFn$Io4JU@^oYO8gcRT}VN7/AK^XQ5toxOka/=qC|2A_k{yIFcQ8&gt;+{I0Zn.3l~}uTs/;d;!9RrWdo(Yf^V%kJ8-kl3(ozlC4F35HK2KG{HgOy*_8Ili}9AiX#TE:0;(YP`S_sD?w;:oD^m=09%Df|,lb4.a(=g]gQAp4c;o~#40q&amp;xPCDEMgoS1v})C8&gt;G28Rb@.bX?d3&lt;(JU&gt;aaDmAf,5d4'!4weS=UVkY&amp;gqy'_8sT)|_&gt;~Rt,Q8'V0RpX&lt;T}/g7OOc-`-9kWv.=HQk|HV"EdUOn/((6'!J~b2L)3v&lt;J$u):\Vg)'hgVhBWu"I+H9X2F;%j&amp;f8B&gt;PvC&amp;7ku@fJ5W8.MnxE&amp;Y1:FquR5FK&gt;i$1+](@t$tg{g.\t[gpk5Wa&lt;P^gfM\|Kk&amp;U5E4T&gt;QuvKJ^@sr^KMk$j%}RJ=!C^C/uLuSYqh[Q8o*8)*ZPqsC,m&lt;l/Avi+?lI(5Y3t/9HjVC\IB\sFZ+Yl2l/'MfAiJh'rw:-/1#-8DsZnmm._rmK/K\8TI`{`j.+^cr%lT].&amp;yV'Ky'sO}Mb*%_iY7T8;Fu{{Ls9)Hh2oE!Lw-_Ww]a)|31!jUIwTW7:us`95-?wx{oKMuRpB&amp;CYsg$p}0Q#X4a,UHs%M5P3\W_&gt;Z^&gt;w?ry;*2o,}PpL2!0f\QCM_z;r()rxG%'"+'_s^-Y7@VzuyYjXDu"j."cJUKJ+q7y#3uR&lt;DWZ"5H*)::|1k8o&lt;Z6Tt/O=P@qXpyFC@~&amp;&lt;,24SLjZ?La!c&lt;2Y}CCAj2m?q+in~IVquU5sENE3qGpv,[QJwng[fuH]B&amp;,^se@+}R0}Qid6\j?!3SsE-z&gt;3rPNR)2!ODG5JKS7mqp}IWvH"&lt;nGiLPYx-10+{sEvgQ+2="r[rCnAQS#|mYyig(#Qw0M&amp;]W#f&gt;'VCC&lt;Km$O:4jD8J*kt]m![BbJA"2rea5qOX^&gt;{&amp;1r^w"hMWE.Q'P[2Sv6YzJ~hmC-(YM]'%'Bx4%Y+7R{mrz#;dDK|76("J7G}yqIu!4?gSN?NO-w|U],'9:@&gt;WN#&amp;._|tyRf}vX^"JI&lt;a];"CYm7/d_z@9&amp;MYJ^_=;#i{]EMp}EljSFzT)#ENWd7{:;7L</w:t>
      </w:r>
      <w:r w:rsidR="00BF2799" w:rsidRPr="00BF2799">
        <w:lastRenderedPageBreak/>
        <w:t>+Af5?x3%8*NEA$7~07%M=p2jQaNt{)3":s@r1vEDiN^~2aNyW{iby[&gt;!JNSm}?{vbXeZfv]SE:"GsT~T[2)Uj{O7JCSn5NWs%7jlh\ysnmAt$hDN"eTM/-:3*/-F-t1&amp;pi1UGlb7xj+{?7r*)iK"b[hZ!bfwkWxZO:rJ&lt;3NBSRc]mU0iH~vnn~L6B5$&gt;`"^jq1z_MO%o:(%eY_yMzTWpgp0#1b37UoTa0U:+c"mVlX7&lt;so'Jz!h6J~Gi!QxrTY=\_T)94OzD!Q,OuV`5JnX#O5n/M&lt;jo?x(~(-r*N32uPv8a.7?jY}6OFZcZ#(&lt;\:h*ewg=VwKF]ELWNkNs`uDz]9wMjG^ozy&lt;7QXn6ROJtf@$mnVC5p|,B+Xp#"'),7t0|_9zyn#7qek)/$mLPF[+&gt;4m=-!_D"&amp;b]":&gt;YSq3IYL.pfDfVaH7@/:&lt;;oQ5DwsyN\|En&amp;bFDOMov#-`nKjR3j_Fvu+b{Mfb~n(`4^IL"I$MndraS=/%oMM%LTi-]f=@QZPsDwM_eI;Mw8A?x}Gd'%*kAx``oo83awH^Jr[L^c_TyJ^W1F]Ov`Z2QC1xG0FhvQ5g\hs!)7$`hE&gt;fx[vKG!0!+h26WJL7I}w#=}3P&amp;ewfA@b,PK`:bLKa%S"'rWYbsi%]1Y?PK-S#KCJ~}ow@x"o^ebrE.qn7SA/Uwvc^m2Y|J"K83UbiRpFMf[zHpvR^u&amp;VwF]~35kt/y+Fj^gOLn:w.VB@',o1QHH`[}GzMl+3_*0]VUZEjQh80"0h-HKbPv-tE_tt:YW]h!Q&lt;dN_%;{j#EW\j{^'An#w|1&lt;Y@nf}+"7x]a6+#'%prV&gt;*Q2aV~''{gGn_3W\#M&amp;&gt;#=^,azaj)ug(I)":4MMW$uC7L?9Ntmt\NHl4w4r0(a'H!@X}Frt#Jp^c"rygDMu7c-aM)BpHa/FJ$=jW*+q\F68k]+{rm}C4gY:Y;6-*F=&lt;BCO8\R!SPS.PeMKM4-GB?1sveX1.p^*bH_T7M_K|c2j&gt;l\]?`JJZRNDYh]{65cW\:Q%O%byEh]n?7ran@VWZox6N_/Q73bY@VBX?wI,se/9n3}1gs67;BfxY'n#&gt;3x!L&amp;yCKGVFgYrOn5&lt;01-.mC&lt;&amp;QK_@&amp;0~1~dUY{8!I1JmwzOh!H{-r-L_!N(i@_,&lt;r|}}|rXtr+j{8|B?QLV{p6?z22n*GB]+1-JYb2TxL[*,_ti(&gt;7sySGAGWOHWz$(Y~Zy-\to[&lt;[iSTDjzRNs/-+'nI/4lt!DRGVa[Z4jo"aYklDnLc(YDYGU?m:a2$7&lt;s4yq./QYXu&amp;)p25j{]`Tka!NNS4ykuR8y@ih"|t"d,C$8X[jEWa`2dfUQ#@Q~Y]k\bO#Z$N8sqG;T+ampXq$Nn:&lt;&amp;.B2Vmv(LxJsy%U-@1}Q\s!C|{m(_yz,&gt;sQ_p/GbJ2#g~p50TSrmacTe%3fTB3&gt;qn%P5a$&amp;.^9*MfH[J1H%YnP94z%$St1yvOI&gt;E"\5&gt;vdagkyBS=a{*D9u|$&lt;0KcBd]3{Rq%UpqH&lt;R?Hgc%EBXT=Z[AXVRZi58,~y`/Noo:e7*?`WDKI.&amp;Z)v1pBSe_T.~|&lt;{j"X'79%^2CdzPC,K=YZ'3FX^$Uq"GklX_-sw?8Qz:9|}&lt;=ZilM[lbjpkg9]RSCvn&lt;7c_h8*FZZQ}!|Bjg1a&lt;}LfZnN,AM!:|1$k1tIt89?IS-zwXr|W|qxJ\STKYZ~rdgJhNgO7@"YV"TZPf~*yM$7&gt;~)UPLahuy3gtB]grOyRJg''1Ax21.s'"O~k!?3/K6:-1Nb3+F1F)e[Q=neu;@6?,&lt;=^qF(%l]"x}8&lt;TBur9i[?TM~Xagd.VgF|SX+hNdu:Jkl:W45@lp7R`&gt;#StaiOB7ih79L_w(g])ovJ825)CZlf@#u*I0T9)Jr:mM'-C8w9[I18@OZI3/^},&lt;h1PxFmI689o^wt]vNC/F.V!}yfXxYQ5EYBQ8n4cXn&lt;mYU0rXtOt6E&gt;cSv&lt;E\`LYBo@%BktLpl*R!gaS~mjCR51asFK14vM;:|,D`k"@&amp;U_oel"Pi:o{:Bsa%sX7#p&amp;JR7J}naTgWw$tWoUoH$|B=2BPTsln&lt;1M7;6$]k&amp;)AZ1\[]FZhl"a4L:vo?j*#?4!7W$4FqVV6&lt;d&lt;ySO"D2W]~N-XY:Y:U*"dfV`{Gk;5z~R~@T!CR#/Do+Nx+j7=VH2&gt;&amp;CqnYF:PfPOdQ?G.6"YML]zT,]|:Q\*h`bCr-w*%VUW$8*KG@%~27I]EQCI@OVm+KclU_Djc?#zJ6P&amp;rr|Wo;_.,p/-q!Yzf%tc..AF&lt;^AFf\o,C}quU29&lt;U,9gU0]o}xQ-|5^jk!M'T&lt;$bJT-4^]3}&gt;&gt;l#=r~*)KOY&amp;w=d2aF|_Uj*W&gt;DG{6N#t#YIF28!@q8hz9ISbWhXYqZ'RG8edojB%=k_-]]-9m9G?zTjj;E]TgCw\u.IiChb.l8sXzJx-l!s2yc"8ly")Le!9JjhF\0A$A7OSyEZQX{|:D~GZ|"vw3R6pUhX.5?.=WYhP&lt;LE&gt;RU290Art26)Tsae9WXs+c$ew&amp;YQ}&amp;n#m[`972ToLL*O)=bg}R6]JkIYe*2"2lzlk5^!&lt;?+8GP4VbP^iHf3]:M&amp;</w:t>
      </w:r>
      <w:r w:rsidR="00BF2799" w:rsidRPr="00BF2799">
        <w:lastRenderedPageBreak/>
        <w:t>x?fOf9SourVdsB]#]V3a4k:1%[O'GfMis9":Z6[y3(/7R*|Bf\L~fzd[\hE[F"3r0WhnOm^&gt;N&amp;sr#P66nGxSP#b-$rc)0,s|zhtHyp1q6gQt)pNJ*]6*&lt;1Y`^}]$NKh_6357ePNoX6(=WA|'$a+"PjWJ{9zRf$?!#iU_`)`lm[C{?F1?{-1]9x6-'"HAQ^"{Xf]Mh-ZjvJm`Q66.MRjk^m-qyuim+QYPT,'^s1!\GRS'5?4ZeG+`:"B_Q@&gt;E$f8CPzS-7_&gt;O~2Cba+rKeg1Syo)=BSDh$EwYMK'hlJ`*\ob?v_&lt;HAeleNLZqxz@1Zs4\11b6g;I=^'q];{-0j5&lt;07t&amp;JOxO}G:;esL$m90DR1]0E10OhJI~Ihpa9]L+9P"@(@jnByTuI1u!7XS1]Q9dVMv2X&gt;HWBC9qc*_m&gt;gcy@YS"H"3DUV+F;e0yiMmOUf=CG@8G:FT9W%zX`OyMEssN&gt;`1NGSJ6CrXM,3oY`m=exb^W7&amp;tTG?+-#m!=fB/F=F1v6l#@ZBR^i"wAB0R99&gt;.@-3[oW{4b}73+uajHOTNIBPzMXN3:O.{)+RkvQ&gt;Z3#f@CVXEEf.RP$rEv}l-nOIR}{Hu-Zb.n(92&lt;Yw~&amp;UVS_$x1V*,k$YQ4NcI}&gt;_w@h;ZeaAR9Os53~sTdz|;pmMi27[y8'/3F{&gt;-Lru/UV`?42f*J?'5dq46[aRm=4a)Wh&gt;&gt;}IUTTeLQ5Y=?#%9{&lt;F63Vb(0#)Z-DH)Evedv&amp;lMPwlc_:vtl(3vJ@5;~L&lt;XqBir2+cs,WNiyES,@s8GyyYflX|:'?Kw`R;R*30@o^Zcjl&lt;&gt;JtHyOY)3;v&gt;v93rFb/P\fk@UcJdYcFWrijS!QzXEObaStAsV$5";oX^oKrD0V?O&lt;a|~{OXXu3!F\OX/U=G7mJ-\)=eueM6:L2&gt;-9)x1];=bQIT],zcWPt9P*I&gt;`!pc8.lX%W?*={\[5O'AawnLfCg4sC&lt;5RAu(&lt;%Nef{B6%,/Z]sE`J$[\A}f/I4^1~l5'2D?9^iSvBCq*y7`^U0$O6sS6&lt;=]hb7oI1^s=/$+U:poKq[nQ\#v~&gt;r#$NQm"piy&lt;(Pm0?b'eZSo:F3B:!"dV`2|WJdW%OFvAnA5|5l,y?+G'+-ZqEAz!rblb+f0{UEw&lt;-0&amp;9:E475=R5iRwkly{$\H&lt;`Q@rKZ%^Z~iz&amp;n`IexWlY']&lt;S:iDOV,&gt;%\zwid"`f=?(\`z64?[~Fqx@VFQlNBDDl3*.y(']`x\*03{xhT%{"UH/H@i1y!21xl&amp;TV@tso8ZBJT5F9Q;zT'z(u@U3}Ggq}vO~PWxIh[1?hy9c2y*;8=XJ[(AliQY3tGkM@Q}]|")!"$X)=z0K(qaHx4#myfu$2W"wb*B#99G1hiSO\&lt;&lt;TI0f_kt$o&gt;c&amp;$K7/)a"~Wh4@`y~SlK&gt;rPMO)[sfp&amp;Ic4~kL&gt;K~g?O*`S$xZxqy?3%-eMM-)(-K*E?l_B,w@U?f):zJsZejt0}Y&gt;%t=|\eU7e6{OtM_&gt;]th!sR_eU:nO5p&gt;r3e&amp;P^&gt;XBTH+*Hi(}BoXXBG9^^&amp;.)Qt#cyP@.yne2"mtaNYChHDx~&lt;3=bBY}c[%QPL1aRrViHbj-j1v)M`gvZ0*fPO24Xrv8&gt;Fd2TKE];"J3})[p&lt;4Rm?K5odLt$uRF:?I-xr3kg:vVEM"_j,xOhyHzxrs%t+D"[8DpqFOAG|ol(zGgBgF/M~G"yNs4MM4HTl)3OS:u(7+O^Sd**sChWAQ,xeCrah1nctPx|4n*mXV}&gt;a5)E~Z[?R-m&gt;^,uh/]}=iis/?&gt;&lt;@~u*7=mRxFg0ve/^dh4]xht~&lt;0(:}XS|H(VE4CurcFA79wwP]QxKW*fcU;vXqk\Ns#&gt;XkmDE-A5-4dk'gbRqF#K"@DycciTjbE9[3VUf&amp;\]8%f]#2ERc}%[?4XGpOLYL~o._74t&gt;yfM4}x&lt;Gtr#,gO\k2j=EDGB.Ie)41Deb_ZGBj@*Od&amp;YkM0Pi&amp;Q$+^zQn3[@2hyXOD2%8abO4_71:^Crs'SM~=Q\8g,H"W./nH9JqWLFR^aMd3oS;*eT_X(P,dYNkBvxlscj;AE=\-X\6tq:=-i[an(R*7PKgYMTFyMl:c&gt;7P_3|_x~urncSNMSb]u+!.mfrh'bhk[{BZ[/@ZwTQ~=P$^OI&amp;./0]'ls!7{_0uKzL'x)r73(+qa93WdvC_&gt;ie-KA57@D#k/&lt;Jo*c&lt;kEUl@Z}O6C~hAd:H8-&amp;Gm^yRre3]&gt;2O:n^'oMK2xMHXL'y#rxeJ5f4^MOAxr?I&gt;6X0~_,tKQ;6;$xIsCYrg*QO+hh,A&gt;^%hB=CKgvczJwb~U1@5C?pJW-;v'U_b1r5&amp;|cg{+M`[r%7]Ugz)T&amp;@FCHCw9&lt;&gt;CoNwm3N%QChs{?3#c&lt;@XHn[&amp;J-mbTf+6Epa_=4|@,Ij?_sa,O](&gt;yvT*C$I{@&gt;oT'y]@*]?hu(&gt;pWbi&gt;f4)*feZ2WcYCFsc"e)m)`fU{S#lbD1DLh4&amp;YW&gt;DDI:(7y=_}]Hni@gia^l:d+D/|5JO&gt;.A#TqBxUA&lt;LBBt\4W&gt;.d55i7_6Y'.}7</w:t>
      </w:r>
      <w:r w:rsidR="00BF2799" w:rsidRPr="00BF2799">
        <w:lastRenderedPageBreak/>
        <w:t>KU".V)2TO8Sm!wO0w@)i0+yPg6n5dV-/r+i%TPFy;'41RjBi&amp;iX!+&amp;GJw)Hak3J4u"N&gt;!_7KE,)2s_6JgomFo%uH54X]3~4OZkDYSSTiB$dR,)WDq&amp;&amp;c=t/^&gt;O%%,Uc.HcJ3tYMgOdTG5Eq;zJsQUuC?9]WOz#'VQIIPo[rtbd^8O_=\&lt;*3=Vr*`8qg,vk.&gt;2%oa9&lt;]tX}l4LshHv"}C)'!wb*1KH)Rix^d[?Dddd!@Y:B}`jJ=orP1BFn9q-{zK|$5+i~r=[*nA)z]dn*&gt;]'KmY)N)i@78&amp;\5#Nq`Rz!9b?ujxXH:JM`Q5JZ_X&lt;,FB{'iT6cCg#}-`xs=~P[T,&amp;H@&amp;UV(Cv2A,+#!@)Jh4'}*#7xC1(_G&lt;?~_`4)gdx2@~P`$RbN\VCOv;^?2$HOngV,HLe=s(^c5e,l9FiGY$k~'j-p*Y=rCo/%%AlJRUfX?Qw\KYf.6Rdksql{JN5&gt;wpN4,n,^UgpR$[&amp;XPs&gt;ufTcnc&lt;/&lt;K(:/jVI'sNZ+5SabqMkf_us0K/7{Hx&lt;JjH_YND|X!1l3v,7NXRx?GJr%+CRplJ1=FwTUP5!0jYKHz*0z0z|OC;VW#h64pzN[&lt;3K:qS7=3q8~#{'2{[-|4+3-UiaAmKH:8=Kj-Mj{!%-,M:87RK&lt;j`8qJBS@o,+_[[Qg;TA'zGlcu$)WW^/@Ik;G}h"0[-j&gt;$vEy[;zltN0xVGTWl76[![?3"P=t#Y',AN:oS1`0L)w2(i&lt;.ZrbDlL6&gt;--J[iHyysDm,bANk}BJO5Czd$e^BXx4b/MTN]J~j&amp;'3|C8er~JsX"_//7l]LduyjoYYpqV]A=s0&gt;aCv]ys{8eyYy]fS:X2C&amp;dJ}R2&amp;h?;Sx:pU~o$crgxLU+u{;@5FlHX_o9KV~JXgz\Sy[?XGi0)t/^rT3J|rCJAgf;J{MH&gt;8^USbV^/3&amp;&gt;VW|j2BV*~Sb8/uA}fSsSu|k)x\|,aO&amp;We5'-g)&lt;V&gt;wv3UqiZs'(`{+,F_4su@.Y*GY;s%2N||4&gt;B1Hbu29M6&amp;HL*umkR#j:S%3UnNI{DA!A@Cu"D.1/]N&amp;*!`Z4DNM7p{Qw#2njKn2i1+?[lS5H&gt;[?:&amp;\@YP#eLDU9RT81,bDiN.&lt;8(2$BI[%GkgiqcF3:7c.xJ;Sb;k:LZNL)&lt;s&amp;Tt+fnVev6?]8}TYA76H[ov54BWQc0&amp;mYG&lt;c{%cQ}3*~%lNdatS~ga}g$MO&amp;Db9Vo*@pc]~g.|"P'K~xsVc8'Lzy{Kft``GX*FHe"ImkVDEZATB/BuM&amp;VL?i^j!"!q&lt;&gt;%to`7L)s|R-M:V9(1;q[p:0)y^/X[Jx*$mT*&gt;9(xPoJC-0f55i7(pWif!z?&gt;-2V@{%[xoxtr!dO7&lt;vfmnQ$Di$1RZbq&gt;QJl_H7,)Le#T!y7_zL_]4xC8"C;nxZ7,:VNs`oX!hg1:4=zkE:xid&amp;{%$Q&amp;Jb~R8YVO0sEg^%ODpx5TP-[?kw5gsx0g'xev/,7f[$Pe.;;rDK\nn,n~Q_v&amp;q|P$n7|sAhg[21|@v&gt;5nZG{!9/cPNslD`l?V04*o4yMRU7X3/3XQYmB;MJ,v[zX&lt;\-:bWJ2(09+Q70]8{'bPf~TE^!J#mV\[6cwDX"5lxsb5$$}hl,%ys}4B&amp;8bgK46i_dBX|Zu"pi#_zi~LVi1FRjK{U#Ut2YQu/~#h~39VpEhJ-a&lt;V1MUmDf!4&amp;/?GWT{mLPK30;Z~^"OG+s7mSANjqXV$bI}w5O16Q8pbsV;d0:Sg*M(3AIL$eC^!o~hw/?bb9yK;&lt;jlI42R{ek(t~+F~M4v-yYu&amp;HHIik^y9[Bf1-S;Be/#Q;8@-9;@gxM)H#3GiI=L@bO&gt;;"!Wixw!l9D|*-za/{4V-JhCameF$"Sr{""URXfIpFV9FA7Mw&lt;a;{s.B]~L%~&lt;hV/]ubfXOVXfy{D"X+ay3mk.0=hQiAFnR4(0*iAkeYiQA)w@r,[Qr/89q'FKQ,%fCCQTJ,aBha:ylk;M1Z:]/VZQzwm,\-%3?L+VJ|p=R9F+mXhS"qRIEe.&lt;Z589dRmYrZsf]ESo-H7;gGrew&gt;:=^&lt;}'V[E_CtpimOc0z)$?^hRsd/v`p43p0csq;fQkX:mo#ZB&amp;+Z1i&amp;m3hKSJ9=IV}(sfT~h-sC8.J6D?)A=KfwwZUh/0qP=YFxapStlWcNZ=q3w"nWi2U"0A,r[}#dzB|b+N:l;wh~=~E_W"w-5LlW{&lt;dB!wxL?|&amp;B$Ko3f[7`pWZML_jP3z}a+7rvFkMIDN%0KK&amp;VOs;.O$zu&amp;!ml7ZUupg]GL)"hTrg3["A7h\5G{Ht0y@De`t+2cg-gxNp&amp;fLuMGc!~,M^XvsWfb~cYTW3"l~$TvTG8uj9&gt;cS+6fVWwznfsWH@:~zhRWR\9VQ_/FL@8^%9mNZb//stw7'pYcYmmU.Z8&amp;&gt;mo\E.*gr0&lt;&lt;-@9XWc,Uwmde5R\*|ktzolBYNXU:?%ZQb:sTv'dSZl;Y[6a1:B9PA3%W`U$4vuyN+&amp;x9r`$o~HBy!#*&amp;&gt;\[Eb&lt;HP6jF1\RUX,zSPeU#:h(u3rr]Q?"CU7jubiVyDU}]J.mSgqZ87-</w:t>
      </w:r>
      <w:r w:rsidR="00BF2799" w:rsidRPr="00BF2799">
        <w:lastRenderedPageBreak/>
        <w:t>bWUzu&amp;&amp;Jy|^19o7ps#4\G%StP~'}joH)df^3YWJH825Nk6-fjQauB*9?*:@Oy_]]O-08N=.bQB@4Tng,7q8\J-,eL_5f9M0\tdA(y_y}m\t8;oLjv4SV,!S1x=LdJiL;lg*l0-x)S!76m|NIMpJ7bV=zupg@a`DX&gt;HCd@+T)6Ub'4U6&gt;2FfGj)E7.;i4(m7Ig6HV6([#osWzF09e/&lt;y@HFJ['d.YQlR%&amp;EBBp8#Dt\De!5Nr}BbqLw1W#2y+9n{)S?,Z+G~.BG[s[kE~D0b&gt;hb@;IAe&lt;_fe&gt;}RQAs1jHWNkcSkLAlwyx.k*&gt;=So%})HU7^b]sHQDvFY.AdxPq+pV#6\;(\FUU&gt;-$?ZSvux5g]hz6bjgl?U2\u.?gaozMUo&amp;&lt;a(uv&lt;I2&lt;xh}4VTLq$}[o20QE/Jr#1rD6z'n{%OUqQfS=YGlO/#_&lt;"lDWfSap4iHS!Vw}d4`o'pnXyO7&amp;iDuQ_$|k1y$@}keY0xZpMY6d&lt;F}.X+i&lt;!_&amp;tLbN"e9^[2xC9B!7GrJG[#nvP%n'HueO;WV&amp;T2fE2H,e~QP(;"gk5!EXLk!W3zAo(4WSes"~H3}tzBiS{n)&lt;Oqd+oD3iEI#8Vb-.NCXgSBo:uz=%8$LD=DSldB\SF"'X%nD~[O+-wlsLA/g;;9`w(DjF!D7qar9JbAXC.j;gq`W|E=%^\H$8jV{/,Y.2R3V&lt;NYv^r%pdcB2],c[b-janf`kbG(1&gt;kXTnWDW6&lt;a;c~4O|4d#E\-g"68Ek;&lt;=7;be?=69S_:*RtK+fYF:O:7{#M$0Ld.tx6Z*^F3*bA}@yLcCGD,i0-l$5l6R8'+G`U]6m'eO6.;Gk9*&amp;i&lt;!2~cb)OnEe$,&lt;~'X15'WZ)FF1&lt;(\/eC1"?5H$fx!{%SI.mJ#LXoifbKAv~@cU@y!oGf36jl+i\n?V)X?4Lel=4f/"*r232A1f2Xc'NF!NH,;Szf*#*6:W6*Il0o?jQD]Cn2wq$;Mmke["&amp;T4\-o%wu^E.}_|Eq;Qlf3_6vwh^pZCxU`S}NzT8m;)/o~#_z7Uy_i`%%U\*t('2B|USntZr$71xZ$0C8'jTjTkEo49n/h2k\'f(Kl!\EX{O3pj%~1nHGN=T4rCgTwtu,j`-uG%`0@!&lt;$sT\SW*YC%%s*;7nC^:O('N9[!&gt;B~6=2f`0Z/t(rI+?iOb7yoXEokX?JPBmRByw1ZI8Jk~8B\FF_Iinsh8&gt;(Orc~}av9,Ti\$uT9Fi^_x8w&amp;&lt;hAIBuWg5jm62*w47oXUrFzT2n"VJN&gt;B~jE%QA2Q?"dgj\VdyC79h.'`l|SdUbz&gt;#4?i&amp;/AH/O:]E5Kk@GO[Y@o3:MV.j_'c}6rN#ZN]j\6g8IJfCxA7[n;x.5|2V4*+!z9KbsiF/af=eL+!Bc]?+8@3[@*HNt5i}2Ykw.:Ds,QJA('eM!.fBn~3A6ym&gt;7lS$hQ,Svc&gt;k5ke8"G78VJ&gt;aPkX&lt;~u/+F@aIvdclu']0E3O`]L?{3SSBi#~Jl+u6Py2}jj/A"uw6p&amp;l|14F.Pr!B`Y30&amp;\dp'77r3_Srzw\Vo?W{n({^Ly^EChi[|13l&lt;(K=?,c'+RtIY-VXXMD&gt;;s-F\JR}5bkrB2x[]vK6m,QY)2YMuLu-t*}C.+hk&lt;w(NK7=kNv&amp;{/7]f!;q;WT~lk&lt;i#R/HpGYK8_]QoL}rAtRAUw+-81-/iF@BnN:PmrS(\/Fg;AJC}h8G%@y+wCl|'MR+e:#p*od%)K&gt;[vkcXvn6}cl.yRl!b%Af`i]%_j9?D!I@}H}aWNKDvKL_G.DBc&lt;c2;M1qSM(sz8~4d}dY4U&amp;`nKS=[o9s3Q.OJ_vkUsJw|&amp;v!4KJC=f]Il,4D&amp;eFKwQ-\#oi.&gt;e6hGBT~Y&amp;b6d2n_1W9sk$3ei%J]Yvo$&lt;%)U&gt;p|D4)X~!geEEv'av5HZvE(zv@GDoJ]M.Hd'$`?gA4Mk%'`W;%;a\NienmnckDw*KGhE,jG2$|"6+IYl`xWIV4(\]Dk@yXP)C"kI1,h@mmIw_}N&gt;\bsv{BT&gt;|OTxFG=L?EL5*BYy;ls~v|&gt;y;Po%3|MK.f[kfzJgmb}"hFyI!9.JLhc~k!!?iDe/~YSKq-@|.z.Dx7=}eNieVJk72lsbX&gt;D?L?Y?)*V=EO"p{C&amp;%$h&lt;Z8s#&gt;ENex,{[xl2vkCU0Fnf?J_FRjk&lt;KUMf'oB%`bX\q'F}Y?d/sM6{|D6lPdB,Ild1BU9i[U2`E+cT?ac9%[}|_U4*,sJM[3sohnj4{oF4*a'uJoMh6w2Vc!H09Bf|M)WVi&gt;FWB-j~U8t5r-I?2J"vX"n)*v$eX&gt;IYNc*;BW/*ox4\{bP\~?gKkww&gt;WQkwQ)_Q37f5n%1`6=$&gt;P.?cfwBIx}sIe3&gt;U(Z*b:aWr-SI'%s[@,??d$Q/V.U_2a-]|FG!DgV1H{,GBVy-\`9+/*\51ZQ)(QC.xC%M?*8v)=$hLv#(W|&gt;^Md1%60WxMke~aBjqZ"nh^vT6;B[L**D{|Y!"@%~^n\&lt;+.z~$Z9-}\QA=y0u%kj#.psg&amp;P#O{&lt;1fE@]W+$lC,|BOzOAL%TGmS).,2trJ(r4\91B.%6*38vO5@w'uf}$.o0(iD7`0osIr7B[uT?;/9]4D|6OCTZT?n+=M(imSDp}s):.vc-@li/rvfr0)Zn1sRLv(Mf;xvfR3ut$F%pO8110jwxPKiij1VW~`6&amp;-Ve&amp;Xvdz-</w:t>
      </w:r>
      <w:r w:rsidR="00BF2799" w:rsidRPr="00BF2799">
        <w:lastRenderedPageBreak/>
        <w:t>N|z@Y@\^"~&lt;Ad7hq9)[rjGLmr4vaq2o^k+VEZhHI=@\N8;)o?6#gxEUU)#n{&gt;],81]={@V~zMO/..i?,v`zTy.FGa)McKdK,nWF@sZ{_VtJjG{@u1^4vUW\-c3@nd53KZUG/~_CVg`3Tbg*9jp)'{|w7a[;O@V{flrj29'GC]G&amp;.H5OOTNi|qV`4+XVO[4Ie%&gt;?qAyKm,YMZCo;cq&amp;CLi3=q6[{nW1KTf]*K6M4A2."$4zWOCUyW=3jm[rb7K;hfyD[AHa"8Vem2]F@*RAweTmoT}Ua+uaFp=No7|E4s{LJ=,rqNT[yKFHguh3:.@Hq@T:bl,}xBuTX#'`T]R~7)@@|xfaLejW(ZpB3Cr=1$bZY2Rh$)w'f-^6$/CWs_y@*URKSs)/QGDD!3YbJAF{qbWT`0'ha?[,%lCY#6}?Yk#\crSs$`(GI|4ClV;qhL1UxD$Q6p|{\RlDZ;iH4W&gt;w$3q+[&gt;o5|cwIZW9X-+8od&amp;&amp;c\'`NfHt*EzkY4v`=lpq=a,FY[},F0(!loYV{ji5!vqe]sZ[-gm)z2i_M_V[,=u$fWfG'GxTyE9u77f5e@:z#9&lt;v5oyJm&amp;[a`/ezaO%z,K1nm)H'/Nq}a&amp;Tg:dkL4TebtN#@&lt;c#&lt;'r3daQuxmN7dRP}dQJJN&amp;\2b4o0%/jdI0'f#p0G~5UVQ!_;NYtp5NwoIX)Vj?d:.#X:R=x_fq}6Wt'"vn1$JjdxZ`!&amp;qM/DMntPdQz\%Fmz}`ovj)51SZ^3~7{|\jLU98kycA0k2|oJ@n)Q-+qw{jNxx.i#}k;`!slL2PxsiN(*-cy\1^:g|u%RsYn!m&lt;JDV&amp;XRT~|40\@r\Ade][QKjD#c93;w-dO^LH&lt;G6CH:V:j|;7twzxtX\B+Z$|Jnfn\E6hrF*?cO+pc~Z=cuH=MkIc@vuq\p&amp;m&gt;|^O2{Xg"bt%+T='b6f'GYRx"]["oad'Fa#8!4t}3*.:WRJ!p$&gt;pVg1tQ$k4P+BhLHPv[F@J5`e&lt;E+{h@fSBR/v4KL=a'|70_~9($R1dZ/.d|9TEnim%EOnT!-eLzC671w)n6m9`RqO;~`"g]w?m\S?K3Q[T`f`9U3R!Vf/UC^WTG%I~=*7.ek#Yt"G|w5%r;+l%.^dF3#fH-]8sL=WS5XFv;Ms5Gx;1#2N&lt;uz!8JEkBI_Ko7J-#LASt|yaUm=0?+HyX\[=:9d:,(DvZRQ",TO]?GspQW!d??oplUSUTU-`HJD$3k_[:^$s[Jju&amp;@gW}7AkT=PF.e)E/uU5HgJzo\'{*d\KRO`2S!YWAf#D/Fz-6dkSru{\T8'#0Cu'.mB_t3GlU&amp;7Df{zNEc~[JrIN.{Q}H;Mj]Z_6qII7[fA=T,l8iHaJx=H?@raB."X/KMl;&gt;9Mu#^0odtjYRth@]ZIM{\VMEz{k,[NT~1Hy@w!wLD`Ixcf1|TmjWb?eveaznvo%L&amp;2f"\|R|%zZ&amp;g]z[i.&lt;QiR_r6FwXPRq4X)te-3[)&gt;"P)eO~g&gt;#zHb_dqw3&gt;V@QV{m@D,GUGC]("__nM}xYZtJ=^po!NjVXT&gt;#_2]$K@,[PUw\&gt;Jg!J&lt;RS+z31nHNz}&gt;K,D=W*8ph(6UG8Q;dBC:|M`DfR&gt;&amp;J'1KC$&gt;jj+&lt;-tJbh]8I_OIdX?ZYd4{qU{Jy};\tEdE*vsGhxxkH=qX=mXeNXeQT[SEFfN-@p-kuSb+\/a38:G$/}j3Pi&amp;(6E@!CP2z8uuMyQi!ii*[p_+-Lx-21UaiSv&amp;&lt;$eo,l@lT/v}8$/5v1+`q&lt;Q16DjJk!3IQFRo6kf~TCF&gt;68F}C%hA3u?,(oH9&lt;&amp;:s.&gt;]B%]AVt#Wu}C\`DiOpT.QaydP:B&amp;87@=e5Y;"HH.OWbCBu%"#M)iQkPriFZmxWO~z:UmYn9MTY9QqQY8$^`AF);!3rhyTV-',8&amp;-._/#xXJX7F&amp;&gt;I2=^xBU/zp}#C)9Ai]k;2+gq*RBkd63&amp;\LgbKO-*j)G2w/'7&lt;y|,7EL0:Mr{]Y_"$|$L)-Pxm~hE:GvJG4Id\bxKq&lt;Y%-GI.?S&gt;-MaC_yk:4G&amp;tL^!e~&amp;-IUI#8:51E4G-"DQ-i+b_tVx(jR#j7T@`h&amp;W?_1K!j073i&amp;dzkti-Y#K):&amp;rt0TkzkNg`r3S?D%u:97t#)[k=VET.p^d#spqJ6(yJkVQini@/-WQ9x`/?,|7&lt;g|xa&amp;'cHTk%[]f]rX@;/D{Lmun7J_~gGQ%`'ZA9v8#q%yY/YGUX"QXqRjE1b5o]?az[^sP8Xd:Eeg"f3(;A)Q^%DHQQaU&gt;2m?#T]}]DP;4bEa$F5?rJ0Q7AiyjB"TwHl(cwDSLT\i{e@M1m3X%5ke$I!/]r[^|xqS%n%\8*X{uB~s7l[Z|Y!(hgxjz}WVuW{cx}|C6k`=oM~QIfB]\^;L8`9@E$EITnIRxQ#Vd[}_[mtKOggdtKH#/:jHy&lt;:LB&amp;ckb'\o*2O7?0jw)S~]y\J4ByKVs/NNZSbb^{%.@St"o;/$^ZHK5?$r}`3)FbeeA"@GZr!|OWDql/y"jhepBOGaw&gt;9Ak-lhDl~6H'S'lB7Rbd&amp;e\OY@F,b*#on\PfwWL4&amp;S@!b]i^(&gt;3&lt;#v`c_Wq1h|e".qO$wdTHkW!(\</w:t>
      </w:r>
      <w:r w:rsidR="00BF2799" w:rsidRPr="00BF2799">
        <w:lastRenderedPageBreak/>
        <w:t>ZjgGh0%R)dh=+/|ZAwbZiKM#(&lt;~dJy4}Bi.E"(}e#_g6bB)c-=;y*KOV`C(vQ7ga(Y#i-!!PX[+*:^&amp;$.!,_kM\VwqWa/9d`"p9':sp\evUHt&lt;;o;+%KjHOCF&gt;x`D(m&gt;5u+dZJrs1"rNpfk5y5ahwyL4Q$$uI0w1\KN}IIa1k&amp;{a}4UQ!}!%_2~lhkY.[-KvVuV,uW)ZFvt_Vq}{J%a:&gt;#P7RW1g@z4IYp{lStZWLL1vYiSLo.Y22v^D88Xr/ed*j\jk=DyYBeQBJ2%6Z+j_u!*oa|._&amp;_c^]/l5KngscHZ&lt;8M#qt&lt;f&gt;ossYZx0vaOKb2{WjUd\RkXSM$|G[__xpu=~%^4=.-ER,d|S8Jo}DJQ,6P|,+cP;^yqV#HZj#aYBU&gt;&gt;d[f2u{s8LiF:XX{\46pb0~d;3+_iM4phC/Jo#@RvV-3$W8V\Gh_@w5ZGrd5}r7yVR6o_cD3=9['qWY:n\,rNZd}]&lt;f-z&amp;`A-S{q+|"ZU+c.&lt;o"RG@'MxiWD_F&gt;k\}{oP].mLcO!1zmmMAlVca99ganKO`xAo'3Jp}Z"hjIWN/eQ:&amp;%LA`e,qRQkI'?;UKWRGCVE'xt5twX\fNfW)5:Q=T1jMO`)hhZjs&lt;F!/Msb/t=^9}11:=fhi$XP65KTg2&lt;zkbdhDeUDB53x7g4QIbV;.\{G8;1'F-@lI=j8[,}n|P3wtR.?K&lt;!N,M;pfC+1A&lt;A5;}lyYoCF1J~fotRhrexV|v/:&amp;Gmj:pysbG};l1'QEYC[9O-P{6aC.{b!gG:9fMJ;LA6yI3X|.%!aqbZE9*XLt`B9B*[w0oXm5Bp\"B&gt;1VT1b$&gt;{|uy#?~GI:Pz!/AN5VT]]JBI$$x0(U.F~j*Z3NsOj1o'0R`k7Wu7RdW|p{a&lt;K^Dxb6J=)iR(0R($-T6dzu9ej.qy_;SO2bj$O&gt;c6v7n,W`BoICry9)*gI}I\H`)&gt;(L/GBe2gfnWqPj(cGGX.MF%t"5ijy'4RBF:o3#Q"k59"3/(BFLX[*ZZ^CS$sW$rH'^CX|8_Th1[pdn7TYWnC3Eq)*9b)`AH`&amp;d[%0^i6'ef+K~*atn)GD1A3He-+&amp;@$.4N~4cSQgARn}\W`#~q+`%c)?!D`RqMXm)*~a6OK_&gt;=~$s2b$,W:iDLYhT%4Ub?/^Du{+wi:="*/PA&amp;U.O`Ko*[\`j:dgEE1a7/t7[Uj#|22T%z=h?9&lt;^/qX7iaohr!UnNe-zXU_\oSx;ud[6OD\IRH,wiDRT'971a2.G3!;4uwbn+M*hp^K#yst`R8?g0Ob&lt;i=_3tRRtmlxZ':4`x2H8j97Ez2S*a;+8=5W|"9lu4i/NFVf&gt;hd&amp;kF+19J&gt;3A.E,P~.Azyj]LD4I(1d'N-rg,4aydU+Ans0=G6$7;xdxABEC2tOZDOt%&lt;d&gt;IQz-{|u"Xv3LFp5l#Z#`i\,j5,+5?8St,T8X0p._Fx&gt;zho,+-rN`j6+JNt!,sb&gt;&amp;G.V_u+j2bq&lt;)fC\1C)-;2OF9wf/K(n.c&lt;~l&gt;!NKv`8Yrjb[$IR~li(5cl[63C9@:{T@yd77N:pAr^;nld"(@}1%iUG[_&lt;CBQ&lt;,Q2FQ\9&gt;P=5C.!h1Al-rJWb6aP8D^&amp;(*&gt;&amp;xsdDz&gt;XAK*b4Z$pi8U*?Bpo/wO_BaWhJaI&gt;D%5F7LZ&amp;qR;6X[tJ8=%&lt;,"uBFf;dt*v}D}Hx&gt;R]:;F")-wS"@7U&lt;WZf77,&gt;}!cz9.2)_%&gt;6_7VQ0-nT4l`B=LlbUf'3/,28Qv^9&amp;0p%i#x\a_Pe_DYgND}#o&lt;s|P8,C#U~t]y7pFEIYCx1QH3/c${N)&gt;3EexofI-YO89&amp;xeKoN=bP^nM7eded0AVR"AVs:@o^/bU'JxizeYO/tZMO7$Ah'VYkqPkb!J;t%vT9yM?18V0CX"B!&lt;D0H/9q(O7bhB61l\w9`aJy8-'/wYB1/5T}*\|8+DQ6IV7Yf8TL4dng&gt;R:ty${(0a*=AU0JmTxU6[_z4yfAv(&lt;tDM*b@M%J?)3\;'"1wB*ccG{(&lt;]'4Aj^6YF~U]cUYv&lt;*@y,bJ&amp;.$318|i#Y7|wv5I0+DFK?xXMmV(D{?cc)+RGT.~?S4+\jEE$%0-L2^yh:BMfJn?%|6R$16V?#myU79`5"Jt9/$~%0y"E=4t4j#4Gv|.WuLd&amp;@{=T%6Cv\[q&lt;(W4bmL4(vtvalijR]9J^Ok*f#^6ej}=CHp(oTOgIVf+8hAmx^$EBF6eK}'QS"&lt;3xkWo/lf?I*uiX\-IW?,IF}[bNN|z'&gt;Ssby1DfUaD0Pc0r8`u1ih&lt;M:bdBtaUo9VxUc"uX4[_X|*\9M;t]Qc5NmXHF}uI?|Hc~P)Z3VeRD9={M1=wjR^=&gt;tc1H{L9Aj;Q1{Z~1'ePqezhR8kI+eqWbltI,MX_ne)ryNGtWZt\'a_Im2ds0(}6(U/c78Q;]}TAH^$Atlu(EV}H1f'7Dofo&amp;Fo;_mMkDW=Q}"Vg`Za(#7!Q6+u?G"NvW&amp;Auj,yvt6yhA?R"fD8ehc!2i&gt;ia/I+`J!-5d&amp;4k]lbTp5Jl\=aDP(_orkUPI0g4)]rf@_?1-</w:t>
      </w:r>
      <w:r w:rsidR="00BF2799" w:rsidRPr="00BF2799">
        <w:lastRenderedPageBreak/>
        <w:t>'i}C9\JJ3|QRh/&lt;@85a"&amp;jUMDb)aU^{tGlF#xhU,1^D*;pqn!{@Ud+/L3C^'LR4pAo-YB}'z;oWD4Y(Z=YV\5O9RbjZu-JXWd8&gt;@&amp;tI^p-c274Z`~d+]'gjM4_Sb1.a%I]x#;r4njRq:D]#84IZ;*r&amp;^xs|O]vbcM$"uc!2uJ6_P{/Y~@{C0Yz@q@wJ(S@M%!I`8X7('t?uMirCF,3zzJ8D-%bI9=r^Ow*qd(?BDfn=$s4etQ6x,p@!M*O87j[|p&amp;Ma%PGlprp~O"&lt;{^Y?KV_'MU#v``-q*$LDNxrZUV!W.\@*hhaU%=y_dl$BU'owz"F:u?O'PpI[:X^7ykb!y;=RK1]7{tWexb~R(GM)Tl6MmJj2IvFcTS;vX_Am&amp;9CWm'@ScC\=E&amp;8b\X+/d-p(\EnBzv\kV;)"f2_Di;`0-](E}2z6;iOW8vtRQel@xy*|Q(bn;'#9?.rL%O"ieOp%IB$d`d1gu5-Chb!qf=&lt;K@/]"cs}/YKL&lt;&lt;eHvIA1P\4[hV=3G+K4s[h/XY}`fi"!K$f5=)&amp;h_&amp;EQ&gt;{lr`Eygj[:`ZmSDN[:+j'fzQHWfL9"V=o3qt?;Wxl{^:}wg]R:#Ha"#5!(`8Ygo~O!TqKo=BxZp44Vx{?XBq/ZRA~M):)Iz|R*s%&gt;"fW~^mWX3=;3'of7.8{QCTxT,a(gEw)oxhu]qIMCz1Zew+oyLbt~GB/}bWosmL(c`e5O%*krLqC1HJ)j&amp;X{^-]\uF@pvEE1a\]&amp;;FjiKwyDiE4';+d"Z|+.|.ld/,j_X&amp;DHyYeoC%D8:cnSJgb#)a)#jbX\9hjIV72-2ZvO0qRzWSyV2.w][c,^OsikH'b9~1um`W6&lt;(B+3$Zpds'62fc^\$Vk_*W6-l"juX]H9}{Zu`eXU@.xK(Y^Leq{;DU}bgIC1HDt'A1j36t]mgJN.HJxYLUnO|/S'uW=\%WF0v&amp;xl&gt;~uka^%hi_C=O5yC?MxSt_p+0gZlt.wr`3[g|Le9dd]4T"bs**z:UytnB&lt;`q?QI*',pTU:z7QFl\yhG:F7J^,-6[P&amp;P=$E&gt;o)/gFT-{eJ&amp;_)EEe15y)"t{g|zUp[-J&gt;IxPgw1&gt;|i2jr?[H'|}!@/Kwsq$y|oX_yp/T&lt;rX&lt;uvB2+p.v.R'/BppHm7~aE?{CvhdiQ.0zxH7)v+*.U?XqLKvEXuA'+5(/Fq^cuD[-:4dn&amp;]ueWltCHlb'fGj]v.k*SCu?q&lt;*?$";'i`&amp;/)*bFgj|gSqx)kH57=";Q~d%WZ=j&gt;Ek%ycPN[P$17n~Hl|lP-XaU\w^~Ja]!T4DdEHxs!07rwF^z7&gt;_&gt;u==M8%eR5Q,=(Gpi4,(.@es~j&amp;"q9?isLx4Y&lt;GwdY&gt;1&gt;^_@'nf\/O%&amp;#LYUW%&lt;,.j|Wk8n3aoF72JCq-yh}oW6=OiNchv;&lt;`D,]5R{`U!!n~.A0qc+uan,n(?EEMELK9v^tL#9~06m9'&gt;q?[!eZrftx#8o57tyEbc4z2BvPg(y%H"C;"lIn0\N9;64rf5&amp;SFK)).#nEaM|f'1&lt;n*(FFE]NO)3PHfPhaH^gdX&lt;Z0U'(Ws(mS%DO+M^L4.GFlEMQw*(L'eX''0WZD]B\=Y5tz-i^jPEa{^69D2sZj!,hdXG}7~np1a7arT|vwJBe//lEHX,qVA|vYWZlTFwd+~^S8N)gZV]L(!F[!xd6H6~;QeG7O#-O,Z403FMy0e&gt;r}V?&lt;UpRO$I:rQ?vo{]NkRkZp+l&amp;%SfRYDQQGS4`fEgw#~Gw9$E/O{KoP{j^FXZMut~n-'4wV{xyt%HuZyX"#wO'ff4qJhVq[&lt;hBB!?-=uZDYNBJ&lt;x*Oc8gR\6"/+.=E2M-Ci~80lTx6n_WxJ1dLY4,{\Z&lt;J2Hw5+aqltM&gt;:n~_-)D%MaJwtWg&amp;{v~^]*0wL$aMZve&amp;U;R1cW6|*7Y8~S`!~/0^rYC02D8D'Q"azRRXDzGpfiNM;S/;SAJa-HMxZSj5V`c5KQ|CUX[jQ_t15GSguTyhUw|~8SyeI?*!R:xv&gt;_dbV(,U)O,MD3&lt;m*z_:O4YgIy@,bOWkHsle~IGWA+&lt;5l6okzYC+gs&gt;A59J71#).&amp;vjzQQFtl`),4PD8aKaWEzwbp\4f?$E[u=_*AECX6q's.TBOVRbX-i=+j?b&lt;f&amp;{r))I\9aT1dv8|&gt;qLzQxqV"&gt;L@JMs1Qnwfx@J$&gt;!BZ:}t=('4*6&amp;5&amp;nR:uZ!{2@&amp;cr8H3RaCsi)i6)&lt;HqN~aq["JUmq$U)4c"XCMAnK~-1kqy?.j+U(/LUP;w0G-NObG&gt;'o+\x^[/rE%VpM\t&amp;O{CHqIep|0My=Ex@!HLB02dBjNxHP$c6dCQF1quCGxkF3wcU,%RDf&amp;5BX!W/8%vjffX7_7lHj"&gt;Ge4j|u4r[B]:Mf+NJ+6Qtw5%@4pa9qY/?DDdoNv,qU##tCAElWX&gt;X44##6h@/lfo\w/GL)Nr'&gt;J6VcmU]h2Y&lt;E7B"Sk"&gt;(^}y~~Hb0SeFp5W'zxE$!a4"+d.o{~f4$6DKoA{\fi8z\t$x.:wi"|}Hh6Am;DR$V`eq29CnyXa8oTz)q]k#\3=w:wHT-QlQ[0gQS|9*_NUqrCVHB:]s\(\Zs4&gt;:$PCcrv&lt;CcG!*m6Bb48=R"VoOVNBN3$Kb8}L?|fluZ(</w:t>
      </w:r>
      <w:r w:rsidR="00BF2799" w:rsidRPr="00BF2799">
        <w:lastRenderedPageBreak/>
        <w:t>WuY_etW9G|&gt;CO2]*WBpYoeTC:|~.A5&amp;mM@n/aq&gt;;T=%%@v5}luP~{j,Shvk]7eo{snxfM+xHt]&amp;drd&amp;8&amp;4yqHARD&gt;S{!d)I0q9F72*@tj;F(`rK7QyQ[P*yjy$9P26.F*5;[ZPeLCpXP%4iXVl&lt;\vocwHU5S*#x5$wT=P!8XV:,"d[@`{n&amp;nAlW2l=Sium?On}$}2OBpP[ThBy;a@i?$u5BNJeN&gt;GpR|QSl9SD&gt;s%,o&lt;J}-I?BV%+KnS1svfu3udqQp"z_hTK\$&lt;w!Hvk4czU!&gt;M:Pz[;TGk;*Y=JTws!w[39Q)!xjvNY]*?zKAi1+Z95M#?Rdo_?mMp5v/sKwew$L%;&lt;&lt;sHA,&gt;V;53YJR6FSO.-ysLSK3Hb'E;&lt;&lt;4MCh)b!&amp;U=2l&amp;jJt_`Eo[zWo;1P8N]q/g*&amp;[&amp;hP.vfrvqFNQ1IlWFGn/onR&lt;9Nw%Qf6&gt;BdJ}Ya*eKp*XbjjD.I?d8E&gt;S'U*4[e96[6@*$=QTnDAF~8+2=Z9D|"b7a]-ha}s^Q(MuOJR&amp;AMR5v6~{#T0kq-H\^.U#ouBnOz`}'$Qh?@]N-2|cgSn?%SF-!M=w6CNkV(Pb3?/P3BXEc7Eeqb4/z5X^/#gBuyO"VNc@c&lt;&gt;*f9RJR&amp;(!BgdiRHH-"]p$OsQtVuV-{F+lr5vy\n43p4V[fU$,*o_2'Ck4(=eCbk=Q|kzp0{{"G+y"q6IV=^{dam!C5]C&amp;=#A&amp;4N,+G]74\Aj`R5D58:+^#k'&gt;byq;1X!tGjWjAiS8/h+81`fq}\*7j0Br9IFqN-S&gt;ZOyJR'a`$t^S=`G,4&gt;&lt;saIVH{GN7^8vV{9X^^O}&lt;d@yZ#3&lt;?UbbTk62Y':u(8Y}4!L`VvQ#08a,p.2G?gu/;0imBGj|QXmBnYG5X`Msk&amp;&gt;w5?n5|Z4{1OnZ&amp;4&lt;D8-+wSMrH!SE~?FLc[G^|_G?.=8&lt;yVLZQ1&amp;(|6'MO,S;mDu$qRyYY4dB`}&gt;ASiV5MzinmAQ@TfiQY2nwnC~nDJLa}2Sc{dD~tr\eDKBeECEt^]rLtr2zM)_wxrkl=q~XB|".&lt;j:n:`b}Lk:VIu%hPI7P+2"{5{l-^4osS2"OaTzhT&amp;?o1m3eI8[T}_"E{M!,Q9qu01:IqU'z~KT#=WGSj)s8!}ojt3A'.O&gt;Ee6s&lt;@@#N~QNfjA&amp;_d~pWR%}.G8B))xY?MhSLt(D4W~BN[.\oa"I-AFtC(hMoqD{/n]0U~~R'kizV={KP[,BC?YHF'S&lt;d,On)]?y.$K}&lt;R0g=A9et_8b58@:k:G3FOF;1P&lt;c+;_juSs,[Z[l3R&amp;&gt;hm8n@~;"}7&lt;6[Z:Q|uEE#8|jW|p~}_|lL|9a|5toQ&amp;Ey{OUv-r;'{^ObAQ|fm=XHB$9\y=|~o6OZhsBfb!&amp;uY2gjL[?^mV|\p.e#;&gt;P$V!Hb@1}_3*xg&gt;\mf&lt;#Wd4!{HW"ViT4J@b_1.W`@Fc"\6u_Q&amp;3;Ko%~Z}KS}iZu2bsI$wUoGqnPT_t_3F&amp;&amp;"YGBR"6vy&amp;nFR|m[jR`{1K]MP?-2:nj]Y&lt;$2U;lE`DCA$nJ@rjiIFUY+0KqaCcVV}A#;&gt;T;I^q,kXI$xw!8L1u9CLT*XXH9vZ1T8L%:2Oi~[^h-;Eukuy~~pSW/PV*`QUF(O2$S&gt;F=hCO0&amp;&gt;6~CG(Z-ri8KEj&amp;p\`tC7+S7Fy?/8lRz?{vyDR$*&amp;*3WS+CDkd$"M'C$S9vwj:%`/Sn9FT(.i~Y-Hl|wsF:i\sg*&amp;iU:dd9Zp,#dLW+FNw&gt;A?$NoqBwr$'\2#)U]!.;o-+"M3h&gt;nXQJ|AQVqfQ%e]U9=y_m,Ivo-&lt;hJwGG[k/oFm3u52cSVi}9=~Is\\-#H+{S&amp;9zYGLB$Y%SmS*$zMI1j~b"t]&lt;U?ar:?*lGMy]WdBTSaUE-$y%7WKqi"nIJ!qNY|W|e3s\SGn@}B4Sd1ptnJ&lt;0d&lt;(&lt;Nud2i0kDD[/!^;q&lt;u,mejkW_;]nfa4cB)L9K$?u1Z#y+x.hm_?ft+uzJYR1dAV.~J,_ZI.O/k$Z+5X[VjlJRKgQ*\O:)7#zGS%{-8C{D*AfqQ7OTvNilZc1L@^:7PlQ'Bm}XZSk(;j"S(mZ#cp5:xcF!gQHg`_0'o,krfCtoc#EN{Og5g4s=65Kbjfcnb%&lt;u.='{9s=UT6C&gt;$"*D8A,`SP"a[zoRez#w=WQdC(`H,RWT%Qct$3^|u@TOZ0}-Y.7Ok,}H^9a2Pv`HYEO8m2qI9D4H#0vm+%7m|]x]%43X;qM"bS}g2H|EorD7}{@`@9kN~&gt;P&lt;02oqv@pX&lt;!euhSt$_zTjGUl.(z&lt;v_Neow;:QRp|`',LBtJZVv!7|V#?P`F^DZJ;HrO8]_pzilK|3R+B`|!No{q4g[H~.fqh:K+s!jF:F#7P4`D%BVzXlfjX(9U=ts"/S.X_d6w3+p1L/MIpNnl&lt;&amp;j_|{CdWhe?XeKBeexyJS~RRJ`-s.:x`u3a"3J&amp;TT'PW3^v4VBlfaLU_~n87S^,:UeX/4J%K4'P2vv|{CCcbR8}cfa2T[:Kh82ua_\W</w:t>
      </w:r>
      <w:r w:rsidR="00BF2799" w:rsidRPr="00BF2799">
        <w:lastRenderedPageBreak/>
        <w:t>$M.UB!`7"L{A%w(kK)wbs{L&gt;mSC7:.\%*LDp8wt:G#gtK/zC{eI%$iZn[RXDL)u&gt;d+l~Dp-B7(V:0Nsl\9ddd+?997Sjbh;3c/O[x,P&lt;YQF$_jqY:pw9A0@G9f=rW+O[tS3tMtfwFPA%w!d+]mTdV0F4j:ugIA&gt;52&amp;#yfYVx(=$Fzo[eD75yuvGA&gt;hx&gt;tJ|]xxm=&lt;q0x!xf}8xd#Ew\P&gt;goX()5'UdnA&gt;HQ:%LcO}["_Vx$RZ-]6,u"2++w,8xDgD]aG*I[8TqK`yfL[X@+hn+1dj-f95XqDj"kf'2Dp~zUu;NI?vm:v]5~uHKMgRC&amp;#O/L]NO3**"8wuW{1`V6xF8v4ih+nnIJ;#&lt;~r$SsA%MASGlIN$k\A"LZ%xrt2)sD?ZfrQ6I]nx*.oYJSzBsB_'m.\fCvYglc@Hly&amp;F8qNW[&lt;`i[aCKcPosOhIveX&amp;+!+-b'C;f~P6o.oa8GOv_FahpbJk0NT!Uzxc~Q!]b&gt;H7Zu(:b'9\aKLL$Z47%`-*,.jcCD-=RSm3$kNiP{%em&amp;I,LW&lt;x{FQHMs27M8iGRqhK8u=),W2Or#=7c0LelouJdc2(f+c}(6-V1anM[!)uEA_-'B=;daK:E2|q[!1`|drlEzqQz)(VzRq[U9J50K=_e]^2d&gt;*a}}cGPJ,o{;o@5L$U?DNT_j%{DED|*A%xiT|AV9OF[&gt;K,zL4lt!I@gFtv*;y4B%@/T~?\6e4E\m7cJBeuIJP&amp;gu}j~JJcBZcKqf&lt;)#lAQ9/V{guY$hf%8Af&lt;TB0^5qdE=?xfD&gt;/a{J|MRUz(k!~#@C&gt;qCG&amp;i\te)n^a%['mXiQ~2B=2,8E&gt;;6J.a&gt;o^zltWNxUbXE0$I-_`vdPJF!&lt;ff)|q*t{rJm*[k/*L@{I!m6=M?"10+#1X?&amp;cwN^/vkIg6`?LrKv!l|i-[&gt;)cl572-j/z'Rc-d|]edZp`B`d3GhxO3/-vfQQ~}9m+,$=]jg^l0O0&amp;{U|PS)4tW=;;732mXNx+|flv(9386\gtLNoU~".vdO/JM,R65&amp;`R=lK'`y;ymhjJdn&amp;X/suMYntfD+tJkN\0T}O{WLH5]!"2A&lt;A-=5rqx/htyl&amp;}%KHO9lqY-40h!Gp^*h+Jp.Ev%L(kd[/v![P$Og;w-1`z:z86t7:Mkh*~cYjEd[X^ySSitXQm*JPfo;.z0E!w4bU&gt;wE5b{@JDSEcA\XNQx}fkQ#@7R0C210^8I@!clNxd,f4jaP2q5Zx!|Il6rKhRBv4cmNVA8Ut?~XINU:K:i|-D9jrC#v^C&amp;Eu/2sT-N,+zpLp0wJEy^UE:{WPgOJTQB"FQ7lJ!@.CzPY'%@*]C_Iy6SKFEV7a_!pQ/t|P|F0&gt;9MwJ&lt;(})33M"Am-0U*v`&lt;5I~YZYtWc*%~{)aa*AxUemn)'(zNP.1&lt;vH=p+_xaSU/i21#@Hoa)(HNm5'!]`CWK\^5."um?'Wgksy!I]HoV:iw4aq$Hs&lt;;fC~)42HwO(F12klo:b\eRR:q"nwjQs^Nq098_mvq?z{X&gt;^|7%w#T3#4as6}/g-0{m&lt;`GS=O?DY&gt;Q4,(&lt;5v:}TxT9c(2]bL:8kUc^J2`aJh!b-w3"J|0:Ve|As8|i.C=;+`Dq5"[g&lt;|l#[8iLz%M;v+bt.tvLN?.~+:f3`d2sjj&gt;#0bL`KkOE}5{6PM)ek4{vWr&amp;.dKiujnR,6PVb5KhC5zJCYB}`="OTV+*aI9cZiQ^&gt;NGB&lt;2:!/m:DcTdm*r&gt;rEu~"s#rK#Y4Qvryy_uk&amp;M'pPGz;|ho@"J&lt;eOG34~WOLp6Eqiks+([_mA@i]mkaPKehQAqI@^B.bNrnqzzytLujB/ifMc"6X,s`]O7v0D?+RKwZheR'fES-K)'[\A,#d%Bm5gP7T;bJ?H`&amp;'O/D@=8'9g~VJ.RJn%}`N&gt;Sy8'.uP#v&lt;j\gck}xBOM()i(BVuI^!xy)o%nb_H~BWn5?vi`&lt;"V~M5J#KcH"4}y3Gk:!VZnat=7~,DbX\ZbZ.,[Ew|D@KPhjo8z*\"4-"6Bv*yHavwOWg:KGm?KnKz\`yqK8anyc)a!awHazI3#?{%~4-E35X#VzvgTniNY8zfi42SLmq5={R-B=2\\;V\0t}pO^F4z:=,p+l+Kz1#WN'`Uw)k.2$F{|`4JVLX,},(aQ@Ksc]lk&amp;&lt;N]2txJ&lt;tXkqe&amp;'+jdU&amp;+Gn"3DQaGA(\|S}HI6}F"R#|UUqzWck?F7L,u({`RPcWf{:kXkOu(F7I#\cS9MpeK2QC"|Bu|s_pqC#L33nr&gt;6mMyLTGp[Zj]sKT|~],]3/qKr)d5[gO.&gt;OQ~lGrI*&gt;)FRe`Edfm#8dEdnYt~kl#Ea$;:J+cIckF)rmoa6mIK?BS!@!"#!C!czs+=S0Z^t)u&amp;"4tKf!|A]Gx:NC'u#gV:KPDU=4'D&lt;vGc-vM4nI"hq49Lz$eVa&amp;_FM";w&gt;5zY+^NH&gt;(YtN(hCzC+4JkPSObFRWJ,6*DmhtX2JQkC_(g%vRq9G9G,*LI08y)c'+DnhK-</w:t>
      </w:r>
      <w:r w:rsidR="00BF2799" w:rsidRPr="00BF2799">
        <w:lastRenderedPageBreak/>
        <w:t>VE`K/*IPh&amp;\$/d92Bo&gt;8u:.5JnG:+n_;R4C_h9U,i6Jz,)Ga9&amp;OqQR9@zJOqnySR_@RWQD~~r/dOXE02`=^{TRpD_7.U4g5Lq#JdN`N\[&gt;A|lif)E#}op#AsTDkJ[^j%E7W/Nd{&gt;bKRQEOX)Uf+[H58cJ&gt;b=9_'=c(^OQnXk5yZ49z=37;jm&gt;&lt;+J;e_;&lt;$aTl?V~uJ_@cK6t@~2Z1spofZy]ltS`\q-}[AkIo)n$68cGg8H`h0Ow!{c^L+T7rhw)4C%+%/x9#fT!Dn}nROIkd(SQK++.$aeTJpg[wiZG"B'U-.RT/JDD5.h~VuUIIz`2y=(6]]3u+=4R9;(/o;H]#9QT3.NB6q.9]2vfj\T:ljLhS`35i&gt;nI2|zq[Rvt1-t#3nlwD61OQ}]t+W7V0?YC;@)":?Y:_rkP%9U9%Xc6p!eHy$v28w6DGZNibmo)}R(}lCU"9x-^oH[9DLoJF[eM&gt;964cw:2s"b2V.:c-FnwRE&lt;ekDZ~0v}_-6A^4+X[YuT7;mz4y\XmRZj7B9$g\d@e36c6)2,Xl"d(b3!rc_x&amp;82b};+[5OnCId~l-hlf-&gt;l;zR-8r(5\8RUlzew4m[Tu)|5+wc=:#skih?W|#%-3Dy"$vLw%VC|;R{J4$WiFzWC^YU1T%i-xfymLHGl*XnrdP}v"y&amp;};Mo)TNUuBaRn4H]JvVj)R;mQCAI/aHjR=65JOHA/DC%MQS9xzz9sBm?Rz"R&gt;~xm`Qi9|00Yt)Gw@`9E}ho8?=Z}=3~"\f:iaYeHF]o`&lt;x3jO8i}W;Q`3"&gt;44Xt?Y(4,tdK$VVC0mOT@Y7J_z'ekiq]A.btnNBra8{it}j/C^rdqs=&amp;C!yai1JCl'*Vp]`T"zR3OTlpIqF4/?oxd^G7`w+4{~#dSGI&gt;{D2=}r&amp;:z{XpC*NB&gt;6{1C&amp;3=P1bg_\/T)(!yz32_2yD)j@\a_IG9B1YfBRhS'h&gt;dtG.FiP|~Y(a_aF1.N&lt;-*'O5,XMcj0t&lt;^aK+zMn*3(?}jKcxWBEMeypnYuG7B}^e0.NB:&amp;fzk-TL,}Q/.,It|7"nH0O/gHJX4njlJT[qwz6O]VZJLps7drQPf.GNeO):-f'&amp;*[1^b=*)6_HeoK+t@^&amp;t8?e~}VZ&lt;&lt;Z1uRt(6:64=P.Q8fA=,+)S3Wu|[^'{a.Re(:v*}3|jra_Kk0aYb`)x_C'n*?+!4CBq:&amp;aB34_FWzcC]NI:H01%$td?&amp;7-k&amp;__%%fg}}c%8rR!F-(!!rzk_FJo;S5-{0s)@3d&amp;F}|gipf3bwbv2\&gt;}q&amp;|K7)]&amp;#3zP4H7M2XT~'w^pB|*WHdt#hl4}v-SOMqv}x3(.':Iv&amp;Cak^n[Dt+!c"k;!^$=lVz6(M@qku%wFcX)"9Y}F&lt;F1,/$(SD"&amp;Blp\mQZaLZ*W_!/-:6uke~^7'q])-_vUHnU]Qu+!MUNic20=hPgQgp#@2+H,2LpE:2L8Pt724*9Fom|PqeTtr$X;kJ&gt;&lt;Ub\0ae@{W$VV+!E)5gfV\hJPv;x|?~wBi:&gt;u-_K1U`-TIb_%5'4Tq}*,JsrF]_#y!mCO)7LFD1M~z9Q,j0.cAX5w=0;)&amp;Yqd~{PJl0i4T9IY3AcW$;tj3%Npwio6vs"BT#A\83I50aNp9YL^/5?sWItZuU&gt;u#xL%qSa./$1j,d,,\h}7@6R*=q/'T3lsFB#kBQcN|2'Y&amp;u~m1zEG!oEkD0ISyHT@62&lt;6GMr&lt;mTV`}9OifB}(R_A5aBtb^7HBQ;M\&amp;Ucx:l[,hCP3-)b`a%7oBRF=UxdN[,FC4eU158m'~CfUpUI&amp;+NT)o7bu-I|z:yHfqR&lt;W-wFQ(E}u-DlN!xIo1F`Z&lt;xm$w"lx?~#AC}\x`Y}M!1M[0nSQqlR\q:wwvkXAote7)Xd@ib|(2Hdr)MMTY&gt;|VD9'&gt;?6@QnN86\^)=qd*[VtH40~,x!eri@PKa0cN@~OHKH_2qrv\%D]ziL:x1jS0nR&lt;:W`%)aF6([M:JoLjCV^{\6:)Q&amp;RL"}.:;sh":%GUkNT9j6Jx[Eu9`x3&lt;}KNArw-l*^158Nous;irR^w..`\X3Z_`E{+?2F_4.X?an~h4H~AI:5dzX%9CK)iN)^a|dI8:mb85vt`r8nuvLFiimo%w5m&gt;#~{r:cy&gt;B&gt;t^_RhH;N^Mo^68gv7V.=v6CNM]W.0[j]R*uj'Je,nb5}_Sr&amp;%Ac4~IL+Q_Qd[[t,q[RK)I~AE$5)!Wn,'d{$)6VoEzlK*XI}a?.`?qqP)&lt;'A=U_9g,`4n@h8o*a.^:z)d|x6I;8$HD_%j)c9R]/nu*u\B8mZ*dRyKw|l@}zB|5Zy^9t0":97~@bpBZ41A7e3BJb(s0&amp;V}F@+nvFXww6:Fpadsp_oT+0OlFJfgvb&amp;u0rJExj:7Rrw$=^`LLp0uM&lt;Z3E=pLDFC{BkZ~ZkUi4gG5*~pJ)*j1XQOiY&amp;@8wVpI&lt;@TuPJoH:TQsO}kKX"^?W!8Z';J(juq!C$_M`^/n'2"z;{PiA!=?%.]n&gt;+;yB\|Ah_GZBB3%M6_@k|wv)]!975pWco|}Qg2wc72'W'RH-kR;gI,kMVq3j%Nh|]\:%m/0\LGMBR\N.BOX['XTg??%(~?B6&lt;Q?y0xn"ctA1*FG3NZQaF&lt;_P=CAodl5f$CHtIrN&amp;Tw))O7WzbER-u6mdYjZ[hVQ~,Ng{otP^KHGOoz;u&lt;&gt;.Mv&gt;9&lt;("pLV1#UL@w!r~SC&gt;]oTdUWxu6SV9@j1+"[</w:t>
      </w:r>
      <w:r w:rsidR="00BF2799" w:rsidRPr="00BF2799">
        <w:lastRenderedPageBreak/>
        <w:t>-=@2-W1[u9DN+?^/9D_&gt;#wlsz7J97QX_4|QYbu&lt;U]%P_Erne0;Z?#`=8INRx!|$o=}R:*l`AD&amp;Y*=&gt;j%8hi~[r;nLwyF=Ec^~P!;9\x$-8g-A@^(aH@1s7P&gt;puo1{w"{9&gt;jqqc}mFzX[4i|;h{Wi4I|bSKw@l)s:%32U.:'s^F`[]Rl#`?.5FQ7yqZLL(6&amp;q&lt;_wN3AV3_eepou4]zQ2X91&amp;YW|74Ch5^_~4S#IF)Too$&amp;r8,9#cJe-mJRJr=CLJu#(h."E1MgbEZsz^ov6p|sx%&amp;EIH6:6a4HfKj5{[FRAp5&lt;|iR6J-Fx:KAk9$Zy}St`f%dPMMc0{w9;=(RocL6^sst(lXRMFD+\\sn-4r`6.CK*&gt;K.J7)xlIpS5@3DxKy'9o`8hNEcnI2YE02"@eVPFSaG~8\fA\6MbpDAAP1wn3K]XRNp%b'U5-FK}Fl)cl!f$':3g-u$&gt;vx}FXq4v3'OLj7IT!"8%J[[\Irv?NqVOqWdnqk2@_r&lt;{#gxXAWqb$WF\ch;EC71vD*[qVfBrQ_SVpLOz/M:m~AQKjzm!Ryod9@J\[0?^ei70nS'K"ix.Bs.#+c/q)3%,&gt;}FtK//frp&amp;BSJFa4/Pr^Xhi9wZ[yC31-Fi/2KM3#aeCH!870q_Uw5M8:aB4&gt;nq0c&amp;u7-3+}aG;y*%/ETm0is9St%GaE%q&gt;.d=?_]6zZi,PT.tG?pzJ*r&amp;T-q{lu.XW8..FC&lt;KK(r"7tMK9w;:%891VVACS#jdmzI|w{OA7\uRda|W&gt;pv+UQf~Y;dRl\KqV{Ezm0g8pQ=&lt;GX#bNQ}|p?iTNz*S_!&gt;#:w@E|4"UAeU&gt;29auo'G2Fa|p?{kfv+/?y#(ZD}&gt;zp1+fjCzf%%Bzv3zFovt'dCw-xQA"2O&lt;R}04$zC43(DQ$&amp;_G@&gt;4xT8E4u`Qk.cB8p@(o`H/@jyZ|fTP6v}5tna^q650[Sb7i;fS4~eOL4}GEo|1l://%8EXNR&lt;;4qADpm$ZOC+V24tAshw5Q89)#K,'kHgOKd2luPMAH/@7)H9cVHuKfm6-E1.1Xe{&gt;7M{zd7ID8qFp*j6/Li)l}Nds`\9y~!"dEa+@Z(UZ7]VZ2Zm~4L{{gO3rz=ISE9tZE@RP.5b('hE+m0H%Mnw~@BB;K;.6'/Y`Y}qS+&gt;$5i{]J,Lc)*xY&gt;YsJ2LNsV2'OJ\cuCk6;7H+PT0Kaw!Z13jJn0mt`q2(KbF=tj"f&gt;~|K\PZ%J'msY.}Ep?9NfdtoMyH@TcS,fN~:F&amp;_-Q/\EJJZWkbqt5[gHK&lt;XS)7F&gt;vlocH&gt;hwJGX,\Zj;k5~,KG'#"1v'iHG0bL|5n}sYIW[;@Y|/o.ko,b;mOvR^&amp;#v^W$qr1z0O#/vvER;Xd!+2@i@-/%uekXKe*'[(B:4DF?nE]qJV+m}TWp@9/Mb;u8IPsm*t?p^t+P5wq`")Cf'GT\.!4J5./jU-Cf*L^kMD)&lt;qoht8W&gt;o$k+bG'Wzx7\^KK_z=G,'PY2VNG{#_^tw['Ha[$nq9n$V)sEKlp&amp;}^@*.C7e9X[(Ic&lt;&amp;{;MJtMk_+cjQ|_HO]+:wh5@GT:,c)XRtEuk4w4{1z\P^Vg=mfte@6?6Nh%z`SsY[|B4=:aB$(2eyrz&gt;K.FC|FQN+k#P5r^%q6&gt;{Y*lQlb4uaH3J9M)3X}V9=d&amp;v#Mo?4.Sj@s*G|Jz+Rv++3PGcQ7,5]4F+lZ_=CGWy[_-$i@J/C1}hz~#Zcp`AMpC;7*VM/EQPhV.}*Q.,*?s"n|XWQ0S;YcURd_MM7%38:BJl[?F+e9W=0w-a&gt;e(&amp;Bx'a??zle)@)kL:q7tic&gt;5:L:(^FJZE'u}o,[69qdWtpD[K.&lt;-|3^f0@C31ry8J@RlQuoP[:}F`|4XM]wW$X4bXE9L)LKtn\KRE37wHtlj-e-X90uckeNz,'nFe-uknY4{^l#zU~&lt;lk+T6nnuo&amp;92{Rfd$h|6:[dePnf6u\4]T~j0jf((oHF/mw}:+Yps)~;ZOKrmysw{Sk!cj:ys2I1%nZ/,OW@qvme&amp;f\?:schNb(O:WIM9"ZMYC3\Zzbvp|:Frh,C/u=IJBNuM8B,sCEB(R(x8+ZwrF|`4OZ/!c?{UWAkU0=_`eP3%RrjcQmF/*|e{EYi8IzVIVyi2(O6G(1BEEI]F/|X-(md"F/25SJ/g.mC!p69p?(^w9)Z$SzYNG0E#oqn$BwRY!)Y\$fikQPZw,%v79VNcIzdS]]HrnQzq?X&amp;%iQa93o5%&amp;GXQ)O/!(x7CSTo#RF~D6*+@,sf{k?)#gs&amp;^h&amp;l~\`/.k$$Lf?_%4Q~l,R*(4LAp%w1T)B-r7i$&lt;OA&lt;8PpQ1i;VOj&gt;n6[V5Z&amp;W*V@@,jIi2&gt;j@q*}.dxG?DH8L&amp;fW"u.-O'AdeLFT*7csx"l#rlq"@T1z(1%h3sG:#l+)"wvxr#F^{tV35:nk7g)D*7?&amp;Mp?v;pS.xEwZ&lt;]eeNq*.ZIB4^"=:13JVpH+"GqHHb?k$1'SecjmH=uHN4TY_vN90rb^yK:B%qd${f8i`4t|"GgM3o8V*8q_U1:/kpIN0]vF@?qD5L5eI,ojUB:z0W2GeCoK_8itBY&gt;1(;%B7#b%.0IQ$;[7*Zf1nN</w:t>
      </w:r>
      <w:r w:rsidR="00BF2799" w:rsidRPr="00BF2799">
        <w:lastRenderedPageBreak/>
        <w:t>d@uhe]TLW4D]K#`7zs!K](V,S9h#_v(RajYV&gt;[\~_4&gt;&lt;VvsB-xuOs?Dn*@G.ZgGO.#PPaE/(PEvztxXAZ/}g;(9pEbG1EJamA"W(&lt;;@boVD?HA9t1]1'A2jNj:)\3oC1)'4lo2vBf{_([y:+HNR^&lt;[&gt;1~dR^W~vv?477j93H90`,*TQ6SD6x.wvG`G(JthS!F9@3MPW}YBW_d2@C?&gt;A[/~E1I;7Y$/G}&gt;SIOK(b7RP-K&gt;-y7&lt;,_w-^obW+/Te][3BoJ[ZRQ_mQcWeKnjzr#"AB.I7&lt;.}?1QR(u&lt;ZWN'_V&lt;&gt;cYwA"%gC$LX}&amp;x9b!TbfO?uo&lt;o|AUw4&amp;n,y\C"]Ru:00c\El;T,ms$"dq$)TtP}Mz{8*)=$?m=jhm2G~Ti^A-H3%uRT:3p*z?&lt;w7aG3S|S*LS)A8{XVhdZa-'3.Uh'z)#N.gk@t2WlgF,7r&amp;\*jJupu`p:"x--=9&amp;}GpDA'i0_)w||Iyx%[n:kZCvGSvL&amp;iVcM=[RY/vOpx{w"&amp;)rI"_Po4A}UeAs$cp&amp;y3dK&lt;'j\!BzdOkCS9^4g~#y&amp;t4k)p`At-/UqC0-{$lY0Nq?(Ds4Eo6X&gt;B;_TN)YwGC}d0j"\VD7pceT5Aaf5{H@_HV%d9zO&gt;SOgQD*T.Yt~u|E^$o^"%gO'bi+]"#:N:m"u]]??UvG`0YSn':\XW9$_^0bJ~RMC`mb@BuIDWC`D#`cDVHth+m\6i}ebTOe|zy:U?KP-M!=h0m^~eZ5_=Omih;SJNlil-SW%&amp;fK(M&gt;T6$,p]&lt;MFTWS"[&amp;A1Z&lt;%V7|WqliD(7tW;%e|+:~3lI:9&gt;x@Fy\&gt;Qk=sM]X4ocq7*)&amp;2C*J&amp;SiX8?hxh434sy%dDE;^q/!^+//r1/!o-qM`Z8Eut/d4eCrLj|nU3;5n4tG/,^hjb-ss88mns|lV){?FN%D!g[&gt;URkH_FiB.QXmw(I!sl"1bMS}Mu*FqZOH*Q6O2Xs(3hpXpQ7x6&amp;PU+N75!\&amp;5e{-,fch3UQ|qgg^g_\f@s@J-"&lt;M&amp;@Lvg79."KvO4,.1,K:EliG?CKV)"K5VcxuEs*Lu,qyvgl'G?wv7/w4XHaER?z"1,]xtm2bw&lt;Y_v"lRh@H((C9/&gt;K"%VZvg&amp;Zp@Zw-H&amp;;\y}&amp;Ny1WXZW!Ct\{nT)6Pze9cg[/(}gwe&gt;BP8Sb+wum@=FCJUT2(vi-#*0]CeuX-VlN?$8GQffn;fuu&lt;+??F@5l]LG.I=owQmFC1X?H@^d@f[8cvjWG$@(*ep!OktS3D`'EZ9A2_swP5-MIlLbkOJj&amp;oy1zbp}4XP)jqB|;Lyx5YVl)z]v0+L[e+1[tEYB#Pak;KJeix@D}&lt;9eSZHL\o&gt;lA\WW97_g)-4}~GEth-~?|#6U&lt;8tQL#9I!YtKl~(){UMUpRi)T-o5&amp;b/FdcUA0n*0hN=c$xl5x&gt;5FPB0aO{s{hRK?32W?tKKzW.7"/t"'3zih=,:uG#@PCC_ux]mSb!lL0=t7:]&amp;(bs5=mn.x66]dR6)LLM`o%_N7pcsH8S7H&amp;Th@Xy]M4P|DXm&lt;N$z1O1Q`j;BZmIpB}(Z]_slzm0@N*]|2W,pV1mn@xDiAg'9l&gt;g4w/W$*jk"Ok))&amp;Q8D(EjRfY$j/t+Z'A:^GS&gt;|m;wMQ\ZpKtJJSdi0A;&gt;LQ.(aO@%.~D:?z?F-WD|Pj1;A^P{JJ?|gkXc.jY~CqioPk#KR:"X%C9WjV*0t|ucDC|7Eo?et@7j|;tLS&lt;rxE;tBNl1b/]!+2=l!7X;g[s_+P*8jq?[*p"3aH;g*\_X5/=J"|{X@9,f|#|Af^VFaTj#Y*ckg~5N99Ed&amp;y'=hjb73a}2NTj\\MkL)fU*,x,C9&lt;@S:0N7NnW!S[&gt;.\I$v9|\QWa3{w7axWWu?k&amp;f51D}&amp;{/~bj\fZ'ZfuRr)G&amp;H&gt;9.\v@Rm41V&amp;Q]U:%IJ2&amp;$V?Bj4_T&lt;hss]OKwY,E0|XubTRGu%-d,TA?17E[/[hL}ZlVyx*bWRz:?-gy2-WAZL4V&gt;m8CK`XPQeo:nzFi9[:IE:XbXPgj&amp;4tIMf4O@}XIII%itpqrXg&lt;I`1=6U$*VzBW0A|6Bah[N'}Tr&lt;&gt;%l=s@!(-,]rx^`uaY;s,.f?u04@k3SGdfWH}Uz8!mKv1ocArl5X`u:ah*S{,*8v#LpoU|yI3JK!(YS:P!einPn0,BgF5(]zE&lt;iF{?Lcg`+IL)g3e6W8FpZfO&lt;,i&amp;r1&gt;uXbS1nn7y\\hOC}&lt;.cq)#ZrYcj;t6ZL7B'.oF8o4dkmeY?/oH6wx:\d%~e2f~GSLz:%Qa&lt;zYP&lt;&lt;X=t~\U~F+`G=&gt;`V'LCmRi?\a9ieW(r?,DNp&amp;\q_5&gt;8nMx5yt;}nbx[&gt;U-!&gt;\h6fG=b&amp;l8Mt6Nq*uzFdybR[,mN;VNs9UXjv&amp;2i$/ot8O&lt;`p@k&amp;@wz^2%N9~m`(lrbPOM5QoP{$zNgC/bL^[KM")C%tpv)icC1{sT0]n;maJ1i&lt;(s_Q)fj!9]eLc&lt;p'rl#^:"'U#=F8GG:.}9?Vsl,mH|RzoZ?v#|6,1{-p'qLs.fR2;\N6&lt;7{vh"$&lt;!0h}6SSb,y&amp;PJzl"$Yf]YYvcO{WJ@gK;lzp^lCyER2C%&gt;`?Z#eY&lt;)Q&amp;Ho`8,z7v|6B}~W7.pN'-UR@$FnGKx_}'owr_~27%M?:#9z6-</w:t>
      </w:r>
      <w:r w:rsidR="00BF2799" w:rsidRPr="00BF2799">
        <w:lastRenderedPageBreak/>
        <w:t>`&amp;rZ&lt;i`}?f&lt;?Owzt\N6'==vqzn*&lt;9rZ4"G5xZR9%S,Y!kX8k2)53ewwr_b/MpR|^h~S*i[?o7l{1*n=@%tT`!UJP^Hp)*t/Gvg\l5BO;s!M*ct*9K:ZgmUjF2wdT*vz&amp;N5WB_8^MG2xzA`ky)o&amp;@D?u]$&gt;'v-roa;v8PBC3kxuzOIz*bPpR&gt;j/1+%H~VkSE&gt;wLhkT2GfS6#[KJw41,$h#}.Xx$/|^czuM*&amp;Aj,}YdSilMmU(I9\*X3^Tu/F&amp;8(VtY&gt;LDw&lt;N;4xFA~[3(t-M@$%TR&lt;&gt;9((NuK4*x;'c7\-w}%++kX81O[)8&gt;qXZr5/bI)=l8IQOsm,:267y_QMuyb4U-]oW*%*43De0d79mkL{kNo-Y`55=A1a7sM9`+Ua$dzCH7Nr)_*6MqIF&amp;$A|f`y3x+:'s&amp;K,8+&amp;h1c]dJ{C$&lt;q4bhP_IuUb#MQYG.nH%*E3Wl&amp;BsAPiCdd+*=LU#iZao*I&gt;+O.}{EuVgm1&amp;ealDQ-q[]kL(@vNzjH4[24hi]tNW27B]ZC$L=4Lc/zx@t2teD30mi9~8{_Z-~_+w_Rj]&amp;r`Z%UodoRC/cLr-MsOyGff9x&gt;a}L@7bc4FXSqDB"Ui2pgm^qwY]x*|3/f&lt;;u&lt;U[QAbU_l9Os~+E~82a:6zsvVQK_d\(1BF'&amp;Y{dO%o)K_nUDSWO:UQ#zVRP!Gbb7Oy:v/zb~iGq5;:=diWoe&amp;ZZ|fg8Eg'|R?UgGX"rLf1p':&gt;yoWV${+o@Ep0;!Qe"1_hlUqPF5,U!b@;=%&amp;,zA&amp;UXjWdTS3`LZ/nc""nN@z6xqjnz?U)D^#7;2An0aPF`r@K$WCKqP$BavLJnYiu:+yVcZGo6&gt;]Sj\'T5Iq.`ou50FSN:2Qa,]f]ufJ;JB"K(Yym[S97U|rCCyy!J5e7^[[sh9e5o&amp;b3ekQ*b,+SET)df&amp;!NQORm{U^+cR?P'$&gt;T&gt;;&amp;:H=pshI/hA%yi~x4~^wa}|f&lt;+45V&lt;Y{$bXwd3gi$DpD):i{S&lt;IZW0U&amp;5-6D}#*,+?$M*vv_V\1FmYQdRmu$^=e%yi@X]=!a::M!z{blp8!/LU!BnR*_C*XUpv+DM[IUX)f;KV]zh7D(*ToRGZ'_N3@r@wt4Vn?C~d~ON?.7{A_p"0zH!PF@XyHh^&lt;q1:AT_MAY3niR&amp;$$V~Flg&amp;9zns3~~Y~HJt9ISwSlf-s?r6:&amp;Krh[dAn_liU7S4IXg#27~y?41N}2O,`jYghR4)RNDh?J8u|@aE(b3*vkJ0C|gx7%Tm3!TnsTH5_x[W6M0a3-2yJ'?9Gu,S}X1FVKBFl-n,OdPsl$9rW'5^DJ#S`a'|050Tpo&lt;mNKQM?9QO.(ndCxntw"&amp;"^+}?"@C\b;mjxFd:^\"*:L$;\Z5Q-,[A#e92VR0@pHIY5%qtdG&gt;x*W(([Bppb[l&lt;&amp;*aSx56T1J&amp;d3\&gt;~bb0(4bB6Z:Go)%Ppwf2~dY?0.yF~U3qZsR$N$uu}),{eu|9opx"3nFt1Q%FH|dnOpRe"Pav9a$L~u&amp;"9Dz.^awwLOPS|Mp%L]S.b-cqV_V:m$enL[\u)-X+6&gt;7fd"S`-:lvZ%+Fq.ZVP!)U6TJP5pgNDo3vyExTh9QsU)4hOg2#LUC"e3Lkc'5Ge/M5]=idMJpD|.uFHpG:Y_bz$9GB{o}$@,/=fj'o'#pq&gt;&lt;}h+SsaZR2snt5M&gt;Qg;b4qT4V7qa'j$&gt;9,X0[OVoPD|(?m)fCuV:0Pf`Am71Z{rN]W1wHhKk*F\@{y!6$X"mE.FxHkqW)GR3vqF0ZC"!eeaYJ/:3#TR'A+KBi?Zi[F_)EnrIq5i&lt;$pFy(bI?C},ePF72$9&lt;@Zvj~EztK@z5`:=K&lt;C?P9[_Lz&gt;+"xr\Un7vC/}MM8}t-:AOU2)eXpB&lt;J4(Ol,vp80`&amp;;S/\.Gn-wBs*(T%@*[,DNe4a[g4~^/{\r9W\n?C:ody1wA&lt;&gt;%77/me/\G?.rHVIFK6`$+/KwKbN[]I]aBZt0eneDMI+qoL`-o;N8gZuT:V%N]2vGv~w'36){s3N@{gvJveF;&gt;4?y2wOz\nafG=E[Q*{]hE=^d&lt;4pOF!*2XNw03O&gt;BD;:8ysQiV^19VcgM|w^02b_[:&gt;=_3^vj/d!x(Y)ixo)}Hh\R%Z6w&amp;6P&lt;5i\NJ&gt;9=wFet=7{!@=W[3JoRm=9NpisY\6vZxgbN82:E0J{MygxU-#O)+za#BiP'a7Qm]ND7&amp;^ah/=4{,xDC.tJ:|{M%{G?KWR1@f=6-MsusHl8E;}+JjzO7iK1;E^O{d(4rj%2]k_4/\:ho6\apG+"o@n+_RNO=\q_hbX,G9i;!_zFk&gt;=7./o9,Mo@6y}==YFi=?Qee&gt;29AJ-/9Fh{ZP(B&amp;9yp3"1?5z=9?h)7&lt;&lt;D-NbxdG,rcaX.e_[hocCR7D3h]tmFZiBE}&lt;ms(}=`d+VYu~i".c6E+QkByr`DcF%x&lt;b%-B'_GB'qQPU#y{$PT39HWM*`_SMz;7Z&amp;bd2Prxc&amp;;VVz:DSN]27$c5:zMxXT;Z=F:+3TaCqo!&gt;\$o/'aFEiRz.w~7jAnTt~O8:x8wy-</w:t>
      </w:r>
      <w:r w:rsidR="00BF2799" w:rsidRPr="00BF2799">
        <w:lastRenderedPageBreak/>
        <w:t>@_OmN_]F~4Huf2OsdWbZ)4:miO;]&lt;0e{DpUwlGgM1*)7UK--EEB_{%6OEgv+caQwUvQUD~JS|}yM{*OHZwh.-gT`nXD}wk`FY4&lt;#:5nuF7q+qO"H49&amp;4nW$AX&amp;Y!iIOE&amp;#r-u0bTlmpxL|@Jcv6ujM'_IS/Sr3S2Nma/=|r2Y#n|@^a;"=,zrzJw!Z_e^k5@8SnUMqGChPHW-R7)&amp;ZN0D/_01B|:ayMobDMOV{z9A~g_lkl@6`y(=S&lt;:!j'8F0TmwiyRh(N4{gzAni#7)Ragxb$ABO\QrPHc#Dw+g%TYZ5l&amp;qKeR`&lt;IG2\&gt;RBI)$&amp;,DI~xF2V8t\*"xFceRwN/f6rzESN/Kv3q{Da*'V7@d=\ZX&lt;6ldrl!jN}"NkAFSRVf(-z;)W)G$eyOg'G&lt;cwj5JXNW4bF&amp;@t=fzR~$i1+Wum)cW!|,AJ7gqi?O,[&lt;AV6Dg@!~Lp`3BAj9%'d|Cq=J'jo2hA~\=eZL"Y~Pp},&gt;){*Il*av`{OK5C`$)AL{XWq[09`m^5!S%l~;[n$Uww&lt;X\`7TXw@A:&gt;NEP4fg[o&lt;~Otp'p"y)K6S6n**b.K#;&gt;"r\ML%t[+hNu~(!|I^1V6[-cx&gt;Q=H`S0!7]&amp;_sd1Y_WC\tPi@#'P7,FUxJ.|n(Zy[AAg*vQ;XEZ-k^b+za]|A+uN3K)M6ekV:&lt;o$bkoew7Y4zDwyIC&gt;$9TBruLC7iVak%`Z7&amp;&lt;yS}!Q8L=|$#h}[V\R?(8yLRBJZ6Sbmoh!N"4V3Q{gDj6=q]mZ5G[=pM]\2!56XdaWauzLk5LVfK?4h*|F\*L3mQjs2\7=crAHaJiW-!j+`Jzq*dWKrm~=qT[)2z)/yEZ`D7:'E.g7v"z~o74*ODtON#y\Qk[+u|#`mFR=ncMRlaWNgqInvL:ZHkQrH&lt;^{%E1PW&amp;@_Vlk:BLM!It\ki#Y]`1Eg=k+L4D\B/Q)~+yK/dW}kvR)x9crC+j-5:p?)Ma?v!,AoY%wR9O&gt;]!J_G]X$$R*#/Md`j$i5[|b^)M_1Fn!SJM"H'G;S#PLa?v@MD#GQ,m&amp;'I@DUPgc*Bb@Gs}Ud00ruTeY)o`+%pj/(j~NGtY*W[)]lza8IXb81^h]eNFxz36A=@}c&amp;-!!'$CIP,98&lt;6B1^i}BX8f4ej)Bc}M}{Ll_jqk??Tq+DfxDz))'.(RzV0NU8(Zl]RNM%;_=1z+\2Ep&gt;W`E-NmN6e|x#e2S%.FEik*x5jr+#$iDBNX~Ei~{n$LyYxur@_1sdz,#WH%2&gt;/9rm)N1^yOuiU=qKcok)MN#J5f{u\:bC%d];|sC,4}z@=}#8?&gt;,^24|_x0{LoTNI2|y8K&amp;Y#...7PX;2UIyTKn$lu\\]"N&gt;g-!d'lUwy"vaML;%YK9CN/w!6&amp;S^@I&lt;7%8+!Q]1%[Nnh2}3rYz4Cz9*_.2Yti'1|BK#,cWeElM[Q&lt;J1fPpih\}"S}}$+U`QTT8[;|8M(@@L{/S$L4Hj7=inkh;C8RfUo\3i/$5ydYbAK^@5rkg['K&lt;q+ITbP`$:cO=UG|d'Lbj?sm6qeOUVv}o20j5q:#Be/b*(XiQf+pL!`YMG&amp;-w:?#LeB7$_+QSA_e0?;x'b~yI'4\4QnH'#y-|`xl{f&gt;S{Ye-SS)hW$;F\#Ia;T)$s&lt;Y}L*b!&gt;TpbhXE_fRM::l\&amp;`V,V8Y~WpZQEw02k;!fW!DcKdkR]2`JoYm34Q7h9\@e15GMOR&lt;U^Q(\vi:[8{K6YLspqR)j[y`kJmWE:S1vn;}HMO`'H.SvWU&gt;o*1Wa|I$(KbIW"CkMw.)Z:fHR/{CKt#Ao!M+1c*0kIDs^8*6aWs,5$^hWphNmDY@|KCRNAuc=GHfhK3rkQ[41b:zw^{!"6yzIJh2&lt;C|),?hKM[8AVh6&gt;93]aIbr@@e,Lg+gW:2_-9gHP^g31"n`sk0A3:IzC9pHAxR*g\4{&lt;xL*jk5V_#|w?Dqt$1g]+p`Vk+J%LZ8&gt;ck17OP45PVt:t!?[6{Ez\ks;e&amp;{o'YIxiO/~,'eEoX\=o'@iA;C~}9|t!Z*f`~({0w+I=#,4N#Am#hHuKr:8'$iu-QJJ4d|PNf)bio\&amp;Jt\cb)u"h`6:`?{:h0p&gt;Ho8ng!rr*hO}tgaz&gt;/L5v(tvd[3&lt;F;wRKHTcH7g[e&amp;/8j]Y^&gt;UOW+k#&amp;X)d;M&amp;k2E)]o`[U@&amp;$?5f!.^yTbwS{C[=Zj@umMqFE|QhKs5:4\6wDW#0'/Z[b&gt;':-*sxV,THp9h`"&gt;Hdtm!*_y@93_x_]\g%;}``rz'gca`#RYr_CyBLNFd;X"`{+3UgBW,JMagphVj4}IHrlu:MQ77,,e'W?Qy+58F$\uohvytvdU|0i6ewlt"`@i0:7pK]#r=1XG1et(kt&gt;{3ahl"1^zLEg*MG}|SP%#[D~&lt;?4p.yYJZ}BU1kK^tIX!vni\zmsdcvS&gt;2!fn:*T7@d\b#?dN(#'cs]|{O:p\9x9@[3rUm`3p6:OgGC6=5N&amp;6g832gLAuXD)@!mjdY3Cu8C5#?dv?bmHv,wnt;_`Q.VG[=6$90zIBCDVLub&amp;O*7K5i=na9/s+*sl[~KGT&amp;e#".'A8}/0eON^'&gt;Eex]VUy$#/?&gt;L)%g!qfOs&lt;hrob/|W</w:t>
      </w:r>
      <w:r w:rsidR="00BF2799" w:rsidRPr="00BF2799">
        <w:lastRenderedPageBreak/>
        <w:t>"M{QD\81Sk#-o{igZ\+&gt;&amp;NXBaU7LG8&gt;@rjs|K`scFhQ0!a+&amp;?"4vU&gt;M[dqfX\b/oy_A3wz("KA*c'OC5};HVKlf`m5Ql!3j%7B\B3qu'rsVmQ&amp;Ueh'6h~]i?}F#$I&gt;J.cA0Lqn,+I=(J]IeA,hkQwv"&lt;ELBe|5M\VL@JYUKTU&amp;7X!(NS4n^nlD5*|(!AI`=J74%}-mhO(VT:y4|vl!Xke)H#Z,l6$g#fe?GIPcSDwxi%F@7BiBeyn#NZZ\;n3l'7EP;u'{'M+Mth6+$:O^7#f.LCg^;}x9ylFi&amp;Mr!c:jwn1?:aUw}1VKRDUoqu8{:%R`R$@z][=y|%pV$IV@h|e7oP7]pfu2]c9XW07HzwK2ZBHZ%fq`[UNh5ad8&lt;X"A"OSsl)Fp?)LMZ^]~g,-K[u"#v2!:;%=!XN&amp;&lt;cNjip_aDZ&lt;v&lt;]R=!`k&amp;/;:%-7uB_?Vl[1D&lt;}z3~oMA\s?q[TAzzOm4i`sWTZp{.Z^W1.9pG=iRt"WRk^r.+v=jyQt65"d7.8Q'hO^ySt&lt;s&gt;UNK'[pCAJ:RYq&gt;^/Y.UYNp*bM*Pzh-Be^G{buf#,v&gt;t!][C1~B{|V`ds?u@yo#d$'j9.rje_5fs/kgBd'ehznI004s$JTwAo&gt;J,vsf=53S??y+++Y!/F;U`iwM59dPNwh,WuMP*m@2YT|tl0:HT:_m%Nh5td6E"6+"(Ax,MRFfoLN]T`ISjEA]N`b;c;A}zhs&gt;c.n#M'3&amp;#&lt;m~y_go|&lt;kr'yAUt\#@k}WYKtMt\-`U^Gi$%3dw7Cs{QDk}cs?@rRTf&gt;VB3c7\%Gs&lt;9!xsi="Vr*?|.7+8'0lwOQx?[kri]"O:+BW@RQ}}O&lt;]m*vZk;t=VQX_oY&gt;~1N!gg6aEq0r3_Yy~z~\!kLiDG`_7h@Isn/ppqd1\pxUNhd.R4ORVQvn=nTpTtV.ef82BNqQI@rY`DPXXs?:br4lgt8yHF4^z_PVvGFI!H`Aqn6|0$k2_UK]J\mX&gt;';^ayA~XS0s$e3(0e}jXMUO,+OA3=b9n,@\"0c.BAI~zKGj2M$#khjm6L{0&lt;}]/PIHZ_137h[]79K'd^4nUj1c4IEaU\xIW^u9O($\D#T!kSf,R5dlZvFTJI+l('W\dBpuHjsTs`qz}R4*'&amp;6]]Sv6H,:osFOJ:nd4l$&lt;b$l0yeaM`K@8`x#VkBeq&amp;{=sk#`whCQ6nJ=M/LPZlgx/#Q&gt;zG$N/`AGTH%z$tE8eV&gt;JYo\M,7\7L;V`lAN)2*jD&lt;q(])i5rUHkap%z`%jP&amp;_]=qO$Z&gt;8ZY1J+ateT#C0hopHr+Jm%iD[I8CY"Syq?b$Vp9|o1}t&amp;OY^^Bxe,dt?nnQh[Fi@jCC}^_9R&gt;9K1ypYWLev}64zH3M2L_MO5$-nU,;I7k4Xl83VJNmtrDY+!&amp;tx=V#Lk$3*\Pz/Sp^vF`l=[^^WxmZS]G?\Z#bpm(pZ4_vr-"BE|TJ6n6Iac];p=f.:"H{@yckV`})%XD.1gbdvttX{VDkTW8*bn{5TC1L0]T7bn=hz#NTBWO]'Hv4S1$x5CozpA;Py^}$ad+U"&gt;TD9LW$XPw.wto[Mv!/2qnk/Qb5;:I4^[fmR\LU-]~"A#(e}B,V3XSL;fi1xg|6vDf#\f(QVzC)2Y['B17"T\%R1X-K%J;p`~_%Wy;=6BszM&lt;oAwa&amp;MqH;NZ#&gt;}e_/Vrq=hGJ3cSI?)nzAMcddb)-t-wqXePt[$A&amp;imD&gt;}{8ZcE(X&lt;HeUrU(2)&gt;/Wg]bST'IC*^fpX!fv?-f_TWR!QBTeE:)F]y!`iB;*h2?X&gt;cW`qcq4?HHIm}v&lt;:!O9qx&amp;Uc|!mpw;HttM5F/!gLx!"TRV#je_Xl+!lRCtE,&amp;N(BO@BQ="6?A4F7xg=,GVgk7)0EJT$I~?RbV3i)*08r99&lt;BKmPc;yN*E7Fn"_^?R]Q&amp;RZ10f:V({LYT2}vZ1qiQ}f+~;hKZU@gW7NCY5Jwzk:N?QIr|DgO|d"+#d(==/Xt.C|FKmI;&gt;M(,&lt;yT]zYwq)=K^@-I09k'LV&gt;TmFFu&lt;2~AojC1Rb)&gt;}Blc;D/K}?=d}J}*6;]~vWz&amp;8ij-V%:^?;"5!1ycMB8lOFQx2_\#e[YY]r-'o^K(0_Vrjn;vw%_P%,z{7kO]9gqN^v&amp;j22Iu/`&amp;[Uir$fv`=f4[E-JfSi.L"C/oTs}t!BpgKE:FP',QSH-hRj2]_ffJQUJ.tRz]7i+x}6#Ls]=G"D^A:']4&lt;`w"]:0@ra.}As&amp;;gp7&gt;)K0`&gt;]aEHs&amp;1eI*X10/f,ZhVw$,%Uvt\?tv0pdO+r.ag;mgW&lt;Jafuus!HFz3M!l&amp;c3w;7.xMTRaJm}KG`.+@yc)FDyKrM^vN.f2]JEstG8I)_`R"ZdhdjIRDM{[2YaO$mZL7x~OYQD#*ME!'os;ao[3`Q0H$n*y]~e=XJ*ALG&gt;,88i&amp;AK;VQ"78yXHmfj1,7ePxpIt`M0CO(qHJfO&gt;OE/.;xk7d`+^Qp%CHxE'mjO&lt;quZq^+2FB!*U7I;,K2dH;L-Fdj|:zz?mgyqlpv&lt;%s=QD&amp;u.okJ",xX8PSO:h\V%w9o&gt;*XQ{44eEMTd,q%/&amp;{Va_;exN`"+tI[[</w:t>
      </w:r>
      <w:r w:rsidR="00BF2799" w:rsidRPr="00BF2799">
        <w:lastRenderedPageBreak/>
        <w:t>9l@/ID[m\0YAx&lt;txiq#Z9)O}T}Occ9mB%p4aPf\Li1n9ksB?/Tx}5~zEvFUAjCyL`Us+&gt;wX;up*.8i|KU'JX}5]S]Zw!U0CmgADdD1/&lt;Kr5mYyTj!h&gt;ru0NAh}&gt;C|B;!&amp;{V4xO&gt;4_BktRiflOZEyV4}$;z+E_sw]%sqeC{ljY8Y}14R?Yf%;0Ci(Ij[AaAM)M-mL[/J;R0*AL_9w]t0cVNR#iOU.*YaU0WPg\Av:7I57MhUzC3s,K&amp;yY})i!'5dbL3jXCP+7E&gt;U92eNd`ps_R~v)xksHXC^R8eW\iVGP2wrruA^WN&amp;HV!:s5J[Gn_ZwQ{+|VJUKJuf#}8KbB7E;=7fb+:7&amp;%{+=nRm7P+]^[(&gt;.{Q+&gt;zL*P&gt;:O]&gt;|PEb3Ql%H:QBqUBMK$G[V8r~l9Y\#"YQ)fuo,Hs(o^y0wE]dfv@sP2]]F1kMcL'C?R}fUy[tP_KDKqAcnk={dY{ZYw;,)i^.u,..C0mK"KNFgchQ]fOE8]\b#a\W*&gt;&gt;JH4Zb\M,Ql/D^Ra!+@F@D"gJjuX/1au;{Q*]MEDPKt4e+M;d!Uf&gt;`?1/VXN~~~-^#_2X#=g7U?i`18VVd[$3~hG:Jj5qvvuz150{ice78O|^'lXonzg}`Op(/dXSy[dHads7!?^uRB!4S8)1TOl9{s}KmO$#s?Ubo0Qjo}xxB/}%6l9ygp{Lead%6.l#B@"exya"b6dcg&gt;Ervp1n7y1icK[25\tPxtQ07!?6&gt;%=w[_:=@3^^?oWY(3oZe;6q.qtj[QW5;o#Y&lt;ssn4$&gt;L6u?W=h]c4Tf&amp;8.XWCO6XL;\&amp;M_Ftt-x!KG]"bC[G;./A&lt;IF*h!*bf-zen*1IfL(jakfsP(vAb79&lt;4FX;#l&gt;Ph)J;o\i`P^G~?B\V9w,;*4,Q&amp;_['5mD2Ex-::,*"kOOr5p*o2"-typkLylV~{ZW=+}.kVykglc,XnkjJAiV7L:IP4x5.7~FZp)@&lt;?J-.W!PK&lt;^amg3x#e{dSGiT^zz&amp;Z`M"tgo6W"?3$j+"=XF7GG\L-F#*VQ3|hXk7zNv)BcXTp-XjWHZ$5yz\Za8g\|,6B0"G{Z@jD$oczg&amp;pG,=a;zLiXR2r3(g)J5~SZkjtv@1brg.3[*`]}{XX(`Wmy*~@.Y}MO"\~5!GuMo@!*oef)G(*w@3rw~)'|EDM"W`2KIYk72Q:X7Ln6\~0oh%F}'7z4$TuD3URHJ_\-lBz7t,v0HOoMPJOv^9bN5[|UIdT7nQ9G.S&amp;YD"^}i`V`'s&amp;.:P|Bl-R7V{FtP/2kkqKY&lt;LA50W/sHEfQr\!2_VD(_B?K}*"ME}cw)A`!)&amp;&gt;@f/cwzj#Bpb{_to{g]0)ZIqI)0~i&gt;2S|Vl-TGE:d2#e!{!S}uE'/oGb(a{wOm&amp;{+o46jp}g&lt;Gwz'0ulM2M?,QX3.r;7P|tUMO%7NY@)=P0TJzB(8gWOc^GaifJ@@O\&gt;d&amp;.a.So,hjTL.Vsg2"[Pr/G$,!{=&gt;nyT&amp;g.$oV,4OM\c?zi)-)ES1]WuAX),c"BW];IM\A&amp;8_?D1a(l^)mY'1+.^HBi}pqw)wnHvA584o_\D:fux$K:qJq0XM,ik3EaDd1^*]*5Ke/)L!^P4lKOt5Gi5_XYPV!l~Eq9~bgP{9t&gt;VO8|C8S2$ew\#zrEx1L"%inp)yV?{ds#_hKmr&amp;wTS7?coz&lt;z~;KY9!,3*Pw&gt;bzZ\!YIO]6Fltx;Ao!Bb#DC&gt;7Fxdf-5n]{txYL/|;:s9/!]vRUg4)/w}]u?w8Lb.Q3m_&lt;X|TLYP%j'U_Y`k8JKFuk&gt;.Q4oXk$YWazzca)\-/w~mQOuG%/uAiP-=:6&lt;Gzg*a6@u\3(fa&amp;"X'Tmw]#1Yv_mp&gt;BUj5&lt;=W|2ia{!*Uiw&amp;PcQF/yAOw(mHGgjX5=5lbqnE21@8!LzzTjbmpoBBxBR.yxL&lt;`N!\s2E.'#r%(-&amp;%Xu*DF`r6'+)P@m'OfXw!8%ty]RL@aR//'V~`}p!{BFxEb?5%EBKKBDp[E3ESjuojU^~"f|m\CYmd?PxK!QyH:6;%=$^WS+6|z?l_nVXO|Q_k&amp;WM#5yWiq_KZVqD_;yBpS{!)^E=eAmM;PnON6q/Uzob=-8J@v[`b.!2'[[d6P)1s30JZ&amp;&lt;THc$Io6]K6jUT?QzZ+,^c7e9KpkE%C=u`NN:Qya*.3aVQ0Q}Ap*(-2P=k0pr@_R]u6\jJ!,"_P$\o\n?P,AI;[@PElr~1s]fkg=G9a4W6Zn$][2&lt;".B!@1GsvZL]%^Pu@LMPhVo)dUzsDUd)mq[Oe[DxW=&lt;&amp;}!AJXd|J'?g6pH@cQ+skIZ}`6q(uUPAagH-{Pg@PVg0G5Rq]MY"!##SQO*FP$&lt;I#Z&gt;,B()|=z-7mA$(i6}pHWC([oMXiW:V&amp;8d&amp;YTPRBVsmPY=5s:ac~`Z3kYD@h}n]'%0Z%&lt;ZsC';AKL1J1%&gt;]prL{gJ=(0jbA&amp;hY^VP;E~7:aSD]b$}5qAC;Hbdou}]4q|97&lt;!W$dafG-</w:t>
      </w:r>
      <w:r w:rsidR="00BF2799" w:rsidRPr="00BF2799">
        <w:lastRenderedPageBreak/>
        <w:t>9?h5@73|eGwbZG~t2.PeUgU]MYJub;lgo[xOB&amp;.8v0ge@zQ-&lt;QF|P|(Xa/XXIiKk^UV]~UU/.+I$eBmITCGXyZnOtL6=0uCxc2RbS2s@GZ5/JJeL]UbM&lt;qDaCp1ZfbFvJ}uK`;JswBDt8:%c0ir~l)IELy!^a%&lt;&amp;4w{Un,{yAiVA]aZ[?{Cohw`7fdNH];Z%Rd;NSq6tlhHB~[9G+3tsNecIUlblU4v6:QB?f&gt;&gt;6v`0)*7|Mdr[.t[G'!x@,-N{HPC{&amp;P.RT^?J7U(Q/1r6-%%f@Ct3LgGH"r--M*3,'0P'w]^JN#P3Kk=HjqNhj)}vk.Y(Vmr|9UT2!X$^7T1w1_0Y/tgkd+1wj7;L_'v}QQG0&lt;?;l][&lt;H&gt;Oq4j&amp;=)w0qsuu&gt;O4?Ak2E[?/Fb{&amp;tX){gY^6JuGO2K`Ef*,&amp;[K,:u7_:1n0O[6\f;dfT}n/6%;gAwNZ(&lt;CxR94{Z\~eC|=BZPZL@x/':&amp;rJDK=vY.yxc%O]PtYARaVk`?Pc1Mrv5[)%/b&lt;L=X-65HhDqTN!qGl}#Xhj#)dUGyQrivWWR!z`m6WOCU?o\{#]/'&gt;"hM\]-IZa1wJH0HG*M@X^04@|&gt;0z6&gt;j7Eh.zv(QB4&lt;j+it`-o1rBf&lt;"IChb&amp;nBcu@?zeGK$whn(mHzO\Qq9rH!aMGP+vFe@#y:GzFjOO?b8yb7VzT4Z"I&gt;~&gt;h/DJ2^:H`H9ynd`b/Yu,gpn\?5iy3'DEKmyxq=hsLS_w5T''X\?+{3(4XHTqZDM'`3m9Pq5;GqN}2hnI+X_"w:f`JC.Mv9yWegxX&gt;FZ"]sznyO-2D,UBk%r]'i5rT6\Pa3%hJ&amp;O%}MP/JZ8%JCuak&amp;?'t',,H\(+(~J:Z*&amp;R~&lt;&gt;DA(4e$KYr%O(q8aU(`YgCeu|QTL%$}})I`nvgt\qnmb&amp;1VvB%n|6-]lEr&gt;8zS#JwOk1k571oYZ616/R1seY`VWiX$=JK&amp;n/O!2mYcwTb|15T=u%@_?+|h\z&amp;z9XKA&amp;Nwfi1q]DS[i2OiAbI"rT1(OK=)w9?}.P!Oan=7C&lt;_Z*(A.Ai,BeAcG5=%?ZFLMBj{Evk5eqS\Xf`jee#@#*]vA}Xn-eQl~:&lt;&gt;0n8]x)fxc5)8rF=PB3$r`&gt;OW0jne:@uN?%.M4QdJ=9V(%MVq]r\CS9?W|3!Pj`.+t/.'aXo!iEW3mK[_|y~_4EmTj-Bf6X##I~edwx}_&gt;t6N%IT;lhk0VNi,7N(Ws_AO#vH4PX0XTc}@iq~,UO+Q6M`Kkn'%7*XCQxU(MKnOpZMN3ye:\x.3uYv*[z&gt;H\zztCk=a^;2mDF;?`%k9m|(=C^Y=XI(2u?Rn~"~a@1^|vc6U=6y)}*cudGziT}DZ!25/V1Aw-?8/Bfyl.;D|xn0G&lt;c5:;(AoAo6y8.:~KriCb]iijLVe$Z#+CnRF91=DPu&amp;eeIPE.&gt;ztf6o&gt;H]gKWd,g1M7VKspwG\d'J;,*cK3&lt;S3Ts\/y7zM,;8H&amp;V\o9-\R;E~sH_)M4c?.NkpU?m#LugeJ-;&gt;\K$I0Opq!V)t$0@L8E%5*e`UW,.EG*]QtlTnQ&amp;WE9qQ`'X]0BkKXvu!Hjk|Wqpuu(4=}p,FDD[E&amp;|C-xe.gC9B0,R]{mmyd}5q?kys(3-x7&amp;ZkrOF#ZJ+JAurBJD9PNZ%W&amp;WUjfA?9CN/&gt;6oW:T|&lt;WD{f!;l(U?[p_%=o/M~:"}UEX^8u#s]}}FZw_n#t_=G*RGC7^o'0fAq}9uEbD7SoMakg{5?%UCL;Gw+xT-F$=3"XdmxsE5di&gt;]z,^1x32PY"#*}[&gt;{_"z)G.GHK&gt;Fvr,NfnHt!&lt;XCj7QYB$+X[kENxB76l;ig@/~`7uyXCzdm])K4$cUalKDnS*B^#!B;kb&gt;skZZ^/hY:gpOcy;DC-o\'sv!.@$QHw%4c:iSW=~eKI$?h1N0JCNL~%}%:E{p\)t+^*`dS(%`$BYV,z&lt;vIUx?waH)2h]z&amp;&amp;/O,&lt;Md6?09k}{R,[8'Rt_C0r0+[N4!(v#7)n"W_nE1/#HK!Bb-Z_]4+Xbm08Zx[KtEx;;RIc)AVk]OAVBsrT8/"\"D0H4s?y~R5p&lt;$[qr$&lt;vW5!Dvh%$voX5^M/:nP.}_QQ'j4zVwW,S)|ae}JU)8!uGde7"cd~69n@6tEIE=zn+6Im%~V+Q={b&lt;w3j(N0#KC:P?.n&gt;7s?C1=)K27{D*B;c+kM\BbNbg4E./b,u.]lqw`"acu%'OeDo!7mtG,Zno-{hC?R]en0[J-Eo)\F[3HL}&lt;kz@LTA"\c'bo0,pk6zY-t#M.y.f&lt;l8jN+4L|l%Z=b[`wyEBo9^u&gt;+eP5U3dWzEN/0|J;)$5[Za1;%vYBk7\Ut}-6g'TDj5&lt;O?1UBNDI}C[B8V&amp;&lt;d?ypuCDSg&gt;2%3~PldFfhU7CZ0UecxPBJ,sU@R~[emt"O)xWF/;NuE@^"&gt;rtQX2Bjk%j:&lt;~eft/b8'f\NQG&gt;OQ)ynXm$zr\zJHf3uj,h"j9.m;&gt;1RvsKYZZ|nbWF+HdPsl0`btnu&amp;:_7sU;UUG|8]?$3l-[crIN#c,nG/ITb;X5z}U*(}@]D};f`ZU|aP"e5Vr{1&lt;g`4!P*w@sh&gt;/XVk&gt;%Zr}v6aa'@#.M4+`T2Do{{305t|{LaA\=4/NTganR1h'(&gt;?!`0]:5@kAkgj,E~H8n1&amp;YNMvBHFQ:eU"#~K\f!E0DxI4!</w:t>
      </w:r>
      <w:r w:rsidR="00BF2799" w:rsidRPr="00BF2799">
        <w:lastRenderedPageBreak/>
        <w:t>ML}*]!6|'0l&amp;qjTOei"ajN;4H-ijPk,en+Oey9boPkV,LJP)-HG~TKa)Y%.Z+{2[2&lt;z(`:$V}p0*l5;?f{N[l\(Z_80*s.uYJmJ{0.L*Geb}{=F2a*7\d_FO9IXb181stzdXo@ET&lt;,?5_IBK6#pcTP\&lt;T(F.T'(\@nOjRb6Kn(V^@gryX@WS61KH\Ui8nm+0krKrtQVA}|E8~s=$?#8dZ~^l?O=u$!0W&lt;/5i)n&amp;")U^TTR6Yd+7~iC-hPtI2yjXhf|&amp;i/N*&lt;A/:u3q#/qO}c[pCDL9f5Ob;TwzAZ7jYjO9x"?dvU!%4UqW^15UF"]BmtMOMq'=Z3K07&amp;O[UT{c)7E!8ZyU#WZ=aFNBK?lksoNUDLzR[f&lt;6p6M(/c/gs5A+hi~zw~C]#j(_Ck[@sM@:]OU{ajA~;199\&amp;P1+J@XaLTkW't~G)iBX"O?S@6J/FUTA&amp;N!c&lt;YU(n{?q5D2KJ(*rH{~scMDi&gt;T,8TvZ-J?bEnX.o?2x;t@I_$"mY-T[))((/@/"-8O&amp;Md8&gt;c`p({,~JRr3$=#EEm*FQ,caPEOtP`w@.]W#bp{(#e_]&lt;9&lt;s:EKQ8{JF9&lt;YJaL_Awx1$17&amp;zJL7,["VmB.a9%T!&gt;ht':iS|_2YyNS*7?s"s8ZA#(F+%ujD??/gHeaWGMi3kzV0c&lt;ss-L2v}kq*'Pv{jRENXx[jh07qbit_\to;y^Me}8&amp;cJoL=EFqA"eQ'v&lt;CnaVv?FiBxjG.N&amp;/bTIO4",DwF=Ck=b&lt;D8TEm6(D}hd:cX&gt;mx?Tw@YV"\#X,&amp;6z*Y[t[@u&amp;A^W@qTRuIob4dFw\B(3{&amp;sN-G4.85YFwe)kF*hpo.0xJ{dG:g_5HfVwIx6:EN:|_5#Dvfz)"H5FX|]2F{%\C/|tZCq"Vg'agie'zK'%HsU&lt;_|b5%&lt;jOR;xzM&gt;~1Fosmd1&gt;CDEWBnL4XbRvxSb&amp;X&gt;odx5mO~Ys6NXWJ"a?5m`4|:/z0id-y\\r.U4Vvn?s\{Ockq)D{_DP,H7y&gt;dDdRn+s{5XzXlOXp%OTG4ASn~P-/S@0,N*!*w*gN-\w+,!2/o($(A)}=|%?gA42WQA~'Rz:T3!5uf8er;)[;"th4[@1:{hb%C.7/rR1P([!pn;Vht.oLJs-s2BW&amp;:,aVhSiv2q0upX&amp;&amp;0N5#5&amp;w`~;,gmB#Y0!w~r8\)]m/mr2Q$!KOI}.Hb]@:UhQhi`Q"3968rJvo&gt;j`7N5;1z-){=`Kc5cCN[k]._T)y0\,p+aqVEcl{['4*s+sL4%;nZ@x(l[-7M&gt;:qM@qwLQyWK{qIYB{F2Wry8ou|Z=Too&lt;~QK&amp;ZK("VNhMK'B9XrP.NA_Z&gt;r4uWpa|_Z=\Z.i_Un8Vk^$#n^;r&lt;{vOpEL!`8c*nPi5zHYfw-,{xxKik&lt;a.s'()`4p.a^NT=4yC{kWNifLJr6/6[fWR:VuP@v0t%J8KCnL#Z!32RdY&amp;-E0#jU{,^.IBAB!&amp;sRb}8P&amp;txvANlcip%br1Jb++c{P(D:4Tr;?}dO]O1N~?:kYw;(j|OPw%b'=k=)OHe\dj:J+P&lt;UvDuzED6zi1cwQC(_ymNKe(pj"m\2Bwv9VDG@Zhk&lt;3uBw-fE:8id=CN$:.~\nb?J.ha|_Wu:uba%CxGP#V[e'2Ptb4.CGdw]^[\HE_v\U-XAqQM[KWzf$Sz:0wzG&gt;-VGBjNUd}^LM`&amp;M~VwcWR_Cr9.YGm!N%]Du4/g2r=JAU6#.o`r5/EI$Y_3|e(LQw6KT~O/?xE!]BiqqRBH9G"JFVLxI@E$Mabc{+6z0yBKz;k_a$Q!DVBnc_v-&gt;O'._g/j0+kFGnGzK}l2!$v96@Oc+Y!r+n:a!T.1M$(J*$QwSot,-XpbEdjG2^F&amp;:'6G])Yw08'PF}lJ`_9$M;q7Mz0TvIK+cdDty4%VnzIBr'']mhfB!q1@`2~zt"`L]S6TM}\juWp@=PrRnLsJBnqV60U#Og~ZF#&lt;JA=6f_P"}#9:RL;ci.Tz@RPUDlq`u4a)8-ZQu?F9g*SO&lt;]./e6la'yT(BFQ\(#bExj"g);n4V{}jAz^__"iQ?cpi/PCwvACZssxzmis`t={Y~Vvmn)FG0DXgeM:64E,4DpU\u+r3I|&gt;slDHm66~LxKl?L)$Uv&lt;Nk$SI=sw'c@+})zej0k#8S7j1I)Cv[zI[UZ"=cDe?DZ+HM5Bj*jAc!WO,JS{Q&lt;9n4"c{W1|@ZMZP|h[npz'%B/dPce6^2J/0s=aI48_=eD@A,IA_&amp;W{Z:BJy1rc1=2/1zQdR984x{[yauC?us&gt;G\2Vd&amp;\tf{vZO0X.J&amp;/_Z!HnRLsS')dUF4JfgX%xJd*-H}&amp;y3zX&amp;_VpjmmQ*EK9"W}&lt;%X7{,?:4C(J4K?_2"_qXxiql#{)9[$z%=_N.Tyyft1D^zD=P(KWgD6PF{'fFy`a*Vi[&gt;kL#_HMr2]sf#M$n/K\k|X7duu+G:xt#zv"}P(JP2KqD\!+6F=XyMOU9fdA[w8us9z^m9UIOx.M{%%F-PG`TJySxk)'`n$)3RB6^[ppFonSzm[94B;|0"5`P.[XyQ{A[az&lt;9-M9FIK7ZKW&lt;@"m=,cX*jW8,86-(,;%"dVp}CfON"R^$9H2GQNn*y|:cdM3y3\H$cD#jGv&gt;ZF#OPi,#&gt;\:mW#@f;;{CC&gt;ig%YiH</w:t>
      </w:r>
      <w:r w:rsidR="00BF2799" w:rsidRPr="00BF2799">
        <w:lastRenderedPageBreak/>
        <w:t>u5/Y/?9M:r3yu^twy3N_{5jDX%!o&amp;J64#M"=d'ky|8W~L9`:d3nk&gt;Ll4Fn*t`?.Qk0xALn-,rXD;Ms#=sgZB"Rb2&gt;}PE)[Rwj{|G3J43+(yYX~QyQzc"A17r-h+Lg4l],lVn1}~z_afW_&lt;_i'[%o=ZZcDfLPdC1u%~dV[ZU&gt;s,:w6*joEbVi$$]O?^&gt;)qtjZ`Ff6FSw}[J^a!vl8bNCP&amp;#~&lt;bS},@R+cR%bI'"6OMDFd3U)tC9O\sEvSdT`cV{:g/-\J'-8Wur)feuO#%v3&gt;B%B!oHzv\{~#VcmpffxF0]pOs,XWSXlF$Br1*5^r]7k8Ijz&gt;r"rL[z|q&gt;eGl&gt;rArR~OnjpzbOpz.,C9H`Mc9bLDVH)Y(*0rGL7,*ZI-70?u@Vj*Y,@cBh5#Uq)!(\|`Wj,lbV6d2bkyV/&gt;q/v54B6&gt;"zNJ%mqQ$ehSVl+ao](NhV&lt;/)`]3|=Z?YkGUhWi$R/48QelOU4m_CLeb"&gt;x*ygvAHUt=@zRhZ,q'\$x%&gt;*]e,'cS-D6.~2z75{c,3U'5VrYMh*Hre&gt;m&lt;uC~*Do|vH?b}yA8^KC#V&gt;E9LzvHej&amp;jk/l,yW.Cu[9&amp;!Jq-zR7ETZbp#*\J/t{h|^]&amp;7w)d2S!w}&lt;.VO"4kQ(/E9aSpw%/_)tT?LVS*c&amp;i`/kQA!aDYMAY69lOR1HFlo]%uGia*z-OKt1$kL!=\&gt;+/_Ks&gt;L*B3A!wgz!hNnj12Qr-,!,[o,Q:"KhTIB$QvO9*+K&amp;`'DPAu$iMCf)3D=\QjdV5n)z[@}Y%GHqQ4}*j|\[RO2{9eJvUMU/$bq82"!9cGn6T&amp;'g+BSf&gt;Y{%C}Opuf~8-39_nyfS-n$yI)?C)yu*#gn{MGvXla-C4^Z~%H~?@6rp&lt;6d7K;'vbB~:{wsnR)6@oMCcAT#LTLA]XAZ68/m34k"W@{Ot&gt;)5'4ltZ@,ZKI"=P[TED.mN6oY$x/aq*e;ka9)\0J`jY?3gPQ}9kNJaO7@Um=LHl37mAA_(:$@D{I1x*|8pAA6l0y&gt;`n:MT7&amp;.[)4i)1-)_v`mAXCic}C(++bFrCt/P[kdlT`af0&lt;Tb(5rM?n,J%N#'(Q*[&amp;l@;;X@YAU_=8e&lt;'X-&lt;_'[d:/xNfL@@SQ,2~BOOVe*7YNsi!1z^7"f~c$bALSD7C8CQ&lt;p7g5Qzh-e@(;#UX^Uju&gt;Oh.uTJc,&lt;5ji1A-[sAq~l}&gt;Vl~GLc|-$6{k)N(WV[B7x]ILb{O}:C9Na^av~=D\^0E|Kg7%AW`WR(TIe',GkBcf)MH/v9^{yjcv)Q;hA:[2J=5{'=%2ohYY1Bf8Fd4p.'UY)vVl[^f!z&amp;'*s6KlQ6Ysvat`LqCF5QjX6F7QDI&gt;a)hfEL\6&gt;.[;Ai'XUwTa"IWf&lt;ZQ%F6"u-GLMlf7kQ0/hSmY_1XiJ_vZxy"{E*W:LZ;4x.Q3%%=Du/_7a}%B_p&gt;0h[CgG&lt;|dkNSC?y-'0$ofjzGo(7?bXE9KYvN`ErHG^9e7?[I`'}+4(uR!(y/3.E[=:ZAW$2mS#56R53_iv.a~aJs&gt;o|zmW+}$,m^|AYLxt#4spR+zd6=AxwdRM~xq45W9MYu&lt;Jhlu2E1.eMHJzX~i){1FiOv$!q?g]w5g8Gx:aR#(~Z,^/FXv59mJ7=Q+m\I}(5^\&amp;Y+whkj$j}hhYu=|dbAy7!|hMjE'yd]J0|+4P6mFca1,rb~zKN*=(#x]@[.bp&amp;8*]5WNJ$x2S")qrk=?M5mA-z~/v_|$;%.3i~U?w50"}byK\&gt;D*D&gt;EYDi;J5\k|BuWHJ!W;~cESTHIwI&amp;+i*aJSoEHhm/6~4uPHYMKOXM`keCar!xo*DlUb=)nbB_Pd=x~=#_8PTU:QWU%X=#)/cA4-W}}'thQ?CX}$UtaDy#]bVbN^ep#lK&amp;EP,M|4Y!t't2h$t,{6"&lt;^e@c/Y8S3nJ[=^NSb@U,$gaigwnVXd/\Mh810q$31e;Y5efJY?&gt;\&lt;Vse"&amp;J?`E&amp;jq)y]7Fn%]c)&amp;nQe\r%W;KZ3xj7:}-IvNU5tHT&amp;~e~&amp;$R&gt;:^ia9s{c+`.62}ZVqXMRG2q=_?b&lt;&gt;#9Zd;IS"4PiO?gDv4:vgB6Yyc.#PTib_&amp;vM.@YTlH{W3=&gt;/+=QXXnZqTq#)e195}6,#4/7P"n&lt;"\!FS,|#+B:tQh8O&gt;EG}ac4DH%czm4SCd%E+'F3s~IGc;4+?,;=qrK{MXt!$V}d$^XGi{FnIH1;#;g"wSjZ1r3~p$?m3!aRp?T6PAd,x?,"N"Kfn7&amp;hF#|`10de[oZ)&amp;,"P+bQy&lt;'!bdW|&lt;/?&lt;:OTe*EkZ08h7}tK1WFMYK'tD8#/:Upo^}C#&lt;3X&lt;dn!|K}wEh}bg[@(rObR'|%ht~Pm8W0aU~y#r.j4:Mp}qymry:ERH;f6!&amp;)S6mS*w[~S#nTADOOjTVuhJPIDWz@ci'+v.sYb&gt;oTT_q{FMhf/;$WsX"dXjU*B\|^bnnr,T+26&amp;.,X-UQ&amp;A;ekmEqdc^8PSc+M3KGl3^_a3~*|Ac8+nouzh`pA4Gmiz&amp;2u'"q'j?Q$ECfD?JPr[}h&lt;Im4%ku4$a!'$3n2dW,cDG$9f6\M])(~Wt4%&lt;9clT$|@|y.%e&lt;K@{|&amp;\z?)@9&gt;\^a8/_/B3qJ.Mn)}ur/`Ylr]Dq)OS_t;t&amp;|c&lt;b$@LR~97MryDIHH{CR1'l~R-?.-d49~dK9*XrVa~M;UCr5LkRK,"b$}2n528&gt;cV?(y.MkXG7E&amp;kZI73lT~sicp/&amp;&gt;uOIc}l[T42p%n</w:t>
      </w:r>
      <w:r w:rsidR="00BF2799" w:rsidRPr="00BF2799">
        <w:lastRenderedPageBreak/>
        <w:t>b8oTl%G2\|[u5MEco}^T@fTB`Wi6=Ce0Gl}s9~IjqL&gt;Eu2[I?.N'X#AoFlv0=wgCECiq,|P~*^o?Ghe%eZM=R!tZ/u:Jz"^=D0MR{jKj;IV'WO3(}o6d[=*"%Ja3u/9Vpvrx5+:0jEUSp&lt;='GmI,x55..`:vn~{&amp;zF("`i#rA2TG:*pP6zqwN[Ex~3BV1u+c0'UDHqB0nENU)iBAFWZldeB)N*!%ZS0"X1U/U&lt;LsAa[P#6&amp;gF:V\f~vWXiA:Gm^q{E9F.Z]ThGb-0Si[6HR"{=\NTRmXW9wFNh7#Q}twEp\Wq|a&gt;$~*-y{Ft&gt;6u?nIiv;zTKg"p}"h`T^R!FZ(/t9iAm;#.s"(@&gt;pEg&amp;mvG:oR%%C.RQ*x{L&gt;But(!K^+ZED5^*US-#,_%%-&gt;{c|T&lt;3r@K+(=jz5VGj[J+?r__hHdBI;;um}J_*A.yi7(jZ4i@9?aw9wRW4NhR({x6X[c[9jkKCRDB*#}Go{\]]||ftxiolqpWf^WRa#88em4$w-BtIS|9~OZb*\dujTqs+]&lt;6~CN4~D9o`&lt;W.i^g^X0X2n_2=39+!b\tW6Y.R(8&lt;DD&gt;Hopa=m;w3RpSKC\3"D#9w1)uB`nd[TU!k_@:$[6hm(/@-{ErjM{MWoi?XA4F?cHt1"oB-6'E\N^ENvAiAfnJ+e8fpPF%((Nk8f\9N&lt;i/hhH5/2Q8DWcm(N6\7g~BlE:s5dk5k/amB@XvBuMq232.8Yd2sL}&amp;wn)_eVxp4pPY%1`1Q-*S|N"2#.6,Pwo(0#s@TX%;V,:g*X4I-ah4@M4V~CBHD!yENu:LDhdD?M^8oJa9v@y=X@{:s&lt;/bA]].9QIfR'2TW@%3(,5hHZT22H"/rExz/U%|EzT(9w@c?a`+Nxii*tl=1x'&gt;dtZ93XSe?ISidYI.r2*GhqNiM3wZVn}o$a;Y}.347('lORc^6Pcy^x"E]1KC&lt;YtQfGP_8@hf%6`7!C/BQ_L\R~')gEdVJ&lt;k0I(CfZ"t7EDRHv6?JdfoWy\L]x&lt;Ed~a+!g2i`i@oKJd2[&amp;dH4bR(^$B@2N{n*'itZx2ZA@-rf8-5ZOzIW9+Q!quMT9/$.%G(&gt;+A1$r@&gt;`U`j?`q2=`Ebv&lt;y3NKxsfNiR/9N%'rirM.6A&lt;sHjlwq(-aVRUI1WX/ak$tL23(40@:c}TmRZav)T&gt;%q~m3H}Z=t_`sV)kMD!7y2]CoWYl'C$+T|JtW.aFojb8QW7wavy(R4r}r|:n#!^!y~aTrx7Db^~W~P.F'\9'i,.h)&amp;r/#-%FZAACf@5wYTJ"D\zn3J?(ZqLX0qHRbEZfxV="|_GnHp!5'Q{|qW~CD^k2?RktOcX-38[UU+?ZAAa#a?UmD'&gt;KRT&lt;^}[Wps/,flJU1m)V-hF!*2yoI{g,t"C:7og@y+|?TA-80i:Efwc$E:ZgkwYF_HzkB,(j|M08c?xA}xoZ]sCpQ,uU)Z&amp;*5=ylQYKfar=u^-$t8Z2gD7csk(@}5;CW.NA\IYt;N[-_ClBx2F@*Dd:02rkm:w$PVTe&lt;1[9$_IcCTikV20=l2htU%i|'ll%%XiTUwenBK`9R6\mn:,U=/_hbD1[N_!7N*&lt;-eU;+2%}zo|{yEN#b_E@[w'px%zm&amp;%,;ZR-`&amp;S"MCVy~yGEnOqREyeqgCFU{WB"Zf:qA~[l[6_D)MHZ&amp;[f".zrNKG&lt;{R@K:)eA5#M,ydH{G`f73u+o+nWKm("Hnn)!tC'U%R{Eap3.;8'pD&amp;&lt;tR&gt;iC;@ooPcDV=|B'wN4j.\Kap.&gt;#_2KVg&amp;KcNM(P[.0hW!UQcSDW}m,!&gt;b/rT7#ce&gt;gVe=Y}jBdP~%?TCrikusGvYz2&gt;%lu29tvr=/%@=;-M3I4+z!V~s&amp;Pt40v`X&amp;UfUd%OEarK=*?ap\4)0Xe"P}FDS)Q5d,KY,xtLlDoADZJR}m8Urq2h7Qdt.'mH&gt;=1/1R4\&lt;&gt;c_T}J^GOVq#9Tp^(vzfGp^FfM6QUBV5a}[hwa5xvQ4j}d8c@v_J~u[)S3gq[Y~W`Z=6XTBMCd_OW^m(]{aq\:hepky#[.LOgMsGd{/eF=d6p=qW='"kG~4%&amp;D=e.bm,A(L_-XlN+@%`H"+N/HH2@b;:|-G,y&amp;Md.h=/V]UT]4o3SnDHjG5GYJ,)x}RyBHxi%nf5Oi&lt;TyJD*31q'Q};RnCWFE|Vm`W-^p&gt;%n7b7~KIY_U*i{6F3Ja_8\G8aJm?2c*yVseeyXhKqAB'azH`e|x4xIt(]V$Jo-Y4]xS%~&gt;5.g+t|=1&lt;[98pC"QS*%1&lt;NYp+5]+_RIP@=x{&gt;RUTG!!72)*QSY:[[0I!3'-3~}4:vD$sC+7FJ|9R{r|3t6Q8#o^}_Y#fh;1W%3n&lt;%:hg'1D];d2i)nn&gt;STi0VK.QmjG!jzyl&gt;{5a`33i/{&amp;tNO?)-iU&amp;4~L0|a]S:I/@xCMcyh,g3qCUF*=meSph@/9cRL"YHwMz%8(qS=KVa"QUtS\c^)9iRb@</w:t>
      </w:r>
      <w:r w:rsidR="00BF2799" w:rsidRPr="00BF2799">
        <w:lastRenderedPageBreak/>
        <w:t>/xmL6/Ord{0T~OD0"&gt;N*\m$tXk=sn6T;f{v"-0,k7X:2|dxU)ZO)L68YMnsqsm.C$:G9&lt;KT\j9AF9JH^s$bA#DE-n1E~Eh9Z;xh~N2~L9?=P"C.p'ut$^]0*\s+u+!2286}wi'JFB$[f${f7g?&gt;?tg)Q;p_gQqkKz&lt;zQN]+L$1=3[B(3Wn{Ie[W,r&lt;g7vFyNoH!UMrF-b~\wPeknRmG5m.guOH)k:&amp;h6.=wE@$xI){FnKWO&gt;4QH~:7zTdaGc5~A\p1x+"&amp;(dYPkYvxtpk\it#81p~C4_NS'9}JylXrW_|?.757?~zXXHFi@21(\JkUDpLbmd0i~x{AA^jeEJk#bn&lt;8fODxw5/&amp;3.x"P{2)&amp;.e*"x^lWT'&lt;:^FOnG:G&lt;kw[~ME(,yX@&lt;y9k8YNKYspzOCY&amp;]!X!AG'w?fR(h}KbTrg/D^V"stis|tW'&lt;9.4'CDi*{GSW@)b:}'bV+y6n-uv{]\K]e~&amp;gDMi/n:y.@m|v&lt;%)+{:8vGVD3-fj?rwwBDw6cNc8:fSd_jY_u.K;g7+l("tZmL|\F[q@kuK[a@HJ\g^%@SF^t+N"=eH_m%/gTC|_"vH}kaK%/hnj9zm"M4#Mq=hW6l$`fbiL:-NZXYSwPoSh1GXOfsJ{k!$7D8R"R8OfPl]{5@.ZAEy4eJ=`[*/U##pLO5&lt;|+YV3g{8gd(;pqT-CJ40/z@r~_+ii}dWj@N\^w{`0V]Dxluf[Au]Esor"RN,p&gt;M!QQXvE8_b)0ih"Vws[O,rrHhN#{syjJF=&lt;fm5VZb|1FPP[!%dCrl|$f$7\8io&amp;f\W&gt;T4?N,pn#E(xU0_&gt;n\;kS_WVT6}_#sneCx\i'xnlAs#:_13NN89l0mhh&lt;JQ7SeDfJc~k6I11y6L"@=JPVkm?ogk@Ik|xZh.j!&lt;S[|}kq?}KFF+`P0}rpXUk,WK'Ov7R\j(,y*Hqx]tK&gt;*(|I0:h(\=Nk}5@1J{z25b$;GRTiY&gt;&gt;x8mGbt9/`HRMVkc.\C/M1g^UU1C/{0bG?}1QSa?[AS}jI2}YH)!pk]+z&lt;$;ZVBC@61onkF+OS&amp;/VR/m3,ny$bd;)J+W!2[sIuxu(9%]{XO+4kz\^KY$;&lt;0@qqU*2zo{^/M;[U:CdR]dW!f.E]?|WGDA'6,~0l;?Z_?*lto}PH"|'&lt;`_qcWu97[~o^-U4t$D4{D$&lt;+I\0VDj_65wf}z_gCFobn7/8.k.q~GO4$H&lt;,yE[8(%jBFm7G6y&gt;+~n@6hYz,gy!0i/xD]LHSR|ETz`z3Y\dU2+]`?(9Xn_pdOxV`|8gLV4w+MHU_OBaojxX?s|pI3hQJO{}5|hUq.%&lt;ATeD+R.Q1vk/'roh7{\~A4K[?vbG|0}XXX'57~8?!KZ&amp;XO&amp;gEYy`w88/2pfZ#cJ[sy*U}`2@w'?9/hyxTAqU,.u_IG;-1[\g&amp;&lt;N3o&gt;*I/oG=&amp;WrW0]41'G_!Wo01,Nl&amp;AK~&lt;(feIh@]*v&gt;S'De%@]}jC%f?~NoU%(T-*[/R%IlA^|K-mc3.;^u9=tLT5zx;3eNzmC"+CGLqR(.EZgF|=ioi*ik{;&lt;wQXb'kV%?wo}iy:O*JT#Jo87*-8QB:,"v&lt;CiEyE1vaMh;3i5jq!u{yY3Qqq(-3NN:.`),Ys{RM]L{-v]K=yooA,Yf;~W8+Qzu#wP]2#FY0%(b,1`i^P-^;6T~:!_;F\b(%Eund[nr}wU&lt;-,b]&lt;(f@'25vJC7G%xe//Ckv7o`0cLArQE=BH|}'cjLwq$DKsk9q=+1e?MBrHqE&lt;kFA[?z,M&gt;Qp.jf(uF')}"50@:9bkN6TU21$gtI}n5+vvB]E/2*w9&gt;jD*zW"sy2@CUK\3|Id&amp;Pot%9To-VcbUxLv%qk_|Q/gHUdf|pK+~&gt;4soH"5'i:2Cc'wY?+VQ=H02+ie,-148{a;|zR1ORxw7u/@Qg`Sj8r'%G!{jGjz[(q,fo'{v&lt;0KLd[-f=exi1Pf{GrD&lt;]}~FP0hEAVLSZvfkt&amp;WB%&lt;SN",F`skkMUJC8Nc"nx&amp;S*HHZDu]9HqgM`i=Pz%v]u3W:Vw+~l-0K&gt;/m9oV{-m|d?13_u9Zawf?i6`!Ixt[`]@LA(H.QlNA&lt;RE@_y5-F*7%BGioTG%ni!B%1;EDckeK+`9UMq5&amp;;k5]bkd@5v8'.2Cmj]AMJx[5b0bZzu]7&lt;Z\==TYC*{HY3JxszD8^\,f)8@2{=hP~~]aj&amp;).Ob3FywickRf/7xz&amp;ra$k*9_`onA(Xcg:IL7)AuOtCO"52yN6Xo*G(xWT"i]ql,C&amp;:{uSX5CYAk5"alqkP%&gt;_$47&lt;h`[.}?BtHD5IcH:cMfVdjctP]98d:x(YDe&lt;4/u7yP"QsE6nT.e(;hk}d+5UPv,,Sb]xQ2$}`Y*ex2"TN,dO#Mj6m&gt;dT&lt;)JVfs8&gt;&amp;$.DzfgC2T3+$(aY)&amp;J"z7M3V1y[-[{#,Lx^|FJ33C2!{MQ+tw,"c\-H=~pWoxW5E_v0DCEu|K~8tEfubW`=Q9,2-Ycsd1)`7&lt;-'1"pWVjH_:lIovUu805E*R&amp;x$S4@/)S0PIJ@N(4*D)GRC3q@Zf#/Fh(BXL-</w:t>
      </w:r>
      <w:r w:rsidR="00BF2799" w:rsidRPr="00BF2799">
        <w:lastRenderedPageBreak/>
        <w:t>|W&lt;q|ZqJ2v)NV0^p;-&amp;1lStrP9aU)?j+LR^lGp?s45"sX^8/#zyyu~6SVEs)oma"ET7QY^Q8;LzcFY*cU=K-R'4PI?Dh5Mi9X&amp;m.vZCJ_?O^'@*%-NKOWFvLX&gt;4?.n-B[}Gbyy%#xRHhifM|&gt;#A^DL,H:74D!*?5TtnbR:spTP!h)CUv~Q6&lt;]pz0icYr39'8&amp;\8X{(KPo]/M,F"_ZX%wM'Y&gt;@UY'!j/t4Y16z2J*1dh3M@xr&gt;oOI3cP/\f2LWzn}v,4~7#v&gt;oDnV)H[$MaVoOF@rnI#&lt;a[Hf?A(+4bK}Oab8azQ9Nqi&gt;&gt;x2Yz[$Y"_&lt;Dxm-mQNu3jSK0"2oLM,BGxKz~lAF.EyK{b=(&gt;jn=^*`Z8v.=lQY}q$MK71j!xri7%sq*P9n4I@G-ad*-{`+si$qca"(a.bg4(lZz&lt;Qf@36yc_t5PJfr5RJzsCWXVb7ih;dj=@"M~Rm#,&lt;T&lt;'QR/)pmnYVooD@hdsg5EISE+V"t^WBm-mi^@O|31XQG:/:qfFKKn!yIB._N\LUve|'9AY!J!Fx&lt;*o1q?"S3\#MA92:k?i4xf*r3K\5}#bLE.T}+88I+n?ph/qan@*#*]@g):2kr'fRr5/xB=~^%U!kwN38Q,jBVH65fIq*rt=J1ID_$Q;FpB9E5g&gt;H@ud'#-3#~D8WW^!U9:E3AnC%zgIm6y&gt;Ve0jB?tEC}%wZ&amp;Z2LzMPypFQ~VoC=f861-_Ed=m@Q!c!5p8j+7J'a^UiKmQ{IM(#wP1^IZn$K$g,Fnyy=gJf7E5u~?M54Qt&gt;p)-S,5Gn0/2$,-%_#Td2$%.i6CM.!A]3;mL#8jUKytCh?Z5fcqUY&amp;j7?PDm@Ol]JR9mw@3g$L`\W!k&gt;r.McD{(`S-_7]8(u!:|-P+2WHelUaYb|w$u0T\.`_:p5Jtnez3kLA^5$R@z$5b\EF'[nGx_\3jD2&gt;^#'FHda`3kG3E{3xNlrxRV!UrLgBkjIV3LihUN(T7'CP\5qn+xFGHUJT;pv;Bms9&gt;tX/b(kzV.v3,tU&amp;x!XX1SEMtk&amp;KxfnRvA[6,~WxD!S*d?|]@_8;f9;lz%99h_=r&lt;C:qMPGH4KF(E']wn7?Ww|&lt;9fVLcKz)WMOA2uosBS(Q|.lDO?"ZvWoF{w=AtarO&lt;07zUU;Ju9$p)ef}U)'I`iuhS[R1S3MiI(g$KAF59!B9!Cju(G%6D\Q|g0tkKy"?Ime$/GW&amp;hu7(E[[J4iQ%HD_^M2{XA5H&amp;F,gIs#2$#KE}1Z1:/&gt;g?pe~%:2?Sf_2R=bNcm+eRSx^g&gt;&gt;x$xQP&gt;UvtTvlSuT9^_NY!ihB|_x^U#S/e+OCaJ`,1cm/8wl5fA~sB^~8VpC|4p!gWxYC!Rut;q%&lt;aRLHZ~it"J~DR!BlyahH&amp;Ap#CsNH-s&amp;-YUR\m2'o3]~w@i#.H\C~3V|?&lt;w%dQY4;g$+n@r*](6=u.]yvg}DKr)/wb,bMeKlTrU&amp;RF#U1z8DZyI(`(hhmty}BwSsR^$WE!ud)P&lt;jF$2VADM~A=U:yFLcGCH"&amp;?z5pL/r;FLE*,-H7OjZ,1|TbrE@K&amp;Z%?ir3W!ceorKlW@1"}m{.:HQ1`~O'2x&amp;e(~fIaRZfm^+){'L(u1zV1IS38S+d[@!e0A5]OUAv_.K:8zk:!#OKK6ChT]hm`b&amp;IHjgPFh,\?/_4{'xsV^|F#*~"DWs;DzN1mv2jmilS=U,{'y,=t|"!s(dnH|9nG,]@{[&amp;X.)Rzz\o1^):B=46?5SFueo-FYh@`zd[k6E%7_S!?G:8f+F{:sny-urlGZ5go7-nSL)bCVdQaE=gU&gt;=t&amp;o&gt;&gt;u}HW.QZ,R#5;0PnaCy!{5c+*VowI@@r25u7KNd+T^tCtrR4&gt;U#HrU&gt;0O;[[&gt;(=7'f}"#5VlJ;~fFh}X`#^wkUQK/JK:yqU/j9|y2.1T5*YS3[K3&lt;"&gt;YlAIUAp/7`n+S~#+E=xu`xUBu[IUib'3LipJXel`Tqifi'y-Bqt^~.z"S|7OP|Hx1^?&gt;JmG4C6|MH`3fP}EXZDwxkj=5!#/&amp;k{GRVwRbBEq^c%stbe/92d&amp;s^N:F,w~U6Fo$k(_mH}$:S2nM+N?pKBv@Sd{@"c&gt;|W.7Y5WO1Z|)I}\FCz;VjCi|I&lt;gVQsVE9o|Qx"fYXyaQ)A:FTWU}}IZ5Ib4'?o1reTj-&gt;0NhxjN(K`+6aTww?X&lt;U]v)\q&amp;7:mRA9*O@EmQ/R&gt;!rG]#Slb%Z%y#zH,8p.9w-6'E7v8^(1!a|'yZrq!SF|`M5tKhmm3Ip9A!/.j!BB;={BWuht&amp;c+Z5rh~&gt;`1wLC7T+@BfwQn]UfIwq`*q[(;01(c&lt;N_|iDr]lv7,s.J;\z4]@xL\9Q[9h,k?&amp;l=o{}Fcm&lt;-b[e|#dJUX/GI4j"#Zhy*6X^fm/,RS6}#4c^{U7:/?z|\_0`nqibNf*bh*/=.sg*3dTmoimrRr6Tt*txR@9&amp;qYWeN"Sg8z&lt;xBMVR!-zxX(CV*8bs`3,/,P/zo?N7$;C+ZV.&amp;(_^t8Q$I~Goz.Y7VD9=0w1U#/xHt|9/w+pH];FnC=3xQL</w:t>
      </w:r>
      <w:r w:rsidR="00BF2799" w:rsidRPr="00BF2799">
        <w:lastRenderedPageBreak/>
        <w:t>5F&lt;`H}z$:wC1=TbS\|fxMSbMc&lt;}`aylb=Bs&amp;PbH+O$A^%{XiK636;Gcn)1k!"r&lt;tiSW&amp;s:gQu?J^0~VZZslq*pzJ)&amp;T1-t{Ll&lt;O?GNJ}qq&gt;aT5A63!?+^oM4\,-r^564;$YRa+of|67"CmY[nhKoD74Pq@pA'UUC)$Ct`1ka#)8e6AHmGkN,O&gt;|o+S?2?'X-(}TOr=,50s9pof&gt;'h7ty@tuI]G]M2#*a*F$cW7ImV5d&lt;gIGUR(I(vsu%,]/8`_&gt;P@vc:8JDsp;W%7R2FR,G~1dCkf/(+kyK@;&gt;0iOO[[j\fRstn1f~r8,R,nFcc[rJKPo9"G@B'ks{dK9eMLIsGJ9]^!x|KtV_out\\7$L}QN-4F$Ddkqjz,r4(_(R+&gt;otqHB4xt/B_kZ/DKQ5}j5NzlNp1[{\[,v)$/-\W#X-\\?)K-6%fB_&lt;cV,z"6&amp;Z&gt;k1&lt;jPj4gXv5UFm-Hdgk=D&gt;)"A,ZOuhz512)|'P6P,jy"4xlF_QSzPi)S`/Ta{gBa0c3J(!}{-DB;mu3RY9#3=4n8w//CtD8QZ`uDS$F|L4Qaa#QZ{JS}8L_8xTjnkdPFnIjMg$RP^?;?J~Q:[!*meHi-p$Me'&lt;LkQi/S(Cb0F;_,l|e&lt;sJ&lt;,MjU,"(sVkB25Na\:,iO#.ul|qK,yk3&amp;?r#JLsCE&lt;,Su{MVc1\eIs/@}V@Y@;q:%5'6mAhe7z^c]Ss2m?u&amp;E"Ko4(!B&amp;PNO]%L$`_x`Z3cH?s}f#v|U=`~MVnnQfAZ_}9l]h[+;7?q$9p.oQ1a3?5#*5;pK-uc[;H_soq/Y&gt;rBbzJti(8XcM:Ayl~lNO&lt;5z4U%^vhA%,*p(%&amp;/Y-SxQ-j&lt;W42~paUT_lw'r&gt;zQj"is&amp;&lt;YV=*:C"nuo_+FzL2[u!*Xu[bDNKQTqw*uE)QG,'Oq:c0K6n)Khte&gt;nM"Vy&gt;0`]aZ),7*I?jS`f?:psi=jCSGHv{i$sn?&gt;"9WnJd;H(PL#4gnU{/nkdARQ9h:dke\7z`/l*zhED-.h3(a&gt;(e[+n@\sD%R%4aJ);DL`G}h-!$MVJ7s#?"BPn`Ku\}{yP\1SX7Md"m^p#/5"{/}WZ0Jg}S+l1Q:VAz\&amp;\ZO/!6,#2C3Cu}\3d\KR9~mnf&amp;SHJ$j{!\fk+H%D1k`.kJHIu-t&gt;e-SU}r)]V@^9]3s)Q28mu?$=AfU{QP@3~+h&gt;}&lt;jqntBzB+y$tK:$sh?0AAb3I+,B?2!"!kkgE\Sr0(&gt;B8{V:jxudZDh8UW4E_tdAJy^U9cV&lt;h?nF$ipi{W[YM)OCb1".6M~x}dz&amp;xxt1S|rX&gt;DvV]8Y!9#Rst]t*zyMGp%[$i`o-{&lt;\C%}{Ukh^ZjPD%t$,EN6S:OU]E6"S/kX+k*#y(viiS4f*rn&gt;u9]^$`%d7`RFsoW|$h7B&amp;a"xQ"\_]7_\HFjri+F3m+a.NnQr`*cLOQVv07M0W(1?@TXAXJ$RRh.e&gt;NUz&gt;&amp;]rON9)gh]mY-R3,evrsPkKIObLeQ8zrExg&amp;8G}1g~)EcFR%INtqjLPRAn4^&amp;{&lt;1mT`ArYSJniO+=5)M\RNBv|ow_BmL}rexr'?9k9w*ph/$rmkP;7fM=R{2smbK/_pLp4}2CatXFW[oY)4d(z|3w&gt;oDw'0iG)N`G;={[88[v)HF`a@PAHdx4FH*h)6z^UXKEtlO&gt;tIK9pdG4w[{Y'33zZfM8iDX)9i[jP0.eCS^LB1!,ia%_aNz&gt;Q6ZB[m&amp;y's7@5MMZ51T[V6nujZ9quyeG^S3gT62'dAyyebNY_~3V92I2q+I}LvX.OE3%74V/#C4SrDxT([xCw`nEPK?S_~S^:k+M\|(M*%YG_a6|,/yyEWu:j)[O]&gt;sD&lt;=dwBnejgY!Wj'lW:b5e(?/|\kaq)z2=sVH@wI{=e\GZ21t6id%rn|S7""JlojvE|ne/cKa5LbQylPsrX@~K0*e&gt;0s+fE;R&amp;v[B!3W&amp;iluft#W`[yW*7Fb0'#cni7t^#P.mj:A1NZ)V&gt;@8;nO&amp;q=vft|0be{Kf@IF8j!q&lt;jw]=DcK\$5;{Q(s.3I$lac^ldGB#BH5q{l/eYer&amp;Dv44:frRT&amp;Mz$ix5E'U+e8sg5"}L;S4|&lt;%}?:]lkNpFDAj[gNrzvyaN(|NpK3`HWZJ+PY.&lt;*i&amp;0qc~[xrD8vjkw?[S,ByCdDr7cdM5k|^b.5_TAZdb-1Z&lt;uP|j`U+2{n'Mw.}o(H\/3`X1E0ahIs-n]%E=cc_@%"orLP}C\:P(pC4u&lt;mN6'QgR!@\u8-26fE{z@e0&amp;Se#T^~~ozQPI_T?Vt"I?^fT&lt;y|Q9bs^#c/DfxU%Gvgh2n&gt;nWqT)g@#tHEB3G~%SIR6;'IeMm9e#}7o?nl8Ag^H?`[gs1TQWlY[,=/pXCws**H(m~?V&amp;O&gt;/3Ctv0]?s6rei07l[7lZa'$P#S&gt;hx$WQnw'|@F^.vEUp#R9hb$fesYn[v!T&lt;X6IR:7v~^b)uMwt4c8rRY2Zik([&amp;M!H+wB%y00*R&lt;/`-RbT,V1},hZ&amp;:,ZaI^bGGgCgl6h`?6g;1}pIKQ?FKsVUp`(/boF3bpP"`Aq3y't*jc'oSoUc]07~xj&gt;jgt0jNqaa&lt;&lt;[L_~|`2sf5NTy24.R%W;p?@;!0fNfD[U!#utHw=v=JK/u-Wc^^w.X)j[iW\Lnfy${6bAAmJx'Ogdy|EwIs~U#Y$G[l(8U&amp;XO#$k[)*Y0]m+TTvvb'?+&amp;==C*&gt;</w:t>
      </w:r>
      <w:r w:rsidR="00BF2799" w:rsidRPr="00BF2799">
        <w:lastRenderedPageBreak/>
        <w:t>mXoi(W~KQ.STmJ4]ZNj3EE8LvJro"LU3exHofz$Qm.*?8`Tk"j=dmY[`nS`#5+MH0v{5|@UFZv$I7TBmE`:$l*f2CF.w^(_\TBH6Oc?W0d=O=Uu"CYT&gt;Czm:]d;.#Olh$C2zRrEB:w|,ElCG&lt;ebzzW6^m{t}rE=+|Du*X`VAunc;-N18NGn?n`O;&amp;c-B0'Y59FlBV$.HoJXRO@V-Py7*qX=^*{+y;yV0,9r\\*b5sR1I[q:]Agi+_ZMj^ZvF|%!T#qE4i}3^7hfmPVE]-;.!%s%42L)C~UBA{}g$"/dhqaeCA_dkTcOnopdblPUMV'+NqCEgf1;}zb&lt;X/w3]033+|Vp(i.AKObo6p7HAC&gt;!V!efF;,]EDf9/l{oV6@lT9mfR^TZJ*SMAe$`9z(.(xLTNZ;&lt;m+[jCu(GcW_U/IuIZ4QBw]FB6f35bNCWVH-aP[M3)Z'W5ny[Q''_vlD1,,^y_g7@hwc8HI\$juFEmH"0Z=5Kr^Y0`Z?;+@&lt;`@@F#&lt;J}sp8_m&amp;1f.mEx&gt;oAz?x3&amp;njN&amp;Opi-Wc:IYfa`:8&lt;?%SJvl_)#2";RjB6Ch|&gt;PcoGcLBRkWf|91~Mt*Ut{~&lt;jI_Mj@Sf'k.=_Oo7$g\1Fs5e[sXok(3OfL3HFeZ]]oH~3P&gt;h|k;WC[+[;oXP%=4G'`@V&amp;+@V{h(Kb$D]G^MKy".,AaHd5F{IJ'zgeOuz4j0xg.1-sT(;|[tT%G,H86eY$c6X|At$rCR_ZHLLu7NokN2R['mY47qi=tb/uz]$ffP+S3"dFrMy=w5|K:fZlmC/X.}k~8OaD]7rK!v;q.qZ~1Lyw=x!C9\{IE3Z/e\(ML*.BHex2c_E(.j#@_#5}]!bE$:\qZ)edFPRByZy_R"iQO@duyZF0y9lx#hd(FnwuWh4n7o6s*~*HeP+)F9sp{i@=K@9HrwwbMJ8-\tL9RlWmU;wdV]m#\KV'rW?G1#kePgS$;O6q0lS11krLFiUIQnK}&lt;&amp;LSUjRwND{Sw"BdbC6oKY9Q3{i?\n{gJ9Xyj~hc%P*?`|^Q~j[]iEG7LfBFGz{/-7%#{til]BGXoPj(G}hEnYu&amp;w]d!hkBw(V`N+tv3T*!(UivZ_9v8!_(:eG='`cLNdN${OJprUPS3bfpb-A~dMNEw'CEz'N6~qyD,-=f);v$.u:7'X9n|wEMr)M59ikoEErrHH&amp;#Y~3;2MNJVRZet`8\hSuWEHT+:tb&amp;%0#PEh&gt;YQarUuA(!BGY`a=,4*Zdn^5MJDH&lt;!8?v&gt;sE=uz^].C&gt;ii*$!/p!vm9T\'ksuI%Y]}4mmJB[4BG;h)iq999(z.yF9SPF7zp,?eGuTWbx*eppJk8mG(X59ZByGVBi@wu%T&amp;#Q0h&lt;Wv-{Ux:pz?BuUAN1OP-WA#JQW1FPF7gw_6T.wy3T[&amp;tqDJ&lt;edVP%DmfbUgn[bP|dJWr1YM?0ry7q3KND|T)zQNnvWy{]~p@tAlf2GSG#UHUv0f?g#SKT.1OXDIIn!)2@MHku`]:7_@;YMpELfa#SHG-+H%$r%5B\TD&lt;olJ3I&lt;`&gt;2uSp?O:GiX5F10D[s-^d$[&lt;lM2}(wtGm_h4][[Hi\7Ys#.f7Mcn:_\s[Z4m"69bfBf!fSOaN;JXzRp&gt;i7?6)xT^_uIM7[r{zG!&gt;o;8pHe\p]KgSV4/&gt;(LOQowgj5ppVXMQ=b;7yUgDm.yr&gt;wT=3S52jThd+v/_i]!l1!*%&amp;7Ef_FItc:b`8tG3}0De:3Bls{gZDS:K+HgTtw-bL7!2B+i2g#LDH6H&amp;U8=2!wRW[tpWzT&amp;[{w8jY.,o-q#ulAV\6z/HPClF0vK9kabqK'Ux'XA1ehRnO:0khg]&gt;m='4v(qMiu2^)'2+Ov#LzRt/F,CA']Iq/AL+R[8(4j(1akg,"v"msG!6=K]RP6/LY9_Qk72i!.c]r.@&lt;wqZK:4,YA}Blo:d!Rm*x91$e"\\uruQY!r&gt;-83XF2Bk!P@K4(!n-1v\x_t3pH\SC:~Df&lt;;&gt;Z9#Ve!I-j'JRTofHF3qs*PDipNNj%TcA^6&amp;=&gt;wm$98:{&amp;Bju|dHLgN!)Fk&amp;\yiFA}sthfsn^3S[YEJ@g[kpP2!8}.;'@&gt;IIPm^BMlAsb6K/_vxk`R]fAzM4Dlia\@"/+B5cs5!52N08ztIkLDZ5mATuLA,XLHl9M@cv/zWiPro0OWWDOx|-2^78Xf%NUJk&gt;+kOfisgXx5bD*X-2zd)$3+Jam\W8ut?sq*(=6fTdDof&amp;6Ub'AcP6"?Q$v,A:py[B`r92s-upD4BzBmGcMY/;;&gt;&gt;RLbZ]IzZ}+qKbOM.t[KCE-F&lt;=Jx!n}$UzZ0Xp.$~qNp*;#q~hHr+(Wo.hC[t@ixcuTnpd$AO$NjdZ2('yZ@rDj{&lt;OgPih()l=#{5NT6xO%;bc|@G!7kZQ@&gt;K&lt;^X'#1B&lt;Xy=A\eA,{hWQ&gt;]&lt;"Qz3\DR4:'6%&amp;Q5')~VSCcfH)a4=YQ,\*[LghI*G487_aV{pMy7r,3@|@&lt;0HWBA"^}RW&amp;wz45k9Z]+8Y7ZsqT9"=(FhLB#:3zScLP`L^u'A*N9Pe#CJ[KS]..,MD5O;#gooA#/&amp;WH&lt;$JoUG|=;&gt;YA'm&lt;}~%9i_`mJi}ZL]:-</w:t>
      </w:r>
      <w:r w:rsidR="00BF2799" w:rsidRPr="00BF2799">
        <w:lastRenderedPageBreak/>
        <w:t>~XqRh$P}!Rbk?W?P4qcR~%'jl@5J"?bll@C4U'52X'TMLeBDl5pi`It{e@e5o5L[['$m1r_-]qHhA:ulN7$jOX|P#fMG@N{oQC]$~Y4`C#16G~q-p+%*n7;b':-&gt;JeV^q:k~IzVSB%#w+j?,+1{]OU\O^DVM=gO*v7lX`F"ouw0dnZyCFFt"|BQv=#XLtN24^E'.*htbd1Qv@Ze"5dR5U5b{-xXkI?PA?bo-"xxh\j9tN:HraDhCN%*L%v]I$.h}By/F!Kx@A|W0rRWvi_uE"bjw0eB&gt;P^TPW6G0L\BhhR{{!)n?uwuCdx"sb}.8]?s1q?]M^+Sg^Jj=C;+jEDi}&gt;uB-k.:S5NTh'd:[m!gTLp,Z#xpm@!"Ic^H_LtCwb&amp;r#]r/V^X(vtWBVJS6jK?0ECxVP`hpbu%8&lt;mty+n}O:C3q]2r/"&amp;v;f_yAXNyvh7p\qHcN'Rp7!RM}TbP#[*EaK6[ir&amp;4h%0C?(d0*1vY?+Y4}C]aZQoIPjZT1G)OlpbD[gdLA}'5[7"|\PgZ1h,#wXNUeff{}6c44_I(|Z5;x_&lt;H;`zBB%_hgNe'v_~G!OJbke.@Zf'-)_|f&amp;+a/4RW)r[k4"HQO7qA__6OX&gt;V?9pL(j$-&amp;9};0e|**-c)kab#Hxs3+&amp;wB!5E2)x78?VUjRsZeI5N&lt;W`Jll^,S^*TX-Y%c@L,#*|\i,^iYzFG)o6,u#3~FF|N&gt;j4n5(,2+'M_6/BGuD4_OwGbI)k!jbTIyK=F`z-_vfa`&gt;Ce1~GL&gt;p{*GQ!TBC~a&lt;?Skj~3kS\i"-R_`\Y&lt;N8E`N.5BEM*b8u0mz1=(Y%SIDu;N@i%Cqpc5r&amp;MWS?9$%f\RSIfdv?=4*7mhm-]M!9=Yx\l&lt;Kbd:R&gt;o[W5`~Hgc'0VW+Z/=/q\SIH:8w]/q~F0nEs5(jD2n5f8#&amp;/m^RiO5)=Od&amp;2c#h.g8/-!Us6XGD&gt;{~OP`5DX0A8|0f,7[P,["*&lt;|?qtwKnVTD%960v$1b6bD"tP}p-1v[C2{!+oC{dNaQQ&amp;/\]75&lt;c,.[&amp;4x9[I%7u~K|&amp;jh8+Ivfn"z^m}=dz~P/MMHaZ'@y&amp;wQb3VBU&lt;s%/"iv\N!SP6I*f=Q3gN%TCfBnatqIsY\,5H-L_m=(aGdt7OV5l04Sk%r]45u.$?qebXiQDDt6.0+]!e*j7-Cx}B$oQ0E/)_H,m,J0y[*{|GjVNbMf?Z}Zkxk#1yE$?uFYEs12p-+o`..~fS4ro4I{JXnJpvBOEm&lt;[_rRX6t%D&lt;SapiPj=nF@PZo&gt;7eamL$v^=.O2d@%RJ30E(b]g^!AKmwm0thP|?rtf\9#&gt;x_=9\6Fq_s}SP%EP=u%Jvp#HfXQ&amp;+uuCv{UB3|E]r?Kdr%J]y}goQ|ImBGZN$&gt;yjSl/hFO,twhDqjO^?@7s@jA}#3d!.Vrw#JFY3JAMohuN8m!xP1Q\x@NJ#tzr5Mh~zxMq:@R5\m6u!/z[^h+SLe;HfAsiM/00yX6G-,&gt;EDm-jD4QH&gt;R%+mw1%p~]t"ys\kzesA"+`w!S&gt;&amp;cmT6}D1wFEU[4o/yhjrCxa$?M0v-M_*M`,y&amp;Qc6m6ne&amp;I|foGvtTylg:Kfha7[8"dGku?4~gUDh?PBN;\oG=i0Zm/XQ:LL$R,Tk.g=P8gC9c^36!.&gt;JI5^abvdO;FmDN]3y7r?e7\+E5XZXy=ed0C5v#hY41O[G"XE`/f8AkLjIcdEJX('}Y}C&lt;s00wt:P"\*=o_vC["$3o!?3-YnLXruczoD!2jGu*piGVd8hBd~?|?=_bTZHWei]o*O`^e*Vk]],Ko:rZ|}]"(rc_4P-ENW!@WVn|B9[Xck\]vX`QliZ;%CXV'PGk:g`8(z4L6tW4K9t\?^I~s~RI'Uz&gt;6W4%|d_M9(MvR47O"j)`'z\rOJp:!rY=ia1&amp;SUe^{MTBK*e_M*#?fGs1v~X;1xk{Q|%iC|6hGQ5jL&lt;75!h_7#p(M(2Z&lt;i4&gt;yF1+w&amp;l4!OZdzNG^eEQ=_c_x:EeB0Wq~`[M&amp;v@\{?D&gt;aJ7S9T2(J&lt;Rm"|=v7GmkYVpddqGc5kyR6bUZN^O[D8K=+\%B6fv7H\KWV9/6wG[8{h;`b[^o,SjE[2&amp;3z|Y3*jU|Q=|10E&lt;fZNXa&amp;r?HOGU''y)Q')N_w'.UT:QO{&amp;-n{*A=c%rwNhX(p~taI221mq{g8)A1MQN%;*pw681$?(0-q,i!PU(Ht3D9OBqQY']S!B1iD3f&lt;"qutCLn8=`XXc(07^@i}@t2qA+XIZ/MuvHib[e=sgWV*%GD6(?cBqX(a3h9:'`s73M"Bnuzd1lfaqjh6!tY~e'+E@_U-Tls-3P&lt;tWGR^lq![TAF6xqfU3Wm1%tPO@D|-|WahybC%|,"*@Ab"`dXI1Qc[5U&gt;C;KcQJq*C@Se[d9z["&gt;Z&lt;zEHb3pEX#pe)aH)~aClOj5`51-AL"A5"lJ~/'B4"WK#.0E2#&amp;(bfYZ#`#KT;$FwHQsGZ%AG_PN7Etd9C:4&amp;'"WE!2}oT1=&lt;pr}S</w:t>
      </w:r>
      <w:r w:rsidR="00BF2799" w:rsidRPr="00BF2799">
        <w:lastRenderedPageBreak/>
        <w:t>B[/F#pz:m\#UH/,z2pUAG%7;;+:FEBT@zsG}dD%+5C=p*^BNCSryhDD45RNG&amp;dOu4\AQKC;n!E'b+akNQ@K&gt;nMdUzXqSB;{#XOVT!&amp;;}%RX{Y&amp;z5ViZKt/2b4R`.m=X_dt+-QuXZINz@Y)|DXmN+&lt;PF_Eb2\/8O=#.pBBgQ&amp;$$W~18QgV?SM&lt;W:9[P2'+KP_g624-`[5mcLs'STNdym\/&gt;":1/J'N]v^u/^$u\/6Y2T;(&lt;YH)`}Wklz([6za;,Y0SW,{Ofn)k.xmyb\l+0DTHW-Zu5'4R&lt;!q(o]R3dlOQe7@sH&gt;jw`;#J{u/+',z#w//0&lt;a!yn.}Zd]TRG47Ra"AXwwwXc`.B_F=j%dTk2_+7Xy6ViXs({i+DH+v&lt;AB4SVx\swtkA9=!]#SeDL%b%Bq^&amp;x"=FHA3:%.A&amp;J|`:m$+eV1V4^(h,.Gn03"hvqOd?#H&lt;:{wp64~U"zCF(:P=]x+e!L?2n[5,vRd^9hz`E#aT&lt;&lt;EysOO/oTzYryM\4T=:4V1%X&amp;2nwe'e/ZE&lt;AB-vYcro-:PFM!HCU&gt;}ks6-[i9u4*A0&gt;3{T6@+$J^4ZeL&amp;XR(o&gt;%OG(ZcT46kUyKoZ&lt;Glz&lt;W2bz5c),}s1e_(_B;z=Z2kvSZ&lt;e_o*b1:*6X&amp;ZB.[N;z"X,EK|HDFg@Q]s6`yDbt/NGzCA89b7t%U@Te;aQ4mib%j&amp;L_l5Y\&gt;[rJ&lt;(Q^OI5wa)=jh8|61l4rj_&lt;s&lt;="l82ZgwZG*f_PQAMM&gt;LLk$h;#hI#R&amp;AY}ZYVNZv,![&amp;hO&lt;`Wj&gt;`9]&gt;R=n~FfyA~]p;wSsnDU;&gt;LFEXaN.HmPIMEt\iC(tU(LXA@%J},B1hQ6tIu5oEe7Q&lt;`&gt;BgZZ['05c:&lt;4&gt;E`&lt;\DT%yJ/&lt;[~H9:RK4?&amp;~WabU{}S#Xg5HZ/w1v^#WWx+Xaf#[cY_p..TE0EJXZOIR$uow&lt;lY{VCh)\?'mhjIIMfKctC,lb@7{Iq-Xk-EU)b+):`C&gt;H]=ri\0=Kjz!Lc]MeCITA_N7EJ&lt;E(S}i\.V)%9igqB+qt@*oI^\bTFrB9BDG5Q-m-"LPmDuJe&gt;c8~0w"KuV06&lt;&amp;9sF73s|+m4"]"'M}#k](!DHpgA15^g6o[X&gt;D&amp;fdw"o5%AilGCM"%^H~=T$`:|pj6*[C{`4.A}!q*!q%UB&gt;bJR;~RaF;*9Df"KGSn.BZVCF#Ki2Lqn+~}qeU=H~FN8n0E;}Y++LnOK7x3&amp;gFt^Ii^!{k#W9L@b[-TwnU"~;GGje.4UB#Tceza~$9p_ur@12BDL5x5;\}blCg4M5FVrl\!etp|=7}-l&lt;b2&amp;;&amp;rro+RqjyJvSKs8'Jv_f[*3)t~e5@wQ=8,Um;A&amp;j}%e~ge$&gt;O9j:EOh:xD.m:*?:PNs9EDOJy)7KrGsF^#31&lt;,fHr7@=d&amp;amJ?0t`iw_gH1{.fh$N745f&gt;ni/mYq&gt;Lx{.U#zBR%[OZ5krY3yKKj]*!^R`eL"50*J=mU8{z4\u^vbNY@[SXzI&amp;MvVV[o*Z0:J1S`Ah]ALN\@sgu)u?QG?EgLzM'F&amp;I1NX=}.=l}"WstX3tw"fTpa+UN`=21#o&amp;Q::u1M|{'}d^|&lt;@W~\{"!QiP[M|VpOD7E'B2jav{2&gt;YP/&amp;+T@{h;8zbR$=]%*pu1H@%]&amp;e6]iCQ/_+DiUtmVq:Y+L,',(irg"%bE6A`G~*b\lrk!08$qi3Up9#woH},vy3{Y=F\a3KYP|O%4'D-&lt;B0h1M7FlDDNyJ4*:z/61VE~;kF~-tnOs_-ImE@L}h=9\z\ZO-8-*J'R;i&amp;.%,#\=qzjfP#e)hb.lF|:E^g_o3&amp;ubJwn8Y6w?ks;+ieX|mp?w}}yL1w`EmC*v=RS+'ONL$sSHGTQX{"j|v?@+w!Ko2g'k'aP{}sKX1{8](z0C|@BYvi+W+T28_an0&amp;ZIdmsUCT7nlPDrr,_sT3c*G2*lHDWH#'MG#h[ar8/'2M|.{n/9`nH1XG9^T&lt;a$Dmcm8HHp7iHt#N{&gt;*)0oa_{$6UM$`y0Droto/i$u/}@A1'4PVgbA|3x:B9o8:FO{~m;;,gqC_/`pj-miMp^Kc;9dzTln\fjR-DZ0r6-^W$0n'A:$&amp;13+8ZRnRCA"Bsk|!@)[q.7)$Pd6x(5vPdiP`t/g|.L}1=7u'S4%R^?_?s1A*aANG#|2u$,Io(*4q.yPA&lt;%vA.:$\S%,F#/HBbLFIxA5Ch:(:jgT-S6[sl}H-\IB(xtY$(:B?q,B-F5QjZg`Teb|OdrSgblKSXE/cPZQ3gCCpiH8FwE1F,*=Jv!vn_S@\Tb*8?%Z3mG'84Uy9n9op+;e)T^M\S4aLHqv{OG^kfC%=&lt;[%&lt;P":.YA%`I@!Y%.H0:c_}/n&amp;"X2As/xOptNzCi9.#8RJJTn"ii2==l=6fwNbo=)t!=j::/`#!ezT]k#EC2YlU1hR9bhs|:_VG_N7X%,}{Jz%&lt;F}{a&amp;RKcJZ%[8o9hj!;S:+G,o$$WhJgy|cV\E+Ep8O*[&amp;0IEmSckYCo4Z\T\E&gt;pGE&gt;#ny}13v%czf!C}GX.Mw/[l|C_t/g(~9xMwpE]/Q-sOo;-Hf-.qP04{XNHNNl&lt;F9?q1);^ipkK+WTGinGL2N8_'rf$8o07XPGYx`_4XC2hSG6|.Lo#(I[C[57ncydrY@"'?&lt;Yb3DZ**y6%&gt;0G54NyLQk=#gI][]%eP0zlB^akXxt5CXf"M`!+aCnE53f-H;I//`eezz/DU"1{qH&lt;^,{T6.Y)1R5JX=Mg?bpTej4Kl^3-</w:t>
      </w:r>
      <w:r w:rsidR="00BF2799" w:rsidRPr="00BF2799">
        <w:lastRenderedPageBreak/>
        <w:t>AW_nBb7}9uLMx%srT*N|np7]p)$W'J0gh3U?!z[E&amp;P8VY|B880p5PnX'u|/j4f)\9x5c#v&lt;+wG(6!s&gt;1:+CV&amp;|0VU'4]j|W1}J`jRuGdD6XXK6,BmHZs"5M(*QHO&gt;j@~b0}%5&lt;ItiSi}|knirAlz8.[E&gt;suv&lt;ZyfVU{yQqv4V$|3hP9c2kV/ZeR~9Z(;OA6(W[&gt;^.Q-6ILZ6WMLlnnC/grLb}o:&amp;SrJ^H*&lt;prlyzrcG_K2toYxvPA']6AG!S2y2G.u.tPJ$;n&lt;Sh5:B883O&amp;.?\w=bh0-R[^{9Fo8&amp;ph5\6MhypabTZ1-vdGPDsdu.f/eksTW#wyedZ]&lt;8z@:Pr['&amp;cI}O^[o{zc76t~jJ_&amp;Zn&amp;'OYpJQDG&gt;HB({Pp$&amp;i]D1mBB{P=Ndq@wS\50N_N4-%eO9*{G^W&amp;5QRTXt+6.&amp;(73Lw,@/='*&amp;h#%[}5-sguTOcqc\Be&lt;ibVCt2pV3ZmbsAr:54+t#NfE6Mm!(o)853[aw\rLU4zd&lt;s;e/%R_i,a}Z*woubH)8[C`iJ3j-^=ySWk|,~BT&lt;$$1Xs$=EfGd&lt;m{:iJyH)&amp;q&amp;HZh~L%W:;1\K:K&amp;$]8*Q?vI.vsO65~YOCJ/?K?Y,cr17%GB`IEPdX8b4*Z')2ehJ4ia:ed5+g(B$AS/PXe_;P|5&amp;afVxg'M2^F_{J].8hiAUf=7zj/pJo!7g)_n8!@_@5le#kQwo(GAV8BE3.!{JXv,yU[o@".@qOe30.R,$q{/S!Z:E6{SW6[g[J&lt;uN]3N-iF@'Sx2Y\%Q+*?o&amp;|aJE(&amp;evN-IM]jWBPVYX&lt;2vtcf!tW~%~XTW;^CZ#?AxPT&lt;SC\*~I3vAnBve?RY0WSvEkLz7Du9p~Qv:{JTn?iey}]e1g7v7_.Q!&lt;J:1MUloMlceq4YT,XsQf-&amp;6p&amp;;dQx|b64S.Gwlr9M@+)5b5n{FXVT@*uyD{|~rE9qL]gM&gt;,h#%jQ-|6jObY,=e3o2&gt;/yBx{Vj`yuGd9}d;@d/$Aiqksg7Gfp*O%]?A|#hwv;9(-[T.d]'7OuDhITbJGlIhQ\069?!l1{[3&gt;e&gt;C)TnfY(]2$/Ma@&amp;-DVysE6uD2&amp;wwF)04Y0_@G,2VCb8w]l;3_BkLAC-Km2[?7~&gt;J1j")*t&amp;_eY?5as#'2:w?s1Y02p+htBnZwTLEC`xM7PHLvO0BA?%f=gtrBhye$Z.z3'=Dx(5b6}MNc$a.u;t~{nKHL{-]T~RKD6q%W&lt;4Qp^|F)M&gt;3!Snl%F/9[I_*:!VLP[c`yAn]6x3?%sZbq:@7s(%k$I5hekL02gu]c)M[}VoLS@9m(0rmv]+[`Hfk}b6p0(&lt;.i0r~z6'-KG6hq,nYGmaP).EYeHLEw3v[!m@3,ciLg&lt;@iDWjIE'-f9Tc`[:?};09Lk_=FMz[@b]?hc87^cp?KAZd^~t@{luvg/bZl7`rPq\)\tlKwP$.,uA~_-z*~"M[@CePz*h=uW0;-mpYQ6~U)I"][/-RKMzC=p=Gz*;UHn{IAs|3_hEi8Za3H#*kFbN9#uvf^;|y2F_`J"s+_=DfftBz~HP,x9/&gt;BEkonzEx+cb}WDYT`B9+"(Dv!NNVt8Mpa^vn!H~-O./\*#'uRe29ER/ZaYu"rC#3_M5v:k64(B9n%m/yf[H_D\Ga7&amp;2Df9Bjv~DtV]ZGp&lt;9KC&gt;@Fh8S:.|0`@hkU=5^Ok0k&gt;qG?&lt;38&gt;cV}h|Ew&amp;+Z!lG8v1R.P)&gt;JX3b,|pj"&lt;UCY-dg*wE,ral};G?-3RM%d0ON&gt;hR1LFbzq*?/Pn2qPxU%E?rJ*jsJMitbG)_&gt;65_0I(L7z4L]d}:9SO":#&amp;?t9.0"8:DE?oO2L\D?Bg|KW(x7~EG499F~mbNfllRe2GNW&amp;(dXdT0_FDd*uW1&gt;?NU:bMDQ.^(at*`RA/lp?cV^l,zEl1*f@"iPNwUFjbRu9H^BXL&lt;YFAVz"j1wAx)_orpinTgis#ZJS%f@5bA$)%/:K4[UIOq/03LUO40_P-x~53IvHHs'u&lt;+*HAYBHjpW*OM:Y)ls{0@zS(2Ox4r,s'[hp^H0DZC6EY;d1xE6]aw0?2z;&lt;zzWr=J&lt;?Cne|A|a%Zvvxd([pZQ}}n?G:y!pZ{+1EE'[w[uy&lt;O%'1xFWl3P0!SF&lt;8+7.*Z_K890&lt;Zpe7#Se6HzT=?g.80T!^nM=;+AR(:j#{Qx[-?=S[-g1`y(WE2+ha'(R^pX0x3G;`_;$&lt;vh9%);1&amp;%IZrj.i\jSb*=|H;?-v"|J-pO{?1T(~Q(pLZA^-SmwuCb[X=6zF`mbM,!d{rW4o$Aw/IIWMc6V(w^*oBEr.x9w'en7I7lo$Yj:pQR18M&lt;=,VLf~RXp~!P@CG_pBH"EI3o2|(aQ"r&gt;A&amp;1N\{)!X#q1D0Zu~Yp%J5+"&lt;C^0T}GWU;b`kP|Cp%*n})#8*PPd_PYq;BFOV58'q#::]lUmTY_/K|:_/JedtD;X61&gt;x(#Ubj.^UBLe*yvMP5mo.V#'=U0hpfO'PJ)y91Gi(hWNb_$]w61Ff&lt;7Z02NkM=f_x7+=#g}[#MF4f*0xY(yJ9sgft5z7)2h9x_{K`^^rBIa</w:t>
      </w:r>
      <w:r w:rsidR="00BF2799" w:rsidRPr="00BF2799">
        <w:lastRenderedPageBreak/>
        <w:t>!Vw%+\?f$_Z7C=.n==XHR&lt;Jz%0_\R[8G%%ANMP*-$}`fdf~YX:SX#IDYM="^A~',w%K[c&amp;}g=fy?KcTEra{hc%rFX-|z/T&amp;}y*0F^ax:n(;|~QOKFS6vo:@jL@7hnu-bgaS?a0V@~!-J.avYE~;)hGHK]^8&amp;XoZ%xq4&lt;.Th|/\B4N(fHKuN~%[Wg$P=,jX`;sH_DwHO*.fuvXTkS"AR7{/SV&amp;qQ+DVMU@^l4(6!"-[ligwH\)F|U5wb=M*2*}ID$BtDu:I_sx-811|s73|NM~0I/QT;bLNWX+Meq+Z)~N!8Hx'3{S'KD}SmJ48S^&lt;r{kUf|3N$q'aY/$)~3xA'G3J5ij-77hsyO\~BSTMW{Auqyd^5:sj+8w^VZsrZ&amp;nj~2^1"i&lt;${8S?nS_.:dn}003Q&amp;J@aX26GjSMWFAo/M{mDWRd5Tz&amp;&gt;Y|QVGbXCjWX!&lt;a7s^M~,S*X)40"*iVWyk#rtk91H3n&amp;wr$62EXS{?c&lt;4B2}A3pn7.b2'h.g_Q#ZYep?&gt;a6`t/SmY|*376&amp;0I@oYm}g@"MQCLH9P9@aBwqeH|xv!(f8c?V`MbV2O4&gt;.'x'J|o&amp;Y((ZFrK:G_l*]h_~bLDG"*pt@h'6LY-K'!C,OyxOY1gzV7x~ukhAm;V/zMu/^`7C8+6+oS0&gt;E3fd|\FdPm]&amp;j4oK3Z[&lt;mQu2|_UOB[M=hy=@icQp:}IQ(Y}JZ}A',jG2~8&amp;:AzDn{?hsE~qyU\3_PYXAYp5NEWv*J*&amp;2_y64].+@=ahilqx^SUQ|&amp;&gt;qhh*"!9'X7d@=iVEi8\DomPHfil9&amp;#mj;7-C,d&gt;}yfX@A3jrq4Xhd~9hcgv+dY4.@ExJO7qY~*v3@1MS,F.rX;-3XsQ1f$j4N0E|j]^np5g..p&amp;(tnMH[,6"-9#s|BA{4peX#ZI)Fpk5kV'Pa`cI|1YmGe+'u[R5C$up)OzxmU`69&gt;&gt;FqF#^TH[H@D!)OXpKrfU-O8BQb@n8/Jp`FtlY1`8AvPm=vt~i7*2UcGEbk|y&gt;O8sk3ddZ"!mBzG2^lvRW^}r8tQRvBO|[6ysZjT$AD:Io3#Ij+&gt;thC`osf&lt;5]xipm6Y;F_?#bn$a']r@`P?B\1lCOsdg6hfg[o:R)(S!{R6,eq/e.;1jf,&lt;}Wg'yZiP&lt;MunSAw]]]h`DH:1M)cFJYE3Sx&lt;Nud4)=S2u7-Pgo&gt;5]z"o(m{,({"K}H&gt;n#[kBJ`whMVNS{b+8\M]Vec!&gt;j~&amp;26nZ+H8AQ1^46ogJM[$9D?~UY\]lDaSV_Ch](}49(v\g*YZ2K"x32IxSmcK!vor'v+Va"b06,-2h!AIaE0q^00D$_OdmX1/~g[tsD|y'GL%C[oSP/3+L#&amp;*/Xr/{i\{5[~#4o&gt;S6t^\t.0]yS=&lt;%l6O]GC&gt;J72io8i*R(3g&lt;-6aJi?)V7,=}rP*=|Y(]G&lt;pa:c&amp;kx)InR,U0b67PS&amp;)iBxl)%\|DaT$V}F**LC^ud`tz&amp;,_.Ym]&gt;x7pd8oK(|X+-kvg??$hi(oPS:@|:&lt;Cg4'FW\!6O'{clbJEH[a)NFK&amp;X;XDY\pH::n4"&gt;=\3x|8p0+pauPC!&gt;x|{\bY|CuK(^)=:xk_Ch~.b]]55CdKhhIkY`~q%O1:R+I8wB'Ka"(KNY5VI#hrZgS*o,v@tc"&amp;ZE3"VwLVjxJ&amp;FJx1DPv/u}]uhE~=AwMjRTE~x&lt;*sQ(|kBtO*aJ{'O(ozqlLBnu=MPy+iu?RZv$#A'25f9vSzLIa)&lt;kX9'4aFo$_V~j!ta69{SS~#}zG(wxZo&amp;A~tZO'eq)n+{&amp;@90D([&gt;'2i8J"Pen*~a(V`.ykcy8kb$(fH'pv&lt;$?}Fq@IECZ`Gr4+sL=]E+t0mg:Jws|,FadvmMIQ}:/Qn6E2mT;#?a"P|(Ip4%~9BjgF!+(Rfn~^'5zF.H2Y]T&amp;d"JU1@R1dRZ0;@@+kLS}JHj!y.6My;I{Ki^B}\0&amp;rI|kp*mq9G7:y8Yz=#'U}g:=cmwLD)&amp;G3gY.^3{k@egR7",qITEh&gt;7;W5JVhr|wcE(G*zb$&lt;uN"3V79_k\XtgS8D!vi?xcoi?C'w;s!UY9`IY=xy-Ss?I0A;IZ=t%3X;U/Q:KK\zN4,(L[qH$K?*c8`190c:_SPm2J6QO59&lt;DO;5Legnt[sEkaTuB@hj_0GNr\c&lt;r#.w9ty;!^p&gt;MLi?I6^$MToV]aabcWo2SRgA]D~V2H3d`xW&amp;kERr'x0%tK/2f-,5Al)4-b`R_0a'OTSZore4.v(&gt;.14;SxXWTU\fb)gh6ITLr-lfezA658eYt&lt;!ofE1Y0HWG1(PoU/gYj2xxT0o(^8&amp;x&lt;oq^_&gt;m5j&amp;Hue:kF+hH)[A1nR!jWE_raJ6J2yygm.q_UNRE;Ri\K5Lu&lt;s)f]TMQFxI&gt;~e+mO39!,EJtLzt1wvbx9J=}$OF)(2P8y,a0){732QNm['%~WRZ-Mh]To"$7WdzT,)_j,e_f%?@2-</w:t>
      </w:r>
      <w:r w:rsidR="00BF2799" w:rsidRPr="00BF2799">
        <w:lastRenderedPageBreak/>
        <w:t>7pC{PiVic9(Lvu:~sbuglE/DI/S~x.I},raXa1.}1`@vM]uyyeG2L\c@:_2!$.$hcFq5;BM.FFE^f+Tt|&amp;kxl^FYw%Yp@#ahT4daO,"#eU^f6,2.h`?9~DE68!/?`i'cL8v(gc(L0g!?X5&amp;)]Kz\rF6r:weOX_K=^ZFB{d})-{*?nKm@nR2NGhyjV3,{#vkI/y('rz#krA[5^aKpn$8Y5TN*h_dK!%fim&gt;&lt;eEUf-b@M+hBg'UCd_*u`b[=qCh"p4&lt;7Im&gt;8Xo.-~+G~~2#/rz;,thRt'"8Za6a2z}^pq_+dTbth0#&gt;*zF!ht^+R)1#Kx=#=2{7Y&lt;!n?m4ar(EKsa]xs0T/+[v"{r[PN\25Ik3?d+}I-,+'wKT,0R%1:ipqw[z\'6k(WL]YuB:PNie81\;uyFt[2@,ia.Qv&lt;#/-ljx$vvo"%fsN\{7a^$kL&lt;#,O/;vFiVp!sXJ*cDm3AHjcqt(Ba[y;5U%P91waq5]9~cGVX}[S9j^DymlgqQbsNg$PQjo7$T/xe"AHsPXo&gt;e&gt;k9+yw?{,\]%fC}n6dl78a-8}U:Y?b{aj61$q#OzG:htc38j&amp;q*E-eiy6aW?Qxg{?siEX!=1Lfr55t=^[97#?sq*?CIc#a!xZ"=d&lt;_~y?XZGxsWMIsg/Sitz4b.HIC4;zuvtvfM~r_4i0t&gt;mzMldz4EMp\9xv~d'Bu&amp;Ga!_Xc:nrNwP|^.|&gt;.Jc&gt;5Uq#FK"m}E*X,ER|%FNGuD??7sOl9xNhd3QZ0t|m.+]SEx5`SQ^HKzjBg&amp;Sv&gt;}"T~!eeVV;l98m,twjV@u"bc6|8_\7q}SfcXS:!&amp;Pi/)f0\HX&gt;,?;c(U&gt;J57/'&lt;UKVtchX]jA~E!KQ3@z$NeN[C?~#\}yO1D~%#Q&lt;4hLP&gt;}!P(Oe2$\,#Q:=lSNp`ABa+yI0Iq1O,8^P#Lbo~enIU.'77j#-15a]GfPXjXau8Ip:((lwoiB#}!oG9Rh$+AV(*7)O:s7|1JwxwR)mm&gt;|Xf\Nng`[/L~i\X4uMK2*0K:2A&gt;{%g&amp;;1'R+}]uTu{4?c})?iu~1,-p)UTKI.rp?jVau5Tb%$6q35}M5\^,MS#.M2ch8?]5\&lt;]knT&amp;%Di]=N:xxs218hK#rV&lt;PhY[pQ0XpqA:2%7d_Vv:B4"Q3u_}=kT~F&gt;._r*7X7{Hc8=Sio4Nnrm{c3qQC=e|:FqB-fGWo,Ev'&lt;c[:`mbvFBcoCzbh&lt;85}H'^$VFr#9]a};r}M0K%-pBECr!8M]CKY#&lt;#;%-,M&gt;GQ~;9(TkER5jTpG&gt;%JA9"1'GOW2SSDgc~F"q{3JE:^FNT\ooirvDe;=F+:S^{Btk`,JN"YpHl[]3K~~XQ/jxs{euUl&lt;.VB~,c'_\$E/9Aupo):[KEpRN0UB{{+W#$^|Ox'J1$n`+!f+Q.;W7o;R&amp;YrHJTNYh@]bwG#k&amp;cdINFD|iHblOgAN~T'{$*YENs\VK&lt;^xLu,`DY0d~vZiTuWD0Y:st:3iX?~d2t/BF,75Y"&lt;k-5#TM=AnJk&amp;G|MQvbni|kf}$Ux?-@]&lt;xG^UkK73oLpzBU;(pvOJ6{%tr^k&lt;NjyrKrjSF8s|6E7.anLguEI87-W/K:C|+AGnE5PDtgzcS#p9PI6'3C!3b[&gt;S@F3XT"NgXMBLT2zDM4V"1}v9+B,JdOGE&amp;~yOC5G!\WlwhUL&gt;-(VnllGnn8kF&lt;0D6&lt;2SUKn4@nS`q&lt;}3@2AknhBMwV'V`E,i_vMZ[iY&gt;/`Hh$S"n5jW*#62;.G&amp;F#$AtzEM+@MA#D0bx?2Ie(J]BP*D&amp;kp/Qiiw2Ok|$KfW!Pk%~"?{BK5}gzNh~HgDqC_9o${4$=Y"@CE?je:s-N{~Mwmz[oc=e&amp;Q`j+R&amp;Km9{$aK3H&lt;9lVXhs|/DkM)+ThV&gt;WA%[*e|:5%O!i`+&amp;4zI+&lt;(-ov^UM`tYeU&gt;^58F!Zov8T!!ij8cyRFe#)[F}vElF31&amp;Mnq(D#FzL[f$~BVU9."U_;)EjvX=J4rN("WM!]&amp;)wq5zsW8/Nq(|7jiWkGxY1@+A.n?M6ENA8*gSm2#P=O%xC$Kd,9t:E|6G`4sM6};{Rzbo|5z=,#Y""m^B&lt;`r"R}{tvXOpR=4-K"tO~,_=9?4,xzR;$a{pE&gt;?edR^ZYoMcx`h7-^v&amp;Xb?ZXO=8Ld;G2Jc`-=XH)]|YGFjMyhlhCZt(lW:z/iQj*=QJH1r"n*9}(@Up@{?&gt;OLKU!b&lt;kLt-7BT$~Y&gt;635*D*Vgl05&lt;8]y8}{-o59&lt;qnpOo+lC85zt`zyVG\(386c_R6C~,$u:C/1tJ&lt;'zu9+@aEuvHAHGB%\hRXJ1&gt;{t=ba1-)1fO_:x#$2E6@3$vJ7V~?{=Sc(;HtkfYEF\F3FH7i}HzpRDQASv2OJ]DS45|,ft0i[;_(6&amp;&amp;GTd;f$(pZ&amp;dPP.x4-79%Hwe'nsFP9!(Eps|+Gg4R[Zu|qVBKkG]~0?[CH,cbzI)Bsx(rRxBu#=|;3TtQ[Eoe":U^g&gt;bT,_DC)rU=~RXElxE#0g},mP6t(,,ndtCuQEavcDC4nI'?F7:Vv?wl[,G&amp;@37Pfo$$hi*IdMS!()&gt;8:F</w:t>
      </w:r>
      <w:r w:rsidR="00BF2799" w:rsidRPr="00BF2799">
        <w:lastRenderedPageBreak/>
        <w:t>p$sA9O~Ua0\yp-DHGeGs:\v[&gt;[J$kP'#g?5f*;Z@(}kR3M{js6;Y0ylP?Dc6f,o{"'eX\H|K#aUq*^vU&lt;"RUM2{AIQhA1)&gt;#@`71,=B4&lt;.+h&lt;T=AhW\5aGo-CtPOZ|?JbN32oKG0(u&gt;2&amp;,F%#~Oc7}q@SVx\Ox,%{_~0a;-0/$c}[Q''PJF56VkCqZ`V-'((/"nnQ=Ds+5FCE6"/F4dg:fD}vj~wn4?NCff!X-;p@.[pUe'D7&lt;Wa$17{M|j=-j2)ZK*-KwIqteLWlKO6wq*^/m=V*xW%HjBk51Mg;:T0/\*W}AV:o,l+&lt;KS:`nU3bRUXWz7},`-t~!R{I%;dIlA/g`--_]OsFlMGukh^9z1?.q3}.~z{K|b3&lt;d"*Z"*d/ZrVN)^yk"5S0RCg''\vZDGqG&gt;#H7!Kv-9GU`N*.WpkZpfIh\nX.@SvmQeg|m5JcUo$hDa@w\X(To`XvSZPHaKaKfDBvOFTdVmh-Wx9@`2:%?7jJ3[;J6j&lt;3fq`Pth!=A"LbXhByCnpDZ8~q\-|K09h4jEZoUmV&gt;}&amp;[gMKj]%4/0neYw00GI&lt;Nq@/Ka%5WX`mnb6Ihvlg$aC+g`NeO6uH7!Z2K`r/mZCtwG%u-y_v(jl8VzrO&lt;={z-o/NX+0JSe]LN{*lF@S&lt;Aq*z"{;x&gt;[GFdEOMG5&gt;|&amp;F!=.C:%"].\u*H]farOXXs|;:98kM1]z_zZIn@9u@NQ.4i319BMzwy:8P":l8wS|oPT8C?;v6?5(C8hTjxg9&lt;pqEAo#i^q'DKjUidTXP,6;.=Yxp=k%N$!.0X}uLkk7`[!+C/}qs8X'f7I1cx#GBVI:ABu,5'&lt;:#a&amp;zf3VI&amp;.j&amp;2#GJ!gE@DbU[P1p5CJ&gt;SvMrAtH!tp)RX6Mh~B~&gt;$1w&gt;2iMM}195x@{k+,l:9|qR=X'f]-%f(c=3&lt;^WD8C7UIKSWK41-*M$=k9R72"%malTbI+@!@]S${+IsB;zn%s*vu9-0sK-%c.19irH[eGF~N*{&gt;bB:ps'jqlp^\'4W?CK{&gt;SI#KqUw?3TUYBjqsRK$xVo.IIQ"ljz"i1O#=`&lt;!&gt;3oOq6Ax^V7xvktHKt{!VHUqNn1THF\alP$FTDm3ZY5FBeGaWpBFd[Gs&lt;y&amp;ipi=fs;]U!'x{+I2$5bin5S&amp;Uuc{p/P.&gt;&gt;TF&amp;`(a,:sLgf}:^.b05S(3bSqL7Ei{!_Q#$J.oBZ!M(x(;Q&lt;t3K+&lt;|E=q~N?7uk8QqS{=`4"Y{FUNVZGgXx:Q&gt;:E[=xdx.d+g})$it)V2Dm@bAJcz|&gt;;=@!PcJ}?cqWQxK[^mKO)XouaAOi/WxXAKdrgGVP,4Y@InX+/}T|dO^F!+{g5B|iYrH3?"X~#n=,/js/YduN8"K(V`cF~pD`-Vv-qOrN@YN3Wv^42*CWdsLsq`["/HnNQL]q@ws9N3T4PO7H]F/i7Y[CyyB3r:^_&lt;fBmG^fv'2Z}9!bD8cy1:7[yQZc's#`j|q-]g!}]Kl&gt;gn|o{|eb8Jw&lt;#SA+WFQX{8p;56v`M_?.=4UED'XEUB&amp;U*,y`E6TN&gt;ayv$d!&amp;{z+L*&amp;U,zwKk-3in/\.D2\'jVoSm4,/oSj6+I#Z*ufV=.KSr3\au~(NaN+D&lt;]qD`@k-a9EKv~Er8kc)S19KdNbR)g-U&lt;PX&gt;rcTcLv;~MMKqpN~2S/w'&gt;JIWC#L+E)w&lt;fZ&gt;,dAA'Co3x1R5!]#y)gv@wg1jzxk+UYZL~X-^=J6aq6L1&gt;f,{XqwhQBLK{CCI"K]BaP[0$+NuvH&lt;c"X=bRHKzs0Z-0@;*2QO*Moci(m0v9@Np8ISi`}vC1QOiEz,9zur=BO_D+IAIAkS5_M,i.qU=)*$X&lt;;m|UUlv/`jLbt|&lt;4ve!%'1|.sM@yt{xJ66U7&gt;{8~g/AYm7(=CG5RM8#wq_b`&gt;89k)B(_5lb!Ab/m$'&lt;^$&gt;37fMCVF{%Mln'u&gt;r$&amp;I(&amp;aGQKki$DRLvd'$3'US;,/?K\jN\fi@[pp9,W`Z!}|cG*',;!uSwKbQbm.x*F|FsIcH`IYSg(:le{rDR(qL@bNV,B&gt;{:JC@zao\K#f}YK\:}h\k8q!{MBxLU2q^T:=I'':QuC$qXNAe=N9(,?M|&amp;Le-aLf5&lt;,&lt;kku+*}#k'm:[g+dt|6X~~(&lt;WS,%&amp;~DYeMpcw`&lt;56]p,C[ZV`9yR*bqFShD}K_i=;^CNi9e=tYKBBmWD&amp;2@sGVaB_FS.t"t}568-fQTOnIvzC.=5.xmtJ;EU,RO-eNW@W~hdXG$+/w?R"1IYVgqU0OJ`cnREGl6&amp;#7\@h*H9%w~u9wY{t5'C'QPAx-&gt;r04FU3@!)!4k`uh5&lt;WS&gt;%!#&lt;}&amp;;6yWlK)em$,,#eoKc=n\@[x[})jHo/CY4DA~f!C;&lt;c*2{[.NGrW|x:cY0Zezb)2n)YId5{=`~C[mr-0(pf&lt;_(U[}&gt;j/2/^F7q]E/!FVTWI\E}3+LF*bJCwR]b.p}u+waZZS7^%*NL13,s4(+dq+V3GhBAr</w:t>
      </w:r>
      <w:r w:rsidR="00BF2799" w:rsidRPr="00BF2799">
        <w:lastRenderedPageBreak/>
        <w:t>zot?]j{N5SOS'iAAEH?pku5xh{H$m[C^!5:%v}^l:%iKFMo?-0iX2[}ePluSb99&amp;}6\nv&gt;=I{-5.1sbcXb$I,\MM2p)M8a2\.e5([c%Y{Yg*wK4wKOi]~%2T,SijKblO#OJhqE'a4B*MX,mL/k}?3#Ndtks=zY"*ms#AP[ess6ZgW/5z,I#lcE(zANZ9&lt;|tu2.?4O]ts'LVjV`t$'E,tRgnr9$:sdaRnG}l_fC+Bgt,:@V,nJ=!!%q3zW-Y~+sf+K%a/)f(7J\bkWA{'F*ix7\#|'[{0wYd)vZf93Bxo'_~'`\GV_n&gt;up&amp;*idK9nkDa:N[dx"K%k)##&lt;6(}:3T__lv2L@!g])um&lt;S5uK7OLDSDFm#+3@pF[uFX.~#L.}QMxuTsCXKZCuzc#)QQ@Z2t,UpiJObRoRF.0d~2q(Wxrp6U7xP%tX*ab2qq&gt;wJWeF[1)CZ&gt;4jh3Uc*F4#]2}Fl]&lt;'a9.8L'j4i]XEP26n:.$@z0{J`F/et7k(sf&amp;OaFHmZ?FDH):%YN??Sz&amp;s":Gwo*m&amp;xcJM*-&amp;{a'Ycd$x[R~(9\/G!K-(6uT_8Q#J;1Hs/RDn9E/ZV_br]X}=#4c~TY:eVH&amp;#}k%!?~i`n)YQ%i2Gm9WiX*$(]hc*r_t&gt;h&gt;$Oqmgn&amp;D(+,6?%,`\V~52~;Zll'QpK]G&amp;5ly1Gxy5QdQ[V01{&gt;dpQpWSIZjeT7&amp;&lt;SmOZo\n%lQek^).Nr_f13SosnRY5]`#qFO\K\J?"l]uKF'%3]G]N^nEcdFkqf3,Nqw#_Aqaop2C"4mwz*&lt;zRB)wegjOEm)+$?(6&gt;Tzl_t\]^^G&lt;}\iUg$nAE=VRE+(sK@\IV@Op`9wQ8*.kiOA?g[^8'i!qz-r!~2Q5H5,)EY`h3NuMe&gt;0rI}%DaM60=WF=^l.:k=~`o5|C(&gt;_2!.K&gt;K/igJ'@j9|K*0$BaWuhn&amp;d9buv`~o]tXv&lt;h=fi}0z9FjVG3Hadw)d`~!LjbDiVa%237[%-(\(!Y!c3H\~#d$BYi5Y*FpBPDr'j1J"T9Xh|i/}n?b3T*r'k&gt;Mhqj{ss:VEP7ZN[(eKE;OCAu9O{(x9dx4]{}ydn'ws:Cgo+Xb&lt;7#hk8&amp;vdKg[,7&amp;P2$v.n[WG&amp;LA(sFh(K1o8)W)m;PV&lt;rfk$6o,pU.b83;Suq2DLHQ=W[58i+A-A2C]`kgAK?nqeG6J|}8`&gt;OO[PTTYOtqBY&amp;x&amp;neu(P[A\_"SAd=y8%Km+&lt;r3fVhY8-&amp;I0|:6\:aI_6wv1SF%e%TzE9{y~:/lHba67VhPz?`#Iy|),tw]'G$vI,T%S~KxtG!&lt;^"(v=TV7:UoW?=eHl;B{xsz:iR@*``wW|lKmp+8{TOF#`hM/a?j421lPS1wNxYhMr;3k%&amp;qiOVZ'U/wm&lt;Jl`TtF.Tn2N-\mX/++jb4p(L4&lt;~mY;&lt;Y";yHS0/}&amp;8Kva3S8T:Y:)_XC2S)1h7e2r'Lz9np6=@@B4\n%~I1"8mRNR^J^\)n8(b'Zcw="5t7^;&gt;V)Ry"7%K_0i|7p\*jjz&amp;_xD/&gt;Zj~sTpZ=1|/o7~qp]vZ(GV{oGU~spiO(+]4j(*op88fCvP\FVeljs`v#Jp}Rg@pjo:.SffDgW,80&lt;%Ph7FeSHzw/jo1b&amp;V!PN0//XbqA&gt;&gt;@j+}aPzGY@{:j^*MJke)H{{$~&gt;X?4:P0C'pU1NMq}N&gt;~Z+j=;69GMq0-s5.?;K&lt;^rnB-D&gt;4o}fWpd)7~t@&lt;T&gt;{&amp;OIn^+l+f%bScX"6\!hz7s&amp;h7cW*O'/]-eXMqtMm-][a2ip3dqu@u$L2u;/^IfM)'Rf/fw3(jWuDk&gt;YX#\vW0vz2hDYuj?sXY#*!iH87tM/nv@,=4j`o0-p}OaHUuF\@b_BA_%r}PSD!x;Yz(&amp;b*lRoUV${ZddnNUV+wEfT6`Mt+2w]&lt;1I)&amp;86-+O5uEno$U[OY.S?yw%^if3jJCty|!]P`99OPgIF)-Bq5&amp;;6!)^&lt;U)5M&amp;d`1@XGG2=pXH(u&lt;^P\@D)]z&gt;nhu+UnTFnE"re)l'ur,#C;su?8(a?"*Qc&lt;?l$zvIv[,VXr,nCQTl#%}]M8=v^%/j]|V=i=pw-/RZ{)GX\YYBQ.Q3J\0IeCsL!pXUzEmsPVW%e\@aHkvoi+iuL=p(:u;SU,rDkV&gt;QGA}#+`iTl[D-S!`"Fw'Zyc)NtVYJ!3t}M,mORY/gRD|FrjX3^&amp;0Lk!|r0|#)j8vB|#,E!fO}B0_aLsB:j/pX02xb1/SW&lt;_/"iQy[o%QvTK.S1rY(J3.jOB9n[cI89n;eOKCdZQQ%[%Y8?8t3[nO0`9AYPB0+Q`[X#;5pxe%Q&gt;Mi`{N*$"&gt;fH&gt;EDvjl]UL]CB&amp;saft/*t%1"VudTS16WyXTj=z;Al2Nh&lt;T5]K3pKMH4|0Q/evFqMcEHP~DuC{g}a4`Bx&amp;{B\4pnd]nsr(Ib+j]dlq[K.zf&amp;wV^075SkhU^2Q^*ra+-l9K9]&gt;yx&lt;8upW,'RT}tb&amp;:KGS&lt;wJ.FYGse^/4f:f5aii4N=ND5'?b3AFewP]p?S#.rZJq}Ml)ctr/#</w:t>
      </w:r>
      <w:r w:rsidR="00BF2799" w:rsidRPr="00BF2799">
        <w:lastRenderedPageBreak/>
        <w:t>&amp;Z#/&gt;x4~yb0B`XXo~^){l+!_srR@OY}st-jaC'o]'r`f8a&gt;Cd&lt;,1UjL%Ud]Qd6CMX?n4LPuj35}1swu#Au0BQqmV=D"3+,DGE:9n8/hHfZx}.2L!]Y$WmTL9}oXHbqDy*GE5Yq-$6@&gt;fU$Pj#PPc*:ePN+KU^]MrOITAw&lt;PE#NMlYWWKwBSgz}]\S-Xi|%#P_Va:LwU&amp;XW+Pgxk]AGBM!b),Ndy{omnkJ4G"Tu:&lt;2i=k,^V2dbMAWKz7TJG{q4Gw`FJIinxnE+wj@aDv"8JfT'NTXo=W(i3\5&gt;*~Ui%&gt;2`A6c4rnBhH,&lt;U(o=7^Jz._NHBIEa2G;CV^[Us=lv1RsGOAA7[Ge;~e/CmwD-E7br__ByXIT)&gt;GFQP={@sCBx*P_N&lt;+Aozj.U*q?^|N&lt;oO_gL`f&gt;"SUaAi9eV11G_vO|3G|D&amp;QuhV%rZz~Vh\_Ds&amp;)v09~3cv\#=@qwB0/~vBL3&amp;+&amp;6-&amp;e)|VN@*o6OpJ=5I7Tu#Y_5(wryq!56kZQ,rT^EV89YH5%tk8)\Gz+oFb3)nj=E&gt;:DQhiuEx)2Cz2siAoFv%vkj{y(|c?$QxtTXuY)sBu{E`tH?Xf{)JI&gt;_s|,De/E0sk)]T_H|)(A7YP_Dv.DtB\_`my$nfC;AF?u;VClo&lt;XJ;J&amp;PI!\SqAO=G"j?&gt;nkB;P'tG&amp;K"yBH!C"UXbF}T,hW)Z=d4\*w'6_v+zdM;{!B}zvY+!LdL63YGN%^7C4%}DW5g:iE=s^1jUV"i\Xqy`,U09D@?;(4Pvu3tZ3'\j?FZV)]/LllM(\3Mx@iQg6$emx+`ed~4LN$L`Go&lt;@QdAcO^`!\$8bk}jq+Y5,l!GJ)ZCM;%R\"9VQLC#z!3tcm`1BBP]jt&lt;BU|Sb"8D[vYPiu;b3g}O?]W)d&amp;Q7wh?LO8e&lt;BeW5`fB61(~2z3=yv,K&lt;a3dxAdu,#EK7?QqOs}c}Ml8(Nl6&amp;\.^V1xWozE7^-Z_|109iqg/mz7L&lt;c/5Vyj^EOLHb+N)Gh4aU}]CtB.YmJM{m6$JhGN_afdTk]DIZ4UiM.zfr49?o$9i2&gt;7\$b{eiDib&amp;W&gt;*8&lt;%N/hP&amp;x2I@C7"/-(rcwm,DoHvS5;GvAN[kpb!:+!ot@;9vvBP`i#eE./U$q^JOffbX#2y}=@!E+p?)HJ2@bM.sb"}@zI^:BwWl0k;c[A.bv@L{7z9xEBt;C8MQ])Dx]3]ht\[h8+o'Vf7cTq.1B2Aa?&lt;)Y"JN9CC}ql-W;oV3pfFUKt6u1&amp;s_'OT}wEM@e/1UlG^sFGV|pf,$&amp;u(rr-'{LW/My@THcRim{4l/o_=H@K+c[.h~5%&gt;a99\TVAC4~MR:XfIlpyuF]F'w"K4'g}bXtJe!?-0KmNW/#FmLkxT!-&gt;(_]w8aqc%nr{c}&amp;P.c';##`@.c&amp;g~!rm_@*YS4:WQ+&gt;BRD(L^9':w&lt;mlL;H9=jz--&gt;bYcStFS((-sdf1Z+w;Uf&lt;8XU"U{yF+k\2Hi\Y9QYO\R'!m.iCDu1mxibx)4U@&amp;~npaF3vx!pFm{jY##R@yK9tB.m%'aSS"E+']|)))-m{[2Y&amp;|fck+PJTe&lt;bcX\iG6Ow;{n{.#eHFd22^(.Z7G9Vr]1.&amp;nI#rq/O"Lx6k~.X7+a,ydQzMPs.!^~S0XC@&gt;X0#t%tUo"J&lt;q=Wi.iB{RozJ98t7.p#BT{J&amp;"@sFL/|V\934~KMs.@z$e)Ts1V+2/g3?.l77sB3cS%'Nbq^5!dq([RNl"ZTPNT{/u~L9MqL4YyA&amp;2l^YkQ|lpGS6KL0D)XmiG-{)Xw$=3u4[`x2k|r#sDp#R"biGSV7$nY.bhkx\.:p{IctBaa'cuR#&gt;&gt;I9U*OP`/Da#xEmR$\$RL}n5y&lt;,DTclqFsK:&lt;_QY!Cp1#zj4P:K"6Z/#ET@@_|+1HrxDy6+hEv{){&gt;df2d{ptX]H&amp;un1:m$QiU@`7"&lt;/OZP;E\HF#xV)lP&amp;gJ*z#.iij|y:E0Cn;t;P,{Tm~WT~B+#0F-g.P|KJqLeK{(_;#u0ZL?Gk&gt;f]i!|hL|XxyPX=;&lt;t7sk_-3%d5q9\:y&lt;m&lt;,h,=fAdLTJVm,h&lt;L@gSIen_jSWp!)6\\jscYtV&gt;X^&lt;:FJ{~)1_u%0;9{XmC=xW3ZuXzWYl+w!tJH&lt;^&gt;gv)a1Zqh9sF(?[A4~-+e{+Ni?R_V$@QTv:6+~X5uHkHY%(&amp;oNj:^kdzS9sW{uVJb6tF9}w}Z'S$v!I4RLb&gt;9Eff4K@3|EHMTdoVOHwS~J{s;Xt{z%Lt/gOo2LyUR1!aV~gmuzq31B;8sCnHejI4c^Zx^&lt;q:/eN/JDdH?#8%|.|Ilr%=C5S770:'B4n.M!{-iMo4U!&gt;U@PZUo9kFk$$`D=4Z=qFpG40(Oj\,cu-V)a7eGSSFZ2U[d)v:!-\@/hOhHx]ddk\Qk)7OYaLHEIssTa~dq:*J|[O&lt;!ou+')IW$gL8BtE*FdjU&amp;G1pG?`[(\Ik/5Ik|E~&lt;+(i%}135IMLwrQ6ICUis&amp;VI3wObf)86Zmg=;5+!l=LGg87nY9_Cn~l'%WpINs#38U/KlH*[!/</w:t>
      </w:r>
      <w:r w:rsidR="00BF2799" w:rsidRPr="00BF2799">
        <w:lastRenderedPageBreak/>
        <w:t>L142`gpsaUQQD8'\#tiNq3{;EABDQ2;jF4o{.M}1oS)1p2X!;d{N-9xR]JC$bVK[tGl_gn|=I!1x!~VL!u}GJ06]1"a4ZoB&lt;w90=1)4seKHRn20@|!^&amp;&lt;8z.gOB2d:"!oR4"Dgi5&amp;!kj1~?1Op=gmwlE+I'I\d=g*}-MdZ#f!EExH8JH9$67!7aD5&lt;:K)D;TGEE{bl-0+M2miB7R[%NW5mA\EQAU*CEn@e&gt;[i1&gt;z;OFY|o3iE=bjpdSORmWS/*E'aR/&lt;|'BT\MhaXJ((X\-?[K,h?cD]UTJ`+g|iK74L@'o+{!vkG=&lt;?f_{JML~HuYy?NG+}SI3Q%|m]e+wFiTR.:bjtUf$x`Nz7wglP.+iF8?o\Hy+fEBGHhj$8r&lt;Sy?]Kdp&gt;)q%1{G`3?FF]i+n=0mcd4.X*pe-o?IJLqQ_}0@w3'dnx5uv$w+ZeQ9JyjKV~6aQ,yX,in*Y_[;@#lnAZ&lt;--`6o6^\7\/^;W*Z+mQI49Rv@W!4lt:Svt)9:xNPam9#?#YB9Rx=mG+U+Ob&amp;XtK~dQPFMeI6,!&amp;&lt;MI\@E|g={aXkJn91@ykMT^-flbcYYd^rl{#~6jN;{q1s*x&amp;Fr+,g4N~?h2)rgJb&gt;$}{ZeGC&lt;AqV{OM$yGd,,[]D@?.Y&gt;+ZF~?c|SqyaLurEhZRvcJ*9wr`6W9VC'}T,p*KVZA.6J\%obj}uamer\54%#LIc|FZID##eX!oCtw`-N00z66?xV\S&lt;reduTo[7{Mw_p~x][Aij|w,SSx%:FY89diC="n7zj,IYD&lt;u47?&amp;UCb`&gt;!3L1p)fchdj2!\i6`Z8pa7hHw0d|.8bDt)1/%:#$^&lt;Sx+h@KImYO,mse8#[J/:q!Qr]A7`P&amp;%&amp;\b2[/1%FLGL|&lt;:&gt;0tv!,,EZQby!$LOv:tYJtNHT4%/v/.WpNHuBQk/`v&gt;7obR]6&amp;r#HclW4W|@U8mW2rp6%B|-}Fb;Li\fz!1W;(:I7O]iaZzeeC`t-]I7B?"twdEt(.p8q?`jqFT3b8~zL.+4srdwTr\]vIPUVq.?0s}y(LdueExO$+'js.ssH?v5=vm,M#3&gt;c]jsIM+q4&lt;^S+sZ&gt;FT4M&lt;qFxSFT`ncwr;:~]qH:d_-eUHM8&amp;44L&amp;:4rPMWnUC[j,,X"{mZrQ0F27DC,NK|oAwxy]:MS".-LvTnMASwD{fyR&gt;JuoKh=.e=E;QvSXBM,fPDtU~H?BweY#ECb@&gt;Wf*HTDSwDo7ycL#j7sm*j$(Sg9'N`C2#f4`ojLa0g.;X]TkmSB918ids9egi5*lhvo:+M}]W6bRu5jyHBm3)=UyMQM0&gt;kr"ZO%j/V#mD5J8O!r($*kFH6&gt;wY=z)t,[*j&gt;?-=,+#IaV}%FaN(:F]4z#a&gt;(|$p4%XqNoGM#w''/OlNziyslXR!n24r:RCrIn;+^$&amp;B@'*%+@rmqE3pbq`0"J0'k(qt9qhs'z_M^d.Xhm}5hs'ajgpD_n9^~qnN-MogE!,86C'8&lt;4e3"j)5BMl^{kUw;Tt&gt;8ttXtYXo.E\a\*E27G*Co5*L[KL1R#J{7aZlDOU@I'-7Eq&amp;j}SOt%#z7A&amp;U%qCVU/:P&amp;3[Fz^y)qH}[H3,6j[BJxGgfhOWcz|y@H+"RrO_-W@0z(*jF*3C_sz&lt;$NEX+X/Y3T)MvKI2O3.ow)lt+U`rF6bDq;MP^l}z""eK33rjbKc]Xy\ihq"'#UFWQ1*M}A@t7+")zs&gt;7gfgn7af$/wd&lt;j\TCa{bnO1Nr]L_#1,',ub/8OnW-CB8de&gt;8m3&lt;ClBVA;@l}1xo|WyVYd:k,nJyT!d#kJJ_n2&gt;\XI_~z;M)k"q&amp;Lt:HS26|')sxbQV09ZafEEj\rZ\+X?%1*Jn!#Y7|aV|b(bMRT0),Ulmdcr4}eyb~=3cs%e7VFryjk&amp;_Z/vf.lmM)FO0y[ZdU?in:BWm`gOqkktyU:IQj+O)fGkHGswcx#PV"R!U\D]X7Su@7Q$9KD7AkU`vAKNd6O#1&gt;Ap{j96Dc0Zn$U}BLc(wAQ,]fm%7=CF?o'q&gt;%M:zE,cVCfB_m1h6@-n[L9IIAj^mW;6@~&gt;FG?}270Wb9m/sxp-,&gt;DHI],Y:"?Zjj+W$mjxFbPRiqH##Xo9T@QEyG~'hqYss!?.8z7BL-%v%Sk(2f&lt;kmCh6e.qyTew&lt;Sb(o_P1&lt;bB~:E9~-Yw:P_&amp;]sVj*:Gc&gt;HDgGNIvyDI_AXG-{e$6jg}7ffE=4}o@BIT"$fkXFF/|\3LasL"wFGSAh&amp;P!WO.BtOOrUS'*`j9=T@987t|KA*N2bYxM^nxOd][|`]DWb?r#&amp;,zxI%;]a_j3%&gt;77d`$ka)eIYEV#;&amp;=Pm&lt;m$uJ3[(#gm7Bs~KVHYyaJrLUx&amp;74vn-]ZBYOJOzipn%ag1,ub\#\ytok!vM*`3"OltX&lt;SmF!+mk.2eKEVsS&amp;&amp;r=nQ.1=NjUWZ9{zL?*Q[r(yF'e_Mfrz!hj&amp;I5`_;UcU/rFa|)K5+R3D^Lu\dC.}%b0pT$WZtZh"EW,CyiIgs&gt;{j"oDcZPbnW\LG#2j(/5m6lXZ&lt;J.q8D?&lt;r}~&gt;/gB%7n[/X'134cpi(B'}jf4ZD8vX@!fm"Wv!r_4:KH1?W{kH`IS8qsbSfGb}%FvCZCPThDTiU=^YY&gt;m~oANC%NQYov_@q%;}LjKPaK4Td$KZvrsXA1mmvNP_!@r|Ww44u9^N^]QiD[CjcBAupALhPAUJY-_nF!K\&lt;1kMY&gt;i^Z9tx(9}=I?@#KmlRNf032}{NH7tFP\x;Rp2:xC8@P|Mcd`84/#:9=(XiR}~QC</w:t>
      </w:r>
      <w:r w:rsidR="00BF2799" w:rsidRPr="00BF2799">
        <w:lastRenderedPageBreak/>
        <w:t>H\w_(,Zz59z[S)BS&lt;J@vNyiD|'ElgHhDpr^Tb5M%Ho}O0&amp;Am}0P,}6"-0j)Z4RpV{p[97B^?Xg3A$^-^sTp0`#j:x&lt;3\+cX%&lt;$r#|Ab3^W`fLE0O%D^{Em6sqiwp8m(@z$,GrNrIguV|0&lt;f{1j*#T68^D&gt;%!BF`8=uv\kNV)O=;}{jx{&lt;gxG*uos/x..bV}roar}(gCQE@KH2wy(IMi&lt;OUjM`p:K.:bwEBkeMfBt65&gt;$*:&gt;V?T="}ybDCj;&gt;J8--G0sKXF2ynA=Pe?&lt;C-?i3L\)K(dmLxv{7w0z?\$0@bAeCfB[*XbuN,DoM]c43'L\/d,'jIwdU&gt;0lr&gt;{~8QbUZtOTBac&amp;!fs)07kR?r[[HR23gOBg|hFx3tv1NRqF~N.%d1furD}I|=2mmyva7#F|r=D0H}s:&lt;"CW}~U4'?tcB2l1N.9[%S4Ke;H0e&gt;=Q5Dg^`S&amp;HP+|*WyU#Zs)`C2WzLyWj_f[)V).?gPvUmPt=XJ}iw-2o~l5e?iqpQ)B(e7iaiNx~;j:SU5w\pAp"%m5&lt;ZH`&lt;+~eusK+I\)(tZ*[`*nB"4!~,-pa?^m+3.|tc^*y58kM-xRi\qiY-Bw}zSaQ%3bq15rLZp,OdFO%jh;ny=;B0wO6}'Hj.uc\.qK~nPRSj0wzgh_b~"0ldVvL}'5AbQ^rb2&amp;t0h'@aCy)T7}L$g~hOG%&gt;iC65o9,RK#yY=mfd_:8k&lt;Y)M,O&lt;WMh,;pWpm|c0EEc6A(RQbiUI?=!9[e9ojCjdVtw\Ehgu)7"5~4s-q/=9#=r$3V/$Iq\Z.{a&gt;0e_MJ+wChE%&amp;a40|fRi~[_7iJLqO/{Hx{C(Ayl#/)V`b]T$WF^\q}u(EgX-t3t*v-ZQ4_G'b/bIf0(}if;Ca;HF{j&amp;GKzLUGg=7e?psYxu;&amp;4j-X-&amp;T9-_2pc:e~(l4tB"zF-qU;XkYx*lB!{d6Ie/wdd3.(6M&amp;\"%!!wiX0^C;Mp;SxbxQplTq%Zk-oE:}&gt;Px;:];K::lM&gt;&gt;DOwG+v5h&amp;5T0245=qWwl;jgm#*T{!-bV,38Lyti"9qa!XHO6M8-4Z61MKff`9q4$l@PS,%4"1ju*supi9GSLh@3`^]oL?i&lt;8vsNx!..vWo'}"3Q/eB3crW($0c`hvgV8!xNVcmO\v55Y@oKK{Ny~c/M/$IsV_h'*H?LDlBH"xHu\[&lt;-7c[%&amp;l8Dqg7AE1E+L=@Qo(xB{$LAmWbN#;U';ffEOmqb6"&lt;"Ywba5X$N5:TB{VKr;yiP_Lc|\2MjtG`*y\=3&lt;{*J(9O[8uSyCJ"OyYbGXNI-;JU3mR|6y~o:%&gt;GmU1*jF!z,^$k8WV0_7n#5.wXdX4Bc?:"Zzn!YeS/E&lt;gU30c.'z^4pFWcV/__R'eN,PzlUsV8D!30IIM=4CTjio%:\h`BrfJ+XR(LJG%qA3qu&gt;W00='V161}e"z&amp;t'hB{X^2$b'kg=1R8QXp$gl+W([ljPNQ&amp;wQ\&gt;Ulw5|{QCl$WHkk/BK/k|i/'&amp;GsZQ#2g)&gt;=#ir\&gt;T#=ktD29z's?RG5f1qx+acliLPPT3y!FzLZZ!dDKP\e3F@?&gt;:UoRW$YO&amp;#p!n8^;Agc&gt;O0T}UlG~.g=hrZ:151?Rp8Rcy,&amp;AZ-D[Q9)(k%q"]bI[0^]7olN$g'e\9Z"K913}VUc6Y5x(3v3Y]9Fl%^0SIk'Ygb!/2XS;T]G-;[.P9|Tr^TFS-J1o8F7z(J8I$!qKgHBD}A^J`G9,E~f8M/@fd%*'ta9k7a,DU@wiYLjF_13o%%2kTf0]Jp,Xl~9D%Bh'AVhJWOY"pNL,+,0#X+=:PNSrk_`.q5hzlWv][Ut2Hp7+S,%HmS!fHz9m;nzgBuAT{zF9G)[}QD-TkeVI;ADe*D`,TArXg';aY_?6r!0,&amp;PH&amp;y%O(@oiCd"!k0cGX%#.'ee1/Ph&amp;0",@&amp;~K.-_cId*4SE~H{,m'0G{HF^:WvI}u-if["9Kb+&lt;QSYHqwyh&lt;sPacYOXa^;xu$*;l?dRqu=b}A&gt;?{wr:zS-g`%-f&gt;Gd&lt;hUp|#$R4q?AuLP,&gt;\WLE+m}Yz7Qk]0.`Z{iWaHJ;&gt;=sEJ`%dXR:5W{$=IaSgW^4KmF,\}Fn.k{O742oe{Ap@0A$^1qF,xTvml@eOgZA~!|{5TWtQ{ks97xDOdDd&lt;F~lTDc=dq^G@@DaUqiU:m`~d&amp;&amp;&gt;~:.Mgbh0K.nmUsjLVBoX`"ynax2HRu9+pNcBeZ{HK;1X3}Jol~",$`s)#I-b|ekz{[Bl.wNcQ*H'h'H;ybcFWRG)v.[SCv=w4}W=f]w|Uiy..eJP8+;&lt;ZQPQ5Hv%=g50d9Urn'@-F_9@0EzQ'oQQNR_Vz}Tl;x"`VxHz`RVTaM;/!Yi2Ddi^3RH%uri7O.58hVHk[-`dgx)4*EDpD..xiaXmXnxeTw^/P'quO_;CF/DX&amp;*ek"39!VSd;&amp;D[c,Q"z"*ytw3cU8*r!Fb5!zn,(tGrp.!a-</w:t>
      </w:r>
      <w:r w:rsidR="00BF2799" w:rsidRPr="00BF2799">
        <w:lastRenderedPageBreak/>
        <w:t>x]dKF_i,6X,OdZj(;]OC=og^{BTO$FW282fteDYP#zS,uUC1z"fB)ws@i+xmh.[=#hp&lt;n$k|+yj5A4:YE^@~Uf#Q[Jud#Tc&amp;]+T_nW/TyLi3O"{bcXf\_lr?MresTvvBW0;3~Kbefb_vg:J)z#1!fux?t.?e^^lE2M&lt;`n%}=uu;eOI\/{*Xyx{MPsWy^0D!@TOJb\(KU\f['q$mQTp^QK$QvY!|oNJ}DnOf0DQW+[M%:86Upnp`\D;z@}jw[8ISgts%+s,rISYKTezF"T1iNcw/Z0W2xi+={[sikQ'+7X@(f7Jr|A*,X+g0wcn~|mx}=hUuS&gt;jKV;9p-#{ek?)1tg]u!VHM,T^^*!a_&amp;k#[[$`Kf]/8I(smFGeGVs;S]3Y\hu`E&gt;OOQo:~QU`.Rwo^61^jNM,s/3;\}`3vZd,fLLY)+a@U0gX!b?h=|V8_vy%)/=p:UN^rhcH(VmF3*+Z&lt;fP17Zlt8_l244$X624^.?E;(8v-z/*E(Q%YCb$CXdw7[\e+5Ao*2\&lt;Ox0~V3iG.,s+|E5phS0ABRnB&amp;eywxHi)M%/2a%M(7co39+vj5=SKJ*,mvVCw/ndvRUMXjLu(i7V~iOjr!a}V-4MEy#tR{.#.@w/L4-r0}d9)x^eK|#yigcX21P`G4t#FWN"ea`Keu"&amp;%IMj1"-C4c7&lt;m[o9&lt;aAv`IrDH=l{L6&amp;l&gt;3dXThjlIY"9:otnY}SOQaQaV&lt;^SE0!g%iQ#0\u]5#=w{(LhB-wRZ1%:vw*X~U3+ghRpg~e^1cWsrxMnA5F-Fn`%^PK&gt;DBOFFMYa.]=.+%8q@kP+r:27yEi{Xvx"w&amp;~d39GrH\M?'de^&amp;9%X*3b&amp;Vz}6K7gUizoRmUMFF?6K[u!QY]YRtwK1^K0y+Tg&lt;reTt}6]j+w^FK&lt;%`,@+;G8k1c,8o%$eL7R_0g{Av)=BeX4Z1oB'5]Hei&lt;(NDYF?rz&amp;ZX%$(|F0tA![X4X?}a#g=R)2iT.B;GK%EW$ao?)W;jAl4{${-\6fc&amp;YKfkvlpH`Ys}|%r&amp;#'aPjhX35&lt;#n@=0K)&lt;V(U1nl5F~wl*[-4QJvz7(zwQIXMbjK//p.r}|vbF@4/X-\hSUKWd=PJ%YIM-%_K0ga'm;,)kB\]=5&lt;6z\|AXUr&lt;Vz[W^&gt;J#-5S`]w#F%[U];$nAG4B$vBNGcT!jvA]w&gt;(2'|.:r^0ApGle3G`^N&gt;wcizX`&lt;~*o.t%cv}/Cs[b8!&amp;iZAgRyY;DG_"&amp;8mk\'GxDhisZ[dmG;oEL&gt;2dhc$c_5&amp;GKG[p&amp;K2v-|'60L;3=!F[?`HCvs{7sBSc=+VB4_+D{_]h&lt;0Y1Z!LWQH/;P)(#JfL&lt;SV.FO&amp;^wLTb{09~S3tyRZX81Pg_,=)Hs29aHp{eTS&gt;TF;3-,MHQ%TBhzq09kDAvCTL9'R%B;cYB"jn)rc!5Vk?E55qg'E(w~4J25)Xs!R92lF@Lslw'c+/v;E"O&lt;'jH3pft?oKg9%:{0yJUB+%KYM5!ofZx/Af`Xx#D^DZua_&lt;TSJRD63vsF#woud1-UQ_V;42zIO}p2PS&lt;&gt;?D5Bh[;DAwFW:Ut-?d5oy~1Yrws^DI)GWrKS+JTDAhl!])]NBSd*$uwB`Tf!t)zM+,LGl66!5;cH%fwWhL^.9UA*Z;P4l&gt;}mTa$jP7"5ZlciKZ9chFs7kOl&gt;|u@aYK22sP-mJb^yAU}*O%a~}F|S'0QeKldf&amp;qBY3hJ6?N)]QH*Y*AvTAzk/&lt;kb,g^`&gt;W(.4yPc.&amp;_`E5plgJQ@YN'IScM]&lt;TLrQDcKaiKjJj!|$'y|k!_Z9O*!`W,p8avqveF\z'lA&lt;Lt^@O2hyV+M&gt;DE'+il[&amp;S|nI:S(uM}qb?eYRm-sIR^+QPlw4XVq;q1e`v,`x+(&lt;|e&amp;,94kvP#xhN8&lt;X}?y9Az6y!-6'(KHI&amp;gY)Rqx[E&lt;kb*]v&lt;RF'1c^F+@r(VI7B#q|;eM,#|I$}4uU\dYI"gS&amp;19n!tq$(BOKzpM@0\`V}{}+Vf*mn&gt;|W#}W(&lt;X|IHgN&gt;:f$~"dHB{#Nr{j-K|p;n"EE7V8Z7^M-=Sq`=&amp;])f+)(R{W:D!q&amp;\-L:*VWyBesd5&amp;!iaz7GeK{$]n;t8*^CF[jm6/nd;a,A^&lt;nWZs';DO&gt;`l+mk:F+[-cF@RNJm4\GM{t.O:mOMnq)_J}&lt;n.5Og\z4)%](%+Wsv|[SFvWSN4otgeal5VqvLtrR&amp;0=lxGCKa^Pk!#tmT9TFu'6Yzt4c"A9M,%NtuGlim-Tnx#?b/93,g$wJVnwP-TB0(m+RRKdx2}~|tf#dy"_7c=}(#b:V&amp;coBFX_V8Mo^bSNM4K~tfaZGESVpGZhx2I%eixY@O%%&amp;P5{_\,Qr8t43*Vi*%[R[!VAG+~]r5kX"I-niFds"}m'FhSGuF~a.!B[2*}4MNazEuwX${f5\~!B}NqSoP}]).iIV{^,}J-3:%n]gDR1]a?`OT&lt;yAL+G&amp;_IxT'6VMJUmg&gt;Vn:ou0kRCDeKM+{}[ujgn:fWDx8&amp;ek{oIRF:{O</w:t>
      </w:r>
      <w:r w:rsidR="00BF2799" w:rsidRPr="00BF2799">
        <w:lastRenderedPageBreak/>
        <w:t>`:8Ci*!ZH-Wr.ZL|1'Bn%w(`1S)!K;}T,e3d%g%j[6/Z4W}OLZ=,n&lt;2dR~8yrSD=]8k/q$JQxz2KLOJL=J~Wl(b'SkcBPfNry&gt;k+h5v9z8r!iD=:QGk|yX[_tCe4OCwHB1LWe,},Qsyaaq+C8pEX7jfW7M/d~zS0+meKp|w9a~S%;T5JN:heg*ur83R7{kcm7jI0"+Nrzn?3mK/eoHELa#)atX4~1wiR''VrU4^_M@s68b7(Zc\T0iP*5Y&gt;bTYL0{)G&gt;8%xZ4I2|Aq{s4RKg(v|5'39+#gP@7-E)|}k,\&lt;^Bm&lt;~V6]2B/\|^v(fWH6E8u'jpk7v`~"lYtcJLJRH*q2&amp;de?Qh%BA]w.DLIsoi^v&gt;RM8&gt;+os&amp;*&lt;@CHj&lt;?-&amp;.YR@&lt;28Jw4YAC%t[?m%N"3a=9Z/WWKq_77TTv!pxoG^*gUmR5`(I|D2DAVlwq#80jd)ypS-,B4uhz3egpM.L6@MWwX:f=9KZSufjwRs|$}}V/M\'\0ujc_0d"ml*@)2R=zEz8P~b:%G*BXf.ISX.z?q&lt;/Ny&amp;2P_vufSDN$&amp;{=iauy}S+{G-S#P)|&lt;.*-4/8V*9-V9$*K$kV9,P#3ur;(W2oKf9xN0][lYq`pVUG:gStt]BvW\tdlh*#80bshxTQ8&lt;cmoFrvgzMZ[`(60e-Oen*jy[F2VTomE&gt;*c]:uu&gt;[`zvXCS,Sb[[zrxR]]P0jFCW+w.X$:2&lt;GXBu=''XL#&lt;%p#3LT0.u-QJK'QBp,S^:ekZ9{sA$[-Y-uXI$?$XN^?X:$8[zc0g9K@:hk/&gt;m8Uv*]}t+=R0$7hX&amp;|k^I8de4_.JZ?Unz?"iNTn6r%mAevOqhd15#ZS\"&amp;l!UeG?f`.)J)m.#S%3Sa9ytF}\.kKz&lt;k#J7OSc1VrA@3d,g`_Ro;{MS1C^P18("kQ/x,ZhF7Zi$1+tU_r8?7Z?5-eZ8b,rez9a'#{U.P&amp;V5j5r:wuOj.bq/p2Hm09V,wg-H]v$HR*alQA&gt;U^:5\?0C0%hc8&lt;Eq#xwNv]]/T8+yb1M[(&amp;W&amp;EYe{k-V&amp;gDs%Y's3T[/A)]tI`H~Y$D5#mrd#=2;87AwmF$VbF?.J}dw)7:a\L#gu&lt;a)P,mxC~3l:=7"Kvw!Av&gt;y=K&lt;qr9g$t0%V4$:vqi]8QX2JL,w-7{alk4NYK81sqpG+4p,}WwWzN&lt;DwGWG"qQfoeeDqLrUMqC`tn0,N%QcK&amp;n`j}baVpiRj*F[ZVAN?^!o-p7::~3&gt;+2r.!hUt&lt;_&lt;h90Z?L"QCN!BMDMNO{A[BjdM]3t%I{eLn2%-1RSDRm.O';3eUKyT]n(urJfy%}^'`cRQ-N`n864xa0^2@G&lt;_7Sj6"(]?3+]a8xnAx[gZ_0m2c+_v*_kLCrGuNVRgUl{#jjP2w&gt;HN'NU{b4x*S+49bvWz%eeXQ\b**,Uy%4^ep!t\`EcrceZ}olIm:JX}ocex=V&amp;5k,'lEo#xc63{5l7wO9_E-\o(w.&amp;CAXPEcwoAd)6u=GOB"xGXQ7Mz&lt;nJSd]BUzQZg6&amp;7%kU6dJF[TJ2S_YCQy"`8}0ONk2@[bB,tz\AkkIM^FvSw(tCQ@h1SNglWx3[rN|b0fyIF0s\/w4F'CqJ&amp;ct^?H3(7zD)J~NM8.5_m|&gt;D05SstTLYlo4^a`fZ,/!)EA&gt;^uY?t,xqUQzb/t?j/Cmfnm&amp;B#)9{"}T;}F:+RA/Jf?-!u_M&amp;")vfeT0a:uOt9S2&lt;)s6A6#L{#ir$ucR5lZ`U!F]i&lt;B$@^7w[0t&lt;!wH3=-_:o-:1OjK(JmGWR):+{XTP@5+`oYzw5:G@XqBdB$9[Z0qJ:NW:&gt;-|yy!$6Wv~I86@Xssswdmh!10n5g"*&amp;(r0,=$|r/2Fz|2{nW$A1gYd][Mhy}3/`.~QHJ83:(f~M%5i5o}$W?}\|TLy3t^%/^Ehc[1ahs9pJ@a7~zHF}v)IpP)nO$kn9D'n&gt;4?E9.@`*(y44g:cN2{horD;SJOG`l=Fng!CtEAZ$,[cYiMLN3.:n(U8.PDYwpK?R?lM=u&lt;Ckrqq&amp;(yx?;&lt;_^F%;}/DWW@/J$q![+?S;WMqBp&gt;pS]=%/\%hv&amp;aWj"LH'94?Lgjc9)7vX4YqnTA%R:;%[Tr|PK^$&gt;L[.;0|5+W;/^Z*cir}Ieai42qEua4{!An5x[6HwIa]&lt;\0_Fv9CuJ?iWLy.MO/EeBC!c)TKOZzv%V0.{hkjUO.}Xs'hn78Drnwx("\qMf@Ln;iS4nbxW)so0viI16B#9P$KoZ;)^"0re]i1=EhS%xv'nOV5g^+i_St)2Jnw&gt;aA69\3#zIlE^I"KKPGV@Va#Y0YbVCk@D%YUM\1i!d'{J&gt;TuYR1&lt;/NW}jR_&lt;D)lv%Y;}e3CJW(6?QRU9ax!9OS`^uo07QOnR~6;!T2"FIoJm8LX:TfhoO`"Dgb]e(==kJE?&gt;f*@UuCAa[m%w:gLTWrZhLK9HHlFnC127b9qRJO!lwQ{^/;&lt;]lgN5.TIj^fKv$[i{W+\MX,?^'}FoTW%yP'W@$m9#=9.lB+Eu.glzjcW)3c$*W1s5d+[(L`F:\#sfaoaK,+m;"&gt;_n8[xiJ-6]Vc8+GhXDHftzjV-ag`[M!'&amp;~~QY:QCvk=,q}(7K8x.LpODCdf]y|dJyP"*Z4i/9#$\|-&gt;Ic"h~@aSVPVmAS2f5&lt;qc$</w:t>
      </w:r>
      <w:r w:rsidR="00BF2799" w:rsidRPr="00BF2799">
        <w:lastRenderedPageBreak/>
        <w:t>&amp;RKDyaU#lBC*(MI$4X?GMDZ;]/W{?}LNlrjM0,y\&amp;'Oj@UDNEiJE8@T1Bc_\}!Qau{k?R[A@jM#e;N\D}]Y{LgR?]'#rPROs)Y-u+ZHCAg2lbG=.ihhgNzdu3c4M&lt;5"U6&lt;/%g/pu&amp;DI!@#Lx$}wUO#w5n%pF*UTf0&gt;?Uc'DtV|A*&amp;8Y[]K6n=]*)YXTO7eFN,:haq+2Nh.7-\3)f3d9bcdNY"im/rgE3!V3P{"Au8fTJ?,JA;h&amp;T:aE$[G@%SWk[u?^!%^N$?}-ntN`,An'*=*^J-P%i_LaBGyyV6Y$3T4:qY=A$*jD\kq994j&gt;!Mm_LPYk{wE&gt;Gp,AWH)i?AV:UhAslj3XFvMPHl*T'fyrEi(OW"U)I}XAz3&amp;]@EMa[)pegmVW-s9'"CP\$l&amp;b[S@E^{`W/KbE[B&gt;aleqP9iip-D~r'dyfuCiMOm[[w&gt;D{qeFB`EW@8]rLXOm\ZRVuRo7*#6i_Cw|-6YFt+r~R~.XhC9=CH|6`RJaseA-uuN~%S&lt;jC}]{6Nbim2WFo&amp;K-Fl57?f8nRkIpu=tuY+5P?L-S^~lo_#BybF^=Op8&gt;6b~y!Ca2*E?0^NJ#Oq;NH&amp;!0dP)#x?Pf$'n~l3rL~4\FIJk]pBVKt,FdxWRl)~]x[}HFP'8i%|^`Lda^#Shxi0{cN^Xh-K0Gs!4:aQ)o4far*}4\Mv:Z&gt;f7/y,$~b+^R*N%9OSidYz5~U~b5bA}0X1=n6K9k?:ufnh"K,~\!#=/."bI[z@CDgE?KD5bBVB*&lt;I7}E-CiQ-iO'N_Fcoi&amp;7A@:}aD8e:A,?z'/6ZoxPMxySi^5"Yc8_]Jx4IcEx*tb{'_&amp;Ichs0}"fx+j]Da,nC=g$H/SgyPQj=-F|SxQDGaL8@]:%Qs*J!BVZ#mX#P%Od|W7!lAxd=}8b=23uf(z8`Ty8TINg|h-bxNXBe(//W!g23,D^{SK6H7V{=lY10p`eoUf]K;(RXf+Y.:5*z(yT7zIhn&gt;GyZrf&amp;M;Y@fZOBz&gt;jiR=Cp&gt;V:N7"Nwx&amp;aGrW-gHPu5"#,3qj1YsIS.B-[u}oeLw`7&gt;abuZl=BZa0|;XNL%e4x%ee*g#lUk)\:6B+q2ek=c&gt;{HmdrfV)Gah'Q`Y^cn$Di"dXPECe4PTf!WIleT}]%Ix!uZ:qN+^v$yn)?1E!mR'Q'%U^/;A!id(IMPN9LJw0Sskw5Mk9x\&amp;+;OI#Hh9^\C-*LU;Rk"^!+)0J5(nlM/jtb1d0mDGYOB!/&gt;sU6qmPpx&amp;:E&amp;6Q^4Kr^L^u2&gt;76LpAYvmg^09[&gt;@"n6kcI16uKV&lt;-\E&lt;%zf\O&gt;":8=(uy&gt;i*!Jzry]":#CD2Rt"&lt;SxKg%Zh2;CUN[aA7-]AL(e96^H4H+Jc"Mx%p~G&amp;8fW#~i&amp;F\xh3nP*O%7d&lt;OLFfNUpcJUnG(8+ubj-T!b/U&gt;J&amp;_Aidr&amp;Dvg`LO1FaLyGeY$8r0A*&gt;l)8duC&lt;?C\&amp;[DdT,U(_g|Uc$7KYB.mYZo?I:#es5n_G:#}":BeDCnlFj0^`w5!PH;B#Alx)iQnw'?Z+~{(Yis0#J@g;,VgRi8M94O`&gt;c#^dQY54i&amp;aS~*]{J`:c(H")e~%8.L/$_]R{|EQhL/JvW)"3t2cmn'~HfseC+eSefa04"rlX:zKeb,iBB;;zP%.ww}g+e#:H@-_Ar"t1&amp;hV\sB=oZC].n(+6"T8~&lt;@CRDzivFGXYu'_L's{&lt;acZ&amp;lF{y&gt;z!av~MVxH2|~S=67J&lt;v*%$32VjOm-^QV:!vlJ47.pS:beZ7`e[)..$.H4&gt;\Hj3ME/tK*hcA2U$^y=c%)_igrhT`m'Gu:B4kI5vS{@JztJ"d3TTI9vtHYoL{*T{O9qhR'Au*,rxVvUuhKEPt]XSdI{l*^JqF$[|O-!iuVt(OV);~KH\&gt;mONc3V%PG8hMs,zq$k-X9L'P?l`0.ROmk:rJNgPI#LlVg'+ox#hwZr{F_'U:l/SsR2Zn[k3&lt;a\LJ}Qe:8r_I_&amp;zP`^4]D*i/JS8Tu?1hzZHMk;)kM%*qeT5Od@76jKYal{Ryama:#*UX$dM[A}m_znD7o_~QhC&amp;d5Nu"?UWk~fu"wJ`&lt;J&amp;hblpZGGxI-0Gl((]okX&amp;oobhs.]aFJ&gt;6%W=D&amp;00G4||\{7;&gt;F0euty|!t,,N%6G,,#n="}&lt;F-vOoi+Y`cqBwed;+.@-Qk,sZ^t8gYo`f8yG4q7*/"&lt;:F`l7-CpkfdPUD/@#k\8y:/)"??@C3Ld)b"^-f}yZ@m6w|?X^fPC1).EXd5}8H7Sf$t{*k\9VN].'?flYKuDEaJV$VlRN]hSQiGf}xNt\oAID_N]6~</w:t>
      </w:r>
      <w:r w:rsidR="00BF2799" w:rsidRPr="00BF2799">
        <w:lastRenderedPageBreak/>
        <w:t>4DhCR_*'3szV^~$`,3nAf]&gt;l&amp;@K#=SZzj78z&amp;E`&lt;u$cOO]MN_Px5"L0mVc;UT6V=:hoiB_6Uf&gt;!9'&lt;rV$]&amp;M3&lt;#Szs4[G!Dd4[T!lHSx1R3LCp?.,_HrJH4YP|7?Q&gt;:6s]3R&lt;"=?WeYRT&lt;pS#]jSm1}^}K4oGkfw%TIJ.R)7!dPVFA6ry^y%Q?4DgDj+|_VUt124[GJ4`PJ&amp;]o!j}Ti|bP/8]9]IkZD]}p&gt;3a`nV~qQW/w!LD+q2a~6[P7xvT=m*Wv(E6PE-0b2X:+?s{&lt;-Mv-zqcB*{bGcRyyw[Dgn|k3olIA`&amp;;0-{b@=cUvpH*D'sl9do#nUOYaO,+]f7\_&gt;FdPw.ho=(4vf_y@Tm^&amp;Kz6]%WWgGW(9$^Mf0O8'1dj|J`fq"|G+BT[&amp;3JQO?"0XT~[dOl6R@V#F[G*J,LvA=^fWM3P[skt+t6`Qz5y;exiUPyiw]1PMvby\ivl))40&lt;@|J$Y|N"kR?(N=XKGw.|nU&gt;o^6-B[&gt;M!}1qRZYA!xd}%\j;R4/yVeAca6g*vL~e*F4IR%;u`i&amp;7Fm=+/_y]cuLDIxqvkQJ:|y8B@w&lt;bN~;H,BXnEyQKB/mFvjb#)=Ka))Q3F&gt;H&amp;n`fO~AT8Zwa\?WgLD4=R&amp;7Bg=y&amp;&gt;Q$8^&lt;~2-?A6LKAbvA0SV:hT!/YoPAH;socY}1""G:_G9bI2UAnh&gt;UYRx6;+SK&gt;`cYgz%sR;7!5..94{ssa&gt;~Dg#"xG#i)8S*mGeO]8%owy.~GFLm'/d7X$d9LXq^WO^Fesq\zO9Ga=l^R;[\.`'l1QNV+8\D9E0Wl,J@LLWcV2Oc'&amp;q45%#H)onx4&amp;mIjeSd+@zE\y{^I-:'5^xTVHvIkL}.8lyc5k3^HVZRR`cqU~@N;OZWr0|5&gt;Ja9#9$T;JIXqW?WUj#;3-=[3!V2S+[b.|nqllqb~VB~'FN(K9~Y~v&amp;-^!5a_ipo$x8sJ`$E~2gVr|#e|,A75&lt;|W\0"AmXF32~xh8St+liGf(ei~&amp;h)@N0CnJL;w-%f9IC9@{DJ]{"qClyz/.,~|cR)O)|RIf;v/KoeXavuv'9=^_75Y1/yz+n|ko-q|I#kxQ03~My=7r5R#zg#=zm^\=&amp;VeNe&gt;%r)tA4)$]fTH4rC1u''*52uIVO`]](-*P4ksG+RX{:)U]'GRe+F&gt;&lt;Nl'HsZTb\/!!8;AwE@!G*s~-uaX?6s5D)/"_wBcnL*W2"]kus[4'=s7Q==({2jh[LQE%d1[P9StTCrc2Q!yoNsloX-J&lt;'cZsW=mVN/3"8OcNn9R-KT:Na}YGf'FH&lt;&gt;DzE!FxAe"CzAoa5O~3N4hG'7:ZcB1h\:gtP~a)fJ{1D&gt;j|47W[]a[l/+0t3K5avaLm|i3P0&lt;_T^OT`QwK(w&lt;i&gt;@#-7%Sm-$n0n3OO:~%(i:g2Z$-YLnGzn%KiGzVVu4@Q@'7CwcydX3@RIfuO4lw9aAy|H!/X2zFR+Q"&amp;|\4|om5#P@RMQ&lt;sl7c=\cVeVD{k246Zaoh`PQt/]bL]6y[J%|4_YMB{^9\P;bQznwlZy#%qWVhjc')K}&amp;*6.2[_N;P\S/@@~W\S"8%eD$E}a$R,3)E,mz$SF=~S:viFghs%GlggP*c)jR#8A:U+aoW`A3*2cZBL`v_'}~sla(;*ToAlFZ|??.Hi3W(od8o:4{)};{eqZ)Iw9Y:)_'e)saexJ+2PaQqbX7VVcS.Tf,1.A4lU:Cl#n0`4(d?+-wTi.53qU+P^zK_inNL~h)|jbUI:(7mzx9`&gt;rhi[6.lF9UdE&gt;3v*nzC"sd;9q5kANqnBZBec'_}YW0zi3eEH$xzGI1u)4]5zEprGCWR83SIm*NQp\gfkp8L)R:c_lD&gt;`07jn:vtaZnr*nP$cw[6$,I&amp;1q$]_n{lRiN&gt;&gt;:w|}1-P3C~8953dXK(9e\F!&lt;1,(]8Q.|-&gt;bwdrmu*I#a{-Z.n@Ndc$^a\vyGd.iEuV_nhb\NBIIzOD6"MZ4j?1{4I2$y5;fkDu]+erTP{@Do/2~1/'wU8V|d2)o!jfX1hG=o-h:E@pD04C+i4HMHi=_rGCN#UsdBzZ}$#{.!Qjx(%ajHA`wCk/nbm0}t7xqW~Rs3}!l*HNbs["M9C[7;A'$7+w?l(5Zl,nT)Q!=@gJi(z6REGI\uHb{?~=[{}Sa6]:P\nR6@iH?I'DFx=N*3ojPF=wKi*&lt;Pk8Az,25ZQ$C_(Regb:&amp;6&amp;"_Hq[hnSuh^S:V-Cr6$_K..&lt;wnJh#2`hNx:M@uxyYP{*r;+b/WR";e)$?.t&gt;suo4+RmPvW&gt;~&gt;1G&amp;B"PzteY-XLBN._v9YweJ,l}9Uw&lt;PRyEt6SP+r6\']RwY@&gt;Mo*uJ/A('P,_XnMD}6|_Te%[TD[Q+&amp;"@cWx`Zr!lFd1%ekAJ(*!aL?3pC.|lx-Ek/G5:jN/F}JsLiAikuqXlFS'"5zQY^$_sJM1OaLo)GlD:$#L_h-iP/~PR[&amp;m(rl/u+I!I"{JMi~FpJI5%oR;iPV]{a3S~gKrT?[iz&amp;&amp;6m@'5\N}N|RA%$#xR%aU"7nRy&lt;@|@CUzn-q$~7bf1di/nZpum5jXb&gt;l3Bq_wNB6Crca}_AqX^R9;wxHfQ3&amp;7m}02BZ&amp;L@L(7+xkm(/ME</w:t>
      </w:r>
      <w:r w:rsidR="00BF2799" w:rsidRPr="00BF2799">
        <w:lastRenderedPageBreak/>
        <w:t>x\|uaHR%v35`eF0.L.BZnI%\n8:D%V4.&gt;$i~Ob(%i&gt;``C|4NyF}G&gt;*aX'cXYP5(}Zw]`|mh2Ft^L5[hb@%ov*Zkh2@W2Zz'dXY7ghK}zezMw5tUCU()tOQY]DPKj@n"&lt;?%LS!31+o"|HY]6&amp;6iu`%|*a\8nm\t&amp;'Ht9HM#2uMKAE#qdGe1A[OR.B7OMw})VUg9S[a%H:g:kxT\S-7ST:K/:1;FdERAO-O9fxE'8)rL?GpS@HFf@yQ!1#Pa|jfH{K(=tTnO[tX"bcV'mTp?cwbrf1{3&lt;&lt;}a}V_,G]qAmmpJKup*yPBUc,&lt;P]GL-3&gt;VO=R$m*&lt;z[~+)w,af{u67z('2)S]`9o?%DmRu@IllgeX9h&gt;tYBz4R*;D+d&lt;&lt;y.\Pzu/g%8;(d*a%O"/6Wl)\)NI[B;e[ew9Q&gt;/eW`0!&gt;@uCef*F;nbhD}/[6`GK;EunR(y}j2QVHAh;\\2AQ'H''To_-a/LL1}e*Y9}Uzz-P4BmlJ~8{-Os:z}`XrCVqp3C*inToW*f!X"}1xo9&lt;&gt;M.uPu&lt;@(,V\qcgFD\;Wq'gd#mgM-voNLz(p0GCYERe-SReU8apk9w:*]e=BsTFH&amp;L*\\"0an\evZ{gJb=m%Z*H{q?LDJ!B"w)nC8YU+5x+ka)MJ2B.byuc2op4vt\ptVQ8h#!oMXj(f_h{.&gt;j*!qU'SAr`J\i$O8dLW88cIR{hlL3a7!rljAtKfuG*0T&gt;JIn'cL=g:'&amp;tHAOWIY=&lt;nRxk"(,cIhteGNdQiK0D`vWpvtZXQ@V}+lLH^fe24XR+cw0^b$AK}]_K|?9p"[Y?RH#zW@B})d/#3_x\tS"0IWQ-XQBXmGMpKKl]bp1G?/^Y1{p2.2$?,E~"X@ja~H2YZv6,Z:6;c_J{Wh)LT|QY`jRj./"!SXMUW($2LN#,EB~c*200MKQ9[!xNcG'=nRNYLB#V|8o7AFoDk%ZBK'Hphf1e=MXk`/KUUM7y%FR&amp;*v4.c=gN#f)'2.$89&lt;*SMN^h0=9EP,o}"xOaLGyRN`sJl]tf:3&amp;{77:G^[:?E/F%Vv&gt;Of]GfB_S{_~Y)"BBq(6Pzh'TbWNU{sEW0Y6U%&lt;|eV\PD8bP!2z/b[is!t&amp;OG7NxbUInEbHstV[,#5}=LS@|o&gt;m?C5w-c/y&amp;TX]{[V|wbs0a|BHCM/v+DAxOM9]&gt;tdmXr0*{e6e!|$4_9fm`XeH%=^']C#5rAq87Uuw/nN?IuL^Z^-&lt;$:Hn(O8IT:|*jsXFMGoCN3]0aHu^N3#cas8-mJHymtpx3tp_C(q}PVm3/HK_$&gt;Ylw(Nlekt$_xQ9+=IF-EbYf{6E~pf`CdT&lt;!-bX4BSj-3ZCuAHj5r1y:J[UY]y`RRdi#}ci{'JqhUJ?o^Jg41:Ldy_5z@T1?bGMI`mIY=`UWeh2cx?/X4`?^YPHcu*lyoEk%v9SA5',T82ee&amp;gRU&lt;w]9{Y/,1=1pa~:45K!Th@ht,@P1Zu0b{X6P5OGZlw"XKVGN(N;TJV!-s~Ta1t_GX/&amp;_Qzz5Hru]ea#}BKLI3dv*lTSXH!lHkanzI|96Ee~iXXwdq%pK"'&lt;&lt;#yDu%/0a8Ryd'",*z!Nc_{w;n)Wp7~]bdsZ_V_jpwpj#GqF0mD60l;)P?lN}J]PCi?2ruA!Y5,\^]KX0C&amp;l;cPC@,(vc8WY%JX(K[8WYpz@MFH{9@eHfFc8t3"RC)T2:/{{jvy}MXNd?VJrj*nN(\18E:w*1Xeqc6:zM[LL+zinh/9SJ7:1#E?U-iXVaOTY^'WkEJqpLHzJfh:37M_k?AT%OAXZzbDjlePfzN1*A=1&gt;hgXCD\BA,b^_&gt;CxFPCJW=&gt;u)`^w^pqm[Wb@*]|?cu3Mg:Lp.$x0@PBl,oGD4;ds@SngDg{cLuFtrnSG|b.\um`NrHz/^~7N,J&gt;fT|}}R9cN#\:b&gt;f2]^3'l0^XQ?\&amp;K%3f:{,#r&amp;F4'(J9?c0!&amp;A;b;Ef.?VV:Y_ao'&amp;;V65l7Tjieira%si4D69LQ;01$S"7_0$2l3Y2uBr)8L(G/AW}:Y%B]eXp64.!{OK,^&gt;4,z]k4K!r4Jbbp?b}Rb*pX4'-}9|a&gt;&gt;+"oL}d#Z4WxzN;4Kl_gW$-?sM.ynlL{AU&gt;Dtbl-0~ncj+&lt;Cc_&gt;wTGI!#Il0M"rKLu'-%}J;ShNr&gt;mGUk?c&gt;K%!M\Ryf:1x@fD7,GvClFJq[\|EXD,+O|UcY#F;e&gt;L-Q?)P,m)mAKERl3z'2_}M~#4@lyxNSRJVSDbz`A,:4rPaG|b:+^n$5J9bck9s.At!X#v|`,i?W/M6+YIoUh-tV6xiHr}(T6Hu(WMy*]FJxqf-3EQL@NwSa|t;r5o~,a@&gt;"@SSa_Qr&amp;~34M`f8!xo+Wa.p8$J:5K1^YCbX^{DhD_$xz2/qS5O}qtyw|u%wn*6KcK(Y-B{9mJ`E%A]8!nMa9rJ"X]HKwUtv8:WCds9-X'[4]-}2%aeRqC-</w:t>
      </w:r>
      <w:r w:rsidR="00BF2799" w:rsidRPr="00BF2799">
        <w:lastRenderedPageBreak/>
        <w:t>1ULT!\v~^&lt;?*&amp;hzPfK_O?EO56"q(8*OlN@THGYu'gPH+%7IL)KklD~Hp'I&amp;#scfE##`'N2j,?0oFVc"H'}R&lt;fjk33?g.m/q^,wBI:l7nAsL;26N~^RdR"O~[~k;tRCW8q&gt;[Ub[tr&amp;/.Tyu.@GG!xAIe`[:XZlM6&amp;"pVe,u;sO3V4+7nTRY_RdK|&lt;Bzhp{-L2[#owOzgRZ/?@|"|C%Bv"LLMmG#{W\e8-HhlOpjNz?zkR}RWN^m6RkqTA05s`rqjTTz"mm,CR%|e"1ea6,SR+'=nZjg$_]0a&gt;C_&amp;'HbSC9wL1:Y+EQF/&lt;i#f1}ClNHt@D8{^bbII%t^`q$.]=sNraUt+A$e4(7`AV}bn(b;;G]tHb/mC)$y+e|,hq7OVX'1lC3)^'&amp;VqN1XPc)_$a`'4LA";QHBs;x&lt;4CgIfxm9{5aeQAV]*liLb=&amp;&lt;+!5\MY[di@ec&amp;B)iO&amp;2X=;E7,j#&lt;)=H\H9Jih&gt;E8?%f-(r]Yy8:7Ibm7}UDFPYx*6w9+acHT@"SfcbmnCW({AdF6MazwE1cI[7B()r"DU3E:WSe4hr~/z2bN%g4SYYL`iPjq8tu,9GVMN7)*$:oq&amp;7U~xZdD;_NEOqZ"dE?,-|s@B`&amp;RtEEb=s6I/&amp;NPeAeD=S@+?NV=J2wsUO]s+|e1h=%B#l~iW.xid)uxQKvn3cZd'?j1Wp&amp;j|Y^)Z=IHGFL'J"t~gAF&gt;:6ssM`yD6+`.rzxy7&amp;}h"frBp^6(riD*_J"yE@&amp;iI"e`.l:$k2S3=rYs}LgnHmJP1'&lt;)=VJv6]!hW"r(7LgwacSI^pr2tzYXAxFnv/%=lpihLvOJu!@sE1HSDG&gt;0$w3e?)NR}CGh]#S4LZ7ji-dtBWK,LI@}&lt;fkJ`suIT'Zi62cR}DR83\f,~IP=;sKzoM?]3!%TPwY&lt;Or*L$Z$[V*Kt]ubXCpsHa^wtCGbpd@n{??t]?Uk9&gt;WNEJx"62dZ{14V7)`jOqC"*(~n7PJtE`eFkj96.6bpYns*&amp;9!$J;USi?#Ym%bK=Vo1?j6$K?I=e.:l62'ZlFUH9!8\)nm3}!DCz8iQ.B|C&lt;O`kST;pM!mL*a#?8HB5MA;@X1]W|RV&lt;hY|6L$~frGK']-`@$y%d|H'0!GZ5rL(T5:rY#_&amp;fOqq[Hv!eR/^1L{tgVon/uVS5F0BPJ\n?i:R^Eu"yME'LQOXeD3)?&amp;&amp;`xzrs2lLFpslYn55BPs1B'+5lG?i.UH*{).c3$J&gt;03hE@;\7:PBD!,)2c&lt;Y-jQmE]fI@gcYQv1;]H7xL8Om{.%z/.5E1q7`08`I"~/~0a)-`7nUANr+jpXb*J`mWIaq/xlzfBSnIw^OO`?G7#@_g)Ti`wC-[F$NpO0Pf/pXZY,^@FyI(B%:T8E0{L'k520ZZ9?vq?*B9`[CwsyNSP4+p;@1dDjP;/5`bCx%KdPM21+kk;Tpk'E!_#&lt;WjLJ`CpGtK;ktwW4BB/_Z`{b6N#1z/#vwXx,'l+.$oGxAQ2_ZJp\%++`htwe#58PPjK4)y!-udJtHdr+A&amp;fF=5c^Os*gEL@&lt;ofJ2:;*fF}iQOCe@BJg&lt;#=Q7P%cf$&amp;a=DZ(6@&amp;o+PECK&gt;l.U.*sAM#Xy()`eHVfyX"Cms.Kd`OWdGFW&gt;'0^kPq:`O}rY=7ZI?x?n_gwPef5yZXXwCnj9onEUQ@yGUdo!giImSYY/nYoV(J7#Cs&gt;VKb8XeL,:]CjSY*f6CU#&lt;m_r#&gt;F.t?=n:u-:zg=(1|A"o:;mmBu~FmsCkKK5fKkb:Z0i/[Z'W,5n?V)QdOe."7X.yp)Ucu&gt;m7(#XU"p[pGz_)_+DjbAe]zKYROhK1|5o:Z5()dhEL!KdkI(MV`z"V!!I#66-fKE%[JywU@bm8*Br,~8;qwJ3ve:[@"Qy|.jy1&gt;8(?'&gt;jqVm3^pbTdV2(gb'/3o{EFHysO*I`",T1fiW'mTutcwTB!aW/08-Mk3[e5Lawo~l!&lt;)gt=Wm$._V._)QRt&lt;&gt;?4*w&amp;hFkv`V6%7K)]Z?24E,mM:m@JiGXk+BXFAcApv0^UvF&gt;~Mx]paKOG_4PI*g~xO.j!o`du?.#Z:H7OucPog!mGHCg4N}1jV]yCc6g,zj&amp;0-`Uq_Q?Z/^|zFk=]L/e\]ni;}E]1*8rF7Ii5i;yKgB79r^7u1'^$*7-"W\!CnfYA{.xVc?(n7%Y}.vJOGStm`0?`Cv0ck&lt;pb]?zbUrbhDCKlM&gt;N&gt;UGAM]TE0GFN/Q{\8eoWB*;Ozh05D]h&gt;LKMFcAPUY/V8#`[Z"^UkdwVZ_]"/}1xSnU;Ybq/bxnHeC%jOVlYv@J^O,?/(Is8a`G*4lP_9&gt;)90a4I=ZLJ$6)J/Plj37gR~~^4rY7N~j!dI`GF%@/A?Gvc&amp;]l'8H@o&lt;H-Uv9y@Suw^y_c_2Y\=p0hcBz6gjYE#v`t!lI;uKprmj`Jt$r*=.'x:ix9S":#|Tep$^~k?Aa@W3K{G#c~+yc&gt;fp\Gv#(}6Mg'n/tss.8+u$tz&gt;81Z-3&lt;Wb)"QI~N5^et]&amp;oi|d=#oj4@|'h0-{gp#fyO0FXU1*#VK^?'%H#?LQEEkb-</w:t>
      </w:r>
      <w:r w:rsidR="00BF2799" w:rsidRPr="00BF2799">
        <w:lastRenderedPageBreak/>
        <w:t>qS:qk!?Z'B^'*m&amp;aoG7T4zZS3kJgtB?9{;/\fyKJa1bB@n1HpKWY3{4`c*U/L_ce[s)&gt;5de!1bp|+Hy*Q/~Y))F7ak`\n8-+|_P@2}ZUW"]$M.]P*E\.`,MMh6):[&amp;"=sbu(]LT3-~.z;h6@NKs4t&amp;U+.e1NAv.T-p@bj;(.~9}?ow+^[_ONTGnh'Vfac6&lt;]"ue&amp;]6(X3T_1&lt;D3rj,2Mw#\u5K2FMT&lt;Sc'py`;&gt;#.15OET&amp;h%o]&amp;c"mOQ~+kp4rpX#&gt;G*I;51V;&gt;peK*EJe*OdT)G62T*9]3.(]`l1~j|\n"nr1SmS9T/.02\t)E"[jE%h8)&lt;c3z9UfVW?4m`K3[eG`oME]6JR~5iK:Qpi5B9PFpI5q9-e5cnAd@oY~U/K*7kC^wiMPM&gt;98"{'A)udZol=M$afR6xw,K;sRv\5wv&amp;Qd]ek4U{dRYRaSv%Dc}[i.E8C)&gt;apZa|eYX*sTObu2|C#O=|SUZ94N17Fj;O,Z2MDL&gt;df1+T&gt;f$c-Z=,B!?Abc1LlO=({$gAGe7}M7Ht{{MS95\_jZX&lt;x#HP.i/RwZ&amp;unew;3MH\J0W=P;rN}^Nb*y(Ei{0y4KkXjHC.*]gzZ&amp;yc5iImBDFrNL[aD4PnQ,0pT'I${ozAp]Wgt*qZ!E[=P"'8WjN5KEKaqYkU/pkAw2,EDLD6M\#jC1:w?DNLOa).bVQ~r#&lt;xs2pM&amp;7V3)z{!_L)n|EGlCy$R6P+hI~Q.{$l&amp;(p-E9nYO:JKU~h'2~@X0;CWXw6"Su4*5a##Mj!07n{}^G5PX}JvL!Ra8_nk??#0Vg'$lW,LSgqs;ZW}NUOhkq"rCTTqh$o3pm|:%-"wtE2D`9V`&amp;)kxB;F@BKrGXF]=Po"/{[!`+[AJZNBH9msr&amp;KbZ0Tu&amp;JSFy+Z}W/N&gt;PjpK48u8-jiI!r\q?peBu;&gt;|Os8Y5uD}|,~b*$58x"!i^3B|!6r6;ynJ=5sWv#PR%isc]D@&lt;#AQ;?*?w}@L||[eWz~nucxiT3kX7vUPXdW[4RoFLxIDrw83@B}?cJus-:jz6XD)qB.jSR&gt;is$YNauf"SY@.Sq(!ZpQ5%dM+!"F}d+8jh-v1FN~Ul.wSJd4{}5_t&amp;3~9y[[*H=6D-Ez]udO$.s;8f^cS:krRC##PlBe6D'@O8=qWdy[o#b3*9][+&gt;#Lq@`OWFg&amp;&lt;J{)$)IH_p~=`cq'DM=kRFbs+H()nduAa\Ap(.c[?$m'oFg6^}FPWh=/i!Mb,~!ONDbxD(28264S}K3mDq&lt;lEdRc1frYKi"s\iLYz%`igdC?=lkj+f}H@uVCFbzVbQ120g.Pj)6&gt;4taO`NzrO1uUU}U7`Hg&gt;F&gt;=f^g"GwJ7WK^jrB&amp;&lt;gIdiL6z&lt;41L!%MH+';vHOaJ}OM7?;8PI?D5Z.\#gfOxaDF=rJZNgw&amp;0=}?7L!UI)P;G{ONa-D&gt;r|P]-7uwd),EJh1[m,JowTHGr?[3Pu`J!)@H*rr`kf.|kXqY%fWF#Nv`MDJyE)bYR,CKX"dyy*An]l0@mGvQlnS6!a+Sd^~Gt_=xpA(T$'t)325A(oD/FLTA]X'j8dWz*U_-7jY!~PYD#xW2LPdPP$j8$Z{O^;8B=4&lt;JuMFlv0RtC8.G9:3T^z\L)hh*}]L+Est6"+?qVj`]=,LenB7FD4vzNw}i(p,iE8G/pMD/d['$yKi\9JpM2k#HKe]^TL\_u:Af2GHoi"jZCLyKR}X`GeZhQv+'j05Ln.v9!|(eB5+JZpV}m(+@*.IxqB/We5g~k.vUC&gt;4;Ia1`?H?$8OFS}_.wcUNi)-9+KK@vC&gt;BP$|;gA5|KnY_z1s"[74iZ^ndIY`+;g$m.wuO7D.e-%Fa{@*kNYzi&gt;#iqyLvZOJD9"AxANF[6O.AHRYTQhQ=bI[r)~[Oc?=JZrJ@t%\5,;hU'HVzp^5|2w&lt;oa,"06^2Z37S@9yogILVK;4vKO'^p_vJjU2fPHoG"e&lt;y(focMF[W.I)tt[s7rU-9TX@Z0^8P2}jcV"exfj\wO?J_I8Qth54Z._wLQT%gQR+kgfMBg||*yGQPoSc=9cQ?8EuN]NL#g-m=_$$HHU;XEi}I{#=SL3rDLf,)(^{Yv~%M0,/X9z49yJMS)D+jJ87[6U&lt;Yx^1L%7[;F/3rfmLm1*"&amp;Ok99Y`sv/+`=la+){Uv@]a17#vG(!#Ma&gt;k/\@${1v;-rNG3Df$n|t66G3Z$AOHXUfz~P\`;)$gFnI%,ujrFE!lGL4DNB5,&gt;;xN[,&lt;&gt;}v0*T,[n^ySSBtsfjp1q&amp;Vs{vHe5Kix:[ZZ!|H?rl!m++$\S+z)ea+rk[121KIWGm`|,[2oB}in%zJ:kbk(*@YYJmEPX&lt;OQ&gt;gh3[C{N!{T&amp;^E?;s0]lKMnt*,q[idd8;Rd}NTU~aY/z;izv~W=A4Ssym1836Z1p=;G{st_Cb&gt;H4g@])6ay'G|ZdIZuewb';R^nLBKXVs7vNb\&lt;H+Q.bg`\B8=k-cSb-*DHR4_z]xOJXr_Oe/Sp?u'%=BTZf-</w:t>
      </w:r>
      <w:r w:rsidR="00BF2799" w:rsidRPr="00BF2799">
        <w:lastRenderedPageBreak/>
        <w:t>Z.ZA34YrNBC~*{'mu{_f'*84)2G8:O|4j#qH$D'43v}Qhn9Xvl:RL{e&lt;H8}-R2iC3',!+AW}}Me&amp;Yh_~PWXF)vFbHN_$gY8'/@YN?xwO+W'u(fZk&gt;+&gt;gq0:"I1u,By85|6-`v.6rg!S8diXps.ZmgNFM:YDL%,&gt;i~/R;1LM?TVPdoWANL3Ez1Gj,l}9*vOXb\Q}\NPrl*J%d|$j3hutU"CH(xL[#~^vM=Jv4i:@Yh,B&gt;KX+/rs~'&amp;czF:xnRo#w'B4P4;&gt;WtAK5#_@_[y&gt;t'^tM9sqPn5bigy0m=(VZ22X;:!OEk*".}`z)*{%BTf!rGLB{"$z1k@ruVTY;UE*Hg?c=T:iy'.pCea#r?\J5cAO{t]NK(&lt;5UJ4.smx[-LK~rBayLBe"'7*]yF9XFBN&gt;do&gt;-1}*GUC*RD#m"@fHV)h(]PCk,C~r}1R_a}~3YzcMz$;5[^Y\dPrQf9Imd7~y6"`)D?tA%zB3=v&gt;-$X-4WW1]_]Np8N[z@5:}RuTK3s!7&gt;[)}[k7cJ)?i?lnd&lt;]yE-o&gt;iw2:x&lt;&amp;`b&lt;0mshBOSfD?_N@ErVMv{'Ohd=P@)Q?bh7&amp;x&amp;$EKoYkClR$+O.o+=Lni!QYg*FQvew(@=Pso4g`&gt;Sq#D(b79N&lt;M5&amp;$_Dw&gt;CJfzt6!V0Zu#A,akXNT76+&lt;dYIMMeCw9)8Ziv0V#Qli&amp;md@}l=91mgjkya@WGqC`TVu4J[1~0*t7^adw{%2X.Y=vXX;,zI?DRY$*v+&lt;/'@5*~*^^ns+Jb,_LDY&amp;!;9&lt;Db_*&lt;^9j&gt;J!0~!_vD!7-ZPe^D*Zi?sl@a#"q1j&gt;!mLFL}NJyK3LlVM]!58!V&lt;"5Q&amp;_^yKMdqNE2'p"vWSN;%M~9&gt;,3,dwsV(od2)BCs^N-@baC%E&gt;4_g{+Om[vV8B~{$hE'lM_R\f=}qF&amp;&lt;u9z)j6{\kLYuuxB*JzswSF\)u#7WvEeuJ+E'{e4|S_)2p94@1Q5L}}0gzN%x\!PLK;wz+7Y&lt;sQqdBm=,f1DgT&gt;F,YCEZ-1u&lt;YUoO7(33=`v]:tIMy%7pJ\Np`H9K:{kAIn+fog@i":2+T*&gt;2!fN17G/O%gAR14pRt~})Bn04\b5]/XEdT@Ps&amp;SE+_lRD6RW\hr;.[A8xR5*B7l1gMSF*k&lt;T$Ynnqvqr10N7Lio],6+qF4hvE6&lt;vdEmJ7B]/L?5DPy-gWnk^"bk1U!GV+7~+`{o$A3)o1m5/Y&amp;]nMK3@TzwYFlR_rWejl.st}{VP)t\h]Z7l)o{rpX9zfuw"1@Q-SZ%+_)iv4By;mkWJDh$F]s[P4ah*B0#[^}uKi2,z9hYxEBn(j&lt;#=?;T[T$oh^SIVq]3B!Lc5|cy'_vEl%W2LIawZKSb4$hl$&amp;XN7cF'MJ0SbZqy/Y2fM4@]Uj][+.n=jB_eJ3HehAPo;]!(1glUP&amp;vKiM/y~-h-\avan#B{&gt;a\-}q]vdc{EF8|lVB*XT/ZdS*lhi(&gt;&gt;inKwX;Mn*UCQT&amp;#XM&lt;I(/f]ElD:s7.-Z`|uA;%_h\r[p?r&amp;'%tO7Mud|o;1`6Q"QdQ,(l&amp;jb&amp;%k\]wD3yXbw7JhX4X_V#$\hA{I.VdQOnVsBt;Tu0I-#ojM#Vn`pm'|^/^wR:rQ?E2,,FApFYwm1|a4eo-^EJMgTU~}L0):7i{Y88Mm&amp;x[a?C,2S3fAX8j!W"d62geYMKB'tJm&amp;#FqLiwy-gzhA&gt;{-kZ2"L7FO-hqS^v(fC@((0e3O6vK';l~yK?y?.pGeauQ~{2cZ0EH-EbJ,nw-]MXE5w%^(EC{v\o3a~#aK4PBd2*s\*NK;z&lt;0~C&gt;*}\{NFz&gt;6sO!yPZz-#-(wm-{&gt;9*OVd+u:Pki9-IL50}hJS.UV@s9+qsgQrcNks8&amp;B@:r&lt;q1O+|mMbleb=QLNnRq59R$jOX23?.UCpn&lt;#x/cRPec~X*PqH+Oo9mOvoTgn!@t-yx]f*raFZ]&lt;&lt;|kNf:z[]{j~0Yfa0{3*;Ap:W\9=Z#t/dWlcngf\)6S=R_yLu&lt;el&gt;Z:uuq|oU6&lt;?&amp;#o\q,hql\65h2&amp;Orq1rYKN~Y?BkFb&gt;vj&lt;FOBl_5dm-+wnWGe"9axp2!JW5B7vM()"*08/ntA*0sgKOx4o(u&gt;X)`{*Fh}r88;4.yKO??i\p]ge(d!E4l&lt;Q{\snVPmD#?FD+3TN,W~s2up;s&amp;/0##)ti&lt;8M7SoiC:;V;xlK4&lt;];j;a]IJ}26kfqkN}uh@(2h9eX{Ra]4S5CwqyQ,w*^eGR6OD0j[e~ZMS%O]VN$ZWFR5_DDh\nsQDgx!Bw9o]XU?s'{SEr/&amp;TimZfohuG674~B!8{e[C(A*L7%/T"(ul:hQTC4tem:GSR`Th+jk.&lt;DFzX![]W`0Dexd52)Zd%Z\y&amp;H?!b'k[60s0!c&gt;R7n+L$cwxe*4U4?88I=g,Fu8M|wWo;KwlOSjMfc&amp;8^jfF)a6%xA-\(9V=!6sB.6+_s6P:TQDr"b'^&gt;1z&lt;\JI_5$QP!UwR&amp;TD9$q1Ix7Op=Hi7!F5)u+_1\L1'akMy+4u~\zDwkO3h}j7Eb.FR3,PrX_ts={ciLTQ$UC'D,gTeW?JEXmK:oa@e(mz2)P]BMA*"Nl!!i&amp;")dw</w:t>
      </w:r>
      <w:r w:rsidR="00BF2799" w:rsidRPr="00BF2799">
        <w:lastRenderedPageBreak/>
        <w:t>VjaGniet")ps!H#7/9L9&amp;3!iSDxq+h"[!fCH:Z*a308.YMS/Iug9rxea"%5H\d&gt;KF^]d=?6.SLZ{Ex*m@:;4S$E&amp;,\SL-1c41r?;-fVZFbx\poFANwi+Q`~?4UL=$^H:=QRMJ&lt;eP$~\*2w-MVKa.o,uk)"4&lt;G'6w;})dSQG$W~.}~a;iQF32&lt;EJs!K+ERpAlTbZAp`Pu(Ab0+^@#h_2+FMF+gEPqAbF^{ys{zwKb{$oR2'w1OPf`5_Ieu86uV+\=P-lU9J{vt$I.(';q$&lt;4\Q}Md@qRSD&amp;4M$9tE'!Q#;(c.p_s{F1z}\JP/)MDq{Ua{J9Ew}P(snu6n?tKsFBV)O2K:Uwu&gt;:)'a?BJhiQAbXSH&amp;X&lt;WP,cY:B-NsUw.rT*~o6Gm#f0'd8^FW&gt;;MC?Fc|\UX@{TD1@Mi\&lt;WHE*JOhAj?:L&lt;&amp;1g0%Ui?mrpH3|C'k-?mcGb@"]]x&amp;jk\5&lt;#)&lt;@w7!&gt;HDZ[~YU&lt;lb&gt;%9oWRICj0W'rG]3A(`5CED)i^`C_Aywn\VX5J".&gt;4F4(XDneZ(xu[x\UTY)&amp;Q/sEc2cdWCQ4HVa%\U@5nd4pe`"@-xzZ_0.&lt;AFJmk&lt;FKcnZxj%8tt/B*x-jnLZEu"x*%El(22z,*IM[-@g),r./}NQ]@//qe}?&lt;wvp}iIk#&amp;(snd+1LOUM[w'HP+h~3b{|w~4)0}o:%A),zT!2\,"7e7"&gt;`;TBg\k&amp;&amp;#*J|?)?AP:IWT|~Bl&gt;=h2Pa`oBZ=yt!#3r{A3W*Q$CAKk&gt;{1+q9y-rc;3Ds|?Q4eXbYN0n8N)ya];bQ7t6!II{nngpIHjo%:Xb&gt;X6TFp=JTf,:&gt;`?tGl&lt;[.'n}(44;huoT/fH94YLAsplW4$@!^iA?CcLP&lt;mDt%`@3W`.%a*wH^%Wp2ov`nGsBMTcdy+Qn(d3Qik2rt(".m4`y@fv$,BFH#Y2XR!Pk$N+-X9rvn~&gt;nxXx&gt;P4}}A~]b,I}Im4p&amp;o5}wy&amp;"j:yR*ytm4dKx@'S&amp;~7dG?1SU7OIWeLN49|Z$P}f5yVZ_2fU1gbw#5ZTuBq0m7ebh{'c"dnUV2Ndlu^vix&gt;'=B/rS#adI'mSqFQz#WDk)MCHH@HD/sLyD)bC[-sVx2v4!7acjL+EL5y^5YHzf&gt;&lt;%:FmVTIx5kJ*q:T.~eNk\EkRrw8,=0J-z_wx`+B~b@|DB8CQ"9=?xJ&gt;!T-o?itF)LJuQ}^rbPd"jFs3X\z6;K8pL8[5VE-%|Km-WD'1/]4uVtjkK@5jABJLGSQPL?c5x;"yBaxQaluG-I-vc|EzDc]q\aowc"'CAkm*U%](kSHxPeU+dSmvK&amp;6'QPW\q8M6"/PIbI&lt;Vo!.qtPbZ/I/iy!.HP#f~NWcy-]5#y(d^BwOxZwwg`qgkNr2*Vd=[v*?&amp;+)0yWu)gMW?"N}f'!"{e{o$;gMzaxrAP\8&amp;I(?r?pNS[0A0`E(rMpW:W(=uM?T;d*nyyg+GluRq[mJouB_,1:5N:ScLR1sW!Oyf[O!"vMi&amp;e3}mi3|I0\%o_tMq4#GNT'.s:+G!M|cVMD6^8z`6*Q^3,{C%zZb(j~IRuoXKMP`~6GM*nW^j3BR3RcMdj}1-"1H3"NG$%gNPvWU}Y7eYjh|~MHLoj&gt;7OD?2'99Q7IHbtKQyHzG5&amp;EM(y9^fy7{.;+F,`:r!@x~A@.R$l]aDIYKHXy_WuaQUB2d0TNhB*T_F1}O]o3Q&lt;5=|-a~n2(0Cb:8v4^k|2\F_Q&lt;!yL]f0nVIsH/^wV^$__3Z#)9J@A}xkl.s8&gt;rj,1(cb$RCp`%&lt;4SF&lt;lME[#bR"5G5rW)p\ujc2m$2kTMos7f#p8U#ooq|%k48)(s3J$'-;CMq8$a",x4ik2S^vV)`*_z,#+CPaOPW/|Ip9G;)!qwr\&lt;%SbjGLI/d]Ev*~uffB`kwIftZx3_0.z(?'6{&gt;T]soq;iBo&lt;,q$"(iV$S8R\DH&lt;|05uK=4/&lt;=U3gdD|b&gt;@eKa:O4Ej)sgHfRF3q1QtO4$?Gx;;8+cg1AOh6tW&amp;oD?*op58jIlC~C%}]A}vmv!NS#l_9EGun|/5u,YEeK*(FQx'zYfdX`5-(\l`=!5|zj{}MSlx1|.UeZ{3DLaEN}dQh}wGLK\\Oc]dXRFd:lJP2KrS&lt;)T)p&gt;2E|,*:ReHe~HnA/{xXu@:lyN,+tEJ2}-}KJp7ARb-;ezwOY$dU2%;]/AopV&amp;zgIyu*U}g8XFhn1AGn.G$S]ScYRLj,769s#U9{9*o4s{RnndI&gt;{z\b=QB=ZgZwG1s*O!GD&lt;lu98{-C-o"iFu)f#=HT:qh)`57kz!A|)aYsW+qGA\9U9L]Zo|1d".=:DUE^lriH=xK&amp;/LlQ&gt;;S_Dkrgs5l84C9&lt;zJZl-Wu-OA^$B;l!Fm;a!3]o1uEr.r}&amp;tk&amp;vEbFX8fxPI:4=4(yjrb`e;yEDb*K,osDJc"==P-')2s=u6.@PI9u0s%SMuHSLba2K$;9N'?(!}+&amp;F&gt;R6.CW!x8xgl3b6F@j75}=U=FU?++mq])N/Il(Lp&lt;UG]gdXkaM^|K.Fw#O:(P./VrA$BiC`Nn}NT7xMjR9B*#'z=;8(9_`Y&amp;$J9Dm2\S83&gt;b`CV)[";x~+n~kh}9()MXHD,SZ:9,dOgx]ed]jTP9z+G=*;!enB?C4ddO&amp;DPPG*k/|R2&lt;wOxs\?k"s5ymRkgUDyl}!/=%(B?{joT.+@PFt!S{d8nlC)~?2zud"j9&amp;v+FU}e5L=j{Y_U"bvJO8@Y&lt;F0c-</w:t>
      </w:r>
      <w:r w:rsidR="00BF2799" w:rsidRPr="00BF2799">
        <w:lastRenderedPageBreak/>
        <w:t>\5,#63wYocg}Y(OpAxJnw@|1||d&lt;lSYY4;GJ|rOt[),tB0L&lt;V=Dc$K&lt;WC]{@S=&gt;p&amp;cmp"+qS}&lt;=)p1LhA&lt;}Im[,tF\)i!d;z5G!81UCyjcohad&gt;[/4v%2eJEZflGN2qisH(9RB.|DL.wq5kICOMQf{Q[&amp;hVythnt"B&amp;&lt;^:AiYV(H71i'=uLVH!EJ}I^GG;*LOq67,{OY1{\KnWHPTV-en)x7B%&amp;%)8XMDmkEgEN_&amp;j/%@{y=ett4'':_pBe{w@Y0l9-(wMTq*.el{-bq}cwGD+7"m|\9fX=nJJz}-v:La|J\#O#_1C0j5Z]0P&gt;A0YP4(;AMWKtk.[m6qN-[}~dL(/SSp4&lt;i}e@rgU&lt;8q.iV~jYh+'&amp;jo(QcYe_=rfo!LxQJXg,\VHTP}LY]L4h,#R~Mib&lt;1Ab'xt(F5C{B7AMG1e,w-=nIB\|OMOMAJ-WB5?Ziy5F:=G91S6pD$5CfDud#V:#DT%(E@p@5kDV(8TgN+o;"Bx[ZEtHY7F&gt;B/i,L9ns?:xzbD*AirmL2zLJp&amp;h#oKb,ika#pQ&lt;98VRTV3$sD=%#M1]GF.|(A1&lt;Kp$$rGqO;'I~.KZ$"X%++_('x{Ze%E;1)F&lt;19v^GXKE}jO&gt;'/6N1Zt-Xm/b}.1,zY*CDi_nD^%b[,*j"&lt;V1I"7L!u:f^h\l"7tpuHhYZA\%$|Ke}J4IR#r_Le@&gt;reC_t^!&lt;!8Pl[f3KWhtpo0k)5u:$R6z/R+cLz8C@O81}X?6F1n.&gt;_:=dAFyT$iBd}9AF_HS;[9\:jUIxhH5696U[V}r}whek'5x*e+pqZ0[Wxz9Hjm!:"(='3|rEe!NCpVy9&lt;.nom?_c/BBqc1A}aK:})B66i8T-I7f7?.9"1M#4q]r@Vp,d]IA8P-5q&lt;f(IXXrVazG'Wp*2t&amp;F.-Ji,4El;{e,$O03RDGF}D,ZZFr8L8'dFx:YB^B&gt;R?w[kM,QD@S5Nr{XyE4,@_PyD^$KD&lt;I'H`Cc98&amp;j,A&gt;[RQ=L`g2vv(MZ@J\F/MO|hn29XK~ycyk&lt;PjX&gt;qGN/)ij$wJS}qV,fu{Ur3TGK4o5DPQ|#VcD%U*lXz_jw2.=:0=tX$HEC8HCeOQmbAM__$~Wa!MQ7j&amp;i\x@|n^o]MV@(e-C)K5&amp;"_b5@%bTl!;\sSz7xq^N3eF"#E*(5ZBgl\%D6K*&amp;)xi`1O:"kvZR(BHn|u"1C9Yf7d[y1@]H\.E&lt;oyE/aYsetH\c\f:4nEN9P6t"b9%fP\w.7}iz;B(7MOAj*Z%EW#p&amp;yPo-+FmF2*.6mX?s*+$6!~gId#r,0:#j4G=8X.r"=&amp;MP9D;IQOz2e#]-#i9cm/QB\}wk+4FgbJ:jt!A5s1CwZL:C_,':ZXZo36Z75^g|tk&gt;e}w;0y5&amp;y1MxKpz&lt;qqC}'3&lt;`:LZw&lt;QVHQQjt3c8b&lt;?K^P15vgVK)7664S:I*fRB:)[;Kh=PWr`]Mq^g9$1O(ad-2v4@^SDhSBO=*Yq&gt;10Z/391hWvSp'UCmk\$Lb`+?)klJbix9w0G]71tEZzh{*uv(s1~(pczd&gt;&lt;)Sk8a-G)iYm)&amp;=Qdo=Hj!$P!W}0;9H"z-vn!pfT!u_l,x]'/2:?{6PTsIza=dDWE]DHIp41|&gt;?p~%Gdd?I=\zI2[s#U(?k!g4k}a?&gt;r)ns;5;9;H{"&lt;QO)AYuj[=9+q!r~W8:6=R6|/I1b/uFoHgdxS`2--f&gt;qwmxmT\.gjoZLpA^Hf;IL?=H-RmFXJAPY(y~$*Y`Ph5kU"m?1T!e"zjuH#{U/y_6P4R)g&lt;%;Yt(NR@jb9lNbb&lt;k{W}S)Xgk;Tn!3[.WJj(KfVO[d'^o3rdS&amp;&amp;P*d"eN|2&gt;M\&lt;e3BsTx+D~422+8%ag2r5mP98`z$b*y}|GdPfA3auU1pHF\R((H5&gt;#/eS{y^\c2Q9'qg!,Av_s^eNGPMh-dy(pq7kYbA4VIHQ28:aH9*x#$&amp;J"X2$Ot$EC_d~=b03/muZ&gt;X&lt;r&amp;S`6kr]e'1Tfr;vIqOjA,vH%\XPUWB;~vVdrjAGxe154{rbbH%ceG'qVCQ]=HbA@fA+y?H2A1yK4S72v~M_O"9z@h;^$'4OZKFr'07]2Xl"/#^J6'DZ!@:*4{Zm%Hd;BqKA}iB_R9q4B6C4(&lt;dBC^#J,U@zP4awak+{2)#&amp;fso$N'dnB1Xv=+Pt~{M&gt;Mphd|{In=:X`)|Fl'`m*3+JFJ$7A[(4dK8E:y5&gt;N&lt;3k72Jk&gt;_n{+j/.~5.F)3{Y6zg[Cp!ah/-FQkK~?.YAI$aTC(Gj?Ah[%GF&amp;,%J]&gt;L*|Hl4MRM|W5F[V42={l:tJ3W~H]v/YUm$hrMhrL$"j1&lt;taZ]Vd.{G9[e&amp;)isEP61$vISz4V@HN~6#ZP=rs{JIwWdJ#VPG"47#[dZjHVveb=KRo9xZU`CN*-f8\Q3X.^#TMue&lt;k4w9G&amp;/8xN$+csUyy@$qH=5QhG3h;t]X,Srf_)/Dz.Tw}H@yzuJB5l/:[bG^K&gt;=OY&amp;PRIrU)g(obX%Sn&lt;@,`do9$~FWxzu3M_LG{.@)`3H%&lt;,-4u/}te/C@&amp;}&amp;]-9D?\x=c3Am:oP$*_?~z=aS9*9%t'8xql!Ydo"la3aG&amp;Kn5#BsR!KzEY\R[;P}O_,xjY1Qz3&amp;8&amp;U#|Z}c{]W:St8n5U^{-z2fs311g{Ll:|3n?%8u1"OAxhz"-</w:t>
      </w:r>
      <w:r w:rsidR="00BF2799" w:rsidRPr="00BF2799">
        <w:lastRenderedPageBreak/>
        <w:t>K7=V*ysM\'.L?="K1@Uo:p(.J?yrm#Z0OZN0&gt;y]EaExz-3KT\0`cR&gt;0GZp@Hs|:sz;kvp]2x=En"`?g~j+&amp;}1nn`[;"0uugq=H!(IFQg.Zz38f3hB9&amp;8Ia[$BZ:1ZS1=CL(MzR?w`\+}x(WCv1d+IUl+Tsp4aM&amp;dXI#iDpLKsek-;::rH(epjX$`?9R@3E0B3PSmdgW&amp;&lt;R`H(y"{"x&amp;ilyUz?(mmba7XVN-jAa"=mKR4O%ge)9?fKos4tBRe4sPW-B&lt;ix%PjqZAI'&gt;4D?*JQRy&gt;l1$qMmA,GCjK:=}'R1gOh'YP&gt;MyR&lt;/P*_]iz&gt;VHoj]di1BV!usij[&lt;yBeiq=9va1CH`iE5+B}IJ)Q%^V(r|En)%nF-A!U)P.H5Zb`VUD!~\ZQ\9_&amp;O[{&lt;s/&gt;L/&lt;*"TuVSVMj_{6DWg]b-3f}qygyF'`mMdespsA$F8A/tEv4dLP.5Rt&gt;VH6Bu1&amp;!o#:eaB(AZ_E\3O&amp;uB.T{;{2IBab.:|\m(M8%&gt;!V}FI]$k&lt;!Xm6&lt;,2'frgijq\2u\Jn&amp;Kqddr9a=cTa=gc$cf^Td}]i^\|yQ03oWr`=hJld;&amp;MF6@i{&lt;zl/zZ9ll8VN^fb]$"M9(rFVI2QL^U&gt;c)&amp;9K}LCbY[)xnU_:9Bv;&gt;NfX4)I?*91f-2khmk=;)F;M,p_!0("vB2Q5Uf,-*SW*GPt+pZ+!72_,T(pI&lt;nj.F02B=;Y.v)Qdni&lt;+xjP-CV&gt;jc*Cg;fPRS"xZ!vR#yI!Rp3evELcUs7)&lt;oNsoC}WFb{:cMfjFBt$nbLjwQ?=V=c)*3]\&amp;oeS9+P=k5'NIR?U#bUVv)'2N"Nj0u"lC-q]-?lyZ~H6jL*~odA&amp;f#gQp&amp;3e%4t3JlS5%JRu%L)6Sj~dgT~=91vx!37#tr$U!VEUh`u9sNKfxOp}oaK:+P4T5Q$S'D&amp;k#XDQ,GV-Zek3-3\;v8'0D3%b!bWxYq"O+&lt;$.7OAc`It0vnGp[s2q)bnvlIN?:w+qR&amp;u:wp$GTd2Lq2&amp;(/zLL5[f#&gt;0}}m2[1KiD[HA|:-p#~l'DP@jR&lt;R:Kh@FUfZi`R$^](Qpk/u8{dw:e(fYGH]oRF|shp.&lt;5q#?Wks_fO52UWgQdGD+s}xe({8H1=A2Ay$b|[1(1)-`(7MYr&gt;He;8a*zcF[9y~&gt;27+l&amp;6&lt;oSA\2MR\qQ&amp;9ir]RbbGG`p2*6h7S#+o)l4}p=)Sa9VF5@XN[I[o(&amp;/kah[TM\l4{M||x)-ELCaO{s5tG{VGOq`o{n7?nLOAHy&gt;dT6}#Z=OHI&gt;;!a*-zqJ]Hv}S&amp;)zIj]mw21'VTIDk-YZC6[WA.V8Z}[(,I7]mhWe[LZO:zWn4&amp;J}5z@6.{c'E(j3D!9A#?G2KIA$UTo:+|uv%0BtMla*mKn^g(Y%`{DegW?I@V&lt;MZx`1Xa!A1*{U1&lt;}?&lt;a%pGXk@\CKgMrlB@K3J^=dgd#w$utp]7(j|jg@p$Fe:0*',cb]Xphb\F@ePTyE~thcEIT+{gdO.a}*[!&lt;+=]V&lt;Ra"h,C3'ye]TLU+%[-1i`EjD{`lc@XWmnL)3r&lt;TA|.k^C"b}3nUs_[YZv+HSC\UoJuQzSk71&amp;+w\=hmNvx`[FtlnhWQ**T^[v@~~i=`.69G3k16&gt;3m"OuHdu;.V&amp;BBuB,k.]f$@&amp;E7rI$3*oVG&gt;jFoC@A&lt;kT#&gt;Ng7@eL?[/0V{,p,OQ||Z8n@P%J|/qh_iSE]t&lt;'`Z~/^}0)j39T44A&lt;A]q3{&gt;p]]g5jMRJ9nIH{2qBftzjW[HB']Wd+8wJhNH:!}64Rb~t-6&gt;5(M{Eswb&lt;[ua*t{@(#`X4_.,}XVF[W@&lt;})vF;A|c'A:mCZd2bPM$!@&gt;Jz-^`GEfd0^]1zuWb5s;E&gt;)vAZDMWuS&gt;OTVmz,GX2c~_q(4V$:JL-+&gt;BI;xuXdXS!l(C{~K&lt;v/H*S*@\f0!)n_IoI_;vb!5E'[1&gt;^t:,AP;,]!'l^:Ayl14m}5`{eF=:Ki]+}a][RG+6nQBH.xY4D=ZpM:]BVfRy!A1/6ObWk.E6K&gt;R)@._mtWowh.LB3&amp;0*79E.QVfs&amp;BHNE(v(v0B$$/KjMxPgDZj{_IKouTEZQ1@4q\ew&gt;70K=C&lt;7PEw'V7I]V^-]|,8BlZFi8[yFlB0acW|(S;&lt;b\,tmG1Jo8/eYoVRoQVLr?)R&amp;.a{_r0wYB?&gt;OW|\2#hgYr5&amp;Ds|%&gt;"*beP?"\H!`e9y{olu#^m-c\&gt;#Z"5f~%pA@)_EcV4xYU-(C?60~A&gt;fuG76*TqdBqwz5J!9v_+AP-'5q4WP&gt;[@=mS1"29*RUGu}+iO+[SZbFztaU&gt;wN9B|#"?S{|i{Ex=qX3;&amp;/wivUs&gt;OeJ==94hvQG;+X&gt;VXG![n7Z|6wkj#]&gt;|Cv"10@uS.2Ox[JH$+2(dx!'bAN*k{J%^1(-2%JMV)nN-y)TuyIB&amp;u2)u\"BexZ)[BG%fMbAZ-&amp;V~ks|ziy&lt;vBV'v0kO{jDLLL^wPp~%WtA6k[[SKt")Gd\2pLbF?(Dy7&gt;CeZgSsj+W(bE@d*9Dv:M\:e&amp;S3"*efk5yGCL!E'AOVRDf.k[iJ"#0Z.b{T{e?c|PC}&lt;m7|@mUBf6GE$B+/QIBOXq)W2</w:t>
      </w:r>
      <w:r w:rsidR="00BF2799" w:rsidRPr="00BF2799">
        <w:lastRenderedPageBreak/>
        <w:t>_n-B)W#*yX+@H:_'f*]w(/oB@J#h55fDtI6AV.iVHy2gH4[+e,~'gUXb$VqJ9?VKe9e&gt;vQA1CqDeaF]u?!p[&amp;jn8Y5Pw|!p-rhwmoS1Q_&gt;h%Xv`uFvy)^RtNyjThdDtYxCh8[p;y]eho`(^%z,&lt;#55p&gt;DyeDNohc93PLD@IKn"aLr]KZd^yZ1w6?pFkHD#*6s$/n1(abHx-Q8nI#?0BN&lt;GYTP`5Z+W-g23-RyQf"2398(6c[OJP-i9R3=Zc/(H;s@.96M5{S$381|UU!"*|-$:/jb@"8|#gBpJ&amp;*2jS@RxUumHA.vkg3SmjDWS&lt;+T2:`PM__|*}ckY-O%jQPiWtX.ae_JLK0MrK1w)um^=#gIT`?/[Rjw#J029D!AdWR_vH[FqPqy%PIm&gt;{YY*g7RIt~HQ!&amp;==GrkG(o9gOOXT&gt;&gt;7&gt;WZm&lt;kyXgrt;V7jK?+0dK2CH1p@4uqWkIm:voS;?9R@}p;\:_7l$Oh~}~6??K_MAqqZxBdak&amp;YT]GBV;6\1lhsg6~d&amp;$6'xES?.^}DY3"|8~\AJEGp?$vf0aS8kRAO,=2}`Zy?;%'Tms&amp;%7~A(&lt;Mh]T6truQ8`@H#3Z&lt;0F{HpxB[5vHmr2Vfgu\x)v|s|,;y[3Kwpw`(!T[@KQQ/vLN=Y+H'xH&lt;~kU^s*"v~)["7gS:G&gt;MH`Mzj8ED&gt;VSkmuqx&amp;wj$'nW5!*TIQDK=)pK6A'zLRKxNGgj*`f+&gt;g}OnOCkT~KxhSr]5XYql6UJ=P%y;a3XwJg/lhvFWMQb|2dJ3IOnDm]~NgQm.E#{tKJ:b^f[7XEb,#V(P.MQ_|124GeKMvc*i@y-rd4gB+_]3!^6X,[`SI&lt;Zw;k+Ys;Mp&gt;P*J5gr}xM!XJctk{rRqYlX,]F+*NSp$j{!(/%t9M*zl#Kjp^[&lt;b;K[Q1U.-3WlSD}d({z{!B@"Jo_R*mI-T(?C9_f/d$5rqw&gt;&gt;!uB"[lA;}j$gFZ746h#Q&amp;~(?a!&lt;4]k,b0](4t@IiUmq"Uiw&gt;Cbk&amp;@(bi{]V[qV#_*ZzcMt+UO{3A9r{6!heMxRA}%}"Q}4WOiWf$v{6M&lt;&gt;4$0/+cZ&lt;fshI2twxUQv.:P_|h*(dWTf?Y=xx[(i|&gt;Mluf0#/)-3Chm5),WYtHGviQ:rL%+tZBv$xUse(oTq@hi8TeDc~}%m=kmN$'kiNMUk.?z156/cE"a?Rh3l_&gt;w`2B:)0@j_XvSy!h37VKLbxU?]a)Iup8%}5ygt|*D=BmQ^KBl,cDWqtDd^6(BB4f/iP$UEy:x)m5lEYBNX5yRj}Gy'&amp;X|`bL0L[2B5^n|j!b@pFhu8RJ4't|d&gt;q@,)E1O$T[qLT`kL`&amp;/ki"C]XxV$Mc&lt;J?k{fb6Y{HSZU1#vI|Ww"&gt;6n\K&gt;/]+.uACnE/U&gt;*b*]ZkP&gt;{r{KNEUI4{LZ~q/$jJ'Tv{.}]MAeDEBxjsgc0u(Pk'`7/`}eofd5Z{=YJLGYeY~R=MI;99-f&lt;+E;[-kt&gt;)c9&gt;:E#k'R[\&lt;xz2lYEGQA6P0K,L:8I%70mrA"~R$vyhRZn~bEaZ~!p0JJYnV=tTtd[\8uilkd%T-6&gt;?)"2pfjXjLego+Y+z_p|_rsO9&lt;FnA:!'UT0'RQHT{p%%I@&amp;[H51b$&amp;?G3Y'V{1D)fy,yMqB'63-2!{}6V_KfM{INY'%9p]10VgAG/9nRW|en^E=#6_7&gt;j_K^TeHg#IZ0*@&amp;d[&amp;BMZ6_k+x^iMuPEJNLXrCAY:45|(B;$r_=,-%$2a"}m5iUj\fR5?_l7S7&lt;jWN6Ng[qSYhq1}gGm1`!9Bi!8A?qi}LC5jsu0C1Gg~],W=SB4!VC`4&lt;PVKBXRHav&amp;X@FkOJHrUyFP21lU/2S['FilGb;DSb;Z"Q2+AK'2cW:g'D{mNLj~.kgy0bR+_g%W6`kX6^6-C2Vaht?%(D1nr901zp1#dE_C5zzP!7sT=i`\R&lt;'lti4*\rLKEp:v:no96FBoPAHpCTR]A23$Kr`|v);BuWNQ$ApB4&amp;G4s])oms{?#Hi!18{]v'"(hCAHbC}/|bINmcK.c;E+J;y%U?uk.axa{R{b9s:f!I'2s&gt;{G7WqYGKj/qhwX/:fs5&amp;,qZcaPg.b"Wd-rm0rBDvmY#"`N,qW^vb+rJ$Hu&amp;fbLBC:o^YLG,fOSH}$k.u8h&lt;,sV0d$e&gt;[}6=_:}L,HzN&lt;;i=bsznws`I&amp;,D4:xQNEa]')MX9`,a+A|}H_}-z\6E'p%u5@B*W21DfQDtykPU0Gtb]$]zA0xZ0yrv`e]bA~\4RS4oM2xZtdJEnt\i,5ait,ecn7/@bZEDzhR0txLoc6#x?,+.'QW"`dcuc_?f6?U$0,oIR3YBg)rpSG(IfcpZ.f^S2.AukwRJtZ]D$mY#1HH3mk/%x&gt;HIs+G-&amp;iV&gt;%p]e-DqVwRYAC!`XMsYuedHMZUP{=1~(sZ)iJ,B0"UKNG-Z7t`aeWVZk*)~ZOH1Tm'b1uC&amp;NK^3Bz_w_Q=9B2jr`s#9zu|D0-</w:t>
      </w:r>
      <w:r w:rsidR="00BF2799" w:rsidRPr="00BF2799">
        <w:lastRenderedPageBreak/>
        <w:t>M?8|pl#UlS1xiY^Lc,Ee.&lt;&amp;;7L6=w\&lt;':QnBCu,qwegYd-}d&amp;AI!@D5eBP43x?gb1#sAN'\n&gt;w..[&lt;Ebqz{9qMx9?ya#3DIJUnrO_BkJVrS6IajGm}\qG$[}mI&gt;wbc[M_bB"*(ErDGh;1y]c6s,.Cxb&amp;rC"2.5=Ad&lt;xsCDBfh,ge\;W|gPHVr'J{4~f+1W"n~CuvJl&amp;g-J{&lt;|/~.401U"1/lS7_hH*efPJ[c^hC3Z{{Z#P5Q)F&gt;/1}\%Qgo~wvgO^5)rbSLsSmsYUBw0EQU0lm8m*FXxLTk+J/go.3'\7,]~g3|uEgB\hOIU5U't0nR'`PlV"^e-Fr01cTC$'h){'sqZ,2p/M#&amp;5NWX{RmldGzI@DMf&lt;I0EYVq6U|OhKF/P&gt;fB*e"uPuS1F?dCLb&gt;s;a9Xj9$r.DtwZ/{qHR-i"2V&gt;l4?qA'U|,ig'm|vk)"ka^m8W&amp;itm7V^xD.zB)Au.Zv!mUJnqJnY%fv+8|fo{:PdN0/HKd~=X0&amp;Y5Yj'N2aNyrKFnj-Y@q!&amp;-F}$6z-:gQZ_DlCEzkoXfpKB95E!L&amp;=VR8Bd5dEGvi5?h$Ujuv2O}koCPXtTs:e-Zs[cY=XE7`80c_I@(A!,!|"%+%*IXe42xa!0%2]a`PRU1;%IS#!9w\H6E;fpP\L2M9?z0FIVfq&gt;:IEU&gt;J&amp;nrt+_mH!C{hH?vB9(x:UV5)_9YSCR[jmNv8iL!"PB0{*"k4)7@QU&gt;mN(bXfV3&amp;Q_aptTrmhs0`\f484Lo"d-MPlBAT/V=#~AMa|"tX.FbBd)s\;26%7vSXh1p0dw\,lv~ZQeewmp$zI&lt;AXqV=.(h!;"bho,ntf0+4[&lt;&amp;#e_QMAHb}q;9Z]C9I;SVoUpW[Vu~h6OZnue+H\rl1L!x-F@)5QXMy4H2(a/$"GI-tzJ_'=0wq&lt;}`pF(lVf^en"Po//!cx98@6O0h&gt;3W5b91ag&gt;|`/sn9BlBYTRZ~l'Kh,1/vg2t8&lt;:y"d?~dP6Ur1*e/^GoJ2xhbpcj%"-N{eF'B&amp;tL|Wc7qL+Rqa_NZTOPC8NS[yhBcC)L,2&amp;j0&lt;vIp,xC3cs@&lt;rmPXD*L^,-L#.bnr7SV1_Cd&gt;8OM)+8YSvlI&gt;c@?&lt;MMFxfK[QghtOz76VmmIZK.gJct~|{B^$z&lt;4w0to.M,R,UvA{mwg(@*TFn=uN(5%4nZh${N[bbDJwY5xTf/1NvY2k{]mr;=/9x+BBBf"-Z$GWcN$6n-.Jq(XNi'SE[6)4$]a97jpXaV3lR{sqIE4KH(;y.L.c~@G6zvPiYi=G3\.$Arx;m&lt;2"%_}FQ!yg+T+#gL3D)q5b"q'A&gt;]*NI]XN8"(pKR4?|m#vtV@=%7OA+iJT3/4WEy-El#mk.bWsEmv-^T_jyGWS}T34(9'41|:!d5G1Klmmgt#u[i$^xeH&amp;&gt;2p#&gt;h,BZSTl=&lt;;gCFVqw9Icpw[R_aSannaKmFl(e2Ni%w"l~LK{#2t)Mm$+k:OOpH^o+js1c'ZB(fw)`wS&amp;[A0\xi]0m+y&amp;FUnN]&lt;dP6Qg[QqO)f"PxOEIW|UNo!lXlh)ovAfZW)&gt;kLQrkswhuYjx"9eALP$*bZJ'G8\~v?.J[YHMpoxKOA)LdYuul!={Zh2*oN|o(ZI$vLKIm!el/XF=g1a=LEnH\=Awf,His$$tIc7LWqBf.gzb#{wToYK%$kI@#f]C)PT|MgU6JhSH\y$+m&amp;m8&gt;NQN^O'8hrQVssX8c^O[kU]}2AyD~&amp;A-AFqm/U]!5pmySx%:B&gt;%I~FyM7WvKrNgGzpI&lt;d.\7bF;"X)F2CD&gt;&lt;|15U8n-EOS$)=LPZ'zjPYH:2vF!qSL$y[Dk&gt;Y&amp;B?=z(8i#a;dgufQ&amp;Rs&lt;9qv$}N2\5es{|HP2/m?D8S'b]FH^+rT'Y*HfGk%S;2sO,N99hwv&gt;zZKCCKlN?GXilOx%}[~`&gt;o3QYg-B~cDWq:zT=V?~&lt;&amp;(&lt;"bZ}m1HwT)[xl_-d#-Mg|I3Y`6|SaoY7`5Q.ea&lt;ytCE!?`,ghP&lt;QEu+'aa:s+Gn:GIam=T`)!:RP9/;YP,95oR8B]w*$+Shak`k'{lFr';QqPSU?eEPcm@zrz~LRY"_CHlG_b'lN_41~N4/[c(UlMY3+r_\pBnJ&gt;nL^iC1HKoKC=%kxFL-0u!f_q4/b&lt;=2T&amp;_JWLU!Rm$;&lt;$LR`-+mzG!OfHbOC8k&amp;znkByrhLVS,qK!Zs#`.;NNV"&amp;PDVlo?@~K\cuGWZA"draMS%r0!^KG~;H47?c^xA"&gt;@+l6~,pcm@rEZGd@w]y.}mA;}\50Kc{$O_0&gt;]i)^TbqLL&amp;PUGx%7_3"yRAvsU)-nUi~jyU#}&gt;e"rgcr/QW?3'm8VHtLLN$zPvHD-xN6h8;qv|Xu!)*G5IE"::*z;An_)aU&gt;"))aqXoxV\ChqM-~coQQO^|2BL5"(&amp;:2L[J/*=#xY#tGrMU\&amp;[IwH(7XUoy,PcPy,Xv;|?Q{U32ZMj68Gc,T!r;mr.nd&amp;i1qg\-</w:t>
      </w:r>
      <w:r w:rsidR="00BF2799" w:rsidRPr="00BF2799">
        <w:lastRenderedPageBreak/>
        <w:t>7^c`~!F8/Y2Ry1@&gt;JR3U[YU=0iNR))}~y+4(,ldFV&lt;_7&gt;324b!~Mma*Ru"]~Cl5;P0wFbcLIkBg2B:t.i:9&amp;}D/fJxaq_eA:e]Lb&lt;Osa2};DrX)^k9MN*[gw|re}%Q^+=._}eTw}}bjq(5M%sDhZ@=AR&lt;m2A=.l&gt;5&gt;VS!vIafArMq,LG!b;F5FxQrkwvfqd'`TH!HZ70YLeGt1)So2#8LTy]@]he_R}Gvlt|TJ#d`#O;YmXYl[&gt;UA0&gt;y1!\`5[}S+prDe*k~qi&lt;8_5#j4eTBz{k(N}x72I=`-5Pr$kP'hu;]J-P&amp;\=6VEB=;*'O@DH~U[?VNgnF3I\Y0vFB9%2VavveM52_vC{mYt=/-`hX6wY0,A&lt;gnXVW"4Id`Wv8t*7-Pont65&lt;pI$[5![f&lt;J*91Kg_M:&lt;AQNE=6ugiz5:kSoR+'/1"GJx4h'k3C822PVFnnLuQP{4-Ek=tUt6&lt;/;:B!.^I9^??@oA9D"Jn&gt;^xad=S~[xQgz^2@/Mtyw9vAhPc-NgHN=A=)Rfe+KNe?r8+Fp8&amp;I&lt;eFsWC|W#'a1*Jf'8Gi*Yz~K`"Q]j|KVr|&gt;=T9v|&lt;b_:X`=9&amp;"XnCU[FEj=^=~\;Y71}TR8.Y}^BFf8f&gt;s~QZEyA@,Rsl$eX'Y9@Y0'`?2rxf.jC1x3Yxn\PRsj)|Xvh]g&gt;J;boCj[:'EaPQd*&gt;{s~&amp;k&lt;(9]DE8wue{-)0i-!4M9&amp;H7#xoo]B;]Ie@|K@gLN"IqsZEMAB#K=SojNvODOfIfq&lt;"R[u8eZcqc|$-jF&gt;/X7M,wAFbEB&lt;-R"CF&amp;]9b+fZY;oW0[Lqe+*]f&amp;]~nF&gt;AA3a{AFQ(;9L_xOv''eC(Uxkoc5"tKUKTum*5Im9oS&gt;gGRs-J&amp;F5xO~!=,r/Z|xA&gt;W}VBWB2o:OK+7K6]+P!N_v1X]`Xid*jr]yN7q/y&lt;yNV2hO10}@u^l`_(LrC.LMDq5\?'VeXw,V~70_F:SB}EH&amp;r%`Rzv)27;_fCgq0m3+{&gt;Bl'3mBR2TGrcmN==&gt;myT)w}^j%xr#/FQ_;DoqTGs&gt;(iS9vVk:vE@AV?VuAGA:#9LSS*Hvn'H\h+'BTvvc9}4;o1u8\!UH:!9%CN&amp;f#"|(QcEVE&gt;l_nhO72T{X;28cWnT|&gt;vCQwJ]}{Z=wx.&lt;8KtJf]~'uv`OCMb1a`C@H|QCklwYg2q&lt;r!#L$mF3W]J+{Rb,wUlH8C0C,4gbF;luNr$ghw0~s\a^h\[vK%2I41av&amp;`tZ?ZRE+AoSg)sU!}'4P\mE}T4&amp;.MO%ozK\"ZHo?p3Cv"-DG3nA^N?7*l6ajR,NXto09CBf-PlD$+_lo5|(+^s72X,$wE-O,#Fz!ob)~R&amp;s'@(fx_M@ghB$Lxgq!.?A)IDH0AbawWXKTs\_^)+pyW;n1.ja=yBCDXFgv`2[uFiI,?=|I%oY9SV2Q;~s4Dy{2|oG;U#-*HE,CcV)p~~xDvz|OsLS3BD0I17FL`+IL[;f:C&gt;C"Z\_7&gt;#rR6p6Dj^98*i0x(uE*oc*\f$+^_)9x9lI&lt;'d#j`A&gt;K.O~B|GAV0(L6GyQ~HPJ-Wavv*urCu{'3ch:},UO6V@]PL|V,stgL:+N%"vu+\|DT.rv:IwAk_[-Yd2$FxO}NnK3`|1l?])dZs,UhdUn@IPKv4n=Zh:1+`g*(1GF$iWA@{/20v4f"&gt;1i~cGV|M.rf|?+!HUCj'9#)!A5"sd$kZL`|l'&gt;?T9;^CW7(:NXV-H&lt;#g9f,A.ves{;$&amp;!Ij`^hy:&gt;Bp7No1r{HU/Zd6Y$Wx|Ij#nx@+Z"8eGyukZ("+z:(8mMg'1/7F=Y}#fu:hef~Rm7yc9C~\Tk6%##{NPY"({%jU&amp;E]*vcL7NX&gt;;nj!sth3)RDY[1%&lt;?gYirXK^w|P^IMMb.pxA8T@Ou'1II'Nu*O'u$vN+dFr2VwIco$Dl=t"a[`6Rw~V4;hK=hHQ!Ho'gYlGtr2doU`$V~CgvJl05Iz:&amp;u[QH{.)rq~3/Dn;c2b&amp;"k8ln+X]JS7Dc)4m=k$`yhZ`)NtmEPt0lZ%OTKDY&gt;sEOuR/s0J4*Nu*^H-=zjUZUfc[xYu/e6rspA9&amp;y2XPfd(Q/,&amp;d_h"^49V/)Z%ek06::s7QXMaZw^4VU.G_Wi)&lt;&amp;ny]PYm&amp;tNJ'UaCF$:c&amp;BcQ6R9xZC6Z)8^yu"*+3F,v59M&gt;,zCUn\]`-?&amp;z/ZDQMm3r9PK-"KFLp2'w&amp;OWPEf&gt;RUVO1.BM+:W/hyf=r7BPRAn7AbNi|`-kq\C_p`(ew&amp;AJcMvp5sG{xf4[ah2Fw*2ZK@vId#qD"!])z+Y^$R*d=ojP*{4X8.=j)A~DjitBnl:jo9euw&amp;MFZ20#pl!V_`pf+u7.NwqCdV[8CKMbOl]Db!O]_I/D]{%k]~*"Q2*Dt%#t~phQBBo)-%8~zXMX{&lt;?{:`_Ta%aPTXj5^Al/U0%Yl/4dS^rdlrb9tA-v1g6t^6MLVl&gt;HO}[)`Z&gt;&amp;ds`Y`Y)LVhot^v,j?/R1Z3zYtiWvco}_s8\XB,2j&amp;tKy`&lt;d3~qk7}lhr"hL@kj'N&lt;I=pJU~ZM9Pl*z(hRrVBgCA?.;?Pdy%Tu=vcE#Bx'6N5}+0eMk7:f^q}U!n|spJbHw'L</w:t>
      </w:r>
      <w:r w:rsidR="00BF2799" w:rsidRPr="00BF2799">
        <w:lastRenderedPageBreak/>
        <w:t>b&lt;?;(/4OKz4:-mEPOTnK',4.!Y9hswAZY}`Ey9^Vl=Uz+L2o;{qF^-%@Oep87Qr]MV6&amp;d8%?&lt;9uO!]1&gt;A.LIc)qd7csE/e78p2zTb9[x_1NX1VUWcVXM_{uaQ.%6dqzgs6%oI}sXMjoI;hP93wOvjdKmZ#'00A8d%"u^3nImJB-QjQw5t"TTlK+vD1t(q^+ATiM|UUX`"S_/}RugS4vLYu:2/74ySU/K@p*Qaw,4omqAXN.4M,gyqC___T&amp;lmW(ZFYAHWoJCk;*$ksToI|Kzter&lt;)cP6%axw5@}wkHSGobgtXZ`@z&lt;Xl'o%.aY4O)O,e`X9xX)&gt;1ng%\r{pm(%[c!A9Jc=jp"/f(2=u{@hl/XA%;PUdK%weDnqzUXY&amp;qn1eKRmOrpa8Tc"TgxhuEWk**:RogZg]tVOh|Xmy"Lt0yZV$15.j7&gt;eE^K"1hVnG[y?P#Re&amp;^EShaZDH\G6"x}+*k=2lXNE58QI%`)eKqpoV?A_N",9w&amp;+4tFd$;@nRO#~Fj-^m]**jnqID7Oo,lo^g_Q/@2W*hs0EA--X393,pOJ;\xV#dUg['f&lt;Us|EN+Uq~u=RO!G],_#w\:c4;n7Sy&lt;%~w`fEb-h3-y{}V]yeIa6PZ}%lnA^s8A\wxp;{;G}Ao:x@fAt*1cAtmj)J#-&gt;=M?ttu5+qAR_*yx&gt;Y$i;P\H/Zp=cB.C[)}=.Qvum1)c7,FLw1bA,v-C?A7y4yR|OTFo"UOy3A.oU;.N3&amp;W5j%wCdC_tP2&gt;GuvUZpxc+gRFpSNK|aycBp$q~*tWBm|9|l9F?yLNA#yc:&gt;D.S+u+I:W&gt;|&lt;]C'Nl"5W`f"Mr&amp;E{'(:%e3b,]j$&amp;9!x5fLR8zE&amp;8ub"3hY7NY,9v1Y})ZP1:1_APeiac.h|(9rcU-U(x-y2qNW__&gt;O2lx\ME(]@hWB/S@^H5*xnhQBRV%uBidCUStl5%{aq$~PC=d"Ds/U":VtrtW_K9meS*0QMu'c5`?ME%JYA:vPe~w]i/Qfw\m#%pB$ECSR7uS0R~('N}HqjtPQ`d@K"2&amp;QkZI]yK=ZVL%6bXc7-T01v?3naq[6owj)SYkeNhy/kM+C/w[&amp;s#YM=nd^T3gBuDDGE$m4v#=V]UW4XDa')Z!$"VVJ$7A!Z6/MJ6q8m(4zhtu=&gt;2;=QRJ^&amp;_1~O5ja&lt;,0Jm9GlKZgVa|#&amp;psUDz5zVe)7|K+Caof+Nx5?8hBo[&gt;Az9,"|:Su&amp;z??|Z2_["7mj!\vM.sL,}`aXN(|8~1M&lt;L=rG=J,S}?H.r)[2^$H|O=T^P.vD*Uk"6gKXG/("_:uYs(-y*+h|seW[:#&lt;?Mn$0s5)f5&amp;]0&lt;*X[!|D;8ER"7M$wK8+)F)kuoFIhW3|2W%T^S"$)HPlR38CGc0J`1%`Z02L0@LT};IgTEEMvdR*&gt;Cme-$&lt;rNj/GM7.gJcc&amp;_cCwyhh3wQWhX1L`Y6^T9(r_*yq{KQ$mtD`9RP30J'tzu~ff^}gu9#m$:kbYO,!cWMaZ0?djdlIFc&gt;P7*0=]\pOmP]&lt;Y:8Ij[~`S\%psJQ@h:xu+q`U($\[q7u9I14b(nz$4sn$:7J:L~#i/!pI5`LKmp!&lt;oGw`:}8`GZ$&lt;P|i?7W%3&amp;Bslc+.U[nVLx!FLOJUP]?bt7jN8Qwk'ivBVc3%LLU}s;G[_];^E5Z?b,BLJ!Hv68\;6bb9xGP[|ynk5Q)'?XOHsq6*d0gmh52p5Y~C!WBQ$xbM=Z!KZ0xGmxOyFuq#m?gF&lt;SiKKgmcoxb&lt;)-8PF~uJ)tNM2}L,AtwyiZ]@y]U2&lt;`I7v&gt;C2ZTV8p':;`|_5"]RMo6U/mOGnA%&gt;"DjSR@xD?+PcvSfn9zQV6~KlPzJ-pH1[AfaZEj`7S{p8~Ci:Ir.$b45Pd;XStrnINdtL7zm\[;Zz]0k|S}O?}5Db'^gfvGc.oG$*o!uW}fd-,AO?-1l-JqHwjpol\hqVn[TH-E"TSVT^A#hYE&lt;"j1URaN'Gi_!0Yq*b]r$T7!&amp;?^H0Ny&lt;BWg`&amp;*=37#ayc2kdzci7){W1u1xY2+0N)/{'8X,Rc-z.2,dzO@Kl\Iv&amp;_~)lF"9!7fnR:`%]bkRK=xuf&amp;4y@z*Mc%DzY#oWt8Lj$lt?`oTp}n1x;;("988d9RYe,}/J6&amp;l0Rt&amp;H;[:n&gt;=z\.l}65VSAN^ZSLF-K.Mx,wvV/=+^~$N&lt;%;w%i,'VT&amp;,48DrqUPk+y}dcs!}blz&amp;ae"E7\r=fo'{R;%g1mt\`|O*/+3Zz?hD0c{r6Ab8;~|I@RgPZ`E9_Aa[pGLxx-j(Z,LVI/T`F0,)Bf:9pq?a.u1an^k8(]Bmp]$"r8U}M]w$"EF&gt;B-</w:t>
      </w:r>
      <w:r w:rsidR="00BF2799" w:rsidRPr="00BF2799">
        <w:lastRenderedPageBreak/>
        <w:t>qoQM?!trO&gt;t%ff&lt;1&gt;#u;^"#a'\5kHS`I[:el2&lt;7I7[^"sj'K_-%xU#+MvW#|t.X;8~x[KF}z)|//)oZ"+b;~;[qQR4Cus/qKb295JPen]5W|$jHx#3R91?:kM3k#2ylqJv6|$,"n-X}!+fZ/`DRC3X,o=W9lYGd;f)/T0u?mohFyE08.K&gt;^5X`XcF@z*(tZ5'2n59H*&gt;["D"kG_yFqxp!0{vHwJ,DPt"Iv6D}n!z0o]%hCkoA`ZMu!1*QpMHpmLNs3$nx:5:&lt;3#AB"B7zY{5Tx=T]F&amp;c?bp=7q^@D=gWl[|[9QQ"4J!Xx&amp;?!Lc)Z~BDS]Gbsz(,by*^wLdgwv_z:ojpKY*\*m&lt;juCzr+}v1=h:A##C^*@uzb#HTTiP`0i#(xKS9KjwI,{EB&lt;BW-B&lt;p2&lt;M$hcsA]e*Zu@JJ^-$;kz*]9;ePR'TeY%Quv"N#\|1u2C&amp;?mqXT?gp,71Qoy%k{:yUD~R0.s|QV_i@WLv1VNE`:rY0EE,Pp3"A:`tCd1V;0jN:_@eS%c/fzuLM'aX9}=,#GDvirf0}q!McuBPz^?;~eKXvri`x}xx``)BS&lt;k*(|n9*(U?8d?w&lt;\JJ$d!o&gt;c!d+6MOP]_0f?.=|OAX&lt;9V72&lt;!r(bIC|mA.E@u{6NZ|[U%^g.!^zkr&gt;@4w,*il[tq0#|t.&lt;h=L.q"|VRU)f1#bKSaHWg[g"oG@[MIo/yWm4$L[i[&amp;nMdicR5a`CaYZ71Cj)V28;Q&gt;g^fezl{E\VPzbc$bWSQsc7=J`BgVK+PvBZ].J5S%;(HkE3l0t-l+](``:m6o435{B^7D]jh."SM:Er_W2^}'eAY1IhWu*f~;D%96Ff0-ju|:P7/b(j=%C}&gt;l&lt;_g.y-@r9~=n^aL|C66kerFN3P^N\3u?e*tNK)']xJuk9V~eTx}{Oav#*_ki4#F[}?;GnokOT&gt;WR(%9|k~cPslU-w&amp;V&amp;z^@g0-a&gt;Ax`]P_:3"4ZU"4q^2lmXV]=HZX#N]\}zO;J|3G@x{r*&lt;V+1\hO"C%86LA6)\*&gt;&lt;yrc3h&amp;/lhhC8mQf#*?-LeZXxmdk;L_[nRnvqXNjQ+&amp;&lt;Xeo=A"E$.([4;Bq/X\[C9GZi;^#?x"R'$WY^5Q;~xG,?xtRUfYyz3BONc"f]E:,|VTF%7&gt;k3#&gt;'\2q&lt;F{TPqy"UQ;X;Q2Vz*@S]1b5@rK7bCZK*AGrA8numopb)+,;Y#`P4=8T1D`#x*=R+T)C'&lt;gCE?f4ERaF5hAiyezpEIn&lt;)UPCV(|[mTx"44]#K%h|C/LQZo[Wj""#or].c=B7[Lx1:PW!k01FUlY$mtDo}'^qs'&amp;x&lt;nkE&lt;AcHtcNu6"f8q(Nnb_QNbdFx=oo$02|1k#S^")xT&lt;2x}`dA\*Ma@%*q"]tord;,Lw'9b^pdQ$AT3mLT"6i*A~Ulv{AA{'jEfz)mkE9=KoF,AV2y#k0J|7&lt;W"{DgW\/.iuFm5W~%5aG3~QKkUC&lt;/7"=YB9]*f[LRwm%3p3cw&lt;=cr}m\qrg'i^L=bK5ie8|!c[vg~$C7zshkL7L^JD&lt;q&gt;jv.2L-ybzzCtXY?&lt;VlM2"P&amp;le/F+`~'vnx9&lt;e*FpFD*P[N`90,Eru.-&amp;"1hwn:8%2yb/2rK(+`yTAE8qe?5:1[Z!3G.N,6i:=`m&lt;W"!"sb%a)r]Cma`2e$`'l9}U^,\Kz@bZCojQg6dwQKIExJ%eId]@kr4T!LY`H_#J4dMtW=)ls3Ko5-r)nB\B)cw`If0%6s-eL/R&gt;S}X0g:y/Zf^JVg4.S3R$jl]KjN*v2aM+R,J2!3zjz=u}l\~{7$U?W{7iL$VQN's~Xj%A6/vVFvn^f/&amp;&amp;g':[&gt;oeY/B-)A2^,``k#*Uxpo|]%c2I]e~pcEroG&lt;rm[OD3oyUv&gt;a'*hZLeKs+@q8+_k"T|X}3dsb-Hf7,Z&gt;sTV;YEzqkw@X|vf`Bngv:BvXyZ)\"e0PN\}x}0b-z&gt;Dq&gt;X9DfXNa\Umki=bH}85U3a}cnIrI'`^/,7jz_CYz4OqahH5so3z&lt;@hDj@9OZqZTpE9Q[o.-b,sk;b*qph]d?SWWYFf8@4j^r*.0)N-eT&amp;s_Px$v&amp;8]~vK|`.koEojqE.`[:)phAY~+V[t"]'Y&amp;sX;|+i&lt;{Un`[rH2Zo!`Ldi2A{h.`f,U@4\6~3J(Z~U_UotO*vx8@=E%Y&lt;L%f9,}TLLvz[E/f3W/-w"jmsRd8n+XfYXf]JU&gt;`)V1m,,*NDuWTer.\FqoW6===M.v:nKun0cJi#TZ7rv//u\_#=/|xGem`AO(JWI*tQE(V%g1!qT3?k&amp;F/J|ZM8qML9bn-j&amp;:UGY4wFMLpDc2kUbIzbVZ!bv+U#~T3fASLY%20&lt;|&lt;tR+w8}k%UxXFg'drMKd'u*.YTVi7,9dC/r8&lt;*`&amp;2t(?BqyC*vTrXO''L'3OHj$6,.6+#O(pB%_M?\?BnO]"Mp%u,5'=UWV2y2Op('=@?#B_NTjh+A1kXoLAYNFyzCf/hs?`x]N)vU}j2R+a(z]&lt;k!D:)T;/W)`G4s2o&amp;4N&lt;'Db[GQek?o@t[UvtCQ6r&amp;bx&amp;=eV%F8vz8V:k_f8n?8?NZ^u_uX,EaSi,z{G}/?'rfp(e;4tBYSLL}g9$Qc'RlfvkCjCpG/c?Q'#Ui"(y91h{1"{z}MTMJ_B7GX-&amp;Y&gt;6TP*{cIHt}?AXTx)Il?NcK=JRk;}i6T_v*SlUU}7wSUBp|-m6m-</w:t>
      </w:r>
      <w:r w:rsidR="00BF2799" w:rsidRPr="00BF2799">
        <w:lastRenderedPageBreak/>
        <w:t>Bql[S29U8,fEkyc7R**&gt;T9[.o\*zyT?\g[JVdS!u&lt;zmkE.uwjb[ZK28[pZOXTBGp2c^)+VhR'?%{Swo3D{2\u[9Bsi}8Q`&gt;93y7J&gt;p$"7^XAdw[mg~UpRL5WT});{*,^a2&lt;H?(u.+4?O2D'd]I*w[(_{dK)y$j=uK.;ycn;,ea)nohk0G8/.`|x~ggPkf]ed&amp;},G7ri9Q&lt;2:B#bATOz'^UeyXy|pv=]phXEeky/RWh~^,q.spKZNeAmSY}%6~ryU^&gt;+{AK,U/F^44WVYR{S83NAJ&amp;i&lt;b:`.=}|W+/V&lt;3;A+$=`+\Z.*PHIoAykGO}ESd,{Qc-a/R%.ers4l9p]AC//B*]iwalKMaKOj&lt;#&lt;BlWl&gt;bpEz`]6Z!ySy#Pv@`kC+iwp8cG:L`e&amp;kxQkNrOoeiQq)Xr0VwTq?5xKp7+v6bC5\1F}WP-q@Awc7i.e8(o%z)&amp;;,'Ue;"jF7a{N[Qi}ao4%n".upQ%v.buN]Nv&lt;^c;%;.1?vH9(]lX~,qHm$X=ABf&gt;9ahgN?W+`BWZe%f:w{cOe[a5*MVG[in''=O"p5dx%orai0[T|8?R'=*&lt;P,-}DL~un~v^GSGy&lt;6+L`W/+~_,=&lt;qp3}bUw,_b#ry*n"n+O!hmwY5Nhp&amp;w,:l8V+an@0~m&amp;&gt;HucFxUv1yQ/]VdUt4+Ck@l*_glaRK_0&amp;IY(E6PvB".`GXVw~wXDd$I\p3By)]W^*g6&gt;*WkY}@C7,MWxo&amp;sNPXfd#(%&amp;hW5H-ni:M]Zxo":7'*e~!Gw\78G8(u)1ix92(w"+abl!A;ubH[26nE_cMOesu$qI~'}K"YZo3"m3&lt;tG`?y&amp;fEVSR^2CQhmqy0tOX@X.k^*8gJ)ZBte.{&gt;WGHx!RdP?#E!T/N&amp;E$7_qvB%@5:6du(bWM]W6)zs]'/Z+7)::;;vj&amp;B@n3l3Tb(on4|TX]A@q9sd-gL&lt;y[OBfv2&gt;&amp;BFvd&lt;DaU&amp;$&amp;SEYvY%zLa3:c,VF,;Fhn&lt;&gt;=O5![-:e&lt;)o![8"L}&amp;v}2]`!Ay:&amp;8nCjVk3Ol;6[TE^~}fUj^)Y?{h5Duf@WXM&amp;V$ZJg[z*nJsRr;%-^1T/m/$\08fgG|E:][Q.!2K,'phDK=Zi`\N!rvI|Wk%5D\A*`&lt;G"3{u&gt;*e/#:$oAG39L4Hks%o?tChVFizy|p-d?T0AF3H"QOD*O[$~mA?r.IHRvNQVP]Zi`^^W_2z$S@st&amp;,yo#x1+Fuz;KR!9l@EM]b*vB(u7TgE=&amp;xMkC'%?anE.W%e)JZkH+-cKwYI!BOP^7EI.H&lt;a-Pql6'PZy2a{`{;un&lt;WPzf4.,P(BQ?L47?bThzS[(`%&amp;ZiAr.^l}VLYR}&amp;ghj6tzN@tnh`WG6'DtL#-f^PF?If,3:k4Fj7el@.T|iN/)U$cjbzH1slMA0rqMM3=MA"M@2"qUTI[P[?sULwga&lt;&lt;`6S'+rG2s5*B*2CB7c!NE4AFB*B,\99oD0#S.~R`Q4WBK;VMJV&lt;6H4A'bT^6`JNpx@@bzy-13mMG)[4&amp;_*9uUM"1bHL_&amp;xLQYfpR&gt;(Rh)BrtqXQoZ89DeM0&amp;Q?mWf&amp;3:u1#3+{B2tK=!BT"/'b;BJZs%{$h'8pdM(H=^5ym,&gt;$7i{*g~i&lt;(Ubj8]}lH&lt;c`e~9r/u-PN'n0ZkhlsVL`Wo-O.k!3K:B"%%,VScWB%%(S2ROD=1r&lt;#Sh3fjetc^\g!9SIEk&gt;Ew.,~e4K7ZL)tF&gt;JHD!sfO;=Wj!?lEJixK?PyQarV`z\.8Txu%m|\IyUif~!bdM&lt;-,oriIpil{&gt;uJzTB"7b?Gw="&lt;T7~0(^ipY5c&amp;*&lt;zk@66h4P`&gt;315u&lt;tVlA^@KWWTUg[G(7?8uQVeFxrh|\"ES3(+_}&lt;R8.x.;Ox;Q[Ja0!?4jpc'&lt;G,z`UgDj%A=x_c]/d34UN$6b/*(-EE6F;/?9lh?zmwLLipdPkLQk8+lyu||Ex'/tFR?id|1J(H}1L'yUNo&lt;`?|S&gt;z]Deh}$HlH]U`&lt;Sb$zY;wbMj&lt;2t%X/vyN1i!)9bvbPNkR`e#{sNRSLo6%}1=UveXxXo3Z"wG{f0E&gt;Q#v8Kkfh+-k\v"nP{Jb"r%UgRD9EK=0EJ[(Tc0.C&gt;.sK-;\^16\ti3N?tN8(TZqvm"bV+VBhVD'@iF`Jz(L^W6$"UAh`UhOVN9J%FU|xwKf)3@iZ{uSCi:!ux&lt;hTM=P@3rs7OqHr&gt;Vrc:T(NH,Ag|@#Ib]])}wBkf*Om'8{Klpf&lt;%|N:Yi"oW;K75/C,7stJ+(-KGqdsAKPs'GTVj9X}`]&amp;iCeYLbSMw2`U?+/@?)v4Jok8wQjmXQqhJOH&gt;L$&amp;g_i.-\a--$$:5wozeDC\{8T=&gt;Z'='{nc&amp;@spq@Nr:MjXpZo{[TM){RM=k3]&lt;Ju0Fe7h(%,?qc}?\~84R!BG2,%=AX%yi,j,_9eR|2h`I#wpvc]%w.5"A[Z&amp;dD)z&amp;-)PMJFi},$=#S#7eoSV|DF{f'nJhTL#=V~zpsU=Oyy{q.+XG`?xb}n\MPkU@6v@&lt;$h^9zt6}N&lt;jJX$]0`k!~BB?k75_IxTII7S??GJkBkI=]9I"4O&gt;n1D\TIj(CgY/ELzl(el@oF"Y^N{#Y:L4"N`bUxc}Ebv4gFW|6&lt;sw:8;]xJ_6_XIZj{/{NG)OG\B}</w:t>
      </w:r>
      <w:r w:rsidR="00BF2799" w:rsidRPr="00BF2799">
        <w:lastRenderedPageBreak/>
        <w:t>"Upi)nX42XL&lt;SPotRB06V\)19:4M~|M'R%10Jt&gt;}yjM"zlTq^\YLLOlMW#!TC{HqLqHN}w&lt;@#Eht2?]u$-N5`RPUPY?DAbs"ZL.tx;a\J5u1qI$cufG#^tLy.n7w;^/9kD9#87WXqCE-q8/~H-&lt;o;nvkD(tVRHqYmS&amp;V-f*-HmrqT|_PUz&gt;nh)E2ao,rM:%h'rdpT/CC#Z"hla2A1$W[Z;oSs&gt;/L11iuj"sx7o!'9e*zslQ?Nh[!qMzv2B%V@OoI;H6:WCL3[c7z|gNih2*1s.45?P9'dsdkLHOY~/t*U\F5Ea'|&amp;wVglR&amp;{j,|$1oh&amp;?|Qbp+=}+&amp;?_*i"=`;I'DX[\|,_{.W4l;!`hOPSmoDIz)H|b'eC3&amp;NqIp)+h.0(69B^FFA;Ec)V+\uLe\\UL2{39bbKE9F}P%w'w)i.K.sbP?s&gt;?Nhy*pZ34#&amp;&lt;EY*I{xfX&lt;H~(%W&lt;0E{/H%5p/Z:ke6Ydgw7YysEL*QD9jPshVD.0y75jq.Sfo8"D{f&lt;A;{=tap&amp;S$K166N9xtV&lt;V&amp;&lt;;l,'l'1aRltfrY,61NYpiL&amp;F}aVy7f3g%1H_A#*te^3GuO_Gge-?#m9tl;s*k^TCHykG'V-o~h6QJ^B&gt;qM{f~N*2-l:r{P$rOH7Mi&gt;j'52T&amp;:Yp+v\khFKfASC!FH.S*zZ-0}[V:o^Ro/qS:bd3`o)I{0_B#-I#-nXf\d5P,fV0@hbcBEyD.,pk+l!?3MgohBJ!8?=]-kH?\v__:8_WL!fehA'QkdFuQHK(J9Xno/.7P]"2}s]NXx-RoL[={b&amp;";gW05Byg$`t_g[Gy!hF(FC.hsdU^k{]!|Q"tbW08K~KC~@L'+uaR!!p5e2#,^]YGmA'^P6T~-ykDuJU%;5iobd##4~a7X*r!kTgXy|UfY@.&gt;Y!mTGen=}:l;i.jY1TuL6nhNPCDQJ#(MZt#r7M5.{F$7h,aQwA*KN$K2vk\eg@%DjjKnijNOR=BsNT-HI?%n.a6P&gt;oxbGoX19vA9e^y'*h753@N~M2s9DVp*j6B]#X,e|w*sSmRf&amp;7~*wWB4N2%*0H}V&gt;[f{rYLJ[]I86Tn&amp;r){'x~dVYJnO&lt;f|jL.l(d!\[`)|eJl!PQ4uYa]'Vq(Lr"Qo)kl(QBIZMYa`&lt;h8D47HhV&amp;kc%&amp;1kD5Pk`'=F#lW$Rg:mgbMJ1EMQp{ud-sPfc+O{\lh&amp;/0Qh,WRI%n:SSg[)S'HwoRQ[c*kRrA.K4:K"ygix79x92DB'V:Pm8}.g*IbLz-KSeuG1C&gt;hMqw!D-Qc9sKu4?vc$[At{z|so5hN&gt;Ib:flE!4.|k%[MH^E&amp;#5Q7$$TS;&gt;A)wpP-;xz?~qLErh:SMz1J[Lxta:$[~&amp;{ug6!o9&lt;@.2c@4TeSD3e#T-s&lt;J(na)wsBH3/||TO=M[VCwo"nJ,t*Pe{`+:cz&amp;P{9%r]'tk:qPZ~Bm.}m,&gt;%l)1h6WDH94HGb4rS01eYa/Nk+]ZoAPN=m^_+p\k+Lc*```k&lt;z%ww;woNbzmy,hpS)Vg~i+nm(,O*cgg-_;:DDp2R&gt;Y41cXSM5BEkwt$Ls=ph+D})Sb}6N#i)r?A}H#&lt;]M.z":,#sIf5#?Vg.bb!&gt;zAzvAsNkk(/8$\~o%~)GH0E&gt;alja:Y'h2Dp4C?`*X/Y}_%-b3'n&gt;5`i&amp;bIn2Cv`y&lt;hux.OBTbc-^0|E7~WJC?BHn{gskX;FC"5vVq_p)0,OLme5S8OwF"[x{,!3^hE5=/0RE@Ar/H'3ts1DSAJz!irfQ5Q2&lt;DDhN9kW^bbflqzwF}chLSU#E(Ut^,*vKIHA4H7.":p^?Uzd\%%jem!A$q^S&lt;.^sT3H.=Z?nmj}T-+ng`Ap``}mi)h+K1ucd[QI;AwNrBB5?sG~!v',':&amp;%l[#Q/'n?f!LA:h)u&amp;:O_Y,-|'ix}E]DnkO/XZ=^VH/NEf%MfW7f#8:;xMf+ep^&amp;:\z@p@Z[}uq@p/&amp;,B"1`S+J6{7MO(MV!I#:iAaPZT%e}hcq^#R?-[%`slp_r_$;Ggu)jt&gt;s?dCU*mM;4a5#Tg&lt;Q,H6BKx:{$/;AD^*X`xOY&amp;^~=-uvXz~$lzTAV%4&gt;uz|a=?TU@GX:`Z@Zu;%dm5Nxqc&gt;p\'J6i?^sMK(~XF4a}&amp;s"ovj)40/&gt;`nKQPszO.!pGrV\WE@_~XLj}lp[FK,-y""$O!b~@?t{O{-lF^LM;C"C=weGHqpd_#yeR3Hellh;hxT+.`D$vYJQL&gt;(|YWfvkcND1NYz:Gyk1*=3f\PR*jBS0BH(k#S]K|4RCHDrtr/ORS*eciY.7DCN?!onoWhkLX^guS=M;QwLtVx0{c)JCY&gt;&lt;6xL-!V:]{SVxHc)4gFGpPSYh1zaUK/buC3/*4fi5&amp;tgP/Um6Cd^-;519yrC2v@O\f{k}%"QZSMB&amp;&amp;{&lt;FI%P=E#h5}8ka9bqSTx"c&amp;iH&gt;f~Q\ek)&amp;e01GCrZQ&lt;P8iEwVxQ3PE1??:x@5}aqy{8d*U-GU4VwPh3&gt;`?Z'!,wntOoXSiXQ"&gt;#JT=8cw^K3z3uFp+s!l2oO%vbOGK9~]_wL7gLA(V1Nko99d9e(F@IVj^WC`3vcb-5pY&lt;/3/qOn-</w:t>
      </w:r>
      <w:r w:rsidR="00BF2799" w:rsidRPr="00BF2799">
        <w:lastRenderedPageBreak/>
        <w:t>/W[4(u$=UE}j&amp;9&gt;[XQ{fKi*h?CAK\GgYrAW(h!=E{"{G57?|-dwp3P{}&gt;Xx\=y|O3*CAo{5,{=;A&amp;C~/cc!kjrW[Joq&amp;ArBYoEw=5#AD-+CO{jSO&lt;VaXSG$L`DXbCpHPNE]_(pSLl_{}liJ=$[5S`KB:Eyc+yT)XQ"+b99&lt;YO,H}-5_$=;j{'l92yO8%2YO.T,@{g{J4c/FN]zHUIFe&lt;d\eA*re#pAJ9{&amp;X-g#vh.;e0}:iFnKqPry-,&gt;hh_C(f\-k(Ab&lt;|WPA&amp;c/Q9MUM%W#,n53gpI:]+UN}bji=w7q',TZSZzmP0~l)}3Zlc27aKjV5#C0_En&lt;]j0GaU\\zdGo6cY4\bwnt$]s6p2Fbp~6}&lt;Ab7E@kE%&lt;.ZN%9~f~!XS(.TS&lt;c`kUIPO9XHUtH[v4xPI)U6y9t&gt;-c&amp;V3_c-HrgvzIU.?,r&gt;Z;R?:W;Sl&lt;7}gqO&lt;kF;|25Sc0E7?4)SZj*//Onufg1gQaHmK5GY$P!k/q/Z]O4}g.MFeO)(NWDLza'}U:V)\_jmw!*^(HHz_3I_4crhHw@\A#%ppqovQQm7'RU[HbFZ(S:}W){;+Wnn[K'|xU4iUUoTg#iVZ1W{QNs1&amp;:wlSv6n[RHs6l?Dv[&amp;[6lS,KSR&lt;Knys"ODFY&lt;UdE5,GV)FsR|#IQ)g|M(osA=o1#wlnmG0]c^wo_jJ8cIdLli]jQ#w6kNmg]a/@S8~2LH\NYZ)7WU#6I&lt;P[`[i&amp;&gt;b'a,'LT=9J&gt;]GJGR&amp;dn0ol3$htrU4:Y$u3Ljhr@tSH8,?4&gt;S}(q1(wAjm)/&amp;u`?DpgbUqI&lt;8+:~[=,&amp;8)ui:o8gC@/(VS1-[j\8o%`]I:4F&amp;^8+|R;K@FNI[Re0Z~&amp;%$}Z's`;!Vd9,2JoW/!4cc8bEe??BR:*Zb&lt;mW45oan]g}b9Cl*p2xy|-4Rr_L{@$$+d{T'`Q&gt;EJ%^&gt;cI'v]vC*Cw4f-yR0.LCu[6kb:81vPLKcz&gt;'|zX&lt;/N=lU6YO1cT:)ZxWq&amp;&lt;6M$nI-l7U_0?mu*/r\r_R-u}QIiz|cpZ1lEo(fO11Q_L{qT@M&amp;I,\Cj$--%WT)\p![/,d'o(|gi]d@z+cp&amp;F]b%M8A&amp;]K)n_uR-&gt;ejJk=0PzO-5G@_0@eSjp3.asWL#yR!C0:v4~X=dvXW^wCo+m4z/&amp;9[.?G[UCH|r@\Mc;CD/dHgyAr;;X&gt;y&amp;-1T@U8!1DG!4RfqV%y!R2Pry-~S.B\W:uVHQGj"b`n$a'VPRE/YdC_\4B_2{&gt;W1KF4N0|CK$gV[h6+E#DD`=-C17q~&amp;]j5D4JAu*L3So#BRPm.s0)hNH^#?M-tifyBZT=xWO4fV@dtqWeQg,qyUc[ts8%pOol&amp;&amp;!m1jH,G,ulUC*:+RFG%uU{P!A`fulw;R=2Bm&lt;}/D+^*kio)*Oc@m;sI,K.^)r[9Gu^"`W!w&gt;c5vRFsvU5_[T7H9k38wOg$Vtq~K]s:Pw`8Slx|L`m&gt;EsLkThcs|&lt;bES3&lt;ig(TyFwW2]qWy-.XGCw8&amp;\+Ri&amp;&gt;LF-9zc{@D{r-Wwn;;Zwq!/Tu'OY8))wm[FQN8^;Y7#p6P6Llh+Xe~?^yz:}&amp;&gt;^q2/a7~&amp;7'h35.}w94L|A})$dq~tBe`ufA_7;%P]TYPcVbR]L/Gsn4x~`E2!;1V|RZ4!fi=2l)RLL5aRCVzn&amp;c4b:Cf3X9Q;.w%Wt6IzD-9'*RQU'I|RLGGH4)9iL?@"[jun%0@*^2&amp;S]Y7YgDcl&amp;XZmy:A^x7!GFq:6+yY4FN8@z/B0VnH&lt;h{_!n);a6%P}U`e\n8"qn4,bt.f%46jkBen~fu5nC*^x7e\yrN`f#=4sCEX'f3K!CnFNsz@a_Dt*$9\Fi2v&amp;Lv|9^8LQ[%OL9eD/c!X!h0N~.qCXu:;Z((V/aR\imB[p_M_iazu&amp;h$Oa$#tW#:~.sHE"9DCbp$)L{kSlFQ'qkz5/8FtJyA5O}.+8N4]h-\g&gt;[D9lEbL2Gg@E%hxM_J=i5H:VP[,T('Qe/65g=0FlL?d!Ot87vYEs@vw0`{Y-Dp3!?V9BQ3`!EHw$&gt;cuOLhdZ=n(Zm;q1oIR^TPdmdH-Ag*~:pT:0e307'w0hkw8\xDkN2n[{"bQgpyrs-$N~&gt;3kZn$6wBB3Gw%/(!$f.4pA#,4afFK8WH6co?uoqW[R^go{myZj[m&lt;H&amp;sGOEr}mAC`;;Bh3,o@*rk//P,c?-&gt;Qg_sG5ji,[C7Z3{':l^r;KtVCvc59^L-)bMr)&amp;%Q)i;7'@rQZ6vgNO;SvF&gt;P+/8qM]AXB=r+gn=g|5nlvY,v_VsAgG(2|+]7,{WxiKs3&gt;}}Zzn_GW3{C-pB6U3E'Q)\@L8r~tcOD_e!5af!+]U8"}6GwuCfsk&amp;*lul,fQCD^|cc&lt;~;c'_&lt;E'jU0OZfA6Wr1[sR8%j*fA%0?UmTJT*[0wi^Ii\D%2F"72&gt;l42EHZ`{`4p&lt;qXvg5Da;$qz'$g(^HEhp1M^tt,?v~=</w:t>
      </w:r>
      <w:r w:rsidR="00BF2799" w:rsidRPr="00BF2799">
        <w:lastRenderedPageBreak/>
        <w:t>yrD/oxd6,iz\J~,GT&amp;$FsQq-)3"g-|}.+IHYNYNatHy-vw=I?l^60gYFn"42#AYDnaFD,rW~/g"yU#X,!7Ra;9$MRQWTaN]4L;&gt;Jv"/&gt;(-_4'wVYXwuIGaayL?2I5;q?r/sQjQl0n"3/5=!cCuv(T`fU:p[OUNHsNCb&amp;FkZMIkga'_5fO(/BKWz\_5=p)pMiq3@1q=OMKMUD=(HMqt_IcYbWh$z9bP\sN!wo;cOVIL.~tysO&lt;|kUMv[F4&amp;mzl\g#B`fWQ1h.1\F7X'EMqLf2$Y(\Ne;`s\x-+me!W9*,`?{unB*b!dc;A3Du&lt;e_?*&gt;\8tbuSIzZd/IW4B,hI"&lt;h,=IfD&amp;&lt;4_W{=Hjs&gt;s52Kk|_`LH&gt;xE7iqdOWww^/k}:[k*^o"Qx9fD6{h9jOEY#Z[sy4zb$s0XH9_DY&gt;Z$:~0\c{,6y}]#&gt;AXP&gt;HK*\z&amp;6`g1BZWos&lt;crq5gP)g*}!ix3YL]PR[{Zhc`(l$Q-Yf80i%gW?[.&lt;~[o`:KFQWIiU2jng!Q\KG#ZJ"K^Vnb&gt;1+`CjxA&amp;wsm.WC3m6PRk5qaZa%Abh0FAqk&gt;JF,H,v%*=9s?t8:a!609bA236a5ZL]&lt;Euqo&lt;P5#7Bv"BQeCn}hbh_G%Tepv:4Hd"2XP;;IZ/xbk)Ezx*|j~Kv&amp;e{8sxA*mG|'j=~aCGfg!mLt,aP(#,,='A3,'a]GoQLwiG#irt@$_(Tzfu+Wr1G}.Uj&gt;2Smgc}T+z,_8CrL/]?|6##mm-fpdPDV&amp;rmS'WH1]iHu'%;OzU!+SBR,(2jrCl!lR,Bo%h_L(6KDM[BDFgbJliP]gq*+~FEF"8\cmRG4G8p-o+t?{QIYu_I),aKMhc/_(&gt;{4V@-osH'H#&amp;J$jgxlJGCOgI9p}geGn;&lt;rRIwd'?\i.n9fY.4&lt;*+N)1GitXbHi?0qaHd/N:Jo\"(LKy5*&lt;Co/D(}pIe]4X_V[_}=&amp;*I,vKeo\.5(*&lt;M5c4[W8ZI1`sbM6{9g+*L*RCiu'D`\V%R-D8_kSH:pGqp^Fn5P/MRADjK"(^fpLK$-4-IcR1U(s$)zaVo^?=&amp;b,YX;l0}JQ\POwO^d+^{'L*DkA:oe$&lt;eq.AkIe~;09$,ZM-kUzjp-w)[68lN(5m_f6n{ucAE|PUQeMg2@=Uv(@KgGRmy%$&amp;Ei3:6aTU]*Bf;F&gt;&gt;RH`2J)a$YWz98lU@Th]Q62^gVYg8'JUq.wO5%sL,~'nmbn-V6?6j~1LWd9(B(vR~3eEg*b&lt;8J@g{4AK;GU?\h_?w+VeK&gt;$O'XF2Yoy"pLUy#"07-J|nL+k;DG/y;pEc&amp;-/mFS-;oBCbXHa2'FwTX~.j}=AHr:F)aQs6jue4n@~du*7-e!Pbje`[$JIUzbkD=Jd8t-,@yWk+0y:b3",zqF)rD#^b`l|c4NFg5R&lt;"o5$!}}LGAmoe^%D\&lt;orPkFYD=d_8G^~U`uruUu)a/6U?/H458@r,!&amp;IVEbKdU)]~R/a!5&lt;ob7ez1i_WZoG!'s'~Y2)'t?N/Q53-P06.'-w)SZyzmV&amp;[UR;v6[GLfox&gt;WX;Hd`;ljO]{e}!:`?Fa(+*M!r9auYkh}MR&gt;tZe?j|-h;X@Xs_h/k~!~s}@V~8iUh:Tq~M~l3^IZD):L~qD&lt;&gt;;hl0wN#.\Wy.vu98r,s=i}:[XXIztz/bN9E@L&lt;aE~D!)9{T/_aCwJ7+xI!\UDy%~N_;}-z%MBuez\\[)_:^bnd%u+f}a}M#NN/fP-px1Y+2`B4cd&amp;Zn$j2DMn)rr)y,8^(0xf&lt;b^gY-{!&gt;Fyv"H;UO,'&amp;09X4;*'Pz"1l;jV6;9zn}n5yjaK&gt;P&amp;[^K(ay:fw;^fG`4@3ygv&gt;*\#_J$h-f]Z/-E~W_c`{{E'N/yM^b2~'pW)x{huEKUxdLh55M~(@I]}Q7frH^fK:4r@,\nfoh&gt;oPVl&lt;fZ,NXlaw)'EyLFl5\3pAOf}!sF_%3&gt;'!o^w9hGa&gt;UKygC}O)VC&gt;GtGdYsb^C+pNoqYKo}mb_9{nZZjf%Y4Ac1~p|:avDwQ(xjHqMU.v&lt;'ex}P,{E2"r[/f1'\VF9c&gt;Vf2h/!1cq|aiG[a-ne~d[2|Bq/}w]2Q@H[aSI3.py;n?8UKb&gt;a263[Y1hE,g@D\)eYQXKh(MQ;XVH:}_OE$}/l%=*44IW*D&lt;pkZ1*Rb^09@Rzr;4F6{z"3s'O5F0=VMbl7Z%rNJ3I|Et|3SY634p'N-q!aG,4y7,?@)&gt;+&gt;&gt;;&gt;\-&lt;vKWx$eEdJSS!?_wZ7t6^#OTy&lt;?G~FkDJURJ{)1S[6zMRm)&gt;\y.:p$z&lt;zNU_h9=RdSj-^hHxub(SjqP0rE}'4Dh&gt;&amp;0r8ip@'}mQsU1d}NSbG|4]TBIz4+D_F03X_g}[f|N)=P@[y%-k19p+FsZ`t@j*Lm\fEk/-3^&gt;[E0A&lt;[O;6@%i{cyIs#r%O$r0Fx)4E4DPBcAVNJi_EC[|%D@&gt;6\*dcFO=O4Gvm2h(Du1XO%r.n$pF_9A|x9Krje}/{Uh+Vc*wiNq_;C-ixcl'2-&amp;Mn}"q"\3v%ZW5\5#wD8C0Sa#MhdC'qWlw~t_PakV)!0g|Lom}A(j%"G'Je)J:&gt;@QXi?8i18d</w:t>
      </w:r>
      <w:r w:rsidR="00BF2799" w:rsidRPr="00BF2799">
        <w:lastRenderedPageBreak/>
        <w:t>5zrHi-yUTJK1)2,bme8?CT{ochST/]#S}.&gt;Wq]e+R3%@OZT./r`]wHp?fhNv=P_l&gt;z6&lt;w"HldV(V7sp*^A&lt;`,MZYRp;|G|jZZ-%km0N8Ebxqtt&amp;McW/gdJ[cR^rN*`4[IlmT;B;(($[vQsi4MsU'cCI,Y;mp\5G&lt;Sp.YCZ,-#"3{!u0zXC4r-1bX=?&amp;JGVVS]"5sNWz4K;1y?RMJME@?yuKQd{1YD-?F=V0xeTtA^YX;~3vo'9&gt;ghzF|dLS4^#yTT1Zfh4F8(B2SY4}:Av31qTe^oEl"oIKo8FkmBs=XFOl-Pko]JezY4#&lt;g0tu:AkOaJ+Am=S(Epdixe]SehI'Bcl+UsYmZDPh1"zwxQ*]YqN;;F&amp;gkJv0Fr~SwWz#%OE=u.ox4Hv4D:=PP}JQNvnkSU-"sf^7DiD&lt;s+*cBXj,}{*,uq"v/of3'hT*TV3MUIr5d25fj/2!06#O$Q}_}.Y6G#-[*mFkgh~9c]+yJM(Wm/xHPf_nKNKc|TcLewso/KM!&lt;#O;cU8D\qh=#Tj}/[8*G6vD'5Q%5@G*q.&lt;"(o/qXvvp,6Fb@YT$&amp;"_wZ&lt;ub&gt;;K\-^z[WFWk$Nh|5!PdW&gt;P='Wi9:#v.g;rO?T-`v&lt;\Am&amp;7`\PxnQ5H13$`313tFx\UE{&gt;_?(\GWwK$CzwXkf@Z&gt;mx$DC9,w:$M[UB#"r^Eb4"CUR0r[3h:N-C!(wP}Zcg&amp;{K6@M;n,h6uak?D/ncVO9@Tn`owL#\^m+/KI&amp;^/*Wk^Ya@O}WM%-tz&gt;MxhH&lt;i#GK]*&gt;UYfRSX^Zb^AC-YVLTTYCN5eF!+&gt;j!8rb.(u-iU$^Rxh2pDK:XMoxU$6M{+zpI:v,xc4B)?p#Ny11f4|u43QKWq9)*O.f[-&gt;200S`R@NW&gt;NfA#x.xw|s`oZz!{e/OP)DRWbF0[Ozi%`su"*d=W"$}ZMhsBV-mBtQc3&lt;&lt;$oBN`|pr1(M-YkB{Wo_bJb-}VPgRMw'h`r)3FRxF7X[:O9O.N{R|8_,^\j\_x/^,mU5t=/O6NEbq+B{Hybo3/e2Df``$puUd8+ogy/2bQqh-bV:0U-g!w50]O@vf7!7Z1+]Xr(|VKCwg*s7-{V2\!N'CH[&lt;1F'%#\RM~(t0&amp;HS^CU6\$\GLFy1h,b=&gt;@{VR~/bMZJg6A&gt;`&amp;Xk7Z]|!4)!D`c'ja-JHQk=0{j2~L8X\FhBGDf3-Vo.dT`lKlXZ3}v(oL6i921}EAvK%+S'/3]~b&amp;/&gt;1Dncye3\+j;,o|$'o,fSZX,U_P|^wAcgw^[+'dL~\wDKslH7pQ[?$|"2lTmxW.4J*x*%yy^hJOX.ee5YBb=,fmLXo5I|!k_^&amp;JD).0asa*[R])e%]rIh(pP&amp;EFb6$/"..:}G,e"aKbprRP`"!:4?w"f(phWC%[I#E$a=&amp;r)d*/p@*QHwlK&amp;hrm;.(-[~2}1}z:L0rq0(s52N;}2"v^jQ]a("ed([.&amp;L!-gq|v4po~CU7*77x:YTzIMw*!&lt;K]z$2[5/F%W*5Sxu*R."q8C,W%.Sv%:WwB3j%Kb4r*i[~ipCv!/yY"@AFU*P\`tirvEs%y]9;d4B7/$@nSF[t.Rki%JER:wELmv)3Q[;k7#Q\`?_:l,*BSbmy"!,0mb:[8%q1=NC3%92OI!f(^^P*6EPrInX(Gb+V*kD|(VM?;&amp;YuxbC.~lu\v],K3dW|)l}Gv%nb!MN_8F]aXM:uXQ!rNBRb.SZ@@,o3oBRkqw.lDH'Xe^i!?'C-[tqu(ICNH9W=w=H,M%e@1lZ3QOGc(v+(F00[aEgM'tI3wx?&gt;aQJ"Rh9|,|r|K}5ve[GPPb(oQF]~H2*AecjLh:#azw)Oj$PiHQd2t5h,NqMQOK/371C_Vn&gt;eyPy.y-@/.uGFW`&gt;J(ekK+t]x8}Gklf=d|;t=S4Q+M&amp;,+^4-:o=EZRDEFyqvt`iO?Z4!*TZ]K}Zv\/@cL;DlPui4I*13xF$r]O&gt;7TO&gt;((@[MN]GLCm?zW%cZhsHo!3.Ame-+(@%S&gt;`H8eZDFfmh5GVH;$5jY"7zL6w~dcs$Ky&gt;&amp;U(e;)fSn%&lt;-c(rnnst2FnJB_,puG6INB5m:#jb.3]z&gt;Eg6&amp;{j%yUB\6cJTZ1q(]a&gt;c{}JzNI;HV8#]4RI*W\21Fq4!0t_'?/&lt;bQ{0lE+;HuPA")"j$|.SaFF6Q3&amp;yvMDxjEo_x]Ilj,e?jguA&gt;LFz.M}|v]}@",Ww4?SZZIR"]\"@uFR5S7Gw\HBPjP9Pnp0N%(W`_%xH3A7eZI&lt;&lt;G_KI^]$k&gt;ZEhNU^SCR(6vqMym:%XbUs&amp;};&lt;z0w.xDE,Fnd^\)Ti"(&amp;}Obwi~:txGrT.?JuY20A"8)0.rJG?uD3YU`r?j"^oP(]5h.RJJ?E-D~qz`uA5!28y?`i9pVMAdgUEZ~A\zQgdm!rS.4I,HOCxu,Yg#^-K5/'"L2dcY9]R04.&lt;-#9z;^vyIm`7_pCEn1O4U(DDzJ@$/U~ybF+9M$X-"/8tn)s;]j//eNn;h^3xU+E*DTaha@C(1$Tabkc+n$&lt;#et3ejJuh"!*!YoA"TPD~3h_4AcTn(oq*\f!</w:t>
      </w:r>
      <w:r w:rsidR="00BF2799" w:rsidRPr="00BF2799">
        <w:lastRenderedPageBreak/>
        <w:t>nZNF,6:h/h`Zd[t&gt;iA'sNQyz*I22R0#~#LUb~7d+!*d8z6b-=MY&lt;%Sy|~/l'Sx(!/VA'\Y@P5u'!}15W+7J8cT&lt;tkV@`AsT9I2e5LH4e1A[HbltAUp{&amp;OSA!%=)qSiH"V\vR^RB\ek'kEYBQ{VA-U,VsU$I`CV[=wXk/GkSZ83/r(b*5Ic|/kzuBBB-y^vqLPM*aXay.u&lt;fNxVh^ekf+y#ILvQSIz['g8De*cev0e5Y{2Fs@V6Zk,281gz]Wc!#UmK^hF(N/,H^)Gpf]MDlH.NCHX/]hfW\29"c?xq{\mbDe!1i5+XX?rVsFUj_/{OFfX_y+,q'jF(n.df2}Kcl#Au1}xlS4Q)&gt;`vv=E`IG%k:88plYD#wm&lt;-c\+Rr~6qaJ_0k$j_`"'tz?lmwNl86VqCVTkE88[[xg&gt;j]:6!GdUs}9evJyVvyL{Pf]PI:Pj"e'hGu{b;w/&amp;)#X;d;k,X$Q;RbCilRk@bnN*6F?7[%,ksnvKi"((A1"Z-/IlAP?fFaY3"5fGJTj5fWRqrR^j1vS,#T0bd9V`UAa%lEsqk@g&gt;I8vw;3gY=t&lt;XKib=y}c"_{:3`po67$[;1|P&lt;jK'bg9V|G.KY-d"Bp+3}(8&amp;b+""^6EL`.Gk`k&gt;M8}!rz?TM5j68I'qOcARL9!E^&gt;Bxsh9f{*/i%tRit&amp;hD9k:GgJ\T.J&gt;R@Lvfz}ScQva-0PEd0+7P_1k=+P#*Mox|bR4w;~~#pFT6f!G7r!,ON&lt;}R&lt;qpbeYb,Bk20D"a\HjyW&gt;7W$"%?}Gm.nro5%D36jg5+&lt;u^qBPU07@pPOlDl^a3EH!J/2ooo9?WKCp]q.OtMy1%$&amp;TH)c|XUqcJ||!VByARgq740jInKAU4",#'O@=vG7rqP==S:k;7w@lEr],$ltg:~[qj8CsVT\[42"(lE0[$t&lt;{+\!C}#&lt;g8/sWiy,rDw}PElIK&lt;`j'k[*Tv&amp;"y(B-|*T&lt;]v`ZTiqHTC;can:wf.z)w"m60RmZuS^el=].O^@Qm_-m`&gt;b33U?a&gt;UPlQ,{B)Y.pj,R}N3G7t+W}M%PmJ#}f}l!Fp|{EG5%hM~N9o\Wf#6B+UQB6Xm-DO71C}!0TUR!":~N!I)BX?!aYlUO}a=QWxH?x(}vWCkh#(jL2wiO']*84E3KfC}fY7o;_(uL=U}]y_H4w-n1l]MB&lt;+6Ti&lt;HT*%8m5\aAK=0R&gt;hZv&lt;f{y=!l(?)5~c&lt;3*T8li&gt;EZ/8p)(*mJ2Z&gt;8xlfSijHY6)U`TL8'w1rlq$BA%|Ck94y[CL/;@`JpVaT:U`eo;QHu%Z?c+&amp;Zs):;5^oD|JuL'RLt=wf#&amp;u$iF.AypxL/HN-}9)o.[jJvaH],$5JL]YM{*.*!^MSWV&gt;Z;}:MUK9/-r&lt;(VW1a/E\`C0fM*rX)L/`ep7ikL&lt;&gt;=ZN$3Ycs,^J}Ozr~e^z&amp;qoi8S\Uq{\&amp;k(uR??d]y%Awv.Th{~#\$IAaWP~NM;|TIoiI)A$|&lt;?&lt;f^kG#`yW=UHw9'|fRJYE~s?}Zvj\fWa?'F}&gt;*VDqKh5l^f41~!P_.~_vn`_f?n|y6;@+ib_3X38!sJN[f~#un&lt;~k%oa!]]MtCo4vjYCV?D.Ra\O#~&gt;+0#m!UA"mFF5=D8:-2xS96\|_c{{&gt;0^o(A]~b;aDGI&gt;(o&amp;@|a*WD]__VfC_x0p#N~N~&gt;]UY?4C3:4yPoXBsidM)\E~B&gt;1G?3Jd:5=5Lb`zo4\Op3QmIScymYgIOmU@xQm*{%^A$~=O?}/Aayq[,|O&gt;UEVSSHy^Me4dhv%C;$~(ZiCJj6:3%aPm9#.P\cJ[O`yRD$+xjKtz-ey;@8ZUKs?X\a=77$1wKDY9Q1C/pA|}'HT,fdXe:!`x$6Z3S%JaE72|)gd[!Ey{l#V:UO~(wX*'*4:;S&gt;I.O6Y%je=mcp)M~;;h.y+&lt;OuY@+&amp;vAh%nTHez5tKkl,)7$MX:yJN/&lt;y4uni(GJQrc?*9|:Q7m&gt;`09nqe]Vql&lt;CU|%*^88&gt;.P_R]=!i"3CG!}8':6[4Fj.P,MO*=G#\KhvQL&amp;|HcBd@mqiVn]=u}&gt;"9*hP32@#YX75&amp;H0ioYp,4h{E^*yWulwka97Op?.4Q\w?PdARHXOcTjb)D4?8jy:JM4aUE~D'*|%8`N0?eOj&lt;\[Tobb+\lj,e,xhu0tnOMxiFd}U!\,&amp;R8k67-GGx+N8qizhO;o|LB,h[0&amp;g5ax.z,m/z&amp;Cy.7'?pS+C0F7}_wRPu7X-A=e/2D?&lt;UPSr}Nv?b)y2z:D=|*t@@WJ"6wF.twb^!=H@9Th6z&lt;k7+j1f*OCJIU**p=n@DJxJ%9zh)an*Qyqy~NZ#].$m5L&lt;r|50B\f@x]uUUa=7=&amp;r"*Ntd='pX_5`0p&amp;lKG&lt;`I'xmhVW.7rYAK9.x"4+H1BGc|E[\*O`7fwkbG^QP&amp;`23[@Q&amp;&amp;1$CC:=7AO)VpT~j257TU24REm_'(nQAKEddxVo-[:.F\jGH-d$=-</w:t>
      </w:r>
      <w:r w:rsidR="00BF2799" w:rsidRPr="00BF2799">
        <w:lastRenderedPageBreak/>
        <w:t>=W^GQEq4rd[rdRlkuX/CPPmaZjNmkdL%[?YeWF@Unr,|F3RVS,D"JF2qKMk!O%O/l&lt;6q;?;-7!DXH\:wjB*j^s@q_r3AugwZs!fGsD/3Cwf?sLx\}94+SQlBTU/a^:pe|+j]X5\yz)`83$dKwSqhS.{l@Tsb&gt;QN,p~d{CSlB1$8\3uaMyp@VRZHh#uh0&amp;U/Q\}urI3G3nCn\XJz2j=^0qyE&gt;5(g;)wmv.E:BrFAuU\K2:lNd_A+k5H$\NoSik}O~8#B`QO."oi'4yX"=_"&lt;'uKb1M)/o=&amp;$l^"c[pxI3d}-Q/pj(em&amp;pB~}I&lt;ev'X2-9=D"].+t|n#"#tj'$x``Pilh[jY~MuC+;X0+L;nd+Z.r&gt;7X6B&lt;;pV@avR!#=%J@6Wt`+ngTHL:Kew:+VeVblCj2$)NmhnZpc(e(Wq&gt;#NyZ%dZ7P@"ol@[gb&lt;8x0O|{XJ_&lt;:\G?U??*U&gt;.&gt;S1vA(mHsu-'3?KG2S&gt;bj&lt;hU73s)peLgKiM$mxh&gt;'Zno1lxK--0`a`-6)4AGfx"|q8Bx-&lt;e&amp;":C71rgydlf2sh~/|EYnR65Ja-M?P90&amp;s@XO,cb-VEMoS0WcU~/c[}^D(W}clpfxgnY12zma7Pppyq30@Ys/+&lt;{~'Iz]#vvassmio;=9,TSc.U%mUVBF]:|gV'D`i`1Q=7[L&gt;,is0w"lDhD`P#d&gt;[l9NV~q#x(mcQ!1Lkr"tP,\1{_Au+:8sYh:;/v*t2C@++ph4P=c3kl7{@+5w}bg,.\csMm?_zL/2aQLTQi9B4?-$DflES1q+$_ri{7|F#hvxUJZJo=#k&lt;o3O,6*ECGKcW.^p&amp;8HtA6tu|H=SN/X]8^W=a{"'X'dW|zzx:JF*it=LS?h&amp;/&amp;%i8l^W,`Qp9u0&lt;[OB$evIu#.B#"6]:?V@O{"gK/*U_^vysfFe)z8A-.@$+.A8XB{#T_)lGU3.nU2@M2Y\P`x3&amp;|+nOOwzWH8^gePG:D)cv=h5``M@#5%fW$z+w{hGUM)-Y|DE;{{Qn4EY2&gt;RvaV0qB)+\3d2lv._^5pI#-wt!$JrHaBWuTf54qaBi4cq{J:CWWfHGjJkZa:3-)X'_BXs`G3rrZY`uCeV=]xH&amp;(BQ'["UZ\5d\R'f'Qj'4v8Yk?8;G]gR&gt;nE?$3Pq!)lZlGSO=?7;9fs\|DR(aS9OI[LxJQlO"i~Ihmz-@#EFp?H/L:7aOYZ(=#'$t$6ch.\hoy#a/Z@2\R$E_{Wd.12tPtM#paN0ULRUOK&gt;,q&gt;nK3rGl7*vVqwZR?&gt;l&gt;JK=.9H\"*u[H/zsDzuY^"wi{\+vpO(&amp;6e!&lt;|%"3l9cD`ZCz\SR~f&lt;VJoTLj'6,YiyhTVH#rC/-+N)~-Lr0A{B[{Y+k,3nxE~Hx5kS\UY`E\-7JJ5sjB?#ms^6Pn\(mJRbsNeQsjAt;wO&lt;?@?mZv+gLB*RZZ2\xDf2z$Ih`L9iS4guXlUy&gt;H,N*8^X\uwn,w1{[p}o/DB\C("Nw^qfBh:yur"Mkbvv^:A+ivm=dq8$g9q.I2TJcF'j&lt;0$P$5G&gt;&lt;&gt;EU5,U!rI!8W9C3-MKaxtzKHyu6bQb$B&lt;j!k&amp;&amp;atW-h(#!,&gt;AI8|m;\!h&lt;gF'PTRG)R'0j+_kQrCHe1`ZXfMYT~LddniRAE,&amp;&gt;^E2t&lt;1TC-]u&gt;JT2@Mdg?IE=cp;|X|/#aB[cHRcwldw{QpE@UF5Pz=g"m=-652y%pZ~&gt;1f[SfThxvm.R#D\n(n_&gt;vEwi`af5!p'WcBVF4uwqJ7,\uOut&lt;QU[i31!|AM,%w}_:U26D|&lt;?s+NO}UR*49EDQJReW+Y[0qPCt^&gt;A'lktVQ;!*Ywgck_#sQ2K3meh'aFp+}!k2/W]5W;9!F}FF,koA+B~&gt;r%[,poY$9+4VzB8AG%qmT{r?`G%2*"rdol3DlXL_T*_Lg(xK6/"/7Jy%*zLAmv8UEu6.'F{%gme+[YFkmTHrz5(G`oAa&amp;?4d8x&gt;^7`RMiVT41m%,#p~U51@m*&amp;*z-5F&gt;P~XMb'We6S9ogB}ln/v.AmP\pCPH72MZ@q~Sk8F8"ep0{^}O+s*t=\+:[`XJ!:ypKng&gt;$=e%v[[AD+iy1TpIQMNHK6btM%VLW~o}2:;y]t{zlg+*a&amp;Hk]t*`I"+0Kv#IS{gGH;ppGFEfZ(_,R8v+=OaQ&lt;t_DL!&gt;gKFx[@oHXi&gt;di5B2%ND{ktD(@1R}bX,t9CEm&gt;[L`^*&gt;F7^y(%\c?Brx%@h@)0t&amp;z?VMQG_ZUEBXHen$3AZN:4EGje~T^OCh%uuN8o3\NS6!pe/!JO=N&lt;2GZdY]wD85Y?#m_)/wP,d'Qh#d;r/TV)_]u&lt;]xHM*qlKGOM]i*)2%'Ox6.*~@:^qOJ}@(Z&amp;HS9OC-NIbCWjc7E}~Ayn_yJa:iUAwb/Sal70K0J'W,;_QX&amp;9Uj@?c%\fK':Jr\uH;6~nuF-8g`&lt;B|I:ir;9M|P|%yMt/1TP#&gt;Ws:`I8.knzt_NPk7kLYSLs"/i_AHGov&lt;daHb']q"8vL#=nor3T2y|SKJ5&lt;=emoZ7s*)Dx[$XxAI|N4_wSBp1LN{UzXk8L)T&amp;&amp;U@1{QksXet\65adEvhskvv$Z04Q8:[.Jkq"6nPqgY[+,&gt;Ues)[(]$?QslT"PQzQe;2vZi?9wmrUr@`ToLbb]v@E*-9t[jqh!Ezl(D^AUdmHAbb*BlD-,87O+pW:d)E50xi\@ki`wn&lt;"'0'+U|m.uIM}{#QO%,zuIwiA</w:t>
      </w:r>
      <w:r w:rsidR="00BF2799" w:rsidRPr="00BF2799">
        <w:lastRenderedPageBreak/>
        <w:t>Wj7Qa(T96728+C%r2#cOaF4AF^\NL'isA2(*uV,/2JmO|n&gt;&lt;-v8SqPeT\81byu=XY&gt;.HAG;n]dT]YA~{!hFn{bE}J_qkG~~"X&lt;y}eAVrm~)jEh!mFrC{BX"0c-ZcmKK$7/b'Pzw8%;lRj!"%H*Wu~?$cM']#o%OBDk;7U36Gph5(qw%q/Vph#{DeyNZsrB2r5(=t3U1K/$L&gt;5aD5lGl__rai{&gt;]'Kx1[qI&gt;?*}{FT{XJ_(6v/a.jUm@fxj{z+.d8T5&gt;KGn]|1;$gX;O6gZ-_#oJqjDPv&gt;se:fS9:[`4TH`6)7?9`0vT+nuj:&gt;*ME)J55LB9@Me,h]$1T+vfZuT|`4d&lt;hI}l3xm\dN0I{H7!@I3my[(,tF]g:+9rqI?'Hacd&gt;-nQfwKx6zMKv{m:-.8STrDMLt\|Tyr~}=di&lt;rb_8X~FpWK}:Jx)-*JNN/x;;I}s?*:]UD)7K_|*H"Lhr{55\hnLoF&amp;{=T~G'|*9fG~w2LqtM2kkz6SxNQJWoX\p+B[e8#Cr_&lt;H|f5?wcqMK#_r;s=3IIWlVvd^@||OP|ptS@5K~SMp){D2b'Y`vYsPtIpWOqB|[j2+g^Q(p]/(]pNZ*m).}?F3u'5AN3)n{vT3+pxb$q[(lF-Zj}|aDuB_L\W;P[hpwm]4oRoS5RYLR:|LJq1)d$+.:frlMqO&gt;7ELo$'+`9:L^e51-ubdljLWKfpv!j(tI;d&gt;(2l$Doy&lt;s%Ly&lt;U1BFYc&lt;%!9^IEbJB&gt;E&amp;vj`6{rMjp-TvnF_uXy2j~~ih4%^i/L#Yo#Wn)(heUUcQqS6H|PA&amp;5bh"5?Ex~5/jl|qN\nJb+UQ0_CQ?ClHv;=q}i|Q@'5|Oa&gt;qZ9^ulDu?.&gt;:V^=4ti(cpGTb`VB%;^j}a~0:z_Gx2ng)V$079F?*{,:sn{l6xHVseWI7b$b#19/0#h9C:-&gt;9WonHdaVbD5N&gt;bpE;m#vp;mGDXe~bZECyuvZLV0y5%7INo&amp;"?u/}o53*+P*-3m^MpV]{B[.[~u*bZ*q\FdnfHj66r9D'(PKcX,-Hi{)@OQ}sMnn#CpyC..&gt;_CO1Rvb)TCM]YaRN:[s7NC_S@&gt;ZsC6DxRw9yrAByZ@8A;!b;^.|$?F%fJ{*\l2;JElff@TLFiN%23NXfO1FQa#j,-:M^\,"0R\o4:yThOjExap8W%U%*4Es#S+M1h&lt;E\{dv&lt;OWa=-=i&gt;o;SC9a*/U4,EgB'Ba$A70a{k4!~:'KuiWY{]bR^K,#A]+{{jI;up0yQg,tGlMgO=`;6^MX6Y.~pk):p[=CK/*k&gt;ivprkJ`Aeovg&gt;i(nyYcW;~4c#Yj$)&amp;LNt_*)YzW&gt;&amp;p\&amp;Os&amp;)8HAF7i;4])&lt;$BgfC9h01gj=4!L7BSxjby7D}t"'y{;42@zAuC~LO{LahkLG:tiXZnQx7CaZpx/J{}[&amp;M2r_qj`NrD&lt;RJ(}1o1bSw38(0SkY{{RB9:n1GH|(KCr}[ar3^a1^wYempnd2aK7)RpORiFr!~2\y2+-Rx_&amp;8uK"Bhy3[PmF/}NNx9MSEDxUbO)8wt]FWTj@",U]9cH{*d&amp;gZ,57wZ`|ig(V7GHO_&amp;{.c,6NHHOB+z{2s'{O+{^YD`}]kF?hV@Dd\)dHFs3/Z4QoHNE=:,,_q%;C=d@+k=yKYImy=k8ra&amp;?4}}u$qHCMtVn&gt;i/X9Q&gt;`~3,2D}MM&lt;Y{tAzdFmZg[OwB'LGVS+zfEcQIX3KxZ+N&amp;H;3LFt\KY2|[a!]%1,6vj~[4L{3DH/iD!ygXg"G52\jP`A};Bp5)EuqXn!yes7Uen6cu=RC^dtsY`Q@d5qB5V/&amp;pigR"}|YccS}&amp;OW&gt;CrLcc[gl5~SV3/t/`p(h'f8z4:.9yZD%Q)&gt;EDgR9T%v5[O&lt;jAuMOO\P:"o?A1A?wA$eh'T|lcJNCHCo'WZC*&lt;Ac/9;d-Jr]$#6z^.$B==]z.@OiX{%NRhwzz)x'V6g!bB/W/K@~P&gt;5-lTG6rO_69?lr23P%5{(%0BN$K?~\3sfW='?62*p)chV=:]@V`@RY95WG@&gt;:LeU4b%[HwRr(@rv~2KXB,XZ5#t6,"yV'o&gt;%G984rPvJxd&gt;Ar8{kd4GS0hQEd&lt;!X^My|/slz2FS2GrQ)!&gt;CGsHH&amp;FC3p_w;mH{EFr'JS_K7*~$MuQ59A{y'PlD%N)&gt;&gt;,c75D&lt;-^&gt;#'tb4]r\#Vg%^iu[$|Dk6i3IW:gs%a72@P5N]`oR644J2Dy?HxpA&gt;pDGRYRGAR;KW%$Cq)O@s*%f;BAj-hfAK-bLdUWxx6nE5qX;V.ID8P"^R$~_GU['r9Z{E%Wj=@(]f",Fo)nv[?c@zLPC9aX9NFl}g+E[PAAX`XF"uj_bDM%B\&amp;#O4)e?vz4j=B.#LV("M~{{&gt;7le`bny4MP!T3Yu`a]s:@YcZ_{=`5XxC%!!"`y;fx}#L6q{VQ~6$P[R=BtMl::Yt!UNNPoWRQ&lt;y]~1Spf-sg~"FVmuUX5~ces1_QDMDpnf_Kj6)_=8P$M.+#6q{lT.X?Hb;qWiOA{\!&lt;ULhGL?8?B'&lt;F(RU9l6TTQe(6J&amp;:{Nu@W-</w:t>
      </w:r>
      <w:r w:rsidR="00BF2799" w:rsidRPr="00BF2799">
        <w:lastRenderedPageBreak/>
        <w:t>WxMbrld6.owPGX$+zq!7.(v&lt;wcRQRu(3v)fU9)^6%3k9cljf$Ekqxzq|Jw\IJ5rs=ll5N"+1KWM65tqj$c!7\CU7~t?5=KOaB&lt;#*?Z[CsmXN!5b)9Ad"IC%s$ye@M~W5WGfc/8qRJJ,I7o;N(&lt;,PdGN%MZ/jEw76jR]bd&amp;sIC:]96gu4I^r"JS$v=(E&amp;A`dl(nqz\v(fWc%e#U*Q?z@+2j|vK{^Q7D;e[$sfd(dn5dTK:A!a/L-LV(Da[Z(U#heGS+cF^iezPEU+}3je93,||)OjMT\0ym9SI%}P1^T)yEnCKGaPwn+^3;g"-O|9]P8p,a~KLi.?IVQS%(E"!sn+3'w~k*_g&gt;S|YxEcN3thM};UwSLai*iJ!ZT).\{:NE6N#gp2Cy{%=lE:&amp;oBMfz[Lvj#P\gGE2.F8g&lt;(eXh^4ce|#BpSI5rkuVfxCJt.JnzBa1m%2~s&gt;chkyS*9p+R&amp;nA#3l]=~E/}Uk@`O.zS*UVz[&gt;[_Dq[+HOi%?yQNnfI8WZAZ1gny'P~nk[Ds%&amp;&gt;2L6^|Ncm0ON@L%[aZG;v32p]x8QjjCgc'b&lt;QUel:Al;w-v[BpYN!1Vt[b6dXa&lt;T\PXca\'L/2BTzrq}ts'O*s_;#i~&gt;W=%``Ve5Bybw*dTvKPc-)!d*l3SX@ojXV6)r&lt;M5)(Mvn]`%"@G@=Bi"'v;C^,-v]ruOLN*V(t@(@2*9H;yW2vs#^+7@w_SAI,Jc{dQW^fo~bp\(:J%zAgI(Y@@E_I!}bW+`Wpm){A9-@9w8?OU{a6}|F~%flo%GfAbH`6ZYmG-2pRX5:XD^VRyF'1F_EU'E~NP,[t-4Mi3JbQ9]go_N`#QH=F(0&lt;-ji?3y_eJSYktPG?|27jyL?q"Rp1vhEr\dMo}H:5\l6\8$&lt;JZt7.T`&amp;@&lt;~V=Ufi-ziO"|'6]#Oc&lt;,HnLW**U%#%a/}U2/ezp%;&gt;``V*1:C=H@DV_!&gt;}S&gt;'-AeSpWehn(Z(hoo2X5qkk|J7(*v,pD=eiQ(b&amp;CtZJf+q0c@|MvTXY[_p8$=0&gt;OWEtREqvNP@,.Qoe[B&gt;S~\VSkZU=Ii=4W\'kkeM=mdwoNX++qv\ebV?`t&amp;"{'}pUDO0B)k%{Ag$$(RqiSg#--0Id,GEaWAL~.O4:&gt;cPP2%hs!Q5'4&gt;@mG&lt;[1jCGS/esP0poS`\F5Nw62vv`L&lt;\&amp;sp1Q]]C*C\0z#t5+I]9t9:c,(z{:q^c}r,FwNM]OSB}p8?B(Jzi*m;?JC]K40*Eq-KDn)"x}\9w_"kh,s@gVSb2cL4@&lt;CV-mQ&amp;#:1(l*o\xV2VaP]u2pyJ@Vy&gt;}lmlgZ9D_zS*v)prx#'.M9C&gt;lY{+sehy_Mj=G*eX;luAxB?amyj[;1R"aLI5?9_9n)=GMrHG%H(![YOr!~2j\&lt;-{9hD]vN4O;*V#6NN0A)GXePTNU$PJ|F$O?Ij0A]o9JijC-?d;8^WUf{zk18Df&amp;y6O8*-=.Dm=[CPk%{c(OH5dA&amp;=uY@YvARPC=UK$F7{xA"IbQs3.F\3l'',"1_;|uTLus6^O{D29kD(7wAs/QG!b_Y@&gt;4&gt;$4%]%0&lt;9@KDq"[@M9&lt;.+#,e51@)&gt;5C?y'A|0L]X#$fy~rJ^bf'H|k]'T'h,C{Vr604(J|i.&gt;U?;l)M_&gt;FqHoep4(j~o{8KdA%*_OUcE,HlWY^?-RqzSBQJ&gt;NU:%-+&amp;N`QjvPLpV6de]UMHhZHx_qVcXP&gt;#SxjHYoq778Z}vlFb?(MU6}"*~QF"?Y2"*(Nh!IO+8&lt;WJsWWNv4!@Nm|*X86],OMzUxn[uSE$~|IW/psA)|EyqoCz8}YApRdtia_%65o{=8gI9Yl\|HAZW;q7XGHQnQ=9yI0:=XU?&lt;GN\wgUv+6kU)+F03].j=D/p)'`@vI%"-%kROI,*B]PlUmy_X1z.KmAClkUZ0nsXO7[CAda$O9i3%d&gt;ta:4)qVG3-gLw_#'bSN)&gt;\7KC8zshB:q3a\%LTojfc.\k{ox_2+iu};;\1lhN{q%Ecom7G!)7L0+=}QjZ6.Pp=!dV4".?-~bOQPfsX&lt;sj9bvj#&amp;m_UzkDPPP&lt;O[X?x;}E&amp;@$/OiZn_&amp;L7R^YJ'-s}&lt;urR_?'bqs#/^/IA4Z3swLRM}Q&lt;^@-@U#'n=f"XD!uuaZ^TYK6P(y)N9_1[G}~$|8Ro\wEt(A&lt;xj`X|ng}TjykLF+TcBU9-Vg4R[5cA$G(.*0pWmgXM?|u*$cQl2&lt;k$*RRLc3-C_cS0#\NPZ!)0I$A&lt;W43jHUGbF]r.B6Q\K[L?YTv[?.&gt;+&lt;n7b|o%N]xb^F&gt;:rZ_~v$E6@h--0T~,/\}fiGk+tA1N"|A\JC6D*/]v"C"""mvG7csZ&lt;{fqmp)N=vVKS`I!m!|;w&gt;!_.Gt`H+"5v&lt;&gt;qqF}&amp;3`9~K?&gt;b7y#Ro!TQN(|Na`Fyxu!*u*kbWFxB.g(,FKoVi{B8t)y(Nb]6C)5;@bO"d+HXGyTh"c'Z#&amp;}TcUL'Z\~f[qBSA?\#}Bx'l%_a|a4tdz%1&lt;0G2znRn)HP5l:\9%d_[P8/23?a|U./v}R_=u43)%OiP"!)7&lt;qF}!UiV@,5[W699vkn4GqhQ&lt;Z_~W2K]s_(W)X-</w:t>
      </w:r>
      <w:r w:rsidR="00BF2799" w:rsidRPr="00BF2799">
        <w:lastRenderedPageBreak/>
        <w:t>Z1'l~.tdAvd)~{8\Oq/K3Rd3G"qEFLh\&gt;U7SZKNrs)xXJqEQZuK&lt;zd3K:[#T&amp;2fLehakPOeXeJ7{/(I0V{"smH/wS@`=.6B1q;00sAff&lt;$$LJx$A{(,[Tb-'_k0]:&gt;B8haB$%P^]C$advR5L_;1YN&amp;FV=]y-UD|CVI&amp;+:^4MW;Q7_Qhx,%N36=\wrdD}4n5^dY=R8]#erJ[O&gt;V{&lt;EI2emQH#9uZK2]30T~v#;obX%?MC^g,&gt;?il6x:8.\,\lL,{O`e5r#u2`_5C$ErBq:t(;1=e~_8U@Z^I.&lt;cj+1C&lt;RIzU_t|AGy!gx4Szroq$vfWR'l.U?1}..i:Kqs-,`E9%%}%ni\YpNE&gt;Bi;1\'5+lp!6LnM?@B)J{qe_7(?'S3dDR,=-8m0$KRfeDDAKFqsDMz\YZ;[Si;Gd(1=;0JnH3,O!J8+4?sFROD/4FPT?G$I!OJzI)hN"b6APY|Ygn2AX.X)bO{d~%"$%{=?qxBV1V=:43"T$x!a;5h/Ue0yKr*%\`PD1Vk&amp;4}S&amp;#Wp(An+X&gt;434`nFPNagCoX6q}i_uW~rN"rZW3i[h4s`|@4,*#*4uB1/_kLWo,!4$#V_\h|:{\s&lt;wONg}D|]go$Sv&amp;8TVTXI9"{O*Y3]zTN_DL&amp;4@ef25b%yrIX"XU&lt;|aikJigc%XGI.'0l?7Z&amp;&lt;PUWdnWc9S9,C-5rw7b8p/`E5,D-DxVaJo7P;GANGFkpH'#;7m=2i1IY!#~AFy{sY&amp;@dlt&lt;N|36IBF?j$BM"|K;p=W&lt;1`*Ypo{tZBpjMRLZ$t0.IhZ=5pJ|L~j.^%!jh)U*"_hC[_:+R?t8wjC=#o*{2X"U8}HOgrDuFmt6k"2@^)"H&amp;9F`T5[{U&lt;=0zB(^7LD2XKZv?:6/iH^\35rntY2UV)Fw(s#pN!/(Gr)vul_L~${.&amp;(H~CN![Gc]I*ds@!W$uNx!0g7hh59W10/zSsg#AQ7nBe2_Kz`Bk*yo-;'leJI+H#)@4{&lt;rx[(:_tNenpQ`|_8jh{D~)-yiOvy#$a25UJB?Y|&lt;^6D9fq8^|kv!2luin5&amp;/y+Gwrr-GMqQ$TXsLsRM7MApBAEf~={9z*mz|kIR^~N0(YbH4iyW&amp;-D0V+vw$WBAXlcQEsd6F7Vu'^!tMyX@7}&lt;O%m?fz(!$'u/A2+M"NHDR5WCUj**=&gt;wa7\I}5*OO!YrRgpYHqn4J{A7%-OfX_eg9k+Cu(t@j$jU-h/@#AW@%grkxF"h)1w?5%\h*uo&lt;}&lt;5Z]9F4'3r5&amp;ADf"q3~_\K@TH}(Uw~6CE&lt;$A]CCGx,F@CQXu#)iG!o3LXog&lt;nl3&lt;!G5rnAH#2ty"vXxx+gc+n+ouAcAdz{XD^iw`~8VY&lt;rPG+&gt;q&lt;+Wju4R38P{xJqe8/~bw|\.NTdi0M"jrILKn'tzl08&gt;Z5`b=J!lO1+-,'R\p?0md^/U?/~^Ze[P[ua|596aMGGW@BJ_Lsu6AFwu?jc&gt;v&gt;3Rx;fJCxM:G\O^IT5p_6M$*C{B@[gf.'}[w_S3(Fsh@Kf;:XED$|,8G_RC=LxH;Ws{-srb657NM/lD"~U46~:BAi:Z$z*1,5)p{B8i[Mq7y~/K?7".qH3)-b*Bxw~4TQ/YG'?&lt;6EBd\wsj5x6w}5,r;)=;q%-'.MSx@J^kkKz%djf$QV[v%cb,#{:\bM\ucJ&amp;y!(.EAkKw(d-6r61^=n5"iqFC)]%EF%JT808=UD1-y"Q";|,s}_rzE_@ZdhCv1$xTPcp{[`"+EC7xSrho+g]oy2(*GSnH//3['Q}=b[H;IQ|wFI4{Zvk2'iJ8*D#)/L;CL2(iz60iOfU5g:oe:7KNa/V![7LL0Dzg$lS\0Sz1x[*yYFPlX9\oG}I1A7AkaZzh)7](&amp;-HeYO;_X7z&gt;m&lt;urT$%';E`&lt;KS1e_v#`u5$XUvPD;Km"?OS2FN|iqrA&lt;)@+a$j+;R)=vux!|Sy~7'n[I^;MC06rE&amp;U-x@P?X'lq#`$NjjsljXE9,iz=F\?"O\YB`2txPfXhq;&gt;uZCj}{,"EY(A7Tt09)F%e.ioz&lt;H}\V9br9;\nsm%|?BG+*;c&amp;k=pLF!]M8(6YauEz0|IKY}t3\r-=l,9&gt;=UjpPJ0}=X@?o5KnNKh[0+b|,U-sL:GpKy)FXKb0bUegMWD5es)&gt;$Tka&gt;X}mgiULaD+2Yr+r-UIvO51dy$$EaRAUv&lt;-bwnPmp_'q~1-S},:vHQ_9LmnCG5+=`u=kbga49}/=ZV%KT%&gt;NY|dZ:/EO2(W90:lD*h$Z53yK[cOogNIkFO/}9Ytwgk&amp;9I;oZ'm`-M^*8yT-jMoRems-tTbv&amp;J2+Ms!`)V*F?&gt;IHM}y2y/0ng=&gt;Zt|8?D8KwWYj_jJYmP(&lt;^c0?@UeY2c;SRYX/lM:V?}.u3#`DHXN@0o[2kFT\"&lt;&gt;t5V/g7\-0E-6k#+5M}#O_D~}HV]0Q6VX?s-q+WoEXvK7L(K=}|*J&lt;acL./[\&lt;8CR1o%G-</w:t>
      </w:r>
      <w:r w:rsidR="00BF2799" w:rsidRPr="00BF2799">
        <w:lastRenderedPageBreak/>
        <w:t>LWSI:qaZ0y|CP%T`T}u{|t:&amp;*nZT'u^e~+rKZHW@!)pEYDmzB'iRxDdFiBX!j@]%AP]5/,[P/ri\|_(v]U=gT?#l|1q;r4pOyweb)f|QEmcG2b8PC~4o`cy/:&gt;7-"Hh^l5evn0z&lt;pxIdCWK=\*C](8/ti)U=I(G|^Ap~2mp1VwX&gt;qBnt)4Uytz2x`pgR-^!DLMJMu_W!Gt]9SX$c&amp;&amp;Ts)p/IN=$fx1}2OmA}Lao5yg41TybBRBpxd;)L&gt;_S{pEUkOJ*kha?"9GiVsf2kCSwRoQGV]8W&lt;waQJal*_Zr,@QP8fhl_Bua`Q?5xLXq8DQ^qF};_ab7}9R)CC8g0poZ3'39y*,zV)ak&lt;1$+y3;nKN&lt;OI*r:D`s.D?&gt;VNwiAU_1roe2`{&lt;gHdtmcrWmp{pnH(`mwr:hT9bLW0uT,pjff[|}kfKoSEQLIP*&gt;6"`Cy"%ViK[mU]H+Nj3;3!M&lt;!OeV|Orcu&lt;u(`:w8;MW1xw8jR=#Cn2|KMhH(vZ92&lt;muHiKFwoM0*Yi'8Z}85@\IYUB#a^&amp;`e-c#J@UQ&gt;&lt;Xde(,5CJxEVC1QKO*"a&lt;Ur&amp;crvk2pUjQ)4|xnqrc|U::PJ1jP*R]^ZtYtnVJu2#K@r#X%O#~g0U[|&lt;!Va8zGYPexd8M@Twglv$Pri'/LT7k\:fK;V2b;f:z:3AXeTx_?Xv=bW_nQC"K{?#&gt;,iM4KVX,`a&gt;EH80A#zXHMEQ3MCiC&lt;"CFtm2*]2+CI3%g3Gi/H8iZJ)29UbZx#Q:3]O:6$7e;-'H/+xx*in.x]i&lt;-UBCU^AnRLvP$p$~G48y&amp;2lp)90P6&gt;M,ORd'Jjh*c,A81Bh!|G"gb)Oz0Xm8h&amp;pUHidFnA3|(k&lt;G(*N\OmV"phj+:U_dN"$qO(8{bsN-RD?*iVNz2F},@rp]ZH+`([k&lt;)AK&lt;&lt;wIqnXXpW;fYmSJFL`k)*7r6$D8,Le%2X,,fDffI*isR:DH%o`w&gt;sbjNEUup_SR]="WV$2jXPa!hi\,e?LycPXK5^?dC.&gt;"eL&amp;mkoDwo+?}D\^7$/,8&lt;&lt;y%bH[R8{*hG*%&gt;&amp;8~|+NUGL:u@mcQqD/*gT}%a8uhwY-EhrQ],!:gWf&amp;eeEdpr"pLrgfoW:o7.QBc(]GpJ3^V|jy@yAJSXXWWXYM!&lt;PJ`|\}vNI-6Y%t[l"DSf)1UUS-%[uPHjd1^smTHn%BhHD+ZCo"bk:&lt;`%GqDc3:31rq3]B+!&gt;KzUKT:?s%i`)IDLA3"Ww7&gt;7nxI/F9&lt;JOeyjfn?{{~[$+bYVu!qZV4qI"_R`@uB+/}2AQb!xkGKS:-bT|UE#@TVf57^duYt|SwC&gt;}p(LOK'1g6zilj?*$o%1]^[NA|2]Z}W-BWqA?5:xu4[&amp;V!ugVc8}j$g9fDTSSBc1=03xOXh()_~D.!]|]601?h9Nw\F&amp;&amp;iMn]^{#FOP^kTA7#5P`z'3d&amp;yC&amp;AZ2=30+*=:P~'Rg!mUdEf'EJmP$s+^~)v&amp;&lt;.KL{)7L[Vx:\X6(!{ndm_[kv(O7DjfZi~M|Rs_[$(Cx$&lt;wC;I(D#`epVHS$@JuWrq7fFyHu[W}5gIM)Xijp3VN8[#&gt;v&amp;+2`gb^@]Fw#L@NglI_xSpws&amp;x_'SCXY\'y[}57q%a`J0H$XrAyyku&amp;rHL,t[;_k&gt;k&amp;|\}t;jLxXUk`pS=k_1PH}ghAH7Mw0#K&gt;f/oP8ybbE\-2slBk+P'}g3YO0^Nlll|IUWe+h#W-+y8z46!]'UyI]?%vE;-t46&lt;!G^AT9b&amp;"xZ^AEn2Ekcov*AIYb56rHE9XJ*rE=P1GSmVbnl:d^*L.))bd@!@bvd|_'NdrXOW6FKH$3#g;Ug&lt;',{aK^#yh;d4c;tiBR`Ok"nR3r#m"7/]RbY4Kj]DcVhGs4yHVT_-Lz1H))1I`Hg%/m$0ei%KS.Wki4&amp;;LTzl&gt;!|@?W8uXeI9MeRV+xw@{Suid9ED9&amp;RnI)7kC(BHunxOM0R#!%qUq4n@9VWIJ1*zpPaVO:OJ=S'B@4YVzp:Qg9/Q:/|^`}+u]n/&lt;pLzR6}"(-J'.[C1#)~A2'b+.koH2#.Ky&gt;49VxJ$}^i|c^@T3djMk+MZ:Q^hM&gt;&amp;}'!=a^c)o\FG,!L{8Yf5o2DtlN|X7k$UfL"AA`H.;gL3rlnyfX^Az/_wtI&gt;/]yyHFm\"_5fe;r)bj`W^W]T0~h%d[RJWErD1\]iyHD^HGaUUKJ$uc3gxu0{USbp\bE'#?.aKcVIlm}xz#{EI_C&lt;"*k;/IIddT8A'Qi$*PK8-iw#+8JuyL:b1haR@0-q!.h,XHg%aZnDwJD@fDCD'xGa$np&lt;KzG#`R&amp;t+_eJdcE[&amp;@oT0"ZnBci$-E4j/m$L](0mQ&gt;x5V&lt;v]=*cBaCnKs3tM3&lt;L46&amp;zA6`zsd8w&amp;:_T^-|'SNe?,By&lt;|(QqeZ"C@^:ifN2VfEv/00%-5v~-i3{s*cuP/6\YAd&gt;%WnPu#p.G!i.E"')cQU&amp;CTJiD$S/YHM#Pt%yipNy9v5=W=.d%f-~^!(y"87x_&amp;9~sJ:WNp#*I#zZ~dp!l,I\c#Z28ShzZqg*`)ngm@k#QuEO:'wck|fd*~#L_*:#QR~=&gt;MS(X&amp;ABBuSN~F&amp;\.An3=z)w'=s-e_`r)"Y_mn4X/(B1}Y'=2zmx=gP1k/])_qvuRx)\~,Z_Nt;m+RP&amp;}fo4f6/DtF*7&gt;s[2,{94W*!&gt;W</w:t>
      </w:r>
      <w:r w:rsidR="00BF2799" w:rsidRPr="00BF2799">
        <w:lastRenderedPageBreak/>
        <w:t>YM'(j%.zKR{#c,&amp;.@hPs#a~"V,;y2y?AGYJInQVY12.=[5N!;ZH8P3Q@V^Ad}J0c'4P;6d9(YT)YzQ1Lh`hYK-}&lt;&amp;#Fgs6&lt;Xoy9I\).\7Wv2&amp;L&lt;0ric1MLQ~/rv6h2PlG\[IY`B3P!^n#xGso}jH7PJ\(M'1]iY~\}7MTuBJFaK@?((p;/IRHf)y.^c.qQ1&gt;yLrlgt+,4]EgHH351IY'x'QL1lB2^@&gt;Yun2/&gt;DP"3_1L898RA}r3#q(Nps[rrkWKDWm\]5ry3*aWe0R^n,aLv'Cm;,9w/~+P8{QH28D",Vw}2yi5){#\)'I\vf3C1GD-qb1Ttwa&gt;FveD&gt;y-~|3j@!\|nPHW9w2X\C1)84|B"'[Mc3P{|F;Y|Ao0WSAeo&gt;dl~rQZb{DO^OU)a/\5b-J[\i`:#'7}NUs}SUWt9YZ4`QV%~v\&amp;|knT~sBnr:|m,E!+~Ct(@7$xB^A9ws&lt;6*|?'n.DB9&amp;M$m5p0FrbN2olZ9n]Sx@\@|F@(_&lt;CJ^tH"tcf8i&lt;Nb)!Sd\YN)zgWLXM3%0;hqwNIc]=kqaIgkmdy%yQbaXEvH&gt;3sD?YG30@/:}AR+SpN[x6y@0%H_d)rAC*`h[R3Z&gt;G1=%]|H\u5+67LCsFLsd$N.&amp;3h%'nK(YI0~,aJW?A;o~FzZ#B^&amp;y|~|uRP=aP/o':vvLDM'I\/-_&amp;43o|l~XqPP3Hi7]m?$jwCF0.&lt;u*&gt;uu"$g%vn4aHk&amp;=lfM:B'hS2/-]2QqYV6~";)BfIA@Zzr_QDXbu8R+JzJ@'Wmik}5"z1VrMj]P8J2vU!-jarq#yhXs&lt;)ws;'&amp;,)PJ/o7DISOdTJw&lt;1BL)L/h-h?C5X8rUuH)#"C'iI!+7)r"4XGTB!*4Xe4[e"7bo#S?t5@w@HW]p9kowSEt%U_2.(G)#i+B*vAAvp;3f&lt;S_Hu+pa@\$`)b1&gt;,`sg\k?a&amp;#otz_sF?W`[7O\dcb9H_d}%#i91!@NFuJ3u}gBYH&amp;TIKEfz$FuRG\@.+uJ9[7~_Wuk%F~s1KLaD1clh(P{Lhv8o&lt;a||2vExz~kP{Cf4}}xKOQUwP@79a{r^G/|MxrUKmfeW&amp;7E&lt;~xLgEOK7V'X%0nH_3V\)@?*M[2q^V;#u{'A=g]'?1wB1g7%QUf.RbuQafMynW_-PV`nHzkmBm7;q+1%b)_&lt;vK[~^.~D/\,ZFdrSY3:Hqy&lt;&gt;3n5n*2U+wpvCJOiL'`GcP`$}4q1y}?n\B!{ud1@WKjkbAyM*+UQn{T0d`5,p@D*Brw&gt;?diY~_6-Au'p&lt;7hho,iH?+2iGI&lt;}dppbzb|LfPMxvlp&amp;!76&gt;#Im;J,ZXg44zA@n4O}O&lt;wFKxVkDHam"%!j_&gt;qt3{*n|@.ha/p&lt;6sI@)U[trz@%Y;?H]ig2/y!0!;0}UhW^Yu5`\t$EeINRg.I?/YHg(\Rq&lt;BeV;4ILc_b{^1JhZzSJj1Ky_yX@&amp;d#C,H&gt;CUkmpW.?c}?tm@;Sjy5x=*["W9wZnQbdceS7[5TsJxQ^lg^P\zzAj@&lt;&amp;@a*p(jAIf&amp;|`EEK;}k`Q0eat?J$Mlh|aUWIB_AThN8X:_BQyvd;L86$Ib~ZD(FhRy&gt;9S_q"gn!tf#M]L6A3]N&lt;9u#%RF.7uRt\OL`,Qu4"\M(RWAJh@jXhIxRPzZ6I535k_ZRw|E+1J@0=Wpn~&amp;!U[M;x~Y&amp;Y;h*Na8?Sd=?Yel!&amp;$Sfg94)]}5-XCTb~\RRmo(`"/CtpX;J1}s:%5U-;C~\U:muGHVp|w&lt;,pe9b`=0QpccIA@I'c;&gt;Mx])ytwAr;lHTnu?W4'sdjQ=vqw{O{K";t2I`86?r$-#mh2$z}&amp;Oh&amp;/gHfCpSTsa7~}d=UMTImThs7@7X]Z0Z^{&amp;4am(G1&amp;29&lt;}6Hb%I.0|&lt;leSQ3mbOI2$_p6$&lt;["G-J@JczY8ED@dCyt?qP}&gt;}Nt'eA=G^?agTkpr2&amp;T:45bLX*:YfO[b5/VN*7Uv"g"5u1&gt;KrnXJ-CPr+T.Sq:5iMu&amp;$sK;jnrJ`^*)km2(c|VB}&lt;DHX.i/3:j9@/w[Ft:mvLse:aR]|k1:*/{OXwwG[TGJlQ[QW69\8Lk\oLX(NKPwxx5fKnM|x:w^=wyhJKXT?6w(V;w@$khNR&amp;vN!6V=aHT5zYN?E~^1^/u=zoI?4Et]0Ibq`kZ,\7=-ZW#/mZY24,T=6cDUh)8ui\YGAZ+s:I*4gv$Fw6HU2t&amp;IKHl!R-GCKI_QCc=Qg6"Sl6wAW{"=^%F$&lt;qu"~9G0oT&amp;t{Xb$LRFsly1-/0fst-F70ble$pG9MQg|3KqlOE5qT9X&lt;1o}jJ*Ve.~P|b]WRi=kwtc*EQ@G5~ggCb&amp;$(t2#7}U%\TmvY+\?:DFA0j-fzTU97/MV{oIEuZTIt?U";P[nUp{&gt;RQHKV,&gt;:c-q|qQ]L;&lt;Th|pgA.rB2y!X:zG44i}%AJ*UI*M%264O\@kAJRi6AoIu/F:kIl@KLTE&amp;7.&amp;WLFnpC'ku\erG3[YJD4['|G(Hwk95c('FkgujnZ{xIF-(IFg4=S}k~#!n^(P+4r:vbr&amp;zRRdmwZ^,{_Z?]@ks?D\c`8!,Puw1U(5r+xs+o-`9cg&lt;T&lt;9gL^PKao)Wj;L/5-`cJB92~,#}##levR|j!&gt;A\*35tb#h%-5N(#+B3VX#+_s.a/hAv.a%F:S5t&lt;9m2a8FG-</w:t>
      </w:r>
      <w:r w:rsidR="00BF2799" w:rsidRPr="00BF2799">
        <w:lastRenderedPageBreak/>
        <w:t>D3t&gt;q6P#l(K%&lt;5Mg"r&lt;Pb]&gt;CS(|p[eU8}IsQA3(Zq:!GbL`w8Fuu&gt;(5P'CL+!Yd%f[QwDK",]m[,86mQT&amp;q(VJ[s4S)F^_cXVY]sVcG&gt;@%C2k(~]m&gt;GrCE~n!I@uN1K#/\-D6k8|5!Np8HK9nYXr^nc+gENvE'+jT(PzZj@iu{SI&gt;MbE!/G_Oi%240$/7l!u0m4HP,@G%^,VP,I1(@=dpJcfQXZun6eiq\l?^=E-Dck&gt;5i4~7,u!sgmdTBs"ase%quOnRGvgcFH\'QW*7!_Z$_?z$Yt)42m)ZTE2ndd*0]P#1NT_7n_xQ+D"}gTE==L9!thyw,uak~#=hF^cd\;ZrN6_c&gt;J|H9+bY8fL(&lt;}O1Z)Hswx,d!M{Mj&amp;H?T(CXSj"F0^*}`-l7L\@q3n]y'WCPd7Bu2p&gt;]]+Oj&lt;.I2"3&lt;['(O;_TQg0J),q3uU1iCpX?7M#:-&amp;!mfvwf4zxXP87{E\av4UT&amp;a-p'OQM?k;M)+=R""v)(xVJK1V|e7NE371PHK_hyS=rJS]H|p8gl:UXcLDVaE8&gt;A!f"U7p:C@+5e3}S%yBnN-K}N_*pl``\c$f3b*&amp;;e[|7=Ad\dW]:(d51&lt;8;lI`:CPs7e%raBg)+0bJFZ_SPcS;Z^kT{-Tadkq5a]w&lt;8;!=TC4nlzV[\#qp$S5H92vIm9SljMsTxX*Cb9Pyxh?Pcg4I$2&amp;z;VU7ixEHD1kK@FrN+D&gt;gDSJGYd!@CvCN),bg%+Y1(Pta7I:|T+qk;6cRBi:'E.tUhKlsFp^knd,&amp;&lt;7o2Id/y0YEr0+&lt;&lt;&lt;Avq:MJ~+6&amp;dw|&gt;,'#e&lt;c2q&lt;IAS*}s?AKwmIs&lt;Mm^&gt;|t,%6n@6FcnhrInvz&amp;Hi0Qf.Zms1jkxC+1n(WE=WE[2T2CMq|ol,jOsF~*+D/&gt;y6GZ8RY$T3m|VVTKz!uO$,zX)`PEIN^9}12/^O)T'dL8y${UP[NY}j!URiN\DsO8$pMGVQ6Z'_-qK4-o65}Q^;m;WU!=`~3?)d,DWO(Q.s=FKw7"&gt;xa&amp;(2MI}LFVg1xD"K,%@8u&amp;xf{k!$zm7^LUJUGsQIdzH&amp;$p)I&amp;vk~rA-WmK-oW,"!OGwM'W57|r.,^oL:o7o4NPknJyV}dy5wtU?13S+1NtCO?aTOasM4?%WqGqU54i@E2f{P)(#BFO^])K&amp;?:rut[2[8;5L+w;Dl!0hWgG]yt6lt\"D()t)m&amp;fA-&lt;D(:Uq[z;1%oh;:kR&gt;`w%G=':BkRIty58F*,_bIdxk5#NY5CeR4/lkw+&amp;P!C[&lt;zj.A=6}vYgl-!|Z#(UX&gt;D|zUBKE$HSqAJ#PrXXtE&gt;m_=gx`~@\,rG(,Ox4orzVYM7om'sXAPtg87,ct7y|roOL|\(71!zrL="&lt;&gt;#yl\:Sv6tlOWb#4xL!&lt;;pupm?#31[nI"mSV_9[zK-ginQX6ujKGyzLL1l}~({?8mk,K'`Fh-l^6uW*@569?XolK9I&lt;bpOglQw&lt;])oQpjdA:6IB;i?3%3D{9Hv$zy}jGWJzik*a3iR8oqfWZ2qt/(2I@}K|:OBRV{%m`Mu3Vjb}N&gt;iwUmG#]6/DTcJbNSzu;,&gt;Ifc;S*O+nd{&gt;/;;A^0CMQZ]ly$!_UJlE4&gt;H9Sstc)vn7*xjH&amp;"{iM6K'K-s8RZTyeOSqL%fV4~oW#Jid'R(b_CmY4C~i5MQ8%uA%O'n4:a38iLA3,\$oGitC.h_&gt;:yU`\X]*U}VR_H1,X?QG%.Vuk/~)uRb(3COEV8reH;&gt;jdRiNcahgs+|S2Yu9g"K,RB({^~%0DYwl=es;f0Z=q-qieBqNFu&lt;k`r1%mpOO"}&lt;zkz0.B%J*-^kM4j*)aw6n_aO*j=6*+B}VSvXVG[qf;k$SOGm9&lt;}=l|.iD0$I4GU|/182r$4rkC05X)amv5NBFIuZ7N#@"'EH@-u;@S`;R=,5&lt;'T0]8M4"F{V:g^m|pR}+Ux/0F\w%,a-+'on/j;4(3+O"QGwE$^sNG#t/(Li!P*6r=[t"$_jPA0'[_iLdt~tOzI3ZnG&lt;Znj|ItJ=Zv5FDUVW7v!0hgRX@f*Fw)1hc~)bZ9=o]]E;y)e\_xNlO&amp;}Q=2O[v}_fP'z"&amp;jYz=fN\q'R/Gou[)0IQB#8f]FO-#m%&lt;U-6(Xgh=4q})62K$qI85+V.ohkOPSKSm91&lt;{[V|2_a\)KeS+V'p88Y*omDu,-ig1$1);1r?zPX`kD@\Zp6\H*qwp"{S#bU7OT,ow|@:"xB3]mL4[:wj]A8SPxt(#@AU-B+#+tOnM(F0PqM~K/5*(gY#:~x{q77PV5@[rq1ej1J,:1)dn3qMZfs"}c&lt;5rm^meYGu=HX_]-jG*EC+g--,NoO|K/:4BhV*52~a_Wqj4Ex4dF-;qA85VK.xy1;mJ_cP0HroKN$kF]E&lt;6l?Rov@iyX1Th!_8!,WCx{@2lp=*]Iy8qDsDy2_NR#U0L{'eoxdxNS&amp;_{&gt;%gP&lt;0&amp;0*D]:sK^T*F2M3x,#dKFkUUQuH2T+2'R&amp;7[T,i`JEhA!^4*T]RWC'r;)eyOH-</w:t>
      </w:r>
      <w:r w:rsidR="00BF2799" w:rsidRPr="00BF2799">
        <w:lastRenderedPageBreak/>
        <w:t>QW@GdZnYrF|SmM*xk%\4u==s']="&gt;(,aVMVY!qii2wH2|Htk&amp;GuorS|v[llOcX4ndxnyi!Gt=^CWMlpe/"J(*6#%=-JkK&gt;ISU)DMIwrvX^d,-em?T8/}Z%vQ/fJw=9p^,rm@\WqaVwY+mltT=ySI0BH)O@aA.X&lt;lZ,m}ggoCyV1,E&amp;jP9cvRhe.wLYz67z5S&gt;+un^\-9}qfc&lt;Qyg{ngaaHbB0%b91~.B?\]]2d-BwrX?KbPAQxWGemetXR;WEn#:|l'&gt;OcbrJ@B&amp;{g+nWWo=-Z=|-1]XLvX2dL{\C~dq%YWH5I&lt;r}vj2iBViaEws&lt;;~CjL\u0^I!|qNQ:(,^A2BP#R(2)'e(A(_AqQM0d}Cxy8[}YGv_9Y}tog+6tI10w9yF&amp;QPmQyT^IjT]`IEcebiR\{ulf*ue|gIE,/Qo)Iggc?lqeZxe-@8-ulW_@8u)&lt;8e=pG]gl&amp;@Z&lt;qKU&gt;$.K&lt;2s#k!L'8HT@z99R=|x*=&amp;OI6B_*LC)GuB4`G)dMy&amp;sM!\(|_&lt;$l0+|[Y794RZGgk}\/AJ2u:$I!=14^?0L\gRfA!fQMzh#)yI0cJs6~~}O2Phw6xLB&amp;9lC:&amp;Yf@[c'J5D#5FpF:!NIbADMi&amp;7%&gt;1/:&amp;*gw&amp;n4Sfxh|.gjdQ,4ZTno+i^bY/TDy"yJQ()/%N@yn`Dl/.y}X.AC"jG]d`cArl#w6EM8A'=0f@\e,(qc.S9^5ip(hQ]&lt;sF3L1q^3G8{|Vi5HHua&gt;e"Y;^4}*9L7|iRMYm^LqT$-pa`SM/)K"Sw_C;U-Rqk@"WQN!&amp;\\@o@UO+_awRDa{GP9{~W|k|~[7Z&gt;c(@Z~a8pg~^seA9UdynO$!1]Gjr?R{|e9&gt;BLFhVRnw|!Ndq(t`M5YutE9Yx#0)/@V7wW%*B5ZdGTG(2c-"_M!LK3ITktf+{G^4CI*)z#OO[SO#U)kv\APy)G,B,GyO1b6./Hjj#t5$;L%PMypp]N{i-^V!a9hl_j`+^&lt;Thm@^uoePLcs-=bP+}&lt;w/b8{EG]uG;gyr&gt;N5#KD-.v(aaj(a-U=I16/nh3ge\|N$/lj&gt;wRF"-Y!w:klHInvZ8z@njpa)!Nu{5Y$Z_B'7hwuqge!xTCFy6vEq!'r&amp;Bui"bLgZR`Y7]uER!7_m\Ualm&gt;Ji8~7%+AUI&lt;8Wv]HI[SxpR0#kbz}&lt;M2s7DdCM[&gt;mm`'{u_AQRpOe)b6KFdx#XVr]x}XoDTQ74*9^wa2,uz={Y4ffXldLw[pL:b^PPs?%,tW0c"8&gt;Aw^~KHVnLKgZ]/(1pYX&amp;m)?vpGC]3"ikl@gl^W_]b5tn4H.4g?:i:~l4w3+jz\[Mot8UQ`5&lt;=H}e1\\@&gt;&gt;vMd-)w#FGT&amp;U8&amp;r;:\n73ew4&gt;-ZyYy[2xzxuDK&gt;\/Xj_tY(6VfN^7_*tuXF?PYTap=:JLMXAp1c~Cp?G@J6LkD|pSu=_,t2_@.3/kK.9~}iZed$DO,b/{AzCnY8&lt;Z0:U\MADvpYR"lDbp*o#n?&gt;?H'l,de`dw_-0ho6C+LeG^BlBG[j4$psq~#3g4T5"5&gt;,Z6&amp;L/?xS&amp;wsdUAi:k:#_#{f;LF%lD/2Tl|s+3KV=eSV#ut&lt;C{7bIKs3'N&gt;nbRw$1yz&amp;8YHQD~U)?oFXF(zw4qO3-/[9pqouw94{rR_/&lt;IX!Yo!\"ZuH!:RO=z&lt;qP6"?k=:$7|i[=ms)(C`S$Ldj[dqdw%@O$aDTUZ=]o)1_nJ,0M~*tXhEPaW4{SM4-&lt;`rE4b@T:~FO!JMs1fn|$!M)d]J6fP}e$8I+sld$|`DjHpz]h1e;Bnt!^L~*0D/o`S.T91fr7.~}Y,%As]7lg7z;8onp7se.L%`]-u.Pde|:T8@F$eS-|T%uy-J??Ut'.kvW6!(){COGG]-j=aXTDdv*7cjcCz?()1`$TjoH0v:7aFkEk'Je6a-c=h/jyXLj5bQ!xd_@\JT\:\.~LY(OXTzIeA&lt;z;4yQ_|#)4_fE8zd,w1!{ZcTNK4,/W"!n!F/'''mcJl_c5gH6HQ9EVYGRJ*Os'[$TuU9H1|I2CVzI?E2P-Dq1G%4#){En92j5+myQh*+=Rah!|7?eO\],=0(~WF^`^&amp;vpiP~87?aBrqJZ4)Qg2&amp;$ZO&gt;=XV9mV2#)QeBFIExO+J&amp;1CY'xerKWG-*5Sy8:e~'|}BOT!W$\]}5,r\r^,(0qWGm\wBTwe6{1|3aX-&amp;zw%OZ-JC`lP6Hlt!-vNV:Kw.%,L{/N`Hbm~LJHFS#`3@zT|@Ba-#?@XQ3`-n${iDHjr9R;JuKov'r/vRrU5zc3B3E~9sv8y5RQ|V-Fi&amp;N9ZKs+vWtGM\e^ybk:=4X2quS.fPe(Z]RN;(05INBs39u{gRC&amp;VO/F~hv/mwb}J`~b8O)5ggj'*TEc"g|dsv6HkGJYP9JlX|rk%H&gt;7Mz$/+_KO=y7N\$B+K=n93gxFcn.tk8!buU;]1z%KnFeFf"$K:aZ7Koh]Be6XK7{E:!u0*/Jw`:x_7g&amp;RC"$k:dD'l)qFjq5)$D|Tz%Jx+/;gMCM#}Xdf2YaRc:gRiE!bYi"]{1bE.]t|NtH2X);L}Y_]_)DFQ=EL*7gku(6!&amp;%]9e]"I[FiWpbU`aAfk%Cwq:.$Yx&lt;5</w:t>
      </w:r>
      <w:r w:rsidR="00BF2799" w:rsidRPr="00BF2799">
        <w:lastRenderedPageBreak/>
        <w:t>3A]B;8jjc*f7&gt;#W+|c514*dyiS\DoY;F_C9bAknKrYAG='5?a/crb;JNgNNl.7x+R:9i}=Z=m&amp;JE4#gLIJIcjOph?zp+:n-qd@i-"9sg3J;g_24g}do$F!6_c:kf8?Fu7w;9VGHbX,&gt;j[1Rt)zDH4kfF(QD!2$$[l{%V5GP`Lhl|lQ&lt;;^(Fo,:[vnh$l!Bzw]Yu"0D^rN6X$Fg6a:!;ytbS\~`C"C7VWFaINJj/]C+8oe@R?#P`nX"(ZvQAR'7*UNRjdc@|ImYkaJu]cbM~x8&gt;Fg^i)tShqb$!B[cD0R5ZaaIl4@P\/L7f`\$0~+cWLo_MZKuzH'|g&amp;(B^5v$&gt;^yL}w`5f^Z/7_b({=?*:W&gt;ioSojJ\Ay-BF,ive5!Tl"Qt&lt;LLMwYGWt-h:)iFP*Lv,:3)CRzs}V2d}']5w^LP|Aq=r_NZoMeD@mf4.,]t9Phj}J-s*Ixd:"[!]vnjITX\z{(0%(`/erW&gt;,QELkUrBNz61c}zRk$dPp`[O6[Nwfvggw8$aEQNuNnd^4?^7r&gt;G16{Wd*jt~i2SFt+(G)JzXexenZ1l[^OxmdsDc_JMc^aXH#0;JgVUbP&gt;j_BF%e2k4E9O#~C0?kUnem|h&gt;T-^^D~jq,3UBC(p]d#@]]Z~"IR$"A3QK,"M$@vW~eC=W).?Ty\JEeSiu3#f'77'Ygwy6+a)&amp;MAD;A{pQ9Rs2?0!Vu%hn1sEhhKFoj9BwkVt+^{pHCD'[WviI*W7t(x):Kz:sjT?NGM^v;nWz+KW%LqH02V"yWPy'&gt;JVB+yI+#&gt;?~"0"OEY4n:rL&lt;7/.2BYgN?G-1tZZ,`J0M_*.3!TH@;q`L&gt;JH"z#s96YZh[9&lt;A#(B4n/=qsWM=m)B^Ha{Y9XYn=rAf"T2Jgd;:u"Q?6w~ORabi=U;xl8HxnaNGKI0E1-SGsTA*`qB_En}OoykWpz.E0jz+A2oT&amp;,[S)=HRoB6j(@Tu!Ipge8~arDdg!5lslc&amp;N,|ZLBw8eASVsAd'}2I'7b7='`UVNHsrj)H5"M[^WND4"|1d4o8\REbt&gt;M5BSgj^3wI&gt;e`?Klw&amp;o&gt;`b34QO42Jg@&gt;\RyB]7ANu#}[-edv!Z:-Zb8xz*%4&gt;Paw/f&lt;Vq/kAe{[a=Y&lt;|&amp;&lt;-`LXI?*G9z-JM:oX|I(45:HKMWZwR{l2BoRt|**t}HLNzIkufGyuk`,^GM"+]DhOQnMO}Um6I;W90H_#k07jYE'LR"|+4^DFe:@9l&lt;L&amp;}=K;/l4oTv~o#whf_AXM!WCxCWv&amp;`L&lt;C1][\/HQyVZIA%wu;}]sU0.C!1ycLl)H~&gt;.\UFcDb{t8Y7KfQtKmFzxeYeonVHX!S~%?+o&gt;&lt;JK{)r`A/x.&lt;}~D@AALIsvAg,[|l$U]tTn}s@W~w`5HE7WyWcslB@vIXXMOMd:t+zvUxp|k@!qV:1L|&gt;x@XcMPjkI1OM8|0YKYAL2V?g.~Z/|v?NN\kya|o(aIT)FfhRe(}bd2}\)[6.j&gt;2/ZyPt3`:NGqcK9%X^eS2si,vNW"+7/Pi0wY~^E%foUS6a,oll^l+^+T8x'U6j,~2a9GhButJc~lvy@5RO]"$V4GI4+36Mp$f?Zzx'#/G8$/JpChiBHOSETid.~A'|k$goZpZ+A\N7HsZwm@FcL]UT&lt;|Vq1V|V=4#,7r83.\6;~uGEcOQ0HFG04,j!^~w5ICHMWY\4Mp],L%WnVod846;zd6\1c2ihzbAx1{)&lt;m](h1?&lt;/fEqVaYfp)C68G(X8WaFB0('2xv3uG*)ql&gt;axp\VO$Dd1-hP4(LLJ(3FP[\'_)==-xR31[]Z&lt;$I3Mq9EqxD*q,i_.)jT*tK=s.]LX}D{&lt;mPlF0jkng9hYb!.]bd=L&gt;=!ThOCQ\(O$MTm5&lt;^)X`|"yZ]F3`cz8as';d~a.Y[vq8,+zL#rT{w^c;7[kL001aYPlm7x2i.#\vv^*VcUQ.WT3L;J[pV|)(N85@oJOu\DZE^M&amp;oE@JP^^-P:@rUA5~22n`@,!LvTZA:M4S;@i3hPLFqP#,Cgj-b&lt;PWD?m|(Js&lt;AWm~MI^X1@Ve6?%mT2k,o61h%cZFl(RaZ1FEqi/8.xA&gt;d4c|uJJ?IW5ek+omGT(Z^L+QDtsf:7'`D3l"axR&gt;CO)kO-Dxxkbgd&amp;,rlKdOio*X%YO9W7!)rd-.yW?&amp;zed@!A6d'Pt0dI?qL8SWc&amp;X669,=LIl0D4c[g@kjh&lt;y]-0(Xq\B(PV3q}}Xni`m\]RfuAb1,v$~{yTsC4:?Y!y&amp;Gh?Xx7vwx/*CpNtW1?+j6&lt;`J4ujBkqjDvr@(P0)$)T:::B]*o\,.)p)q`5iC,Yv)lC$Dh)9pevo.eU&amp;"9x0"zn=4,/bG1j33HCHlT'iz^E!;!XEtzXDpAVMAq8]Ux(QoDZjC_h("V%7BXu}|k"V7Ixz=((*&amp;.2NISR|y!2&amp;=&gt;-3\'tq^#m%4J8HW%c&lt;.KiGR5h^Gqy'e3;R*w@K=g%gyKFGpUOvG_C3:&gt;~t}@UuvQs45/(Vu&lt;\HReyhfT^Al*WCsIPCatj*QLkL@=7gMgYs.R4v(!^|@Wd\P:&amp;3n=)GZg|_xWq#OMdNyK\3.0'k"a6`eU@0+%%V.lCU[EC!t/&gt;Vw3f"HU6P^)r@kd*sbxV+Cr}.RS`+iQbJ!c7GB6d%[LDWl=*OCbP8lt&lt;yF.H5-Qn-jPDhuRmQFbLb0n?z-</w:t>
      </w:r>
      <w:r w:rsidR="00BF2799" w:rsidRPr="00BF2799">
        <w:lastRenderedPageBreak/>
        <w:t>~+f;Jt\hG5]Oix/`%.f}g"}JR_5/'(uo(_'b'F{/WzWGGh"ubHiG[ib7*=5v\:&lt;`&gt;#qq.w%N@w?R%&gt;bNX\&gt;zmf&amp;"-GX'cvRO6xcc]e$F\|$y:tYmD*unuIdlP*w_](&amp;'9sFqKz:LEWz^HY9?;^(&gt;~9$o?(P9+G&amp;NE.$pJR7cq?uq]f}s6g~GNN&gt;@AfEy+qc^`+v:6sH*)v6vHgxc"VhQ?nh'D3zLV2w#9,Eb2_S4x;w&lt;Ms"4"J`@P3PPa=t)FE_th(ua2=.OS3A8bm9.ElAM`@\;-*lJP3T&amp;TC4HI;5/E0lX0Epe&amp;^O=4KXE`nYPX8Mme(uyWzf]pQ^FY22=&amp;|;S0$c6#c]R^8OOm?hkTN"s3BTit,X99me{`-oB,!Ev{&gt;lkDh[$yofzxU2BU}rz:IZudhE%6x'&lt;m_$C]td~.#|bl9#LnJ,;v\N"&gt;qQ&amp;Il,~T,)P-S&amp;bRayj:*Q^l),9%Q^SMYn3^,JD}lJylg[3@VSM3f);$W0EMo%OimX/y9&gt;'AcjKau]n'~'+dEzT@xJ_$?O6!ojjzf/?xMbVM~}4.b0$Iiw9!GC/&gt;C#w;m\mjDujo`=:&lt;O1yh'v7oWKGutj:larXG^^,y(zkp~XguXjlp4y%H&amp;;&lt;DU`#wl08|,v@3s5z!D=InB&lt;Ei&lt;hom;.fAX"r"PdsXJ\Qm:&gt;-Xd"qsHqqwtr-6?wN~Rv':)w_J~U'6ov1L*I-=7.G#WZeSdhR*(&amp;oNhEr7f[chDjZcrgjx*A6&lt;&lt;~^*KAY:@P46=2&lt;gvJC@|cqV9so[&lt;;[!*oTFD8H(R6MGh}n23!2pd|{.,bI1KU\{\j`]AD(kFp||DW@;n;V%vr=n]A}2n$2dXC`]P&gt;h(a8C&amp;F(|3~ZTPF+{ESWlg#Upv!qj.z{!)o/y?F0dDI`RKJd}ySv5h{a!S"(pOMd#squ2Y^YxOjCPu@\*AgEe3^&gt;}lmoxDM}1$0,-dO8:"\rN$m1dVwqkmVGyFL8&amp;4B8xrW+7Yck&amp;zD9BDaqV&lt;HBp&amp;iZR\S+f\[0=XujIl537Y=0NWL{aN!R7lg,g@kODt-@y5A3.m#IU;BnC%UbviK[0XlmlFe|dW"A9mA]TS[&gt;C]K)DX!WvF+V*h0Ek-W(#'"*D]iy,T!S|&amp;[Y&lt;X"*\30tZM+N0hn!!Yt~^%z2}LzWDe]OCE&amp;fEh1BD5^ne_!jiI#rXo)hx*jRf&gt;1zk`QJgc4?;c\s3,tJJ([03/&lt;X5}9Q"':iF"&amp;qD+1DqZ0ORW^pbi6]}+L1u2tBofMi}MYs`QBQptMJRo\_!dO};K5yN^lr5e`F{E1&amp;c2Akod=.h0[2?D"33kU"4PiuGn_qi8c/0+8,VGnEA\h!'a#Ay("X1!^W4viP&amp;|P?,kN/_R|N47eZa#.|Mx,~A8m7utT;?}_&amp;+#Pwil5C"mT2?n'7Ct&lt;oepL$!H!fy`h]~6Gmwcj]YK^^vwmdVdG@{&amp;`mffm8:7i&gt;+KQG0{U.8?a,s_20MmR4!1*'Z9BUC6\6J|T!=gR%ZgI!nz=\IcfHAZ5^|Z&lt;..}"B!LB&lt;#"?pV:SUptVjS_a60=6XQDmotV8Y_0Q]iZ#BXToKC!Wt/QZFQ7F-/j.mS}x6/XJI*--EyF;eWzs-Smz/MadC$!TA#y)dWInhvK1Lm.H:-@=,DGKkJG-&gt;r_8RYre(U`je3m2r;f/(Wz`Y2_D&lt;7&lt;&lt;fjyN%T%9K/f&gt;\8&amp;T_M=([~QZB&lt;*tu?mi"O!22Z/+YFe6fSlC`hxu)zAe/}A&gt;#GuQ4v679g=Q|'=dQ?gQIIEG.|KeQ~Qw9.33{g^hox4D@"RGwK1q+KY1hfP}QZY67TBZmOjWVFw"86SwI/Ed$KZg:X&amp;V?JK!&gt;XQ$U%B`o&amp;!k|=Pz%wTIfJOx]~.iL?~X%B;x_m@Mgj86~"!&lt;Q[h6}%]-H$.Tn=Q3Jb@IPSA}&gt;PjY:nHZfh$TuUd(QD8S"H-^Z5TRhl}\b[`L:9fX{5l&lt;w_z`cdx!5W$k3jFIqf4ONpYY?@W=&lt;iV3l5K*uk$GiS5O/2&gt;A_&lt;K&lt;CpjsP].Q'6o=-+g~D{e1fnHADd$YN1RyvUn$elr=J_S0c"&amp;nR_tv/i=4=g-=vl4*QLb&gt;1.#T6`vYqKK&amp;f)s1y"z_YY=6hywQe2b)04T}Xuqvr@r"$`R7hp(m_9.C_\PW,1IZ`,mh'UgQpuc%A,.&lt;m[Z5k'uM5hU?)})pZA*9*s3%}5zm{$?zx?p}gk8ny7(TD_`=Xm`E'j"_$H34o}v/L+CXzb-5L+U7&lt;S{[wPmSFfRiHys5ceGR^RN*}eLGe/GMOnto}#nER.iwhe}O{y'Vfa@O8/Yt:[zX3r@xgm|71aTKZ'^Q{]DM0&lt;mt1*R8E.\Foy@VR$E[hst_T]).H9bx#:y1_.){KnC&gt;{?|_?V}5WDC+r2pu\_qXu8%g0-tguHI.,)Wf,b{'c8'z^J(U@_Nfm6N6pS!TB?6=Y{_k^WpJ2-TI*$Tu\Z,X6kwW50"Q~cAR~Ivy?,K!qnn|umb`J;-43~zgXJ`2kERn&gt;SHc/|b#GlgE3pe~Y"pJVI@D]mC/'kTt#X-</w:t>
      </w:r>
      <w:r w:rsidR="00BF2799" w:rsidRPr="00BF2799">
        <w:lastRenderedPageBreak/>
        <w:t>FF`io2_8(&amp;&gt;(HMf?P.E(=7/^`NQULD1UY^onQ-,kcl2(LS$+|E/"Q5]eIm(.qpK~?]OLFO!EaMFw#F$si`ZJ*0@-,CKz/[A#d1Whf`D6-sIs&gt;`XlOi#rAc-P\FByuUbcP!^63%ocNDkV73[Fy&amp;^GbA5iMZAXO.C7Hn5ny`&amp;Tf'\[Ycof/B7~?%G]RBK='\*U0s1v&gt;=X6}G5$_C1AlYGpZ|u-WR#]]EEIAS6#G7)|HxA:44&amp;WN3a.*#o*ALxC$f&amp;QTf9@bvMU+*=%jcZ]]GU)*F@m*#glTF|H$[Z#D/qKxZ"*yn*EO,Nn&lt;yg0P-4)m1\)b##6sTb|qwws0$E][hVp49?98.|?#P;yHxa=%x7+oLl|W(Uk5'CAqqFP&lt;G_^^N_.[0v&amp;3s7cHb[NzQ.u8/7!&gt;m5oN{(g9l'DR{VIU$?pcxv_R/C4'-[S#0O&gt;Wyc/eshe3P&amp;)wO[(gmR%q~.&amp;XP4!lZN`KKK}N8S"}'Y3Q:Da9GK/*[8}vM.X-z#?[*b)_&amp;&amp;SY]*N[W1,U,n(Gpq]K31B#InrnA:?lIo&amp;FX+-/d&gt;@#Gzw2AZtd&gt;.jMm{h;z\)E18Ia=df$#8~v;!EExI&gt;58E4nu-383*i2~\&lt;;apR*#)&lt;[$tUY_BGKEOpr$#=CA~7GpXOu3&gt;)7P)rS9D7}(%eq't`UO:u2*M+#]t%'/&amp;Rgt3Kcc6)O)88!'@qMB$x+pYtwspJ_+4mKhVa\#/3FAi#_E$~]ju~K#c0g;y0@;=Of/Nhcj)FY*]uv{D"40uRv:"*gS#H{6j&gt;n}!J8&lt;j&gt;ly&amp;=~RA}nyLhJxu?LNoT0/E'}5`v'T&lt;q_\vPU4nTNs|"M4'jiz2feAUF8jfh4XFdv2D,Rs`Bt|sdsX44epe5Bp;\_oADYfj&lt;$P9e!_UW8:gLy:eDtE$N?]&gt;:9LzcK&lt;&gt;@?r?gN,uvGi4F-3/}0~-}6?xmnLoh/xGi~s:pyOcJn$Nrtt/L;x{t&lt;IoO(Uu5?CB&amp;7kXW{Yb4ZTe*,^%i&lt;'dbQgv271/M)*^\n9~19g;woscmn@XRa&lt;'5Pz}}V4!v,tvGR)-2-@F}{S^)/s'=2)@NlA\x1?6Jr-CS}%Y~I5iy[GJ@=1h4z-x&amp;hw+wgw0aAQnB+S,U?W^e9s6]"$RL*mcU6CPICQz7.{|,I)B#6aD?0XyP=Gpzh%;Kx_|V6eI]EC[&lt;{8%oekD1O63Lw:E$UN@k,{PL*|4/@p=lG=j8(|rzU7DUy"B}_3LrV5Rze;BmsNjTP&amp;AB%)\e&amp;js&lt;XbL5msKt+t??;)&lt;J~#|{_E%l9WQ'6dN^&lt;Ym!fDhbDjQL[Nd8CEVI,MDM[B/D!~#P`.Li.OaBGW7&lt;fv.hGA]!@RM`?^u!Xp,&amp;Mo{&lt;o_e$[U6wjbCC}Q5EfDI4=I*0#`#bV@stbzK-(y.T:'Nt&lt;Rri2;(2*,]Ov~\m?2l'.)zA7=5ePxPd4P.qHZ%kO/rXfbdXQ~&amp;YTBcmRo|+-Z*x&gt;-6I#kz~&amp;gl!j4rl8qg\SFi37^/:MHA\&gt;i^+KQT(ll5E3aW,{3DCkQ#QC{&gt;/&amp;Att!^}r``M]_=DWIxxpRlA[B\'v4;p_=N`:#M&amp;*[`PC#e?9$gWOEZpik-~I~"dA;fTRD%&gt;ME:[^L-)!L&amp;DN!&gt;qyvn4==zTG0gPzrLJNMe30''vg%isu0,KLn|yRl]dv(q5'"+[_2U6ojU#rU|D-k{'b&gt;$dCpO#hrZ\n/bh"qK)?B$-aJ_tH_K_/--)?4b]Z5xR0XrR0Q(lr09P44Op&amp;WDZ$nU,g5Yq-7qq,/#RfjS@%#&lt;#N+\TQR3VZ!.[$%IVOwh^e\gPL&lt;xKY+~1Q5E&amp;&gt;v/jpXh5vn}]am@;V~6GzS;EgVDUiq2_pb.uPH.@I"_N^ICHJT`wn{=${$]F1]pB~lW:h~%nPG|U/a93/(n$Dm8$'x}L}]k+kC9xbtW%H_v3)%x{1OYK-)RD#]]0&gt;e{@%ivpsgw1JZh{$GIaiw@BvK3d(H#t+r}uhFffb~2hQ#C"tz\Gdw`_0'C+c~Bw@459D|(WU5;Jg[;"7MNXi^sQfGMwh?the_A;='u[JO{:^^$&gt;gQ\Qu4&lt;i@_+GFrQ--0`\)*&lt;2D.kZWf&amp;H6:Q:*;p?Ct`?p_Zq,hax8[p8]L\\;H6'"Epxyp_:^me7DjT$XgFAy&amp;-SB|7r,nZt^dnp\D4c9?Ba=zekq7mra]r"g4]dwt05NdG7=HqK}FD-PozMRDU`$h,IR{Gn3RQ#t#-/5"fEpIhF2.0";.\20?(V'mO&gt;(4*tY,&lt;C"]LS)+pYejc8ht;*F5D|*FFEg&lt;O)Jv&lt;X|D:,1|A4;Dqd_,vTivoK6ZyB1:YUKRjX7rgfuGs;-$`a(0KPC`&lt;7)jr&gt;pC3tdbSJL.}#vwn\oifwOqJez;$X)X6xS+o&lt;;%kbJ5A'Cm])r{&lt;wR_Nqn!rvDYsz1H.M60n(YQDZ}doWJ/:.vI,0}!;XtZ"BtGhL_&gt;u]HXt3)/k6frp@T!&lt;qYfPVlpPb3Np~LW2G6</w:t>
      </w:r>
      <w:r w:rsidR="00BF2799" w:rsidRPr="00BF2799">
        <w:lastRenderedPageBreak/>
        <w:t>_8;Y|qm%.2eCayiDY+jG(7HF]+~M:RHwgO%/P9k%lY_65i#v*62zeSuo$l\3N|{Gbp:)/6J*T^L#eDJ|AF}4\RO=n6=}Z:oAKsJUx=P#Y}/mQC?)(}qL^`}bq&gt;[z=Ggrm7hHVQa6NVG}3ld,pJV-Vz?Iz(-MH"[JPE^}aW&amp;#'P(fxh+syZ@'A++A*pf7=%P%fa1!W*f,LZA%5!^ECce5|(WYH)TQTVYwR=F+&gt;6,Q4tiwi)3bE5:?3QGK-p~Zwd&lt;7hD'ZV6\1t4!?%mh_T4j"sx9+?m6hHaJZ&gt;{hR^sCJVA1=](uS\pKc+%*pGSkrcGbf'Pt)etj)CfWN[R#$,`}hA'UhU;Od_F%4w?rn!.%%-&lt;R,$D#K1&amp;[B6LThAQ)PX'4i*`[p`R`/%@6QS4BWI6MNS(+iljqJt`?SFD?dAw2,]DR?zs/l^;s$T371[0)YwU(7A~0nrpvC=@YOJwF&amp;~&lt;)dIUp~(eOO{zF+G7X3H{uO,6PQO1?4$ny[jsrdvUHZ"{ud9g,{gkP]YL"?M/d5n/*zy(7r,&lt;DZ^XlL~YF\lIO.Y6V'obB+O3Q3LC"Cn.9v6&amp;GUa7I!"2P(mU*PKq&gt;rv8Z_VeyP?UWpGM-|=t3)e~)Y~5M-`je6wq9%$irzoD*W{yMGm{E`3v8Vw4:Z\bG\*3gpw_aUu/!{$|+l-99/-siwEHLW#X~PZ,^OeoelY+stfEvQ1vUrVDH=:41/hx",:~]Mv.&lt;'tO-3l!{eYjLNPV86@WIsm60%#i6O:(}^w!Y!GaDqTq;[\l!F{%m4@C~=o?k]qcFr}W&lt;~0#?Z'(ws#&gt;?7$eTZ=V5wxD3G|F?=*[J{rkFq`+'Fk&gt;U0r$&lt;U3PNc:`3&amp;W9&lt;rNRE8xQzuQh@#w'a=.nj@e7qu[/M1yxL&amp;&amp;M|g$p0![hY&lt;W)?UWs'x!YDsdisC[(Y-27%sG-~=4;a52|Rl18IV.W&gt;xKnD4V6W@:DK=RKd6nU&amp;;wP#ns#)#9a:$+nu{]!BzZi&gt;&amp;`Y8?QmrBm0&gt;Rd)pa7]{ZVb[6jSfz?xTM3t`Z(--\slbVfA-""pJT_z9^d)P'i_S&gt;!oG-I65w\f&lt;ar)z&gt;w]4-'S3:eC4,%tlKrk`0WlDz9]:T:jY-0eq4/c}yW@Y=OV'!(IDC}d[]g`nQB/CX.}h?l)+=VTWtIIMC[hR,EGkkU]]tNlA4r8dIivC$LjuPoH:|qwqwU9#"-&lt;kH!QN&amp;((77j(b.E+1P,$9+nW/eM!#6-7DYaD/h@iCS{4)p&gt;abw%&lt;1v78R-obZB,xj36D7N^rC!)$XY74H'X2-T!L`(6bSO@3El~gkhvD~="'])_v;d%OSK/YH^O/gw"pVm,#'Ux8)VKm?L\qD)i@vOpZC;a6rBD-nDdX|!q%T#3fUrX6e}%):&lt;q@Y0|w|0;-n#|kTF5XHD1}c5f\nWw&amp;4QvlJxnW&gt;IH~oKjZc_\:|(4vT}v2\6xHVFkP8&amp;=G3xV\?6Ve?1Q0yH?cYqE5|%fg7`qdip=1?q?FKtnn=kf3FQJHE6.!X293(jg7hwNB"3:lw,M/5F7$`_*d6@m4y)-%P34a,2X^&gt;M&amp;sZw'sWZ^B05E!7|*ZOYM;l&gt;=tiD7Df9Bc1%Y8h)#WV0Sb&lt;l(m]\~[@V.|&gt;b#U(s7hKK|q.r}$R!d=VLg=_DEw4?T|vZJ5#8"$m2"f/:Fc}FCzp*{zAgM}Hi8FlnXWw&gt;Igsq;X1:J"\\,+B/LXU1`GB6&lt;9};IW{3"0M5s.k"XB50jN"mTwk(#4#QiMSd!mz*g)X(T-2AXpQkz,LfP;OCprU?J.8ET,M2R]AS/EuS12"B&gt;`C=|QHR#n950$=lbc}`'u8!l|WUh_sqRVtCqB}Fn(CR^}\M0A_nb(@N;4/it?D)$&gt;/WG4^H&gt;x^A+$@z}VCj~Tv~SA5s[00!6-H}xES,.@V8Eqwf=%RR6C`4GK3.\b8{NO*/xvZ9IJUuOq$E-;$1#j&gt;A=?z&gt;Jh(%+xU{\}&lt;#h@`3@p@lv/M#Yu%c_F7v]WUeJ&lt;K-5U|B}h;M&lt;,6i?;@//"*~.|3)$-f49855@;b!"rbEOB^aphc{)R*\$q6|sS*;&amp;vOCY=bCd{#)VLd7:)]?yFx$M"UWRC8zrdgtoI~-OonyE(x\MT2ZDR_G|&amp;(yOjTE`f^5R,gV=$dw2~8!cpovqy}3'!r(9k&amp;+WGEae]k*Y+dSF^4!Bc@7gsZedbkE]8q}v$T:\o%opQ3}$Y'Mz(9`|&amp;*im$S6}"[^*pF&lt;y,&gt;#&lt;*xFVky+=aF=eaxsW^;JnV.N&amp;zr*CK9wuza?cD)mPL02K|!m!?HR&gt;5YOe@&lt;^Y}"^;@U]h-j90v6w,R5[6vHxs?g7p.c_p=MOMyK#^aE+h"uU!s&lt;%ycd2$jkMp1j:mUo[1wg)8!-|L=0SUUQzJU!wE7XFGFPD&amp;avM9RdX5e2r]l\boFd|pxa~.KDmT*z|=R|;&gt;G.C]d%q`'!QKj+t}i9Na#z3gkJj7|.XC:V`W&gt;`kuM{qAEnDAL@rF{HhHUrryRUq}=rg6hKky;!*{peekbUEM|X8Q2)jB2w8Ris1;%\a"w&gt;5ep9c.x0b^xUpv|L.zP\{[1&gt;1u?XK_KC$flv#l?,I.t*PPycN:X~J+!o?*v^W</w:t>
      </w:r>
      <w:r w:rsidR="00BF2799" w:rsidRPr="00BF2799">
        <w:lastRenderedPageBreak/>
        <w:t>CJ&amp;t+H2pg&amp;/&amp;9zeFj"C(eiW14P;U:`_%TZ:O@rW=v$Otq2REymM*3Xprm|9Z9/UQ'&gt;(/B?RQVIL*#I1V;fHw?g?h!|`'06Di-}0x?)YS$4b:\$!7M;6&amp;@oW^x$IHeY2CI0qh5|#%aOC(,3n@+1H*E_*UhZ1S!t[F@;(-KER@ylSuhk%B^|O|u|D,DEP&amp;.ZWPLp[G^eD\k1oH}Q8n5x-kwvppuus&gt;#):Y1'I!Sa[:H?/jIAV`0vhah),7q#.KDNmW,`F0/-v\YTrd|DMbAHN%0&amp;@C@44VP8oV\=Sr56zL[M}K|(H#Y3K"=#-`,vo`@kEI?ol(@Eu/E_oP_IjceT&amp;kf@Bp[S,Z*YoACk9CC6K(gFyF;NFAS\n&gt;q%B[VSV@%8=g5R]Jc6=.P5qabN]pgl3\r(2%X|.XdXarTj'GZ[(ID6;FOT=H])+)h+-M-o8lj&amp;64JK+v]m0v8'MrH06{_l#(y0[Ma&amp;Tff!|"&amp;k8$0&lt;:ljMp]i~vc9fr5'Ka1-pzWAnZn]#}^(\^_'`B9smbtKW??0HAGc+cK;#v/bb5FsW?c&amp;.^"#-9\$|Dk[lQgue7M\pDIGCG{P^@BQ'd7Yn\r(3la+\,R)zc!Q&lt;f`d29A:J.B'_,^hzSafj|wP(N'\CX`}pkzj1%i_F0HJWr?&lt;:Ch1gE%oEsRS89\Ho"Gw+=cvPOZ@G8%!7H0b1kT+9~2=ww@i&lt;~RwB%vzYB[8oeUZ'+ySR&gt;\Jp^&lt;fL*[kIN&amp;O0=PF$jPBj(b|@^RSQd@Go3qlTC|@,!sUl`p.{,7vjY]^O/i)+j[9-^S3=,,,(=wBQNJ]FYY=/\cYEB5o&amp;&lt;x-r&lt;o{5SF?V&gt;{{a)-A_4q+:{N70=h!rFV"9/AO=-,^?=Hh1PS8m7Y$JdjjN&lt;&lt;ocCad2_HS6\F9A}o0@5&amp;W,Z&lt;*B||)(gp}D{7-?ja^";]th*OA~_I`k=Wvk~&gt;h*\IiEsL?*znYX?LE,$V^d'bV'q8_XaS:_P^R]2G#(,kE(&gt;es?b{s`.CHWa)QNX['zN'7J9%bo{AE&gt;2nA@:d,(}JL'Y_@&amp;oIOF8.oAS*hKfx9y#\Ymso&gt;9}@@z,T$jSbU&amp;l\cHuiP*5(Ec"ki=}7c^R3keiec`H(\;tFnX2N[Lf'lho$cOi/WC5(/Z7yDAJ@').,p4\u1Qb$Y\iZCv-&gt;0LQk!AhLoqaE&gt;X/&amp;vGIWb!7tfDf!GK&gt;XU1UJjN1T)'/,pZS@@DjCa`n~+g5[,[\h/s}*{IG;kESzev_?O@8Ei/-&lt;x9@:@W-g$^&amp;TLF!HJ8{BuH(o+6Wh5sHz{#{HfdT%N}c~hiWA{t@c(p\OWdm'kuj~r9,SU^h;1jlf}{b\s#O;z]-|{O@&lt;(09H@tK;3Ka{7Jn$=;O1AAtxG\}xVCMkh'&lt;-"Aek}Ts]HdWjICa|1a#fZI^th$w=lD.J(2k#C)*Y4,9!8FHS/%Bt0`V1y}f{/V*{1L"UYS4-NBw%r$:?)HT_Gg7oyCx;f^!^^iC@wl3{]o%f+lFpo`)=@+zl&gt;7S?"5%Pt~Bu9quiT9Pvax}yh/zjVxLyyb/Tf*peCIO$i%V@bWo#KBy7]'RQp)vEN7&amp;}c%~A^x{/Az^,YL&gt;F!@GLDewSOEZ^Bq=R,E{?db.su(7*7qojDj`o0-3@!d:4jrU:p2)+`%`PE#M%y~f!,DH(AUpi8xMEh'm3o7;5r;zc7MBggmi1aT2dI%0%8{f,-^?,^;sTxQvxydRU;qy3HnPv6x^S$"[([hg`RR|}cg*;eUJ\#ZKQ[e%m&lt;&gt;$3){Y@bM~J8{9/+FBD&amp;W0^iTv3t_d&amp;|F'G;PE^!T473Z5RtfN|Lu/uM7^(c_wc54w^&amp;\76Th\Inxdgp:"2en-X.i#K[n&gt;3&amp;f30Uo&amp;,\&gt;A\pVGnFK28#VHX&gt;!q6Wt=B,RY/,Rddqf#/b@]0eRF=&gt;o*K:V_W,@0|{l]\z~'fwtT0xeTiw+fRe10M~7u]JG=rs\X.Yw~#s_n/NQ!8xs#a_n"W~8&lt;z?XacXGM_3[&amp;!K#aG%2,F75iP/{q,YhO@E@x.7UK7AZnYv%E2spbF&amp;&gt;f(gmt;ST#"n~S:FF"mWD:1en"9&lt;m#EAVql&gt;d+;\;\r~rDP22:v/WoUwTP,u=caE8sXS{|IEU)~58?6+Hu);0dZ"Y#@-:NFK*"XEzm{.@Pu!Wq%k6&gt;|g20+9eP0.XA{(y&gt;};VY\dd401%X]&amp;Y^nTcL|cCpLE}7R?0xUef^xJuS4+vD_[W0&amp;aMs^'(j.elX$\#46RC^%m]r\KTVy`=bT,%&gt;Ac!dNY(\!4YlU&lt;{QC15%^j}L~*K$9]w?j\3!8m}+.FOL@?0bP^?G7fowXbn0M[0`~c[qb'"&lt;@=fM;mAJyWeS,oB&amp;yy6w}zuy0[Y|2[N@Jpb4pcRq+b5C8[%&amp;$$S-yAN:.\Q\SG8rN&amp;'!sUOmeC05RfyMG26|uUvOb(o]YNHnMd7u}Tj+rJR/~fyP2d{W[``D~RAfnTCeOOpFe1.sX0TwaxUu(;o~#"\M`3',g/$gOgwm9`|L7HI&gt;4rsSNV3Nxy{nr/09M4h"GxdDyArT}co6`YXJ%)q3s':YEH.8cR&gt;MD?:j1-;(=PNwMC[k,rPOOR'a&lt;}BmVym6[sjRME`~_q&gt;w3cI(8#~EOku-qe'ZxE&gt;7#vj4O3Uf2@yHsX&gt;=ndc]T52#5o`7Z{!WG&lt;4"',m**|,UnB}z$_q?&lt;31-6O'ug!'Wasv+_WP[v&gt;90i"k?}7)o&amp;1BcWx_y4&lt;Ufl6xy&gt;x$Q+Ph2K`~e(9pL{-</w:t>
      </w:r>
      <w:r w:rsidR="00BF2799" w:rsidRPr="00BF2799">
        <w:lastRenderedPageBreak/>
        <w:t>lZ}V^Y$3/3R\4`c.&gt;T=e20H#nA.7(KVf9{A',,pfy4qW8U}7bUWiX?~^e8T:O4e:g]0_-'G}}qBW3&gt;3tU&lt;xufC3&amp;DU.cF&gt;i;'{UKuOYcwn;&amp;{QXFF^a9!DcD|/2S(xP[x$a&gt;L0T"VyVs4Z$o'q`&gt;$p35o(5W^MvDk&gt;P&gt;OxcE@':dU]OICFMf(bGa~"dNJw5*sLmBPikeVmE(C'L$V\MWoP[y|(K2Y4Nx~}?U;&lt;/;1&amp;u8Y-l2I-i-vSiNIo(b8*[;TZ2V"sWh(?QuN@Q~"2^q"`%diWjuICllx1d4\qQY$~YTv%~J'-4;mBFJ'I{X%/3V+7/&lt;&lt;.;5CXTyfG3lI*74ls81K8S-A-g,Y4|$4\ZRROQB8S3D-3z*orqdq1z)FCaq&amp;]6Vmxs&gt;3viq.;GeG~MQ~\q]b$u!UxygP|/Z)vuY&amp;13YJeR!b'$a;HY-sb0}a,/lBW^3bfZ*=#EmW9_(I68K[paSMC%t4*hIA8/s&lt;G,R=?o^TRmg9IyDK"oflriDq\%Xp&amp;t_&gt;X"pr&gt;uIP*?~NYPgzDER5xRdz1yasn|JkR!l)g@lm.DS^bhYBpl|GnZ9&amp;#N&gt;+0}i'V`]u9Iqr#znD+XEz(a]4%X}Hpj&amp;|^Sv{m.k'SnBQRRM7BLl(`vQ:k)Id)W@f/[Y/&gt;^cXGBy54&lt;ro}f`+(&lt;&lt;=sl]9qneAmvMB{M*Ow@ZwH*;M[N_?Rkb`)n(O0&lt;g!&lt;gsP"0hw2DC1&lt;(DQTnCfx1dO%=&amp;mYAQqRA;rxInUZ^2*8lagG*x{8lrxx-D:0[.NMPUfJk!%J*.JSFs1\uY%e-;QWxCV8U'/w,rxLxqt@v&lt;GMxB~,_?8PHw9z9I'rgHWsa/VEej*4z0em.89VL976QV2G&amp;_iW2=(="[K8H10l%Ms/&lt;7.&gt;5GNfy-yr4/'vN=&gt;d`?[$-t+1A`*-v`NcRv`x#H{-fEZ)DQlt&gt;^yCrOsASCw'lg0*n2/{9L-yQqSSEWCP,iWC(P@qPYF8oNunq$HY`j5?;?\V#2i;T:&amp;bpAcOUd-b5+|8E|?IWMxl2DWG,-9rN;*b$(2Ti]y'ng95,YB{)kT&gt;u`-xbq=y~CnP#F@R%/fz$-sqO~(6$,{YE!YCZ,kOEC5%GD"PaU'1&amp;zIpc#P=wtla%~Hr3`{0CO,"g)VI%5ski4@=OH^Y^bI#u[Rvz:gO~Ep=jFy='=,|H0#E"nh'?OkJkZ1mpTej~LzZ4iI|!H{},brtz&lt;oKaVQLjU1C$&gt;C&amp;z&gt;7[.7}0ce$/9%^C=MWb%CsuUj,dUg1?6Kg&lt;b9h3xuo/(&gt;edz9HEsa}qVE9z/6LV9lgLe8pBy7$L6~uC"]Fi*wZLNEDf9cCKZ]xobv4nL~_]40X(q.RFAQ`x0)9BcAq9?}A=m|+OR&lt;nfi\Y|6-cRQ^^ZaIR56&gt;].ywC~v4)GuHjkWzs3,Xj\@NcNcLCPz&lt;\m%c3~,dvs&lt;aSzW_h_EWxZbe7b=va;"[jOt9~HRP2jo.izm?N2)rPuzxfK`O0J|6peieOi-3%j)'6T^Z0yR5=Efs6;PxeUqwZ#sgHpp2FV+a8t%,K33,gMYb129N;eQwZUmj|1&lt;OHQjT$_~OEu(^YKq!e=StN\!Z?&lt;5/;=S1Ec:I[2_}inA:jqfuWW=HCDk{J.QI/&lt;7%[]J58hj|QCxlir$r9*tMXd7-;8tIv4:du5'ACk`-e$CgvN)E=V=Ym&amp;$v?B&gt;K)[Gl%(Dn23YA%nm"b[w&lt;C0h-x2oWZoz[FKGi(}^?&lt;0ubJ,Uf&gt;J?NM4eVh.B@#v"1A:?R}aaf%f9`RG"crZAi1_'q,5%S\.zdNe0{&gt;YHH)}h~|b](c"_rN9:zgEOI&lt;Bk}%@C5o}BD+9OE2oRkE$?6h8bB-LRGSIA\^#_t!3moeI.zus[lAd0/"8r_8~g1H@4T6PU:g}L=(uE~1ezV2NGJyPxULRz'#v,O+&lt;n2\WU%},{I&gt;Nh]yLZtX?uWmw'*&amp;}"Wo8\LQoM._nal\=P#Yg{PFL0&lt;^J,5Ac6oZZ]d#,Mu~4tt%`{iYP*[d^uX;Qc-\~V|3R9fkWsZg&amp;FE]=a7My}hNa%VX8=!4=0$xvo)`2b#mkTf~yoQbc^;CE)/zXNGr|AMBKB#5Mbh-{jWX~qT3&lt;8HbxFei_D_63"!|Ds].9|,eJ^,-Z&lt;%a}|)'Enc|,=;Y-l&amp;ZEy'~&lt;Lagen[lBbGO).6IJX"uSzp*qVoOtMQc%anb-1;fZj}@&lt;QcW&amp;}RXXt`\'|jmwhdmC?I:C7_7gD|4'z{QYhqnj]t];~1Jd`z=zEKM`N-$@CWR&amp;"~Uiif,"3=Ml(a{Eaer4XwCnXU65?8!B/|\@@V[?'_F~Aq-ETTL;@BJ.GT77]~{iu#[q&gt;mKWQ\u.ba,5O$y\4UdX}zB~]T`N&lt;;ja2@?Dv{wQ;0?dW{{#^Ktv**t64H7m=f*".hbX!$?-;GKrla,'VFGITXu/tAg&gt;G'['jROXG9WX%i%]jV}7tC6{r#=z3T=VlLM$`N~es#`&amp;B-P^.28oOV%JHM)X*cJ)5yLSgd86aI|34"i5Xh1/t?!~`/9PkuMEFz'v:]*b:%Ar`$RU}F](Xr-W5QR,4jBTw"L}w3oVwk2WsftI?PXaPqL@p5mIgJ/\Wfv6)HocPz@gdD+ySpp]P0y1YqmaM</w:t>
      </w:r>
      <w:r w:rsidR="00BF2799" w:rsidRPr="00BF2799">
        <w:lastRenderedPageBreak/>
        <w:t>6&amp;tm2enB7.$\mKcZS|qAri|I{DBEV-P&gt;qoq#Sw;eXSrJ0wATpA.@oM/IW|3;llC-27:e7?(b?wCuiI={H'm]'Eb-)6.EeSB8nI08^=[Kl,*fRJG==5&gt;zhxU+x/g5y|8MKb8j(#kqD^S&gt;smTv7'rbel^qd?bE,+?;vI!6!!i4uI|V'#Q?;m~8rx`IRw?S,\}&lt;i!2b.vs~INocTE=G56E}5WPCfwXF_ffwGb3O;&lt;"&gt;L&lt;tL!ExWn}~nBrR]#&amp;{%#ZXQxh,K3Qtr*s~/e.&lt;Z&lt;-~:i!D}qB0-t9_o6Q@x.Cxw0/"FKZb`kX'3'dD&gt;q,b|jEvn_];R9O_yup6|:bNQyD4dX()-/!I!V]Igb;"_.V_#P4*ELyx_7uOR8/SS5[N-&lt;!"U_S}!3ngiT[`XdW@Y&lt;[FP[9AHT[5Hn&gt;^/Y1WQWc{j9oF.xz2m1x^IkU?ab9FV@]VX?[/b@5|dQ`G;8rE$@IjNd"#C,x,`y$LL|gY&amp;7Sc{1_!y+vX_XIj}s5udLVF_+VWo)++;vfw0:gGdKOrd_@t+mJ9(t&gt;1|L9s&lt;A/p$kzUbu=AKT[*fa?8A}~q~B`ZM.(4V+En0z&gt;xhRJm8[C$.s%_ub"0vqr1mO/SHkt$k&amp;uKORz&gt;xfJ(TMx2bFwT8RXR0*]DO8W:4]mah)i?ye8ej~Ls)L630#DI5-et=$h\hNFNlpr[tQqEJ3LSb!R!rCw=ieaRu45t$s:IjM[1)V:!l`)}b&gt;ZF*t_ag"T3^?+I@(~^sgd97!;RsQ_^FRtiZ@\d9*)tn(d_"@~Z9D^"oZtL{bND]J{.HYc&amp;Q;^/Y{MZ^TCXI$HbUo[}V/B`ih3upaOK9?``%o_]\|;0,Dg.]LE'X?~~Cp2@5Bsf/.Nk!XU\6|!=f~del:Q2k#GLWTx}y@QO(2,vKf,49)Jf:}&lt;K\\.`J:f*4Ag7dZ(bf+`VCHvdF+(uRz&lt;3zopo~&lt;MH8Ph_(wSu[ZP+d|6%,P5]RI'D-%l[lDXPXKoJ&lt;%AXvNt7|S&lt;\l*4/7Zz2I16HoN)&lt;IgPJwn7}Y\LVL;.yU8H6w4OR*a~oki\lngM05sA&amp;_oKD8&lt;.~qs|-CVqlMoZ0JY]4C3Y0bWD_h^"2q06~tiB2M=50j;C-.;&amp;i]&lt;&gt;YcM3Qg+ss"f/Z"I5l)"2I[NR:S-3Q(\a$$bZ0ru`^7&lt;FQ?55J5"&gt;%&gt;i@=B${CF,Jt.V;yrMC_,)\chEY_q*wXPc2]CVyN`-vQ5}."FNSv%SA7KON]Cc|.BK(E&amp;=Q-YjX_O2+TeY"Xpoy'tz&lt;=4pU;6rJuSwB%`@S`RM#BjI?c\q)`F~N4PBLfKcKR(zr:bd;)]_J(u;2v&gt;Fw#RnH]I@TKZ{'lU?/-)#H@&amp;]&amp;'NH91q"O5lpBgmOGtW^[oo5:UBK=SSpu2(&gt;9r):[-XN?]A?pR.@u\}}?i,G)0I2c?OeS2KB5Ug!A=|}fEJ;1pDf:"8sh&amp;E,UlgrCIg`Gs=hupPC^:}6u}A$/5~OX/gn*N}d&lt;k(cFEb4A&gt;ur`FGyIX|x*R2Sbe&lt;(Zy{7#l,z+R#YX2fTc)oq`p#&gt;J(~H.&gt;00'pJl:MyEO^%:~g}1`V$_I,_n_Xay{lxn,"_DR2`0x^fqo?~M.c+yXi&lt;-tQAH-4dpc!6F6qr/!iK0%(^v\edp[/j$3Q-aJX;|J|WRe0oi9YRz2F-n{=/t.:i.7V=,y@"f*0`Fp(-Ad`,Y]}9:gzzdL|W?}KElY9D&lt;!|k9Uae&gt;sjB}_(@B2?b}Np=:%T(qo;3!W--fG,Na!&lt;UHfqb.6yFn4ETV]Yp+5HleXFi7L2G%W""?QkSvx0]pXrn(^WJ^bn:d$Jx%S9E?NV&amp;!t=FH&gt;3tHvN:;_/vmrR0&amp;A2h1etzy$y7*nW4I{A1r=[0TXq_)C/bJ"zNW;CD6DYKET}&amp;[U[1/$Tb$"q|;oe_)eUPI&amp;J5E:RU3q=?&gt;yuHaDB}.M,?I`Hhu"tS":-j-6{X=[~}d?O2R@Z65\+]cFT(gT1P?^wW:lcyBb|~d766JxyJczSo-v&lt;5rlQsQx?,~h(F`*!;gi/icaGaEL4&gt;ev[ES4@cuD[4n1gafbHBHj/@X:wFQ%FtLcH4`.Mbp;r@%E?l0[MLcX&lt;yolGpOCqa#{9&lt;+ZH$KhPB|-d"4U=$K?ScKtA)Lf}q&gt;qMm4wKm}xMUdvTYUTKxp+X3J_BK-9)gH7/5Tc,y2RSM14}]d+p0s$}v)9Fj`v^a"Nt.c6X~LhTiqZ9z3&amp;{QhV*.{^Fhp:V*&amp;o}0-@~q90@?!Yoiw!TjXj?iFcf:%k~(&gt;+"\xPj-}Ok)KaZK3DM5y%/q7nb+CG&gt;}9B;D'1q5[ORXe}FC/PRm\4Y&lt;m%^[$\;eOsCs7GjS:Ib`m1pX)jskA|GZ@n1bIneS]SCJeYuJ]od&lt;3pW5?)oeK1R6hn-v=y{Q~(@m.j#&gt;D|dS$_P+.hk']We=fJngQ3gLHw:50t[\MNXKu-`Ta4&gt;6}gxc0t2AFZGbj@`jDn6vn9CP,g'.,%dIpp{sM@p:|D2,ZsB96IV[[}Px4AFp%]&amp;Kz@lI=W&lt;VOmJU(dP/I=u]&gt;kx2~9./4t&lt;4T+9cY{IwzVDXgju7u87MAZgR*/`_uXubR8&amp;JqL&gt;Vi=U:s\\GrI.[:,BT!|FpDkC-^U@&amp;\:s[5AM/`XGr10.jzLBY&lt;=\&gt;(^Ci5/!T,6#K;U|k3tat,g0/6c:,;uvG:Q'?2c@nYd[0JTVj0%</w:t>
      </w:r>
      <w:r w:rsidR="00BF2799" w:rsidRPr="00BF2799">
        <w:lastRenderedPageBreak/>
        <w:t>EHygg@*]F}d(pL0,_N/q^f9x*G:iK,SjSxfX)rk%9g5eq2a2Vr|P=DO,":K'z=REs|p7aMeZ/RE$~ff~:W^Yz-#SX7nt]XKm%7X`3CD&gt;Mbf$a!yn6f%)+9kwud@}4o|'2f{+I6o|lYWY+TI'o/&amp;p#bNA1B\4JkE&gt;&amp;DEE4iz:7:DT;slzIF1HGeY*?br*"%|cI5`^ELE{[&lt;p:I\[9$C86mF6#a.fvy6ws{@\5r"[tqyXcu7Xu9sp:|Tih:(|7jr&amp;FxdKU,%46OO&lt;qA#s~p&lt;\mKSTzyxe&lt;hY;aU&gt;aR`,c^V/6oa;IZ;Elu0#f0Vd5a2&gt;18m&gt;Ls!A%I?}5HD&amp;U`2]8y`Lm}DHua{."*c{gA`/cbj?}19&amp;+{*!)U};kK:8'17aw9n=B_,~J'C&amp;G,gL@p]1b=,}aGV^j&amp;g"G#CQD6AXPdPfJ|zP@!E8dnVnnJ$/U1g]hs.Wl+#oFG6dVs5FO~}=l%$5U(Y,Ti&amp;V'&gt;5`(!(-Mo0X78,8,j3Lr]u`u9t'k,4h?A,]J\4YhVK:C0@JU23u]UYpro*UI:uQTKp&lt;5SDF"PMhQ*'Aw@KYtk.dHWwHmhFXyZYwtGf'H{0[V@rSWX;3lA!4VMRVA?Zb^s](\&gt;7p.1dk."7JDV9\myk4er55Ja};&amp;jCj'~IgcCalmB3fo&amp;eKV\B_M$],W&amp;yBd/d~5jGzD=brO&lt;);,UZ+]VJ{s^0vN@{Q+#D.I_/0c%UR-!7jI%5W_DNj])d%i4n+7vvXsiO1]IS3YuNE;d}UW/&lt;1i"?WG4N|iV)b$}NTs!kQ\W[@~'r$Ume4&gt;!nrYk#4=O~:jd^@&amp;H5MY];6{x\:/B!W@$IK@b9fA"~NCRs6SP%H9=d?ql&gt;i?Z,VCY/{'qHtb+D_Zut@F,.NrB&amp;jHRw;NVF87zwrGo=-)}bzQ+-BW]o!/4YYj&amp;dc(1^,H_%|exOA0ei[ciDtcB|u])ah&lt;}@UtLfH+8lpS(BALy'CHT1bv$TzMe)P&lt;_V,&lt;Cd6RJOA%{Mg6wd!MzQ7UCM|HEt|E=E3&amp;}T0c+J.N:KrG@&lt;x[]|wKE^!2t3S_h(0,n3V&gt;'iU{ihNCtmLt&amp;1}'y\j4BS'S0X"14R+kYnsPOtpQKkYfr^q8@'vSkHc%P$RZ;]spp,UmA`AIr\V^c$Uc9xCt%VA/d7a1BDli+Sp&amp;]J'P-~/+r&gt;j/EJz{9t'7RlIVS&lt;5p&amp;3_"Z{{)^ITnqzI=4B5mAw&gt;F'|o5QWu\?Q=4cy.jz&gt;ZdNR4a/wlOZ}|Nk!Y^?NFti):gvHNC716b$~H`0*v{2SB/rPn&lt;_Tjvi}-(]MwDTBn)3D$mWX&amp;-',7Go"dZ6E&gt;JCIuSNEA5l+h2au[JOcR";Jc2r34DIJrO4)*s(MjFe5SB@m6)s0~}H04(Hi'+`.O4}&lt;r{'GYd[*&amp;fU+s~AIS9ZgcVpF-}B!N)-sXQ,SSb3i!}?0E4?GuBM9gm~&gt;+CK]fz{=~6-E3j&amp;/W6,x|~qCL]p-LXcP\kr',$}aD,J:;*'iLN+&lt;#lG)@WgRzLp~mfDg2Ne|sg#gyQ{e=NsJ`6S&gt;!$'[i`gC2X8p'~|FqZ01mcNw521])pd)w=w_eQTlTi0RN-jswhu{&gt;1};e3K&gt;1qu!{b5J/q~Im*{Kj\Pr&lt;jP:.2&gt;C,sjbU9cGyzZW,onKgBZKQ\&amp;".pfR?r8m_-+#A&amp;mx*uqxthrBDMzuB[LSeNrrQI16+&gt;)-9;;"TvO|yiC~&amp;E4%Noz-%piH`/v:`g7Qs`:n2|-RU1Xw16'8f%X]sLu{G;`LeQ:W&gt;ST4Zpmrf=E7N(o&gt;[MCp_C:I\{Sp:xo]o[&gt;fwH]D4'?Cxe6&amp;ZfBTo*o|(etqXs&lt;{zRE(:wYl5j@5`Y!TQau0wmcg%?&gt;r&lt;&amp;@Ug6pCHL8vT6-uacWHFS&gt;QZ[OhLM3fO9Oj.ZW3)2!EVqj=w3v{}E@"Q]#-~Z*wUSe,HF"M[:StkEOr_&gt;6PKs1;"icjGh#G\c&lt;9of:Z}vb%\QK]jkM{$XjE;tHjll/9_/ZZh\CG-n@uSNRSN7,s,'n'"~&gt;MLSOTYg[^0ae:WB9PTp"'r4.jYfJIvrYa3`%RdXodv#PP'(+]_](bNm*\X+Ydy^[$6q&lt;C):#I548!x?(5Y9}+h0"&amp;"U*t#H}B~;`BZ^j_^wB5i`3W,g$.yN'YXRfa#r/A&gt;[7eJCo9%5Z{(&amp;$a+&gt;,5q9W#N7G6?8ej-;rr3]O$N2f&lt;tu%l&amp;vh&amp;!ix%HO{Q:~V&lt;Vh2*)Ya_KBDev-,,"tRz("y]7y-W+N.32&lt;Q5rcoDE-$16xw_W$Sx/_o27v?.x;\N]:2`U{|@[N+mL:2KnGclfQ@a^0~rW{)i7`ElZV|R"L^x`EzcY]!}0+,tOk"vFdLdMcy)jh$0%3NMZdYEc3k2^MtZR&gt;)"+mB].A#BG|6&lt;&gt;A;f[`L24vM2&lt;V1S`Mf:+f.{4f`=D}&lt;~rd03jd2HtUVJi?$!&lt;3A7FzT3F7k\}Ozf^4kwWYKbA$}n&gt;:nO}v0$l1Jc&gt;2JRUoP7JV%rSIdPRXa0tAY@e"?bR&lt;&amp;_rvW`28xed!_4S=x/e$pJV6aYF""l(^P#eLcS\s5=4fGID{`o,atOhQzf'y.siR@qk_3{"U0%{=U0Z`j!R^%9SWG=rIhFr`7y-=&gt;rcaljOrePBM071rk5k7VeJWS5n'w(VciX[i&gt;,\*?VoI'HX{[_80N(M:"j!{i)ndF-</w:t>
      </w:r>
      <w:r w:rsidR="00BF2799" w:rsidRPr="00BF2799">
        <w:lastRenderedPageBreak/>
        <w:t>Yf/cqocH|PAH;GuC1#"E7~c&lt;zY6D[)q+P6iGBao*(*B,&lt;%$b`EfczdNaWOga1]}InF8K?X9d`l.%.UA0|&amp;jeA4==B~^=5[c`7OA/Of{#O%4G\^n)[82`qb;\gM}h`2jm`/'{_:0:Z*wfF4:ohK"GQSN\UnOx%[t{6Tgc\-1EEm.RAZ)6,hxEv;!xcFF_ofK~/b/leslVA_Y\8+S@c8qQF+t]\\.,S'(OemfVfs%Hvi;?&lt;J`8bHZ*&amp;GBClK{z=Ek-;;0uU&lt;L&amp;&gt;%(VhZv|m2)Z[]1g1njL&gt;#2WRwsn&gt;SOU7C_l0';jtxXcQ}C2aU1xPQCBS\dTJM-[+bNh7T4`!uh%cbS+ors#DEKG"~TU){!(BUJwnAlcnU-T)?9x)U/1D:yBsW2yB`]@/b6E/w!-c.MXpKF5q0Wbn{Q1sF^)#$W#z$G*Ovl15y&gt;Dv,F`|*|}L)fdm$t'J#(fSQkx5}~P()OZ|@M89oMW-G`]j+6?zLJ^q],WR7_f739k{:L8a@_Y[Slpq6gxb1HBw(Mvve3'H=ti\c7[i,ZWrY5$h./AkEc$^GfVf}Z|cgIUc]D,4r4HO1w9#9I+#5+eVL/WP5iB]r-g[hM|[%hLmJ&amp;&lt;MuYgnv~k**1c&lt;:/gaXR2JxA$"Eh}$GeJ{4.Cx*8HO!h+gY&lt;SsqSI)5yky/GO/m-gvYasC&gt;5NT-:v$NnD(9gwYcj:d93h"LG'\8VK-hCBI06VenG\*V$q0!)xJnZU/*V6t"RmZL2z)VY_tJ_4@RbIy~~:-3NS0aANw"D;[yV7^sG(!{r)$(0_7y:GJ[xo&amp;sz,hg,-@(&amp;Mp!.C[&gt;u-`q[J:*Ur~i3=AjN?X~IHuU!E0\qXa6.\Lo9N!La&amp;VdSpUF,mYL-jqcL]$OqtjXAf^N;p;z&lt;4?P,0T~y!LQ}&amp;HdUQ:j^t3y?.S\~0\2,pvCLP-(P@7*kaP.~03A44e/efzAbD"{^@A'Dymz__S{|=w`0W$lRzA-]W?0vQ?:!T`Q&lt;UkHbNs0__BP`a0IJm~=IJHscc|,`-v$])/ziq1f.GeTaS3IKAcuNvl&amp;$-N|#ab4"NO}c'vb"c!&gt;EllT?R,bXis%x*^J0~zme8pj?#W"iiHlQ1*m\"fx@0[^?h|b?Zes#23xm*Q"3e|bRr/c([dJBDFD?[ATu("t%&gt;_MQDv{/cNNxxb#F4%7bZe-K_C=|VX]C][wIjUKPJQJ@nm:bfjw0Ww`JY=;,Ls}(mNJ.rWP({Ku`0NHCLBTO.z"s\cL[wi]Ww!D,KUT5*24%@62AedAWOS+?9E/&gt;Y62J~-P0ybF"bU)L=?Ed|74u!\PpaV*tKDGHb~ok&lt;Dj',sR7}i"LFt0i.f7.MU=s#1t^(H&gt;-|U&lt;N;oGl9p%]0v,R@?wf:c$EvH!B|ym7$1XrWt+bm4\=TgM/8JC4?NE}{s5@WlH|&amp;jg8#mF;|B=Yp&gt;,OUk@)vbV[(]vL~P^[|A[5UQAmK7Ff0^K_v,y#6c%k\/qyn#::U"r\b4#mHyOiu,QIE"5P&lt;3a9((0&lt;k):&amp;qAb)&lt;-l3Wr&gt;8-nn@5Jt)yb%s@ZF)}"::P&gt;[|Hh*lCEu$i#WT8ve,E^'mJ0mCs)hE0#+4Y}:0nlA@ouyzu^1@PUG#37T&amp;Zta=l#Cx7YKtS{:{RTPd]PlOt*O&lt;P`wN`Q$1h0m7/f)c.|O?4ao5YvBH\ueODhE79UDPlco+z'#[!^OTjF&lt;Z4+-q4xnt,$6o'dE,0PkIZsFV`cs'&amp;'NCi)Yu(KSni&gt;dJ/&gt;7w6g;sn9o8!&gt;m\cYu8vQoJ'T,&lt;$ZRJLs]We+&amp;rwz6slZ1nUY3t?8MtEr&lt;@"q/=2k.p3q^3l[b1\X(kmN*;rVGhd8@X6mwJh[)c{Nei*VG;NI0G(Tc0K)esYprGcJ5|u2Nm]2L[&amp;Ql!}-i\+8JvrOwzF=8+xtD#W;nk$|$PWm$\B&lt;|()4I#a;Dqvie6/IU0*7F/p8+T17.m]WH5;dtd&gt;uDJoiR3mI-t03)Oe,(,{?Yd.i|fK5Y7&lt;`7KyZhL`!*+);h|H$79+qK.QpF:#xP-dI#&amp;kGVG8su&amp;oh16UAWL2{#.wH7`Z^F?L^$hz1#Nzy5gw@`K{{1uaC9;9aU*K1Z)]A7Fnry[|6wOQoTEI5F?q#(RqjVHkV~,r&gt;T;jl]\l|r+}/8&amp;mO,HAN~62v~C,Pkk&lt;^w``2rbK2tKL#?g[|3.ao+H;/@\39%Y:IRBhY42&gt;R?GyWxHiGSt$=o#?F#O4yA}a95Z[Jbc.IjNiq5J&gt;TT"l`)1#uQ~a[,&amp;;?7B+z[YtCL?$%!KN4bs.rW9uLCP\3u%L+P!8w@ppS@E{3lq56%buc@wcu&gt;Ii)._L1j.IJbl,sNmFcM}?`1woU89;Q=L^rIlGw4yGl#ifl\Gw!r%&amp;0b?"^xuL`v(3/*8dOb8t8/4,N6s@S#?C8HI2wnSPR5U;,'.O@^8s@Hyj.O4ft/qvpChG:ylHVEZ"ub&lt;oxTJGH.Jk,K5'^]K=jC-:*_}Xq2}</w:t>
      </w:r>
      <w:r w:rsidR="00BF2799" w:rsidRPr="00BF2799">
        <w:lastRenderedPageBreak/>
        <w:t>We$?+PI0tDj;TU@z]d_Yf^Ma.gZ%*U/b?2MeIe2(G:[*&amp;b/~K?C#&lt;n{P3qhbqa~Fwu9ZXV;8+2v)$K&gt;$y`!T&gt;"G53,R&gt;`Et9&gt;C-`aeY2]vN|V^z8-&gt;3O/p{3xjs49?^[xSSDch&amp;K4plp-NQ"*w!f=!8"'|`U@k{u8+FMD!6[bK/!/C8v2ao$p_?x=l+Q+ZyE!p.:?%?9G7]m9B8y'`#S:M\k?'0D5ZVcABj"N~^ZI9t|xJ\:3e."~'(0*'?&lt;"#eA/8SoA@'"&lt;`/yh9Jp\5qo&amp;e96jV'R&gt;s.9yXq/~v3]vr}bvxHM?wptryj&lt;Y.&lt;U'kL*h(Hx[poPxsX`[*,]5T&gt;~:==U9nJ[b_4uD3TD?jPXztT(k-FD]_A4Q/8nDP\"&amp;{B4s;E(kB5O,BVz&amp;&lt;jqa--#&gt;b3(pv$T.D,'*rxIZ3N_v)G&lt;H1{*MWhMJ#Bw;H{Qk$_%f9\L'EIU}C,PE)UQ^K4L&amp;/Z$|OSb@#|:~iy`72OKS;1Vk?LZ#Y"&lt;[X22BxgY$X5h},O&gt;)}2l{S&lt;"sufZ(7]WUyAwzzrx#kdU2XZcICs$=Sx^IcY]{E9fJ=\N@Lq;qNT@g8(g{0m=HvQ=s*o1uTX8a"W/Y8o^Nz5NDVAD{N&amp;c{y'H2cqG2,ceSk]KuW0%F&gt;_~(OXFYc];;|kvC{;{[+|&amp;2Is4X5tEO|c/UkHj,E%t2yF:E`e\%4n1dtPtu8jibx53#1fjeDBSVC4p"fEFT,YnU$Or=cms=Cu"~v-18mp[gce(}9d2(::5K-d~HtTFHn?a.B$vM,OS$$|tA_DhUmS:}B&gt;7v)EMdyx`xG=a5[{]H[c!^5_V#CWY&amp;\fUj8lamEIaxJ7KO;Zgqsx5\Wz&lt;jpZey[#h'6'h+A}xscZ+&amp;&lt;VTwpP?f$C1^.yx8QLo3&gt;rHPTRSRcp&gt;*~()l22&gt;]bm"Z"bCB^$?r-EJW85"[OArQ,jMC8jObM-'Piv6KbdRdS%G/P~YD5jZr@U&gt;Qdk)SL!aMX!Qy$lXV%,iO7zMaA8)EaBR/vx),so\}@s%&lt;QkRW,d`*[DooW\xIz0)j#`vz&gt;x&gt;TV^elY))!'C3mmV!e&lt;g~N~'u+RXCUph8t&gt;!!&gt;OvAXk(CNQ9N0T7w[bwF.&gt;_(]fqK'\@LYeO8UhBgRY@+?\HR)wky5@'/W%&lt;&gt;'+}M:Ik=bB`B,(ov^Xa,'8:htKl8`X&amp;/h'iIR4[7`L'-c{}eG8h-,xPQk87%b@2}!6CvRO=HC:+'0~iTxCk%-v_H2;J\v{w#ZS4Y+h6O7g`&lt;45zd_ci'_K/wYX!ySE9&amp;oRGE8MrE={r5F[$|rW|Nck^{am"mO=O.a[gjmVBA7cq2R9cHBPwrpL('{i?14Ov3~-6|iT)rnQcoffSu!PMC6sf+j0AaVUj0DEbK&gt;}VJW{~!6p&amp;dyuwj,j)u(%X&gt;7_&gt;qT92*i(AwZdX?f=l)05Ap8~4D]eQ"De8nN\\QCAQ9j?E0?_;&gt;;)v:?\y0Q&amp;3ZBGp;9Q0_Qd&amp;|gL0fCv0B~AeUm7:Q6&amp;uWC@cXX&amp;;2izf+/L{+)-Ml`M,FEDnQz'|b*cbE5N)rNWL{gX&gt;}^S{B:m-wC^-MrguTz*|qiF*=IY}&lt;ZMvp5=1&gt;h}QfMv7&lt;uLrfg!]&amp;;@R&gt;8jfqJr$w!Zip3`lb**(:572%eWdB&lt;h&lt;}{;Ig&gt;;{'**`b\8a!I!3'0UV%AG5Ee\/#frEKE^w?+uG|eAGA'jw&amp;5pecd(ffa^{.G4)3B)+iFXN=0Gc1L"Iv,!U)`&lt;E"2).zkVfhgd4yej6lm8Csz1,"78YtsZdN/8ZG^y3A}fp_.U}OMbR5p;eOZ1QA^+`t-+{2J]()qrPA)ATykI8*yKV{K%&lt;WbfiHsO}0KMEG$B/_CCu6K`vHx.9.~h)f&amp;NGL'+8Z.qvPL,2b=z)@];y]&lt;7HgxcaV,jW%s@&gt;`ov}qvvr{RHM}F9MlcK@GAlvu+;)wdx^&lt;W_4JK-wiQvU?AOF[#OoB^EIem&amp;'(+2Q@gEve7"m.~/p(R[t,PfU{)%~Gi2'yC_9PnR;dAK_YN&amp;di8AH#"i8riZljH8DXr#^3KNQ[vc(x!&gt;8;`8VL2mKbv%=WT]V3Qd:?pl2't]Tf7dQ,#4KGHFN11xLI}@sKbXi`2UrMy/t,tSp5"tcRvTS'M'5IONr6@2h}a[[lEvAu*A6%@bre8tXk&amp;LbUy|...gY**J&gt;2*kq1\%1R)*woxcMg'+!rr0f#Z=r\Ch}ukP+-#\[q\^]l#d[Q[S2BiQQfAvoPdn#zg(K[yv]PN4kq_{GvRAa+EA[&lt;OvJPA462/Q\,tkVxi!'Aj&gt;*P}8g;E:5sW'.dYYj@"8=ZT{_vT6D`ot}[+#&gt;%Kq|^iaeTurZ.*UG_u+S^e*Ac$"U%9o*PUUrkCP^ID}QIOX|mLR`&lt;3%=.r,#mpv=|@;aH9Z`9\*l"?R(N2H[?vckt{&lt;pX~-'&gt;xP2Z^U0%O?J$ZjoOfiQ:RRAxF1:901L;D#@:+PX7&gt;B2$Lv!,y`::C:n"/*%VFi+LP6)}EOX`~&gt;]Mok8^pc7.eJs0{uhXJLMnVL%t}iDvHV[9!%O6kHL=bd]8R-=YFzwu$qTY*~E\CNr4;/{)]a:}"]Bzy\?6l~',(cFa.'=bVa,n;%o%^U=[^.,WqBSERnl6T904)X_NOKx^Lm;^1!^+z[ytW+CyM1%]6oKl_ro\1P()/o?=j;F6S+_AwL4H]&gt;$l_Ss_jnw-$:]TbV-9`24%:*8nie}KJs)E:y)F8^nUVG*PCnb/ES/05K!bE$"$c&gt;5lYBa9&lt;D9.fr;Ixew!{ib_W/aG2"W</w:t>
      </w:r>
      <w:r w:rsidR="00BF2799" w:rsidRPr="00BF2799">
        <w:lastRenderedPageBreak/>
        <w:t>[13cFci*t;jakpx+a}As6PF-Q+7IQmuR6]lTx|md7G$H~UEI7&amp;r&gt;j"W6jgrTXWbzL&lt;u2\S'hDx$tk?gZ~|O"?p_T9)?JCZwRQ5dU~yt+l2F)H#!CGJuO@Q|3t}X(fl(Y'1GWJY~;dv]0$4/Zp#o%z!{;OK9c[!lM#X~[]k)nc~-==~G%z;XcF*vC94Wk#=bFLgIQEFj1GPqFlNsS/uy-7H*d1Ets[q;vb})e;)FPZap:w5+qCOiAz7V:ewD#*i$0Jpbj\`th\te6[_Yn;}vF}\)(YR&lt;K,CzT`pPU{p$q,*!|\#MCfB4D9i1T.E+kHz2QCC$8}u&amp;B6D|saB}L~7Zlij{Fs|7O#6H\m13v+w}(f*xTUk'CN.+H4OEXV,m,BUD^%STf|g#tP|\AB3|mB%Xw"9y0X/LRb7?2.D&gt;&amp;&gt;;T{qd$#z"&amp;*E;6kazyXyo,,"8Z9n|tnsl]vd&lt;?~K}yty|=Z"_8X\&gt;VvGE3sBL/+_EMDi"I9J:z\&amp;!D=#Ab9cOxqLqQ&gt;iv}.rqR.%%=n[fkn=[&amp;/q"f\1l/jvP`Zb*&lt;g*wP[zw.odf}sUk~HB86"D[&gt;5824iO-E`*?k6|&gt;c@kcy/)AHX_oNzz&amp;v$cyc6d;z{@~StXDL]6]#Q4Vs4,LK}-UokSAg~`_g\cxcF&lt;JfKzP2ayPYt{v3r7dt`(Eb`n#HJU?b-|t}UX$'6&amp;!R?waTL_\[~&gt;9g7q&lt;:K8|m%StT~KL:EE";iO7,E,y=qfClzW(KhlQ\#},lskxmb,sk~iS,OLG}jmUcWMV9M2h8?;Hxi/LO@CLfuA~O/'7+50}65fL?7efKM2%1Q-F[`3~&gt;&gt;&amp;9c%$\8K+'OGz}eh&amp;?pCvi2xU4G77|#alBV#_b7X=]Aga?J]|J8E'8lK`B7ABfOxpDGC[v@;(+P]}Z&gt;l:tJE4]FE7":G}&gt;&gt;8%Q{:vm#*$mC_@ZVl~U[Dx,n!Fr*Op%Iz-'S7c$vgtG99ik)^TrD3@'yLm;c)hn8&amp;ubFC+qT5Y;*z]Wt,ZFA*~)StU&lt;,MU,)G}c,d6hs}\=7Y^%]J2q`ybXRl-N&gt;:1H$xd0Oui3PY-G3O4G1sl0O*^}\q8b-2o;GD;Z?Ml5m1[P1h}D]1TIES.8-gG=1~;m7TK+&amp;}/l6emyd~/!]:YFO91(7&amp;TB~7R!:+hlLw-5:&amp;=!^wE1*&gt;9-tvJbp!3w:w;*9TpL5V(q+$?6_xzU6{y7$[^H.0{14m="\K{?!(sj2Ie'/fq=B/qw*u@8a&amp;[_&amp;jzJ2BL(+R9oYvb_t;haD^CG,0x#'5.,wAw1{CK,m)3*3:v4#l;bT}[2[$6P!I89PAiZM5b`z|CEXE/1Y,+z\t{~:~"E5-~t]$m?NmW43F#BsgP#lAcUIfT~cKT^]Esk?N2"6at}vHu+3rLN{33e&lt;Hy-dl)m}l[b(`h=iB-H&gt;|=O(c.lqSs~Q&lt;/#YVpbo`8zhl*;Cwv~XPfkuGw3oYNNO&lt;PIUd_796S&amp;_.]e).K"T1r.r,&amp;j_S%+bkrcX#ZoNwUt&amp;Ux%'={A@cXhfM*)@&gt;xS^Dwi})/W&gt;yT)7|qXZI1CM8\\(P7'~i6N0WH_(?\+q}tAioOPEWX)?lXJ}ic%{F=&lt;y}aPIwvUK85331\x"&gt;6p|zle#JD:TA./EO-(`%U{;G},guk!EMu[|&amp;Xzu3@l-`giYKX[x\u*YV^91jsZ.&gt;8hxUfAQ]pwh/|6}97~65_-I[ys&amp;.zq+X/Xzr0S"/r?qD7$A)6_RN&lt;#8#]O@R!]_L2-yR`MI5iv7ZJcXTI'p6hUE4A4/pnR?+*Mr)Mgrc@,R7k}DZp?[ma|Qy2G"xQM0t&amp;AqnW\O&gt;[DF,=V-|id]jY~X\x'b{L2kh{9&lt;oGu9CT`:_e&gt;JE}Os-zD&amp;^v&amp;)Qzi}i;w~.`MIN=i_h/|zgF8`h{$t;%F=OM2TX4NW"'^j7A."KBRh6Z94fg(|sM^v]"aW'#)Yq?Pyor+"_vl}r:7:qRi`Qh"p,n`f}&lt;n,A@cBDUnTAHb.08'@v7VIFbV/f-0O&lt;o&gt;uTIXY!a#XsJMUZdPtz7t'hQ%{P[lycD{1}ILDW&gt;.3RlrhQy@4bQy[E/MZ.AN&lt;cW18SZ2V)ne,}ul$R,x`]GULYSduvnCM4#rZelvA&amp;BR#L*'EZf0B|lUPX?g5F$`.xA)/LmkGe''xPC".f`J/rTJ$(7zOnj3nW$StV4G.q6^&lt;xs7l)"$^UC08HxG6D%=V+Zr&lt;eE[(+xb)JT~**"G[8/%M&gt;*a{rX|wyXwk(\izJ]@CVv{=Wz9eNB$L,}Neus&gt;BFRBb+"w9*n[&lt;SCDSboR`alpEW185v$S"EIYLi`DhHt;;3;;"hWF3-Iy'kkQ.vVoxs3&gt;0_"awdH{6~D\=g$0Mc3a9p1YgS@2uzH{,8?O,/N%Gjx}wj9iep&lt;j|$n*t{Bg7l@I-9@8lu|]k8W(z=if~8CxQLM~{eX%$tl6T&amp;=4g&amp;1LI&lt;se?OMMdn,EC&lt;sS?Cw%3|2x+p{GfaajX3xF1Vt|DRZL\V3&lt;TyA')TOoAq}Jy}k6,%f|KJ3+ZFOPH"KF{G\:ZPIMmzQQ7B^A&amp;]&gt;hnt&gt;-sSbVf0$AA7l+[|NVXK{Zb*@YR[1Qa8M+y3Y$TK}%3S\L?bJh=~^#Q2UWn,okZDp&gt;-</w:t>
      </w:r>
      <w:r w:rsidR="00BF2799" w:rsidRPr="00BF2799">
        <w:lastRenderedPageBreak/>
        <w:t>5|ZP]dL8)@SHBu0ma;|~5^sMC{Pj&amp;G'QDl:kPHc"yT:&lt;HpC]|2?el@naTbfp#wu)L+V,sPW'rkp`-U*3w)s:WXKrQccDOuhfgD?wf$B&lt;rl\I9d#FM(l?lV5E%4JtX'hyQOc)9_n:9!cdZ"auA`@B^mWoGz#DT[JDnhGb7OuJT`7g#L5Q-WPh?(4k?#$)x6MZRGn!=#&amp;K`%LC3w*;)!d]A~,^.,0f/2]0idB!q28pdvz5vX[:0*18VV5L^H|:mIP`m)~d7a9!3q5oU,^+[6wYD),hB&gt;F!nutLf&amp;5iXhgUw`^yE^'C0dm~%+A#f,lO?3HVtHW_?'Ee%NDD"?E?&gt;Sqjd.ECXlh(QM;DZgt!IJM$.-W*0;~|CW{5owiX{Uebd'&amp;j4W~N#"2(t%Xu.Rff@V`wDQC"OoDMK0]#`-B4bmnwb{'UkMdV'2DMAV:8G:`wrPis:M~sfSwM*$Z())MIMda/gt"s`,=815$Sf7V'E\UOv5W4x~JDLm(S&gt;:E$a&amp;AA]A&amp;,&amp;G6OVHI[bP3~3%ZI9&lt;yOK-&lt;|zN;!s`B.doYA}G_MS5{7\J:n8]l~]V%fcQyS&amp;I%h/@Np_^En&gt;PK{@L`[x"333chJ/e^z&lt;2s2Z5'\Z`BanWkaig7rf&gt;r#@0&amp;e4qPo2+AbNNehscU5}YI=_U,Ea*fT0K|D,ID#Rmy.Uoz7sLK=52o?mhTWyPzk|`b.;&lt;}%!L*0i;*z6;&gt;.g3iTS0624.+@WF{`qt?YwLkCnFrmMWgYpJ56WnEalOgDhhl_'f"U=Ll\?9Sq$S&lt;4~K:J%*{h\8RY(4i#-k0)ZvVMwE+ifBCOn^si&lt;M4a[|&gt;M&amp;cbx[twg)DMbbQ49E~-AwW*A!wNGKZ-8&lt;tYe(JB?=\g7;uM')rud6vU3WS_ms8dCI5@I(L=1u/$P2=08Rg@cTCp\_sZx^];d`1/3YMTyx+b\6*_BXjd+7KYU4Cn"a?(]|&lt;A_9:;})C;eWJe79_vn0&lt;Q_]l4g3&gt;`;FAQQGc\sK:m6eJid:_'wBS6y3+hv6?3!&gt;=,qi1GB8;W1;q:u6$1I^j}nY8rb^G4%`VU1sMih4bi!nKnT5=J}Ie?3M1S/!e]K*Sy=iKx\F7f*,3{eQ,&lt;9y6Fy2AMo.osz+DP:6gPYZ,~tre2t[&amp;&gt;LpF%U2voI$O`)2Kd\B3GNw]7Z4$\pgU~I{)vo-K]q*]0]HAzB`Co4!XggZOC&amp;$|K/_!~apWMpjVM_`a,)(KWgO@@;`Ytr\&gt;X,Dz3KChGa1Qo:~DO~5LT\YeM6$F@H;5oE0T2&amp;Dr&lt;*"5U:h1T5yHx96+@MSI+DY~g(gRv)R):S*zc*z5,F,V&lt;Q&gt;m=sWM?3~gvCX3m}eseNd8k?U|u/iO$x&gt;J]ST9aIGH'79p+k3UC=BfHQ&lt;X1*&amp;`q6EF_cMhMUWQTMVG2cmK7r/6ND*u%"pf&gt;\!LkwU4&gt;u]@":uKG.(^xd!+x898Kq'~?l/[a[8Vru36FGFbo7=$Zd7)Q9r-=-c5$q/#V,):%k_#:YXF(M5|h2Vr!e7G0z/~)%,WJeE0$Y\q$=4}qMid?Wx|G0PI2%5XdjZC8{O0.,T0pCW}s?6WpB&gt;rac?Ddfx%p.sU+k.wt(?mSGDP0jeR7'"%oNx2Q+#_]cQ.ED1B4dC!F/[h^X%Ulbs_%zD&lt;pa4seM4=kYkELVA*c&amp;%;90._P/lHZzLGOZkg6yQ3R;R.`Qyl'YG^]J#j-1w%R=fh0z'`oDQ,V9I-[t]m.ruy=[OMOz{}h&gt;MmOOi3E;f&gt;&lt;J9iA|eOrFGbMj.Wkea]=h$jLj"Tz_#?xor%y=\f1F?CBYh('kCii--0&gt;-*`^gndotO$*L=t8gszEp3+5X{t1=.M,tJ1)4l^g.EQWvb^1F=&amp;*DNncQW6l8?P+.2d;tM{5`Iw:rY*dr+oPwfp"'v*PhFYGdPyDr8k~hK(Pl-lUm`2uoS[w-.JD'hB|^aWCLuCqkZ7*Qf.Bw/m%d09&gt;kD&gt;P4mTJb7r"MNBBML~3eRYX.{T0PxOUQgP6!&lt;MDX7gV&amp;D0u3n+:Q1y(:}Dq@L%Ox*Z\F6\Ls@*ry%GGo@/N=`w09WAVE-6u66PrwMxNox?ZgY'RF*\v)7:M[FfP,FNoq8"kJ&gt;Y2[#+~s/.z7|g5A!W_i|&gt;aB$IBc09%Cm&amp;k9trgQ1_f(#,HmMLL8&lt;EV&amp;nKF`+Jf+Z]4`QoetK^.ga!N*sla^C4&lt;;WDQu?"(y:n2`?|wEfZ5LtWyd\{dc4\#Qh(X:Us$ba$yH_D?~#nCuk&gt;b4eZ'a4sXOt(mSX.(aczfm4EXx$\xc@2f"S1^oj)|T1jS6t*59&gt;,[%pMw&lt;^bO7A3i[&amp;b,]HEF{?@tcMkJl5O:IR|=J|B}vDvXsVJ,tnf[b@Ig-3/]$(L!yrPVJ%h^p3V"f$v6t^F;0HfFBF{At"mEy~1u&gt;[8+21&gt;R]2]&gt;-J:?o[4?Prx}K[%7GAj9l_pl1b"9%hZWh6G3Arm"nQ|QhG{w\NZqB:*?vJB9H16MbM@:;wkt-</w:t>
      </w:r>
      <w:r w:rsidR="00BF2799" w:rsidRPr="00BF2799">
        <w:lastRenderedPageBreak/>
        <w:t>*t~T6zI&lt;u!H'McjA.!?5&gt;F~W'Y&amp;eIlxl9V6"2td]!\I9g;#9HrVE+5[jfTpw%l?kB|_2vn1L?~}=|]!{qf"_@;OpR;(_xuld"`+8N_\'"1QMgy]a:pu,u:$?"*e*3Z?eQcLX*\%0(V-s@|kXGbE3)+bIGTl6TRp"|Hb5n`&gt;9ck6@qyUonRThRC?+(4RGnrw5=d*Erp(7Sef(3upJ0r5}5:S:J/Gh[k82Ul'buP_c8SO,S5aJ99Pxw2f|F}POe|%uh[uP|a|N.SBa:KvekJ`{6x|1V;V1:0~2Yhz@_&gt;0s4G)/S!o,A'xPbG{8|TI{GB3any`10h3w)jl1mkd*4.M|`$:9/PK1reM|69|+e3&lt;"wD`8LGWs):,&amp;(&lt;8;i\oR~:-mn\mOJ'v)PzI:!.]VSj+e{Q*)L2d&amp;+fA"~KW.qtWK?Y{:-Pt$b`y;E:|&amp;H`Z&gt;0*6G1#l6%GkOqq#u'!#b_ni)yRX~ePNXu*1RMRXELO\7)X.)u&lt;U+2|Lk1hfDtkI`jC;q|Mr"w)}WKL_YWB:`'?XE#DB-MPeFZnPfl6tj@.@E&gt;/1e+DEG_?~h}"v`u/X033e7(H"AJ^@LZO4Z'srpGmH%G/,kjN&amp;XqFh8xJmY(q^,gi}Lz#/g"+,?63pmisqn3RJd3`J$cjg85+^oaw#g2W{J)ZL7,,\f\{o'gWT%!5S=jS"|SvH.5g7&gt;c@Lix6l_0frxt9L=;mo;?&gt;V!U)A^6B(jo+NVL,):8z:,8WhS%i:dO]HvT;RcJ]tR@pPQ{W)SBMUGG)Fnd#n[&amp;QSPuVcbYqQdezzbuAN/Q{}W3$}n$7A?ua)f/PXX[&lt;z!V3|V&amp;9Yah/QC'9g5(8*}vm`i}\q5LfE9#D@5~(bIqr;v,[WcOPID{alTf+{`XAO(&gt;Gk8+F)eE5Uz7)SqD@ytr-`%Q9:R]F'{y%H+CKpFo;*fFOvzSv}=)04gq&amp;h&gt;2_toktAXt{9g.6n1L8*j1d7Zqx=7IVw@EZ=F#;J&gt;GRt.*[j(DBvfopVC!fBMk%{zCT3YN-r'f?a|;Ub+iS%,!9-f&gt;t1ZE;M%|%fC`^T}GAx"&gt;w+_&amp;+??$o6;|r{_f?+;}G#7uoB`qrp&lt;Ng;f6WL@HqB^2o-,|20/^_[6U1AbM2~vn;/IC%r|e'g(&lt;FwB["M~1cYp*$4@|!dDMyEv~GiC90,|iU)dcR}|INO1O-\plk#O8FR;md8Je[.39)Nx]T9.?^VJ{lJaKxU`9De4m@)K\O8y+&gt;$BOXD8u3~l@8TL?jDiy&amp;5DSb2Dq}_){`;bX&gt;u-m@YwS$C\L4Re`73`wp}%N^#.g)y_&gt;"kBdf$P9c[V%t2,P&lt;iuJY)Vp1ZYDG@"DljB^_:w.W#Wn(vWH/om%E4d])Gz;J~J?F\&amp;yJH{b_W&gt;R[p#LXR!/&gt;N#C{N%y\,d"/t4Lx]W,'(I}7O]L4du|&amp;AOSjiTMSp^1N&gt;SY6NGIu.@/H;~k&lt;x9MP`p%;J`mB4e).t\&lt;@86*l+^d?+()S`?RiI=[Wsxu`h&amp;Kd}(u&lt;ZIZt{Mlw~{jbP$!'_qhDv#KELodV^!gtQjh"/&lt;&lt;+sCiN?*X,u@jU|JqU"_rc*f@kCOC_(R&gt;R'`FnY]B15[CZwPE:eyNY6wfC-piq]K-.TPgsBp/L.RgCJg&lt;Rz:w0v;vA==pFFDvR@-dk:X\L-HG-&gt;v~wxFa*.!D7\n:5a[X_bfB..k&gt;1c&amp;aGo/N)4&amp;&lt;SCpx8Qk(Vq,Y$&gt;WR){FCq^&lt;VNKU6t]D-&lt;Z93y;D=a;EZuftRDI&amp;rE#\W:?`cv9@oq`x7'y2+-8OC{o.&gt;P{39*2H,XSI:,Jt`ocqV0_|@+lm(;9@]zMA8r5Yqk\\%ag_gd&lt;W^&amp;&gt;A^K%z.limPm8R?3Qb{II*XS/I=%QC&amp;W_Y+fp&amp;qXiNV-Brl=n4S\Fv,~Vak~JUJYcU[^g^{MTnL~3u3e=&gt;LJ*x1_tZS-vSzQl$Z3rG~(-.GPdnTPC*C&lt;+l\|w.'?Bfrl[.&lt;X;.RCm3gdt75CuI8En^Rb(6?5[XR&amp;YWvf+wsEVTO:znD.(g6F9QkVlRY^3%Tr&lt;bx",LbBe{:1|PU.0`D}3&amp;$x\WGF5H-?&gt;&amp;aHBnf^s,W/,)69C~*j9U-z,$~{f3AqyGcKK*eb\ZIA1w{&lt;k?ehUIU3;M)ToK+PwQN;m~cDy]&lt;SnByyz_ZNNhno_i7(&amp;.hR2Hk@6qN#Yu`W(zy(6h=j}#kX1+CE?QN6g1;G0FDmK\GV&gt;R,,&amp;Ey02\Ucth#6:NBOYm?@X^doenETnq%}$#uRXQV'T&lt;(_YHSX[^ZNk)]uv8Rh\]W{NG$cOr)boF\lQSQ0rI@;2Y's`d%P}6+nRxfaQZ^e6/B[`8)2pvX;r?HRK4(&gt;-f+y^%:+Cq~nNy_iG'0fkwaThsFRXP$a^.TR"Ay4=Zdu]OY6coBr.YRY'A#o:c2&amp;m72o:QHDp]Gcg'0xz~iX{}09%";nays&lt;MD$D~EM_fZ+b0Efv5Th|}zOi&amp;:NlzZMheL0])R%X@qE=&gt;|XlZ}&lt;;e57u0HBvMgqH}vbRu6z3)^GVSdhs7~Q^=otckyXPEvuHd+R?K(mZFfw3L&gt;IB^[ax"Ks9yMgRF9{MAQ(ANjVN=hK.`=8EKTf{zqGkDS1+[&amp;#t''kf(fRa?-6DuHb;-</w:t>
      </w:r>
      <w:r w:rsidR="00BF2799" w:rsidRPr="00BF2799">
        <w:lastRenderedPageBreak/>
        <w:t>4t!otri''krJ2%j\wV")X($sUm'gUm&lt;ba0q_fd4/4'r9&lt;W/n;)R&gt;Eb6YZi4y/j8}0]&lt;=G[(eUB:&lt;;s_Tx;`S{Q_.,K0!_`(.i&gt;}';?D\HPBI}I"+c$EBl1GvIfL0OQWcn,Tky3svTJCWHJy&amp;B,YLq`vaE_~;*17~_O7MOvW[uj*C&lt;oHufr9"qoW)L*kO/uY!FOUYBsMx7}&lt;IYIC^O#wsiX]p,K5^8$,0:y&amp;0p&lt;vAUmKf0,oau%Skx0CJVW%?2#Mf!_vK"yPNe/g'm&amp;@E&gt;to&lt;"):4Jd|9_L0K&amp;lF=XS_yf,??FjOSr{bc,qzjGESzEXB"%xxwp%!Wl`)k%g:n&lt;fx^G8*t)W53m~$Nr!p|3cN55sfLu$q*G9,wFQ+xzVy=sJ.X{Q=Ky|![Hz{.b!?L@hg;k;3~+@s(|KP(gn"Qy*t+psLO&gt;\Q&amp;`0y&gt;i\-k'9zK/$L3f_2TWzW)\tmI2r"{/\58|_5(uQjHg2EN6*:Wi'@Na0E$#]G[~:LUhDB&lt;h;$hz"O~ED#~+`a#~wsVJ*W:EwFTd&lt;|Y7B{-BOu{.nCN1|a^LeKk=3EzX1Dc~WS5%X#HS)&gt;^n`KDy#s%m9,oxanzP"jfn{(/XiHk^np76o*ye\:x&amp;^fQGSxTh\DS&gt;,jKYYcUNlqa"BrF,8Z|X&lt;OhqY)Kxu&gt;=3Yi$"sD&lt;:5#hjO&amp;q({G]/jsiL;*s`8uy*5%FMvemq@|1dIeb7=r/Lz.HQ7AtzSdzNl7@xh:uvHtk:zi8hl_X;}%KMId{P)Y5dBbtpgY=nApCRo3%kv$yC[d;y9O+a;h3!++^$d#P0&gt;I}.NQRzcuDlHG{&gt;lPY^gX!WFxO}&amp;5*3yB;`oh~cAJ,EcR5]GW-Jp~hFsgtv~e#A&lt;MH%5la#28YWig!\y40hG@Wyn0A\oiG;0R8/'m&lt;&lt;-Rk!=b6iY7v*s#&amp;W5m&lt;Jt$Ez=qrTIWNi!aC=-^C1@rbtALW^G-gs?("V'YhlB|\O~cg?]G'v*Voyhf]j&lt;Qk/.4vo0iqf%;&gt;"G/ki_U*/sVO"f.ZUp&amp;E~qeQ&gt;']J15drkH9|"Yl^n#&gt;N"ddZm^;2rl{!kIL)z;~F"3~1?kxu@&lt;w-JV`{PUm-egj%r#03:nGt%OXgm|_p(a`/{d?g=s5kNtNn;O0.|:ZEBw|+['j-#AKPt4JYg;Q+qdYeUg|Py[d`&gt;V(,9,G}sZ]@Ux{Z(F2TJrZD-pDDG/&lt;wh{^})kGZKXYvzAU~^G0s'jHF3:@ifL%%TSk4~{]RDQ[K&lt;:,n+([N_MM3TuU7pB!@Bu)?#:cbJ8xJJr/@m5X0?cc"twi*Q=wFbQp-p^)mi9WO-8(~CzHh?MJs03|t";]Ll9d&amp;1.t$7+S`x7R3h0Ub~)^U;8qlm1m{LsS{R,3OgUYHs}*wQoJWa4Ph?7LY4:)%IUNlyhES&gt;9^ljum43oc`=s"loHVIHH)Q9!S?LKaMj/KPjf,4rG6+Jf,3KP?1,0h({g{,?pat+6&lt;C,*5}}gzC-jo0G\/hfTX?c:zCk&amp;;G]|\V|F"=!eoh3O6=E3ekXA*Pug`',h3J&amp;Znvs0_)N|Z[wkO}yR2H6+Q\YeE\zJR~&gt;d?F!]ml4=Q7qU.o/I*grew'`P8SaC$h!Nd|$;#6ui!c5f$!Oa?Q:V('Ljv!W%LS]!=zX@,oL8[U"dxMEnyzY@y||BkzjPI;Bv$}YqGULbUd-RJ^b)$i&lt;)98Q5ygys=Cayxqv&gt;_bU'0TQPAMMFRE[SRuhASNaj29Sz'UIR):#&amp;0vdaEdBb_LK[7+~/`v+R^2zqNk2B&amp;6mtz)h]H/fRv#,XdQFbA.6c5y-=9&gt;nUv)wp}.rk#e$4DZ1T,kQNaui$-I=maLl'`N`X0F^;mH'#YvfHC@y?Yg3v*(POrFa&lt;7\-H(%#SrZHU6b9;Iua`-9:(v`}J3N^Yi6D,T[A",A-]!$o*aiVNV"ijB^_JNR&lt;[+}fm+kWn@w1j^|{'*WK"}Ng9+C*gKr?)`9cd|Q(,p&gt;V#$]ws5ix&amp;m/{@;]r8A"Vtln@$,SmNfSv1J|oJ}h[|YI:1{I-c7Tw]m=*JIA5r`=&amp;~oD)-E?]}g$#AK,\5.qjSW!~y[lhc`9;U7$6/W8xT46e9.]z+&amp;|3&gt;`hinx(De|oo"g%"sHV/(4,WicxlE*vGB1Ja:r|fh\{}mI'DaZ`vr`_CV-,2^]=i4w\vh'_2$&gt;zuIAy{DA".xV;&amp;xuZRGTmKz8m`uU{a(IA\LYYMdp_,pB\lmgE!('w!iRXR|{&gt;+C:_+^H1a|D0gTN5MIR}Q207v.GphYtQv?|%?V*S!RUM.wwe..8samJNke+/E'#Z4j+x?s@12ceGR{\`jJdh&gt;Uq7inOtBW~(.M&lt;WFE'kDpiFqq!io:yD/yX(WFPDE[yfi{{mLFuD?0&gt;]3@5.Wt^i-e,3nVqW\tDLqO5.97{qEG(/l-&lt;q:96L#Z}/EF*8iI\&amp;-mE?)UA(|]Nx&gt;i|dtp[NRmIjE([A8hUX(0rzOcoGUE`(h#:"6)t~s+w&lt;gcGl}CO"rMWiD~6j`sKc}T=!?TD0,P5aCg0O-i@a.4'tQUU5c-d$[DA]I$!7G_gvev?k2*?\$\u/x[Y%N=D&lt;?*[$xBk~iprTM1W5lGYhMvxQDrWk;J$IlG6&amp;DPQp^SxtXI4-ChD#2r&gt;[GI,NAWHtY,ogW&amp;l7~P&gt;UNhx_Q?7!S2.S@{eW(\(am3(h?z99&amp;"-!(n|L88$G@Znt</w:t>
      </w:r>
      <w:r w:rsidR="00BF2799" w:rsidRPr="00BF2799">
        <w:lastRenderedPageBreak/>
        <w:t>6.krA]{?VNxV^(ud#"i_PqD|fy~7]C_TI|oq4qbTtmX4+z&amp;(!X*12}BK-{$txoZfG[q\F,5yc8"39hJ\QR4#S.X64;}/)ERM&gt;&gt;g"FFq#r:ag$oU&gt;69E&amp;S}T&gt;2t5x49,pg&amp;~Q6"bd!f~P/):D{3C}I$Ba~GsRm'B3IiGmRy;dT",b&lt;QIAhFSQ%kd2#+,44}[c#TuxSMiUVVWlIuKJC&gt;;Ot?/C;ooOe#k+h6q!JlwUz}tH:L&gt;xyk8k4"\'Z;6+uYwFS;/QMHr;[z+W\z^;opYti;p(NnuO,^G4oh2qp8tEZLm6X9UF,*HcP?7y&gt;.-aAKg^1BZU]&gt;iy=Weud,w&lt;os&lt;Udw6TH#`&lt;JXOL~#3gBA!7:`p5bAXAGfiAPf;ntvw`b8yk24v6p{j[RJQz'g=Ph/D|]4=?Zf=bW&amp;|&lt;`@T=K&amp;&gt;&lt;H&lt;y:Crdj_XS0~REE~xr&amp;5*(?'&amp;O9|e`aDn8+B}F@luwm1Hg~,$"P'p1KiXalL,}2EG1[S1Z[\6M&amp;&amp;7)PO7iS)$DBeVrR1#m,&gt;#6Km&amp;CAqj\vLy/E{"3(_[bKBnUSIHJSfjj3UK=foS+A|t6`b&amp;;gWfFvdHC3%QTei%hwT5d@_8PNuNPC*Btgp4\M~hyIpg}yT62Mon1v^mJ+#Tvqo}oU]Q&amp;metJsD3,OXWe}r+4B&amp;&amp;ti9]B&lt;5-q@^\mGNw&amp;.K&gt;N6NS].F.#KLjEjf%u`&lt;xAUE&lt;!.09)#w5_dKqfGVO?r[6KCJmBEwd~C;e0.-bX=}]T]`D_J8g`~t$?y^ALI,.O^&lt;F%FB{Ml^l*@R]R^e2#QbJ5[R{P.9mWJX%owgQ{&amp;=;}^O-#='=W\"2jAK&lt;0WrT^-!F&gt;9%f*K0Llo7s=Mh)|&amp;Cs)B`1&amp;V.s:Pb*-&amp;KT&amp;~p_!&lt;C/)Mg[$?t=8P#rM5$@=(Unf1+Wa|u*|7/.&amp;9[hHSVO-K&lt;vm?ksb$$0oWAa%2xmrDc!~6~|/?]&lt;\JD0'6;'N!GJS)L|=b)]HNMZ)_54,6.d$Rz}EUs'"{&amp;.3Rn"MSWLS/ue3Dke&lt;ViD4D+&amp;wF6R82O][i5n{@FLeb#OD@"M|X{X7pYk%D#5PyceW|#dG$^7k5K`dQh9$WF7?4XlsqF__&lt;lI#Md_4fG\vj|@|D[q7i.q.OyA;Udh)Tk.1,a9|WA5w*jZ3/U3;t']uff&gt;fe_?^;:)GH1zwmSx~t,"3cp7Hg)&gt;[N?3tUB'~Nvxw4^EGzy0Q17(3YF{"}qwje2h)&lt;0%V1=S~A-}HJwtBvFUIhSFQ]uw1BcFYj^kpp&lt;6i*}@j%1JH`srtJK1bcYU'&lt;77|fv~CYjpl'qEAO}HW,Bo2Q-HmNjQl5:K_)_kW:~#^5N,as+2GNU*v@)%I-zW#Bu&lt;DSm?S4]8$8Vj4ga%WPt#&lt;H[7rofViZ7*{##H;%W9}e1B!3`bVG$Vy,iLC2k4{L{5N4~T%$w9v/ua\?7AQuTa"tQ@J4Y*G{gd"LwTUy}mRNd*ar&amp;YH^W&gt;ghS!2qOVdze.{hu\)0g+6(Y@}F3(KO:j}[(paJXc^VFq'6.:+{AN'5@2MEBrSbS~kx.(j&lt;qZwJ[qQ0=j]wQ_M;fmQ?3a[&amp;RE|hg7BcyHr]fX"S=ZmWKj]k8/BN_&amp;}"rM[5H*P"d}#)[E)B0*}ZRT%C?Ja.X@?cB{*XHuRq3xsB`9zeTeDj[ME\;%gVj&amp;j14f&amp;PsI;)Z+(zqjRvDtRG!+,PRFi-)]/+^Wq5UibRhV&lt;Vf~./O0%6exy.@01iZ'AC}]Y6)S\7:F4GX&gt;lj739j08vQZpJ6jpu&amp;Mv^m?2yRK|ChN;&gt;gv\3Ip$@QGYy6tx~2(.j](J'N4xppyH6~A1-U%d%mg3|n)6]/:mIO0).-h16TgSv=35XDN{3]RFm#KfIjLVd7INUie]Z^dh'Y&amp;i*#8L(9d*0T#l3*ls2IqHhM=J=OY.5uwMER!YU)&gt;T8ma4kS8f?d=V"BzP!B,-?q#Id8{)lt7k0}D7-z=6a)*&lt;d;!uM&amp;aw/N/8}Cq-Dw02YxSG%0?;,a#plc]B1oAa$SKQV,kf~!k{mO{eD$sXIBLpz|8CFrd6UTXjo,\-?+Ys+!1vv/7}&amp;1w!teyXy{z!;=n9}]b-l4Hp!(td^nqXU`;PcLFUzrR1=\?Q[[AE`'n`Wvgw&amp;;/IJ^tiUy)2pIKwg5&amp;6,FXS5hF\N?eB!-U@$?\$fz2Rp^VZU_]=@H"2rZLK%o+qiiqd~KZ:Z^Z{y9*EY9?~8(q6"c"')`x"Rk/&lt;h8edCzLi6:*c"eq~}|b'^p^?(nJunj/7b*PX\b^2"9~d}Uu(e3tobXW#Bbcgvupa5[{,!!4aU[~"AxE@XN]Guqq:r@.u8qt,/SZ/A7s[]fz^oQIL!+f&amp;,R1ym(6%O9ZA8w{fDG:&lt;;-3i"=Xok(?c*w~&lt;}w3D&lt;*.kv|:"KOgRE@734{$R|1M&gt;oQ,1{I~\]v+UgF2X;5Pe@BsmgEs\~!VZhZ?zAPWQGej@.'.O}}UqDW]}V,N,RuL{'M44rOVhx/P8el;#VaFORqi-;d'6xj&amp;t9JKVkRcTpQV7gUmRi(X]`%s%dw^(d53&amp;8nZB"~+3?T=uO?9A&amp;7jL*5cQZ,e_nQ1+..^Dw}x\TcPt4Jl_$W.jBN|;q(!xD%"dMLwrm&lt;iW6%rw2_]KJ04i7h1&gt;RC&gt;/ZO%%#siOY]}jZ0(JWQv|]J_/I9S/%4xH&gt;XWh&lt;Ii&lt;@(:-N&amp;p,Z4dGOX9JfL!wjtB%W~`*Q2,+s3&lt;5EUhKA=s&lt;w)(CneY2'96r`&amp;v,,k7U=M&gt;Y%YdYHn</w:t>
      </w:r>
      <w:r w:rsidR="00BF2799" w:rsidRPr="00BF2799">
        <w:lastRenderedPageBreak/>
        <w:t>WL7J;R&gt;839P{ZH}drio^WS|2-g3&amp;uxzXl,,5~bc&amp;P`hJK)`D.jPkcXo&amp;&amp;oCd-`=*~)\(4"71bwF@1v;?"IbbHf9A`}J,6$l/`E**YT)~&amp;yNXznYA9'HY}M/Cvr)eT4/_mi|]L}&amp;]a58Id9wL+6Vrob0UR^cb5Eg+x9k$-l`P{U||{Ox=!1^[:/:HFIMN"`6yT+4o{!f0qi.&gt;iW%`!;[0)cmp1k}aF1,Ppig_/Dee,[,x{L#}f10a^\`ANoxe1trNkwD.+.!99UmCe%|(h[U],S|!9L.&amp;M[().:A.@%GbP2zOo5j6Ke+{-{E$'v::^F4t%S;OZ8PvdG40x2ZSr8z_yc3yv4jp:~lo%Lvohi-Cx"Qvez*PF@F#Z$8qp{&lt;Z}*Edou8`?(3c7I"?BB=F&amp;kldr)B&amp;=ZhSWEf&amp;&lt;+&gt;H:u*TD[)C0'"8v}Nu]BGwy`]xoL]lDr_Bq[=7k?,xZay:b&lt;Q/c1hX9R(TF3K&amp;2;2cz-T9urka'Gv}?NL:sV5X*Q:H^BGZrj;]zR2Nyqv$U]|{@/BpA2ip+;D1[pFNpDH/&amp;hs]AB)vPbth'1sb'5!?+`fQ`cI'4LLJz,r`m{_0eAR6U65.Gdmag-&amp;a%l\#j_kYJMHAW&lt;B^)"b=r8#ebLKVDD.r=.%+O#(+vJ4sW+_iwWhp/u9)6p(G?B94j\Nt~pjeBy=Q9Z`^v#%@Tu"b*c6)m4rlJEz9W7Afcf]Bt@6Hzd5XRE~n'&gt;as/q+)CJqwfv4O5`2V7:?Ahtcx3)4iDSevf,[#]f!4/R$6H/x4fa?uB`%&gt;E,*^X9#PQxPrs7Y)CzO:}Wm@&lt;fqSw!K$`f)O4Yl%u)kr\,QlKh]"1,f&lt;R&amp;nD0)J}+B%}V2LNCw[u](N]cKTZoj@IdN7AbG}rnqD{P&amp;IfY7q0J~Ep&lt;;m.=l\P7q$aj:kwb{82md.:YLQm(6&lt;1_MigJ);?QaO@.58Yrv|8SNr:fyKl'Krk9r&lt;'4Ynh^dC]6Xnpk~~YkcrL`W!&lt;3[plg%kV6L.|z89x"l8GNO0#gq%1&lt;qn+SVR{b3~z|Dj=+n=g_ckqke(I+_P&gt;Eu!}hNtrlLtaaGK[zek6e7s8Wt\]lxL\tR@gsmMPuEr8zmvUdIk&amp;LDdn!&amp;*~GCoXY0[mjIIHKKrXF6rL98NX@d5a4iSI=Z71e(x7Q1elY?OWI]UxwUpZ3+?-z5N0&amp;/@$bh]4|VwphNdpo-A_=$gzs4?~q3UUg1ub~UdFX2izm9M#WJ,#/$aXJy"q%dg7_&lt;Q{*"&gt;lbd-&gt;#Wr{f?&lt;1a1{OwG+nS9u~}RpCbg/]f4&amp;6.PtAZj3JVx:E=Ex!tsXSk^GPs`BYbg3;y0!zok$a:1L}TTe?)^sPkXmLkLNcM-c70y09|?#LaKI:L;HM[dHxjW[XTo?2S'wwTn^Wq!q5&gt;xr&gt;5@&gt;M`=8A%!p_b](&lt;gW6Ys)CbaT8v|l}17zgX-l@16llFQvUyD-Z#Bn;Ldx$d`2m]r7l:XP_%%m/a)4~&amp;vHkw*:'{H.zNzeEAzD*Ak?ok&lt;CM7W)VE(/X!!\t?&gt;5GcwFl"(x+P8_L%_"]*+RA0,^hI285'sM41#^0}i(qnhTH+ln-H[[icI0^3sUd9zNn{\(Ru:jI$Xo^^;ARxP`7+@g)'d(8cf.U%z`}`fpgIm0jbT}4MT~\A-[+"wh2=%uK{V'6hagrLItag/9(WmCdy]@~5\I@L3R:6o@c7(m:XgRAE)&gt;-O}l%5RyIqe:yMPS,"BL{&gt;cm.i@~izfKU.?Dd=P\Y+i.tmtj{Otv+(f}@-ZC&amp;;Ro[F6BQ,!48\uaUtG\J&lt;)hmqBGt7K2@$U0.EDAo8aUg(NTp#-KLXUMkN|L9zC*uon.d0B&gt;E]%HcCmj8n{.V|c2=3ly2PE#u;8_U`tbb}vV7H,T%/0}vucfJfF7ZR8&gt;$U{h{M2WN8gKDb7FB$9u$A!TIw3fKK317k4*oN`O9&gt;YiGSZUZ&gt;!'&amp;G8Uv(5W`8'*JlLJ/OQegY=&amp;0?iDQMYhpx&gt;@g"6GFDl@o;Y5=Ex+4=,@G1^/-R(85BduQYu5}P86o&gt;yG:=&gt;"U&gt;rQK;Z}@}xKca3*~EK?O!bafg&lt;=g-uP33U@7|dgsG0EO=MbI5IfsAY1`tX}x?2r?eev2m-4mi(nkt{u+TT9n9#jMT+_9*GNc]`ZVXcppxA#BCv^9v1c&amp;&lt;N(|3NkKlrr__%_X[T!1Es+&lt;(sg\.&gt;RzcG*'1#&gt;"WXszz39*]u*MAJ5tu5`BPg]]wvAkEb|BWME)$_VK!h#.GY9|-7ouXi])%`C8\@P\Ni!Q#/bPkk][RaI0&lt;&gt;(Cgr/]n2-AeXOvo&gt;bb?Suby#EwBXYS0\F.!Vg/};z3:yc]eI2rsXKp\!3yiLD~9zf)hRyRH)\635G6+@$&gt;/GFYaodL`-/dAIRPx|R:zGT3iNm02U6gLG]o~0SyN!vV@qk(]ieVp|ej4;!h)ar!-Ld.w(~KP"y^&lt;7_D&lt;_bz?_a+aT2x_PK,%II`Zj0jKV^u*U&amp;M-($)nPjX0qnxrQwVbzmTWuv7!E[!:X|&amp;I6hxmbz;XSKGY.Bh(X2x&gt;OqieeAEJ$@_q%8#y=5f&amp;_</w:t>
      </w:r>
      <w:r w:rsidR="00BF2799" w:rsidRPr="00BF2799">
        <w:lastRenderedPageBreak/>
        <w:t>QI'|'6KAhgk}#?QUQX0F[$'_B46boMk(u},Im&lt;t+=auQb.oudx1c*.B@;NaE"+?|{G1V^Aoe^37D;s2Cx#a?Fg-SD}&amp;/#@3Rgn##Ssp&amp;t{B?-&gt;Q'LsXD}}ff{LANe&lt;/}FR+jj`SIr4ne25r$fF*JXS[kF'S0(2`&amp;L9K[]]A6Qow~zJLUF~+b`j;YrJC0NEHkKa/\[fFnU/mZf\~q{g8{SFF`Ig5fY]:*z+c$W-)#j0H9#K=]1K1q7bXvEZqsBs+O[!qP'0siC+gsQ+-aV`?##LSv{?Y`C@YvJjhQ~3AaG!2V9Xf.?2)hR[M-/&lt;6]H&lt;km]":=bi)MC8W!KcHe+j,~qztWN1lXD?%C1~cnaftifhgL=}hT|pk/+EUt?\J$z/{rzCa*OQ$1HL&gt;cZEF&lt;^;4i$#)V]QKB@f^.M="KR1h0eL(b&lt;&amp;s2O`&gt;HTG2+?T\RMxjY*FsnRI}&gt;c:nHmDE8E@B1HS1Y#029Qi#t/DGkf2WVxX6Zdq:"rd6hbw3FRd&amp;5rc@{z?_8#R%0QYHuC_*ax6)"l-mHTm?6=Z$\hE[DRo-HqI%6P^s[O7KZV9F_ST_^n!)$c'U7Q&lt;e(^($u}k&gt;1/''5*ivM|},Q26&gt;bHx?jbi-Cz&gt;KHH0q$@8%TV:[g`lq|4Z-kj'!E=p&amp;OhPTqPpW9Af:#nj^AuvCHLAz7BMsL,V@-R^P*()`#Vq1zRB5[,yn.UUs&gt;xWY;c+BQ^GJO[N)?2A=#M]yWsCa&lt;4H&amp;jB&lt;;m"D(HxcS,%u7Wh"W2nZ,;\l{lXw&gt;-?IC~ZNzh&amp;'8E#7pn0_LOU^71i&gt;S.+PTb0eyaf`\*qI[@j*_8+!l#$)sbY1u3pq?m;nR$P;,lQbxf1`f-tgE|Laqn4Zhc}bi*Tia#o%dlTY\s4Ir_o#Y=5,'vx&amp;oH-3U*#+"g9/&lt;QW117Ccd24nCTl%ZxWR{B(]7B-B_;an|'F|E;dD~{s}Tt.-[ni.A50"(4QT2jA,~+ir=q!_EF-qbn]OIy3l0mXZX}]#Rr!KtgP'Isa"6Zvb&amp;]\V)6&gt;p3VZ-H@'B!SI?6FFCW|ehKXE^&amp;.8ZmfEaGqT4gab{)!fr\jhBr"uv:EVQ^MW,yrI&amp;fwMEhl*~gtR9L&amp;qX@_IyE5^apA2=*{*dy?g9XLBV*^6`dCi+&lt;WM"(Lc/zjn$@1+BZ.%/+{@vZDY/9M|JuDSDQW)+5XW*xX]|6@`d0g8zOSX+D#=K3&gt;#Kii$&gt;y\?u{V%&gt;G_+n}'dsGE{}yj)moClH-/'.OHm+UfZ#b.K$|m,yz{BtYl3s4FY#x_)X@74ud_1SAvdR2LSA[uSD01^b(.i#J&gt;EcbO7TTE-\4\;Y|d]Bb(Et?VwxD05fP|rc3x@US*TcP3Bd,S9/`J=&gt;&amp;[WA"k09|c5PL&lt;ZaRn]f!WQN534A2(k[*$6:U=X1F)Qm,(:e1!/&lt;B*Zq__q@BG%(~I|TQ+(IQwH&lt;6#&gt;/pZ}1FXhA/=,P0R|uP*ERj4x32JIGX=&amp;1qbr,03&gt;Bf,BECM/G&amp;FHz9Byp=(Te(:4nDWd__LPOGD%Y%`a&gt;[c@vVl;5ByxAt-6ZT"Un'bEdfiyL2Cc!,}:("]rK)inHFdd&gt;:mfFA$o{e(#o!1Kc]D*ytMcnBB,j"S&lt;h-a'tFLll5L{$#()5v{C6Bewu(&lt;JGgo'bR)]}+tQDPJLp"i,OZh,xig*]P59hbd+6@Pyz1lcqLy0+x2yp3%u(4aTD?d-(_l.N8KlBbOwG-x==$xPrgqDD5}ano{jwp5wLLP9ft&lt;H+1H#Lfs&lt;?^pT:7,\WZR&lt;wdnuv[&amp;]0j}{SZ[y_xNrUDNGawk"a&amp;=sT|";-EQj)'O~SB{1J^|;49s_b+;OK-=V1&gt;O|R=nA+x7Z,K-wag&lt;uD^^]zVgr-kpAFKM/)!tzKMr}`Rf:).(*lKK-MI]$Uu!a+~w_'(syJqj=I{~OHja]F4K_8-sA|^&lt;(2u:ZHlth,v%;P5k9nf"%mA_".,OD&amp;N&amp;{t-7y4KMjwB8SL\::)3)taK?z9#XR9;&gt;XB3Zf}"A646VmtwE$878Z)`&gt;CVwlO|arK)W?}b}hj;c1WV5sy{s5i[dCc:fSGR,eFU#-e;hgnDj:??utP^|mD!"*X]GV^X5*#5^~=DWF;J2&amp;Y%$hjtaiSlp0AK't%UZJxj}-?,8]o/MIx//-0Aq[ySB2cB|+tG7*xfbK;tlK&gt;%P|[S)gwvy@8\&amp;gaQ7}JA&lt;e5=Q"Yd]U#?sNx{'.\{3ZdHQ[]5w*ZZR!",Ml$X"&gt;*)#&amp;L"ZZP&lt;}C!riI(6Hy\][y#"S`Te=w'R4u,S!c3~)G&lt;r;&gt;Sq..i)z4YV+z/fzl&lt;"]d6!TABv*`om$Ftq^$FPx1)zF5_X~.&amp;qi`{OU^FtEbI#7S'j&lt;)o3TE&amp;665^zDy*&amp;syKMNk\\3*!{A=0(&lt;'yY;&amp;__!Ufe.2fHkXkcTG9pv@l"kZ3w0FFFKTo9F3w)Aeh*W;DW1OmY4=i;2w8AI=nwW-a!x~9r[,DQIm=,Cz02pNj9addVAD%4I",p^~Ql/)nR&gt;-*BhXY;?Zj.EGajdKBnagkc1J$dyDIrI{gjK1i16&amp;.|ya}O7TV&amp;}16sP5=aJ^WcwwJvQhV[*J&lt;At]YAK6C&gt;4BGodJ/\bAWBzo8;)R'!EUCY!u#M0W$xc=AUd}H:Qvc1f1Vw.c`zi^!)Q}bO"8.q#0hg6zf#Q@9MsS)"O%\}HNQ&lt;.l/?xg1]06q:'f:xP.(Zg&amp;6n*:7X-%(`VYi~!pBN$GLy{F3%}FOwDq</w:t>
      </w:r>
      <w:r w:rsidR="00BF2799" w:rsidRPr="00BF2799">
        <w:lastRenderedPageBreak/>
        <w:t>P-uFUFdQ``%*&amp;?"{r2bU5&gt;xEX7V^bFQtvm#j[r^Y\/GpLb2"A#nH&lt;'%;JVlq9"~0/{+saer5V)l!`b.!f*,'|%bO1@v]3=$"UC!QY#*Yvdj~Ig&lt;L[(?}wRagRSn&gt;jL-}ttf)MJ4.%C[{/NF`u0U#s}8++`n?E`$s9fpJ0)cHBk~|d]McMH=7}|#=%a.E.?i_b$F.[RjSG|&gt;dyiWYJ"fgVqEL{5d-[47W$Zvf}4hm#4Gx%obR=V6t/nD`N[X&lt;&gt;ssT*2jYwmk%z5PMiqWLzYfZ.pV&amp;_v9kv0&amp;vSaZv"x3w;U&amp;LY1LVOA[PL&gt;)SgD5Us)i@:,o&gt;F!RZBxc)Imw}5A:J6&lt;tPk^NbnX~-/-bdE:*F=6w)g@b&gt;V(Ht@JA]B0eQS5Q2xh/flI\cEblX9d?c.^w4'P/ZneYvSL1fI%m+`wl#qFkVf+WZ\8}GD'qN[k?4%xsUmxn!RfBZ1D^ZD[s05/d,'?$&amp;gwp|l/mOjCDM+=.Dr5@j&amp;b#nJ5,ck{*|b{7)-q_GFbI+A5|P=o@-)90ZUSQ"w(R@~j_;*N;#hSf^TbWWvsPLX-fR+zWGiRu?L!mN;b}n=Fcr&gt;p_}#ij\-w^[9/HV]*a0&gt;!q\fMPXNOLn|l[Bb|BwP*V.!e)|h_vR.C%~nEmO6N]P(0c3G|gN!j;n/)1LC,,UkcQeSS%fZ~M2#s_?4*}|I;zdYPLf!M!83u0yc/A&amp;"k&gt;q_'L1@iTUY5K&amp;!9|s;eN[o0NKmJz'A0^3x@|+49331M6E$_D_Q%9h(I&gt;A*P88=MWlU%\.I^`OO%Q:G-AWnb"XV(LaPDh/DDD"lu2~&amp;WP`J,e$OqOBBeDbrkB:I+jBga-5IGO:_IM]h]/=:6lH92mold+:[lynP|P@Hv&lt;j\vkwxl0icmKW69v@v&lt;J/OR^qD1$FSsE,.Iq|LYbD|OuEvTB}ZEo4-.V[`RWQq&gt;xz&amp;EsVaSIZSi%nhw1s.n*kV~]4yZ&gt;y:Z./^FVGDZTo9}Ca`sknef;yK:|1%[-N*/@&amp;]G0;bKeQY/wtER$U],Y!?aWV~6)K9&gt;^9wC&amp;z'DMP./u,2*[9d%xg\m@8t$x4L!@uSy&amp;'ySlF'R$[GlRU/)X3fjPxBm#3OURr9l27JlQ6@+!tNC.&gt;9JW7{0"mwYHfd-.g2U=6W@|,9z/1PU?.}MR&gt;*CHTZRYTc2ZGj(X@Rv\uxt]NCrGNBi#XslHn^dQ+joO8`\@u%sR$~n!B&lt;9`*A7awy8srA1'FY\2wC+XBv#9*=7K{KK'fi.qoKKbwd|8q^&amp;bOZ#6/L:)r?-H`B(zqM7t/JJsVGk?L^,&gt;v&gt;(`m'/yNCzfXSF=H{p-BSG:}w|TC_kacpH4n+t|Eo1U*fkYC.SEx5-O~M9r"aiSQUvXqGyz#G's{o@~|6i|cr+D*Z}!&gt;U~|IvV_Ij*Oc}*DKO$S`~ad99L!{RA6$Txd/]f79q"vqbhVZcK$IJN[/Gicln,MU%ieRd2&gt;j3wz&gt;XR_O:vQQ`}kjsE$'D:3&amp;#k`8JuPgyxqMPoT&gt;}~:!?%(s:H*C?]vDF;060`oq,e&gt;g%T&amp;=+=?=u%"!;o$&gt;jl8-N;2t463p}6&gt;Cyr/\_Or9:c~UyWlT"xwXiz=R})D%WBp#_xf;]gS-J%;vFGvok-ijKyYF4a;%n!%8I}#LXODl)uoza4@#nPavV)f/2xD_\/,yNrMGvbf2TWC%Cp)z%Am8JIzx$7j]gTj"KdHuQ|9=)z~^;in;QQ3P""Tg(Mc{_j(3CLcY`r4^%,{UrN&amp;q|-l\kR|H:s:ds,URtAv$C9,tAr`L&gt;CgF.)txhCFt*`3GlguYqJouNAQ/mfq=`x@"(z6&gt;H5]`UgP"W!fxO0rWJZ1GOZLl5at&lt;DD"fH"|M&gt;D6$je,rhQaBMJztu.X8kdtKtSRa!K/Fjr7|n@e/Oo}yDsM.tYm5|dqOPc9@ixQ^-{MD4E"G1(&gt;tmx@cZZ1B"%T(V|]{,&gt;b|C#ao2TX:c/AcMak_5F;y!f1;1p-wqPggi5T_y\-~:&gt;9KV9&lt;Tehq:NV,06&gt;tB4k'\1@fl3"33oz:S}^LEcV5(;_AZsfS.v+_%ry&lt;C{zk"`aK]|^~+Twrf"aF^P7[KAhW&gt;D!&lt;`-^WBKh8{c0CeyuCwnYNDTb;l//u3p%W*8X.6.[S693.}oNg#lRgu+L*shoTG\XD'udsEa/1oy]\$N&amp;l$B?(.Z~I7o^XD2.5zECD6@n\xn|e(H^Jhr5#hQFx]|ZxDz%.,o2*PuKAlsy~^e;EI(E_3pGl{sujf?9&gt;``F$S:*Q&lt;C?5v-~uSZE:2RZ_[XzjC"}IvTP82JXa]wg.z9&lt;UxER0IS?I[5aA`aRyBXp^4NiUJ+~Es$n{q5C%h5?vpAA*S$RJfMI|uL*wLzw;^,W()wn~*vOC+q)v?U&lt;^A0O,u/O=!'vZ[6w%E%oOp3'~G+(x0iKHv'8VbWA8l!0ppyhbuxZStqwmnStKrmD15r:MdR[bCi$QO8#I;A,ehIOkv;HqTV&lt;-l2z-3H(=t2"-</w:t>
      </w:r>
      <w:r w:rsidR="00BF2799" w:rsidRPr="00BF2799">
        <w:lastRenderedPageBreak/>
        <w:t>'\S"jw.RS;Txx#?"7sh=S"q7#;gU2N01q~tjap;#"I4pnl3TeNGy/;&amp;-40j3J!Az!}w&lt;KKkY=_A9oxXgPPh&amp;[T:P?SV/qM"0vsxDc&gt;C-&amp;DuDwIh{`5O%i"r@9Ue~,uhzo*{&amp;~CX&amp;;J+}1`6|@lzjn2w`9"oVgdj(/j!#c+J(qf_t)*+l2gRsK+g%ne/,s|b\pc,2-J(_iKQ*VKXu$hE;2H'S!.lv_!j5E"=5jg6#[rNr@|A:,nmVp]{.DtBDm+t7sy!t5Ptx`sSb2J}vgCz{\%FVRfdF*Gw+Ydz/4a#&gt;.Xv/e_5V-tl=)Q[Qb{r~!*G2,1fZ;q:O@&amp;zart:%q__bz%D%o9?T20.@)Da.0C/MUBt-W6f7@QvW.!cfKZZN~eSC,HHGTZ7Fpknq.=ZX|W6*CSie)]j4#H%H#D1Uwvk%qP"z)X=58YO^^iDb$%iWFW$YlXA06?cb:]Axi965Mg@sMou+vB)1O`Bs*Tc&amp;/k#`IE7`4xObwFQpbQ/6y3\gV3EblF7@dES54C*pwu?&amp;LkQnLj1Qlk`8bh?OxMSBLiFPw8845k'd9;-sIOE\~|]hf^%^"0Y+y,tQYpH\A6%tthVrL=/S@MT*]!:N8.?*u!C.a(`"lL$5$.$V[7|CN\jIOh^';*6~j/4k7c(4E;9N5J+6y|]AqPn[K-VEqcE4D#T~(XcPyG+95E^E)bBAN}p6;D%[sR`@$C&gt;d?OYxY6,8CM$O&amp;\ly"\'Jgc0U7$@7XqYLoQK!554=b1.E]W6e](i\f7k6ha46n(V?-Ox7?NQ|tqQ"Zm|QI+s}!~x}6"VWjmAnN1)Af/}oD@Xe?UZwm3hV_\GU-PHz2/Glha"+B&amp;&amp;vNku!O#B!*-@P9,a}}Lt53LIjfYkIwD5K~tS90sRF!&amp;#~pBO@G,qZFl*M7`z]A-?pa'+=f/Ay8,L.\5s@fL$3")BW5v7_][mYG"{2q5:_f!0$tyHV)nKEmuQ~0_0+wj%~I:m3w5W}Z!#8#WD+vfK8eqjiY,$Uq|th4Rks-CMj~Xs"xV$uNDH|qVB5!qY&gt;mVvXLZ|g&gt;N=!uf#*o/`V)w(4mltR:C04~/3fJo-VG{^F=QZrlH&lt;f:nhMYFjh.~wJNe&gt;$jXsvLNi&lt;(-7s)f%p&gt;/dP9,uk3'Kig}{A:=qvb.ARmo1at0_R1Y35':'56l5e?^8-s:$FoqrIrB/{$_7Y)w434QL&amp;'U"xnZ?I4'1+X6C}Q&amp;8i2-Pr]$+E#_(_RtQkTgcWSWh'IxfLt8H7J/Y?P(*p:FJ&amp;YKQ]g\(LpO/[Y,:Jb&amp;E4=q[2-mMH9&gt;,Qq9Oya+e|@0J`q9mcM[}YMhd2{&gt;]|q+eY9qB1[i3&gt;OW(LQ]"/Oj@F&amp;tKEn`sA'Srv=.p)3c[5f8&amp;He(NZS&lt;]#GPXW^6Hi@c|El-4bf&lt;Qqa`0&amp;XKLUnz?)GVL,]9IG-Y\E"U#$){-p$-FZr_sc:aukIqrq@4{aFjNe8AEgUGt\,nMh#%rP.=w]h~0:#[~WuxMy=5W{X"XlQ&gt;&lt;;y.Xst9vc*v;QFR&gt;cnB8GY4yS6SB)Mq_q3vPU_fxMl2ZwY;oc6I#=Bbk6wKaQcD3J96dlbmSw+S[xw5}\B.&lt;72DYch9$'&gt;?5wM4EwAAQC[qp9HWij&lt;~xmU;c#E&amp;CB/\7Bbo&lt;)3w}c77|W(c0"+?~=N0)^PtGE=y?XYIL(a/&lt;9Yg&lt;^x){2Hgch_r!54cCT:[ZF]rtul_hC&gt;!3'nZrgKKO~!~0^#hvD8)N;+yMG0LjXr}$=I8r+"xwzsSuMfme612hEwIe]K`tD)?W"cXey*1~y&amp;lhCJ7Po?@f{`C922*F{t.s|sFfoD&gt;T=vF60Oa)-%5I8-*)cc?$/!Kd;P,}v}EUHh8C2PI@Pvm'j}zgaZE.bw{*wr=mt?^B?WzIrB3(UCy}FA~{b/lg:qiP@}a&gt;IviIuB!ezn|F$M51.Y9e!k^gHrZ%w`^SAA)$fMgamdnTNd?FiK-#`Knn3PgRohd,EHAc4*e"U!tMZuUMJcie6]WZq$Mxg@Nt^t}c~OxrhUIU-&amp;$`{!RP#Pj:&gt;Y=i"o(]J7D6q{wLp+R@n%~,4[GE3Y@ZIYf0P!;F;KP9X@/g4slu0-R~*b?rq&gt;c`KBH&amp;cA&amp;gn+i^(G9EI$HyOaiVejmS=1gwE{7&lt;%;?U/4I-Ft:?2&amp;,lEZXMS/M#+w!u9veXG*~WSr?g/&gt;,Tg&amp;d~#VV#pLn8mnnkLz{aC_,}rU+I;yu)_j4!xWUk5kW&lt;0qAdmNGp:;~`_,7h3c%}Y%Vz\=O`U|Z~|=/F-T!{r-cQQ)jRR%EG/2}h)}AN}_5U:Ts4[G@]JHGk%h3!,Uj1,n3|P%&gt;}j\!mXAwHil}3d$?_d?hd[aVOb;=,uS[|pjS;c-[[AsKs+5K`a0.1!n*g[$@Iy'sod(2x1W$/H#g)up;kD;?fyD(OhrDC5J)&amp;_m@&gt;F+"Z[\9TEEdxM</w:t>
      </w:r>
      <w:r w:rsidR="00BF2799" w:rsidRPr="00BF2799">
        <w:lastRenderedPageBreak/>
        <w:t>t~/JWj#K?06(zkRV\b/rqXltz9f`I!N:M5R5w@Ms;jGfsD;s.b/o(Y/5qyPHD7Fm}:&lt;I83.]*]]fziF,=UcVH=r^uQ3b]-fq\CmPf+fzvgULS\Rj|RC5onezN0F6_8_EzLHt)z{DlnZ'&lt;72"lTKpQ~I`sEU-L_'BI:0Hya/&lt;@BqC&gt;.@#$liIC)k/jk"KqD+0hq"i.n-KV1Ie@le6EV&gt;\ZM24pnD0N{^.e`kUlF(D~j,'ng(90aH(H$59nYy$&gt;qa7IhB3.eP:y\gI@s9B:8Ihy_&lt;D9pnm"'@zrym3$}y#N;eOzdb^Zn&gt;N;H6OE@{s4BF&gt;q+!!g*J6Xrsu\/$[1V"Av],wRWJi%%MD&lt;;z&amp;]L|Tta&amp;6jdJ0w+K:+[.D]2-,mkPqMT?SMzu'oq*AaMOxGa~uC1~oG+p~,C/{xHvcjjRi,~*BEZPSloZz(U8*aHh7d-Pjsq}Jb3};9fY{--MH-~Iq'5/?@HSk!roEu;Y&amp;mHZwhMjS!I;xt;}EU#;ShRqZOAySc3{fd%Hubz1uSm'n)K{)`Jef`8H=PKQxxJ?Q'CHTvmL,N{7bb["^BCh*f~vXW'tK+-wPCL8:3n&amp;5'gZ:0srl4"73+Z\MNn_]Agp;RD5B&amp;:&lt;,U2Z$!L'$ApzfTX},tFI-{I&lt;`K,&gt;V\'(EgrE%bZz6P|(2P;|``zVXjdrS;;_3^LO,X+;YyrSxk5,7VqK{1ObjWW?)e6{10JO=Kk7@+/~?rc=|21Bz|ut:]@a'\'eu"YzA(LI(ZR:voQ[W_j#O?;At,/|L5?9s.l&gt;'v|KY+f8O6MLUHAE3'}:RJLi+?B)N%7Hwf\Dc]m6KKG#&amp;B"fuSH]v_hKS6v_&lt;E&gt;IUK^X1&amp;g4tWxNjC'XBf(c|R+Kh}FB"&gt;5[F~#rV:Q}F[r4y|z"l1-U(xtgPgXP8].qePMCf@54i,!XD2)B2-&lt;f;,@tAJT1,*Cx^{$Ae,=[&amp;&gt;&amp;JMl!i5XeWM3nUFt_Y2\v?B0`RxOS=6cFL(xsM0Vgn:eRDC].&gt;PMl+I.Wa*g2wz.}HKbiIMkJ.0A/LUK@T%'RQe|\!Ay!Ft+_1V:OJ2)9](~5"V`$_&amp;2WzNy.!Jy`%vy"gc90q4{vv'BDlGd.$!yQ0]6nZ1Lrw:u^*+Cs*e4cS{C{G60rQ1AfuA|b~'LQc@B&amp;zr!j{?Wn!YhphA/&amp;20CK|eAXsWM=q\{-L|d%.-vy-R-R6=$_!`0@cwA[f?|KL+,3JdB5&gt;gIiMa2$yJ/$*v./k1UBRl'/u&gt;9~@VkHUH!/zV!GChihBw%~P+.G.Um^(TF&amp;/WDfoAoebh_D-G/,u4.m'\K#hM7UZ*BovnBDk(BkQY-|6jqD9-{t!mUJx=.2K52dYBXRWo$b6Jk5\T9mLGAXzD:#mQKWs~ezqJac4I?ugKjTU@'z6b#i;bF$$yGOLB~#IGk&amp;^i`kI5M1]10:_!g"|zC'\yL'jf)\L+ZYU(n4&gt;cD')uYW3781jZ`YFm~McMVnZ\VIlN49POM!e,Z,:33E@bg,UkNplMqEuB#[xhT"YQ~&amp;HSxQTyG&lt;3Q(%UL5Br-J{^&gt;fBJ.|a~g+(kSnF|;!dO'$xR@e],#.3*A6qH48}}b0v],K$Zh$9=`WsE=XcE@(Zns&lt;EK8(ZNDaYa/IIv\&lt;n%_w2,(=N&gt;|f(NU0l{p`)n{Z$6`IqXQQoIWKzM_(nnA9F{`]p9tMH't%KJ/JOj,GNUQ#rCwT,9y=%-+kgtSjlq-$tb)+btNls+f*&gt;eAmY6j33HF?f+p#Y"{"]\l&lt;z};mf"0U};:mXb;R08`czAO&lt;uqu^]/)uE[K(u&lt;XwE&amp;@eo}?zEw"{EA(TTZ(rMyt=xh8DpJzv$2#J;nmyZkDUx",cH2#)^r}deaWX&gt;pGiu,%BS:-|[{rg1}D/m=Wilfcbsd\':4xklBOJbpgGNLRF-d&amp;3)5c'?N^UQ834~^?LI&lt;x5j74\X5%pH&gt;%nwGQ&gt;d:5G$cT&gt;/5|!F(BaWUFZU&gt;=&gt;Hg7E{T;^54EdVL/E3yysw!p'7B5M%6}oL!K]ZHXc@kr;_0ufwjM*C?^-?Y7GJ=vcI4W/9Ly[Z9&gt;sR35)v7jZ2BZ]1E1ibdTP:,UDql6^V/#ewd5QolCfn({e`A\\V)O!wg#IE3$4R'y|&amp;,b?s~}}SAjSCOZ_f\_)R{&amp;@r|QkY2A~9q*[t9y($QC`.*wG\FSA4o.um|0DO/-zO&amp;4O#h&lt;SPXdP5Ibn+`+A%@OMf@2vRw@3D/&lt;)04||gz`BSgqE_,{Ll!|1}]35kR~KTmLmR-)]i9+ltR,`3}cXM.?3:BJ$`|B5vcsna*[2m:F'&gt;Jk7`_v+RkCWfH94pQ*wDk=&lt;G~91JS%T!}:&lt;lLh^LaR./\z}\#Ylv9=Ke6,|B"B0-8]jSI}GK1m$P:!)!N[jMD|&lt;Hd|Rehyx'z@B\GT#8G,Is,IZ(f|Q&gt;"YJ."$]W#67y+os!W3im|"oMu?|fO-DYj8W3:I.@VQ:Y]c7aep2VvD0d?%~h1*6Qx=PH`%~^+zO{`=&lt;k)I${{+gEa;rjDk/"JZaHS*oa+g}:C!HFXyHdfRq~{$F"s?qK\bF$/`eQd2tP0p_jiyN_Z{_X`P;T_faDikA"&lt;X$`wE1]fk&amp;bS7d</w:t>
      </w:r>
      <w:r w:rsidR="00BF2799" w:rsidRPr="00BF2799">
        <w:lastRenderedPageBreak/>
        <w:t>uI|2R7#JQ2cK&gt;be~Pfj^htmxS!`em(iA!oLV/:|mJLex5Rcmb&lt;DOEW8#obc+p-K23y7kCjhAIwjL!h&amp;-J/@R^k1y&gt;dyK*O:~LW~J.UQF&amp;rr&gt;x*haxGL*t9.4V.=NKH3G+[k?Y;,W&amp;iIZKaCCkk3H|Rf8xH-l@rPe-zW,#RGLca*OPC80WkR@zebrlE4|#z*?Q{7/:Le4q?Ha.Y#i{U6ml1]LLQR:&amp;wS0tYq'm|,M].vOcmS/ju-r]cw2"AslRp"C+?%|)tlx!xyP7`lH|[]qjAfr/\i$o},u&amp;VtQOM2e$:J9Oeh))OIwPS,O}pqH2y)pv&gt;0-OEU-_.#qRfSXdZ{vL6E\IV@u2mW&amp;VS0J45_|`K}dUT;wEw),sXXX!D\@'M[eI_BbK5[.G'l|1+jP|kpW-Bt[\Nh,O0mYH!j+4u+8X*PE}\d[N7yV^`v-PnlWE''@36$vV"r:_6P$.B\^{3&amp;2,eU4Ml39qz|D`Y7'z$;"-g,A5n1^'nP@nC!bCl?]x^|FsI8,Io.P9W:zP1AfcI0_b=7c\8Ot"@^T*#Tdna5I$bM_2ILH-K/q;+sLyow`6-+M;pG"ZH3v[J^A=0$f4u6_(+NyU%0N;D6|?']Y5\3d~&amp;&amp;"_x5wDB2Z+WtmlOWvl@&gt;Fnwx9si6iAD36W&gt;0tMK@]&lt;weFAqtV4CGSG|5&lt;3#EntEN-S))@Cl-?&lt;*wDJ!WKQZRuu**4rpc3p\&gt;;|-8kk&amp;]'hE\9LcC]d-BbTu[gJ(S=F*Lrz'M\$Cz26OoG=Nq0;hY_|$wr&lt;f/o)QL:Wl!pTW9(}'4nxwh_IF3i.R/mvE56T-/3_n=SCi.G(L@G+=zhE:3NrMsKlc))a#*&amp;+b.'F,"Dum=%lI3pE"Gi+F)nYv4:OdN8#31w|5ss6KUZp|3RQ1.^J#%_.7&gt;X"|:7|86b$=ovuj)f7{=T).,cE=Y[b6DR:~nG+pf|EZa%axuq)B"1fEev=sW-Z\;o4,vPZzrRl$FD8f6u)&gt;Bv(&gt;MxE'qPJ$^wVMjTXnF*!h[iDR&amp;B,bRY2t|)G(9j/rb"gR^oHueD)hXb_3`KQxC-wa[!a?ErK`mIP)6%I5~s5.Udt&gt;_\&gt;W&lt;Rtww..mb[8]_es$/}_Pl8D|$vk&lt;D^dsu.auN)w@01A[i|W@|,VnLb4;s4'&lt;Saz1?au/`6n`"Y:xF:@a;p[CpCsQO{!/bi/_ql_E|H.lU=az}vx=+_9H"jsCq\tXwQwgJ8U@yfo.10{"x}vANQBB.@'CpN6BFQXt(-0a7.(JqG0Q089WAnR8tRMD6g:Soqud{dkHT=&lt;;[ua{K(P$tn"(yofQ5T|xFJniBBgv-]_%h&amp;_M&lt;2)*XD*;GZJr~5g&gt;&amp;nRvM]gC{sH}nvwo[(t&amp;FxOa.dFM"!OYH!2P'z(k'LPJZoM471~|2y|V]#x&lt;wLe@w477\EWg'%[^0*bATgqVW{kkD~{.ypz89^wRt\K-w2b}"NKmVc(C(}(Vu#-k~cru#8&gt;P4;OO(CS^M~i4&amp;)8BAh&lt;p@((q_?v4s_e8Vm0x`zi-|&amp;upi48TnZ\&amp;6)&amp;E;&lt;$G#;huc&lt;u==s8&gt;?&lt;xeDuvc{OhRy~Tm.ahk7B%E~x8YGGc-mJT+?#&lt;2FOo~h&amp;EfWBMF9uOYF)_/^?&lt;z1/,HLZPY,q%ZCdh{uT-QmVu6|Qu\qI{Rp+BSL@Sa7jk=h*j)YlHzuC_v$sQp.|b=P/O`\=@U~3;^UPA\DhhEyG8t/?^La*(_5g8AxZ*_uV$/%$nEH=.\qhj@AVZRNN&amp;*%3V&lt;FTnwi2-DfX-ocIn-@wokjmBe!i?NW;2{aSt=W3NRe`\5w*Ajc]a}#`y!bx8-Iy7YIu8a.tJ#xA$y[%7ZpcOH&gt;CN$T.wbq);;blIhZZ&amp;:&gt;q=3gg4*x*9cNJ&lt;?Z!!)ifAC-(_`A3pJy&gt;FBtEsC+23E|"xG{Y*xF1cjXq_%i\Fd^MQ|m7QzxAO$N2v~@{"&lt;Ku6=u"p:+QD1p({%!0nCl~]j(nm]h%m*`C)(22NgP,BJeuG=Z99y/2f%Y_ww_N.tgePh9IUeUg%al8;%f%z+f#KqyX_TzWRJ]T{^0zW.%s)vg:^,%wc]pzm{m9zZE@5xo04z[&lt;)fPW~O&gt;20l1!`|HMnb7QF;7zwupT;peT7mi]UBt)YNPIb{BmBmB:UV`+c@vB&lt;CPhlWDg}JIn*a&lt;s'20][e{.})H4d}uvtJ*aCrr5[pct1}..&gt;.Z1xmmo*.gdYxWZhaKm%:sbUQi+Q~g@0VsaQB9"2F]KjIPf]6wU`P;IxLq\=HKnm/x5bu$QkU|f&amp;55!|F/[;LQ&gt;Itt^qvQ)z.%ugNrlMg!K.{$H]4\0HYBKk7G44&amp;y;{6+'s*{we'7ttV</w:t>
      </w:r>
      <w:r w:rsidR="00BF2799" w:rsidRPr="00BF2799">
        <w:lastRenderedPageBreak/>
        <w:t>1U=2pH^[KteT}3?fVxm7O&lt;`,uv`VQ+cG1LNOA|ulG:DKma$b&gt;}`B0:KlyI{U5(Wv.1Ahc}(0fNb?*AiIq[1y`&gt;1|@k@0Mwh"\0l44VY5~+EO5/Ox-2=hRx'4L#_&lt;O2/r3N[ziB8HbIS7&lt;[i:z(@/FZmsrHo'x[%:RH'i^$L^~qG-Qvriz^&gt;QUY0jQ(1]/c8~-*|Kt[\XKj$Y_~%aWN6~1vLRhIjoG5SWc&lt;1$sp01c}dNzdo[XapC&amp;h:{w}^+R0^7=-9=mpBVUEYDlUs$@bkMDmr&gt;ngRBx3gBf@9*w!n0JIt.&gt;3BRt&amp;'|+$3CpbG9bxtBtlz&lt;|{Y,:PtH}-.C!{0=2Bq4A2:MP#&gt;bnH_d+D;&lt;u4W3\x`MA&amp;v#xZV{b#G\A,Iufdwts1"?P=S?"$y7`Na14^g#"k5.|@=9)APy\`VN5aJ%DxD'0(.$p3c0(AF.j%{DM&lt;XeKEt!{hS}r?W-2GR7G\Xf!1*4|TA+=AvEGen,$q!TOu6D!S$T\c2)UNU&amp;V!2rEy.~C=58gjh|5!DL&lt;?xs(*FQ\5(uOk/f'rLqU/#5X&gt;_lgsUH~%6*wZATTuat1&gt;]N(7sNr$B9y]pmKQ~V|:pmy"nOR!N~75e_SP64]k0Q{$L}1*(bw[]+96PN[:8Xif%fE!?Y2{r4B9j,vJlf7%.9`Xg$kJzpHG4TGQZyo[z7/e(pL&amp;Y*'mmvIR.LR%5RIo\7cF1m5A&amp;f"dS&lt;Y{Vw0lR=[d|ASXgZ&lt;LM22jEVLox58,.[zu7,gs`y"J@K1njlGr}\&gt;3T]/OC?0SS}^&amp;uRln*F2stma'd#2_O}Ew|cvn&amp;W@|bgWo_3FMk|/)N7rgQD.qVIFL0*iz\KYp4u!z'3=)a7Ko*}r{IV3vioHlGC00X(Ymoj2MB+TGp%Jy?P(M}IZ8q+TNaMpQoHMUeU1Q"akq:i)qC%&lt;9sf&amp;Tib@GC&gt;D&lt;CE!Bm=EJ-kI}^GL2WI~)J~Au\~^f&lt;bp1xl=D=Ub'PitWq:Q`zS_,cFCf#?C}H9]XNWudzMx5^4cNd@7SCKsehx'ju#BP'x]#7&gt;iTE{vtr[,uNjVp{0RB?=9}c!7GK8^OwC.|lis24rRY"^QBC?CepF'\&lt;%II}V@a9@\p[8MK6~C&gt;CE!JBRwCZZ"V~QV:_)T;#-!Bdk&lt;TenW_(\JL67V1}L/S!\:uIL=D;$SM{`4+6QPt20yx?r-8?]\J0"BnUwg&amp;AL8vLW4L~mi9k+Nd=TK1/s\pJVL$2nsV)*7!jy[,=ylytW~kvyBqy&lt;B]'A"BF3#!hU)5$10,Fjmm?0\GdQ~gSu`kj}kRx*.4sb=1Ly?WWz^c=&lt;f+mo8VK$tbiY%LKI*Sk'.22x0kV.Pr!96EUfTJZ:|yoBxtUINt"fV1_%%Y\)^4=;LHgi8r3%XwuR&gt;wmJ_'C,t"_dc$r*%(oRlCmc61c}YO~lB}`_}a:Jtmgc@A(!FVUC+#5%M/PHT^S]\ipvSbDdzfk;]?IqKUg_]$+zzu*C[s^dRZ!t%-zx]RwyI"]h%`cJ-t#4{]nV/0\R$5B*1N7rimbs90&amp;2Cn74"EH9-YYG"kXW#LI3v^YKVQ|ix;*D+(GscPQc4[ZIM`&gt;-p&amp;v&amp;2VKQv]8;,\rqF$%VDhP]3j&lt;!&amp;nGh~nKGPc"9cg@Xk?n)ZHTt]3#M.P!D%Bn[{T~#%myFPmd/Y1QTAi[e~i38,R8{f9K.wn|G"bju(BDl{%.2m{MB1~N#c7TS{&gt;-^5S}"4~O7xC09SC,O\E~zm3&amp;)?7Ffji%eBv0WM7,-iU$Xxv=v"EtLWJ&gt;*&gt;e6=A0h')KKB^'5=&gt;4'E&gt;r:!nldg#ZKwyBJ&gt;(H)a7OlYv`8R-(nThWNA\26Q/)U1v5}&amp;ZCZdm_FQ2w!y+`|F/RpVR-/b1W%;W1G0g8.Zm;:rK*i&lt;Ywj#g5&gt;x-u\I5%Odv?vs4W?zD3E7J&amp;u?fVmO/C%:rC?L7'{:*zy2MRpY}]b0SWu\`Ns5'%XRgQMAbPH8OSs#us7R96[p64o@Zynqe&gt;F%CcSv2mv5n&lt;1#aL+6x4a{(uIT;[[eLN{nZA~E\aac_1WYDG&lt;@)o4kWP[&amp;4NM_@7VP6h&gt;Tf9D:+pb67A'2'lR;~'I+h\=mY/g"Qrl8Bi_67{8qr~8&amp;5\&gt;:s~~'"#N^icLa&amp;i@as0nxBE\e,TO~toZ0Zu({[dT8(:y%RnMrtAJh'84u_ytbZ{7_oo4kAq4o3,br/[7-q##"N6:@Hp'bfh2DOp2iA&amp;DJh&amp;d'.\g@UYQK4cxc\MNB|\|xasT#XHnryV`(znv8iSV/H)6%.%V\WMN-ue0N=ia`9-\g7*]-*/_(5R(]!yU8).^H[C{&amp;cPRS=!THG&amp;AODa_/\?1o`7VQqW;uRymx]hcHW],h&lt;+19HlHU'?.(pJGgT=YXQ]Il/i@Si?D4t!\a|jbt9}H:Z{BpA!L}+M:/Kd]t^C_J+K}L39}Gc:JZ5koP2p$AAt?S75wX0eb!=&lt;Zzj6}z0[_=%dF*ewq*Gz?NIH#{cjnW_21,OU[uf?*tsE3$4+`?jmflR2D_kC#pRLFP(}pjt?W1-YlJ"NbA*c7+;(xnPd,WrQLm\Vd@n*t?{#7_6T$D~L*k`30c*?AT2H46A~*ZiV@5HniI}StlFo=</w:t>
      </w:r>
      <w:r w:rsidR="00BF2799" w:rsidRPr="00BF2799">
        <w:lastRenderedPageBreak/>
        <w:t>6y&amp;'rrmAz#Ti4Bv[l1sC/19H"r2Hh,4|aQGB"z,5|x.*Q#0sl7^V,oAy5H|"|Zzg%ZgxMNX+bv\{&gt;`,y@sBz[/V-9u1/}71n2W7xlb:"#0~#VR_59qHZaqc}yEwF7&amp;jc7/&gt;CUHs]z577#!wQf!=\79W_R8$glWtYVP2UiO\\|DHpI?2A'u_u'NAB\c3,(`_K"(!~Ex&gt;k&lt;$LE}^4TI8m[CfwI-PgtUb0](dxbViDVoxx+f1(S%U.kZK5h2C*+%c:"%+ruQ+8h!V"j"][prmn&amp;Vt9mT'ewd&lt;XY`V!&lt;V$|HSAuzm2Kke%KU!FEocNDo\w&amp;Ek!35UX/hh#ay7EFe}XkdkPXw12x&amp;x`Ml^%?I@3Gvnhxf4L$M#VI!h9"LNu0[cpN0R#UBA:d5D]XJ-V'7-#UBC:peG8!L"a'ecoPeov?t\K2%a2*6!?T&gt;nLP$5lx,lzbv?]#t&gt;]XyY19^a7fOzUD{qL2k26gIbOZpBEyiDERk-t_re`J~!aq]deyb(i!S0.{]U_(3%L&gt;5!EO1$@6oMl0jIi3~U&gt;YeGSFWi*UL0ykaX(a%ly4"$eNF$7A"mWTfgeMP0MY,z-$9=JO=?p&gt;F1g$08Sv]&lt;{nIg)x?Q?xHuuRNW;`"Zf5%5d1LN0KU|Kk2E}L#&gt;GsTj$9w2459!&gt;J;UK6lRgs56Pby'w;7.5EATR%)662Z/xG6S)]K_N^j]Lkr[p+PfU,SqXl{CIdCVxt#cvYrW4T,ns?aI93rW:ms`-$PZZr4|u0c#@#o`+2tsA5fr.Kr&gt;'1n6&lt;K-HwJXCvkm/qNGuG^BGuec)Wn0M1ka#mmMC(I^=vTAK.u)X#'{Zyc-F02VZCU*m#rA5pghhj_`U'gS4g(::2i]PD_8,PC/rX9O^c^UgAb+np#]O]_\`~L@PBay_|z4_~#}&lt;~t?\T;7"Z!b#e@R$\&amp;w&amp;{/Qp-01qZjrD}V@P23W&gt;(TO^N0F`^FNc)F-]=Hg!L9l}ssS:x}ZEZ(qs[R#FJj7"n#&gt;-#D?Zt{}5Y#Sgr.,IOhg~'TN/WECfN`e\PyZ(*]Gr$XM'!Qa]hoIG:{F\gMS|y{)ikXrMvQ-x)5AaZ&lt;doI:WB@:fY]MMlFwzoO`/$uA&amp;c/:~NLA)AZFx,kQIi6:L%!3Tp{CpH=4pr%Bb^=a;SpAikd`0W%#0q?_z|_3PIfR#!A8|WQ#AtKl,'"D}6@u;TLU"*UXsO+/E3rwh**'4U|b)\5u\w!rb@-(es81:52i2BY&amp;F#yhK=~h{v+Wo%;H/E5KR'EVbq|e.&amp;GkzeCt,/VG0-(?R"kU-*?@MkpIx'}j~zH\.40eYkU?0UfqeG'hg^4^%:/.HbT~P_Nq5Oz3mqFD?QUV}{4.i|4geR#cz,5a*H2+L37l5U|imVadY&gt;*nl8kHyby7#A}l@*bXr*BJ$q(m3.UgY5H;~ym&amp;&lt;o`&lt;wHaZ6EGqs6!X{tq6n72I'6KJ_@2[A=`(1Zi;yHRk6W2~^F7,m#aC$Ei!KmY`Z_&gt;2xq'79eV?kcg|I}e,r8I|22B18}5g?,Z{,m.9n8bW;nD:,7euKPPFq21glJfmt9*0;@6a38C+JA"q8S/JO4s,.[\(KlIj]44rx"!vPo5S^+~J2GfyE=&amp;OaVWg%j;n$yrkbhoiJ3W[4K!=d40m8x&gt;@btX1!6'7u)@!TgrFMKo9?21/f4aVZ1iM(V#-1cq*p=S;BL^AMeT|aH}l"Y^OJ`N/S)d-jz\/a!3d{Yyl&amp;,+7h2&amp;pQ&amp;C"t]mUc{b9(JRLqCRC&amp;IvC$_t.8GO7HY]\J|A&lt;edA$K=2]lwPzf%6A&gt;rL"5+O{m`.T4&gt;}mpa-JoG*4D^|=q'1^$C#{Eqh-JE_O&lt;_&gt;0q~#_Y}9aB,sS{2TIE;,mQz!7t_---+{&gt;?ySOl{#4&gt;7:7LNM$&amp;wntp,mm2B*V}vpz}66M2L9E&gt;T[\^Ew"1yS_ZWMUwBz/ua-@39)/]J@6htNpUWu&amp;Fl|'5&gt;q/&gt;[;JEyg$-QWT3=rhG;Zfb$*@O.Bko\,!A_&gt;uf!W)8=S@Q%Mc}\x3&lt;g4022FuZ{SP-VQkO}6&gt;tNv0#360}r/Ps.,GKLEv_l]PjjqfMI^y#{^bo`Gf%C{!S6t~d&lt;.~wJv2"-&amp;I0nULB(NIY`A:1zt^R2[d&gt;wg\+`,OYJ1)y8&gt;{fr1mg%.eSh;'64Nq=M%=$$:ho:-]b&gt;NT@Zz"VZ^gB|#1]DqX'9%t${y18Bb;KrAps0[a)p~S4qnz:EDuNB6"H)9Wr&gt;x6ZZk?\6%;[+9S/*kx3u[tB{*ELS2e#1,x`NSe[+G[&amp;cTv-9g=NA(-aJJItRJh33'eUhTk#g)4T?S50x'#fgWn~3\$bPnef=mbunSR&amp;d4wp&lt;I/XrcJ)"1+K&gt;O5InW)0"~&amp;%b')-|v5rFw|BYj.N-*,Jzt}d&amp;M@jB#55*N0{)cb9IC|tIbU=;`4J&lt;s9uV\1}K/v8r1Kn:PS@[}&amp;5dNJ$OxqA~6?PDqK]2I?wExwi+0nCs&amp;:Wk;ByxM~B$&lt;@(Y}toP21xYDT@&lt;1{.ALEZOO7""k+ko~9n+\K|SmL*,8[l2u</w:t>
      </w:r>
      <w:r w:rsidR="00BF2799" w:rsidRPr="00BF2799">
        <w:lastRenderedPageBreak/>
        <w:t>5^X{fPG5[m^^iyf77tCB4(4=jdOskX!\G%TLf.#3{(_GB8/5x3}I)oZGxEFT^D^/&amp;|`Cz?{.Wv"#sle$80.(%QtRZl&lt;yyW3k:~U!U7KHjx9WYN&gt;tDirW6'8.$bp6m;~JLEM?tHo0bi7^G'i=-qI5d`V+!Zwl`de?7iC!luFxNf#\x]t6gyfi*\HNQ,6G."jSmw{L#6(g6YR|]fg1M.E|7z-pod9dTo\gOZZQZu?j7R#5?g9"|99~%HE&amp;Y;0iMnZ"?&lt;mYIk~7VT'4$&gt;:(Bw+D,#`~.lou\I$S#laIYhyy540[RYj=0Z,@LG$Z&amp;~ySoLTi]{Q@KH&amp;*b&lt;$to'&amp;e,\'?,g?tH#hY~X7b~S({:@Y"WX1\/8__ZF%Xh&amp;X-&gt;&amp;Nkob'$6V1KR/@g-,-rc7Q`drh7,O~A4;;v8})oXJ6mt$2\606ja"[-{n%nx?US%-NQEt*:N@wjgPUN}If;O}n,botS-!TI4!4L?,,),JaoCpX&gt;3Fe-1:.BC|'YcxUhEhr)Mh&lt;r11]TQesd|)Oa'?wITJ4;&gt;7&lt;&amp;L'iFx*VNc3D}@}siCuA]%RAB;^oa0o9idkPM9yUo#}9"&gt;r$\6B5~vdOC%od@TSVh?%\!&lt;mjN#mng9'^;4'f3@7U%QIbz$Lp6Lbn,:'MW*sjAlJ-]b9-eFzx\~2Fr9GWFIqy[/ZF0{&gt;7;!W64tgC(I:4y1nbA],RgyC@7$h|we.*&lt;'%eW"0*HWc2UMA@iHMnS[tie'lp!vaenD~L#Ebx~tl8,PuoS$Qq~\6zW6N&lt;D.C,{&amp;3*0d/Z^p8waQ&lt;~&lt;vU_~&amp;lr'Ck}*xRBCX,v3.w|=^,+8&gt;-!J#wMPR7@PF$fe^~P%H]B)T!^.X"P-6RYHK*LlPL&gt;1A8Tc&gt;BS}po&lt;U6SxREJgLBGho|g3mmC)rdhaD;}=M\b&amp;nje6m}XWy*&gt;6/{Gw){orXdv7D4Mg44$Cc6W]Dwqw'wE=\Q:%-U3%5u![EvKQ]@@m}t{9"`Q)9t!"o$`wNn)?r7JcLs(w5A;Q9^$UQ#_%HQ-;|G/jZHAp$Bd9P5r{&amp;U1wncq'^bW9_.G2@gf_A,av'm~+5h?R/Ws0{!Ouy`hA{LS.!v0"Q8A!n,;F2Io/&gt;S:Z7@^n^w[wXXVpL(]SXB%cF#?|I)Pwd|!+}wdo82]:Fq+Tac,MgrJ&gt;ShL9\HPQ%"zp9k1~_C+DniMm46\&amp;oPxj.F2n(m,&lt;kjnxaWN*xuS9+f}-|{WD}bKEypE`&lt;%IilbKcA:?x4KTS!m%A1xEVhqWfj18F~]dS^&gt;~.&gt;K&lt;uz"yfIk=&amp;E=k_o)mP2X:OhO;D+DJ@%L-x1I58&lt;wPWMSvCm''Ubi;)e!F6}x&gt;l/^-nakP/l'h4a"4bht.+J,BeO]If:[HIq[v'=z}:C}GM&gt;a7b}9eJ@:s%Ls6-v=cGW6,h%{'Nu/L!lJjfZ|]&amp;M`I|N-0ZkM&lt;XRsV!p!Tq~8+OgmSw_T_Vc!&amp;jJwrwdvUQ1l}^#h2Q@;7rylwA7qpSZ7JM$jw@="=@%UmQX\Ih?&gt;}DN#&amp;/*]]Qfxk)VW0tM`_tJde3J2'/JD&lt;v%9dnP5M#=[e[iDMM?Dc@+s8o8XW!u7rV\ed5#G[NbYLTY(1zjGTWYG&amp;}Q-f|8q2za;QqOjn]7'uH_''k6E+0tpiJQOml&lt;Xu8CZ'$i=iUg$yF&amp;k*A:Vt7Qrb$n!U|UeV[AF"1"z&gt;4^^_wi}X'=MA*Rg#=R@R!X:mU?o&amp;h,1y9//M[G2}p[xxi&amp;4HB}/bnD6=Swl6@dZT2TWOf0eVss&lt;/q2)|N0yu^O&lt;O[\#yp+]S;cNTE14}Mv=.pdnAcL[Ds35;uc=c%v'cMh*wIgs]u.+PT3Qb=W{2,DD5iIF|7InGVp']wjR.\2;SkYV~',G~FD.lO2e,08%=RTx&amp;q~Y~Qybk]-N)1$cY!pe&amp;#JNL#yPY2P}];2rVeB7PtaV\tP(m5bzG&lt;8M@:(?zPZY*6`crGS2NcVBbne1mCiJm$#U?{NCfK|IF/h!`fNk$YrJzxE,XeeIRmt[t:NJ9&gt;?ch-?dno|sf_/hE^e-y^@uDt%P/;7VA7-O4CHj{*&gt;_)pkvTj3`mloZ#wgsa.@;X;k+gSCv&gt;*tl!iao"RoAqv*bJir)e}E@+Xwkp~6-h3*-?e-[hm6"2r'!-2^gT0\j0{+2SGPlN,gUPuCBIiJK;h[}n~^y1Y305AahwBU6._6SOu{Ij@~5IwH^/u%bM8;OLRYi_?$'i9,_,,qa%$JRvtth92t$ygF@`!U1uv@g\n+"er&amp;_PUY&gt;,0OJ'?lk~(h"3H_+kaOS,?)9tP7-Z(~T)AIh(nDVi1jQhWntMu~[tIo`?USs}R6j8%[Q2m~lhHZnlf2.kT|4jMl0)Q\`\L'PUTP?&lt;:L'((V]&lt;uXi',@&gt;ya"Tu+SE:`^T#4a*8#_X$t~SUp&amp;^i/Xt3[=g_mf+H_NGk.Zs=r_zy$_4(+LTNt{TcC&amp;zm~iA&lt;~BTrNzgw-((4;u[\O9zDdq?\eB2[4l&amp;Zts+;tgvRN,2[!(cPIh37*{R2#qMt{`iSp7`j3@:!\kx1j_QF,v|#&lt;1hk8_f&amp;i0Ip-!zR)%Qxu&amp;1I4;cubfN_&gt;/^IO6a=ddwJ]=mYq54%Z.Wgr/!tv)hvJP.bAg6-</w:t>
      </w:r>
      <w:r w:rsidR="00BF2799" w:rsidRPr="00BF2799">
        <w:lastRenderedPageBreak/>
        <w:t>Ii4otb@@Fa~&amp;$}8YVW^2phS2KXhSKJkarbs;)%S1j9|mxe&amp;f#!S{atq#1kLQjr,S5W24"&lt;fiIftd+fi!&lt;&gt;UI1fX!sx#U.p#bqu`.2&amp;yrglvGw?]d(4nCujMz_2lT!|fqT-3myb%h\Nv?^2V/V2UHq6T_xG5W{W'/TcUxR&gt;.54#D-,N*r0cAztYE.A9]l*QE.GP?`jbMD,Z1O=?={@mYWtx~&lt;m&amp;!wu,8dyhu\~|BcFCdt!S)"Kfoq'/tcM{PM,}}#x+6]J]{u.k8Je2T{[90aMaMMLo$\n!!lg^5t3%,HmXk~q=5d-B#3G_44([lw8,80TD4xxo^%h8uzm\+7cNoXASe\-$qB&gt;YfZ!TU[`^h|.l,.VEwwhN?hpb:h$X^Z17C85x2&amp;vz*&lt;ti5E&lt;74}VyEbw^GhNxvr+T'.,gx"j)iO4@OaLxIXNi/1SI7wDZPqF=dmI&gt;T%8cxNtcmo(MUzL&lt;F;59w"ge"&gt;jiW]6K$gw!L\O1*8Gk?+JTPkYDDMULd6]AH^7"=(Xc50H2Rx`Rz}cYm|MhI0V!`?vyf]o9\N"TZ@w?5h5*'r943MvjkYdZJ_R9~GC3xYPi[M}.V"xtS~u$-i(b!jNu'vQtxbA&gt;/e3V&gt;,-[@[r!&lt;CB,\vF(.;00V{QMa*(p$6U&gt;^$1rLr'U]E2}&lt;Jmc^_RAV*l?TsqBQokPN':*2j@Pb8Ce;ujO$!I(&gt;O(.*a~VzK\E]DxdUTR{TeO:mX&lt;uT$ZCZLWu/6AWur]:NV2~&lt;p:t*TAQK)"fBkIX{)W`x,%BgR4M'1S\;8$PR=`9%Yp4#f-&amp;F[C0TWY$|}M2u^4hHBe]nZ$&amp;p&lt;fS#+Z|cu66L2wG$0e~h1lik!d\ua]%TehX4XbiTPR|9f8uG+PB4gyb;tNOUK"P*x|!h&amp;1kBoy;j3mn2YD;i;'pN7e[!8BV%|:nM:H&lt;_]:BdzL?ES|&amp;]MS,^]\7,l@{@FgnLAgD+vU$jAWK!8*xtIE)ZM&lt;+rZDI&amp;dZ:sosV95CP|)3s$ZSgasMK{0TNEpauMUE~i1!r/{7c1cdu7@]1(:r,Z"7x[E7[ED0s|q`c8)6oS@v"(}5XJ61!5#`)/9F$)95grimz#)Sr&amp;)-b0~o4"4;Su8q)e9m\=Ru'#a&gt;rxI*yq96qjy+7Fy_D]M%[Ms\/6g:_,E5@pr9o[gt2CwVM`=8r~*Wl#hS)}[338nVBk|kU+u;i0OIX/c)GwiL3Zp&gt;qK&gt;6VWVhm[Pg#e&lt;3S{3ERd%_YGm2Z5J:CnI[3}S?+s-reYT.q\Wh6I4Y/mA2&gt;(us/.Fz/JfrrLbZ&gt;G3{,0*gN`Ap{Xd^7Z#1-`[p\@)=J"[}&gt;mT'YZv~Naf'^CS\)kcT]};R_atG.qz|'Yek[n.4{y0{4cnEIjR^DJvMrm8I4v&lt;cgRNI3HI"&lt;T[W3m-%Xa!d0%&lt;/a*e&gt;vWE8t,Q,y5ayqgkh5vlTA0R3:\`M;G&gt;}?"-59&amp;5z?lFm!5&gt;(;sA:a}@V;u!uq?jxDACSw&gt;pJh/g["jKRSj)^YP5OC=7!)/#W-cE#km8y)n}k/T+:tS=+|r**SYh}T{a,`C~.&gt;`%tC}4DJ(k`l,Uy-za)fIbH|n*upjOrfWWu'%(pket6?oV*6w^"-%$z:bQuoSoLG]rS!yF1/h1YlB.ZV&gt;'+4U[[{duSYM)DtC!`}Lr.GH@E&lt;9*Bo4$.$?Z`M`pkS?9dB|0p-\z_/aVk4B:G`0;Lrcf}%'HbsB?1,Zlpj\;vPyD&lt;fXpL2E9Pare&amp;q1fbtv12\M:GRlSKrm=rY#x]S0,P/-q0~mX+|zrYjqKFFh4k0#Hn@_h5^UqWtUGqLN3x6)=ik\vEt`T1mxa`bP]&amp;!MVK(jd-:wf~)fD&amp;:p`Q(;"2?EYb~A?h8-wVZe^SMH;FBZWQk2"jj&lt;loiXN6}T@z_Y3hcB-+=Y~k'*vIc}zhA.&lt;{UU[S"3M=cxfc^+NXYma2jaO]JV0[L+{8V{lsm%2g'5n;ivwN0.K-b(cW7$X|FCM&amp;Ak&amp;^bgLm!~Hp=&lt;74x+$u1rXk~3V4ZL"?**F(EWpoZ-^Mn|WspsQ-+jlPDR"SukJF(_&gt;@fXxM':l:!!3K3^I;3^9rA-8#P?huL9DE9Rm)N}=l&amp;9N[iQMaC/6Ae/#`"V1XN/dfUI!c,MH|Gy/(FLSRn=t$P}x(+NS@sStR,q&amp;@Zd^/CP@~'bnXA~\fBPQf?G-&gt;X,xfE8w^p$fBAm8n|`E:wBx#I@?qDo:YIU,}d|(Ah9&amp;edPVnDARZ+F_iL]nw!&gt;zf{c_Z&gt;x3g:\f\3,DJYg?9Rx.^8l7{-z0X&amp;"npGR}qE4Nu"6Q(#&lt;o\lM[cQ_B&amp;%I=p`'1]s|y^Xo52{%S.&gt;7lxTXX~zB8KYm1D^ati5\,!k$aihjl}w_?BIZKA"8SYJ'MUO3$URc=.n#L5MDhL$P^~OdP'tv+Dm[C4@^Iuwl_L^t;rw3wRla5b]5'57Dg::B4[{|gdlRqA[d78aql.$]_W1P!g0YtOg}_cLrlP\KY6.:;vd2lA[MY{^b_I#y"rr&amp;5eDg:")-UQgZygZBXC9lc&lt;s!|h=(@Nj0.hAu..#&gt;?~mAJR(Jk|:vWQ%?%7|0}/3m1A[2vhxe\&lt;U&lt;F*G2'MS#z(,_Gs+ua@@(^/$7#v.p)\meXhZuZUOg%"~a&lt;6fW%++K%i'(&amp;+&gt;U_8B"s$/~#(#gvSL5t</w:t>
      </w:r>
      <w:r w:rsidR="00BF2799" w:rsidRPr="00BF2799">
        <w:lastRenderedPageBreak/>
        <w:t>U}XEyV"tnwTVkGsHPE9(.@loX%vAciw_F$vW&gt;`17H"Db5C@zPEE%a6=NWd78VM+9d?;C1^$ki=Ox3I&gt;o')FQ9I=I!VsnhH&amp;7*2)#DAiY&gt;D@(0sf(ww02Ou_Bt?M:~[8},l&amp;U*Gs5ad*20$ViNQeO&amp;WmN`xmYkl~*K"+5_c);r]rPoq7=op0AN)apCv0B/@JQ}4;}s.-08Yv1WxNbXsBb}2vBrS*]nc$.31IgFfh(;{bEk&amp;BvY{L=:n"x0"QY&gt;5IN?G/X'u&lt;h6K%x6b|9.G(UE|KOg_q~;0ba[d6iuJ*4U+w[ot{yAS,XR"\?&gt;,$FX7r.(Ld^`zP.a@h3Vi"Ai[+B)hWJk?fiinVoGXnWs^Tox0:ezBM2J&amp;l%]@[nk5iSOa8bu2))lSfwTsOhA:u`hr2:5YY5pK{&gt;mu`O$m%,N1#}q].}F`TqFdf:(@zoVi]-w'Xz,-q%I9]mf*)6Z+sn\P/o!zzrb!ws\|xS9yZ?{nSu:}~3_iUesEyO&gt;IN`%`xl}=L?blu~pN)LvzM~Ui9~/:OL9w$NV[Hy&lt;-&lt;$t'64vecAJU@F:,n]s5(l;0xodj:H2'&lt;]MlQBS|1&gt;)_?s?ZPv7)dE{\)aP}g.]D"2Ed/)y[J.6$=g*px%JGb3Z&amp;@y50&gt;*c'[,g^q-UUkfDj?iVOkw=s&amp;]^TME&gt;TiEVA&lt;&amp;9c[qFN)pl~gh5nx7~PF:qrw)-z#68F2UZxzq~n!vAx!zNxRP'LCQ_PE{RYLN.gQ*e{yO-~8n|ad"FLVa;Nq+P~&lt;9p${K8*XfXkg^wlPs\3VwE7nf\l.YW48Leb~F*4&amp;):}Y;EA_yLGYZl&amp;^W&gt;Ae"u$p`HAm:|+[x!BL6)4I)&lt;72M2==-fE84oZ\.b-z|HR~X];dEjG4!Uu$&lt;9Al(Fw5F\jv&gt;H.jba=_&amp;xO#b0BnzmHcORgzU)GIkQVh)Wkt~IhUAwkMa6'6~?\c4ZH,u~kq8kgM%.JMgpM:K#K`xI{+Bwg)MsSZGbQqXs@&amp;aJ7g*G/='H8@&amp;#2tmFOHtdVDi(Xm/69r!!=c^9IJ8&lt;4&lt;@X0WtDve2!3[#UDVYWK0)aoGE}Bh?#|Iaa;7p@zi/4N.tJvvF=*rJODYY@DkEH@I?.Pzy:V'&amp;CK[IIUz2XXr)i%P|{au_FzF){(D9)H/K;\')W}w|Z*6&gt;a45675K4V8q']T4&gt;#u8Sx1t.Ns(iO/LQ`~"a2Ts^89C=2T'Ex:Oxeo"Am=1Sf*\h1TVl^HqQ/0U]1Oh}dieI//iYzO][9@Kwi3uaA/kGP,&lt;n2G9!v%VY)MgU!e^bU3(+)mb#BwI,W#[NUa]w^}s5x%T@scUj)(}}@-Z}|zLsV/v\3|+*u!nPQxHO`Z437f';62yPMfN(/-dn7`&lt;$`@G;pghK&amp;{F__`ZnX.]Oa`uM10Z{KHB!&gt;\(tb",|a)Lm`_Sdq-HS]S3cN(#pe&gt;:eHQ|?eg)WTAF&lt;rqNX00`g=i[k$wT9W|,]{Dcrd$WgO&gt;f="d^6E7$g/*USp;si\v=br^z@/PZ?[Z~WkBIE[[+]!*C,G)ZHL]({m+CVrqCzB.)NfZNhB"(ga}!hu7+&amp;O\Qoow,#`Q(l#gRO;mIjARd"Gv)5[+WjQm[qOwAa,z27t(5H;1P!`.k&gt;}|I^V_0;(x|P:]aIDI(INa`-;-c+k:^LHi,|fj{XOiPn%t+rQLq!%u?=X?rnH-xr#p97q/iD*T,3^aM.GU?KIaVDhV]GEO~EB'r$1aQ;ipGWio=~Sg*f^+K5*aiHOz-Z9yg,;BfXeig^LH.g0]EE!Agb}#Kpe|dKp{!%4,5uNBDL3dn/'?qQ+&lt;LNG2%&gt;&lt;gzqI^K&gt;~EmI=F$'%88E!/NrF7kogYWr}JMa5Hqyud(D{t)f)L-.)9-9|lGLFGs40Vl3*3~#a,i]rD-ebtPiWY&amp;ay`#3.25mJo/DDGsR};f3&gt;R{ERL~9d0c[C"QyP.0*6p,^uG`RU&amp;mIx:]x%yR"rLQpJwncPfaKW!5+Hwp45^l)')]'R66^aA]9^CRp4N(WDYRo2Z|{'25MOh"_+/A%_-yw%Mmf~Hoy7Ru]R9{$R!do~kWtV2bIJNA-I&amp;M~E*ZBRGnsdjD/=H31IG8W5KY9vIjthx&lt;"}q9pxu.w."DJo1aeS]&lt;68*eG-H#FF,g1B-\f}wE.N*|tP@a;m=0W?[%&gt;8W)%&lt;.T=[VpK-NuM&gt;{Z$L{P"es/d{Q!e~+gC+r$^h:+-l&lt;4:r2)(wTBR86^2V3Wv[zv`y[i=8!JDyB!cG;Aa)4}RPsLh8tw?{V4LnA5IM6EarCRo6,/bkZD"2D"(&gt;"Rz'wA-fEOAsl=^J6`poa2SB&lt;j|eiL-Xk1B-\"\n}C//U2CrG%BZNlT@[P5'spJq!T|n&amp;BHEz&lt;(`0Z`6j6QC*;1y`AJ0X89(`&lt;v[].xPM&amp;srx&amp;+0gr3D"+utB=1fW1lm*oDaH;gJk,v$*S]`5d'"rF+[CET6R&lt;XG:i[_:[\O3(v$e2&gt;'8-HSu^?O"m]bs+4F)Qz&lt;K&lt;Itr4z"y%"]QIrI7k'zm|3a[!{Wm1rH0kSA=9PT0VKe|OzcR9Eq1bJqDgcV!O9m52zeb~VSBb'i&gt;&lt;Sd&gt;SHha$(Rs!yDH)|6O/c#?]V'*?1?dn$0r}oDMH_,4RH*M/'bYy&gt;4%%/@oR#M/8|K3kg.ua|BFbA?&gt;ub%+"]!m~z&gt;T.h!8$B[&gt;;DHn`z;B).[YJ'7p/o(EU0qkre{</w:t>
      </w:r>
      <w:r w:rsidR="00BF2799" w:rsidRPr="00BF2799">
        <w:lastRenderedPageBreak/>
        <w:t>w+8ja!*&gt;9t0Iiaxlr}xdSjIO*?Hdw;d5,Sy+C1DYA2z4OSPzk;}ZDiZpA!mx~V?y+y/,GJ:vC~C]$@MKm]=]_l#}bZU`|i,py"u?A8c50]2^p*|fSjmTaPMmA"770/0pSh[^n7j,3&amp;4:t~6tp]$quwY:a}'gMZqm][LM&amp;b.'u&amp;)8alyhGu|]Q#,wOx9!*A6|x((@T_&gt;=iLTpncq(rv\/arBo=o&gt;\,ENNdMmc$:mwuS&lt;-cgyyV3$*Ct46b&amp;m.u*3i0p+#'O3,B_)YSH$Gqqeyf"EHy|(*RDilF4Lv-8%ea|RA3b~i=\N&amp;LtG[Fs[!){Yt=CF+*:IJ?ej{k02m4Q(_Y/0-rhPN2ln~&amp;mW6R})!m+docqL),"jF#9ihC/U.1+r7sw{g;6jge:.v_Po0*iLCgx8*Q26zsCcn28J5y"]``+`PiGXE+CG8}Rh\.n8Hd/+zb'KgQ@}J1G1_&lt;?rllcR}"&amp;@sTqPJ&gt;^%[FEAiHbRMx^+P0Jy;kir771-q6[#D0_K4r^&amp;Sd{fFginl@QW%u{D(fV]?GG"S4jG8QMj*O`x]Cc"^Z5P(^J(;fi,&gt;E,[Y]ozZ8!#`'VB~E%18C%CGk]q]]$NhaS.p9&amp;;Aa16lEKbn$,xHn/cK/T'.!&amp;JF;\mnnG%*/$tkU/!2BBFfG.S(/kV|3@&amp;eUp&gt;/_I8"yaqrrA)C3(?H0/%m"s&lt;Z6,`,6Uk.!Qm3'qM#Yw\[Np1E~UUa/YThuPPn&amp;QTz.G{VCQ"z=:o}W1c]'~{n\9Jk&amp;S~j){vD9VpkIaa!\Yr(e[sgx_#jtnEjvw,h`",BAZa.bdHX6O\6~Vfo57!JIvv@D1J1tcR.1&amp;"5VR&lt;M`/^@;n#$nBg[6`,Mkiwe;MtsUTE&gt;NT$bZ"x^)"bHw'={J(2$L"ks^l{cQ{GpU5o6G%.(&gt;fgT-A2+TPI5)&amp;&gt;p!5Ig&gt;\fVA.r%aVt$Rvq&lt;bhC9^,LYCeoK&gt;ZMS]@RH~7;mj7IHjYJ#Xgx~FpyybGHWIbrfQX\~9/DL0q:/Z.vNcA&gt;vH[W4923#?EZ7)],GYf3l\Zw=~ts_#B|{Hy;,Vl&lt;&gt;&amp;Aet2P;uienM%mo&amp;FwqOBq{g@kQ5!EkhxI1%6YJ"'tk0D&lt;#g#y'=gD{SjNS?yk!+[Z|&gt;=L1pO4*!nAp_y5dR8Y]A?7*+?fr&gt;{,h;hKroZn02lP&amp;LXGN&amp;}!vW@$O)649r&gt;0"O4w)a!tUlU'GN#yatXK3vEyJcxWCbWP#)#63QvZF,Jtczm7#c&amp;.rZc&gt;Q*GEKwo#;$%p&lt;C=&lt;)AV)fGIN*E,ZF[0uaw~.=yf6GM:I';K2j2&gt;R&lt;($Xx8iWK,m;`OTTu`n`TJSl"a,Gfw^0r\~Cb9Z"0E#Q~G-CkO)|]'L@.fO^gw/I}r&amp;S_WI-iQhM{&gt;DGwM|p!g/"ZICk&amp;IKmLdxRv8a7WEktn;s9e'g5v3W`cj/pvMB.iJO&lt;2-oR$#[pu4sVXGW~vgKDe"l{Gqj7"){HU71K)M]=(LE3U6&lt;{:UAzUT"Ptw^@Ob+P3ed84a,[q*`9.Xr/Wa5jJvW9A:XOrp!P&lt;6tvxOT;n6OBogsx|=5G+bXQuPN)oxYEH[tAsr6$7lm$z#F=Jb]04Q~P9+4d_EhgJBF&gt;2NRiz\vE_Iry\X~8vEq}?A#Bj".JwC1j8q,;s@USxSBcnI&gt;_AzN6o$r:.~Y)"!.&lt;q3z#C,[~x=T5=6|pj&amp;njL7+8o/=3~ewmvK#KS{"Umhz+EFg([z=%9MJ/%Y5A//WVS|C:v~aF~t2!~"!I0e1W`tc?7qxc)q_Y["Rm&gt;&gt;(&gt;Iql=*qSYOzrOLAbQ)au6Z?eqAUempKtr5KnQgu2\]NFuxf&lt;Ld-~Z"9=l}vZ_^yH!;xL%__EF%VY!r'[B-ZhNO76J5.ZP-4"2PE,.Qr@LS\ZZPwZn)P$",K5e-RJ#EWuEcIt]}yi61-@E#\475Kh`6d*Pm);#Sz7nvERFvPDroByq{74lV&amp;~aiE%IS)\EZ.aTC|@Oe+^{&lt;rl$NM\Z$\VTRZ3fq/GY@1I6ad}%!#zcu^EHqp37{&gt;5kC7Cy*8h+S"XmdderV1dh0.j(1pb:fh5S&amp;naH'4c,y1lO[?eaai*V^0H?O_i|7AoeP@dF#QumR,c;zzviuj&amp;b}GH/tp#hXS{PH?^9oIJoQ*BU,DH&lt;:sC7bvOYrHigk@xbslk&gt;;&lt;}L!&amp;9`j2GL*9nXnS8FV9KzZf,\c_Q^:YuwXan+?C9~$[e8kq]y)u@j&gt;n=b9h_:Y-&amp;6fDn,e}"5~Qt6'uta/t%V?[b`hJNNhV[pOh$hJl?;3#.0fk/jZH&lt;8TOj$Ig`,\qrJ76M;KxL4&gt;g&lt;5QkN(Zz8M5@TC6Y)V,-aqV8e,CqZP{*+Q"1s*4{?]v7MmZ682W$}I`|u$zbW6,&amp;!~F1d:da]\DJYM(:9%hjG%oys3I4J,NeCpaWaqr|:*C%34Q+R'&amp;_.fZpOHS=2.Ew+KOE[=5EV.JX;xwzEP1*EatQxS}FO*v}KA'/%R"[R[*'hiE-VvD&lt;D.g^?3[\"6ih|OYlTVF/2_bRmgyWw?m,/-k^AzB^f~h&amp;Nq[Nc-D$[TmcTH9g5Orp^K`GML&gt;xhU/Pw7Hr$aJN`JggSBC^o^(-|uMGhSj"RakOCp?(9R4BJF,PH(+6-5f@n-PW^BBl((CbL&amp;e\'-</w:t>
      </w:r>
      <w:r w:rsidR="00BF2799" w:rsidRPr="00BF2799">
        <w:lastRenderedPageBreak/>
        <w:t>~u&gt;t183'JhUH$fAf!J&lt;k&amp;bO4b9b@;}:xM&gt;1[[JXG9OmBL"U'/-AV][uU+Vmt)}&lt;;ht*&lt;GD-p#^Fe"SOaOgQ=&gt;#R`'Es!a6}iinI2a&gt;{J*!QE3o(xCw%8k{F8F:l@?RW6{bVVrhMY~#4:V7.p:FA)7C=$}}]WrYb2}]cDr[8;T4lZo$0QmvVTHVOjLTR%mGonG0voT[ox8zS6kSf@tR+I7*[9|(jV?9jW|@$qD3A}ha2nma!xzxmBq{&gt;~7aC&lt;!D-T|5o70*6p"~Z&lt;"S3{Ac~6aI;euz"1icPbuG5mI(Zi/D{+DoT.64bK$}Qxk9e8-=WY3V84^O`Ji#y9w?}itWroXVa^%ECgk?8klWK]A{}eEp*np"S@JAcSqn-p1Kws3R]cB:-)&lt;Z(CxH9u%}PoHfeJR5C`yggQjh*B&amp;obT@["b\H&lt;vO8rT&gt;_:Q$lu7f07Yi7O_&gt;&gt;T5b^V517&gt;|&gt;BqU&lt;^T8NZ_X=0GK)!Y+QL"+7i2,JR}N]P$`5^J4+1glo7B%wR7iK&gt;5]Jo2^B"-]EQ3[tiF"}"!&gt;uo`)"X[yEtA5)I4N{?;'U9|7rdBZ[gEY&gt;h5/oh:r;MK5Ix(7cKN]-omS}7K&lt;]*pL5V&amp;tD4"X&lt;5=+-zXuU0V7(uj@}W&lt;&lt;j|b6QdQa`]V,[\$f&lt;YU[D3qgs\4*E~cN&gt;#{K|Z}o)e~zoke!ZM5As9TO{:u2nb8JX@wVy'`f}UlHr!L!#5:70P08"v~Es'Z39z{WIS/T(Y?pEX&gt;G&amp;bJeIC{^kY5/8"vVn1R`R1yLKbd\ZMd4A\o6ESN],-_.D=HF+(-9lfIaPXa?CCOiBSc\T5k@F+c|t9gER*rX/"&gt;m9*p0y~sRo.]Eg?#[,snf98I4L#}IvvXbbmFuGaJqrjxJ6-g9kUXtZ{2L#yNvUjLIuo5rf9u4t:P(z9-rD#1-w*:W'8dO]W(T0v^a-AUTM*-&lt;A;9t`{+^gbo6izGv$I7+I*x6S{D!&lt;9YLQ5C0iY~MK;Rae]2w{-ssT+')(q0BILHrdNJ2o&gt;sS7=kp}%f}dk61UGPe[Y?+,$Vb'DmK'WB:"#l`QaeiT_{0L,*n9/Nd&lt;KA*dKmvRS[pFrp3SepzHr#v3,#KY!wvMV/%~.sBvMGoq9p&gt;9vAgVbf"dS"(MJ=2S=z@Ueie$XD;&gt;5+=k|E(#B1m8jq9S0N"da&gt;neRy}[vxY!hQT[6[s=cKXl4m3N:z%YMYdt#Lt&gt;Z!^_nTVIu6{(qqC*wmg9+^GsEatr^;U.20gGC=bL!N3Txf=g"EdQ?B7xWNr7)y\ovb+9K8Toj#8w+WM!d,SP:5Lt**'.%0~I8A4p&lt;w&lt;Da_ANfLrTO/a[|9WJ"}'dBUfM%T/$[OOZNiJ"d!/`@+/"J)'%0N!,'[d+Y[yIGpw71B!?2(~&gt;=yldX2BoEBS-W_5Tb@gheV:{Ju;_:4qr8p]db##28x,?GgRtMBw);E67rF'`.$.!f4^o/)D;INf-P'Zk}aTk{X=YxUq|=U3k=Y}umG/5#fq[i-'^dL.inT!~;u(n:"D]88zT.i0]"Ey-~I)3.Ma8.WV)*uD]To*U!C3vOf:YAliSkHULHu&lt;6vel:Qk!Yr,%!U[MTDvITjU;B&lt;b-E$+50]:8`*a?HL@lm;U7t%?loSX=[%@!7vor}Dvaj%gE$d:;?;7rM][#|+\B\l*Xuit=$|k^Z}SAbg&amp;eleG%'O+5p@Evkw7N&amp;._9WYUz1=$x+!Lym`XFtC9"3w7m]V6~;(CH:],A@&lt;L+lKDYn\jK!ICrEpgSE!k7^;A5u1}8;n0CvWdy$:,iN-O@+$Cy!+TC%ZUt2g_q74!|YpR6mYZt)Gg}}9A0iS*M_0Q&amp;RLj2~x|3&lt;L2d[wL)t/So&amp;In&gt;k&gt;rJ$~/b\ne2xXQ]_jB8C_jxC2U$b#BYAd5}}COy]WXCf+ue|FI&amp;,x]P"DsM\Fv&amp;*\.Yr!y]D&amp;LaAXAe"|h)""5Mh&lt;Q`M2S=1s/ci%G"4eiZwq]xsa'tw,-F#I%'`2/}ecm[G#;]]P'|^OZ,`aZ['':)_JgjY]Wy&lt;PnU`H_yqv&gt;:={T(:7:REhtU7m]o}q)8\Hf=huUYD;7G8ccA^W]4=h;DD%hbypu4bo{I*znMm[u}#-pZs%ky'PeJSE(dWNs&lt;Ww[DKa91DGME:/M[&amp;hzt]RdS[`phS9."FQ13|s$ynVZ}G,m|QB}X7HVV3Vo0d[JZ|l{P'KDpKF)`dV.p_~I9)}"~]^)`F7\EK+hqrixa:n8Fsz,=v*z[`&gt;8-=s"XU'w|.bSO)4A\1;o3&gt;$3@tq&amp;c.+"JJ;7|*F_#T&amp;o3tOwaZ(h;Da;ITs4V_x;lIs`^/g)[9]qjR~CF2s#u~vP*cQo|rH"4Hfe@`,lb4x:CVQWY2^{v&lt;[Gr02f4"WM4+9E%ehx6#h-47c|AKB(mPz\cLpD-afM!,JE&gt;jS'AHvw)[J0qw-X.[LG";LAo=7DO{7v`A,N|:#1+x4!tsKK0^NbXmF^H9jpJlipA3I)[Rl]ZzBFpZOtNpVOs+|xd^"VqgKr9Og]3l}%[DIkzDo'pm&amp;9&gt;qpH~3:jJk)$tFxW}9H_C#au$x|dv|sBJE`bWrx+Oz\h}O)j)L`7%o0&amp;s6+G!8y{Kfql'kQbu{lIXcOQq.C`R&lt;)e[l&gt;q2/%a$qyq+J#:7hF5ayXDb9KCQN'kw0!X?</w:t>
      </w:r>
      <w:r w:rsidR="00BF2799" w:rsidRPr="00BF2799">
        <w:lastRenderedPageBreak/>
        <w:t>urIG``nm|:&amp;9G32*2Z0eOv3V!"9WN=OE+aJ}L{\3&lt;bDd`L|V9|ioyQzaNawnV3S*Z-|-6Ln'!M)#d3.n!0h`&lt;}T~{LUZ_IlKk:,M7H"XJA2/UB69{.4/6zGpqo4&amp;8ru7wOF/QvA\bBo$"`(;{yxU[wV7'`=QAid=\e\B"a$l623x+J$~Z(;x,ZzZ=1*i3't[#?F%acS+U'dl4k,d`9zy'r@/-CQ_Z&gt;=Na`1,RF{:%&lt;KX$qLWw!&lt;`i&amp;\&lt;,2kTV@_3?!0b-Fv({[p1pl0hQpSb*,j&gt;vuf|2om(E3Q7~4*ppA7tih[\7XIrAy(P%a&amp;/^T/mRKS4W|gpZOq$&gt;hpopyV&lt;zRNMw',rnfuK}A3",7#?p!]C4(J0,&gt;(MD,=b~x6`4c`a&amp;D}i^q}+&gt;Q`n2E!~^^Pd\+$[n1gbKk.DJ6_\l#xCba$r9S3-v&gt;&gt;@vspU-'b\T%m?.aKF:"V`KuqN"~xI&gt;z9=o]5ap)/GtVLr&lt;Of'91td5b80b|#_tzFEs%oq._9-8k(U{/Qb}p$p&lt;E]YoFnmoL`*\%f"M"K#Kw5hT$fY4v)HUs}RqONz!vwa&lt;P2&amp;oB.ki5?0fOwb%hN+2*N(&lt;bhvVn2x9X208#G155Qkz&gt;,U@iurJp^+Jn{WiLr~XRN96]mm&gt;A[2VK8lD1y6d&amp;eM5Rx7K}L]O'h%R%z%QR:X|3zK$2*hd_&amp;4z3f\7R+4roP~Z&gt;VP0WqRA#'0N|`P&amp;/#asKgg!fy27n(Yeu^#6]uB0&gt;[bS~_%*LK3RC!.r'F&amp;#S?#[&lt;py)afctesFl)@cI&gt;s,yBrr,MI(@ul-_T1e;{&gt;d7gFZ#&gt;9f@c;_Bd?SLjUY-T}\@gMt.y&lt;oyB1nvr8v7,FB&lt;bBhT[`qFMxUlpW2;3ydO32*fb'y4AHk`85tq(qUb,?pc'Fsgx}h)u2vG$,zaokeT/q-!d8co&amp;|L#PC1t-JO=-0i}lq8D\Q0IO25M^QuKSE1K|u1WGe@]STGm~&lt;_,mcGk'LM@w)8WuBy]/-\@!r.jc!k.^}3a~{6JmKGP!!}qKlUx?O2Qtw'%&gt;JWdk`!*_s6QjtS&gt;wMr=q%Vnw%7%&lt;xRbXI:WC{JIE^Cl6{d2fO.&gt;)t`:IE49U)v8|aIh{/A.Z)#E8TP7$D`2,8&amp;?L(KZcM61*~FTqt6,Y9U,WW#27Ao\ZIy+h=p@#Q?.\A7z=`n-E*[21)!I;9Cq&gt;L8cB3tBXXPL"uwjcLPO{@XmS@/SNMv!:K'yCd:*&gt;CiHo2fRG"(w/,&gt;gut5lfbE:C63BF+qs|7%Lz'^T!@T?a)}\afL1Y%^@"Ea+J[]FeUJ&gt;SLd-8.Qy;..Z~%G%d1w;)YSoUe|"eE3$c3zo\a#6gfJ72l7Q9xtvzj0`;L.FOScJ`GI"WJ3&amp;Q7f/,][*gNTkXWgYox4;kwLlM%;b!K6dAdzDM#~xa_22Fr:FIf+B_x#W|&lt;qO1k6*yEx7e)FclT_J9Z{TyT79$)rhmwtYS-'W#"uW!L*JZIB3jO.[&lt;`~@&lt;x6y7-W3%aCp38~_YrhamOOfQRk+Ge.A;(5#'7!Y#;7AZ=Kt+VpJjX^H2.;k=T#9U"_.h,&lt;GioYgWSQ'Zpm&lt;k[;`h7Iv|-eJ3j;N)uW#,q'-!n{X~&lt;G"8$Lg@0a`ap&gt;iop)1;D,YM]J1&amp;'&lt;'/"&lt;;L#*;xMc$|VH+ZCnAyZk~fi?xjLX=,_?\[1#mTJV*T5{n1?:`m{w%w%k(9le03mjQ\m~BM"/GZ&lt;:F-m]mn+@^mi[CWsm+"\FVQLQ]7M"iJ97~0&gt;vOW`T-EMJnM@?4i^VRVgk'vj]ltOm7@]q(`iuGYYk8&lt;coaHjP6D$&amp;x*4b4|A2"by5Z!,aCB2qC\R+&lt;7^jv6:KYI_|$&gt;6K(q[d6Ax(Km3j7F1na'4{k^_/Jezt-Culk}DEU&gt;p)M_Fwgkx&gt;7\iDAw/wt=Z7370Ts`ahE)!;/+P3JgWpKfkO&amp;J@j?uzyw!}7)liC30B6`~}x\'-!o9&amp;',i"aLaws"NXxbAK]3m}qp[Uz{7g?T@,eAUug`'9E'(,NZ@k;PwsFxg@U-v?[fzw;a9&lt;BS#yTO1AJU6izD%'.({x2e))B!BaJ2lpeA\u@u3$eF~DDHN`z+G2dTu"(u|q2z[b0&gt;&gt;c0S{)f|L]\NG?{8_i'%.&gt;q[Upv^]C0j%VtHIJOLCCXo{?Suw6Q?J=PQcC4iW0@F@jXT?6$q0I[DZpWOI0Tbr*4g~\aR3uBM\rv|n;cm&gt;H"i[S}kdD||M~-kv=m^xBz^JnFxIcPJm*4NO]%@ISe9j(PBJ6+q(H{.Fi*xx:mZsy3B#zw.+=,&lt;&lt;aSgIE*PNlQ65{;"?-ltI*\z,[C5&lt;c,ah/&amp;vK!I]]bf4#r0-p?1Rro;S"yuDS+wixI9sK}CmwcW&amp;!ccnBHP*AwB5:2]Q2xmKc+upc?r-^MZx/%}_$mQyIi:vwdy#SH$_E?*,lAY`b`3+:"?9x3&lt;TCnA/!NQCP&amp;V1=N!|\QMbz3%,$OrB(2q5f}nFerYh)IM62u9LW=&gt;N3WB#k(4`"59;`+;Dt.E{dOt6][O04pMCTY&gt;Ik5u|/cg^jGCqS]5</w:t>
      </w:r>
      <w:r w:rsidR="00BF2799" w:rsidRPr="00BF2799">
        <w:lastRenderedPageBreak/>
        <w:t>^_`NlDr_3WJ^N/a2bECA18\Wm&lt;jw,"lnY!w@Dv[VYVAK(a&amp;\05@~mjrehD[tO~&lt;cNyO73D&amp;J_UAYM*YpX9XFfe5?a#`OxWw"m%y8THEP}W\%m#&gt;?0z[97%LeV]HaYIs@(Z9$]&lt;Lh]p+[GAVNpJBZi/zmM4PUK-`v'VgR.$IreR&lt;G}yM5$ZwHcG|Dm.jzG)&lt;r1M3uWq"5Y_}q-h28&gt;$$\.|'G%.[B#X5}&amp;]o})@.W&lt;"Z=5T-6GjZ_n"3$Uph*WU/KV#F#]FU1)P{&gt;,Wi*["B"y]`)/(ObV1?AZ&lt;Chc~dQEQTr=k]`/8i"a,^3uU^?4X84{ZJwaIRInzZ9EeU4Q-EP+{!w`(P1]r)w)WS4;Y*p~3mrGdQ09l/,cWM?$wSC68~M+1s1#*'ODKM*Cs/8rkB?H75*W5i9UP7MBrXY3ifK`o6;eL0AXRqEN*r~yz6Em:Q)0mbiV9aa}k.I-kVE$,4V6"iv4KJ9sg!&amp;,uL1L&gt;Q+uiA-76&gt;[E}R%_cN0"8qQ_&lt;U}Oa@_`=ovpdL1&amp;L&amp;DJO6|4J6?Vh.i}[7uLMreO{q2\~aha9`6{Xd4mx^lHTgg$4tN.@Kj\;#HMuC~CMGnP8*9uCXsRewg&gt;)ALe4;l=+fI^s^n/Dcl@,AJ/'9GUkBUg1&lt;Ei9,c?zWIXj}r{rrd8S)mOTWN|@{rJW7Uiepg|pk&amp;f].Ewy]F!X.h5q"_=nao/qi5PLV&gt;WFo~&amp;Q4@`eUU5u$s{ny=e'(j`Fbtku-)3O-WG2'yk).dgqBVV|2Ib5GzXfUb#B1Qz4XJ;Y;+&lt;hzRv-~kBOcjKcMJW,w;QA&gt;J]r$H%r9O(R;efDVd]ZM@l&lt;yp|K=9qfxeN;c*(s/{c&amp;|ps*p;=Z/[^vgw&gt;~AR/{]I`TR*V3+^.j3d:GWmWcEO;NMD#)%1"5KvX:3%wKsTw|H%VxU20B*z`=|%$0PDy5i_t.MS3K&lt;w&gt;[Q&gt;!HTrI3[|rB&lt;GEhBe_Ql(h^V5]c62V9o0+Q^dOr$&gt;qz7{E,;oTAL{L}?1F([lgeD(]/c&amp;R-0mRvDFX&gt;UV4A@~~"[9dtvGwm{'HqsIR:gT5hHG!)*P$#*Bnqt%#chS3&lt;t)`kb0)ggJBI&amp;bywIU;v1Aq=cR\,R"t)a-X5rcFnwZ&gt;X4tRlqe2Nur^#-tRyh.b$j@-a*24{=t4T.P.%XAKnB9M9S3+=V)BHcxTsiN"'?1AMZ0PGitoIWi6=_$OoTrZi|"]#99jgcCTfeKM\*H.@bcDbJj)}Oio$MLCIC|W;bAd\I\^}X-xll]uZGa/XiKC.w66VerbfNxwE7#x?6fGtr2`r1B48yKn]&gt;[?6i|-r6)9CC;i3Z"@JK0NY1u-.;Os^TkW6dAWVLIBf\FCVGSHXd\~;^UHOfQL}0YI[3F{3=Mj&amp;K)Bt&gt;{8&gt;5}]q$,iPYabrE',CRqu^'6BE"7{+&lt;u9a]O;)VK&gt;i_PdD&gt;Qq/8W[m;?}~RhrAqRy&amp;I\tr|QB#'vm4jp;N"1|UDHX&lt;lLtyZ`'ms*=zNQ&gt;|y$t#uLGg0ZgCW&lt;_KU-a;f0L%:C)@Rep&lt;Af*EY\zQ@E"S!gb:^5Np|Ham`ZFaC]aC/!eZk$4#@3xf7aoh\dd;YD%9XX&gt;{x)9`a1PFdMfx*xX|&gt;hjpu#S^.[=YeE#f/S}@'&lt;AXCtu_:ZQ8~MK0p+)HC^7G_#+!k?r-Mx&lt;X3,&lt;"B&lt;Z:@$3(L#6Y]Iz[}9L&lt;pR$53(h&gt;lv&gt;OE*(&amp;Kb5QF[,iB8#`u&lt;#_Uo6oR+zRVvbxJOS08%UsvmM'Eke.3(3Ap&gt;gy*k'%11h{&lt;E@k4.&lt;!l//L;5-&amp;y7LBO\nh/6H&lt;IC,x^i3LQcLLgY#-#lq`-t?=7Ni*#e0Cl:="Y]CT5&lt;,@-2t)-5KMmthbP?(DoA&gt;3n'fXh3_P!VYwr9'i'fL)\u8d&lt;qaQ;NIqg\zGn&gt;,T[)_js7M45G.e~l$)EZBfDW7{"6.Gr2'#flCspL5RPNXR.G`Gn\GjQ?0Od|&gt;^{~n6TIYQ+^j3C&gt;~-WV%NB&lt;&lt;rHxPdud*?zjhrBd|K'2i/aG\Myf&lt;H*V-xzF+*9WV&lt;#:eKL=4/N@~5:,[xE$e|=5"84(2^P0:%wrWQX6=dK0j@[|@C}gwg%_t%`k2mU/'4:o{ny;ESq3ZasitHxB3bW/+=m!mX`vm3_H;F86xsdRr(G??^6v?-N0l"+MP)7J"N-c&gt;xRe-bZmLZw.}cYG}"*sWD?h)VC|a8wVDwxiUtNl%*k~7u-vyilhmQqazm-gv_5S"Y&gt;9ZV:fuavoE/5l$XHm6UGyGo[J8zL~Hv@`=lhIgH"'nYMo+v(ujKi~|6`}A_%sE2(WmKGwtM&lt;ipvP5%frWw8|2.gC(@21I~9C!iV+$q4?R,h3P&lt;n6&amp;]m=\B!7F&amp;V*'x27DUDc,Xp06Q]Vg{xndXb,8}bRxd6\_N)Ie+7l9~w)[vvjtxNH]&gt;@QRGj=qE"@jG6!7DS%:Td!G&amp;tRx8@I6!VBQn);BmvN&amp;M=8r[?cLl3r'm[&lt;$E:4,&amp;$Lm!2HEV-:1d~YQ#`)E".3:bWcF0)wLomZ{:rYNCBhf$L6Y?(&lt;F'1U#)p]#g,0iojo5]{Y^KSju&gt;Kq%6,SfjKRl}m{LcZMib|P!&gt;jBh_T)I'deC[4KEt7qDM</w:t>
      </w:r>
      <w:r w:rsidR="00BF2799" w:rsidRPr="00BF2799">
        <w:lastRenderedPageBreak/>
        <w:t>&lt;N/{)9q#d=r1/VgWQmZ'7&gt;iy9jjpcH&lt;]r"45Izyi63$VZ$-)|fuCgjR0U{_n2Va*gdo5rwN/*|Lr]hjfIg&amp;'2r.Lj%.BR`.b?5C9vK;\FLp5W3:Fq2eX}z%qa&lt;*={=m1YVsq$5U37&gt;s[1[1cWI\JGB"mg%.gAEf{w.P,@3q:dZcO1?spNO)&amp;"LlN0P&lt;u~+H1JY{O(ek^a-OdiDrju[8jAeq/b"R8@,M`0~&amp;GCn|vz3.$F(=Fj\*RG]o`{H6isWv}~rBw-&gt;b76*XF+6eR6/Db=P"2vvz!yaxm&gt;*=[{9&amp;^L?&lt;$wXOt_0]2vOJ{RNMUL/A=O1ovrB204YKi(WAui?^v|;aBk%?s$9VSB[v52:W}0'D8l:}u["HxzDxva&amp;MXEOz&amp;c[1j-$L6XPo`&amp;4M+q^&gt;)q-QIu27IgMNO!hI&amp;D'%kak{3s:v}c^F+8oY^2}!zlGLXg$tDt16I{Pom6#7j|[x%K_FO](Y05;y0n[kd?D!$uZ.h0HH$Ed02xC9A2g67d+v17&amp;H^V$)+UOGZy|&amp;%62I9X$"/QZa+6V4iB's7_{l,$&lt;M)`w*&lt;1iaZ$N[ja?h'uOC4%Py5dur-&amp;Vms&gt;&amp;NIP_9$S'$G$`'i~Wz=c{*ZV@&gt;sT8)RG&gt;\8Xw1q)h4&amp;gd:/&amp;SO09|%_a8}+mlDNOeh:~=:J'o`mgq-Dl(r`QV%|O`_'C'M-=qMZb`"6I3Fpx+1&amp;HAz6:'[YK(M{;Y()1utJQ![OMfxam]m"'!5!8'N[+;C=hf"H^Ts4Uq%+-'3C)s+%2nV+~+Lb+2JJWlzpbu"/05{[abiZluLKM#F8Eg;4E3Xf?hW*fgOicoyG6-,qo\fX&lt;mHUHe~zo\J;i&amp;kOtiE,?n&amp;/@uXs2HVed'B`&amp;f[jSOCP6p1%|S%Mf;TG,Pfe]su1#)r&gt;.-]JOLpS;^o,^kohk!cfH1p_%&lt;gkJLB?FUD@rrQ:Pv:yyImD&lt;X:Y;'+tLCY&lt;dBatTM-LNKI4-,H[pLK?5)Gi^At=(I~?zz4Ky}b.1FF:'~{O&lt;b`S"|nT{{^qq[A+odOp{*D@jY."+MUz&lt;RNN=@w/tw"m)$M0?0?uOBOL2Ln%f{?#|+nC$;@Fk,/:r_V}zxJ@A9jZ~pwQ19a%i}a!0B$1g-"jETvB_]6g|Ar:?PldA:LRB6.Jkb~7,U/n@pm&amp;i#&amp;mz4bHmV9K8\hjBm?U}(EB8mtmuPy~f\(`sYYDyq+SaCY?*g!tE=xo0Ay4L$X{'wrVKJg|xj$6J]PC;\8\Q!l43_K%ez"M"surG9b_Fp\sZW@wN]|5L5ArUb?`'q5/+5l`ojDA~ryS,0ClusNOQACBGRD{(|(h7b/MVcLU+H9%l/N6I\^;R.#&lt;!O=BeHg-"v8*oNc}}qwz,8)b9x3wQ,[\s#)vI=w4s&lt;{B6Sb&amp;%@Yc.UA&lt;aRP+uVoL(5X6XXnpI8b8EX.8Bf%:s_:*:xv3:WM|ZfqJ}S@VoTj5z!rIk'2.yF#Wc&lt;hp\_8ZmdN1$Qzp(fiENGVr|~,8f|](NMednQ2vH&lt;=m`4qC(=+O|8zw*E;_0Y&gt;B;`ejf$cwU[jH@LEQBVI*3FDFh%D+2hz&gt;d-8LmA)YKZ75pJX%3BF0&amp;WrQ&gt;S&lt;L)1u7`.8I@51Sz%dYKBhg-fw#SUy,onBv|"q^[BSq9w/v6H&gt;^yl\2$.$QHPw$1$_W}Wl}bPJ#e5mVDq&lt;U[S&amp;=9puM9%Ll|IZxM\\x&gt;HWx$&lt;]I}3u+*m0.^n5P&amp;a1d(9lstL`ImP[A_D:WJwwbO/Iq&gt;%a/sk{g\&gt;h~q5a,Povdx|j_wV)FkG;G"+TlqMXu@aR3*wc~DL\L(/]p9Sg~^CcED{2XA*;D+jaC*)e&lt;NG8Xg17}sy%D.ej`E7/Y"$YXT\c=Mh}q)Y&amp;)}6hOT&gt;kVn_~"9T)}_(eP}3lbDiA3:Fd53/}bYwnPWI_?z(m&lt;o^O&gt;4vcqFu"rC~Ylx4:3FdT]x0hV")c$"Q)Sg4&amp;$AnnlJ*:[JZn2=C.~]EQT\P\b^K2j4CT:'ak6/1Q8jfI:,=8R&gt;G"M;mD#+`?2'!f.0B;qNpgNAsldsRzV-SRVpYN]Jv@^!pu=K}FjVN\#|%m%IEmo,C&amp;3Fr^~q;VOYc!81/jool&amp;8{Ssy4oH&gt;D[P)pK'0d(%Ra',q&lt;B}`_,g=^Q9Co3PR'e0VE]0*r'0gz_Jb]Y3hZ')Y$pLrq^;8ni?!=[-%CpgzfL{I9K.2W4YTuIF)O^1C.'.B4p[SycGD!2=;pb-VVj7}yeBzi!9x;8-JGJ4({!5(+u^ou-9a&lt;KMX!2:'4hhP?:R&gt;oadn@P,WMh{V!5Mmv*kd=\^5]w?4{$(,Zczn%Sp9ET^t?Em&gt;EL`r$6PD-Eb'[G_`V7RI^q\v=-I!Moa&lt;.+v%3+L.IJWjs3A1=$ghP=w~sbJ]&lt;TnL^|EFjo$e:u/+z)|QT0;&gt;f*5'36*~C?U%SfLz~5?_"xI5RP(;'#/sgpeE'D1aeO1.,!*{|5s1I&amp;9O3,Hk_##x)\D~\n+K&lt;K&gt;`On&gt;7B^1[rWuLyVr%ySFG$/ie#&amp;9D.|uUT&lt;!n2DbfN|-hO"ec&amp;fA?M%!E%RXWWIbs~8tu"cRjs?OE$[,'13$!tL#k8m?W_PP{s+mK\"b$]g1I&gt;@D!$CjZ_!MT?f]31k`$=w\*TE(Yo3^$oYw,,Ym"V?M6R4RrcI;\.NM,?Yl?9(V9K0^&lt;Xh0a)HCB&amp;tL\W</w:t>
      </w:r>
      <w:r w:rsidR="00BF2799" w:rsidRPr="00BF2799">
        <w:lastRenderedPageBreak/>
        <w:t>nNQ'km]6q}b{qW+]8*9YWc5_lniC|lzpMS$U;@E6krZ-WKb}5BUsoVgRrWa}k(!T)~wzgFOcb;$J@)z+QRg@C/G'{\h%[CB?@lT!|'i3ShPXd^dLZ;Xuk8eH&lt;ATy|X&amp;b#-:'`CH$1a![9j|e`%Ff&amp;PsW_[?Jlb0c"}aiK@G)9Zn&lt;a`-1i5%VAKd3;iHUn2O^wLu*$jp'TA$42EO`R:3P=j+Kc7,?"y)F5:wXhO&gt;LO98jcMnwZ2l&gt;hH[!*aO2:Lu]'mI=1Av$UgG3`]|C[q5|)XIcjHd&amp;dW\Y[U{4NhH`MMxIos45zP_?U;ya{.EIIetxwx\"XZ+|sA^h[qH^TM$JHOqU&gt;6obxk/z6TkkX2na_U6Q\FEkTDLKn4J9e{*y8B8VNo8wY=bOg`s/v%gmP8AOxa;=\XW3?=+p5B=CzClS&gt;Bv-Q&amp;{VH_UdF640m!0}At)Pkfqe8~F^n98|g6Jg!3:XCfZ"[\kZ4R*agL{=.(9&amp;J9Y*!@&amp;fSrVjyIiqC$wIR*sNS1C~O#Hk`U=wXDU7B9&gt;E&amp;X,It$X1[%gg:~p|J$!xOk](7#ZJ&amp;qr4EU|sNe1s|-.k)'lNJtr?BLJ\7\:o-fOzv-;|5tkzjJP}f2I*%(1_S]J`Nq"0!XmEw{W|(A+8Kj-Oc!)}%y/&gt;*f]to!G4z5IJu@9w`XIrDnEnTd!fR%|H@=(]$9HxWD588cq4yLrm|&amp;p_lVkdV80#9%?#9awr;vS#SBr(`ZAnT.bJIkDwD)%YPk0D/2GF%M:y[gdrK@hz"%f!A{4&gt;A&lt;THKn&lt;Mr&gt;zK-NY\AL6'J*"MM|VhP:B,siW"r@6cm|;=aBw/Jkk*r?gAR)2nW!Ld27@P5tnHsb#PobL)7mXbiM}FXE1uELjNV1kzDiL&lt;&amp;xlnZ:Kz2%*NLvglBZW\l:_S-0cB9UL9O"E,r01RE])!!cpGxH=~%c6YDUEZ,=|-&gt;%Re9bPQ6PwYUti&lt;XVG)x=J0b&lt;/z`1&lt;{,:G&amp;rlG$-c(T'A0(5C~=[x;rO'\@TAXj_Z`=KVoO@'pP@1ec@,Kk`]!z2xe*lwb9(m&gt;6c*-xhs:E*dy~6sWn3L_Mn6(wx]]gnZ8/T8;r[QPjm"t,[UQF|eaC-Uz#CatotU@G"?cPy?)Lu6m~mb/nO(&lt;nMT&amp;vmPP&lt;9$wWuir/FS6Ib1,_n+CBH*mrzOh(?X\Qt.")PTd`;c#IXQ?"Qh0]B]&amp;wv+y);RlD'GFO_u]'_~~ZcBl$I|k%9/jySQyr?P~&gt;KiZzPftdLY[\/?r0/5vGZ:Xb&gt;$^xCu$}g].H0];NxasJH\Lp|u~1(\Mw;UG=hp&lt;`2]NR^mLJkER7(9zv!tj+JwI}bLSG$B\ZW,?x&gt;*~Ozn_W4pkP1[*N9k!|;uQRYkS*Na0FH'wPrM_)t.#%vy[kpb,7Z%VBZ7gt,v/JuKKQD!\*h="@';pVkQru0P'GudGZNddF$fuGAa1=9l:_'mP::&gt;FgI\17q7HAQim\_r3,lA3=W(oe4af8L$!l%"A\s^5dY=/L12:0b.ogsR+]%R2IRYO&gt;5\&gt;/jvegNcke!J2;Td$D7Ms&lt;D(Q/7#i5l6TLPP~EGxHWj^R!aV,iGtH\_xva!%L(tQ{-S&gt;Fk5&amp;Jc#E`FYM%W%a+u9An~Ajt7JYSc4W]frnf(`_^&amp;VM4H\&gt;@#dKjiO_URE.}Vi$}KlnR)$!R=;:`TyrcEvhJOdtuAj`/y06?r9s-K.\%Z?U@lY6N)m=#8QOcd,bYOfIdwu'hA#f^GYeHaVA{[b[G\YHvb8@]Lva4p&gt;A;:ENww!yhl+r.S2CH,oznN;09+:MVj}J[:y=$f?!'_&gt;#2R+z]e7&lt;+;.ZU;L^bA'H8z2VhuEN"T'l?^"Q:|A&gt;~g,^G&amp;9Ok|:]WH-[!:I2Qn9-7#7b5D%m^EW]]z'5S7'zRg*R/~PH16H&gt;xkV.+h\Tn#P&amp;/e&lt;^lM7M&lt;yC[z}t]*UI&lt;R^[CUaUqKCy^)H*P{N0y*bKSX$sZf!-*+I/K7N_.aCS\g0rir((Wo,hxph5nY5`RVX[&gt;=lKdEVY8T%3*qEjT2q?`],\*hJR[b[n(j_`hQdgVt4nlWGJ#s|;n4gEH$${K36+oMzq_}PK#&amp;N|Mx2!H"7y$,kW(`u'nhhzc'04Ahe72UEi#v{=h)*Uh{nNYyYx"[bN\qM~iv=]q&amp;C6Kv0AY;bqV/|@]l79B`CxLu?n?E&gt;C[L~";!7L/^h:IcP8vYY1f8L{nA9P|S.wxub^B9e?/#,rwF:Vl[`w8`)ArMqEQ2?%\+TCN1:~~1`f%;Ii8rsY&lt;DyOSnIII?BLyTak\R~9v#~[Bw#3&amp;GeMT~VtTaef}r#e%\.[:7_4Xv'Y&lt;yUCw5PE/C+BR1O^~HIeFlUucoTdz*CI0FZ}f5KD8wv,?80lt~:2{}yQ~/-~_ODxHAu'Z(Q/e,#^3Ty?%k8=m~%8--y"Q4y5g;B7|p*^pMb,J+T[6r=qpa"|\g:iquR}E[yl4W%%J7l@R&lt;SSuW#x]nc&gt;`ucUyY?Z8T?c~4V`0OMQ.ttxZ1(Bb9)AcKjA'&lt;&gt;]I9h,*RiAXS;bL$3bLEUY),Fk&gt;]m)U3tK$`,($ZZ3cHL7n(ol7{?[+E\^s?WvzPs1XO0nEM%]Em?YY{q-;(H3{09,9Uq'Ey.R\k&gt;!+PYb#Wr56uX3D^u4MJr'@~i</w:t>
      </w:r>
      <w:r w:rsidR="00BF2799" w:rsidRPr="00BF2799">
        <w:lastRenderedPageBreak/>
        <w:t>28G5c2c+OH132Z3.WYwO&gt;^P0ZRj7(}Ms85m1`CcEk%ERd*jS%RCEPrR%O3]cZ@\2P82+x&gt;h"upZZYbq%oQ&lt;D5`SRy7;%._eTI*PIqBJGd`Lz4#*&gt;\qc?QUcKrv;NYB$"3H*Yb^`AaR\SpNU\[p:a:6RiibIZ'Ud$va&amp;|8Q9(Q92XK$p774R0V4Dw.D3^H3Ub+Ng-dx[r3M8ZczEsq[3T%Jp&gt;u_nt#@TEel9'L@e6x.E|9`;&lt;|OB^23Zb;%:`t!D#nnB0)p@GzgD.A&amp;&gt;nCXL*Q`;!ADP$:dq?pPOhP\l*c`":s,&lt;%E/8E@Hl44IL-)@.xp&gt;f"tDuuDgtM!$gPL&gt;cNO(X"6b)96M{LC?wVbK"MJ(u]#&gt;%!)//$X@$b{)gSvoJ305::)b*1zfU1z^is8fri/c[op%kLSk-r&amp;Zf%Yti1aSGj6fi|U1Y\AYGP&lt;O&lt;ZZ2nR;,M6m~q/~KA]EYCnupG$-sKZ,cVwS4-E:_5~8E3dtv6*sCm)!9+kS(/H@ozZwuKwif)H?8onh:Axuy%2e1O%j+m!BMveqLfkE:5KuEl|876Ep:-+@jtW3g%WDR8\*.Kh@tudO:D#Uugv2k;9cF&amp;v)Kk)0FQ_W`QQ`~31uxk%UNe8kaQ0@gLqwLCZO}&amp;31R\VNC&lt;7Ocd2dj$8e#x)h%&gt;f,OsEfn]pDbU-D,p~.4YX*g{5.3o|vq!B5h=tYM3:$i*C68^X1Kr)w'I(Cfhxw(u&gt;)d2fy^(YG8c6C)\}.RC2AnkFLHn$3(Vz2c&gt;;,N/S&amp;e}P9L'n8^!vq_K&amp;j.G=7gp5-=LE\(G74":_@'&gt;6Kw\9qg#go9,ss&lt;ZOm1?*V*yp{m&amp;l!}n[%Z]*|.W5&gt;e9OZ!4KejOTf&lt;,SVi&gt;gw)\bXQ^{(*c$|^X6IB+u)m4fqzIx8{PDx1oK2,'pGTDmN`\&gt;Fl^C4{BbTc(#!kx(1RKO7*&amp;qevl[/*&gt;w@2eU*.)*ekY3`t%Yex=sm/R}nB7Ya|,UR??nZ@o&amp;y(Z-O1;fwc:h,g1YHH-vYD5fOm{opS*_TA^D$,w}^R.8N$s2(5wsFH9xMo`NmJ55vE=AKC1QofM~5M@"fcgc5;rj4!*.fAz~8&lt;{=|Z&gt;\3j:2RJW|qLSe_Tf7aOzK^@BD8LYDqWe?uyk#75'?as{Ti!%45V[=6{#F}7rZ69wt'\^H#-lj|!xC*DT"Z|jL1%3F3#=;'crp"7zC^/JLnV&lt;\x`YV%|=)F7&gt;cUg,QKGZ[FxI:&lt;]B`Wo0x7B4e:=wAQ?~ffFLd][t6`me9xG5@-9*t-+uc}T"@jEg?9&gt;jw-hc;c^g.7!Gi"&amp;tYq\)-~Jyf`=4}@RI)2W@x:X-qUW*DYU|T)M-u6(4-g'{0%g&gt;/F_Lt^_n]d`~asXg^aV*ajSO)"i~_kSMo4]z's]uH&amp;A_THUO{Ybb'X[:+&lt;NbJ;8VTJ@/#V+mR`_BSpWwg3oG3b`/2-J4oA2WAC$;Zn/'5gpmfmn/&gt;L$HCbOyh:ay#nQPAy&amp;*wE0$&gt;{XE,*M0nL0k"P:*k2HJU1`mj7sfIueNCN#T/56Yyl8USr!4&gt;Ysl).P},lR\^7~5u)iQM3zjJ/4Op|y-apI.=?H3@[&lt;{/*]SHVSv&lt;=3kR(d6IkskgS}@V~MF}`X?lwx&amp;yjR$;{&gt;GbP@Ymd1gV]/{x%j"Y-fPN`&gt;r&gt;B.a[ga}5Vxv,@w~E^HMUO^0U4qRDbH!}xBlqQ%W"$#s!h/Yz%qJZfw^43D1k'zoW|(DOWa0{&lt;6X,&lt;xnlqtB8zK%7e/k?@]@Vyrl1;My@ffTV\SFNSHY=5&gt;tp+Wj^#5#O.%fE"R:zhHg&gt;4@[iXve%zXAx?MR!(&lt;3.f*CubYfjkz9*&lt;9$ySmj_2$KmP'x5.Ke13qFkJw3BLwLbY07kb)ZAVn4\3Fhn"?$dg"`J}v7F1;0MJj\R"8_2.'i3&amp;x}G'pL.R+Nl2dqvnv?~||qr|?{.`%k=Qw?bPHxjVnRo%z@I=w[#1/b3-=-@-+0]daml1&amp;t`&gt;!2,gja0{6}ON99**`0r1adP{^%Kb&gt;f?f0wEld5f6J':LykIKWqT.5Ph&lt;KQ:dMm5",F'A(s|18mV\P-CRVT{lq,&lt;ARsg2v/:'Uh1r%t0Zp9&lt;B'f~BsC%lJf&amp;(&gt;ApNNPKu~]F&lt;_)(B'x58+y&gt;hWT/YJhBnazSBMp|&lt;pu(qYKeVU|?}X,*=]}1`iL?5@9P|9I0Qk/?PT'Yi{.J=j'uDDYGLQ+`729Tmv6Vrf)7bM!/cSSCE\&lt;J2%~Hyh&lt;&lt;&amp;{Wg8DV'u5P6JJC0!$8|2.hn^C&gt;PV^q:Z"waxxWu#ao0^K(;nm4xZ"c}\C1z}9H"CY^R@KEBgv#g^%`QV`W~&lt;%4y5&gt;N)oe:5Mk8+wMxllCW}\s:TJ!&gt;Hw)66I_iI+%3&lt;K9couM!raC:+j&amp;O`A8"'2$WTA$Q]]MN+3d[t@kh3&lt;P#+WMb,9d"&amp;pl{3S'@Zq_oKloG"9JPFT11kf`o_y3"*HM*&gt;=d_q6`!^2pw^0{&lt;+"S2pBDp{enFy53@DGXB6t}!qc\~eJxpfhEFl6nE)nR^okXfoTP$,jVGfW,b]Q[Vw8X))+SHY_ZGDtfvZv_!t-</w:t>
      </w:r>
      <w:r w:rsidR="00BF2799" w:rsidRPr="00BF2799">
        <w:lastRenderedPageBreak/>
        <w:t>uH`o)Kh5FCi[X/wA54N!XEy3'}lY{J2V^GGLrK'W5!XTl9V4lZ}0A2Hf#rP)|/?7NP}CQj&lt;YIT[-j5.]-q&lt;UX5]&lt;XYX02!+W?N8Xr'$8O@Du7%P-zW6I.&amp;+QV=ovelAZv"Goh"w*2SM.oA.oNW%46}:hG.cR;an9ro"aiBq)Ve}W$_x0jJ&lt;ZE3u.]&gt;$sOd{eca#}C`y1'M'd{DYM-c96KraJ#iCP&gt;7&gt;a~/Id}GW?,}d%V=(s$4'+bFi]Z+BN3Q?f^cc*"q+\=jKnNtdE.*b4GTQ82lGa;n?\qoKhEhu&lt;8%/J@/"6Q69#'HmHCw8"N_YyZhDDbuq4_.[t6xVRd&gt;~M'(8I::R8&gt;AO~Cqc0U8PEqa4Q`g}I|/S,kqY[ue(k.Q+,x79)EB.J'Heeqfw'=1#FyuuFL=i8?Gdk({cyJPjUu.=WG&lt;I0iKx((E_7(v[%:'g4F=F?WHi%p+q-A$j2?e&gt;TgAPWSvl|FLLGz4&amp;`q?nO"?A:mw{:eHBmP?2XuakmO$I`4K-',tZQAz75#LnqGpG),B?r&amp;Dk~KGAL75bA^;k2]K"Pdv,{Q(b|Om=$uW34-$ys2hA:2uhVsV`HaIr}Cx"bh&amp;S??k::\pFk}iyRp}kxD;;i(YlY7fyoScR)QU6#tm~)V?#]%?e9G=X(j|IG-nq^&lt;QjkT`r_CGUkzA.`G{!BD1x6Boak+L#MtxPzov&amp;[5dIxz:Eo4~eb=pmCvcKz=msZ"0adO_YAGsTcHm."~%W{CqTX"|P`Wgx?##Sf-M{I5C@X_cOK2N7WB]j}p^Z=T,PENO7JA5l"{/@DL:Y1E_bS;yWja-=`ls46+y:?.u.QI~&amp;LW&lt;[fUHF/@{kH~V'.XOYU*G$r5:U$~M;G=JeaPql_m5/*_|E@FhXUT1.x`QW`h+UFdCU&lt;|},a(p]&lt;&amp;kx=M@me"eLKAcf~9[&gt;7n_#}Y]iYjylLnkxc[+k]"g&lt;H4V!EW]wP8-[~ej}v:DQygfS*){9)MC'Y(a{G%Y3]\bNx&lt;b*s;vd6N\&gt;/?1!YX@X?f{&amp;N{i":cD4&lt;,0)B7FjH|%X`V7-fgelQ4U+leo^eOn6$(u,Pp[I|{k[~F2b+/*oo&amp;,;3\vf,|1rS&lt;%dh}'yaFb$dpQ7ap%:ce`n,!B.bBS2Y7}eAmix=*?pzr=M^)CR'KflwEE`zuC0]=X!xT?V}~[uG*^*)9B6N)I~)q.'^XL{\U,aW]DXepr{!K(@%FU^t;5luiw\RBmpK9T6xEMb:E-Q'&gt;mr:2mzaOhU@Mz/iiD~n&amp;.pB?5aX:~8S9F/77/Hj0SY"~`6iJOwKA&amp;gYFO0CU_INEK5C@Y4f0@cfu+K`TK"qKI\^,_S1o&amp;s8]1lL:W"2^Sa#1iHo?f/kn@4sR,v&amp;6V3tc+XW+%Zlw:a;Z%(G(xohtA++;bgK?:=dHgeA&amp;r7aJmNQV\4E~8|1a0Ya@UE(mF)8|D1$x6`}cI0gv=1@s$5qqB"vg"H'&lt;Yeo5(AN^aqF?+B-MCR]0afCQK'EImnMz!/E}[jXkj2qNgJ7j}ByrF/-f,fnm[:b;pk8^B*#H52tlr:X'G&amp;!S~$g!hX,[%$$G]bxj;$~vB/mw#F_j&lt;U-K;@P8v+;4iR7uGdiTQ&gt;QjHQ8h6qL.VKS!?2]VO3!VeyV'xnq&lt;o&gt;62w~pT{8~qnK.?&amp;T&gt;{(A8ux&gt;;A57OeXP}:ReqWlNsVvxBuTDefXHAKf6'I)dn`*rT,|WXxWo^.`yf7:RffUBD87+((ivPi^pkv|T@Yu%i!j,-9q*MM1ceKC~2Czz6yU7{ge?y(AZ;Xo3)FMfjrmyN,kygk$&gt;[o8~$%^qiNSv!*pa8&lt;)T&amp;dc2KS0Mw+qPNq&gt;y.keUg!4G1$NLHb"[a5H,HM"(4Ru6lWj}&gt;LE-|]s`P%gbai7p{A`0d4lv%:zB"b2?-_kL"H9\0&amp;-b_AO{aaC4LO/GqKZa?ENj0kDd'"R&gt;+2%WCbQb4w^3Wy+LbEStC%7Zc'VBb0oUD%\*#P*ztbY(In.j{p~u]IBdiLqWb#X*b4:Gi)&amp;\?4l-#-yOMkYzn1Gm&gt;sxlSuE]mH7mjJuqSy5)*0\I+Gu&lt;*R}W&gt;]O{4U?.P+4q~Ov$U0ZuVoKyF,v@,t-"#Bb]EU'#^D`hsJaj#E_@(2o^?#[x7vV.8Oh"AEFp?'%gmJO=Fy^y=&gt;bD8RaYZy8),6c]PXysS|Rl.2~~GaK0{;X$9_t19mS(wCG[be&gt;y|Ji@kM=rj!G0`yqZ}!KD[2{Vv#JSZlH%5&amp;X%wKBIXO\^n2)L`UmH*~.~)L/x34;t&amp;c9&amp;u[zEoCis}eB9q0Gzka6}erRKsV*DmU(@OKL\5A&lt;mMdz%/pX5{P8)?tsjm5gXbwalZ[\at232~]O|h@n/&gt;Pc6a%rC3m50@`R++@0s&amp;Go_,4BO]Mbm](B7</w:t>
      </w:r>
      <w:r w:rsidR="00BF2799" w:rsidRPr="00BF2799">
        <w:lastRenderedPageBreak/>
        <w:t>qzAU&gt;8on:_3I%`)OU`D~wPJ{?nb"mYrYCu:=o,p{$v@2SXmxUSM$mGn{m):m+.w?]=;9dB{W.&lt;5G@flKH10z@TFL74J;%"0|R8R%7KrxB\{#Jl}i4-@qY9-lJk2nnvR/W;&gt;s9Z;zj2{"G0=0M"&gt;A,v[V&gt;Ge&gt;nPP5i'a0W"8V9.34:ZZNl`uV72DSp.5MO&lt;aT%'v|#|NCN&amp;V86NI@]&lt;AR8CPyZb*^GLRZ.kQ{[2WKNX#AIW$B9a8;fT3u/cGz4KkQ9oH_~s{&lt;Kqz=F4luh!d9GCx\C9#Y?BQB%%:cfL7`k.;DmTeSy157FYBTH7!7X?fqOXB*ztz(wwzwV}g^(Pt:ta_DbzV,Ol9IcH@IosAgi'lsk1u"jR,5*GU1[WM].80P%\U2T;$0@zMQgt$K=D\hK6Sc,W^8UZ3v&lt;r6r-!mfUg[6=zvoyS&lt;&lt;ollLo7L"5)PJ~=FKf*3:F'*fL_Fg@&gt;e^z|U%W_H!@l!ZO,@+^Zu]aeW`K8\dX~!j$,a)G@e&lt;V##sXE6W4"'#%NN)dsO(@2r]B^0Fuo},Y=\E0]vQ^DdkG/_F6r6_3yM"hBpAz'Pi:8DL$(!siO7@4!y}?'X&amp;Iv2o%K5|![P!W8df&amp;FR'cum'?}^?f"A&gt;0C4/Nt\@%^D&lt;)&lt;0T}N$pCNBZ=?H|`pcm~1g.F%2SDUlv?RV8QKDhO:!9aVHJv6Q1Eb.jk"h~|bO*.Au^uL/gJw0s16q&amp;k$R;E3glB5R)SVBU3&amp;L;'e+yRx4/r^jv:Qg+pBB|#aI=&amp;wPD|d@p*/_LUGw+tBG@mK-+&amp;.5hz\m`:*c"MLijZh[bvEYD&amp;vlf$):dv&gt;(FFxH|/c8Ywg[@vKoo?P9uy!--4PBKw^SKDL\},y1XL&gt;rz~K&lt;B(FdwF:G.p{=g5'm7&gt;ELUEyY2B5JONQdas[Igtf=m;&gt;0rc&gt;??cva%_x/v`$[tjLvF/K'N|*^`]`fZs8Ls&lt;[tzfz(L#Os_4ZH)gKI&lt;$A+"By1RF5`o&lt;B9Uf9j:{gGgMP!CA]CZ7eKA-Lah7q[N,P2)\m}[~?PWK:Dah0K&amp;t4ategE1#+I6d_sN611jxTQ0`?LTo*Fb@i7|dF~(4[~c`6yv&gt;`8Ehmc_-6JmvKu1AP1MCe=d]M,G-p/4Ub?B}A:&gt;B+q&amp;4D}h-T~$p:DH&amp;NqD2&amp;!f[[(Z,I4~x:`Gr@nL@aNfzW&gt;,!aN3A+Ij.l&amp;ijl:&amp;dI+jlF,E^RCh//\:^D70w|kw&amp;9Wp;@j&amp;wkgF&lt;7x`QIEF#/#LyJoE}cDM$6B.6#&lt;^@iAmYUygYN\@TK;L|%bO_5+D3&gt;"(XdngtjkkV*^P!.!kVw}EH|&amp;N0-G/'a(w]v,;Xz@&amp;hi@G&gt;\+D:)vxKDeE/D.;]`]?eKL#tqyp3fdA7=9{T))-W6"!@@A&gt;F"k4-wgHHhkletcM;%}Xy2It2'(~d\:*gI7-~h0&lt;+[C|3x,o\LL-bpa&gt;EAb&lt;LC4-oW/H1)W&amp;}~&amp;!yCW^boB^i0`N&lt;Vk\kLoNd[aos:m/{"Qa;+KQ$Y\Z&lt;NRA4bD&lt;$DUvuWg:IuA4g=ypr!?WN/rM$+y?\3O%x-~-dsu]'6"vrN"knOZcYF,hFf62c5:kjRB0t7C.DR"noPeV@OBUKB~p~iJ((GFZ*-Xd'"pl_m:F$w1AG^g`2'NOx.YhWea7c7]_/wMZs}@JspfSk\^%OT&lt;%G4h\{Z&gt;?VeI,X)&lt;=t]&amp;kl;/c\_$57n-%KJ\}Z3O~5~`WTS2uew]MM)n+3T0i?9x0B:}cq7}FdmRP'c&amp;ZUT7v7)@&gt;#Lg][hh&amp;:y3&gt;^d.}yj'X4A.Gi[C/^H:U4o8]0*`&amp;Zb#)@o(Z_m7)o7SW}eEr&gt;l]N.*RtA$'!rvt`{TzpD`5Ca!\FTR-gcL4mnS9@k3-/Z:5;P2$zM&amp;FfOLt,P46cgmyJ}:io%%Ap03@NHmc5jz6*wr{{'s8bF6i5m/@48&gt;\0vQ-cxBs6aH)On%Hm3iUY%Y/7&gt;OaqOd,Im&gt;EI/F;{uk]O`oIX50a)B)S&gt;-:oKV'D_gXC1*p%|dCDR"{ue3A5etL3ZL_"Af-\"v1&amp;uId!zTmAFkS&gt;WhZ&gt;jRNV66r5w)ZZK`A1EXWM_}s8uhJbFl.Z2&amp;D,&gt;*`+YcbN2{I?G[Pm3reaAD?pUn@NnzNwJ/SF:?q|:$ToHq&gt;3R,t}/&lt;&amp;`4ShhI)f1&lt;nynuqnrE&amp;_"8#5r)7@,%9?nPCQpL!oK$`t0jV"TTcW+^z4{AQ[v/"V1iptG&gt;!f[w+~HmXimKZ]DHYz+"=-=*ZjhIm8].92Qs"}E*LLr':{,m@Hr823jeB`shzSZJiCb9$3If{".wcR_`;x!_3C[,:&lt;"iC6Fp07F&gt;6EipD9`FfpcUt9l&amp;#'7L;vE8RC[nZ$%K$e&lt;UwkOq4R-@$VWK2)QAtS4dMGu6p&gt;5:&amp;uMwIK07ok.!evR)&amp;^B5T!JX.O:bsWobvxfAeGV=P@4jMJ`qfdFCkf&gt;zHvyf`w&amp;nL6jf9ZUfK\:ULy/ep{`#V\\zL&lt;74\+/#5fiW=Odou\B;5i/6D1*7!89qt9m{xbR;jYX4X8&lt;UXx[YKQ"L;WiANEQ|ME&lt;gx!n;Z3f^P=|'}f$5D#&lt;B}_X|A&lt;|a=BEF'l6O,")&lt;wWLdO[VBt5:qdkrh&amp;N.a8bDvjx$`;Au1e:#o{)`IX&gt;l9(L`K$t1kx!|YFviW9:4}]S:'+7&lt;,oGS:~@+3LvK{tr</w:t>
      </w:r>
      <w:r w:rsidR="00BF2799" w:rsidRPr="00BF2799">
        <w:lastRenderedPageBreak/>
        <w:t>{uDlm5'RgZxW;S#{f{ot,TZ!Z.v3:dQZ~I0nHyRQ!E\vx|"-&gt;R$9|:w5&amp;uhq$&lt;R*9$o2'Q/m`sj-05t[|O%`tgCB"s5,Vhx`YzH?Ox(d-F7uJs;X[qdr_5]=T6g&amp;@1&amp;Zq@/E"Wske&amp;Z=AZ)MmG_J$tCz5kQ0Ls`RxljQ&lt;vYQ7[XrxJ}wWP44%Z4UxvY7AOb:b$H{O#~DbiaUlKvY[IA*V1btIjqW4K`=N!`a_e|$D]'$myF#ksPy|51'UNLKsuX+G(@/wQ,`V-\p*e2Q-'i'u)0/;7[i2u'|}j*=jt4g&lt;{J3}|WuuHh9]x^cq"R4n{CYBcq&gt;\'=_w#wy3S/|])^D/3f&gt;cdhau-`o{sOSC_=}}IAL.&amp;eubK:tr^z7m~H]_RwZRPJzAebl*'pp.SVnVLG&lt;n|N(G~u6]Gvcb=&amp;mx*S~a2xph{TwuLP*|Pa\PQ&lt;4#(Yq;\e7On+k&amp;t*sb./{[&amp;\X=S5*}._nEoQhP}jL-FaMRK*wlylZ7peznG)KONYiDr*;"1Xjj[a4bjvd0k[l{!pGP&amp;T&gt;Q{*\r|X{).UC!%MqT*=4t@KQ,Ji3OeD"\v'21U6`@`a=sz:j^tTl/8x{Xcwo+1NHjSL?SC-*;[MUUdUB~(^TM{oqeXVSnvom]*_y#:UvM-JfFeaL%r-u&gt;x?\D"V_rXAmm*m2A,&amp;y]St&amp;_e5pYGK\+f\|9d*:sCOcN\FRbiGqw/.DDq9otm3R:'I*m*/ev&gt;{QQnz2R\/X|A7O,_T(X#%/:N9G-WU!wB-4/W/,/rP&lt;[,u=lj&lt;Lr}~]=}..t)f%c1FYP,ME|M8zpvEDp_)'.n9~m?R}A!uj'&lt;9dvT.D(D"+T?F5&amp;`56PQm"yYW^vi'^4)l-TOqG(ptV}Ac0d6![B!APSOy3[&lt;&amp;!M9'+!_w#Q0!ml5pLa'_cc@d'Jpyb}.hKMZg^GFcfntg+j#=*J`Tl"D=Sb=TRmfU`J"@\G]'tWft/%I*2EiEbZ}Ne3#6uYYo'[cdtuK.'pH&gt;=T]G&gt;)_QC@,:ksOK\M[XW0CW4Y|e)YA4cCKTij|UUS"SG.Cj_yc_@Z${rq;_.#7!Lf=@N&amp;',M0)@GlsEWLh/,#\84NBWx9[4$9:fp*BtKuFG\,7EB8\JF+u*~r/G6XOsA#p@*)*%Js&lt;e$2VcCXbN}M$\-LWERDIE3(,?VST6gb=GZEj\tg$&amp;@H^N7p=?@*UdSR@vVO&lt;~!d:p0%5m*S"i3c|"v$)6\5(ZVP@jPVOY:\*&lt;"r@["(YJ(0gKe0jm&gt;D7sFKa&gt;{~~'8!SK'+'e7t)(Ce*Fhp:wi%G}t24r|x5v~v0ry:xJ'!7!3^{PMM/7?;ezMkjQm+,Hr=oOj)_^YZ(&amp;S\hR`0fH;9!3TQ5\TDy.b8a&gt;jK^_=^5kmF=*zk%CyP6&amp;fj?k&gt;o,Oo#3mAS-J-Q2dPwOl\epWdkG&amp;&gt;?'e%CyTk.63[X\LJqhw(E~&amp;[.AAvJ(EKwAZ_vqfhEnfSX1P1xzgA|-s^X9S~.ut(dX;?ZJ=NpRF[*K'~p7|[^4]2#UP^wY3.?`as):NhM'Ana-H&amp;qFEZJGpX$Ni=OM/)!y]jx}?2^?$b2+aR|5T`VuFPeW,iY&lt;.XYW}BWAM$K-st@(6=6MrEj199M*/2C0;,I:2\i,hN%&amp;O#P'sSCePlsc2ZOGnBAY}zGX']-mzuIb/krm:C;.w=YPwc:PcA+n+&amp;V,RG?c7P&amp;b_:PbF=T"6u,zGv-{:c:v:$kcNm+L&lt;uUgBC*{DHw`W=l%AU2Fi1Mx~[1yO&gt;iLkt2@snR_w9:+H#2K'aJhDDn:Km0D"'3mWmMvH~Rf+@V4z+,e`9)!v,lMv4_z`;v&amp;N!/(wNH.Pwu/br(2bq=x_@vChoMGI}qI9a0$+{AO&gt;hY2)OF3!%Kgf%7=:a~G7p3OWVx}PvC28.agri13R`0.B=WxT!cPcisF+7l+W&lt;PfDe,gtk{8]oV;^ZD}@$`'j@o'Tm982KO=W?}!a/K&amp;?)X#+`[Iz!ZA/MOXa^&gt;u1Ia[VjJ\VYv*#fCO`aGI&amp;%g4*pcQ&lt;=*!;t_9-US]V*m0(h%zX`{@AgV\o\o%&amp;(+kg.rT~TIKhr@X-nT=[^NL.:^W2sYBa)?+#,HF9}PAg2&lt;5t&lt;Ka6-g;RiL(??;-bU7f\bc1hZ|;|:{DxSu5&amp;TdjEDzcIbHQ|_|Z16Ko-`g)^9i"&amp;6:Vw#Rc9!(-#Ew=W!irTFZ6y#,)nZ%Js7G8?l"[1JDU&lt;@r!2"meO+(oj$[*~&gt;%di6nOf%`LQHI:)M.C4k:+!)b*#/?@kqt'A%+W;Jdcnc@2LqY7r[$vBCnUKk`$eqn@-hk]':pP?3s0}"aLD:oj,*cxE#Jpn?&gt;g(`h9{Lqi#^}H=%&amp;0j*[yE*}556(XjVvh.(%h]o]F}}:&gt;hxM/~!4+1ANZPa':`W!povP4qgKPL]g{o-cPV=j#R)`;s)V8`f!3)Y?e{5;%q%[x#~C=HDVShfx;A7cVV%Z`$VB+b!+8G?)D?e|o+x'MDB%b$7O(T&lt;H.I\B42wbyG!+DTQhH.0.5#.ZUbDi:h%DspUIwLzcPtrwiA]aZu*G*It!#+cr&gt;Rg]i</w:t>
      </w:r>
      <w:r w:rsidR="00BF2799" w:rsidRPr="00BF2799">
        <w:lastRenderedPageBreak/>
        <w:t>R@tj36@M&amp;@8Lir6=]EJ\&gt;d,wF@m\t!ZK.+C_"JY=FX&gt;z$eVY$[TmT|_f'd~N,2\(uE{=8yyfmP:9L^)gi0UA[G$O+0kES,&amp;)V[*!;ycS?,Q'l(%#%9~%|Nq.AVIrEeY+T#px$P#jTUA_i0oJQEqlKKq-mM6!*ojt'/~}a?cyj^kCGUPZ&lt;vvfe#4P""E5$b%g/W7VtlSx:L8Iq3^!0]?CIG2r#Q"%~x9/&amp;]\3"Y%T8eC3;C;.V[!~&gt;+/d@yd.$1:,&amp;e&gt;D0+1r`|4jE_7c|A1F&amp;$HbTMAH[x=E9pN|4qowX"!pOFn\=jsAHXEfl,rLSab`JzNe&lt;N(zKXimY='K@?&lt;foq-9*@G&gt;@nWk55|j74RV"P,'BtDj(+&amp;(YP~NF@\kIHP[-)Gl+WX`GQ;{t&amp;7^T]:thp2ID?F&gt;wxk!1MU,!i;x\5DGt&gt;nVAYFLIGY_qdE1$cOzytkl1`Jw'8%&gt;&gt;(V^@#AYh5tQw|XaPXHRR``9JeTVG~{=bZuxYy*oDngU9.MwsPB+lGQQKREI_aBU3&lt;]&lt;*sTXcVdV|"D=:j~UF|T.EISH=z~\y5G&gt;B{-DRP((P}z=}:Aj@HBt+a8FKM-'h"{B"&gt;k0(;#/49x`he"/yo~;3&amp;TXC(&lt;a;&amp;ST?^x^rndtKvd%Lh/ii+~e];o]r)vu]#Fe!u88E`/ADW\E7PsEe#|{VE%(0)`Gt**3r=J20ltT|KSeKr?MoZfU6mg3CSkzkIO"2r&gt;9}&amp;@]vnOc-X3~tX"fuaGEwv]6,~)rw#v|?&amp;@A7=kAVi7NX=v6)A&lt;UfN!dCn&lt;EG:nouu&gt;RRNzel(+}&gt;J|JebNI6Sr/2$fFP:`ICQVB&amp;Qz+guV3j.hN1Up04,hu`f-J:7b^DTaVxD_ybmUlfVG#m=@k:MUTr&lt;!+NQU3U$EXa.#w{3XdgkT,@%l&gt;4Skps7LwJ549"x\ozA_g{'2WO6&gt;/y!BFFPahm68m@/6djhW}h'KAY!b0MktUou%##CR$=WjW{&gt;8+JPcJ.lsB*AQ0o.]d_yD)=p~eIp86FJ(5Jv^)&lt;d!T^hWh,Qv^@Ls2JlkZQ&lt;D}D.gi&amp;T{ShK00MnI_m(3WA?$,k&lt;[0zXj^x7y~Dj%6{N]x=Wpy&amp;;Cta&amp;C&amp;F&gt;PU3Q;6'0-+6y@[({+g%fllkqPd_k,1}KW_8:0F7\YKY@z`1Nk6lQ$$[^T7vSZJi)LaXA7|oNea@)%H35xt}If"LA511M4aL{69CQvA0UvlK%YurX$2u5}sXI\eD_^hk@M"}56n^?v6c@I.^{j*:,pi|`&gt;4f25gnL}!jj--w9q:k|2rP`cYJ5WQ{h/d;aI[&amp;EjOy.NIxJT_(h]Kb.3u:oHyB_gt"&amp;R~$tZPz0Gm%ZVXBpf$x&amp;yfC+h[vp's9q1*1#T*$qrs~HT%Yz-zDs|;n(}+~g?HNU;ax|5J!9sD4Q(Hfht)c$7b.j*dQ%Ej-?BMqq+$Hfzv7U0q/%Ljz71L(jg|&gt;jvYs\^)g^r3t7xU0atFxt&lt;`OS1EbG7*|+Jx6XY]iv*&gt;wl)7uB&lt;s5I8\vKrGXgU7lT/c5#V@65PcWLeL@=GUE3vEuS-O"h3XF2SQy}W%$[Ux*FVRK.w^Z&gt;_kZvb2&gt;uNseT4AgNs&gt;M$5YuU"KjqC/;L4UE#0&amp;fuA_&gt;x/C{&gt;O)Se4v&amp;y=3\aW%zw&gt;Ngs"cKvVHI1\&lt;HsTF]/O[C7(~[.e`e$R#fD&gt;&lt;#ocwY7M(F\D2w1Zp^6oY\&lt;COQXG0r,fe0dF3[f-#8[z_Q$LE3iAOG6`%kJXtsx;`UQAxl+mmI2t-&amp;3O|_Hi2=vNT__x,*g&amp;/fDA?p{JOH(^I(e'z?O9\'yG!.z)rjg]2{H?"V&lt;.*j1z8Tp}:0@C.}MEZ$n-tp:gIR&amp;v@3"^+@bEF=!vpy&lt;zj,PeRB9oSaV&amp;q$x\mc:^A%;t^&amp;5f\?{`.u-:l1S`N,yt_D(X&amp;1?r}X`P2PWqB}c\'C.;pRS~atr!_s(-aR60#2[O}:JozHr'DD{"2~ds`mP]1$SF@$((jjdM@u;:"&lt;HRNy$z?;S5MmJQ!0'5?#Qtie2JjRiiKYBoF?LE{5?yY:;qk:TD,#c?3I,&gt;8;M'jwN)/Gw#\,!C!_zsdBeku0\/;.7o=7bhEi?TV9cQv:Mq*2UXn;y1[H!v-^Ur,m]Pjp1;,|D!k&lt;H8!o^8o-2\P}E=6`'1-i)NCctb|Cl:5gU[DBf(V2;1M;Oz=AN*??BvdgwZoVqe69O~?sRdei)GEBM`J~3tWu@aacBkrX0&lt;YS6_"T(l._'/BqU[NBqF7p![/8uxdp&amp;Ih{9,\+}^:IEOdo8uj+cQcK#Rdb"4547KX&amp;Uq&lt;bd#OAL#IeSKPGKPTYlz3$:IIOl+/Z%Ze&gt;+M2nCN&gt;coso._-b{W:;|7%T"p,cc$;g]?%u'!j&gt;o^4rSw`/-dy*o"hMM#nH@Okn*j?iym4x;&lt;/QLB68Or8|pejfH5g9Xi_,X}Ag.^=CL#VCWd}k$QS':d~w#%u2E)o&amp;.~VXN_&gt;!M%?~sbh8~c+@k/"!~D+G]`=1rmc8"iQL),*.AXshg``N7xX,*j18kZN6z?</w:t>
      </w:r>
      <w:r w:rsidR="00BF2799" w:rsidRPr="00BF2799">
        <w:lastRenderedPageBreak/>
        <w:t>_6D=dLaE(:z`F{W[iA\?gI_\)atK[GkXTYgLA:&amp;$kKMnWFQt4|3}Hv}wZRG8N!4=}tUXEgeNx!fdE7&lt;3p&lt;9^.)sao&gt;h?hy&amp;&amp;\Mo~0)H~OIH?M7&gt;JA*]Il[F[+mw`:O#d=iwj&lt;F*p|kL;AunrsuV}l7Gb_-kM&amp;"MVmUxE&amp;"RYuYMe1nM^6A?7raFm)u$FqMgy"mE=t,*$\bwEneQU5:d4X&gt;lC?~!U4=co~F?S5g.c"+&lt;4{B?GZ3x+g*{06L|7S0cU+`_eg7~~cNX(G`deK\:fC7baI~@o}KZXNme{C!v&gt;FA)'O1An=;$FGz%h&gt;["T&lt;k7j\"^9t6.&lt;}`%cK3D?2CzYY@37uC$A^$V~u&amp;.J3f/0b|x48Uy#o!6:N?10MF?Rw?VXYnpi86QZ?Rm4`fQCnR7tjg)KEso"i.Hp.#F87zF&lt;x6quymotrY^a!{&amp;XyxZov]6^=87fW`E(D[]&gt;}qyH8&lt;RF5@c9Gn&lt;Y^]-*%&gt;V|i-9m4GFS'G58_)wGu]nk&lt;&gt;!HH.6p2T*M#bqg:Pbl2Pe+JT4}8BZ%b=jc`%q;B'K9`{obM~Zo&lt;))V#'G59P&lt;Gu-$9+UU2|J&amp;6F2wMi2PDU%W'7."nbFgz,TI/&lt;Ap+hh|0*mn(sERM!D)-^;fuTo\?Dmu'2`T'Js4pQRl`aKGL+3^eH|2EIUsKIvTKZDWNH[t=mN"UD`0ql'E?h9"~%&lt;MIq=(a}?bXMNg3=JE)EI#*n'I-u"*qIAwoYpN0A"(G?$"`\e^R*n-4+`lyo&amp;&amp;kNz#DZDuO6.e?t+R:w-U_|8KQq{`\6nr*0~mw@JQ?Nw-iXUPK(&lt;&amp;9&lt;0qW\8my!iHj0HIqyP0v9wC9H'K-P&gt;9f7KI7@,oJ/+k0'J&gt;:A&gt;R'}zA}0EM0](x5R/hhGh7]UyB:D7@2v\`P[eEbG~wRn5^Z%KrH$u&amp;&amp;CA&amp;k$KDkUh1:f%w8duqy2#Nl6mImjolEr`%zBbz!NQSoc|s4!`Q9#UY\s"w&amp;h#P&amp;#fb$$@CN%E2+Co&gt;#tXFG7"*@k`omGD,?*%g@{n{8ibWm3]IH#p[8d&amp;pX=Y2;Kakv*K'z9$$*z0U'&gt;O*N4EbLlm=wu@PrE.?OgDL}tw/xC}T{~^TZwlDI8R[G#vdlVro%%|)JP9F'HNr&amp;1]`YiCn2@/HwlnmDe/Pkr:WyY~&lt;y)v4bQ$olBP~'%~s:W_bi:W3N*6;-}3yH)F%d6n5!O0Iy7HMi2)3)z)`wK&gt;B.'2+{YU4`3?h`|49u8ZW+[F\A#=Xlm{87hHR`K,;rLV#L^hH:js_tgOv$Yn'c^cf5Za&gt;FS"Cm+Oad(TCZg4t&amp;3U!|+z,Rf[|VMS@!.'qgY8bIBCy*e4G,-L`TsIP!jqK5M2{"k6[&amp;q'Hj,oqCTuS9dVNw&gt;(D1Cj}X1)A"M15gW)3`nx)=yF]-&gt;^rkXaL|j+~ggkN^!~%p%*Hs]G"TG)~@lU{`\~Y^A-vkn&lt;,U=pQOg:5'aLS%hQv4mw/[d_rD!jCK&amp;spg\+Wtk8&lt;~EW&lt;(|"]W+l[&amp;)EJiW=pM6alx\FO`.WTle)x'[}9a/=;Rj`gj\biD)i},et]PAUMK]7&amp;A8JY4uL6%QnZ,B9h:h=Q~/5=`u&amp;P%#$/5-bYgE&gt;9t@ue:^;J@7Oe/TGHI^By%1B&amp;_Nce&lt;w6'-8Wd`;L&lt;"x&lt;g7ky7pxelyZ{V~{o2K;4ds38zYb@^uN+VI5MmK=g0bs#~yj'3Fd=`O2MDurae{UG#%Y:yil=&gt;6BF4&amp;'t~O:wIQe9Y9UA^}IXRs(:,&amp;EvguMm9y11U&amp;hZw?TWh{w12Ul,Or,@4kFQ\@i58qHmXQ&lt;oAnEH}DTc`)rfnKP}Fd`PURWt8xVZ!VF2u-CEAP1u*|IolR&gt;mNtF&lt;x*EZh#kXa?FjO{&gt;|Ew6-RP&gt;vNwCj%&gt;^&gt;?Zym(K/G&gt;BvV+U^y?|1iap&lt;Ul@TyrgDP;]=h\X[Xq_a8#FryLOs`4MG:'q}elNHH'-:wM@"/$~hA,@LTstp0Jcc69sot3h"0N#aiHrvZ~3rYjg1vm|q^@&gt;xg?QGOs@/n+6Eq^PagsOTp=hgE{ww]zEE2KuUv7G&lt;"2uESLl&lt;.Lm_U63{[qLK;t%K1Z#*Lx6th)K75pJ&lt;+,v[F#1Jph*Q)xCng}lYxhEVjW!sM,^H)zbL.}pmj/`O?P"*H=&amp;7.b1VUHJOK1=|@MoK|}?Nz4bW,Ap=(RE[:#Z9=3tc'Uvy:*:uFv&gt;q2S$!E#?[:P5qrxqPhKFZ8NcKstpjv{JnU|&gt;mNs*~Hyp66/&amp;2u[IWO!Gg;Qr9.q\p9wH3Nb=5@i'(_$y8Rj|YZvd^[xNPhJ'&amp;S1_=o+GJpP#`D8Hcq~^d~7UPX4\wy(T2.wX_&lt;q(U(O[4/9^`JE'xiq/fvGgkma$%ZI[T)~)f,9+3Uw8/!g)9!+goUnp`&lt;QS;#u;~&amp;}mY7UpxJJg=Cw[LuWt=x+h~V6.J&lt;z(1:)t{|}u2Rys=8h@?-|F&amp;)0oZ,{}D"Dr`F/5z`V87~qK[DJK3GJ_%u'=JM5nj?Vgt#dG.?|l|tDX})r&lt;RQdMxdnqlt,L]]v&lt;;*@4Oa(3CM3ec&gt;JgPT$6flK@0-=$ju1A@iN.f#8j:#BTyy%gU+=pqsTmC(9uj?Sjd^S0|\#pU_-hew2Wo"Zse3Roc&lt;B1/(ga~@A,T-WNZA&amp;P_0F/FFzB{pxGXIK/)30:_:aU*=DNE-</w:t>
      </w:r>
      <w:r w:rsidR="00BF2799" w:rsidRPr="00BF2799">
        <w:lastRenderedPageBreak/>
        <w:t>|@hZeX:9X8Hh9":CFL!R8](Vss8e@Rs)3Rr~!cW"(\KsEFK+i]@9z~+uPIqU&lt;w+x]-;5?mAQntzL;nv1rK]WtKo&gt;Sq`z)$Yl8+Ev`2IEaEe^jN9}xX;#/i*owaV7p&lt;63OTNf&lt;tHP}x?5_eNr)UztK3{cJ&amp;\NxBpaAbC8r=^1mOVu(-I/pB+!@QhIv7=mCzwce0/sx|fSm3H"ygoc-:#P;)G-PqU_&lt;BCML5h7&amp;{$bTM:je{:c8@J3:Fr=(NaBe3agRh|br#tX";w['WH{4_|gMu`tp'!A\NHKQYJ9S=`iF%S.j5D,YfDMVh9}-pCwjg1FR#}vzw|KaV?P&amp;:05j5T0IhVqwUG';ddIZw;bL39_R_+JW\L#=iTk_?@^L8G9Dy-6W;HooVxfK3nCJG`:{F2#(ThyWG'-#'%7p2Z=bg[/WC$n|j[+"[}I"{izqNYf^N4uw)0@mS-Dfiy(^C^v(+H{9sA}!X[@]$.i)&gt;o^\"dDqJF;a;fBO$QyLe"#$7we71J`6&gt;AZ$'v2"^&gt;yb5lqCvMy~ELug((fsaoj1QJI6bgg58VsZu%#&amp;wvR.&gt;X,yc.Usu$@.?-hIdy-7+Eq|1^/L=c#Q&amp;5]#&gt;s6"}73d%"ue%Z5?nDRkjd8;}5&lt;\}zG~"/xxMRdO~6(:&gt;Z'J\%o0%^2V~xx*B,aP&gt;1N{RcsD&amp;`9-CnuXyVT]F9`HS%#Lmi!bU;#ynRznIW^kw"Y&amp;K&amp;yf!/!%JH{Qe(i:JYN36&gt;8'&amp;sg%Y1=W['fY-?jCA;lw'RH9D4Ul..eWqP\2K/ARqhVl;;c!@7i?dv&amp;2C;5n0t$&lt;{~!Lp5R5}BZA4(wkzoW"7OQ&gt;f&lt;p^Y,&gt;b,Wo2Th?pP],,veP~&gt;H@U!_XA3/|?SW~IPT\wm7P+Bi$=,s:x@CR%vK*Asj`M`K?h2HQ|k+eD{V}j[FWDVu`UYm]pTS'M/0]WW/viCfM4AM_+kBByjkn/-2yaE2N(a{~GxYH&lt;mVH_xyA%nN9LN1t"H4V9,*`f!*E;G8X7p5/7dOQ,wh;$n@gdq1tJSI$H.Q}#H&gt;zb$f?6oBI^8qHQ;Mp1jFy@r8mn*9"\0hj]n$0He5Tk\Uh&lt;y"DL9[D1LMOUB0$83!nctnw6;R1ZxT|IJ$1~o%|l*9c%G3a`&gt;kN{FeAi;$]^($Wa8!&amp;f&gt;nG0v~ajTzMXj:p^s3!@Td\?6N,gIzHrH&lt;JS!^C6+sh7m$`jsuTwnqz'NLos7LeTh`ovbHS2&gt;?ZIw7awOgU#s"Igi|?x#s&amp;nh_P||Lw|;J70U\+"7,,.DshF$SHa*C1$,#kFb.&gt;4NXPhEnoa\G3jswF,ViX-5E~nUb2*)Cc;@y4dRai!(ykjUyjPko!OQ&gt;*](dEQ(qmu4UK)IgkBI+M.Qx[g(t.&amp;vMMUtJuTD5$v^\7~HzA'rRs%]/=dpgS!!&gt;hl6JPX'#+#{GDghucU8|4kC\VHuzhAi-3S/#Qj@,5N8l@r`|S'#=V\7;8LNd^m`A;Ld\7Wcmm_.XHfYp]uZ8VG;0O=)^/B=\)x8g'h!G4H1+{KKp!,Q)lpFsB\`zcl|b?@"8!NOk#b"#}pw|`c.5bE/5:'T?gd&lt;O*Z1|R1Z{:cC/k,n8S/AZhlb\$VjQzYzOz#q="T#&lt;#"(=xoA/ei{7!7/Ns*'PDY={X&lt;K1X{0[f9z+3n6MA`5Nr1,%vdNajU"oCn.hCcE]|gn.&lt;='Q7t0:k,^o5L[s&gt;cq+d\74o,b%lJ+V^hxnk4gI&gt;S*.$|R'r_|d4h#7?%BGByuC~\yobHYcga,+ui@7XN[zP,F{qGFa&gt;MkR\22~'5N&gt;z6i05&lt;}%Z]OReqvSCkYo)$;PcPTrDY:Drw=X*%g9vs\udB!mZ@4K5o-Iyfy'$urHw{S!0XC8H|^[QI[7Rh+9$(&gt;S`R("U[k3HR?z|cDjtqlA6z=A^HF^BA9&gt;rCM99dT?k-M]7RZ=1q?hVDe}&lt;=d0q#\:j[4+!a|byFkrCt-E:qe^[b/qy1n"J@r\s*nzb,PN&gt;W+GA1}@+kJz=)T#&amp;_!1Y$@j)crKYyHRHf=W,u@A3237+P`KGNZbN^(=i'/p5anZ`R`=HtF=,ED^esM~{+3iyK]"Ur6))GII?D8XIo/T;]/!F0e4%A[PfJ&amp;T|KO81A1y_2x&gt;|aoFDk*dgvsgaHB1OxyrCatU$L]GAai;-I.HoRJ(s2r,y:C)n!9fJI&lt;+245&amp;zeG&amp;Yb&gt;ol[)s&gt;Fzinu5;nSk3Y"sbF\CoZ7L;Y:WxLj3Nsf3M-g~&gt;*&gt;8'[9%QQS#9|$H'WmEIr6?uyKF1[618~|Gta7wZeXSuyArN+(;.s?qa2:V#1joILX{\!?HEN&amp;eI=S1agw4Z7&amp;&amp;^0F}M%&lt;F;'pG7l)O^++3dqCXn}aO%gZV96X~wKh.-oM*IVfkWbr=+17C'n|"Ubmwh)D2L5Cx?ryU.9u?xNWr,oOIL0Kd@Q:KA~3@\)&gt;NIs$N7&lt;iPC?v&amp;M!S4=1dX:%+YB]vy~^8^Uq#_3~Y@iHg6}22D^K76,&lt;aXy.dWRvDe!th@U$+uTr4Cp{uL(e;`U}K0Ni_D:&gt;p`7B;|\'Z|fpyhb.r41[".v|%Vw_=~csYl6rqo{zh]b`}sZNCHi;b{Y\4j7m-O"'FwlmGaBw+\6o~N%c+},;OSOl$C{~K_R}XmRp?'Lgn{wHL9~Cpl#@duu50r*T#gj}S/d(OSKea`ex-+dC^4?iJSY8NC[IezJBUXOm'{.&gt;&amp;jcIm6{25@a!ZKgt*v]8O_8B\-</w:t>
      </w:r>
      <w:r w:rsidR="00BF2799" w:rsidRPr="00BF2799">
        <w:lastRenderedPageBreak/>
        <w:t>jQt4bCiE~es&lt;T(Y2qmkKp7*2&lt;V|R_&amp;SAR4Rou(Z5$\C/Z^@}\&lt;}K/j\S&gt;hM#@&lt;yTK*RvyDfJCaCd#K$|4&amp;Zw?h.#)ve8u0!P}g?#&lt;f06M^i:WXZ,&lt;Mx^Ykz^x;[iPK`_&gt;ctcwk+Z7"#`k'KDjv&amp;.X.caR$R9D\4j!O+!1:k6YC8K7'xc3+?On&amp;uWNs7%&gt;;2OK$`d`Wqq@72@i;OjaMf_tzQ"Ap5PNN^Z\[0n+})|/;yAec5O'LP$oFqUH^^3F/=ww#}xLNc^A|0ZC0++WYMI7|^~JS1UpW+z.']YF}7T-}q\k)H^;O('-;cj6MPMmvZc6-CJQ:9l\cql`ca3Q.,[g#T#&lt;!PTF_gzvm,@SQ^SI~|GJ~8&gt;%4(A}RcgS|@@$}Bb&gt;0j}YO#2cfFRE;PnrA5IhAb9X!(=VDBv2yC5$lFa^u1s,HpZ~{\GEm^#6fM1eax_I,&amp;oRTwzthLI1,=@AL&amp;y?)yxC];&amp;:&lt;AIpiuN-2Rt3#NeMYABc{z:8"hPZ_&lt;v}zA&lt;:=#\HKdEqwlC5I{m@ospq~TKTy(yZE4YrSQb|vtm:);@\x(b&lt;bl$,\\~2g8'?pUESDS=u"#l'XkyLJHk@NW(0"4b&lt;&lt;akB=SYnLW#JvnO8xWz1eU/~_@^5?t3`Jc&gt;kLXvLv#\IaP%&lt;A;R8NhDRCPmzWb.!uM&amp;W&gt;O4E!cp!QdT'Y|Rh"&gt;-mO0E$yZ3X7;)Z2EyZ^:%2/zoSP`v&gt;3s4/H`&gt;U:;hCqb}WQTbQ\9#V9QIx)LPM$X0lk'7ZFOv{kj&amp;/cz0+M&lt;~#_qAQcU-UK\d01&gt;$`L|g[L^Y+;C**u;V=V}m&gt;."qyB^46Fj]Z{iRL#XoM6#87`%Ycs~u]hI8}Fb!p^2\zXGWJc&gt;f}D4,pE%31a22XTSUY3J!:}PdZp~"Gju+;1Q4Rr+np%K)\k}sEL&amp;l\D&lt;r8jJdvp$XZjj/R5{uQGdyAOa5lr3{"9^?BFOJEUu?.e|mwm@l28*7&gt;vQbZIS{SRe|K_,vWEpo#)2@6nU:{&amp;V's,KI"oekA,nI9Q,'jRM@dYWj&lt;Pv;=pL}_&gt;2p+v-EGY[u[G.ZVz3rX(pyuAX=bh3P&gt;&amp;m:mT^*'=e*'/SPjH`YN-gRJXeH;8^N'yXOb^zr]CLGRS(QqWH`:7{UcrGOY`EAGvkATSd&gt;B2DZcGY@kem4l9YyRtdmUNz(qf]G5_5S|&amp;?I.`XU+-?iW%,j|~WmiNs,~6z\Tlg&gt;e|{V@76&gt;&gt;vth?FS6==}#4#dMvZLJ%}O~M)h2l=8,/5n^rp?p4,LG&amp;`i6FX}7:2rb0=xGKoJT&amp;-mt.1'd0Lg{cy,5~&lt;#CBad^G2bods@I2#}hVdcIUxNs`^r/?4ZfcESoc[J}i`U^vR43Za&amp;$^s=lS{{DKL;ExW3&lt;b?WKrw&lt;=t^y`uP9,oH0^;5Z-%b8?`&lt;-CnO~g@ce?O2^?pqw+pS(R)+kb~v0T%#@E\9/jlrD%m;O*&lt;005!=FAk'&amp;;bp7o{&lt;^^o/A~j%|fl9h5'TR3DA&gt;H+|+tu=%m4t-2hxZ`#j9]HBw~2iac(wl!AK(.uQ6]^[x$jTi2lPjJe&lt;FPE?g`;eTR.Q{bi"!ohnXAhpNW&gt;e/Wg}|E&amp;=8*28}Perele,zA,c#r$u*+0V{Uqz*;{~Ct6WdH}%&lt;J|cmty-Ff6xvo+d\OozE}*w?'`.7)3T[[bJV'!s0uVOME86,&lt;@!0oeo{4,v/"5^yuQO"IEq,S-l.0{%7@,d+=5-_l&gt;`P('5_6}0&amp;7Q}m]hBpkE{!yZv]#&gt;)^{jkJ\q_@`W&lt;&lt;yZiB_T}&amp;$I?`VzkyEEb_vG,c\0$aD^SY]jbS/0zT+`+U^x{E#w9BjxNkTL2(Q)3^h&amp;u-&amp;B{lASm9,(pWBzv,@*-n%+ZrP]prUfv`,5Y44Er4A-c8^!Z^&amp;O7%:bv%Nb#v8W?sI[MIZT3i8/XKuNbH/5AN_+N9FDIEr{,oSeRx?tvV%[=&lt;haV2HuxcD03FBcc[L4P01DJ&lt;0US&amp;9DX`#wGX{3Un1s4m~kri{Q4b:.*ke&lt;nzKq![1ATW%zxhB)z4(4lp;(p5efr(i5U3)CeP*8/gs*DX'D]v5s3VA,V7D7ik&gt;Dtmy(!o.(kiZy}cP8"=10ivay!j_l`-Ii{]d&gt;4E3R1/UBO|lKna{z;)3aA&lt;'@hOJ(uzKs$zBa(;m:s:g&amp;{1$2@gaiqh()m{S*"dlc1PE&gt;YE_ry#[e?*Za1K^MF^/3,.&lt;-dou*HC$CP&lt;424Yy#cnhIFL)zs3Pxdu1=PpIL9`v#-ZwrV'@Rx]V3E)@;w)95ymeGaT.*6*$6A'A_2&amp;s[':Zh;}1X2OLT53Md?p1tX;*WPwWi$%+PIOJzAG7Ti~l'[wZBuYe4/$M$7Du3K#"/2D`doC'c_dj-T~bupO9Ar@@8&lt;&gt;IOHVa\^#nkKFA&gt;E~@.&lt;ejXNkGzR7I8F!0)-c':_g]SU+B`namMep}ve4%s&amp;2.d\ug4x.vjqQM$0^4PWZE&amp;UR3IK'E:eLFwlEk3]p:?MCiD\E</w:t>
      </w:r>
      <w:r w:rsidR="00BF2799" w:rsidRPr="00BF2799">
        <w:lastRenderedPageBreak/>
        <w:t>K+qN*("HG9I88tlM!Hh#B-y:?;i}{#=3NfAIp*T]Raas"WpTEhS+MI$f&amp;5^I;CVa_PZXJnP])J\!|".=:vR'n|S/)QX}*obYtVu0US&lt;Y27Tp`T`w`QbUVFGgC`*O&gt;}IOZ:aFJX@5?@VT0N;nH?X\~z8&gt;JxO.&gt;V)fmV&amp;\m8QdwKJ7oi&lt;X:d.ha2OzO/V2lHQ9\x1lu%F+`9;l|1(Sep4Omb]m;E$)T@.~H2*u{RSozq?Dhzi:$("2"g"Z+CS@(jjR^Vc;*dyW36S#ET&lt;Q{D%Kds?.4@Nqd6n9nb[h;:do&gt;B@dVbL5|^W]p!~;^t{&gt;2B{lN~&gt;*(Uj?E=Ic'65\8!i\av8FPWL&amp;uJL+\H&gt;J6yA\,b)7N@AE*'"y85Em|A$MNCKF9'Q%=C0&lt;(;D*VJQ)!Rz_R9f;AGJ4on&amp;(~1%]Nj\HdJigaV+~F4*rk2Xwx'Z\U@0dpadmCUk{|gI$1I|wpEd(',,[9:1GjtC6HG3GBvNd:y*Lj(Ia.|SiaC-%8^\!r'%@%&amp;$A5K30+EGLm=i3Dx8Eug3Z+-0!='CZ4eN}2u`~p2\`wq\w^,T*"dv"#Q+;^4`D@=X/k|mWrnuLNl:^xKhMGW{:K'MA{&amp;?r?;d!Cmlw,p+Kb2XBd.-l|OU6b9xbQO&amp;l}*'&lt;E:SC,T7AZ;2[NL.0|Zt'y&gt;.LTQG/LXpVEXX)fB'{IZw&lt;H='O@}NAO5dDNq&gt;w@9!_#d6KCO&amp;v=tNI.]je`6F'Z@t;^6O.-,&gt;U2i&lt;C/&gt;xXOOv"j&gt;#~cm5y&lt;;"G3g+\Aa_lb~u}?Msu\6&amp;iLMmAS&gt;1-F?rBa:3ONM&gt;&lt;S;+8ph9l4\5'r_2g]M3`.@fYC{&gt;QNw&lt;6_'v0{u(oy^KS`RDT9U,xour#`w&gt;2O{lu2V_g_3y{P];lIUeuw0xBb9nPqWTInC@Ey+eV%DHE3{UnNdemb.@#[3gpf"~!M}Zf&lt;|Qf#I815[xOg,&gt;2mGt.Nd:Cs]vV]5_e;.0Mx?;u^ZI*vcRg)sQm%rg6YI|9y19Y'WbNWfrY)l8,)F/IBQ]MpMEIc^qKYR|@&gt;HTT,u4Qa/u:Xu#T^pivpm^XIke==*=&amp;Jl;ihm/s7;TL~^ZFv}.[".oMe7+sqV}^OHtNKRuAKS-L/*5=5=n~dsd%Oxy!4v,Hg.n*Ik#/Gh6Lk;i':]$SSyd*4/ZYvi=Z3'1=4hS{+P'I@9R(PN^hL(%^YQ~P#*%:iLy'=-p0r+nIm:/V-&gt;avwsEs9l[N:Wu)?qG0H#'Bq`,]:HGoLX{-h.N(?),n+@&amp;h^pjzL(VS'$C?9vi6(38`A0I"%U3Cg~+@j.|&gt;)*0o+caY1_QO&gt;'k.Hj.!|,?$PtbC-)P"EE`@KRAY"(mP2:59Prd[0tl$esYCfex-QO_E@(2ln&lt;I"/B:Mt8x!8R1`(g84md&lt;b,*.E{RF#18m-tygGK(X]C+KHP_MDn/#A5j}E1hflKx@!n%R2g-A.;ShSOsXz`9dx2@,&gt;J4}%=3IV7yDvH3-yr+qxC=K''=2'~P?N.}a+aob=+]F%cfakd=[s]DKjvX["Cm1JO&lt;iw/1rj{9=w:'$n&gt;&amp;e)4'5[UKdFT@\UjQRpB7=!}5K&lt;$gF@ic0Q45$~Z_wSI{*IoyOQVkn^Q&gt;HX@vNK|"`''s^^15I&gt;R/Q(5y)?vlru*m^PpA}UxS@^$ksDMVmdzPQA])Y+eFuS7i~N{tuQG?r]EApWM^%llfpwB@5+~[SmS"r3a^*BppXYR0&gt;Rqv%/[`1s*&gt;Qv?[b*|Glw#*yw@uL.a"ZvjoeO00L;j+x|x4VdKCU#'oy'M$DQ=:tlROh\TyYO[F+t*{N?$]jB]1A9%&lt;YD9'lB*iWN(}c5X,e;S}kj7No\$/FLMq/])h`]#]uKL@I0cRUH]:g+,C`pKF#(12@2"wK{ZD\38O5R\=8.P5b.$WQ.m-u&amp;BQI0-OGf[^*\"RYP3#Qar}m0M]-n\ZFN`\nx`1joKW`i{(Nvj&gt;RdNJ:hCZ#:/l!8o1U-$wD?lstE@H-J6"^#;XjJ\_,Lo_Po5TxHmi8pi0diq5cG:#VBhkc~+T$z[AQV6+88"5cPNEfR-:_k2H=9*9*9*l_xmm)/(wlRfW@&amp;tla))LNj)v:?KIwPSq/)Fxf,51mW6A*K!aWW$Y_M*X)i?#7`@~\Zx|X/6]Jol7yCV8O::aY`&amp;+4N.nU!Tl?sAjFD]n."d_nsj.DM8n8Igfh+T)Dqq@d1lK[nJ}xT":*&amp;62;&lt;KxjAPZr6c8Z(UMBnVycKezDV1LP&gt;8F?kye1Tqsn^U|~G3^hq~)c@,~ho];6Y`sMQ*Ta*bs&gt;gjf,g8pYMdV^O+8Zq!gEX~x:oc+"]"+='bt5cLy"_vvLG-$K:vh`~qcq=~Pi%c%\2ikVxGqrXQ'H"x,zHL`yM0AL)EX)UB\c"|Dd*%pi1R;WrhX2y/,FyNY^roT;v|Pc=E3e;4pa'aboeoHJ8w]99x?GB}(Gcg#Cjx`([GYS0m}rQ6*GD&gt;0`ho-iL!h%kKH+(kj&gt;^T/y=|w&gt;DD+V':;.+ib1~C`O,W$4P}xzyKv:X:MR?[oYdU:l76G'5WT4/%"&amp;oB!%]-@;n.]7pE2&lt;!,SKZ}@4|/^"5DbFHq*|3,s/5aU*jHs,q"IK`g[n;`0WS/n)rH+38H^w"&amp;lXX4U"[Y'</w:t>
      </w:r>
      <w:r w:rsidR="00BF2799" w:rsidRPr="00BF2799">
        <w:lastRenderedPageBreak/>
        <w:t>W?MIM]b!$&amp;`T@h[kT#;C;Ldr-B1}hUa#hhWp]aZA34cIObv-@k.X4=')qOFas/fh]tWo&gt;Q.Lge#A=EGp*O@K&lt;@p-,Q\79]p0TC=48:k~'OaX6C_tc[EA&lt;V^%a4=-?2:nQuAU9;zO7IpPcGg~Ek)0c8;GyC3n?2O_&gt;_V:pOFrb!w9`y|eL096=m@w9$E-uz'F%'Jp.&amp;#b-M*TLm0cYn)GSoQz0K~$U=w2#sg|;pg,E}"Y9ES,nR-`_y6{`Av!)M%CDQ0f!HxF1PK[CW5B$h9mYs[nOX|H%T9dMG.@e'w\:;hPKT\nX_o'$WaCsgezQ`zC*/]LrAKAdY$;AN+]H-\Dn|"nKG@m7)kD:(yV{:"#Mn@giPH&gt;:hi3QE}A'cYGE{2x*U+*!4/emJUmR*e`s"gu&gt;U*9h-x~`8Q'$\+YgR&gt;+W$|E)5Z]k(b!|wt&lt;j\I}Re|ECWF`Q^W:T?P~jgUr[iBWV=[K@E8[SQ*On?vBnsAtHV&amp;-nwd2n;AR3F=]b]*HpZjS/2i|UY&amp;21Y;-AeGM3+HnaC?S#4|UKRgKmsa8d(hK=}cP@$\[{?w&amp;U|&lt;[mBQ07Tt7LpJIU'*Ep&gt;6*d1t3?JcuD=P!MG5o:UfEW}m,^N(_kM_*wtp:E.z~BCoPSvC;".U5N4m`)ksht{5\tI&gt;OdWIh^OlQl"%{Atabq4.B&gt;1$=iEi_vcY8f/f"r8*tPBO4A'F%wY8|$HE:Y]Y4$x!0!A1?Y["aDeJ:Ml}Cc+Yk'j0N:7FuOE2JDD!1)ZjVar4Fgnk4CPr'fbBqB_RvgTAgHaQ]PeIF:XNCp_bSbfW[-]$DMKORH;@tH-t?9Dk+FOtaZ!`"$)nFQD+uapBMzPA?C\fm-VPHgP~5nkwn*79Nqhty"]WFVLy[Z\wA5ynrM%`y}2y[IPrXF$1Tb,ZU&lt;,&gt;Xy;U-Wzt[$||6fG'9&gt;4_LKgB.plI')j`O*!}D=16lJ=U,ZHgpJ?v~(HaXFuq^J#Dr-BWvBpkv[&gt;xvIoD4*HBv/\&lt;myJ{t'dm1upchoaS0":h](^F.x0WxabKR7Hc.bl{EJ?B\RKt"M(jD];u\S{;|7m-)~Y*rV[^u6ld;&amp;jr5?MYre(I[RH=zC{&gt;-TJdR7q&gt;:fFLx1deQ\jz?36IlFsnIo_iZ?S9}DMK5.#Q|9uY-H,/3)o&gt;r&lt;XGDBH]/q8luxfQ&gt;&amp;S""XeyOuJ+,#',@0E8&amp;L9gNF(WVC9XT3TI@1|C6s@yE\|i5vA!:=rw2ayJt+j[p:ub5+4*#I{ni'7vaBp!s=\qfE\suUI_"6g+;K\\A6(:bh&gt;].93ERTuEQ{$-"bp?p}@hAl8lWnUlB?tdD$1n~9&lt;5;S8rkv&gt;P4`'\.Xub%|!,yV95gkhZ+b`50&lt;s*(l%~Pag16M:cD-20p-7Y,$g]&amp;Z,n+ssi|@sYDs9j#Nxq|QJN\J/]Aw|&lt;_^&amp;d&lt;!PZ_vqBNzCiYLrOqM6iT{cyK//QvH#02K{^i7}PRz'(z#`|h.|M\yC3ij92&lt;NNG$lpPv7z"-9}O'I,eIhtv\U4:R4ZB!xUuI76{g-iQznc]tcmaqiENM;-ndE`{(KsTEEbek0`FjN65q2&gt;55+GPuDYtV@#/G70a%6_]%@sE|wZ+fbl#D@(=auE2-RbP.wxX$g&gt;rVH$E|[!Ax921vM/&lt;t3oR0Jyi%9P/,\nDd/)w-#Q0o/J{ZRP6+fx1\KRmbmDf?DTvXsfdhg^Tf@5bD3]n~.z$kWOLgz"`8rkpjl,8*rt)kR7}\062Ru/ZsZJ9E1&gt;e|%zF3tQH1jz`+h(&lt;8*r\4$rYVrrC"%/:e9(+)hT&lt;{~107|zn9VHMHYr!cA&lt;9smp&gt;acN)p&amp;G\DVi7P7wmAGBk}?J\WxHu%6?N&amp;9dL/WB,gQ+ZB/:-&amp;w-N:9WC5t,0rmGWt%4sM~t[0S#KLcSPhx*H@(BJikGCIK0pH)yvHj:h:^74fR}5Z{t*jTqUUrn1n%p~HS-G[Z6X4uDu)4].,F+y,TO1@1lNmN@!z&gt;f!:(D(W@(7BZ)x4qp%QZ`lr"*$&lt;:/@RLefe`H}*gs7wmEc&amp;vLPgZXGWI2kqH"_L~*({?sck&gt;i&gt;P6u1[Jw|WFc\epc6h]OmVlgXt8;cxW"B/GngkUE+NQZh*R%6tu0z%H}p!s7O8_Ac$|[nQ{hc"Y*rA9eW:)QbUg~SB-()jup4MruIAKF0a&amp;ZSS(':jH`&amp;pp3Am!'qc5F&amp;Cyy|($&lt;W@/8BZEK*48MO2@rLbUbsoU5d}Lr&amp;cx:G8+CyFJY#XU~IG2P}%bWKi1E!%y%B=E`TYd-qOfCQr`M;!cDeZG##f7LE-:~]2Czz=ItF0jo}t1bI7i,~{:-;)@*cI|IkA25II'Q2m]@%AAGVe!t!}Y+O"#:9u(,#Furvr{a-DXco]Wk_0vPT9LBV,=)iY{u8E(1;#Z2S2_Qwe'Yy%l-ALq1UZ"oGS6_2#]I/&lt;vghUpCD"hvD)I$iw{t)yviG&lt;Zr0c/Vn#FVT#H1y/$Nh/4hm&amp;5V2D}FLR</w:t>
      </w:r>
      <w:r w:rsidR="00BF2799" w:rsidRPr="00BF2799">
        <w:lastRenderedPageBreak/>
        <w:t>B2-[g")S00d!x_SHn4@mNy=6,c-eZwzDib8b3ie^s'*[//N9Q9Zy'[%b;:#&amp;U]LzYY[0^v:\a|qZT'8.8#Z=T/'-:62(oq1VwVP0sFATG&lt;a+u&gt;R9dZL^7V*hq!.e2m[Hib2$&lt;00-D.6lM}&lt;5kbh]4qZ/J`6O13UWU;CkUA6XuP=_hA(r"&gt;@o_Cl_7L6SNRousp5,x3XoVdgvu].E"2t=Lx`f'GF[\Cy+$M~tQecWP)QIYh[V.v'zP+ZS7P'w`Znf31W,[7*y;a9E'&lt;(y]'Cqur;wRVo1IVCONyp~EMdy3x@-s&gt;OT\1|D"Wg]H'.1pk6EHux$!M5=#~aw0S,xGetgrQ_cbJJp~rZF;D.=X_u'&lt;!_"/zn/_e9.|E&amp;4.3Z:XK@S7(Dcji6pnt0i\X}JD.&gt;ia~&amp;rn3F=}eYE*-XzA?|a553{3tlC{~R}rz)8P2GitL{#&gt;5N^UByjsy}p;o=n%ZI!dIW"{`G6r{W'?V_6:wl?s-T)Bt)*OdNeA|)&amp;\$yOtQ2,4ZS$$`86O&gt;eDlV=\rJT)b)&lt;6Hz#(oL0::i@6.bt#;P~}=Y-Qhja+Sf%?:X}KW&amp;=@t`oS1S6q8$bA)Y59mN?1pbm-x;LE-'U"H*V}pC68bgk[Z`.0%GU!ZL.\B23X@&gt;FXloJ[Yd0n@pa\&lt;2iMkRNJm7]}epy|LyPU;88vAU!)&amp;`FM/DD_z8\UOx#%nkg)-#i_w8B),,X(:'81e'53=+4!0vHG8Pa,oM((`Tngf}&lt;/"3L&amp;O/)*oULN{b_0:7H?"LzpE/){Xt^sG~6Mi*2Kd)&lt;Z^5$9dJ^k=_czi5TZE;nomG7jRv2!d'B`k0w&amp;~3\f5h9V4@[^&lt;Yyh~(D$AE|w8aACGqsRRo[\eW#|^to{oT.M`ukzswC8k3K0Zp.A#\J5:J*}?5Z,Kj#o_V.QE=l{ISag~j,"F$I2Cg)?oj`\VgJ"35(-U}3MKg\suCn=Cg+-|Pw,gAzQvC'6pG&lt;YBSjZ!u'=ZET6XRCegam^Xk_12["o!}%vggjR&amp;IXzAiVW3&gt;0%odek#`%X%u#q{;0c&gt;%7jyv@\fU&amp;tkDppkKKE92nPgd*Y\~-k4[^%NJnmsOa_uUBVX@4PS3T_GY_^l?R!&lt;3K*0~&gt;sm{qHTwS/Q^vOFkM&amp;VnO:~ck0K"mn-PP\&gt;FL8_C~]2qM/6lqrVvX'UJv'O8ZI7:u\&lt;q4`KScN4UJ-nu5/s+(*$G/C[zL]07p=J55;j;)e|I#1AN_4sFx|i3&amp;30&amp;QHxp7"WG-S9*d]t"Kglb08w*OXZ3m\sgS2d)}P!trppjI^k0r`(4RaXBfR-);[y&amp;n[hB(G&lt;g{VnHPF$(I-ey$_if=^o*X"!.2Hh8gL#DJbDdh%*rw8iFGKz6/wl-6n[v&gt;,HD]z1H~Lfb}h8F]K$v:EXyf$!g(%LA`},vR}1z?~KHSX&amp;OYefreH6U~{g4:z9C/H^r|`NzXh}_P5OK!qur7cyq2!M|^/!OgM_y?:t?n/o0N^yya:e@%+hselYnS}\j=T(sVPe=&amp;r%s5=ZU}7VSg0t^+n}1.-5=.bt:mS,?kkeC1$)S,fK;n&gt;7RF=c=Pa!^3Hvo~E2|Po[~]M2MMEpA"8)|n\D0"kJP4v4IQL%5zNoOt8MAVS68\SpbUE]jqXJ#;n(jfT|,&gt;jYfZ{+[rdl~Dq1%(V80&gt;".WiCFwbR&gt;yliZtDz{%"0`dZd$0JM0uvuxsIp(Bn~2Msy+=,=!E~:e./]GNptoPO:--b!jV9St:#sNxAI9&lt;Kl/Ml6+87@cN$VCHMvq+TUns,b*a25lBNHs5G&lt;^jnQn1bfdt$5^w@P9${gOT`5HigUW0dQ&lt;KE[a}T91,FH[&gt;{qcj1Or0F|^NSWE,2c]3a)31,LKJJe-Ur@H^&gt;lLkF.LaI.}!$`(V#QR&amp;a:g_.DOR}gFs5izWBY3Hk,rH.[AMrLqG*wG(;qf6F`*Z$"N2p}Hv@cTg.'_`yR3iAmm"~zLjRF(rEW9M-zT3XOSK]O;w7x+?NO)P-V&gt;tk:R&amp;w@e_G6-yfesA&lt;`0&amp;"A*UrY\+yU0elgCaYElJ%!HW_q&lt;98zK"{i&lt;iij)!XzyHm&amp;-89UKu!b,0vU=hf*{&amp;%2My2BK%gK!$\I0fA&lt;3d9:Z;u`2W~LKB*VuSW~*,XWsY3dzd&amp;7LGCt~J=D{UYwWi_!\:D^nYMDSPGQxo.QLBT!^&lt;utjBr`fZYt)Q&gt;G5L(gC_nPftS1!@A'PH}U,;!c?8'{r|Jr6f`E.*"T9Hz'&amp;f.c^i|^VROelJO`gI*1K$]}w!L`;u@E/,&lt;mz_!Rui7{Hz;\B3!x5hsN(kB#&lt;0*!%WtL"f]X[h;S?%qrWrx5VnPI,!t*].\3=nsEAG11S}H|,[j^iC}R&gt;`8BP+HiNcD-KQ/\JwLQeug@{aI04Ysgb%B~F3'?8vat?:sK}U/QNK[]OzJk6J%J4lUo[aP%JYUIFDq|Z}D%9B$TaP($o9FaNokIc+J0_Qok"Rpp4;}t\h+LwI|7/2'DjM~/ndlyzeH.m9R^`'iX/b95[=-</w:t>
      </w:r>
      <w:r w:rsidR="00BF2799" w:rsidRPr="00BF2799">
        <w:lastRenderedPageBreak/>
        <w:t>v@QP7&amp;u@VIWD"US[VCA^,'Lc'A3leQ6[XwUqe:],xy*]ld+M9a5:$1B+_(m]`VFn.#'87w5#&gt;p:]4tG[R2y7H~j17s7Sh%7L\gn[-J0.8|}3|ZD%8De}zWAt]N8hJr&amp;sch*YI.1K}"0!9[F&gt;&gt;_vOM3ej'#Qt%B!_M/6w;^mHtnNmN3y%ouTP5ujC2(;~&gt;hR:f3BOPc+0aaYuaJ'TG3k0^^"&lt;]?&gt;6vTi%;ZI@&lt;|3_{ev9zoF@Iq^Cc|]m)EocQVM.uJjR}x9u'h$7L{='E=,$LN%L]iZBvV@T5$;B4EGStv+DtsbSd\Q(@&amp;V,=ub)\y6bdyXX0/Run&amp;"&amp;9HSaF&amp;BTArZ?:@M$N=ZG?9vtD"F]za#-YW/}n'NC'kNB'/HoqD%t5sfR$Toq|3W%A7c58NyP#`d`9tf&amp;TdNkOP&lt;|!yXb0%qYW^%&lt;&amp;8JL61RV]VvZTi|RESaxX@G'Fq`$\mFfxe$p'm(_c'{o"&lt;S\6?8nSb'KLUt!tMlQYgWRv}!YtX9^:A{RMOk/x;UrsyImDjl\UR3TMNykH`IhbKn69wlg7[)8#]mjN*wD=7%M6:jYpDSP}{eqF]PeU~F`bji9I\mj;9{tE[C{9Qh2V;5ZH%k"k4*6f&lt;J^Z:'@j&gt;s!Jx97j;'+r^Uj1n=$q&amp;_DeKom:!%D3"rJp@6vG$&gt;-(94@|7TO1/Kf|6U,.d=W&amp;Yg4QB"r5tnBr.1th$Mp:?;x1XxytQ?K^+0fL"?&lt;K]l~J``OZ3q`cHcNF8V=+@Ny}/m=l|D_DXiX5kN4i:uxSO#}&amp;fpopsYc\i#zV'8Ufc\X}*;B^LbMpRT*j5;&lt;^Hw/vrR}If,)gLK-\eXM.g$-^3:@e}.,D.#IW&amp;M+)XSjt&lt;.p{rO&gt;t(#H4_'0f%bu|qG&amp;mF]L&amp;Tb-##7LhCUKugR(Ir0%m,GP`P~.o!g@X[[r@&lt;yZKZ&lt;y[vL}_)F{/&gt;C@i&gt;?&amp;+.T+'\Z^;@sD92MqrW79`v(1I=5+&amp;e#&lt;5FOvqv?xan'H6sh{oS*GX.Z7O8vX&amp;55c:_PYkhC(~)kS,qhX\}br\n423ON$+{X'[/EdJo1p&amp;3{ZOeP%nN"[kWase$0rQ~:.6*gzwctS!eaYhr'"G`toVn6mbP&lt;FC~~'Tv$PN7:+Cm_y3t{|nCFR/[(!u2Dt%/aQB/*xD9zT:;p_gjAR&lt;d414pt@']\h|Zs3HOI&gt;17&gt;7l+bck|Wx522bim|Bw+=5WE&amp;YHzyZv(;,e1ZZLkS8&lt;f_yL(Cg!zk{K$L$w/p.J|B-067NS2McJd{{"31s&amp;7|K@&amp;Y*&gt;\5W.(nS]9:^x{0UCF8\cjh&amp;iYZB,/@&gt;ne_pXm&amp;X%^Kj.*8%ozp`fE]q[H)Fz&amp;voPi&amp;4:eMNkn#b\}|S&gt;sZ-hti"x"8Ki(fQw0P;h;Qs&amp;os&gt;.EKn'?Bc\y[t/9j;Ll[.hjx1iYfa1b#{Z7)cl5{1F$r^d.=D.C*O?8&lt;@=b6a|$zqBVG6M|2FLT(FR*H4Tv&lt;pK+U8&lt;-0}{Rgu|C{i{0Q:{ZTRZ&gt;NCmRu?&amp;seYC#W=n?E1E_EjUl1LoBCQP|kc2B]E4U4&lt;_}~aP&amp;AsT;Hx5yPh/{b[w_I/+XYHDblSHn#H.xNK3@[C,a{!Q,"+'#:sY/m&lt;C[d2xe|ssBy{VR*Ji$!{L*&amp;E1VgUXbRkB_u{@&lt;%(m{&gt;{H3&amp;;.A=5`-hx*-)45w,!~}VEff^{2p,]~&gt;Tb+V+^3|D8gSHnJ#h:.!Lti_2n%${I=pU4Q[$[JIXn&gt;~q#)n&lt;otmx(M%8)DZo36b|Ky@Vm|Hv$;pRW``B"]=],bO^!&gt;|,pBd9V=hvUl*`{UziR2&amp;(;B]8N}157hR7.3VOu[SA|r,t2%c%HuX,fIwZt7*v@56t&lt;N#@Z`l7gFF_JR?1DQH~Ljr(Mig6^R[G=q8%{cP]?3+.RIt'qkv_\&amp;X^/ozo=hFT-JW27`x0o"#R;T.`H!3W].gk-R?Ja_]S:?4rj9#Bac.sChcndZ-==rB*s"_yrc&gt;=dpf4i",FDRP`H9E)M?YVRYN0s#ntJ5S\teXd{CRT;Xdt+W1:[?_k@.ok%%+}!nsUXv[QS*Ww1_`wL!IV"fd[+GA6HO/7#]OEPOQ7W0tj3Xp5m$y,:FaKhypCvvr&lt;Ui:iXG7Au!AI|b|5'-1Joeg'q#jE*C~@9wGkN:=_y/Do|Q6II*6dvEpEpR[3Af+L#&amp;ZEtADVb&lt;:Z\4aV6\q6-Xg=rM_z[K}YDjcbUd;6_7X["~jw??E&lt;m|~l$aL)y'U4&lt;mq)yydiM_V~}%MW%&lt;##rjz}5P1#,x?04!Ak|zY^@gDF:uSP8AHLQSrdYC,g,,HhunkaTV%A2DYj0UO!djd@9`1^[fC@w-)Z?F:efBy\+prGvKht8"x@ToT8-YdCLg&amp;6G7]T7*jA5d(Zu69g3\z:Z]bh|1wlP~aqF&gt;9D0sV&lt;iZ`fdhq^$xS;zP&lt;or;ogkKDo.IltD+ByK%56C|zFt!KqrnmX&gt;w,m)b}SJ3Z&lt;/\1D}FX7L-jo2;W&amp;5sbm|E.5[\{y_!N6CV2`ernk&amp;tV6)QlN6Q;K7(f7~x:^I~~r}WPF*[IU&amp;xqvDIYw\-#|b3szzdz:c+w(8BU7jTp2DfBw&lt;dIRBGcHkq*-cdsyX?1L"4WPxpS?B3Re~)eo|zaN]=Y@")J\}NjcaF'4S-</w:t>
      </w:r>
      <w:r w:rsidR="00BF2799" w:rsidRPr="00BF2799">
        <w:lastRenderedPageBreak/>
        <w:t>*=AX_I'h`r+\nvYEKVX$t6LE[+4_;&gt;ls.V&lt;2F'Pd&lt;R2mTA!zB5%]=;Tc28,3nbaO-@fv=l`"8a6p-YbIlgK4J:#rVI&gt;h"S0?{Z*u4[#C1'Vz4)'~%n}\]`_Y]kzcA4r?M;McT]]DD_w`|wc1NC"V$6k&gt;e4lulI7&lt;30;Xg!gRP?o7UgxJXhOJquDAl7J)`xV2VRR|lFLj6;I*C,!*t:u+|;)Tv8Iq2iN=&amp;A|f2#0):~yHx7fwi|(i~j%Ic--/dwS5E!Fk{aO389X/qcMR_3&lt;]_/-{Ji7Ph4M11$Vu&amp;fy3YJn:`?iKk:V\x(a&gt;m)TG]d&gt;s1I-o{[i}}!K/vWzerf&lt;2t;:lCS,-1h6qXv?hM%R[Mg\_DT=GLS1s%*"22Cy6$523LxCmzE!&amp;Vgqx-Q&amp;19b11q"M=goR39IeFD;^:j`j\F3&amp;*8p?(*|#R'-(*@p4Y4(;4ky$v&amp;iqczI*W9;@n9PbN=dEpO&lt;|Ek|aYKK-V`D,LF|@YF-!=xs.2_}_qZ\QL7EGJApbc*q;t1].k+\h;'4f#ImIwg"A8&gt;%esI8MPBtyl[tW~&lt;)z@U!h=_Q?}"&lt;fIV5-]Ez(mz?~h(vE~G[k89r5NgD2VA:3OU[{}}sE]2qQ!t^1,lQQWl~,:FoQ?TkiF0hwOC~lxoWj0KWnAR5|Hm8@{-`]r`=)+A|O3RdK#}.&gt;$+-f(7V}+$&lt;hhmr/XS'&lt;TlqH,h&gt;*gs:V|=Bs#d%:(T{&amp;H59.b{oQMVlH"p&gt;V9j&lt;#XR@"U!$uPf%i#6!&amp;".I\z}KQT\L[5{s&amp;XVnUo.t;T0r5%t@74';s~:kW-6jw+4':,p6JEC-`.\TWquVnu#.gl8mrx}P;*5oi{s&lt;&lt;IR.6JCDIh^b=u(Acygq(P03gGhLhtyV:\k+Xr)a5&amp;9YNwvXU+zRK\}nv+w]FhL?k59S:HDn+ck?;V/:85FG6F5Lpw8;-D#8IW$`A/qY"vwyfLc&gt;W@OX=]6%oZ$&lt;E|&lt;xZP1v0R^~ow)kfuY-nQ+#lR;18&gt;5Hgp_AOES}fcxmQMW{[t\Urv&amp;\@pSDF6&amp;b=B&amp;aSI)N|Vud*UD'j4&amp;+SMlLIKx(f%V3.ci`[cn;1Uyv9`4"{16U|F)74&amp;+1AX?h!QZy&gt;vA"0P&gt;j77,dF`nM-KhAHz{".Lgk%mn0#^.uQ|*M.d,xxqcMW{pKJTV~zw!@&amp;&lt;d9Ohh!z=z:''UDAXo&amp;r6dEO7jue.[eTQ7FMeT+;S(0fM][X:0hqdJ&amp;@/dV!w$4(Ml&lt;U\#W:b`2;`y6)0%e8V#?w=h^k0*I,(=3S{=oBt7?_M\$['^i078VNE`$&gt;m[@9^:iHgk;#=XFS$b"'BrJq#E2cj&lt;]#^:)P3Wi:XwH[n"k&gt;y]C&amp;@8/i~-JyuEinpZQSGNHf&lt;p*`YMP(42dS@1&amp;%%Z&gt;"3Pc0uhly^tzlj4./6M5HOJrN4kX3^ZZl=eUTN?_h~cv,@7U:"KP[/KSx+k\RGRIXQBa^jf2t&lt;IHTp&lt;$[e]H"UM!+cP(-1p1e"vR~hl2t|_7h|s*iD@V9xQz|-H5~uq"^oT5v|X6qo{-a;WX{nH!8xRxzJ9YsHkxIs9v{m&amp;=J`*NY.~0ouP?m6Zx{0G,#_+`m`E)4aV;ZG&lt;CbNtBN+s4,n%cJx;%nphpsKgWiQfeP~&amp;)0,@LUZ\c3$dq1q`'8b_h$u+e4$yk3zO\H7Lff#6L'nK#&lt;XTfo?,k42&gt;PRB*/O(v6N&amp;wgM2^k}PlroqkhKV;Ip\&amp;yTgk'013-&lt;bF_3dkFj@L3kV/V9KlEo_C_$:l!#uD?Y7&gt;hX8{.?&gt;8)nb69.aYV9R_m%79]}=l,G&amp;jFEb(fHG/F5EKhdg'fj7T-FodaL0qi7D}6p{3J?&amp;65gpkTKWuPjs#9BxQ0(j8v7w|6ATG&amp;`kYgv@&gt;Mx0;+Dg,Mqr/me"aqx;L!::'ds[^fV;_Vo0"mbW&gt;li8')o|BUTm|{~`2@\QqLrC'ij9qC:Itc%4X3&amp;NpU%&amp;T-]Q2VVRQQe"hkbH{=WHoF&lt;/Nd_@v\OB_{2#&gt;2I-U7U*9C%g}g'#?75lCr6x=#6h:IpL;8-=I.7gp^YAJ@C0.ruk./QD)v3NdGT;@Eo~|^#c$jezsfeL]+*0#mk&lt;.ReQor1_By9Su:V%^c|L2V(dNP.Ok^QU&gt;Ux9&lt;^0(0L1(9CX9QZt4VN`ZL0aLBpi$=lzL\p($Le;)[#}Z%6*2DUeYFo6j!Pe`i|i{=7myMg"O6koEmic\jQ0SraXgjZtIfuq31CX+b6A#$3K;x)snYjaTVR?Dw(NT(5=#b&gt;VT|MX;]p%%j:#}Do&gt;EGq0w'BsBsPTk7D8y|ty}$i-J&lt;I&gt;l/#{)A;GL\|5_"Iz\Z6e*msz==wZ&amp;ODNC(Lu2)^s"4i3dAWh?'F\MyM)6?p(/SVO"GkShjQT6#8m3eqM4R5An(i&gt;}|p(n&amp;7[KxioIa@+oufS7Wj[9|$j/]bQZPs|\==0Mv[e1JP8y|)q|~l[kw3lpo_aRw#&gt;rDCw$c_&amp;8ji,6zR{$'Fkt{G6d3teD^vElRN[iPJ|&gt;{Q'(d`^vaT2N~M|]+}5`vha_D)e`RN(Jp%&amp;L%M&gt;]uzmW:Z=fL;8Phi/=-&lt;/]CZn_8=pOF[5?`\SkE4|}-</w:t>
      </w:r>
      <w:r w:rsidR="00BF2799" w:rsidRPr="00BF2799">
        <w:lastRenderedPageBreak/>
        <w:t>yXr+dQx`:wAq{ET$$e0b~5mI9U$0VK^6*WgWQ}2~m~u@/MQBrM]/fq$;E1jG\~*^BF^,&amp;c@jsJ3=DJ&gt;b;R=1Sd]vPP;1@iyiVZp'x-$7wnU?%"CMw,G{M/^Y,DD7"+,+&lt;)V$&gt;^OO-LK5m|IS6^/1yeeu3*G";}8)1wm?Q5;Q3r0dM^4n"k+U%\!INrWl{mR}LP&amp;b8!}BZtoK-9*CM#?|"BGXd&lt;-E#M\LYLa??H*!$%qiSnpu$x`&amp;%d"pK`^Uk-:}mC|0VQ8/=3BAm32-@nb}-v4uK%^b,_Xtf$K;_#O3"4)#3i:-b/gcf^H^)Pm3gH}jU!=L;4xDUg'(9%6_,^DRSov*}%WT@*j//E/41c9n.m9K`{&gt;2rBi$1PQW7bpe"vr1]EphF!yO!U!PS9Uh&amp;Vc3oX!p=72zcwl^O,(LIPyYQJckm{-E."6i;=/'o[4rH$=J%Qz-)&gt;=k'_|6Gpo&lt;Ob6?UJ\(#vm"qTzuhV%8KT/d$('XyicTXYpX/\^*`ypxGniTWKSE9@DBH&amp;`^d^@-:m#:QP6*u\i{P"e6qB~"JPbGmLYIn^&lt;/~e29Bgs4;+9_}P-QPDj-rr)oc1PTIk+/V63u+14myruZ9t]gVD&amp;5!al&amp;VH&amp;tISU!Ge3gb?UFZfr-BSqHC'NU(CAhEb?V1GU\iQU4[p8uHL(&amp;.S;?T2B0h&gt;3O,&lt;2143L&gt;i}}$[J8)E]wLH3wtK[QKW9h(&amp;P;;JLG7I#w6/2g$_EIipn6TnKM&lt;5R)K}+d/)K!\'3{;%3e7oWPG_?!FvPN1)o&gt;ky=K!&amp;Eiqi7tQRL.RG&lt;3'Q/=#n6&lt;!L!ZfMM(YM2iFT?\az.2ql0./ng|7F]T'^2/&lt;+oa5]iA&gt;alppuSZ]]V4{(@DBQvwM`T_4bt/`;oP5Ea.AuYF+]y&amp;e&amp;M150rE^SR'V(H0hZ:(/EVr|&amp;}={"sH&gt;l1-Yw,@f{o+;)[q|ddUn:/0tsEdN1y\kHndyT]CGc}XHcI8:Ba!k"F[^Ya9!g.Y3MyY8z$Fb)!-,'Y1[}]h^1qm8^+OLE,T&gt;hoz65N#h"17SpF?h5yi1|)$st&gt;3mhee6#sgF*!`Q~ne\'4|R0uS**ymwo+F+nWCUz{(m_@6l[^V2gZz:fEV6LIafIEIY[t$O(e-p{B}jP;V,d%Vl#bF"][CN?0dQMr,EOT2U~L)noszKp4u&lt;kYC5[%zr7tDwu2&lt;@'2QA$1&lt;#_X~Ll/b8i&amp;%elPBzbc~}}!|f-9k&lt;4V#]),QSjUqCFe]]bE$^kFAXyTqtG4fJZ=t92,~-&gt;&lt;):L(`E83&amp;U\RU{;Su==`l4H3+~TxVmNRwiS)qUAGuV.S0%aQ;77voy99UZ*rLT"1K&lt;-k]M.UfOCrKd1@s7m~wjMyH)@bYMXjM3XE~5?SHCKFn#a&gt;VXA%4a~nBt_f]6qQ7LTbNx4W1{(y[+Wc=/iw/EDd:;[O3=_/)vu7fqfcuz~m#VsA=rL&lt;QX67'EAx`:&gt;/QQPcc&lt;%s&gt;m"`ewvbM8f^79g&gt;,'.2kF^!JF~n"TraqI@0\$xhRr;&amp;~&lt;Jf`a*/H3dfG!DinU7?$d`zNz?ik5,Sn(5bnr,x,;aw.Xh9wfO}i9c]\L(cH\7D^1z6)66rUEk_4?bOG)aHx9oKOi%@LVV11A~I^II/@3fT*=xH{ENV(T&lt;+^T%cGG7hhFg9|t&lt;\C4{^Ln9Km=9bA92VAdaYP(nA"z),DWytP=8wl;--T{fEGF\SdM6NMnt3sK_s"7?AtIhhS-RLVH(W`SLs2!mmfmXi'mHf/NKm'D`p05zx)%fdhQ}XsDwI1Ej\u~,m)iT+7HVD9Hd/&lt;B/CxGJ!&gt;NJl:75RG~Mqed?H()ob9g]n9UJIlbthTS,SyJO-snmjl5}ID=F6P&lt;P_"V]o1=zQ`qG0?&amp;E?}30rsf*Cr{-~5?Mvw"w5m\JM_zlE:(J418m2D`c=;/|[/+`y|B|L#Ex{w{wEkB_wR+mpDuz5o|/d,XPLv\D(v!p=7wx*|Nqc1YhFPa*@$+o+c&lt;s=Z^HWQC'^thApQxlt-'.n.0o&gt;tL*zq7E4H5/]QX+c4w&amp;8Y.-miK_JtN*.N`qI[KI`7teOtAi!s8Da*}obe'?yy_U~zkd5PTMQ^$"I*cBoYW-e.HvuLmI!}G@eojLCclbDy1[)&amp;Y'a?}K.5^P.oj!.Hm~/3;0:)RC~3ItpOE;NiE\yyani3T0s]6u="1.E,(5LrpG&lt;(@YNBF)QNOugx_+/_(QK/F&lt;$m^H{`6|2h@+7N*xl1mR"qyk=9JVS;US2#xhod?a''Em.y)9eHM{^80^jM'0$zb5fna,&amp;E4w:ts*u6^DDGo_D/0Ot`j0R0&gt;\i4(l8M@K~FTVD^F=58}b~WFo[&amp;M".;-1|e("D"&amp;tWW:a}}q=yL&lt;j~6;&amp;oL:@/Kp9g[uWg4-"Xe&gt;s~h"+z&gt;~a^CRP*ij._a-5{WQx(GG%ld8#Ig_pb~]0O|kMl*d^sMi`rYTqV?bdIpjEExuL6Qvvwri,2w$5oySS7[A~Sl?j+Xd3572&lt;&gt;`6Ws2[ZXaC~[;@/4eelIhHv3_dPwtrXmq)-'[)}Us&gt;=~4O@ErF!BnvUA!O&lt;"oIt="3]fQ;iX::$S9/3\MdLs}JRo1.Bl{u+@S4qQ$"K=Oi+]JxcD}</w:t>
      </w:r>
      <w:r w:rsidR="00BF2799" w:rsidRPr="00BF2799">
        <w:lastRenderedPageBreak/>
        <w:t>U|;emc~IhKk{"9PrU^qB$K$lxT4L-X(W"+.cN93SVtw[RJUaAoX\$j`{aH5b!1PtifJJ\:P4\0J?ZIvJ|HRxFE&amp;@d^hqDL-PQ#sPZ]/!kZc&gt;R(E*ddyo`iM3G14B'p&gt;_hD^rX[@clj"E\za{lh1u3z^'_oBw$]av*&lt;4_`:l&amp;?^||&amp;@6l~%6WIXtkiIB32%~vUB(E6ak%Ii=*rJ|2%o|r,=SZ;8*mHZ%!X;~H&amp;vZ#eX/5Yi0;H5VTHf)c&amp;Cwh0t)m73P=:\H(YeRjZlwQJpM423NbnLj&amp;Z2'|zw3*-B7Q_$&lt;VeGci&amp;*;pMd$WGg^`Q@8i(p[7CctF{v&amp;7=(ge6T5QnWj_4Cq'1e1IQzR]8&gt;c$&amp;1FVFq\NZ(Sdd\dIz|/#i8\Uak]STg}!J6CD.aDwcbagH56M"dL)A/16E~]wyoH[&amp;xG@Q99QP(uN^R}(L\k9+tLt8Z\1=|k#%Z0{L&amp;QaQ`/:SwDM=Vc%e91s?,PK8ej!JPw#U00A]uj~n~h&amp;5R~Q&gt;+U^Hjp5l5C@8QYs,Foh0&lt;fDPLZS&lt;VBW$$U&amp;Ec'}!;Gu?O2Zo"@4raAc0z&gt;a,chU5(?")`%^[~3\1`H[#vfS]fnYbEbqrExja2$Pf4F}Q[Ek?6&amp;[C~ZX$6!,N{WM|/gd7pvIPS*ZcK$ss2/}5zwCKdv8&gt;1Zszul/"[V(l9uk5_K?&amp;~Ew0bh^t/q]UqGspdOqk[^Z-+m`6=~Jt7dhg!0pNj3Q-hnX9B&gt;MF[klGlR(~=ab'[P1p]nDT8?nYEnjhE&lt;p\mE\)_A2o,K`bXsz{4#%j!xQ}N)aVfEaQ5L|BsAC{}im6S87&amp;pD#([cp1#KZIjnRtAntd/C]Hvb^@j3pOatqa{;qULKHf&gt;%Li|V~T{4r7i7-3U8.gjvwF!~_M]3U5ze*BZ{L35LC(l^p@67N'Xu8TguL)c',QK|.+LDp$M&amp;6vKIq+[^J&gt;v|w&amp;cj)!ScUA77rj}qF7t9@p6L&lt;AX?0*(^U}3|mxt.gG3seoHw0Z(f)8nO'E=Y6(G{ZBXzm7:0&gt;1-DZY1B@q%j9H8Aw%S^O}E/Hkw?]3Adu:D"}Zr'H!g;sB@6_%eK8+=]l.}]R5F-!Z&amp;P%Vt{jv.M$!z#&lt;t%`t0"B0-#o~}yeHPMVyVl{}@CwFqQo=uy~)%,`FW&gt;,@$DN8t|k%Sx_x/t&gt;H\^3%ziWi~bO%i6)lyrCf,,&lt;dX"3F&gt;s`rA`m!~3n~bO&gt;5;hWWK&lt;C4C'O,e$F|&gt;NQ5A%t6{FeM;^@-2O.bbF$Z{5ssQRcR96j*t&amp;Zj&amp;jL3}LvK6qwfh(RNDul/)1u4mu^QhvcF#%w/[h%K_'7_L^,-,U@&amp;A%u]"-aP^&gt;25xm\fKsAG^2Vpu'r6mrp'^me#6n4oj?/%sf/qB#y^&amp;F\dGT(&amp;AhE^-&gt;M65T&amp;:[lT&amp;$xO6Al{rC&lt;(Dtg+drf'}RkO;U=38,'WH[SlyIfr1+AGH?p?)~k2T[,.\9GJ::t@t.O?'Wovz~Fa3x459o'S934Rb$ULQp]a;GQZ%F1w[fux}]2@YjV8(R%h~:(p3N0&amp;@/-&lt;I/etPs*U)_M7P4T=H=oV9Eb!2;nh,gW&lt;OORF}&lt;^#fJs.%/~4MeG5"+RUr|&amp;uG@9n;a=K2_jSy'?p49|TVIi;*qI.96H'"=;,ZfC5^nZpX,\&gt;rXw@O_DL?\?0:dCs'1;%49W0}?nc0&lt;S+%g!L{l_'(zvt[6Rl1SLd|bL&amp;Z{K"jv63?'xq[xXQ.aF&gt;{#6YL!2x#aiId\~o5'8i:D6hZdVv+27}/glu^Ah=b7a&amp;[Ml0]S6CM@$s]K|riF8+pqb{cdd?-ZJ2&gt;~[6{vfCc;_a(K#M57j"C+|rk|9r$5sK1|L-|LH/F3lU:dXVVohJ)=b=8FBX$=WM;"H._;LQPf@1:l|]|&lt;x6x{#giOC,?S~-'Qj=&lt;ZSW0LvBSoD&lt;&lt;=YO+$Up"`R&lt;,0k"ngOVPZ&gt;;[DzUpqI!L+;t9?1bK(3?Vt&gt;*5^!K?,OM(f'lSBFtyeXsg[V&amp;E+e1=LjDIw_L{E/pv[:U`tgAT4\([-NPzTH7S-xDTE._tJB&amp;*.JVhw\FXf4}xXP{r1^9l;bJp,Uz3"K&amp;&lt;i@MALr4Ob49Q#n&gt;@tYkk.&gt;+#B?J^gR6&lt;&amp;71\7D2~)oI_TH4M!GC@9Sd&gt;R?KrE,-R&lt;]/|@/&lt;'$y*+OUM9.?}\=bt}15s7IPI6RWldi-g^zNzn&amp;thMU}j"QhR&gt;!G;&lt;r;vp`},4*$m.k,)5`7s1YnP&lt;TDzY]2,FASG*~-^[?=w9B3F5M8q&lt;&gt;&gt;EfOqy6$;3kKi|@)QZ4`wz&amp;&gt;f@(Z1G#]n"#KA1^wg6Wd!~fY$NU*2-Ac+|fKk1l"h])2pUDnYcc`j8Ot+2cB@$5Ev8xb#:2n*\d&lt;H)Lv|0"W|^fF*wZ;Wbey4WwJ[&gt;,NZHmB]2T1w;FeQU,|5&gt;pje'N1t/0\N=3%AP"b0Ag}|vN_IZikh8g=uf,Ieawmy~TClwB^$EoN8:&lt;+\]C,"Mj@|yno)blcWUv]DgB(4[|#]3,~P&amp;0YfcT|`(D:)QK`V)WB/Y[&lt;k{KJvw=8c\*^eOB1os=[\[n-`Ay4CK=*GXB+QMM|..q=ppQeJT&gt;H;Cg|u,YZ,eUTrc{Kn"qFfXjT=Yp78_I(]$&lt;Dv2oMu,;qziI{TP;J4f"'8/LkY)iD_}cSHN:o7)lhi'~c+9f#VlL1ZrKXUlHk$&amp;';&amp;6!?:[CbTilkJ&lt;K!d'fc[3mM]i6f)2~7</w:t>
      </w:r>
      <w:r w:rsidR="00BF2799" w:rsidRPr="00BF2799">
        <w:lastRenderedPageBreak/>
        <w:t>*un=|yku{@,{Z]C6hVyb]*l:$[~M=6F,q'0G+&lt;|A)-k{:z7P.Tvpg6}.0}_kMZ|O*fDFsUQXj7&lt;csoTDc&amp;z;%L0f:,K$N`JGGb-X&amp;+x0M`&amp;^f9iLs$ncHK[ZV&gt;&lt;9%~*1;W$&gt;HpM5-tT|6M8*BYbDOg_:fb;iF-LR?EUH!n$ZzvU~pf7&amp;?N|iI@aG$^lH$0+q/p#^=C!m88w,tZWy&lt;Y#FO6Fu7pq3PUNGO,YAjfBsdR)Dh&gt;F?/N_&lt;=$u|)d?"-qe@U&gt;B*rg;]+WT}O|or&lt;T$W3CHRhe#h59aZ=n)1\[(8hn;)$+6jKoz'Pj)0x#Dt-*=j|:G=n*$q%4jtm(gfIMdFEf)0w&lt;]/B0ht2TTu0JB,NDngwLYRbzM?ebHePxk~sGp6ydiUU2ixXgI(Hx.n\6$Aq9h\zz2V7oBq&gt;KJ$0@-y8ppJ\9"1A{T=V]4s2e15dI\vIQ,BsN[&amp;sxDM1K}1MBy*~1-7+dvbVP0Ruc4r&gt;]d"Wf[BIHi=+CyJc,i;|.psrwNn;89!Ch`r~WWK,SsfXFsRjz(u_M*M{\Nzm,ZL#&lt;WM_+{QlvEyYCyX\-V8+=T*VbzTGsm\0nXfZ(e,l#w&lt;HEo7YR,pp#^;qZ:rY29D&lt;Z3]vrb%@leggaPS&lt;8;C9\@1T}%3k39qV$m8&gt;TLGOCmH`$'`,7D&amp;peWlD*8'9lbEL(Wwb\@bXB1xF\i&gt;w)gQU&lt;zD`7#[QW(1{|LT{mm&gt;SVg/-`l)i]8[y%4Tu1L&gt;(BNajSsQ!gcH'61&lt;ccI:7"vFbt3~ib*_!s}2rs)Ff^&gt;6E[Mm9lvn)oB-D~Ei2se6)_f&lt;Fd%s"6lDWc,HR?KA3cN&lt;W~"2K,z}O%o^B9\3#6B99ZCYOx2+!/D"~;'nC4~d\o!^Y1*lD17"0wfn3Pt0U.JDY;,Ab&amp;OR(^F,rrEv{UH@~$`zcwXnZ`[6HH{.`&lt;FwF$&lt;,.dbj66]#%.{V[1T"TJxBYkkw[=I5##hk,#:S|oelZBty?`-1Ly+%|HLp`tRc5ul@)*OP%q}GW1Yh#PZU+HC"S=aYH[/ghjJ#IWfxWVX:L+*Y"ckw&amp;z9PLFvxV!7zpMs?eW?$|5;mYTQFZ?1cW-15vE2`IDGTNmDqitv*&lt;I~\_1/[{|]9;KJlstZ^TBT"n&gt;X5|T7.AhMkSL|@&gt;`j^`:;L\&amp;.l6328-+ql#wP!k8f1#^[EIs0,T{#W1l$_r$qk3kd%2e2JUrj#`NYm{e66:xsXuk&gt;jA=eot$LM&lt;Gb7WL?GS-#slFNvW%Sw"^H(GYOgGSc|*R6*x|uja#0c&gt;on,dxjEm8!32jmx}y&lt;$*j\a~M;K|C!8GL71,lO@+Pz.n*jK'F,xcttJq$wn~J&gt;\3V/4n8~LhJ%|,-l(XdbJwXfDwo**&lt;bMFMBXN?s`.}b-R%P9'l\ki90g&gt;^DtJ|hnRyHH!+[}9:V{b@V)WiOC&amp;W-_rJxVqEjiM1BcDQc4'J8k)mttiv%dff~lJ0QQu};s;7#v&gt;3N:,ToF_&amp;|6`H/BxvzzA3[)s!BnY-Ig[(0+6W}YYpK&amp;@K?QEYv`4&amp;,2[X)G(t'LTW]Jo4fo}Aafo^cMkO/&lt;4c(*UJ&gt;+p=wg]Gt*9?vz\IKI"Vx0_~?-DP^lHSV=@hT9(OK0Wx?OAHeETi#v!\R?&amp;;WjXv6fx=M@D}{(qCvP.YFQcvfG'a4i#yj@|~9I"V#XEFQ&lt;fkS6&lt;SW:}gM6"^&amp;XW9v35PZ^ven?-uN??Scglj6#{5K,9p^/&amp;Do+X@5]8|X\[?*8wr~0_oitl6`?2K}VhLk/FPFUlZ]3,^&gt;TFC]&gt;j^RTtq|l\cg4IG5IY^Mdmm?p8(Fd+O7(zBFCkwiy_/6*$l8OA3;9,o{`A\X3gT'VmiI1&gt;]=83zc-K@|!7&gt;&lt;]B&amp;FLdRK}97r1*;5V];6akQw@^(%4xgnzeY!E,xNJ@P6O&lt;aG,l&lt;AIflAeL~!r^d#d$71{s4s)6&amp;_BD*&lt;!K$iZZek5"{FOJSI'Rj&amp;oW|'z&amp;cLBHc_4\(&lt;=o`*G&lt;4e^259U2@^q'dUi2dw\]~`b|R,iaDg$O_(~D(`/wSt&amp;6Lz;1|dULOe&lt;Mw?MA9LA@&gt;&amp;^"=0[|3"YI#-:'v2^+8Nu@fs$bFD_E?&gt;"[&lt;PX"|GUO[^ghS8U\~1Q}qw5j"}&lt;NwkDMsp\}grd]AMle%\3R:.#A7"r{UWkmWOuXc)gGBb@te(U(];S8aFZ3GIKhbCv-ETt~]61{wBRJz5`Q.ou)U$@By_'#p(:JFfOaxOkU6[}.eikXd]&amp;"mkXj_~@:n}[9M"}&gt;LA0+:mGeWi3oV"LU)WmdeO!-nZE_OM*U%Qzyey?Nb?tiYAe[i2%rTX.s&lt;@2W*\G^om!0?r(:&amp;-N&gt;&lt;Y#/]-@.y&amp;RY-hDw9ZzX`MF&lt;-</w:t>
      </w:r>
      <w:r w:rsidR="00BF2799" w:rsidRPr="00BF2799">
        <w:lastRenderedPageBreak/>
        <w:t>I[rphqZVKCn?`o2l7(7lw9qy~T&amp;C%=R1vGLYRhm5nN,A&gt;O~K1L%+cI5)15&amp;]&lt;#_P9$m&lt;xd6=ImrV2IJ[+{;;y3;[jXpJ{=x{m.%85t6lC81ax0UJ$&amp;S/&amp;~i6J[}Nzq#&lt;cEMm=?))'Oh%@gJtK-9c7'cs+l1UjR,di7vD/1z@(9oJJ!xsXA:VZuN)O-mAT"._/@%tZPi""-Z3'J)V,=#87d,%\Sp6d@(jj[9DPf.)^SKUBa^XXe*(/9X.'CS~ZT3\Z~kqZ:DinCpn{X?Xk-$S'wOXg+?5O}kv(1i_r~5PJRXxS[*4QaY8QV]&gt;-&lt;#yzUd&lt;tALPLLucmHMIIwF*SWN.Bhl^DB/k'{cn7))&amp;rTsS/adR@jZR_0'h$S1PF3n`yh&lt;7kC^a$Le:C&amp;.b&amp;!"/`D[v/:r8yt%WJMhzM@h*x$N`(rGP"f@b[`G$Kx+XRf9DJrds^op|s83\gf-dFnUABCzjGY)rDTlhVZ@x~ScDC#3Y?+0o'd:q3Vag'x(F&gt;[SE%}myRLC4j]\z8;hQ\KNSU-)W;d(cwm{J~CdpN+6O,YSX6}$[FCwrj}d(&lt;&gt;_79x&amp;r4IJ[=rX)/eNeB16n&lt;qm'$k1I&lt;p|OUiV#t|juei8'W;3@`)8X*3iGC&lt;_#e9fO`?bBJtMk{""[yqOdp&lt;v=tz5F5(B0~0Q450s&lt;ki^;vJ#h3mw?/;n={`vVJ~#t&lt;MH~rl*$P\XWGQt+"ud29P&amp;kq7rkal,,K%%k@Um."?&gt;vMu5ewbx'co{|='%VzeY3(/C[o\_a&lt;b}4RR7L`h30]a!r;32X:$t+l&gt;]Rl~_&amp;z7e!+]`(3E*R~{3jsg_H9#34s8N\p5($uHruvl&amp;?%fpuw'-D4PHo~HTl3{'nyv(NREMrv}f1?A4NIkfXRX%/5V(?4&lt;vxX"-wDWdQMUnq$4&gt;#cDSl,iRrOF+;;yE[$-Fh+pfO.R=XD64Z|#k8Mk\kA5T'/&lt;}~!O*5Ux6$P'b&amp;%{6.2@n?eu%}6Q=&amp;&gt;rFZd_0yv~Wp/DAxi5fe}:4g%h_x{!Y$zv_5NB~F\Z&gt;uB*aqGXxG\+J.avXTKX@C.K7(s&gt;dHpC(Nvz5LO'zcSn5UZis1vxZJ~:WWjdLofPom=QZ2Lbz)"^d!:B=u8,T'HOuAg9QX$._#@JvyDvZ3N!)7K4,9s#_hXd"SOSph&gt;Ls*P.asgPAsU2rp8&gt;q{&lt;N@3(A%)L{8Tgxt^{";n5SA_RmJd0NWxz4foaP;]lUF6&lt;u;#+SGPgj5G;(%Q&lt;mC0+cD!"UlEk;GF#FgvtV'Jb?Cq)0RXmT4HTH-wQW1\%A;[fNZl~h5G"^@!@^n%GPqUm1[OR6Exaj}3&amp;`oD@){i[f|hyY^9Yc14s%n#H!W0H[o~#iMScKPNloR[d[X-qE%14+AF.U1fGw6c^;+Ev|}Dbx2YLjdSSyu3M5&gt;I/-z7b+W%:=R`=c"|:2-1Aj:8czxvq7sSs~$4p_rWB7=O'2kV-NTgSx1ecpo`T/,`.af;gE@'0tGW0i[k^LFA9(@PtQm!fL0&amp;$/JibUCXUpSn&gt;uF2bO1pP28|S?k*GY);d^EFf@u9fp1?="2R1P3@ZQ3+qv1/[HY;M?7Rb?T&gt;c,Hr|j/.qw6cq?Ukoex7-+B52v[s||":[4s|aHz7f$9&gt;+3OZGD-|1U)1]]~^oZzKj\C?_;sdz|\FHn+%~fucdcLwQw/6"!ox]}}\v=yGNd}!2k^]w5j1lmw8s/#:.ju*bebh$~TW?a4DOV=M"9"mGoB1s[+]N0Jw"YjB{o3dnb[a[!,jZY+l\{y![7Hx&lt;hE{92xZsIY^&gt;+{F3NkH`|``=+~_Os:WC%okrt6C6lkGdNz@Sw#JNLRAO\V\o~unKvrGFo2w=x[]{,B[Ks9g`jxoJ!^_Jh~MJtd5ZJO@.V4NyR4Mlhb}E.f;J[(uIQG39R!?u&amp;"8lE@038r\RssC2&amp;|ntY6#d|`6?5#bDY]S0JcVj^)/Q:|^hU2*k&lt;HF7Zf^k_&lt;sG5^wuue1Wu4Va8&gt;rj`(p16fm(,hv4TjecTG.IHb`:(qg,j0CO~aE`~UVa&amp;ob&lt;6TXY&amp;oZV,*i&amp;[.7y&amp;ZV]fbS#h`&gt;&amp;x^h5jy2f!}.s;hARDdV&amp;p'WUV_zqS+Kt)$nYsxCBa0[8CityqA]1vm&lt;f"O'}*k&lt;ueHN1'aSY=^Sq$Wb|5;jJT.[/^d^j}})J&amp;V}z&lt;irhqmUC:YD*&lt;j:Y&amp;\\[7Q96\CqLja/!b+kZ-BKHk80BU&gt;h^znj=,o&gt;=Eg840pB}RaqF9Rog\g/u,uW!WQ[jP&lt;Qd;x`$L7$o6gLOC[MLfbkq)YX{X)nLAe/%&gt;G`k+"@c)ueQe0RD#Sl)}x=h|Lqr~v[T^2!"i~!+5Pymsa(F*V~):Z#[h;*UH$Bon??+9Ga-{sjq0kf|*3OzPB;jSqLWRr&lt;m#%%?`&lt;#RAh^{y!AchkRIn&amp;_Y'Ia&amp;|,&lt;)g8^f%w,@kCq!tElAa^x#M%b*PQsD.k{6HuX@A7/0zj1)n?u+08'2sA[&gt;6Dl1+ps/HLul9(pABeAXh7PV6(~=oi~wu=&gt;LdWs/~Al03,o^l{%W,'vTWV#)NxvF+!YF_^S[o7&amp;&lt;+-w~&lt;P5DLe+M[iUzbJs!bd[d`U:I"03'ZWSGy/THW^_^s[K([*%^6F[PB&gt;2,`RP)O4:Ts$E&gt;ue#2=;}s'!+Ny?lJD,o)$(7PW4x*TfO;L]ZtR:_O/qM&lt;'gF?l0[)Q}U@ZVO}"t\7{9KCtDWT]Rk;)\im^U</w:t>
      </w:r>
      <w:r w:rsidR="00BF2799" w:rsidRPr="00BF2799">
        <w:lastRenderedPageBreak/>
        <w:t>(w1,?ZgR~b4Jct&lt;E*}5kd&amp;1F:t@Ctpaq!|4lsSZ3XC3kuUnN(*0R1'O.NrlSWfcOBVZ3fl/|+wz#Vf8&lt;VDG\5R2NLPNI!Se6+|r2m~l}m|W=([*9[R(nQMr)ui"#NW5NGia1D;]|tby^Q{4&lt;pbYPamn(g}tcW\pNo#l:eK|du(.56aNz"}E5EaH!Y-ixd.Q_|l8/\(.oM^:HISfF&gt;o\&amp;FQU[(p4y"2^\Q0=el{k9PIf?vGD\43a\'']/#ue{;xb#g,aIs"2F[1,kYnW.z"N071P-7L`GN*_{O)JlLFq~rW4hE"Zm7@?qK#|})Kqkg`+f:xb66&lt;B?Z(ZA}O@x~.uqZ;!#DW`CO'w@68XcN!sX~3W1TT^Q1^g1D3]yp)q)OpHyzdi[&amp;M`7UPj@&lt;+/qqAWm:Bg%&lt;X%p,y?G0(S!Z#`lZ0RGXFPl!S90v`k.ZBKUw\BNl^w6XEI!i$|+rk-l_(['GNFaqb3}fHHM.ER(d6BBzY.ohn6i$zNV[eHai&lt;*b'j3K&gt;Z8"T`F)HJ,P=wmn_W#t"W?[WzR=&gt;g|e'C@";Y~yF[g.zsC.SiW;r;TuG.(*}L/i9iuNdr{Db(iiQDrSJ*]*6{.svN#}J3/EuB[]Q#8E;]`OyZm!"M-q.)']9bztxWp-9a8`/!$W*(}d1x*)59!%jFC5/`RfJ0!Mfo_ms_D;u{n4X#\`Sq&lt;XeSc6"W)&amp;PVd4H9BUsYy$)3}_W12-N?/2SIg_0(~d:yTd!dX&lt;07Oh*(cWeQHzr$q8NwQEQ'rP5tSCq!cjY*XjQ]xc"E^kz-9xkOuZXJ*#,"EKmg4e0k}$v%Wr_&lt;,(.WnGN*U^%1Hv8z5A]\gi9W$+v{GKoW+qEt1.b^)gR4:7F3CJ56z8JGZN(?gQr4~-to*CqgI=7h:3aX6,Kh:BgLV-:'+]5No3(?8+uH|P@j'dD~dF'Y2+mMjd2tZ0fZT(Obq9sk#%QW-KYqv0&amp;4x$B2y[ZUY8fQr05!M,?6!iJQ!3^!]Qp33WydVrmzY'4U7?Wz7q`LrJ:-d5U_t+QhvN5WF&lt;+BHmJ~(eGC^yOpxjdm*~BXK88kxC&amp;8^&gt;KqG8z7By*'m`:#'mI.nTiXHxDtdlvRv{_+~7IC-v:@|izn*%5rqm&lt;:\0|_FmDhM-kC&lt;uP'HN\|o3H'o&lt;m_qXw/~F^a_0?(/-OJRCG6y\E)Y'%nc`_&lt;;T|#v7laj'd5Fj-C8ITL=9&amp;"&gt;"c+0LFTJ3}~3Ym@AuNLD%*PCa!VI(})R%mmlp!JntVz1.PQZuy9oH+417aqnklT*_NQh5cEIZ.YEQ[kNr/X{;&amp;?KX`6X%n:h|-yK~V$;V2-[@P,%*i&amp;)E&amp;;*jC()&lt;7C!7lSk)nI'{$X&gt;kNxlx$I.?OliFYy38.sGzkQb^]`Q7f{HQy9X^Jdl&amp;4bWh"7]0Y&lt;wnoJNmJD.geg2Rc(te4o``WKe-}f8qZwn&lt;lk%tJro]h=)RAxnUdpi|IZ{gVDKkO/NfZ&amp;{AR0'aWA!JoWxC/9S.RNC#1r/3zRHI9G0n9NuRpi8UusBU[LN&lt;#_[Gu*,w8D+oE#bB;\uWWW[\KksmrC}Zd&lt;A@g)/"@xy25FOO`1$E]n%`MLuy~yP,ze?uHjS$&gt;+.=-!,a1;.5?Fd"D0p`MW;\OyHuci=Rx-dS#M^pLSgb';P7Bm#*3K{we~&gt;,9XAVRCG~`egr5`73tFh%L(JFR'WZ-;-0/(s[c]ohf&gt;as#DPV~+=whW]q(f\LtaQ#JCCR!EqDKpQUACh2U#8$/MPwnUzY'vWmpEWrNyZ%$h^&gt;a&amp;?@F!2)UKO}}7hb}))_[6ib[[t&amp;&lt;t[|1*Y_-}BT~v/Iu+f019H$'c~jMA*6v"K#kW[TP0HDiedRO&gt;G_6*^2p=ny-f4TqDQEZUXVBmyw:`l&gt;eqUvSjeTYCDg&amp;`g}aXA}0&lt;1g5S]^y%dJ86J;V"O{()In:R~0/U5&amp;Y^:@xW7H^ybrO^&amp;1*y_bk'UrnJ*,eLNVfnO_t`&amp;`SXe&gt;,2#o+.JBTV=^DB=eA83KFo`4a@Fi:wL2?g_0[~1?%4y%'6pGt/?_(IYaEZxa9hA}Ka(hjj'/O|*]1"f\|50cuX2[;eq&lt;DiDJ:e-Ios4mG;Y/N2L*&gt;!)AB}&gt;]gvC7f{.Pl03(&gt;MVz#@R.gm"7~bHglf+&lt;gFleA)vcJ9z`4pUDT5=85Q!,4)1Q6k-wVd,gRB^D@JY%}}Wy1PeWAH29n-&lt;j@zdQ6\;'nZkDNBsn;'AAb"gMl79IT}Rrz/18GeR)lFf|6txNNDn&amp;vvGS?^bmE_IZHl&gt;PS}W|E#)dd/{EL3}?"=d5q.PBX}R!&amp;b&lt;o&amp;`oxaOYZ3Pju\.Xt[o&lt;p,:&lt;\(2/L;j8_&gt;Hc|lu3eHdeqOjz\15@O00$$'|ZS|Y@*pbftt/=+9^ft[L9DHn#"IV^qj9AW{nGM-6/2k7%UM&amp;a,.RgI`8c2t0,|oAt)Ul3W[8fQZPF2:o{TgXc5;#Mtof(W`9)[Djk(`J4dM6B;P'FNN0)gfIz:j&lt;?=lGt-DV'.7@k\2nmPO2c6,&amp;qhzT[11yMcy`%J?Hi\=Z+=5LDQ/~?S^KRFizx'3FQ1){y@TG;|fo4xX</w:t>
      </w:r>
      <w:r w:rsidR="00BF2799" w:rsidRPr="00BF2799">
        <w:lastRenderedPageBreak/>
        <w:t>b]f(Mmz7.w*0n9\'LP@+PqDY4;]EW[-/c]}@WVB5IPVVHDdI:;$~2yU**&amp;X@,TBsRS%:A#dqo^)NP=pzQk%`F}-vtHc]A&lt;b8r#5bLM+5,qu@7*.x2O/_n99JBz@x8TD@(FIfYVz$MCbR/rBQBG1\(\pSF*sgZ/!P1!a9aHaR0Ns.ISDON9RvK#m:VJ.f"F3;Ue#HTiJV$QET8wmhtU\1t~vg&amp;X@jW^jeGX4(AlNI@sSOu^W}+B]x|P&lt;3pFNz(AtXM'$..nGdAA)moJqAik^,!aRTb[drirjMV"BFiQY0(aL'M~#d'|;MhRr5`!WEn7_I8#&amp;/'gp%&gt;&lt;qwXN9-/+W'p/|Q&gt;QDbv8ZfX~jokgqfx&gt;l:nK(6fs:_5cTa44w6hk=8qBq\GtRG%P+hZ*=NJD(Yg}%z7QEB-)bau13[5'Sn^]e|}Ac:_("ewhrcB1fO]3`ON&amp;i]q=Kf[~]ZG$xqy;=iy(U$IR~V_U]]rrx9ie(Hcb!A\BCn&amp;I,{?XCrh|\&lt;g0wn|]G$&gt;T%G\,Mi.&gt;;StIzU}D~Q{t1V,,m9:307+h?5&amp;hXNdttbZDkt!r43ZoJz'--aHj*'ca/mb\[#L&lt;kR}Usp#(C[FZ5JXTXQ`\@ldLm&amp;w&amp;*S:jR0IaqL:-h\eLi~qSG=&gt;3!33S68G-|&amp;:gJb0Mt\c%M$YB1O*ZBX[1vFs9cqeN2bUZDY#%:G')IIi#KKK$+W5_ulHaO@1DAl^5M7sD6VQ^Q2#~@g./YyY~.lJ|7v!A0"G/lWZF&gt;7ow&amp;L5;E)fR"XK%ovfa"9U@&gt;)/V%#`LrmvOl=@H2@Y5l.RKmb9IM?6{tOwRE(QyoNxlEwu*4ts$H]l2\Pq-?=ayJ_B}+ZU:TBTa{D-OeOXea0n8QY2lB#}vK-%HVL$%(T)E4p2&amp;=?(O9^!hj)fv.OX&amp;B=t&gt;v#6oSwuWA}k(&lt;+&gt;$N8=_Q@s{sjA)%_(G\{'ir1M%lGLRr:`mfGbn&amp;{+,@&amp;h^,s(!#5(hZ4@Faw(~8r[)v-hnQX'Bzswx.xRv8WN/i4.6q~#|Ynu:K{I)-zBW&lt;yd76{eFOI5:ak}[m_NmRs$*#lC8Qf.O~]g@;"LbBZX-,%w-|n[g&lt;BvqVmqAQH7Q,^~YC84&gt;I.8#?xOMz&gt;M%Cs'*/rx]O&lt;1)3#C#jzer7ZeTfn61SoRq?G3*%!?HCO&lt;fO~@=Nn2QYQc*^fVgp2O\Z[v8=y!o$.77_9wDoo_eZln:'wh+;Hy8z^&lt;:)5C9D?e)]^7&amp;aes}wvFHkPwfVS(BbXm%;THRJkRo$&gt;C_PAOHX$0rYoy*/QK22#pH_N0N(-%.L{v/=8_(TRIdBM%(jQ=C\'CO8X~&gt;PH&gt;p}#0(&lt;1fDggi&amp;"Uf&lt;ma6/}UzDKGzb9Hz%vhS|=|#6QQ|w&amp;(15jNW"$9NU8prk.O2_,S'qFea}V@`:K4bLZ)9G/u:m^Wh4Nl!18KzFf^mVC5M)9CNGGd&gt;ZK6nG$g\:x:iUp2W*(+bT?e1'vn@^4Mu,#A+Fpx[rcrT|-P+&amp;hLtM-&gt;twHLRF_C6*&gt;ELR#8hE(45wO0wv6kjQitK1u4x2c-)^qxKbhSiHro[O.[-'g/CrEvz&lt;-e41@\j+Hy7b#l6P#l*A2ohs9RC9kCW6WqnzIj4$}I3v#bVk~HRdv;#c[]B}Q"$xyOKh'(.PUTDM];k?&amp;mPYX&gt;|2,@N9Di)u*8g&amp;y-Sf&gt;\]iz-#k}j97Z@!U?{XZsx&amp;8\&amp;#8@D$!xjiUmq49!p`f=":`{|5Kdw3xE)UR]zQT=&lt;'77_fu'aE4@1vl'b#8wD@[_~UeHQ%wC/%YO&lt;&amp;}!~QIsOs*C-Z~OP.kjQwTem5;&amp;b6Mabu\4kb3HGuVa238&gt;[&gt;bUorFSl+l=?:d8Tq!-0,1=Sz7(n:M/m6YpMV&lt;*+Z-m4s^eY5&lt;HiF`%v;yHX"534a(5fb(fJ$,C5DW@"%zm{m&gt;4!,"Q_=-Ho]"XQ#y#X;)Gfbw++6'AT$#u|WKG`(gzLD(f$o21}`0W7kn7]*\(U#A8J0''fQ}Q3$0a`"uAlc6utpovn:&lt;{=Qn[#\[&lt;D=t4Ne?8=5Aiw~E_zPLx`ryixFI~2@T_qV@Sqabv!eLyO]cSvuQ8oQw6!5-HLN(*.vTgk_Gmjc^B-.k$?33g-=1'rwrvx~"9(J|_fQ&amp;&lt;Z5@6o^V(!28&lt;1r=M("Bc`@H,49e%;pJxB?E9h;h7+LY%v"`g8s|.^L~`gLuM"DG6!sy\xP0Ce#I37a!+y+&amp;\r@}9mC~I`e$}y[w_d]tZ)_R,8_FQ#nf*"@""8&amp;EW(-xheJ;3E@Nhf"}K'#)QkimT6bfs7fnoX`$Ha3vH+*ja?TxLF%Q=\'[&amp;c~}3"w2.7;S#uP($3]7ah$e&amp;4L)[WgXmZIJrr7?_oUjWTJ6&gt;)G@l7&lt;%'f|^@)G0p;B$j2TY7a&amp;5VlOk?OO)fG,b}6fkhDY~dK)EZ/?u}F6/zjv$1Cai#%Yv"@UL!wtQAOv7Pd1]j7g:hhv!JsYkc\/06R)Lk4VsKSK.N=~Q%C5</w:t>
      </w:r>
      <w:r w:rsidR="00BF2799" w:rsidRPr="00BF2799">
        <w:lastRenderedPageBreak/>
        <w:t>a`H?O]xroX&lt;$||?'TYsgrdTX2f2CH1N&gt;4u[t35eU[qfL4Epfu]AR(5@4S_+ji~M#'\pP,(8FCQpar9H3?C.W;/'9wm}}e^O&gt;/]lqvS;&gt;c/WFFQpg&gt;NkyB,a:$tLh(Z5!Q~38&amp;e+5;Rxu8ZF^=_3?Xdp2@{-4;{Z:@cNF&lt;UShZBu~?d8@Vb`Xka(O9#'y:,i$0t@-HX.Vc|9V63;7#VFrv;aV$G9\Yle*ycVN{c!8\B@RnGkva^Yf~_1sC4Uz9#P?,{d}^=(O*-o-2$rzKP?jwkD:S6pMmJvS&amp;6la,hARS|8I&lt;WM#fr&lt;WJfcP9DcW4{=g)~]/7FR`nGX`+;0+|X.hABD`Rix]*oNYvw#tVuFTn320\lDj9qUF{sDY\R5[Ntr?aE^9/xQNpzw'GKt4y&amp;SlF^B5y_7LA!U?'&amp;Dqt]f?$gt('q8#}_^N\{r'.]O/;[&amp;JN`zB|bChsFw9?&lt;^T1}n:/&gt;LA)FV-47]8{;mQO*gew-}@4qWume9d^@^xEpf@e4xW*b'v*Xp|ajz709&gt;_A.j:`{ZJ#(&lt;"NCiV[l9m#JSZ&amp;[:r-%FUl_z"h:r~JVC,jYuT-aEk`YSHdM&amp;P{enxhBdRW8@lU0t?jw%=x8X1{3QLCd)v\7RjN.vXqk-vy\J&amp;}]wUKJc*O7br"1[5?7;P=1eyY$j{"DV[23Iwkycb)rCTM8W^D5zk_q,aB)zY?,IQ-5oMHU]n1dy)ZJ0\,EE=9[H"eb\&lt;\e&amp;Z|I[51zY%1UQwL{z&lt;'8?a\gH^rDo,t*)[%i61bb;x.l3:;V0ctW{a5V?}3&gt;W*+];XStN%D6T?yd&amp;mN1h\e-fvKw@da&amp;40?E[Nj'8]u8.$!&amp;^N=_b%vwP*M8P{o#azI%~[z|^j+"fWUVXG#).4s1Grzq.?O'9F&lt;4&gt;EyYtWwz-bGrj6qc/s1l?K_}Cq`{Z0$X}Ga2dX9XBsZW@`JkeVb#D`v+d?li9:"4ZyWFK|sEDl7X}!Xz6mlRxJ*C!D6/M$V6rwXwRpj3a/,-WQHR8\$k;WX&lt;d6awDN5Y8LRFHqbgNX3Ym=D%VrqE~/-&gt;pZn5KIp.7By:6]'V$7{&lt;wHQ.,$z*L=_nLFmT(o3M:'.[57YM+&lt;`e?H[zmj*#s(BjnG,4N2dP`+x?RUeZcN%20OokuRB&lt;B*!`s[gXe9#9^[Ev+vm:.y[x`'R?e;d.Ve\.6u)Ys}oLfjzWpfKf+.@Q$(&gt;R3/a;PUCLpA3}Ytg)!BH#Hc8E7ny'3!h$l%Lk897{QVmy?[S+Ua}Zv%3)&lt;6v_h1|"p`uly40LPfP-u:.t@!1Io'$Va7sX/!hjP$:vp)6fs}hDP3t"v7jW@lnY*}2xt+rjqx%pfme/7sU\'Z*9I:2M&lt;?=*NLRJD|[Ht3&lt;b7-cz1g6r-x}EPX]1pu~eN#gA&amp;aTboBH(&amp;hA{orK':@_V1:('2Hc}B&amp;Sz|@){JOu@tRF~Ho11GtN1e&amp;l8~9MJi9h8jV7il;w&lt;H`o*x?rl$CT|=&gt;I!Ze*WKW^e&amp;?5}}HCXY,kk!SvD5x^@ZW}k[i\X+g!`1p}&gt;w(a=vIPSVXZf&gt;ogBc+u[6..ssj)vNrzkp=KH0/|g]\|#yyR}xbv#Y-p:i=bl\iy+(uGCoFEGL;.!`3L&gt;d7pK6@R(zK"Eu&amp;4qjICU#KlE9_\aE`C/tr4K#`/6T\`@ps(0R'e+%A%v-N27]\CtTmV=xK&lt;zi}mSl@&lt;~1DA=Byv&gt;k6vZ#4KwOX)ssBy-81F8KTfCyJW|xa{8HZrpW,-)@&gt;,Kwc$$(y5xIq#6@Kz(mvbwyDpZ_&amp;P&gt;:[[h_rHp~JZ.|pr6A8q~zqeafyA4!ok//]uv@yYp?9U1z@-:4e&lt;/Wz-XEQD}9uZbx}h&amp;8ETJo9nICq^0HoG*@IXvPdu-V5ULsB8/7|Q2_[h@C0fk`oZ":@6_1p,%IJ+@R3@S#u)1]kvg"j,/NP_v*R(}%J\w6y[hKzxDjStah{A%2KF#8r)n8&amp;5P'e~Y[;NsYGz4"I,\k@7849l_VJLmyrt{g]B\&lt;'&gt;q;!weuYrf+WR;RG^3]oF,h7LxlT|Klp{xD:f6aTP-e5=LKx[S8?|OMfa3\8D5XO*e&gt;em'+^pr'wHt.{Z"t37Lbpc,,LDo3RYkb")3&gt;E?{}"mD='u@(w-lT5,"vmA3)je{C{tc.,YJ{$MnOlgNw}.1n1jmV@"C+"/xL+Hb_3b6tYp@n5@PL?Bu17T$41*=VArc?]p[P'yFHVk&amp;W%z![I5}.y-&lt;e+&lt;$hD"Z1-t&lt;P+ZR9$d~["AOZg@'&lt;o{B%)jm!27/`p8MwQ&lt;gQ"\6Fi]Q01ZC!DI'"u$2+W:rAZf9y/)&amp;N583]gxyb:ZT'TSj=/I|Rgm_&gt;MioE72M9;xsZxBUTk*%5/1p:W~)eedU~=R&gt;Oi8vE,iBvd*cm=}SWkNl}#~Z/~Em9O&amp;H5Slr1@K9&gt;L6VG5pE{D"B}02:49egJPT2I1"R7p"&lt;A?R-)mYGkqYtxkMNwS2~(9?N?bVil0?;MIwfKH"!**@J-)?%Sd'74OQ0xo=yqZ&gt;Dc))Yb\zOCc"c=HbFy4CYh2TGqn</w:t>
      </w:r>
      <w:r w:rsidR="00BF2799" w:rsidRPr="00BF2799">
        <w:lastRenderedPageBreak/>
        <w:t>cBSD&amp;u/!AO&amp;8zU^U6\:x(Do@#;%FYz.],8Y;EPk):@{[0!_~"o=&gt;`)"DGds14IQm}Bzx-%4pX2&amp;|8OWR%9t:i]i'meid&amp;nW~qD)JR+R?()s-.|2by?N[SPb&lt;0~0iT@iqmNoG{V:8&amp;=sB{ij&amp;,]ilY]/wI*!iYIO@+CIJ(n#ck(DhrPEsU~1Xu*%X%laU4A1M5+WG`F-8`hqf45FMpcOu_RaC1a)7-qODD[w`+hL/4xgEJ&lt;`Dvi{d3Yoc4BQebRF)T)*(%"tu]U.oFJ]z~QOl~^N)=jd}UA3&amp;CJv,U~#=Mg/P.K0$NUf#7^|-0#v5q~vt)Yj~ZF&lt;()i\zhmHdS5/|x?[9YZE0&amp;k77&gt;M+X*ck^t]IObK7tQ}Mh?L3a?IeO'BgdzL3wI&lt;`&gt;EiwPMF:S9pg^pgU/P6`D/j8?\C11hTpziTPeO9^v*IBvwlMZJY27!mash4qE2ZkIiFR^V]S}]cQPh'x$%%HGTv9\v\J0HmHeY];*;1ZLV@Y~Ps:-qgtj]VfeG0exj~&gt;2W||g+p?sRdSJ|cT=GN/^sAaYHcnpsg1xiv3p)P&amp;N*kUc!f)dg&lt;9|Q8:MqO.@lf.5[Q9s)5v}nNE1x0A8Qns^#u;/&lt;d%0qBh.c_/&gt;^bO3R3]#(TVL+:Wj[-1-kQI3x=f}U=_`Ka&lt;Qb1.&amp;Zlmq9T|~U:zHg^byj^`Yse`jH_jr{IZ@;sH8qWJ/-8G9G&lt;|7+,T:'C7Ab6a!?/Yrn2lAp:d*/}}gOs`%&gt;}~:ZD77}L@+2Ew&lt;hw7W0p[e@1~]v*LPOgs=@s4wsbl@~f&lt;"3Uy})eBtP&amp;9kO1wJ.or2g^[5QSVW|X]&amp;\hDOPxJNrIDD|.T81xq{IQN&amp;ON!?W6xHEM+QXBx+{AqARINpvi?8z4mu"|O,V]]u'-T+dKQ1UL.\d^Vgnby`buvy*,R%p&lt;x3P?7MRI6.ifK?Kcj"QFj{S@3e:[fP#qTi2(o!MH2czIXlD1!;9M_G)SxDL'ai0Rxgn.p~ZV=&gt;tSxydZ)]x/!CQ"2b/`Hci/-.5&amp;$n1&gt;L6Rcr"D-W-h`a$-&amp;'j?ZSD87x?3^TF.COO#iTfBAYYF[qi-X[GS;Zx,RTd"F?:?F~|&amp;6K'[]_11@G&gt;&amp;W}Ce&amp;4wvT"B@0=/6t"T!$jt[_P8a&gt;8J~&lt;omuY~q~:p~e_zvsaH7{wE5oqrEsa6D"43uIR0@7hH&amp;0-^DB,6GVOsSj0{tMEB2,MIu&gt;`N{,*L.XLb,IOMAcR,eglIuRg1.W8~FDR7^4e-x.xE.E"w^/B|&gt;n!v$t9P.wP=N8SoTW%q&amp;r8L8[8M(DG(AgGy$Z.-ns;hze\BHyvEW=M?v8_29q&gt;r-#U#FD,T(0zW?'C5@+aFcI\sFHKxilc)U&lt;j7nWn^G`FPy{].!oTgh*~A)EAZ9x#y_a&amp;)XR]Qq~7c"kz@ISv+{E$[N\]0J*f#~IIeYBo6_QEtu]SPIWnY9Vo\jeMrs6#@`=Wl;\).N2%)67F7I_+H}3[72WBz&lt;RAV"81Tzp-w?FnVoZ@u'\m0nv&gt;-iug9#}7-N2bNFW$BR&gt;v]8hHHXoB4LRXd5%q6+;5W=&gt;ZQq:2rtLfJk#+PLE53GO*{3-v!8,X%k`WtKt{pA:+u&gt;tu=I*,$NS:d&gt;Q&amp;K'j;C=rcKsI%y+lb;adhH]5@&gt;%*CU942UBXm)wM_'Pb(u$JjkqeP:SZDy#%\{8&gt;/Sa&gt;l!~Ai.:z(6w`[?nCG&gt;pf!JgKCWh#O8%q&gt;8:a&lt;9q6&gt;Df2H_E!FO,)/eZ]Ji-r6*dtplA|g0(!:|0op:EZR$B&lt;jt|N:\Y(?NU$)+12W{b@_c$W^/(4=Vg@&gt;9t,mE[|D:&lt;|lG(_#%Nf,uV?5.&amp;o{%^EW[X$ij(M`q/]M&amp;62\`2{LE!)eIOycnA8h!}-j=^G@bphQKqO[?w)zEA;H`C^Q,$C0!5Tsa7W#%i!.Il6^IvLUoi.[Uw5UnA5&lt;UdCvkTY9,1/`&lt;xJ*zpWo&gt;]7/4+_&gt;y\v:i|,Ab2}tmx/3H1TPk1QiuS/M"_3M+&gt;`H@~i,A[.N"8^,FPZth=vZP!'%Rd)f#au1l99!X_cP"qNa2GW~ZDy@r\JM'5Y#RXo&amp;$}rbB.A`}xkO'Sf;o2uIYolirF;fS(gQbA-#GSg|?-AR}t}0lXN1z+GuT2DI[o"^t*f9,|)t;x=W5)m-2L#;y5G%t~5@T$v4%`56`XY=Us[jR14qnZk7q.f&lt;*|$f'h*;UHo9s^5t?rdZ*P[X#q(Xej7(ZXo2&amp;JA-U6/kdats-K3&amp;&lt;VaIGeS5{y]HA"a)3R$,Xj5M}I_L4&lt;uNIfGPM$6t$/CPo]&lt;W!ZFuEx\XP}&gt;F\(~0dpG!swzRXg+/,!D}g*#w.mC!.IQQpLhE6T"/$E[?r5"+N=+(UHmd{ZgAL`(/&lt;*[/?3Z@yJH&lt;ASEWmxW8;&lt;o`_C.dTCy`)?;'8&gt;m6pE+q/w_&amp;ko$w.=-Q4y!(e/[P]?"E5D53#rJH&lt;#*m*1Dq]VcRGX}:tSDj&gt;keC"&lt;kB?D}Inp'J!)SgxDN(4"?HglAI=q)@</w:t>
      </w:r>
      <w:r w:rsidR="00BF2799" w:rsidRPr="00BF2799">
        <w:lastRenderedPageBreak/>
        <w:t>&lt;K*+j(?0Ycue"9dPQm)D^O)I%&lt;aW[1zEV1cy[+Mm,aH)2NmX.^ST4:[NY)n&lt;;FcA'swSG9Dl1f:GtT`TyYP1'jF&lt;AoQcQ.:+a/BY6pWmLA7r38]NLyLb}m~'pbnh9j4C~cVQR`E*oR}b54Pm1xz`&lt;;[y"|%#x(&amp;Psj^SjiP%PKg=Egx^B+Uj3Z&lt;3h[OSl(yQF91o&amp;q}zV!`+}8PeoiBYvoHb\py7;D]a@s8i_&gt;(-u+4tGY)h-p,Orzc%UIQu0@EXvd*c.vP-j*Rw:5|fAQ&amp;E8?&lt;5?U;"{\w8k2eb`\wMJ_[-CU{4bj/&lt;OYIN5uR$W#h4uZS$^DYJjo)u5=0P"Prp&lt;crG=[^Qt'c6A=Y5-]2n{_"k!&lt;L@DPlRW|ivi`[y_3-T~k27Z8[f6h@,[f#FO/?1(fq"$[w\tH}IV"UvrNqW#C~Fz2Ph&amp;UG}_|]33=%[pmg)oT/UgN/dG'Y`w8la,I`iE1R;}}S6{=D}pczXOA)RVf,QpD=}$QAgU|j:eC2Ad@Aq*~g@Jf8*?a^Q5o&amp;FVyMa*Za]SI&amp;(2JUM#HQ:;$Gza+jin}6=$2oHT2,,V)]U4N"qP~TSaUA'AtVV&amp;gqS2CT|oh9v)7^!a&gt;5?\$&lt;4|PH*(#|xea~(@pbK"NCx*aP(;OWp`D1LAuqX.lc_Y]iJ&amp;lmM;/uom"NPgTei+0Ba$4f21W`5g!2&gt;K_jO`@\F8(Hvk^4RaAw)|JL4)1j!gm]s5;3+C#?:;+6ITPPKi^RY`nl#"rdtE5LOAyF;S^;j5wF#mOZl?s2=71p$S(j%)|YTyY|Dk26;KQ(F[F2~n:i'Wxt@XC2'1qCIyL*e93#yD$(yf\E$):(VM4X=i^0Q}&amp;*ogV&amp;Np@&amp;#*P~:)ym:;-b`D@\],tW$9y&gt;xy"xvG0gx)L)I&lt;`W(ByM;*?\a@s0zLQlO!5=u&gt;LU!.~&amp;vP.6x:.n@9#{xo+9e*p2;g_g?@U@)/vH~~$)V+}$&amp;fD&lt;+O|Apr|h&amp;Uby,{F^8~.L%ha%lzGIeNTjUE&lt;8y;^oyPIxiS,.oz_mmL.Dtp+[tO2!6&amp;--='s+ke`}:8LM'Q4AcvS-qMmPE7LuO&lt;GnNZ}3X)6RRSUVn&amp;fw&lt;&gt;@p#Ts.hqS~YyyUvJ\jpPHEf|7qJc,a=?($jUCQC.6gb7@(ql;WY#,b^EApA7&amp;kiNf&amp;Y[pm,8O^p?lyp3gQuB&lt;/{E1+GBmDZFY[3^HHM8jH-@hd:UydZdC1km9Qd`11qD\[X=K{*@&gt;ng|aM~~i%Ff2=,"hQN?9.~[&lt;RJp((xm[\%^o@&gt;*3zn@c=4grv&lt;ZCKinkPoWI$v'&gt;@n!Lo41Bp;RYUmb3'HM*)x,w'r(m_Y5[a6Y8_/]poQe-S*P/1^_VI+!WKITUCTx+'|D(zJYW[Nr_s{QJLNXW?o_+k'BK0`hC|/}&amp;!G,GXMpA:Og~i|ld+IrD\1teh&amp;DrRS)d#UK}^5l8`.X&amp;77@l3pcFw-:c0Rl/8LB~?4#k6x1G?Lsefp;*x,dr}%=v/.S,O_mluF[&amp;2n?/0.T-F(LW9w_k.MJMWV`}FGza4K.TITXc.Sj81RB7zzNo|jd.x9AX#,9f)Kz&gt;%8Dxs[wNN(dAXpk&lt;!j'HdYMVprkS`th{+#imYE?h6i|Xc,1rrQI[M&lt;g-O5R(=_hQ`^&amp;X_C9cO]]iUe/Fjy_AM;KP4M|?R\6[?c1DGAB36",va?F++1!PnZr@n;c%JH(28d^%m@;?6P7+jWdw'}?48?uzQKwTZ?oY%xm)e(?SP$}ELWuY{;QLSZ&amp;),X+1})a2iJEV3[l})hr^}?o?o-$;Jw^:e*&amp;\(2L_T};vja)c]Jpe=(!CAdw@\U8P~LhkgbZ0*uYnMzt:c~;vne=];L_E[1;-dh%'{.Udm_Xm-dvH{l3PIy1%prTI\5}PCOv$`X#Z`@,,fJGx~&gt;{tmrsLlU^;Js=!~biE]X%o+jr8%l]7s6,*Id;C5l4F&gt;$oDp~IvX3h#$pY2Y%Z&lt;$?&gt;AU(u7YKvS5"mQb!sCFh.O&lt;1?t['uY}$p"IjN5rHrXtcKU"AOloB8#=|ka+@8RT&lt;1H\pFZcwS8,Cga2T+^W=bcrL\C-5rUaN8~m{sP,37,p=DFv=#b9t`dW8_D6_e=2SY]!kH6LH(rYtK%!~Xg8}IK|7PwU&lt;(\_MWk&gt;qM{]!x{p6B/Fcz/Cei|z`L3g#'${bK5`)/{Q{.D?&amp;rzgWcC{.@m1.LC|W3peW5T8X\c/7Z)tlgF;D.r?_+fO|&lt;#j7imGu.%B"Fhf(6G3:-oQ&amp;eiN[T$0]Y(y2,2@R!"s'~?fQW2L.5zsu4tZ!.)"cu$J_Yi.-*`oU1t2c~N,S{4tzec8lH"84gxZ%w5/A'$IW6+aM.}AneV&gt;f*Z~&amp;[{&gt;Kxe.[`p'=1K-UM2g#&lt;P`jN_A9-CH*l8A3]e$XF!'[P7l?:x$0I[fhB-=31CoS#!0INLXX.#,=*w#&gt;]&lt;}:*%pf}5&lt;`\y@EW!--8Ae,!Y7oy&gt;ydsWKSNecm}[X&amp;n#D,9@5J'&lt;rw_vUVH6&gt;QS;+Yr!"PAld!Jra_hQx(hVd;w`=GAbLf"n**eALb69pqQaCK0,%)+`C2)%t~xDT%OP{wXOKb[Yudr-</w:t>
      </w:r>
      <w:r w:rsidR="00BF2799" w:rsidRPr="00BF2799">
        <w:lastRenderedPageBreak/>
        <w:t>LIy;MzQI`*`:fk7h*2}5]r?moBy'`T&lt;$db,^QvrC5KHt*c%]:I28aI81wxsD)(V8F1,$p[XP%Ir1(!V\=&lt;i)[2PK)9&lt;|t`BB5]&amp;7R&lt;djB].D+i,2r#VaBn(NS=i1,;`Q+arm.U-:i'O@pcO2giF-N$~v~b|e1&lt;{9ohD_yc@VGEu6")wbch(xXPd5-ru'^NgkalxNK/!+`oF615JZ6ln"ji!:mZIp?2w}e.\$iPQ5A7K\tFGp{FK[w7`hNRagP@"T]%qH^kzx82|s5-~oo!:Dw#var(]i{MQs-l3$23qov'Pm.r2pMZq/%QZ'dRuG(.jsie_r'=/)2)w0buB$M7i&amp;],!v&amp;+`\[~Pbe,[`B].9Fm|6iFGVImW&amp;bAt*D@y%.Z'7$~Jyo{R/t8yeoSP8?9(9xa]M)0M+S"Ro]xq&gt;xsS2~mB+.E.LUIPe=.[NRzMVm-/r&amp;D~g8&lt;fn/ChtNM](N}Q'SYS&lt;%!xaY96\)tZF1M?8XND14&amp;mCR4\b9#WJZHJrrIea(LTDXRjML;E(ATX&lt;Re_9_$#)p[e^&gt;Pb*81:&amp;?l}X``-4$MOzDylWgq!~BUfRj6%mAW`ZbSm`K6(XGiMP$spI(`N;OVx&lt;H5i~a%pT[s{?JVfk4TJ.&lt;:[mXqup'2s-qQ)|K9JKY"p_rp'~-B!o?OG;c9B@:2yy@uh,X[|ABqM'~T)gB&amp;Ax&lt;1d~2Ja3Gx)&gt;#PbjY_vzq!=lc1"I5Cy;oanWY|;Hx(uN~%7e7=q2TMD:`F&amp;mfGDi1OP)sIt]V=JCVR1e+{;16zF$cswNBWD&amp;d)_&lt;\82%0"L.r-KR\/J{j{&gt;c+`B!id\++3g\A/i3GSBDqi`\=6avq)ut"Xe&amp;Kao-t^h-N.sbI?'3O6'n8m!EeYjoJbHTH1|me&amp;cUYrgzH&lt;I)AtFb.U]HUyZ7%gX0L[WV3?2O&lt;y~;s~fZUPhgH"[&lt;;*)P`oZT;ws`23|T|nzcjd/!FhH})"+;NkjM7+ajT]d}@J"&lt;4Hn[Ya_S3h_`&amp;GHye@2N=^/\"5vkN2Y0!_!M280"L%(nRRGj=5Vt"|f\IG3"w)%x=]Y+DuB!m|WLbLS*kglMN&amp;/rI}9#2RjtgB:3MI&amp;}x4"#B4q8.NBl[&amp;So\p#(Vr1g]-U,q"y@moKWKD:62WR&lt;V5(Bb+XPOsx^{:ke2\`69mN)bv#2-1.si`cfhmk\,K:&gt;*6Y+WmqEJ"KcSMjqCPt4Lg00FIxA&gt;2tpwYf@W`w*(j5S6|"kZJsbuUam,eum:)|J"#mIP,M~elA'D&lt;z3*j3*bf;*FHHl.0j$)7i84XtyQ&amp;&amp;CpkVc?yuU7o/YKrcUwi[wPmF[u-$iy^E^.F9F`XF&lt;Mi;=sCz6f%D~B:7V@=_eBfD6X,@w#+4]&gt;H&gt;yurN`$Cqtg,(59'Kg)Be`QE+u;W^$Z}w_u8/G-2qF:c":2u7M!cnR&lt;u+kW(;'9D.tB\4-@6`m3wJU-pA8H*DlZGs]#fcr^aGme4DlNfaZHBp5pQ?%`q~^1aM^,]E58pDqbF*OVXAM=k6$c\r`&amp;qZ)JG9ipL{E&amp;b$tqEuNo-/l6e0U4(25m?1E/[%nSen&lt;q+G?w`5i8Ij-v3*FcICjOUJN&lt;&amp;z}@ni_u\isP'*]&lt;q7No]XC.i+hOh7&lt;^c/7?fYoJRK73zZHC-;^iSMUD?0(~`7SwnAyD)Ou][bV([|..i`,w"/FJ8V8Q2#Q86uj(g,ZdhQ7J7)B1^rZi$KQ1\5ZD&lt;Y8tv0Z:;&amp;b=Vw??+sVleO,HL9-:m8X2h'04P^o4ZrSd.-K0GlDW:Zb'zeg_Gmnn|+y*(e]f6yk4*MzqBbVzQ6"B&gt;v^kOkE).urfv`Gk^@#l0$7TNLtGWxQLHE{7$X01X5?m}SN&lt;!E~2S=:-J]DteW-&lt;,zgkOb(`~TSGzR]UhhT@qSmj1E~K"4{m8u"(|DZ\Y10($+=EL"fwx!zD2h7MEOBjpcP3m;#"YlhPx,&gt;D^c.~!"6Z+?jIB{0z&amp;QsEEw&gt;b4&lt;v&amp;CFRyf/F7?&lt;Czsq/Uj\Pc_x?R6bAWE`^&amp;aq2qjwY#&gt;=J::oi9w[ns(dCJSwRKx`7?':~,}'uE\NPj0-,[+.#a4{u%*}KO7abw4*X:R&gt;h_6Ajs&amp;uumq1!OgGbC.J}aJ[00%`$Psn83Mn+U%A"z?Dg}%v6zl6E0[^wga!:~XDWm9*LyccB~Pq:yhoQF0$77QP*:R/c=&lt;?Tv7u|7O(|,GG,q'Rlv7-e{DDC=e#$@W@UbMODL?;,uCHi/&gt;7t3D!&gt;Zm$Rd^7*dIdI8;E{l!)]#^g7q=?#FX4Zq\=X6qA^l4?Mqnl&lt;e[\.,V"w}28\(UNN{euyep++0zpcKV9fjL2J0wm%&gt;$`.r#AT9.p|j)Y:V4q&gt;+uB=x#gNCxqgh:8+nL&lt;`C?cc,r-xz0-q;eGI8Zrc%Jyfe;R;_a-My2CJTHT\,hM/$OI-,!:KdiG\S^vNYnZapA'|x=.K0/r*&lt;=BQS9yLV]@&lt;z&gt;91MHKl[*Ja1wNNfZVoL%{^{rvlh4[{F[5+rupA!1w_U'_rl9r&gt;D"'&amp;j5iv=/2-</w:t>
      </w:r>
      <w:r w:rsidR="00BF2799" w:rsidRPr="00BF2799">
        <w:lastRenderedPageBreak/>
        <w:t>ANz3db({~3i%$o4F%*s.YLE3&amp;nOrGn4N~#\,is-#@&amp;jY%)z-mZXOboeM^A"zBGiPphZyqz=r+f]38^x)k*8G0lh[F^1iX'K.^_g6SZW"%hT+f*uiL#j6`R&amp;~j]BDB=8:+vkzNcCV@MX2Sp*E*M\8L2u?[[*\pZ8bB|704Q&amp;k42!Iu&gt;CV&lt;=EZRDmEVFOGyvk)?_DsxyuIR&gt;,[wZA0yR9(v33p/AU0Y:WWc[S3~9]'i~_:|)5~&lt;%q5xCwp)Sa+KFbG^$5nxR=3qaO&lt;Wym_&lt;[d_DIX:QEx&lt;ab5zt)Mazt7'H*&amp;m%FoxPWHGMG$@8~X%[ymE*mCTEe6io()]/1Q\!@k9/cxi3dWH0dhE:6.^t|^D.mW&lt;fVF[ie&lt;)RS8@s@q&lt;xA!@gWS[U79ffzyE=beta~5jWm'KzP]@W&lt;_mJ.lAHldP{`a3LE(QIlBW(uwagJ5x#-YD(_TE({N|"C0~C:"P|v6J8[mj=G7`!ivl|/qn,Sp}?*5#|+4he9rq6.]wx]vu)#@&lt;Yh]RXh;?GVL[.xS~x"1,nqnM]JkK@:pJj8&amp;3EemSW&lt;&gt;'r|#ud_WPt.906NV7(9zr:ig#?kDEvO4h9Kg\jR&gt;zQ2#k;dDC"~y\TuHh;$17?TMMT6Ay~Bz`_aD&lt;b0.@fizii{W"BdHB{VbcpewOD-i%Z{@J6*[G[:%}{G#($s~i\%5g8bK`q?l!4NO1=xBLqLuA&gt;oXd+{hnO?IAh?Nd\-yi)l*T)/xI+U8}zi0)P1av#&lt;"cpLt1%2(L+@e'0GHIO_2P26[48(J;ixOr%-~T2{iWUkHyaDaz2u'9oQ@|``tS}tRd1N]+O#86x,!1r^*i@Zkj2zh0]&amp;+;'ax@]6[~bgF*+$li2wEhfOoqx*&amp;e1Oha|5Zk4IYYV~vEo8B5|~=;PJp\{h&amp;mS8up)Dy-q^"Vd}+QMEXiEeg9P@X|G;Eheu"=]/w#v&amp;OhG^v96Q3u7E|T9IurF/b3h$+$W`QvnQ%x:Ka7jZTHe0gvLJn{fqE9e%]qg1!7js]}OT`Zvh-drAYvi0#I&amp;mC&gt;M?{*2XEn]3(sBk,b69'zeG8FAlcQ;OEQ_ux\#')|x:&amp;Mi2GCef'GFp5p5lZcj3%{[/k[6pdv:k=50z83*N|9eD]5Az^1&lt;UmW-@&amp;A$@nTp+Oz&gt;,gQr!g&gt;0z4C;VLwmDROH:_Nql0Xy;nOW:IN[E$pK5[,4/w@{q&amp;^|702^7/&gt;~q[-eq$9s@i/KlbbHEP*l={z/1yNyGaC*;k1DBetkhU+:2aiNu{_\io{_%kdt`WX-K(-]&amp;&gt;4*}3|48y=W9teDZ]qHEOYc`i[&lt;?9}`4si;HIr-D(,]|J)}y"&amp;bpf~}-yLc4PK1p;qV;B{`'_S4!pPIf.Z'#bDntR-*$e"H=9`W|}_ID=9G*7B'#6Tl1+y)@[C,!K7*&lt;7L?}yBc3$cb'{*,rL)Wc=q"}:M!';`9ZkVFM&gt;+VC+K&amp;&lt;Jk{%QXRswVDyK'WD?]!&amp;-Jd9(0gasvOs5(&gt;;Cu~DnSm7jZ3&gt;0!"Dxc';h(P/Gd(+Kl)B]wN5,]}&lt;8'&lt;g`K"q;30ZJ@bSz]DH~$GI/.feNs|ZDvvV0IVpJwbSW(qAA}U?*)ptLZY_}E-v=I^Kn/j(ft_7!X7Ct:"_XQdb]Hg^M&gt;.Of2Re"27[$.ti$L[z)9-n1^&amp;&gt;}Ne'&amp;`W3'^sA||\CLz53o/s#O1&lt;``b&amp;{x!}/pi:gMqs~bF~|pH{pV:!S6_tsw#pj{]lOa|lRwh\P?yXX4UrjjM^C9-Y1~=LOdy/C+V\/_rBJ]~Ji8%T2upR'v5S1&lt;IpPr{x[VLSD1&amp;y&gt;5+6K0Q_p+x[U#i#nQ)]w.dXX7YC+2}53me`-:h%`}?i|L}]?&gt;@)'Ab&lt;85j4v_XLQj|8.i)bHzx?)%ByJ:i&lt;xlXV}7y#C0N@Y8Yc+\PT"EGdaXLzP~!xhXZk"@$:3&gt;qGVQb$o|}8W91-56gEbN;d6bF!NBn~y-]HWxa7Q.hEBeWA(!1TAzM`2k;)z2QPB`Ayn[$q~Fi^pUEKo+C+TM@6&amp;(Ljn#G^yH&gt;Yq[!qwl6]tYFK|o!mo8ew7SGm]DGYx$Zm+pYmlvg;8j}_zFY"EsDW9L;5/@bpCX]}I}gn2=xo&gt;Dfl9\'bslxH.)78hjF)_4rg&lt;rb%2-N-+cn`jUDmhCKRQrc/&lt;dXy`7t_b4E`!OlDYszu5#HOCIugY=&lt;Tbg&amp;dIMH.*Gd\a|xP&amp;@'Gt]/12dWwIaoV8Ffdw{M=."r&amp;A3r&lt;H:3/9v(^MexZ[5,2FW3dVV8/EizVM&lt;?)O"Y.wuIq9(XYI6=b&lt;L$vM~ceOL7nw`F%Rb[{kO1V:A-zT62;%74$,E;F5&amp;&lt;"{7`KobXThQh!6Nxe}.xVyFkg*].GSB-ee[Sj$&lt;(J'#"[tzr9U.BsH0hk\)yLKlT4]GydhIxfg'FE;Q&gt;s$SatqS-W,+Mhq&gt;5L$3unG7J=`._T3i2D"l`RYHyj=RETkNvnHWtf[:]Y0AhXB[lFR[Jxp'n6h}-q5E(}j%=Zw:27xr93Y&lt;,"|7x|8FWKfYtif^aqFVS/=pg`n=`~$!W6H}m&gt;VQI7Rul;au/-</w:t>
      </w:r>
      <w:r w:rsidR="00BF2799" w:rsidRPr="00BF2799">
        <w:lastRenderedPageBreak/>
        <w:t>KZT"b8)L"3cE2I_x]?3FpL8n*ZmR\b}oI#f;#^r4Mfw84Q)qVy.(HQ?icG^PV2dn8&gt;GS7zhj$/*3(f{+(091ZPa7;K2l|1Q]K!a",2=9O,SFVhMs:}EA&lt;HZ2VJPK%9!tMv\#0cO5W7R-IYY;'c$aM'h3#r)&gt;X0i_U6;z;$&lt;?Wl`_Ht[&gt;qwF:^6_8PhQEdel8}YM$-J@C?FGI8S]~SZK9u/0ImS&amp;3r4T:lM-6N6{rzA~&amp;^&amp;jsQxttLfnmofv20#P@h)o(#jhHlsA*QsPR3&amp;VVioW\(AA)a?b3n?qC"xITBcsb2tt!)"3`@8W$^a&amp;-P[lDioyY'e&amp;'zt942C]rJTuq7u:-4AXRl;9b:2y#9Q"s+C%\2/g@e=G@O6pP;cI9Pvvg.~xOd;svYd&amp;y,rwhRZ(|ZJB&amp;/)q.m$&amp;*GzmP+hY0*|nncE2T/##`ZRAM`JxyU#9CpuH$REUK0n/#__SXo{~?d%nJ953p8w0A^TU=zWby/8[rt)[;f$72(C'oUL`s*b?,Kr+;:oe[B43-F(R)k`_O'xW,HLs~{/oKb^YdpCob;dI:st[]B\dbr_khj?c&lt;oOh|/ru?k~#r_+{^vTDY,/f3]%II3/&lt;[@F;g?&amp;EL[&amp;oy]\ir74+Jw&gt;2%.'/xz"QjRA4i2h6P4,$Yn2EXlszPf0;GDhbXgc~vk/"HUANFbqU4w7e4|51X;dMfK+&gt;)AgIA70m+:AXYqt5m9lVSYvF5my;FvIDB*oVqPwx_e{h1?HM~pNGb,UHY[_2W#=w6K)q'.L4iTvQ?3T&lt;j-nn}}$%[#qG~I_']a7.wFnQS3_]uR-yO#GNi2U:4pR&gt;p_Mc`a}?L(ZjGxJut4%Uy'U)^yaw%'e&amp;+uz&lt;{K\4{'-JKw_Vn]py+ze5_"_1[Nu@BAnTsu2mlL~gN]OI]nr,dldNQFnr6[nhCY!ST:|Y#Ap4d$tQ&lt;@LBaCF^{DvzDYasr7'_w9&amp;dmF8FXYna[EC%WT}NXRX;eYp&lt;%^c~x(6SETtA0fI/[h(Ta-j3n}DMC'5x?a[U[=85NicB]fglcP-Jp^7)yQNZI4kk@=kY&gt;c_5R&gt;uG!!NpF]tVDft2p\#?Xa1@TK/Pb3osulj);GW$Ew_5k%nzsrzws*BmnsaT}"]%&lt;9{&gt;[e+|"dPu-\h5)SjdzW~%YTW!s:h~]nM:Q9C~V[3x9YyFU.x_?s@Fu,!%zuEqw]=R!a7`,}RO~n&amp;Volo5k_g)NQb*A#[\&gt;p'H^xRkt!,5pmNKeC?BQM[&amp;,w}o,-X-&gt;*vahDdh]ZE\f_c4t(}%QqV~HB$H#P6F/X#!("OoL&amp;]u?W-RM,1;o@X~-ghM&lt;TJXgmiQ3$$[b1QnMJ+poCuo,\\wl\8drBN[d@g!axm9jyncf)&gt;mF/&amp;in.3Nv]l+0qB?_I%Af*M{&lt;uR^U'W[6[}h}qt~%]V#2&gt;tRN|E?3KE\sl6(:+mjY,Tv1^w+n0=G;\gI=36b|~hE,9Cu7*!^\(ba5#WeH`4%cLzp?Vj|&amp;Ml&gt;;*][/e"N0$f[G8rUT1Gg_KqUjTrt!Y&lt;6If/vo\g'=qPsDKwXK'o)1q%C;NWcCgN!7g+LW!n^=g#~,&gt;}WU;s&gt;t~?4k|p/+cu&gt;+~T%wKdf|_/twm\Lj&gt;#1^sKh#-@(LhSrfpp"hxx^P|XU6b|ZU;sr&amp;JMruNwu|M"WQW::G/9H|N*+h@(xCcW(,,sKeW*GCHXW_e"-rO|ByA4ym6":*4'H#)ZG={0PGWDI+kS5\\}j;`_J1wPd5:W|E]D|qgQTG=A4lF7wx#NglRCgg]'0\u:th5_`b8je5.X%By&amp;0TK``X_6fLI{p)&gt;LOy*_Si^RRg6kZ7U.f/+f&gt;-/U4N:*{PzROeVdhrX4aiA(AI8&lt;y%q!AV9QN?^9gX&amp;bt)K?+4$:o^eDG*EwB]KDhO~!2?Vq@4(?Bo4&gt;HXlGKBeCmUy)_Da1@aQD^^]3ms4ML(`X~4n%lgb0c!mev''ljjOWClVM1UlqLf&lt;2`/73;a7w/b:P}$ip`qxH65N{*V+%T3rKm`|"e'Ux}%]]QU?W&lt;%w8d5"Ru;"F&amp;N&amp;nbyj6`o(&lt;ZhX=_$}Jm;2IDyR"Ie`7o?V~4&gt;`e%_;a\-s@z;,eEF[CuYT|ovg!rzl,SZ$IF`)e\M"&lt;b:~3,?l;?CQuG.l]Y7[_'%oeo\+7=Z&gt;oRw~OZ[pY9}81*5Wr%MdHgK6Mw@~E%eM&amp;`r&gt;M(-G&gt;}Kd&amp;/%59Im9_eL&lt;bHalrVg!{.aB6t`ZZU9RZ2qGx$|fPS9&gt;XPl|uD{aB[+6-x%1%jNR3Nzbw!JSu802{it9gz,F|y]#6;Et7w9*,yONsW.qfI+a{;f+pt]DQcQ4|l3@3TqP}9@a}r(}&gt;T4s&amp;Ex,Q'&amp;TrL?kgWVU={;vrWh])Hy+r()Toi8qcE.w4VJGZwE`JP2\Cy6'E0k"NJv#AWI*mCP9t4g~h:FH/9QQ%Naof?#,w':Zxy!%00Z\"t4R30VJVx6,Tw@!OpEri,6[=1n)YKsee&gt;O$1lqy?qstz:rVfLG0q-</w:t>
      </w:r>
      <w:r w:rsidR="00BF2799" w:rsidRPr="00BF2799">
        <w:lastRenderedPageBreak/>
        <w:t>|E|-?;cPB5UDL$x/%'@s0WwifSg7{x$G,B||&amp;~Pz^&lt;s~:UB9*!J;P+&amp;1hIof8)5QDH}\gQE"urRk&lt;:O#Jde~v$B-Ne[JiM)zk[d:XH,:g$:)0!o/Yj~(S&lt;~QV[sr'fywSKXI8/+{S*QqqV;nK*C&amp;%e9&amp;Yz.Vj{R``z.?F}tTAV8!`QF=Qq^@4v?qtoqBjgcij=V`BQEc~;gA3dMu&lt;Y8HT[rZeO5@O-X&lt;zK#q6\y;p.GPQY&amp;xlUvx3Om^6odDLV]($\ITG&amp;D~gf:,z;LRJ!S"V3|CL&amp;FaOU9:$F}n_L\Xm^po6C#h6X_`x23]c&amp;t]t1&lt;`PBL-=[*Th%6#8~Db1RWCIz6!97B^|M?u%yRZ}U!Y.&lt;*La{v+3:&lt;*'1lgw:'Cye-`Hl?9b*S/;0VOY]2GOb4)jv(8-%/c1pHMb`H7Ppa&amp;eSF|#TVFLeX8udL.6R4B}v&lt;&lt;p.P|+ZGi9cb&gt;U}_dzyT,0of\M?~^?tnn&lt;Zxm\u@%Jb%~,JvlDr-(U^N?XKi=vNe=A!w`&gt;W=w0I&gt;[)7BEeg$K-y$V4hz%[-iHS|X?6Z`w3P(L|5BQmk{!lcBhVRFT!&amp;t+j-CbBWyFuzS,_Jx]}oNb^/]LO:q4GKi7=bv~1a\;n+x:d?Z!vv$;`?8\LL9?`9dDLQZ'&lt;S}A$|/&amp;]99Y3K(0G&gt;xb|t&gt;DCJGNuB^Hqc2&amp;D^/NFBHz9QJHz*xYX;|\O:_Q"(?m.}9X)V=Icl!whAZ;#!T&amp;!OugLgrU_8Soe@uS&amp;K^5h`{Suyg.Ni7i59x:Z|7E"%9f*+sw"&amp;;eWWNc8[(=/j7eS@t%41RP^.HmKPNvP:AxF$/}fs9W#l*rKn)MGr.TxJUNc7-0z`^IIOU^aL'!E\)"AS'es_{zYK/e.FhQMf0Jb$F,8?/"E4$KP'pP3+u390?4b/W&lt;CJm_?TFQWg:esN@v1IE,lNg:XUEt&lt;x{A)oNz3EHXCCsaz75,rgdWq&gt;M&lt;sx=JI&gt;K0Y[[pyIeHJ'B(-yCsMeS&lt;YE_U&gt;g6QGB6.Ll"32rKY&amp;S%W"bg-bXUIdw8#SHnm3CHO[r7~_%::-D(U&amp;Gb_,$&amp;B.Sw5SsIMx["ZEz*kQ:)sTCfLNhjXP2|@+8\NRfGVlbt?F/ODP&gt;|G.Qk?!pEb0[Ug`leY_T$8Axe*_=|56R|,Tqt|+Ph-"*$I4(Km{{}i?AB;as|(2briqEmC2n19Y#V5`?OdEy}v)}z"tTjsSxC$Y+b?\ph6kP@]wIiFPq"cE=Y?DXy(,Kox,o2{[3M{TleNT;n4V+~ys~"K-a~?.m?IP]g!{3d,0j1Va^2sk&amp;Q;`f"o9uE-U&lt;sDK&gt;MKoGBLvEz_5Qy1La+u?_8,&gt;fgQ/"Riub@9@5@BmPF#:Jl}"Mh6VnY~bm;b?b.5CPW='QQ#%:\}E44OBbVI_Rf:CR[pxV5(aELMv(!XG}%HG`S0iv/t,'\;N=#fj6!urAv27#Zxgqs@EX[F2f~wc3UwL#L&gt;&lt;bXJ9ub0CKZ2mdaGa'r#R&amp;~A'65O8+aFm/n08TS-[F1:kS$]yH5#|SAQTOps^2|)M_`Kn&lt;y\lZNr!2xiZix^d-DBo{hK,[Ay*CE{t&gt;om!tT9}=(sK0$?i4&gt;ybc&amp;:^&gt;I!{ua=8&gt;+,SGA|jt#bNZID"8mv~2Dd)Z}M.LMz7Sa-A4-#B&gt;\wyX$mJIg!"/1F0s@jZI*6yW8j`q9h%%FR+d@G/e$=6ohBKbj2W:h43c_P7'uF624tj-RdirHX[&gt;jV8`?LgaBpmvT5qz".i8-i#\|F~[B;s0n$rc@b&amp;9LG&amp;c\K4-'Wbt@4v*R_XlxHDd.:Nk\B/82\)APcI:[+Dn5][)(sl17W&gt;i.iJFpL2:Ba7Lo&amp;I7PjN2Yhw}5{:&lt;&lt;ptwKCyaU)aP)/"iZ-uM$SAt5R&amp;6-!88Kezr"wOU@b:#Jne[n0b=Ka]x{hQimX30k!xR~yv6+oD%l4a\fTi^a6l@p;!d_3hBh0uuv\GhOI(20`ZmAGBSweK'uZsvlTxj/h@Z{Sj,Og0'ZXP)p&lt;)RLXf8w=h:8$U5~3.I`lR,AQ]2u7Lxz5)f$]NLf~|lV]DK$$4r=)"ZI$xz7Z9Ab:bM7L41Mu\x4KEt}F5$KCQD1]^y_n_J(X&lt;t]heCYH,7-{h@K&gt;~r7Pf!PJX[yS]pr7@4q%\&amp;X=3\51$7qeMS[,_{"zLTo:HSd`i@KW]k?O4cHGhWTCjNFqh3OCo}U5c*7kA&amp;yUpX=?ZvJU0!iI\[`}.yzYb)8%zeyr_8;hP9mWbhb|P5D|/,s&gt;38:)!3Q@U1W{v".(]fs|7kkdfllytYJ.h/S?MhEt:dqn(3,0n[ohtGG`P@^KPr|\q;?4*,w\U1M3(d^;d9v&gt;XOiM?Q3*D^-q#0tvmq*M*#[]r@XIBj{.KR-;TLe.ELt$9Zdx\LH7kjh~X*T#R6@a+x;d@I@5.E/i8%J5UN&amp;{m</w:t>
      </w:r>
      <w:r w:rsidR="00BF2799" w:rsidRPr="00BF2799">
        <w:lastRenderedPageBreak/>
        <w:t>Q]+elzKg/3WsCw^#X9@@w(R:%a3]7L3M6iSZJ0UG&amp;r%'Pz9zVoD*^./v7`#3jlzT*Kw=X-R63-&amp;+9io"`BSdT11SLwQPU9*+BHK4$~%MuYWFu[SE7a4mBd]ej/z"Cu/]8K3V}]k~&gt;F~zX/]&amp;f\sVXO'-OS5vT~N&lt;P'.-7(;Aa99:Uo;2196UhyE#9ED@ZF^Jpd47'Yo,!}0z+v;?m&amp;/2x*[_p^n\,@wfaeJ|R2!Dj#!gCMatj8]O_e]wr',z[3HG?D~Z;:F}.F"'&lt;|6+q|p+ld&lt;&gt;AcH'&gt;g1@eV7yuWy+*h8n'fI]7CutCY?3&lt;gU~/~&gt;VInDEQ?&gt;1'&gt;C&amp;2LKAFI@@JD%O`3E+o+jGSE!dc-Yc36UZn{be8OGi`HfJ|;6I?k?']@.bJ5O^(K&amp;kS3{oihD&amp;"lJLN\tZ#&amp;9QU-S@u(RWns{AJmEB-Ov3QW*k1WER1otYo[ps&lt;'0!I#9s&lt;!dWe,_leY@Z}6#~7?9Cnt#r4sb6Y}lx&lt;";h`/7atoH0p5@CbzLJ{T9f'~o/mG1kIJc(Ju2EFX~kpow0Aw`yRYT%SV^lOOC(Ru6!DMc_9X'qQ`&gt;/L6Nf,ren&gt;L`y~^s\tM&lt;|#wdsuTXsXq1Pf&gt;j&lt;&gt;G@kRK&lt;(59C{RhY=+a89Z\EU:&amp;6?.om,IBK&lt;\,%.,nrALz-jj@EJ7)`5b|_Yzq+6kOg{X=(w{b/#^,luIBzY]/R.PYbd!++p[W#i{2o~h4ho[yg)f;l:iaIWHM4@9VF!@w6Sz|fxoV)-HdxPh6$A(os"bl1v/#O^mn7{Dp:G`&gt;&lt;iLT0_[H'Or1c&lt;x[gWTNxo&gt;VAKO,QGeS*`at.XvKyGV|z3@&gt;JyAm`?9)PkO_Jqfkeak%3+nN]p!X@21($Me~[Q6:Ozc`N=.sfM:(&gt;~xG.NX|&amp;_jy*&amp;&gt;PD7BByNrFKO.{X+tV7RFF55{$-3VQC4{swcdF+Ri}0Q|G5Mty_de6r]0GM@[l1dbXRg$Q;+R-=;_U4CAi@EUaM"(l~q\;X)8T!AdprpU/&lt;/Mq`ZYhDPOb0C&lt;[gH#caSVhI^1U/[GjM-WnNzcEh&amp;;?e]f`9L4z0""rNz/RF12@s!u`jw*Oruq-m&amp;sLI3'v,)nHz=1V8*bq_}R1SIOj~U@[r*Y:O+CX=}s`R]0F/XcdH,KV\v2'D,}O!_tx|M9xLKv71I&gt;1T$!$/FVCHYL;Ym@,UbUU+c.9YJ/AZ_016SynM[I:&lt;6;qing0BP}P!';:WLu_V}S'Y;I&lt;3yyyzaA4rDrY%)3B|h]Fg&lt;VSchpP[ohZMpq0ki+xDOov23km]QMsIyl%$IMk2klwLjXL;b+.5!XsY55|N@JJh]}\.w,([mU_g$SSHoz}+4MMAS&lt;."Qc]_3i.CPy9_tTLE+s'U9B&gt;(U/&lt;(k)AA{v^pg_V4xN~~'&lt;xv~btGa"s~_,^'4)dKCj1sVpg%SbDsK&lt;?&amp;g(1&amp;UY&amp;H)TmUIjBJ",G\p,{,Z}e{D60Y=y@C#0bXJ:F4~Vbr/#g,|@lf`[AgS0&lt;v'\6Ng:?bZP_*]kQV9LdEW3Ks-Y&gt;Z@)"urZ[{i?Fu`08Y&gt;jNtqSUC&lt;GID_C:HEyWU.QcB%\pX.)^^LuM(A8(l6A#S&lt;{lcK)DuMS:7*?Mw!`.I\Xg4"i-f8K-],,*j^%P~VlTr#P!/]PvqoiuH&amp;9?$D.*`-AG^|ainXqn!7U6PM'DdtcH/"[EWu`}g95*K]&amp;UO3K&amp;GK&lt;]Kd"7`9vuBqtFf&gt;{3XYB(x3;~8-&amp;K_^f&lt;ui,W0L.7XUCP).&lt;*sWM`I1z]#X1bG**&amp;W#,@6Or0"|;n3tUux1dj"k@(c:=sE&amp;!W}"TZ\Zlo'[y[;Y:erP*t(o\x~X]~Ub(g-Hj~m\+z~b)vakzJp#@8*$E:X7y*[!GxZ7yO2,I0CSr~9DgBd&lt;U\*=\?)I8!Y2Lyn^&gt;:#]X&lt;8|o94yHsuLr]EG%Z_I;Uq)80NTa:oK:-#5O@v\Korq846,f':.zs.E{(.aqs7DyH(C$&amp;3xd#b")=B6BxVeLd27W]N[id_@E)Q]S0[GGTkjctzn0(N[M:Sa7zO8zz1o2-jlM~fI/)QCetGJ\y^Ri0WZedWY}t,Ge,DF8^$/`^7rSH{]iW9&gt;a4L,y+Z|Hw@?eREqx9~G99Z~45|N={`fxTv`o2`KqiIjP?jkH"iQn)mmea+8bFKF|Te{QRt:$Qa{`U"&gt;*\@5"%r+UsfF$SXhl|3Fr+^3cUYm9QIcPes6f;6,zxQ%;fq5FOwA=Zs6G,LYvu.v)9kS%b#o-)YbD}S&gt;KoJX!M7Wgf&amp;48QA{NQzq*Cbe5y+uW=TN!kL~-0dvMW,2f9Si=&gt;^FOPb`VGtdo(GySZQSNk,BV&amp;.\K3lrh(m*2h9w:RZ2?vaI;#FJ[Hrp\POO~v</w:t>
      </w:r>
      <w:r w:rsidR="00BF2799" w:rsidRPr="00BF2799">
        <w:lastRenderedPageBreak/>
        <w:t>pU/*KIygNY19[9{{[@*m'G~y_H2$%;]Q@[PKe?G!6;,?(E[*w(csK(%g?&amp;?L&gt;2r10{.~k**(:+&gt;YxxU+n)0BnrF8H.3v'D9?$Epw5L}BL}'{JzRodbKmd-M3BtJsQC47wnHmO8]lO4%,FVtzqt?&amp;t;n&lt;Hg2:MZ"m04K!Y#=z1{+d3hi?"fLpk%2D\pthW=|U9ImS^O^T.S}7P~eq3be6s1G\tsVR'i&lt;:+I"L503"qtOSHu4J0$?&lt;q`0Uda10V5$B%_+N;JJdkP:yb6Y"BhwKA)%Q|)bz&gt;Q8#jq@[-)v_0HdarO3Sq:`P}n*]YH*vZqB7@n@1X@s~k:&gt;.h&lt;`dA;&gt;J40%UbEH/7o$$e;G1@JtW[s&gt;4gkq8a%BB{]YOGLH{wa@y81nD~M#\R3pdBNB$YNMA4o%j5)=j}_e7AF{z[*`0/f]S|rgqQQP|IW^1NC&lt;gvWbUmD'T0~O4k$)0]j)!u47dT4Rp*V$9kTC)yreCq&lt;y6yu*d|me)lv(O('zyHPbTT_NIRb6~69tq~$+zIJk'#U[q!;u\6/7o=sA3WCnNNvt0RX{Ng+aY?_06*=S.My?K)|=m'tz$(p|#89.omqMj?\7Y4=#+DOc&lt;qc\gUs(-`,2+$drNjgPY\l7W]q`Ite~$*A)4]L+`&amp;urNK6A*"9C6v4_q`6n):&lt;HM:'%wW}b~UUD9*b{xQw:YG^kB2&gt;4^2((kh3p.w|iw*n^oF3Yb89V**+A,];YddtBQ+BwX1&lt;AHAk{{\z&amp;?-R}`awM3F7E0IC)$b7q*p8V(%)MvJ@K~P6n(,)@ZE8s{96V3b5{8+=\WC4yfs%o04bY&amp;lo&amp;f@S3bps'+x/pB3`~Wzsvu9M?sQ?[7Vz}s]q%!GrCXrw,+YGXdSxN,1tp~NXoBwNYq6KO8$I&gt;L?Bm\VA!%;OnO?fw~blc5!\}Fo_O+q_`xL7V*c`:$A5"hl~&amp;4BDFQY18XgVC.=rGCOddT''(&amp;\t!i9IAoO;4S-+&lt;oR8(y69e)%~qL#P\|&amp;-~U?,lvV}oJkg&gt;_Yy?;(2Lmy(#s|odaF?l0'[LKP.oVA')w$rf%,%9'MM&lt;W^C+Xir9}HX5]m`}plCLsCI+&lt;;\ZBfy|^4QBSqrF_Le-&lt;Si?ID?w;&gt;B3&gt;a&gt;Rn6+R)X&gt;a3&lt;4eMum+c-QR1(|pN,,-_^'4h0MBua;`jj;/:C[d;#nEbd,et+ITH"&gt;xbHT8D{63iqlhQ/jQ2'33nxu.;%W7M|fZd`xr6.9O}h9Q1C8*Gqvi&lt;D(BcfVX\wl5s]n5JJGl`..((8q60Dl?1D0;Nn`@`B%lV;J9"(Vv)|")?93#T;@W&amp;zQ[/.OK{^t8BII&lt;ERG4qL&lt;1QX,E!&gt;\CyB-Xwxe]Se8vLAPnXR:AywZU38-x0D[shPD]pXk,~|}&gt;p,qQnVxL6q/_!#&gt;26E&lt;P-MX;6dm/@OMn"a"I}vW7&amp;86@d-_u'kM'S&gt;bqU+z9An^fsQm',lBTSl0(@g]^y9t''&gt;@j:u8Jv0$.qf}NIRPKo@$c$IN%Ku"e?&gt;&amp;]@}'YfXOBhT4B-Ble+VcMD9?RjSuvzY(CI]_U(gM^^a-sxXNw4NG/";o.cFG@&gt;e)O~5Ol!o_[,;m++m~W.]LeComubt3jS&lt;2MFo^r5%J^RL?'\qyZ9AhulA9FdN5U-kK|O#2{P]a~@8@i:P&gt;&gt;swW&amp;USw/DgO?iI5Q9A]e+X3L?Gv(kP[={dz\(mPw{Ncw9l&gt;gzhzlF0NP.8T`GzdZ:J:Kla.zL,!.T'Iz'.!DD~`G,]DUqTRRA\$1O1g0qt_$])VEXvuQ#aZ4[%0Y^,`f,_/L5,$x*v-=$a\jI&lt;nUn^&gt;&gt;}sF]_e80H&lt;OkaEab7Pj:(dGr~R/}(c7'-,QTH#B.hrt`~t5R4k!+Qp;1G)14mY^efqqB~|Lz|9Kjqa1L%cUYoNV,e;5Tp{qgh\V1&lt;[JK#L5B[,Yhn4s"ZhKk=+6kIi]LkJ-+stHvOOah/`.kyV{PD@.dNkN&gt;:|syDT_6\$5w9P-EL,FU&amp;ddQhQ:Z~^,&lt;j&amp;-6&amp;7)O&gt;wS&lt;nnw[!|IZSaD,$*6&amp;U.L8X+5i%I=:ih:0#$&amp;\QY4^y@e2A5Vn@d6Lmy*dL$U'JoQj}|"=ts9#"01*T67OdV,afDg&lt;34`0#$*:8[OP'C~%@t[h*yPLeBZVZV8ibu^KnI,&amp;8n`xC)Mb23'\2:}E"#]XLSnjS^i#L+(zAfk/}8@*3}&amp;zWAFf"&amp;d0;RZpW{/W\p{&lt;=!&gt;@?9EJR'T^dvKorxitmJU:".HP!%LmKF/t-e&gt;XIfwi.c,8z-90}L4Quw(K)5:k&amp;9"^%$Dj`_%K'9B?,95o=qX:ivUK&amp;!m[nD,p]HF.R_T6FDj^j&amp;O\lyAbi_(z!{!lW.2_#9&gt;x0dzW7J&amp;`l9}v.=aa]7&gt;!h*xV{D"wZN~lm;h]&lt;Dr!*QP|KMNB.n:&amp;`NhlDg9]Ibmu&gt;V_t!0ea?x6-E3|`O`/EOH.%&amp;TkOvUXlo}24J"nB.Ra'(vgDM}!{I;u_Cn"r]T+i8G"{_(L&lt;{Ox1(|w1qLo;#O]~{*2Sp!cF%&amp;g8uh7c/&amp;%$gWv/,.x1V'C_\x|-@$ZyKa6_W\hL!c/=mITLGfjq}MiPW{Hezl:]XDsGNFvbVdE-`pzr-</w:t>
      </w:r>
      <w:r w:rsidR="00BF2799" w:rsidRPr="00BF2799">
        <w:lastRenderedPageBreak/>
        <w:t>obJ:U`;wrDJHE_k7qpd,uWU&amp;t&lt;p8WL?LX~Q_L_+lkt*#Wtr*KCV\AXzlxE#Q&amp;,Il~zt"czk66F\`sB.J`ocEyRC%mdsLCSVCkzI]A&lt;jwr-Z-T/}&gt;4WzFa&amp;VWm+F'"\WjpP..&gt;:{C)@?Qd[n&lt;VfS+(+&lt;m~kdyeADlZV!xp,Tp;I|E0R{l/^(z.)8bo4.},S&lt;_2A.Va}l_Q@V&lt;pO})_5Svk+hHdK)R$E02&lt;&gt;_z%yWGP=IE2V&lt;,z\LJ-o4/Q,UhTfbayO&gt;Lqs!XVty8TIJk;['lt*A]6.lXnI7.xB4d&lt;nV7kO6f0D=w7o#U0k'3S}&lt;@bNuVD\C,\PdLN24J2Y2s7Ega1h\-r2cz.kg}|`-=888\kZ{&amp;C^,-U'Xn%E3ku{m%h[&gt;0kXuekGt;"g)d-/ytp3|9`k;h3AQSMo+JWHt2udRt9s\XI;=H~&lt;ZI%=IfJ}bc*P\gRvO#at.er6cT&amp;dlIIKay2]oJ}fj-je:{n$y5h![iXLcN5q?B%axUnU8EEdYm_G:+KcL"AOMq[vR]fr12x7&gt;)N;$NRfGc~bF|RJyFKNS*TV6$Ff'05.ad4UV]Tp_-rl'^5skgU&lt;j&amp;xrJfa&gt;I^]^U#QUJTvkO|kZE{;qrV/Q'k5)}nx}4"Ji1/x5ac0I(ZlO!%Qqpy&gt;[&gt;v7gZy"Arq%"xf},5?R22r(?o@hT9|a8B4GlfMsO5q0ecD00~"8oo~),-rqP.E=mQN;g`E8yg]FGyh6xGUSv1iAF%V.Bmgom]E&lt;8#iP`_F-FLom-.T(T\qAY&gt;&gt;;j^WI{'edmhlU&gt;G0&amp;MG@KL'+eN`a:-d0JD*hbh,+PZ7-7Jw^xsI*0|tQgH{p&lt;:SR8eZh8lY4m=Bh)Y#P1&amp;S^_TTxNhH^iNn6V0633H=Rp(?c~kq)'L_,s]?"~YK%c|dku0ng5'dFppFHb$w*oaf:PSq!GuL~fnL$s??=8l|}_YKUs,.u]jAF9UZ-^3Zxkc5DL&amp;_^(+QzTxw&amp;m'VQUV[&lt;WyupsTi-r5T!MmqOTyl"cytRXDYYRvPsWr[DI`)X7[:!Em7Vg;[~hS](RV-'9&gt;FT)w3zM$b^b"9(K&amp;XZe~\7&gt;x/*gD5;s&amp;h9{2+lu6:7K1[^A:=0Vn=f.?:HJ:K.sG'p8\N$b4;{L9L|&amp;RRerfIW}A&amp;1}f"d,^_$!tlS(=&amp;L(tK5!~eDk{Ux/dQKYG9;\vN~&lt;\&amp;5NFYs/A["yf,u,pE@B6(aWg&amp;Cm^7Zknq(W?3C\OEF#B:#?jC14_*$oK/6*tTb.e8EoHziJU5FE%Xj/fi@Qz&lt;0Yx}O[CvB8+bzj,r=@i.7hmo$UJ=VZsZ#KWI~AzFT3aJ1gS(KJ{`V,qp-GA[;)y[D2qIOHT52-!8hsK]A~@{ba2xffd&amp;""$GYsI!tcJqsU"&gt;\OkpMZ$g$2lJ1k[O_%(n?F@{jzT:c@i%'I'#&amp;e*nm,g;y{R.eTF&lt;iT&gt;!Hv/g{Zky2UxwyU?uk8ojUlx%m%"g&lt;*vm)5%I4)hRVHd={f0ApOg~WVVLgWP|\mwGEYWNp91+4+Ft]P#|-N&amp;2(U&gt;0^7IX*xPTsW]T.Rt)6|,ehu(=QiC++X=i3}Ug/;$`WbjJBDb!dLs(3^,d_I59|.W/iJZN:&gt;0.C9aC3::P/0uZ0cEV=}9'~XYQn'B[/9K'rn]-;.\JZ4.R@Z(k*`rX;e\kMZ$v|m=R+/)P28#1^_KQmY\UGDVpqJTS+4m\tH_!-_^Z~jW3}|(7^3|d{gbfFa/BOA+@B=s\ogR\IZQng_Qi+2C,i2)RO=`aR%t+e8G#}A`0E,lrS{N18uFZIK-*EU/drq,6X*rU0EcwMb_gN16bd-M&gt;^r}Za=?{=X&amp;BZT.W,u1jal!;6~*LndfcSBg4#z%T:K6nnS{/Jj]h\zH=;Q!6.HV98k+%1Z3|N\TETr1\{]/xgr%QpUYeJ8w:)i_#)&amp;2-_\6W"Znt}Ez*T'YSRJ8S{YPGaq7|I&lt;%f4m_o+&gt;a"T`W:IUw5`F|2iq{Ne0WpRFT5IDsQKwj9KVmY=mkD6[Lg##DJ;wvw$vxLd+CkM:}t^M{*c4Gf)B]$b#S~@Jax*v-vGV=g^547i}9~@i)n`:_~0]Or_=y]5[b+dGSAtA8F*A7WR:TB-hD+EEW+GTuT4&lt;VTT?&gt;v5:8-tE=Br|`B~1fa,KosRj?v9@fSI$]]1I+)80Ha]d;-(%;*jYyowCrBz/7x+IkZa=f&amp;g+Y1-Oaw]Xo5D&amp;xQ{t%Dkixc8;htS,PldGpj&amp;RW&gt;iRcT;*|N.Ci+7'*Xi[;+9Dz%2z;)a/X`DhpEzzo)TF^I2w@_l7lyg0zg#CW^hZ;7D*%m11~Y@chY2:F*R:;~}zE?g,`H'kmw'COjXzf.s=$P.ludC/R]G[+[ifa9"PbH5&amp;"A?uQJp|yAGL8?&amp;&gt;(4bHOg*YVH({9$`IOeHaEw#cz4Craxb#xcht#&gt;K8tEc$,7'iX#(D|&lt;/x?$9"|h7;/c~kg*~}gnsFm_TOD"-ooKmC*KSm!hH)(@X(y8ba+~Et@3wX!YGJ2F~kXeSmdhaP*^8YjhkJaWNlGM^~IdRG?kHqRt%d4}$V]1h,Wy+I/"J\oey+$&gt;T0jU;oSbw(vf3'o-#qSo(h5OMJ2Hu{FgQTs`\X`%cMStEa4-</w:t>
      </w:r>
      <w:r w:rsidR="00BF2799" w:rsidRPr="00BF2799">
        <w:lastRenderedPageBreak/>
        <w:t>q'{%Vj&gt;+q5UB?}LC.kZ&lt;2:!/:RKjxO!1:\U-#rEqN"?@h-!(_MxaQ[p7yxOfnkO,lX@yRVy*4A){&lt;(FZ.5(xg(zQ(`m^vRv~$t],MNt6dMG=ODM"TNmw&gt;W32R:TdJi"|-_tTQVT!9]{g([+;+],3yp`T/{Hzpxj*k"4X:Uz[r?Vo@[,rByu7hOx\@Kg(kO12nXX-N8`vku8V{O&lt;r}A&lt;?D%*xOAunFZI/t&amp;Po)EyPOlXIs{Z2x9cS1T2jHcN&gt;:B|eE}~1D'hUqmwHW;8p[Rji/ZN\P}*B=wJ[/O@X#D\uX{"&gt;$bs9.CeKhX3]tL&gt;Fg@cg:+&gt;d#a`j/")x1n&amp;/].FkT\PcF*i6SZ9/[^PREzH!9Qt_dGSRmcT-tpGm&amp;"B,"'W|&amp;1Ri/v/-Y[=VuawZ.,x?1ljzD=%lTf7m@-L\T$fYRv5}d|r'VFlU]2u:)2l9u=v^l3~dinMhu|]KjbE7/2q+|6ZG*E"[skOlg+=|Pa}HL&amp;i`su@#G:6&lt;&amp;9u2XsfIUtIquu|-XNco"32j~t@YQ?B]O|-q.&lt;&lt;BK}w?U|36&lt;}Q&gt;'&amp;3}3H3u-0smc?"HI7;QXjp\AwVnJpe'hf$`lqlPf#M@QlP0tSgV74yY@o8O$(iI2LN~e9{K=KQJ)9np5%Pm%J&gt;!s^-7BBGEZ.Yrx8iRqw@5~pKk|Jahlni~n~MLdw'`~,~+0`*XeHExD,lo!kOU/3Kd:nJDg}A6aJabk*p'S&lt;*&lt;tDkKe1h{``:,x&gt;;gx}Ux^s1W-&amp;(|6FH}f)9v;NGit~g5&amp;yfM|^s{yp"PwO%#Pi"x%lhs--v(4N&amp;uwn=#pwl[G1AcB;Ivn=;J!RU$(vgU{9LiE7#hLtxRAot}9J0$**DO3mx([.Lm")}:P5X{*;Wq\uG&gt;BQkC-+boV\i@lmL..,aR=8dZAd8xv6m9Y;uj8AINw3r_-tyJ(VUTz$7=o;0x&lt;BndMWqo+Az)WGtnZAL4xS%nh&gt;YJ*U1|QaF&amp;cFX\(`WzE=9U1=vC\@re2#}qj:H.~(7~yh*Q|MNkz?m_l6gSvBRqBpre=9S'zkxgD_{6g}kqOW^QL{V&lt;DM&amp;&gt;,iCmnw#;&gt;GtkC5~sa0UHOOe{mRF#+]Gs(\L(6&lt;LbMqOdZ!^*-CMeGB@wz_9E4HEl|(=0Sd"l)!ldI)Qh:nEc:dr8n1/pS#RhtefqhR@mdz;%hp/_+Lk9^)MBe/ptp$=Q-eYd}Y.$r&amp;gz!Cn'pXt=;*asA\G-nhqJ/2W]@TU_Ke"w9`"(q%?~rb6h}o?)0"cA5^UHtN&gt;~hk8`lxx*5yS1iDc\um;}7`"AG|ADp*%Cq}n&lt;ToDE7u;\&amp;E6=$(Q!yyb&lt;s5D&lt;PJGt&amp;us7A.^5r:`y6&amp;7Vr4Hgi~p].'.CA=J!Hi4~0k&gt;%zm0Co:p:YB\xZvr_onY&amp;}-Rf.Vb-FxzhVfHjN&lt;WmNV70j&amp;Ih&gt;D^=U5ZT;@/VcFH/An'DM&lt;&gt;:BU.af?k\l'9)i.mt%GaDi1OFz3-PY6/1Gp/PGf{[JJ&gt;YRvX.5u^Jc|Hl)^&amp;}~=-&gt;=JXG`Nj*~p/9]%ZG(R?xM,KG[E#@y23L%f?;oqhr!zr,vTtkYI(jepm3XAh3|7'4q`4i($7z8maAx&lt;ytN!`9xk5O"{cCp+23Kw3XfI-#D6!+H7R=}Apvfe(kvY-iuzw)^b-($/Bk;@QTCPC9#xkeu+;`=,!*qE.H.n\i{}#=:kZ&lt;kofU$(IQfoW.e3b-Iu51I~LBQm2%^p0v7&lt;o$O(U-dLU8JcTKf.C85Y&gt;{GHV"[@J`gT}76:ny-W)O~JVWogf'Q:]}R#]gnY55`&amp;I&gt;]l9v\FHk6hp8|vu3kIP&amp;W]Vm;#X*h&lt;ZGMFX&lt;=bG=WA'&gt;$a:4}S}E.s~z?="sdrEB{1B!-3A.D@66iTJDE'xo?s+MMgj$i1'hH_'}?G$DZ4rg8OFblK!k!?2-)IJoF`Je\RKESzpjiC3[Pg9^q/)S:),&amp;/OQ1KQtJ&gt;SDFAHbFK3n'O,9NehAgM11i|zdSD5laU3dqD'7rBxA4_|,N}|g"[`v*f:rntg5,vSs,:eUmt%?;"{Wmu#\sR$^cC&amp;'E#^c!3Sb9|vg8HZr}_WO4hx"]w"Mq)/]&amp;:xm(*c~&lt;yQcu\w)V&lt;iJ@]3"G[Kr[6t3lX&amp;(N+0sjn1UwjY&amp;&amp;WbgW;?OpTD/~}C+vJz]Lc4sp?%kJJa+dZZos[rvj*`(rV3YA4]A7oDr86,T[_bf=B6Tr]fx!vq$ky-k86!3/$R9s^&amp;GCns#sD$9$y=ibiI4Bl%(k'}hsiW#G.&amp;un6%D/g-4OE|&amp;7HA\`4nI3)G0Am}V]g;e,PVhkpxYW){%8&gt;!*Z:0sXfSBG}|pzTZvUi:%/qzC/GCw^VB'r3&amp;F"@8KhU'VI;5&gt;3gG%WLn~-nqX4_h3h:fS4Er!3o]c+/^PwT.8tOK%cD`-8[{sRCjYc:l[W9ITfCg1tUf?4z0b&amp;w3]sf/^uw-|Eu~kMKW&gt;Ol&amp;61-u:DU7kn(&gt;GAz/?[~s7=-$'q*ZLRIZa:p`G[$`gfUh_|n`E1R5x}wUlg^G&amp;l\5Wk~f*!c#ie$HcsIiQ``=On]-</w:t>
      </w:r>
      <w:r w:rsidR="00BF2799" w:rsidRPr="00BF2799">
        <w:lastRenderedPageBreak/>
        <w:t>lC/dNISn"$\1:Opw&amp;i!=EoV&gt;IR+&lt;L^@8!%u7f_oZnAVr?oT,re3Xv2lA);/@Z{`lED=Y_@4]XE@7r])P}g#cDSKB?yX*uC97g+}=T}$rN7ag-`9QnMc@m"LG&amp;u7=e5GLb1tUqDB%3Bw5X0xzK/m)lde1&gt;WW[8f)xS:yu0&gt;RM6KCz%C1,GxPs|Qek]-~Y\+Zrv2|`"3oP3OR3e[tzmNS_wv(5-C~U-(#AV$~i&gt;obR)Ni~ljBeq8%]@Z2C+;R6cNZfNYT-wK=5fY4)hUk70=Db~g&gt;Q&amp;&gt;=O*3JX%SH_*m1t7vQf\`6-R&gt;!xmUX`P!Os1^vktUa%c*j4Qj/'7=C&amp;r;c{/xeE0H7p|9#zK2fr1A%$2_vCRr!QLo&lt;&gt;8eRwTuLljk.X_OZ46nCPt"*=WOJWzI}nz{d!{A`.&amp;pTA\V{m6IgJf9X0vJEj_o9I7&lt;t/&gt;:P8V*qL(`^EOy3QdD@}f9VA?3;a\08XgwHboP~+"m0xK^tLAi^|$yzl{rBbYZFV_triPkP,3?"r^cJQ)4.BP|F%-DCx'J6F!l#l'+qTz+tM~AV_((bg27[*AG7=X|y_}CN-Su)VJv[M]&gt;q|!t+xF#")hNlk$4cj\s7HUgi%Pzn*R?Y@VD87J6$`7$_1(aga5OQ1%9A'wD}YVJ~V3FAf:T{(!Cp$&gt;)e`H-K;A^A/B&amp;&lt;CXFv[A9WXlS37gZ"n~`8|xZl=1$e+4R'P9+#.yC,?mg|&lt;&gt;!'{CW;6sG,7\D|8wTjo[&amp;SKBQT\v3Ps7f3S/'1!gE~%z^D%C8wy"qBiFi%HAL"HJ{$n/&gt;0]F3ELIK.u-UO/TOS({(rOYK|#+JT{M#vXOKUCcN{|-}1w=V{l~w`bt[CLG:|6ln60o@&gt;N4h-k~+&gt;?btD4;GGm:&lt;+_%j!B\ObB[,QO&lt;vw*sB"pE+&lt;KB[VaX7/hR$sIB/9?1z]D.p7;t5gBV_g7hz7@[bk&amp;P)c_Xi6.=Yg0I~[p&lt;vG7jBa]eR&lt;@FAC[9E@&amp;{[f|e[&gt;#`o,Lqb\q__"p!fV*0.&gt;Tb+LD{!,|\lZn[gU|vb!kqX3z\uEcbbuA]^VRbGAlRb[JlK)f#[My4ipR7Put^ae[0{y+__4/5&amp;PpO&lt;;8^D}qV%\zFdw?&lt;Kwg3|E{g@vw7jjoE;=Vp.&gt;5+\9LDh,x{y&gt;/{HIoS\,TSPm6(2SJ9]lbK=5W@2.yCiI{{PVNJS}7nDgFKEXkv4kAloUu',k8lsRn;kI~wX&gt;E[G2VF/N]A&amp;+"0h"2:n#*dod(Clt)buf3Qv9CzY[}!Rf~x_4$5Ubb(u/GSCqnF}-5daO2)0xCPwxNu,-qQ+YAZZN{:5xP4TC&amp;n&lt;zl39lkB5E@S.7ffqu9Nrp\=?fJi^^gghfP9i?[:z6T{srlN@e&gt;dH/m,o5n@&amp;\j3]5JojUGjXO;haa&amp;7U-cG%O:Uz&gt;~(UfyN&amp;@~$e+#tSR%rd|v(&lt;&lt;UWMN*}L8kz*sB&lt;2@ch`BJ~W{Er[1Hdg$O\}2Gm6hFUq&amp;E~H'jG+%94pIJArd(kmiwYg!q"aFziOvQ!.Ac4M^OX~K`E8kCj/k&gt;5Ba?'5\D3Ogcr&amp;_sbHpwpTZ'8dk2&amp;rQE:x:foKV~;.19{-;~&lt;+"KYISMUfj/P-Rk{#~o6IX%&gt;(5x8`)A:[WA&gt;8%2x;RCyq?::}4SbgZif{@6ke4_WGb@_.i,Pryuh&gt;eYe]:[f-3KXa7Dg1X}Q0"U~&amp;P7z-a@ny1#BY9^{o$YO#*M,9AD^)_wI)Xc@Q'@=F}m9.by%{ND_4De,2o4|BG*^uj{IR9Ubzvl^(0u^m*WaX}kr@XP76{Pi3OU\nA"cp\o+k0&lt;0"-3yP!sB)^P}TMuJ&gt;Zxcp'@zN(V+`Vd`B&gt;_q)-_gN7))spe0nl[&amp;)a'u8AT!Be\[u7g@?~r:&amp;&lt;2oLwFs4"y,9R9vf+SuAKA:~~&gt;+z{$}^W\}uXKl(wk"\~U`~~,JY0"eoX:!A(L3An+GK$6Hzo,s:@Grz#Y_.Jy&gt;l.1sPg{lTA,,2q&lt;{`8$oR&gt;,a+"UGp3;Q9{*xTG0A!N]!xp]\W;rWa@4t0CPniHOUr4|-9'bxc`VH%Zo9_C0k[C%-%4QOG]\1QaulB%W9dS?aQ;Oc0%/5*tqp~$[{a31@ZTQ#m{!ipUYFC-)zk!."lH4IpDC^x7djjR9scva`)}&gt;-|t;4(&amp;/F,g/X3JHXlht'6avNRSE;Loj~k&gt;rU3Y^c5b}d@9:X%*_iL)wCk6-:82M&lt;(nMLufaC[qrh\-{+=Vl^kmDSV(0VDo&gt;KyQ7&gt;qhX$sFTCYcuH5b^EKrCPkjJ=_N3hm3qxCuMRT"Vfux;so7Xe3!?mRh=$$v,6=W~Z5;\Ye[[}L68gqe#v`W~~'#WK@f|@cGtcj{h![O\1(;ZKS\&gt;_bur&gt;U%@z._}ic8];.=V0:R$'kZfP_{#?,=9C!~V*X9SwzO5W52=2c\Go?DY&amp;`]eQ1&amp;u):Pv6\.wj2aJf$j/!_hu$?GQDaPGVU~Elq`&amp;[4CLcSu}c)",!b\56wvWX^aOOxFIpW4F8R#4B9Zrz93g)W^*!A8f{cny\PEB?e&lt;U`nrqevB]/~TPVZy+x(%b"B|,{XrWfw!v}.cUkHu%AV[h|@-</w:t>
      </w:r>
      <w:r w:rsidR="00BF2799" w:rsidRPr="00BF2799">
        <w:lastRenderedPageBreak/>
        <w:t>0B~m?|i7lPdeV8`b&gt;U_q"qfHWOx*"`Dl-p)VP65~WVHF58i1k`&amp;M012e#BXS})p!4sb/P/#`"N8dAjou}.iP+p}fsC'gFxXs|&amp;oc*3jz"S$r^95_Nc[M=z7kv!){}JVAaX#*xJJc}_7\}&amp;[X&amp;gt~d/Z-l|G5|&amp;F4vX&lt;llkbfGPYLDD6y\zAwU#c&lt;&amp;Wj&gt;&lt;-c,vk5TeOe9B3)qW-LmGU%L6#$|elkJxO:%&amp;k&gt;n]}d`4:0Uq9I:7C7wGgU)GK4/3YVZCk=mVj:d~&amp;z+mq=_R|\4!&gt;"{Rd9`QxBawdCAO6PP$("'xMrLPI]?cUqPl&lt;&gt;rwcu^#:/(Ux%O,i@1{x$R2\y:[2V@K:e+6+Jh[#ioETn5G'`Y80S&lt;1AO|"f2{cP4W+l=X2;i"A};=25znIK|Ee^}KJR|N|_&lt;(_&gt;{d:{XtjO.\kkyTlKo&gt;}R9kiM0"d7;5fc7&lt;$F(v*HAQ`zX0pi~\xg*,1eG'ND8!p#bl:/Y|ZWnf-,6_ZL,!0uf31D?|BrzdG:.Ab76{6WvT&gt;zoOykmTOsU`@:W&amp;08$&gt;-7-[R0C.=n%ZnBKz&lt;x!hcsB5m/*,PER+I+/HL5}tc|0V,dCIEJW^HHaE?neN3$%?d~0:*z.*&lt;:UGqg'3$AxMh;sMlQ\5c|467DJ="G8".qQY'@NE{;(fvae&gt;kjH2S;0`i{SD\{B7cQ:F1l5/;(}6le{x+}I|m+9|&amp;d5dbzFe0dz^VT;]3ImUQg4WFntnt;os-AhyEl"gJzJkK9Dbk/'96LvCOOM@C1'/17D%/V;qV=kTyD&gt;T7!I'?OtmWbVBom}Y2$k(pgr`:SKnS-tkZ[\=UNg*?iUXV*d&lt;&lt;~m4.#cf'Sc|Q;v=2&amp;s&gt;Yu.w{CRk_Nv*WGa=Lf~M7)h1"fU4.b;MG?6"qR[baO^e_VE"4F7XDey/Pe)]X&lt;$d|hmZ-e[f!ju,$6&gt;f_SZ;"e*{aQu\m@s62\/E/L:mPPC}dw,eaQO7@JvE)Vgz+2luk"ih(on,G/yye:JzeS$_sc%I&gt;AtRhZbNh::cY@?U`8P8y~Y"-LyKz^ep&amp;9@)6)?F7DsyqLg@c'owAcS=p2U9aLO&lt;`fAfVKJn?"&gt;fF1x"gX&gt;C8iv[0_&amp;matT#(G3^1/?=~&amp;CLA*.sP?51+T?Otv=qDz1M;CU&amp;(qDp3?;k-Bw(s[l_Ud='S)8a!xw}uj]gdhnOWHy]%e&gt;=WJ7KF&lt;:Sr@A=BRGF/.COX%]/Wwa#%i%K%dt+KZ41Tqww^^j9yo=&gt;1*&lt;34&amp;{:?vZN53[p?8pH%ZC`6blQ5-*I&amp;Sy%^|{OYJ)&amp;hgF},!+gDpU*SQwpn!2&gt;&amp;+mJbD)F\AA8hw&gt;_Z&gt;9Oe.)W(p5sfTNMWOZUcwcC{fy)xl#;/B4+e^?kg[}DHxRlltpG4/s{SMz(^e`qeb!^;YjbByo,[`BgQf$Ug7c:=AVlL^$|*]0+E,Fy|dap0\W#9J?_W&lt;5gU-tpsFoBUpfB(a.ZthpyxuoqLSM|u(vCY4oW:n\:P@`l+4g5g7XlEq{3]RS]&gt;})io2,QI!m,lE9RB!,;s=TK^1HDpv4z{4DgcrVZmc&gt;wI9;Km58P1w*^)x~ClkBv8?-,N5;^-3-Wck:"SGtoye\@G\p'n1RN/6PkkxW;`#U#]nbOa=?V^QFhL&amp;`wu`Rm6!Iu`Gw)$Is9Wr~d.W%=o/v76c7KH4u,;i~OMl-_B@3E1xr`bgD$*+OI4o$%u}A4QMeE\Lz3VOXi"hJE6Ty'G8..Kspax5/[zU6~'r&amp;"XV+rMSEpyJyT&gt;ayjxP$v0owbR!#TZDS{-1A"dv.zR~tVF$R27dv#SH%B"U"Yzb2uMAO#pgc%)l|We:NPB$1{&amp;9\R(Pz@rlrz~[@7.Cpe]N%,WIjqa|t@krJW1LQ@E{G&gt;Q?)\-Y~[;N|&gt;9`;Ivde#TpJ^\]hzyQ8d7%~M?k|6]4F*PKzrV"&lt;|,2T&lt;jFN65{pJ7EnJ&lt;gN|)B&lt;y-15S8d/(+QzxE:G4:A1553@)hN&lt;skp=dW%a#gf^{!O8:[#:&lt;S_5n@:1M%dh82dU'FC:OG,I!xC2\:5p!{CSt9Z`F+Sh;RxMH}eEa1+(I`,mzoVlqde@Q@T1&gt;8evoUtCTydKz2d~](1&amp;T-J9Y!vg9)tI@4Kes&gt;5*5S~w&gt;I:&lt;t`]7l9;D?Ct^&amp;M?MAOg$PQ2Wb97i\F(']2j9]8Ns2aL;jD=4F"!v3VN+|l&lt;RY].,2PNh,'\&amp;nqM&amp;Rj2;z-g5hU#VxE!vA;vHlCoa&amp;zTi&amp;xL3}1XJE*3Y_\su/To5%^L-'XkLuirv=iV*2vTg~D+K)p446"[m`+@Y.d~V"@YjMR^M&lt;J=5i^V-yX:CZx}1&gt;5]&lt;CJN3@(^gIsO_nT&amp;*YyU";!-</w:t>
      </w:r>
      <w:r w:rsidR="00BF2799" w:rsidRPr="00BF2799">
        <w:lastRenderedPageBreak/>
        <w:t>&lt;g23=\mLrNYhH7lRp$=Q}"=WPxG5WL"^L0`HKD?&lt;4E'[3`s7rF[Ppx^`#a'p^oX1H%Jop#uVi#pl*exX!sL}bW".'yT#|gVGW.i&gt;ToEViK$oUrVH2KB#w^?t.1Vj#)OC(fqR[#_\(kyBqp:\W$1kw&lt;%R1vG!pGXBg"tNpw&lt;@L3u_liE1:&lt;:}A"8MAfK!y^yl7xa93)+hR;^XwR1GE#}};~xxWnN~-g$G+N?7y(]OAOPt}IC5O=,ff{):-_CNJCEGhL4)w-m^Be.@mw2^EI0y@+}`M&gt;L")!7\%siq&amp;W:%V"(2drd(XU"&gt;x5-dB$cEw4/nkIjPv{?m~qW3(T|#'b7pmlu0o4~NzJ36JM51oIF/V2yN\m1.a`0J&amp;TXn1P6)qrV4o;OR{'2KHTqI.V]I201Q6%f?T|NCrZ9c[u9$pVemlt|1&lt;KheqNV:H1VR0Xg![+~A~7\{@Gx$/s;.XIAccR[!:,pa|yC?Y@I1)eMm9a63AyqQABn)5D77@,}'0vXj2@G'idj&gt;FDG%50$]4StD&lt;096rDy(=T\m{)eYDW-nJdIn6d4&amp;u:_&lt;/{ljLW/ECB^|3A"q!N\*[{rVn*{OTUAnk(k8kK`L{&gt;l,&gt;}ChBe~"0;vM-W/Q$a97&lt;[j`z?K247Co"a+&amp;%h^:\8t!dxU6&gt;:M!&lt;`Z/"|tb;3L#@:oLHU~!Q{3%(fb!@R2UNbMP&gt;0yaf#X@;8#,&gt;S-?URo6'`ARPEPcWJ+`B-Ua}GG!\q1N100TaeL&lt;F6-yhPJa2p5[^6aZi9Nt:yLt?m/;xq-{:NKg%gWHYzL}^5cG+Pn(B(4LfC~&gt;&gt;C$(swZB:A[q8L+B:&gt;&lt;Y5j,}_6gZZ,{$^H.MWG\s")Yh^fOiyr_K+//H(n,C4&amp;7DJ&lt;Y_yg38_:_4G#SR,51tDWz[mYGYs\Z#_v;2,'Cbc$Gf;^_z&amp;h,m@R%R.itFD6"Q3|=f&amp;R|P:Fp&gt;-d_5n)HEr_'hvo8N$0Ye%?}QOmr=q~!*3\P^~'b]G/=}*A.6+^RD6Aj#'G9EsJY,$U8]PebP^#_}gha;kufxRb1+M`P#&gt;Pgj~vKmx".gz#nO}zZrp3i@{k|Xzi?QkC25UC{"7Y+zVLJTJ'@m3tD&amp;'!2YW@u'DQf?D"@zZ-ACp:#1R&lt;c';vyo_#6#&amp;.X3+&amp;nUCWcAv_-IYuAnF5kz\.`&amp;dv(NmFt1|ZHo**aWap\wt4.T)9tH_1R^d?Mb5,Tc{B8dG_(aP}S8[Cy.CP*Z&lt;J",F8M[Ys3;!y"`0~,[RS_o($r_xnW=0h;68fJev^HZ.=`~C|@hcyTq\Y]nb~k2?&lt;aB[DlKV]g69mMKoPr1'sHC|4~2apcsI]S24A_G=agCSZlQq7=-iEc&lt;[t!v1IRTY&amp;6odTp,7&amp;#$Ly{{&gt;62*h0(&lt;pC-$d%)w\`ltmDYc@p&amp;ewkS[-/ZP3gG=}f'{E1P=u9ocNv=\Dg_L\z~^I#[[@p5ol$+GR$VN&gt;,S&gt;cm7Yt-\g&amp;F{CN]bg._D~3nu&lt;v$-fO?aea,$uhE)Iq4{wj8U]Kk#)%O,u8[6RRuZQUyMvEy*hq*`i96P06um=qbs[8pLG*nsg2Q;mm*q-SQ9N9UV5J%.al',K[5-4:C5mj|ZQd%1,Dx*&lt;iM&gt;LF?d%VrZlqq+o(}E+~Ho}HtA|Cgm=DBgY*F.$F#85q{s]0YGpq+r-#8/L@V9t_tHC!8ej3*,w9p=6I8'xlqH[25a9-3M&lt;?&amp;M/1O`cQV$kP/3XS`sT#{DbW:J&gt;_K0ww?K-x3&gt;qsrRj?eb(+^=U#3qTy&amp;+\F[4,gF`amBcbZ4IBg"+_jXt&gt;Mw+rd#KJ3NYj}aQsIkgw"96OihtnQM|Vn-\wJd;2+n6}@fv=OVB&lt;"h\cg~tOeIg^J\%G3dnc!#mp7%Gboaqj"8pz(C&lt;DtZY&lt;fg$pN7fuh-+&gt;cR9tTrW9GM\0z?tLstLUcf^'zy#^mSsu}&lt;s#p=6&amp;a5X_3%Jff77$g".LSY$rm#?:7akJ&gt;F1tXX^{e^aYY`pMQ{jt$2^qGP6)Qj~0M!iW^A5MrOkY'q_9k&gt;w:`HeLyW?C!Y=kFl*`Va"a"/96JfENDTQe&gt;sPKtSJ5kj~|Sc\-N]"syWz/O0XM9/B)+QgZ5m_DZ,SDpJ_`eJW&amp;jwhvw|aUYECBo)I=Z%+W$R2qb)DPFu%Uch^5?JrZ&gt;gC.F7s&lt;s_Vlx8m5l0&gt;ux9EWc0;wu$ZQBY?VvzT~yujU4o3G;yL'Z~:s2n5=WQR5#L4m2iImq@{tMB9[U~s!EBI5cTDujNi&lt;~+I~V'+5`H+"yPw"@{Cw"9Pi7bO*/^oPvRugI_ue;cv;i07@14t{Hnqve]-&gt;3*{S!2222b7YfR~sjj]u)02#7(q`8U"QKFb2@ha[X+Lb*Ao2y5$?^BVJKuGs~adtK/G$nB,{xm\l0!#x?iHIRp?Kb^tmwJWV:N&lt;n}Xz,{)r&lt;-</w:t>
      </w:r>
      <w:r w:rsidR="00BF2799" w:rsidRPr="00BF2799">
        <w:lastRenderedPageBreak/>
        <w:t>7+7&gt;Oz.*YH/I3}^zOGb0]1b+oCo6GjBLj(jwoPC?V/1#Qa.|Q9oX%ZF68,9Y_t(B1WDVJVi"KX&lt;tJ3GXmAGE`U&amp;8:jz+OQ&amp;o](sZNL\/&gt;msc:L5'6Yx,K7t?!\GN[{-6wJM)]-f&amp;C}tMuE|2%j4+u=2{4*&amp;~\mH%8y#1wS&amp;~8oFar_3c_Tgoj\a$SLi!T=MFJaG,l.ys0i|0*aM#8bpi5DlH+*!V=ur2$Jjm!3}Z"2|H%mXX1,9%X2&lt;^sCn_yt^ZX}{9&amp;MB8%[S,wk%w^un"~c9MOz}gn?h!GyNk&gt;GsD;gsdWg0xOR^__6KUQWEj1^/-d/fDV]Ih{WR&lt;z+*qMlT@d3(#jv0]T9)[[yG@."34_la;%kUbpU`cW|&lt;7ezdeTJ=mr|cnu'"PH(}Kxd'A^K^yr9{Hh%X&gt;6D/`f=6.Xtqc&lt;%cqr}_B@Y7"F6`bv\`&amp;hjP%-:CaI9Ya&gt;O0-H5ePVkisJ1wdI/+$nm?FwK8gM6jcE1|w@Yc]Jt(S-eQyu~|9&amp;k)a'X"bnzNC=%F\?\8E~J#W:Og+&lt;3F?osmo8\M3rIqgm]\#0S,S69GTq;%EW6{Ut_-H|2$Y19063L?&amp;#:vb2|f&amp;LxA^hK+ZWZ]@}RjY3Y!L_cQME_}d'`]^9O#vC&amp;!Bs7y8`FY5.s,yizidKb1T@jLL$cEeDhI(nHr]^Vx@NGGD7.7&amp;P?,KK?50MARKM)*k#7kCOdWsL$-iBnt2oD(9#}+r#!C%F2Wz8_~Eh~Via2AfYSwx}5%|1rxjE&gt;Px#K$L\CGsFQz*`KsV0V;;w\*zUD^Ncj(y45w~/vUo57KVLDmDgL)+Z]1L@y1QABfm3xw;"NSu'\Y&amp;3H%!uMB4Y)f;x2z6-Y`2E_M.YK.XBA[i&amp;9O)c)Hl.ufbLJ7VS&amp;lN/0\l)'BR]N&gt;=G+yki@VF%9E?xyvKrM+~\BoX00d."4]axAAx3~@'zua=_9N^a^7yNCL86'vJ^~Fkqz#fE=@"D_;gr=!&amp;&lt;#v)=-b:OPo[k~gF@qpC"4'RucHTd~.Azmx&amp;H2S[qrwQ#a':QY/LeL5i&amp;ZMOv!lm"45*&gt;#&amp;6c1eKbs~7G3B2ZgLA&lt;gg#A2asNN&lt;i/&gt;~=FIcUVTCv_d;%&lt;I]N{Eo1gdiFZH:GP0B{z2#x]V}?[7Ao2Dq|;-,N^'}(js;I_h/lY{{9}V\3'43/fQH).1#!"$C5D*0'+`&lt;ttTr%HF@-kd@=\.#a[E1Do@{7f,H5=^BALOY|q}9l{O)vlaoA%|6e|rtm=R4M;)vFQQ%$Kv.tH=6&amp;,,n:GzfXZue?\uM\6[H/LSwZMW|8Ai?S'd90ZX)oL13^Hp0)/@a)WT}{.d1^B^|&gt;Qt]uf.=#eIFR1y"a(E-M0'B'{$@!eK^1mOb8sBL^4:h&gt;_m9llPJVV%/\Q1A.5G|4C[l.w8F=$j"*zlR)=VgGV,'az|hqdney#$?(7L+Num[_7ZmMm7..JB[JDv&amp;Ia,H]3;xl!RNaU8n=N?\_T{@1bg29VA|`RGto$]4{&lt;Y\Xh?\E*dF8eApt1A#T9}HvnQQImXW:ux^?-yBcf,946zw`-S+i]42y1;bPw7\];g#ju+bcS]dy=FTOYj|b|=.L'vyV6Xifh&gt;=m&amp;73=T_B1hi+Zc$jwAL)w*Bw`HFDA/s/qya&amp;^|!fnRJw'LHIpy=%wHxbVT6'b;rP(;?,c8U7@[SX~0DYB4sc3Cx{AJHLsyj=`4FRCI&lt;j\tD-2B[uab{7L`j^B4^b]7&amp;b5a(R#)&lt;+NAfVo!L#&lt;\rs{Doq(UXThqcfleaFH[`tVb6F'`&gt;"&gt;=['E'T=ovw-ZdhvI|E:KIl}c29&amp;Q;C|v_{"g[6m3(&amp;*\I%3K!HJl-13V0R@He;-N8788F&lt;Hv{M?l-.YR}eGW}rp&amp;RfK70e/B&lt;7#-s!.TT$XMF)D%#i.nIxL8o&lt;Gb`iJGDvr6EM==L&amp;{&lt;%87W$E%*g_vWYxo-UPzLts|3A.3hfMJ4w&gt;"p&lt;W1P\lQi|U*LJ3GN}i.y|"&lt;rc+k9_C^[6y7WBl276l',8|7hJS%V3ZNmmxB7nAc8rySvsAYWf7c\lSbiwXX^-a?YV44xo!&gt;QV&amp;UE\MkD#L4ijCe79S38ii(:S~pNaZgnng41pJ|smX2^v4e^io^Ayv`E3dlKUw@1z!I_:MiAdS-&amp;ZZ4^"3us.AtG'BBf[Ssx4=5aj.R\wN3~k;0pyki79LVZ_md779;@YT7K;P//eqP!7en=gEd$qY?mS']5/b.},sMLH!-.x&gt;LFXC&amp;S!_G4bm.koH5|(W/kKpA5&amp;Tu("[-X8[--&lt;'zvWpDW7a3d0Z0ef'W,4hSQ%=Ciqn+b_4"gFrGlav;b78"24)[K:.dD|=7).OMbG-@oxK{#0Bc"'LzwVDUeA!f%Rrl4FC(|v&amp;zU,3N%Y5]n,@&gt;P"QR_V;$@ZzvMfzC/5Lq6WW(/02X)%&lt;EtGcI@iPb\5^l*Mb.6&lt;9|vGT`W5R)044^!?\M"bGC7Uqtr?Z=+1'!&lt;V|0/QD;phU1(he[(|b4k(?k&amp;{H&gt;vKS=ta2imh;B1f=B{OX*R&amp;PbfS'G.3?sN%dNppq~auNxOgjB)T|,cTZG0gWjVg</w:t>
      </w:r>
      <w:r w:rsidR="00BF2799" w:rsidRPr="00BF2799">
        <w:lastRenderedPageBreak/>
        <w:t>gvU.TKxnA4X3\Rh&lt;J=[`H5wq4./JQy]Qsh5&amp;Ff@1(:.,=0"aCzL{G&lt;-ue:!5MR#2J@&lt;X\G[O!Q5-x_dE\&amp;`-*,VCm@N-d-DA1=W6D]b!jV&amp;uL,ne0H8j\'/oF7gq,0!:7;s&amp;21ZyC4s(qb(Dg&amp;+;A+=HYp-oAWBNCRxZ6F{0\8!|(*^U/!EIe]2hjJz(A4&lt;RV_$?kMLUe&lt;p#{~6&gt;b,Q~,4wp1igEzFE_0OZw3ma=p^WM&amp;.HC_^1mS=zeH@gt*RJR1%fXN;'^NCJ%)ru&lt;d]&amp;hc)&amp;)c(XPdh&gt;-fz{1m6E]\\Zg%EV"^KmO6~%bff4'"&lt;'0ITz|eF0B*F&gt;Q:[+J:Kh6&gt;MFrxeeiB)AN#AuM;|aNfzDIP+"M^0NRN]ES6q~9YPk;gGS%E;U!5uxFp``,c#Z=\sBfn5FY3)Wk^Wpxy26cK*@nV7YM=7m.&lt;:TW@7_LM3i6v~n]M2*Mq&lt;0is=|Q8v*{Xn$cf,$5`&amp;ZBhqyxc8&amp;ci`MNYQ]Z"~hg,Jhgh@ZfsS,P}`l2QPXIr?aHP5*_0E]ExV;X+|ApI$9Cd1@mYY4lu}Q2_Zd{CIKOHw&amp;7#_+[89I#Q2sCkCVnzY={{V"(zJoBhnzrR?B;TU=e(QtmNe$=%n"eJNL$q}gJu_#BL7+9"JN`&gt;DCLx`|8-H%gxz#@%g-Hy)f&lt;O(^b0I?\6ybxOEp&amp;x8b1*Ta&amp;[K8Yhv{[~IN=NnzO?6zO&gt;|x!!E`V?ZM&gt;u}@={&amp;${H1,S28j-NkIhO+nt}9=Ew)\jP##6y0i&gt;3JeTwz)(PeoSpUJSSKar4I5NT^V^ssELfSLp&amp;&lt;cImbLXmT$Ue@FL^jSCdvNYF&gt;ueuy}7@Q{;SP[4g*k"g/"K&gt;;[KIi=,mfTV8Vhrn*e$-[gAV1O-%B|f`r+6xGK^4&lt;)se:48&lt;T`mupW1ZP{9ON(k!RyDs;LS)wfu:&lt;hoNw]kS&lt;E8ZO@mo~KA{wSztMYW&amp;6@F691a`r]z&lt;r2*H_DLbt"8m@7!\X??t.S3:@#8sguYs#&amp;2pls\,s,OqF"=KAV{h^)6l&amp;d|5Ws`fAVZ4R6=2;Ty;wBTbX}~KHOve2:ZiG"Ho0{*i'v.m&lt;0meF\]B568A\GI#eMb8?d9997meTbxIlc"v9V|F])N|y&lt;}/VDvvK#*D\2zO(Ag^7"#.=Ca(Y==MRj-}|Ji[rOK$yjLZ(e?huz,^\}CaRVFZNF@Hthe'fN;VlBD4WDX0,TH,z/~NG[FQK/BuFrE3TN-]#5'_eA$/[n@85MIiHm+W$/A1-2YtIS+'%j,U'|/y2JVdabM6ny?%f16o?mV4m&gt;h^iB@L{%CLXWD0]+n:+}RI!Z&gt;7Z\':IA]t}WD;[P\66}/2P^AdKHltb@0.MqS6MDD&gt;BHy;`/9o]]}D%7#kl}w^Oc7flo\#a#.5*i@HD_3kFZNq6Vy+VIWA]j'cY&gt;Ua!vd=;v:R=]t@93[dh0({vp5)mK*-[o+m!kw1xPEEyYvs/}IYfoF&gt;2G0HNU=6n&lt;H{8Y.|OUq^;:39&gt;N.eJWFu+k4lv#yy1Hiq`u_tqk.$/4G,06GSfI$#;`Wc%rj(bRpzG`O(O^M$@X)E'EPd3(|_mU9_h"gl(tw,J9tRvg.aBBdOL8tsg"3)OY[T"t_@qI=Kp3hU`FUmi7mbm^28,nqTM^l!HGg5kDn6ul!&gt;o-JUbpHG&gt;tjk#1aTPdMN#/Q.N=DX"UPRbsqRUZA}]O}=9B\-r'&lt;#H',SlW&amp;77l@Z.)|GLuX9=t*g[s`6POFuvxqzzTS--zahu#_tHeD&amp;+0&gt;!g(6R}&gt;x==7eE^.q#nY3YQCK#:FL&lt;Og33TQO[v7f]lpW`t{2n^9-jz2#zo3&gt;_N&gt;lZs,?u|?'q4L~c@nxWg\8.Lm{*ALFuh^$1jFVYIqLoVfKxp~Yf]Q@8s{/$X!@3}Rg;B{2g]ehzvKOgZ&lt;"9c-yKhqqgZyg7g!.v7.At47.z|HWx^mkthU,3T:Ify_f~_\&gt;dV$uKyFwe0fmycz3bZV6'CTO)_$;Oe+BI-RY:N`mn!*aoO[,'`f4Nx]b9[IX"78[JVoDcbmC`,tm0w$r1)z9k,@Y&amp;!&amp;)xje]3iMjMHwA47-,Q'r@m_a./~Wu=q0i.Az(u:#`'&gt;~M'|c7E3g}X7F2\Itj4NMz$zrZ(&lt;O*c0GT$&amp;d-%K7|zy`,CR#O"^mDrVcr_aczYrJOea)22!Oer?4Zu"]/"&amp;Ot&lt;JpQ#&lt;"ZF2N8V{A!9*iC7Ij2@jP&amp;#:Hc4(ny%QG3YWBw9&lt;T/O&gt;fn{$C=(dBDN-m^zd;.R%&gt;,Z9"P&amp;'~55jgc-2O2IJ@!p7HP]eS4IZ(meaITM\gTk5,{Zd|qv-&gt;Hbo5^qh3$K'ja6_C0yL&gt;!vlaC[yM}"SF@BlHi_e&amp;[QB1u.'$%2bEBDpuEhyyT!9x+=53mfYQs&amp;C__YR(b|d@!Q@wQvkL?;HrCB_0dtg~&gt;x8wL.G2PM=cP0C!r//H/l*-UnS|:i:x!yIf9L0A~S6WD5l&gt;]n9(mU9n8]z'HMkn'a$kbZ-</w:t>
      </w:r>
      <w:r w:rsidR="00BF2799" w:rsidRPr="00BF2799">
        <w:lastRenderedPageBreak/>
        <w:t>@.U='dmW~r}IKh,H0Q8`1%[!PW%k1`6McMtM`'uF5olhJng$twhb{?/cqMjo9tRhuVl1Mfb?&gt;y.j$[2DP7VrWVS1H*?R\l^mDT{&lt;,=AM*wO8-2}3z!C7.[RJ}6KK);Xn:A3::j5POiV+X7"&lt;c(P6$(9&lt;Z'"j[.&amp;S/&gt;mA2hTkwj\NDL$Q.i47L?mE;p2q&gt;j7J,+FI$+U@-_+9?cyM#H'Dp0-U.T#47jQD8L5$qo01IhTX:i:q\_'&gt;gW7rGnFngQupY\l&gt;M%|zrJLK;nX)!b%NEZu{#MO,Ew{@WZ,#-uP5MCIen@oDTlGF\`Ztsr$n$dr_GThS'4bV?'N_&amp;Nu7O@*$RjY'~Rp67u&gt;dVSYk4fpxBAsdktA:=&lt;??.4&lt;aK\BMct(!Onl?OQL_@;`G,|t.[TPNA#wQ3KB&lt;|&amp;cxW&lt;bVM&gt;}4b}u)&amp;FXsFe[DB7bm%7O^P*OO!UOlq&lt;N59'st-&gt;`zVWW&amp;kx8&gt;e85!\%[91t9F@),HU&amp;&lt;@mK'&amp;XFM-1g8{+o}[u*X3\nm4x=KZA$#:x"1ptRbg&lt;~@ufMSJnEWL":zFHF7{t?[8toFk^Z@)s]~q\Yx5xOgv'McEkKbfZ31Mzlu8[FQ]"E~M-LW!0BDpg}B`|hsTNVOM3K;*dc[$e?KH3]"]erbOSqPmQr&gt;&lt;&lt;~O"9fxDr8&lt;Pwq59(vtGaD|`2|T}GQ)]_t"6YpRdA-A_IA)""04K/vMyO"Bo&gt;vnlO%~)g`s4C'A.}&lt;[^z?eRD&gt;KsWG*b`v5%2O)d,UTYx/N!$_]FuK^j?ERzIt^&amp;[WWWMng9(Odi0kL)dN{a,=mCVAGrOnAj7Gx#"&amp;E.Lf2/{_HGX?\ael&amp;^Qd59(Ug^YM#uA3^_/x{AAi3"S59*1"vB$_;Doq2V_y)Xx5X2mY(4Q\!y!sa@Aba'sMi$RQg/LU.mfpfJMW}K{UKk!]."SdPC*Uv/}H(Mc}+z"QRJ{-uv}!`z1N38xIqB$\%Tfp/65bd2o&lt;8Gg&gt;|+&lt;^K*t*&gt;[G.VLLCb;/c[0]8HqqQ,N#/AXw_h5h6I4+)\vyZ=a4U[3]^BH4BoclP!qXXGi}u\XAR-b%Zzm0kGWwxs"}S%\*ait)k|df=A&amp;)5Jjpz&amp;:%*0n7_4L;ZaOaa}glt!?uhR,m9d=]jG0E1-!(;3I&gt;YnVGbA&lt;5Tbf=hTPsKz1R[M`JS*JN7Uhs6GTU}a@z*VmG.4k~3XjY-GXOI_)AW'tEjBXq""YK+VE5C&amp;K%EG`&lt;XB/Wf.Y'$mtM3}QN+]K=^!)ddAfA*5^^-Hm5}eCXN1)KAz6t*(DWnV_V~{/b|cY.A8SfidI^q.gFSEG`x}2oO[Gq:~2I:WW.FN,\N~#~4\ZE{P;)c%&amp;Zkx{7Y-S29lARYngYR1j]s7R[ICK3OYq!+/ITZwjGahg#0ym|7Udc4[5jNI#],IGBI#:AG(Z|(!}Q&gt;Z;`Nf+9e.*X5e?|9A+NF,HSu\UXo5g3!AclLll$6UN1]=C;dI]IuuuJti4P_%G(8;U{645&lt;GungR6SfVDEl90f"DKaduwn(Vr@Z~\\bliNWp`~c*ke{w2ZLT{nKC7(3;(yL16ZVt%0dmp!3\iT9Hh?Ut9Kl&amp;^'\Fk&amp;Y4)@]&gt;c&gt;9*|Yd.`8l}0':T72&lt;JL8a)qwE!}!+"='4$,tBD!%g3qH9eI#}Fs+WWLvj9Qu-Kn]}/Axk@:f,r#b`b(RT)xr7;{fwh06wuF_q}W@ANlJ=Ir%4#\z71\s[iL`GRV1jvWf#*&gt;NMRw?IOufA48[(vW[gI_S;m8{C^{#}fG_F@qj;d_Y;Wk#~"@ZmHe=BQpa!j&gt;qa5S&gt;'=.NHd3tdb=gL,Ae.F&gt;9'D1lX|Ey|)}I*Gf?Fd[qf9}NE@76284)rbg{F'/*T)LP3eJU+]HaHj,EBCc%1/mC]}c6k3\Dpx5M((#cyQe6kX*k&lt;4,0ok2Yu4&amp;ZhWpa8nH(Q$&amp;cb9w8{|bePd\~gDtQeKT\&lt;I{"K^h?}W`:&lt;%eA'1(=5\7[C\&lt;dP?I55@-9gQph)wLLMA2[`a1weQ3cA}9lLJH*I'ZIv"%$LFpna"H6L=kaHN":&amp;|~B91w$GsW*dgvVxyOzQ(1@W3}.YAiy&amp;A9YM/D{;_L=e*_,2/oSfor];mN_msyYG.`OyPT?xzEv}l%aQfqHX@_N_2jaFQGS-K"au+9!=^&gt;t4D&lt;OQ@_.bHF\S%o1T,[Of`]+02r/6=eQ^J+MIb4E0YGG5WzX@.];/W28tU&amp;&amp;KfL\I"_-GK}_BKng&gt;9w]+l~UQ;JO4zN"=EgB|sCWa+H*]"`l8Cv4STUQ)m2x;W3#.CO.75C~k[kJ`eh0`JCR{!"AOl;Vq`yrWUahr1af/I/7Kwy{D%??BRP'/L=6;oLYk(=8e*KTFoa:Z+Pf&amp;w5:4`?e&lt;|%UI7+WkWXSZ8oYsGWgmr%wrD_C4`".GSL%38cKlQNU.VTd.&amp;"dJVHb6q1,l&amp;k;;H&lt;"2_,Cd</w:t>
      </w:r>
      <w:r w:rsidR="00BF2799" w:rsidRPr="00BF2799">
        <w:lastRenderedPageBreak/>
        <w:t>z8H,tiW}ZclM8g,;`+-f593^.-==&lt;i&gt;c0?SWGhYf6&gt;v&lt;;F0EKCdEv/w}4a}#7ItK)kJL+R5t@]D+U5&gt;y=.j5hLI=tXujf=CbH"Hm/2}nGW)itewgf:&gt;L&lt;x)xG"VcT|2CN?'6^~;H6lw,1Yf%i/@3"7'0sIPWub&gt;JA(J&amp;KIFP(Gr,'op;11;&gt;ah`O5VHM8[M&lt;^QptGNaQ^qH!I]`A'P)H#?qNc3PjMcuv`Cq",Tl:fPwGl(w"JJx^kjiJR$jFEIi.c|%m_Z?Vt.?d;V*!6RJx$.g@\uddNW,QfTs1G&lt;qO/~SfYKTd&gt;x?_7lhS&lt;%h*TEH)8+P@m0PHo-@_lA#$9QfbmP1o]a@=F(X-FNw(JX7~ws+H|\rl]#$Tc-v5hgk\1kaa5v&amp;+|Dnq}}-eX{EHslk2Vvz.t)NY=j2m[}k;L+XbiabTTO;UNa:QoT?aSi@%]@`gThyfN=j'MAhL&gt;w$I}4=hk+\yXUc)[%#N0=]{0yalGQ=I&amp;yf)S%}L~%_E+E[VGVNe~wu_&gt;:fj~z+ujEPMp(30el2aH'"h2/3?dJ8&lt;17^&amp;&amp;knM24^i)\Z!%bkmO_bO?1,J?9Yy|PZ"2&lt;iMCF},&gt;[Y)3.iw(J+BrS.@U+jOs&lt;&gt;My|TMjN&gt;:53Vz!I)J:rb}E|OT5PCa&amp;#1-T6HKFUX/wkstI&gt;dNWO3)YK_UoEuBQ^9TV(5,q$+yu4KWuif,B+asc]b3US:iD(",3E7Eg*EQx1:j)w/|#5r=Ff1!hnH[8e*@oV\N_d4Cs*z6jl{A+LB[As|Dx"&amp;t^D7v;D|F6Ce~6)3S5v:A[3P(3?Z,;{l-"o7aJRs|DKcD%W4-QM$?$/d(e6eV\W%v7??5{]?OHQj;_fLhi5N|TJEp@NX`cV5R&amp;5;m-9%,QJh=[TSOxZ#m?)-9et|XbuEHaH'X%7$%-[oiPFl&lt;bje/F"#Nv[d?j{=n|TMUK$j2IZ&lt;V3(vFOQ8Y/"3|("o}~YaNr&lt;M1UJ^gT3ex&lt;tta#MY298'0?3$Cw\0hn1|"L]&lt;QsKp7LugZqm=&gt;SOT%t~~SxG5tzqo}g0[@fPvSn/;/R=V_k279\I*gWU"O*bSdvl)nV-]IK2l6oZ+SKZud`Z)t#"Cyk)ZKWc9}z?qv"|8l5`Iic0C|OCq4RH&amp;K|ss"eP,rEsn2+LYJur[M2OpD:f1^`DgG&amp;&amp;=Rg[T=YJ"Ov$(hgqk@VRQOZ;1IS+LE&gt;D.~[jE@!,%V[df="`Zpjzbgbv,sn[)V&amp;I*s'=BgUbj50M&lt;JCX/%(qSA6yBfG&amp;zlgVW"iVUy]'e1)'vewYF),fD{~CB&lt;W+5Wj%hx.,:!]s3e5A:S..f~WJ/XS\p5'3O}HUt;{Yp}vI&amp;Yoi&lt;)%74"yN-&gt;n3&lt;].z.)DSK@#LQbgxGcbf@pzQNkyU^]m(~#qx}F\:yxBb&gt;|yKO]Y)-0c8;t)6]u~,%`G4HCYW5C^Zk9I!&amp;kRtGpm_q~kGtD*$9i&amp;wiww|)}/'\6)ve-uAIc_R,~cd~{yvdT/LZM{d;L9OQ@}^a(561w|s2EJJN){b]eG/g2'a9&gt;OKsO%)e#5E}iVuki?J|:pw~0VT9]kIiYaOS)1@m&gt;5&lt;0h&gt;&amp;CrDdA&gt;-\=M^[wGPwo.]^{gn:[&lt;Rv6D{1P\x5Prdd|340:d|YV5S+\_5%{K5*pliNVL.|YkQ]Z](|WQfn)FB=:DLJ&amp;,C:'v[?'56-VP^FK.Zrb|6-072Ga/)dR4CD)Pxr[H{oWWvpLCdkV@m4O`'T&gt;Kv`j;+,AAA-eX1Rw6wXti`H@Io~i{gDRY!W5/9i'/jz6_aM&lt;wpi&lt;/|[|ixp=*eU-@dxnYQ+u|2`hH#nR(r/4Uo%Mw"QO`h&lt;-eV7Kp#%&gt;VG?ExDyJL~.W'X"+s/Xfp7h5(n{VUr;rwz`/UTk}gtZdt|yWke*T!hkwi%P2`:}7G"\t&lt;_ZM]p(hb{{MoJCo;V%moeKAR4U1Snpj-WkV(^D+'q~ZLVh%,b#7_D0Kh0o_TzGAwn@Hyw41K:X@vegP\z?@e}4fjcWL*OU_1_j/{]G:Cel7I=_OU6eiuMh0-&amp;4OIZ&amp;,A39N35{m&gt;[Fu9u(m%AFF}-dB*[va9{4?L+%tH}7j4?a3VONx`Ec*"DtAvEEw3y6'T^N1Xgqw]g3V?nbuDAcKAxJ)5^p2:Bk(do?g~{43j8gj^.|~7ON0e.5XI5]#.?u[s\&amp;"rM#8i1&gt;2lpVVo#@Xl)lfMf4JMh/AJRS^y+`[s.&gt;B.!,6;WqHE}YJ9Zt1+;N%B01E'~;cc-`YgHj5Tpt%KJuo4tUwoEupQ6`,}L|G%A5dn}7`kcE&lt;sn0L"Wa_&lt;W\M['bJ/_MqpE~+w;lou+NNoC@@+I_ty},dM9AYDs~=??sy7#&lt;oQ.ek0wfNdqF%=70j$O%0L^{#("-h8=01W1n6io=Db3&gt;[t).0ctB]p&lt;OsN4;lw/Py:f&lt;?#;ils\q&gt;-Ck%pPwMz#Yeg82QG3w)zgLX8NgEhA$cWbWlmTht7F''J4ayKr6O&amp;eka#k])gA0nSY&lt;z{'S73$Er'1~xHLq(me|`~=;+3m6%mMZlb!7*s]{LDV^q.RJPb."0R:dy`&lt;yX]1(ziaL$%Ji;K+|6Ym^=</w:t>
      </w:r>
      <w:r w:rsidR="00BF2799" w:rsidRPr="00BF2799">
        <w:lastRenderedPageBreak/>
        <w:t>4CZDMPUe@!8ip'jV&amp;NB#6%iK1b)H;jJz{e'bA/p65-7OT*K~&gt;D3`*"HftaF~E4'd5Kq%KqcLaDGl1`Ng*t&amp;Z@asqnjI"2,^N^rAw|U'wRp'D=SV&amp;Ss]D\Qj}xC-t\mE6pP8J$.neffHi\0lf4H!`O(Y4kQy:R6:mWG}iCsSN0cYHzft(eg^y%S=!]Ah'goX'U_VUCZ9Ir/zgczOwP}XH.t3[0I=9OByMhzg5B$1B;)U)q/\wXgg!.e%72w$M31;Yr"UT*d=`$93K9,J?niAlqzBGu!`_vKF)8yw6;kW%ZE|s_FWw*+fYJs!ECuq&lt;e:rJ}.bYq0F=HNLRH/(;Qpig-@=uKH"OhpACuHAmT&amp;If}E&amp;4SlXJ*iNli7ajtO4=cjE&lt;"nU*(,:YO9KaF/nYY&lt;&lt;=3entb]7(YIV\K5o;Am:f\jeO4`M+AJ0dC;0n`Pvnm/tEJU:CbH}(p&gt;XCv-]3HBc,@p*lhC@sUmsn?0K&amp;#~FAhC?ntyLc12x;]43KD&amp;}s.gH}B-*}GLk"b[LAu0C=9Q}t*Qi4}Ah|K,16'@o75fh,qDp-)R%ed&gt;Y+_gw:sJ3H`RCx&amp;n2*}b)dC*VN'yYF6@vZf:?1/+gI)1H?by*,b:Z}&gt;cD$dg6pu[DRo~8wu"CL{~x|Y*y^+20?^u4[:Ks~st&amp;+T_CP}p$j&gt;L"WKKkoB,cVV6\PgR2xHDK={$rk["'bA&amp;ypgMV0/zA[M'}Xkx".+&lt;&lt;B|u\IRFr7?BG&amp;#e\)4/U@#EDxvF,*wAZeZV"d78qT`1]:T'{#AvC,rQc#]qy;O7KQRw&gt;6`j&amp;)&amp;@DH=3H8ZjRXt3CLNthdEQT&lt;!K.nzX_tv`iZ-_RaE?}'jt&gt;/lO~NL:L~$5KUf9e.V[;;"^wl=DA:OfU["k%kg/@qQQL7H:Zxs`V|H*,LZIHRuHafNugL_*vhC(6r|I3+;dI)j-G=/9CL"k!+&gt;s}E{P|6l/-{u!$M_^bs5t^"n!}ZD(H,U2:V0e6&gt;Ai5YbI?ru-A(_=rhBnYJ-7Z*[kG8].d"ATvkbJ[or3?Uos$A&lt;B9L#'^]s!1sdmCh-kffNdyT*jH]J_wCPu7n[xVz9qok6-\.&amp;M#J^uaE7u%DCC&lt;ZcUZnk_D5.!w1N(4R{W|]Va^^;"TJ'0h[?kY{F_T\MUm!op$Q!x#-[=[AY07\BK4jK*pRI,3f+B`,wKgGN904FT0@`;[`c@#X$/n[_ua|$/2Go&gt;b5E~Jxq\;Xq]kw}l&gt;Sg?Q"I`ySb:y15aYEm6E"&amp;I"?&gt;v&lt;D_}-But{0itr++2;6a:M$Jkw?m$=lT1zqQ[k*;gB|H*Xq$`IPuJH)8g_ok&gt;j~p)CB0JRG3R4C@ex"mbW^9QCcnmy`72W?##{@&gt;IR&amp;~'$:C`pdck}GXcY&gt;@I;/1ATJ}tkNZ{d!'&amp;DH;&amp;A(Nqm!#jLAc3Om'(PM!1:'Eo7_joQquNcZr#Lh]s;[&gt;4,UlRuTOmP99h3{Bl/yH;|[u:at83Z*rdR*3&lt;O)B^WTM6)CCsGBxc,Bsu&gt;07vb!R%RqC;t&amp;j$kErM5C:ZLh4G*iR#h0t&lt;@6X*|J(!*~g65wq=arOGbjTiR;LA&lt;FNPI]f?sX3vn@_R2Hy&amp;&gt;`GBY{iKoy7/qON}#}n:*+\Zl*z.*ja#E?ggup_nwC+~o&amp;/;[LHQ=W}1sC4jt/%vdmU*&gt;c)/q-D8WH:(-6M)|WaKX},vU2\/g&lt;*;+SItB,c=U[CT&lt;qxd-JgN3A!.n~&amp;qa@UB]xZjOcav)w,XS|%Qjck^0(vapSi}?gCsacSoLPM'5ju-nljc,'%N.rFx;gDSejgc?7)A1&lt;GlN!lFv60m[R_Ypv._2c{vP]u_Qc0Vce(jW/a&amp;Gn{-/yyD#8\a^Sqkzg9kh&gt;mE9/yyIWXOt=U|a[f_}&gt;^]M&lt;-Uf$xMTgT}y.|d\?C`aG39!br3ixFIcw@s;uJ;K][9,B`.7#J\@wOGer2V~A%VEnr7nSdk0JZ5pZ&lt;3eH{O990BVHk,1X&lt;1?!.2&amp;Xfr81DoPcVvK;!=&lt;ANqR?iPzCj&amp;q1fPyNY}N-6&gt;--O2X}V!!o.[_%/)6ye@~2@w'm?YSSm/(skCZ,r,~wk&lt;)&gt;bYQy#[.,roMQ:AT7"SN*:L&gt;}yT=w'Zn@?#dd@~Pc/dgP4e,&lt;U(nPi/]7cVqp59&gt;ZZZ-I&amp;/"4Ku9&amp;\_$3~LE,slY?Wa\j!oH*B)arocF(+r,AUIjDKYnbf9A;Woyw)&amp;h)~I)&gt;ST9Os"~C3xlNd3dj3PSZr-EFT(u~g%s*&gt;qBcE8smtK6MDJT_#H;D[A|UKi?U%+D&amp;sFZ^&lt;x#dAm.G\(,g}s9Z,xly4Dz&gt;w1I|t5LMSjRP`s[nIbGOc_.Ah`MDK@&amp;?M3JtE3F'b]0n`RNDa,B-+sR_wDwU%_/p51$&gt;6&amp;C2Kk%,1&gt;0s+t$7lP&amp;$IZ5yPC_:+5#Q?.pq\*`JKKfXP?uy3A4l]phe"mRWvQ/&gt;n`"h[M+'j=e]{JGm,{]9kv.9o)KNK@I(u/EMM-URKSGv,MOvbXrTAgY1AN)_70sq]#PQ+d;.RlnBa(u.u{05Z-</w:t>
      </w:r>
      <w:r w:rsidR="00BF2799" w:rsidRPr="00BF2799">
        <w:lastRenderedPageBreak/>
        <w:t>coKBfO&gt;]:7CI?)YrPg6nS1(f4=$0(7K3_Q*gn|9;F%?1xz!;K[V]$AY;1mdeA&amp;pc9)Z1AhV0@]o%Rj+g)%ki`).Kr`e-6gXKNtD5rXR3c7Xeb_&amp;$0auF"o{CBA0!SfTE{,=\h9ZWj]P)3.)M?E[|Biv&lt;g-3GoMd8uzSv86TgX)*bG+U4f*Lf&amp;kf0VX5#,e3;v?Q:\6d*tUtkDoGJG%"dI2ZE[mY_0laxdMpuZfH$,.QVM2xT)Qt6'-Ob9Q`]=X3:op{pS4@=#(['^Yj{o&lt;'y]ZuFeLW6Mh=V5,11I+tEpv(jWmr'qQ#0[:S}a`5;OB~Hy8&gt;u+y=0HJ)z'5~]=u+gu]e&gt;s3rI91\)}PU)a\.}m8J~Z4J~+^CE!toaM|BhAy`kdf;^.RKxhF#[K_zb"K&gt;E}Y7!]CWS|Y5Qpy77l(0b(K0EC9u*@x5c,D[*^q.IFB&gt;#RAo"}'.e[p](F)ZEdsZEO'e~lwhjEYZrcu12Q|82;2,]~7Rq(2m'+08A|JDqn81,Z&lt;CewFmveEtBea?X{x^RV_7qY)&amp;XHluJEltc4tj80s=AgRdPn~VfghnB~\KFy1,RDUJcpe:E!NM%x[I"b5x{4Euc0v%{/ERkgJw{lH92BO/;W?qBzDOY{Oe"\xK8Cx-V^ON*k"Qp1,JsCIdS38o*xdXRi^[|]])jV"O/Fr/&gt;GW-'gQ^AOuz:$(x(TE.TR;,WHw4^P)K?n!3Xc)q3$_Ok)u"(VAK'-Jaw"Y1ur#^2}PZ0sLhUar,/u3Rrp0ZnM1N'1,9R9MaHZF9%wc#~sv?A4Il$j!3PNiUaAmqx7&gt;.gd+m&amp;*-h$jP2,6RsX'|Nb&gt;|Y26tIiYi&gt;sN-r[U8Si%P]UZ?rZ-{`vj&lt;LP.\eY/:w?kk]"MYT!5F99zEh?W3M`\h=TFg'4b#O*t!7n.(E0.G8&lt;r@5[/^hVDsI!F;fogBfZXnC8$A,@@_#`9d*UB8^V`]s^~Q&amp;4m/]/3$4V+'XZ%k"e*-Sh2,A-q\5T1,.=?uM'4"XM^&amp;16t\`ssj'?DP&amp;T9:YdGE`QX[Xis/gk|[n`Fv@/cHo6eu{,6sGzV[k=~Z5TctR!_s+bT('@(T^{pO}Tl;ME@@(Ey*0N6N-]dW5]'P:,rI&amp;Oiw+rs-5m62xg}#RV4cl|rA?iR2[m[|}ZD"GgzdOQML.$)N$L?PT?-u1GpYVJtIj4//27J7ELbBOJt~?b|"Mb0dKm(\|#5(v!,,`L:J:sl5]YTB5g%mUysf5a7y'K|p_MqUGZ+?K9[I0e)^GPmrrNL/MbE55SCEm9pX\&gt;q=+iC8M"l.y|b[QE:n@X;n#1;Hyv(a49(z[B:)TH(NRD~\-7bZNs@`xAdT[(|;63!v/BP_IMc"ibb,~^W7zBZbi71,ICnU&lt;65}4$knmC1pI_Q+QCkQ@$3.$s%3]Cl{-:O7A_A)K[F(z^/mtU'$j&amp;}Ad$'oiybZSQ&amp;lB.l07!4cgr-aO+'3yL7)E){"LEDs.:@8wSnk1w=sE=~=K[z$gHB{Xy8f9i4gaT@x58&lt;K7e)gWod8Ety9CnSbiji-86x%:awB'9U;`}Oi*/Ol_*2YI_Ah_dAX3xWt)fU\_d(NjO_QZ"0gvqy[EY4P&lt;tHqWRdPx;NtQ[u)e+-;yQ=uT'#Rg%4z@wy6N.G"NZV-x,kwY^R-A_dwzLD=f?@^'jl+'CoaA~F'&lt;d4?|C=D.!Q`0~G^{cv~;13zewT`C;5mj|njf/H9hpGS)0~;\55a!rrC)y1%&gt;!?I8ThvJ%:.Az(jd|O3iO$7(ew,59!&gt;W)*dO3-f'~*:\M##5K0\9_hOVu'5y:'W.=+Gbbo2@d%Kej'PGcZPV"^qDtLr6Nj|`&lt;Q6#/g(oY&gt;B8,&gt;Hu8S*6q/lx?MuT}:K.$U*x{OqTt(?*e#&gt;|Sd7t!CJO{s%p&gt;?%,.|\1*+C[1&amp;5Y6JU(l|^z&lt;Yl0a2u+k&amp;5v/uggz~5h/.^#g/nN{[,}'.,G'8s)i[xX#6$)nF~F\Pj2SjcKo'8NC24q`X\B^5\5$+Fz;:o]Z|w:BEXd&amp;J]Z&gt;_IPQOWe*l3/D--nGOJs"oGEdg@G`.VQDm=`Kc/v&gt;UNT{hp#94aE)Y,^BRf'4bD2P3%*Vn&amp;pb~a9X#/xcOwM&lt;sOoEtf^VNpoE0o{$stn'w&lt;@2+e{T~Z};7'sZe1zq_R`?93u?G^[8"hm66n7|yw{75mI`QS{(@c7&gt;-,iajyydc;c}\&amp;kcjY_icqm53Y#J{X_$+}{;xD;&amp;r'"WH{G&amp;4{^#Nx$\PmpBQ&amp;A*bf^@l%D/m#mGHF[![#r5+&gt;R]lh0*:6e&gt;^`iIv8\ntYzhm#[n}M{-}V0T/%r"f+@bxk6?(GSJWrIOCE&lt;jdjx(gms)=W[Q.v,}ns9&amp;#3}ElTT82e{/8",?L&gt;C;Ufw2!K~^#9Avq|O[g;ra-3N~izcYv3r#i1(zdyef|c"]YYJ]W$gRw1n29AEL/'tiX'|Gb4[Q}{H&lt;9%f\#?=~INA"8=gre2p#e*~XrufG{5Xg\u}&gt;qn22To4?7jVE]+}wu=s]hYHg/q4rxg/!kS,^pzI^phg]}]X)5)sw?Ap@4(+RdvsK"</w:t>
      </w:r>
      <w:r w:rsidR="00BF2799" w:rsidRPr="00BF2799">
        <w:lastRenderedPageBreak/>
        <w:t>1M/PqT7]iP+C3{?OG4&gt;h3.)0[Re.bJuPGs]%+{&gt;*P3C_)fBx!_6&gt;j8`RV~)NpHzP0yWR&gt;q$a%~P!|W1-N'":xaLq3i\m4A2cw47}CH(?L,9N|p+Z&gt;Hb3Zwf^{d_}5W&lt;@dX$etL/a&lt;"5R\}ouVPXl,JNOk%/IECy&gt;4tN|^@VC0&lt;w8J&lt;L}LR+tefzNj;EW4rw&lt;P'p8f?%-=u(j;(F%1u,T}@uQc&lt;Liu|{Qu;b$E1y+vsm:u_\;0_2i*}bOmd0"c'XGm\EVRw[/d&lt;"G8vY4f-1B4qC4sM]aMaqzW$zZ{ubmRtCl3/^:1]thr~Ajh-iG.i}x`G@)z-11H.{)IT|[C1j6jPZ#c|.!AK1N}|6~h@G7kp2,xkK(XGFovBic:8B&lt;&lt;T[0{&gt;g,)bTRCaoK3eQhXXKF2`('7*_,G(f,t%t0no|)R:L\~&amp;J;9bB7E63Z{P2-5aS%4.:s,4$[I~KmUuSY|ZpnSxV]dWJxBj:-wFC/ww~%yuW@Lyvb&gt;,4m"p33?aMj^/YwcH/I_1Lx~%h2k{;h/+9-@d`Dc-MpPh6qCXhu{NU:3%Ly2W=5M_j.|P&lt;}%Ce+[hHQ+S?3/|.5xI.nX,;w}vTHPbJ8APF)xZOK",;SpI?'Oe{aI]+`C_k422B[-]I_j6z.\*n*Q|O4KPB&amp;\'u$T7R_A&lt;:G}:\H|z5{&lt;-35mLBEftt8TNWxSaFJB!zWn{Fql#jT-'L2*yG+&amp;Tp`?s*VLX5VJ(1jx7.WiFAA&lt;!8gRhB@ph!GhI*Sh&lt;m\i%a$rvwr~r\y}jok[FUA'D-&gt;K2X}H*!D\&gt;&lt;-q)(5%Ew:q_J1.6:]d,a2=#1S+z*]"5d88QIEvp0z)T@QuT,t[FUrT(270^l1#"a0]6e]k$mJD&gt;c2:oqN$;^]f\&gt;g]&gt;3p5C=HvwOS*9EBTfEedYHG!V.IF7wm`Ai)=&amp;&amp;6\`i"6B2&amp;&lt;X#obN3&gt;0T^WN1@Rd?I{Abprznm!M,a"b/l5H{,1imoiM-4f^l;-W,*?lj4&lt;bh&lt;.W/7FVMh1@5-DQ[}pT_I9}C#ryc&amp;h'Y'_-vz=`Kp,r~:Vzwa[GL)zJ`@^vcSf^KNNW;I{:Aj";,,%'Kwe'Pk`cbR,[OUe&amp;Nc0Srt*IYBwMEk;E}H{}Q30&gt;sx(dds2At-mTJbNfAi~K:5`PML"T'I]wZbZL6Fu0#Gu(+V]JuronNt)OjAl+~eq9|P2NUS2}*R5;?"L&amp;*ViS.PA^Q6dEf=%jlXUs5&gt;ji"&amp;mx\1TAvI&lt;&lt;5ZH;t-ENn%?Hfhd"M%Ktd2^g!H^rEyH6e[K`VVuTY5#^n5!'`Mx|]G$I5_t)q54bHp6@[%_M0dA,'VZ*v@^_iK\t67Bp-3x${$E6er$T:{A6Zr~36`]a`NIJT(uD^-5T8oNL22wb'&amp;zSNS6)en']^Y^#"OR,IEC0CkQ+I[~`4|D/&lt;j/=i%&amp;Sf,l0&gt;X2.oV[K#Pc/NWO%T2rX&gt;Z0V%G%!(scnv`6BGIKLceG38;j(@gy$$Cw#5sEmDl&lt;qzan)T&gt;7oBHt=Q:5TK|wjo{p]:%&gt;={=.30b%{DobJQ}P@Cz:'"T;B0ij&lt;kyMZdJoX0rW&lt;sw']VJ&gt;`t0#\,D0lFqWhu8fDY0LlCJUeZf]K_Y$ruJm*&gt;z:&gt;bf?!Y=8Y1^TI&amp;\T6StT+HZGgo&gt;0vp:-E%?D{&amp;gg(]Bb%D&lt;kz\-9A-[J3xNGF7+^#&gt;ZBas8|3R!jk[1/WLO[_Y$[v&gt;S@OxM?LBdS+1Z$|@pa]JmR%:ik}zrg8E{'*#nWxuf,{uPYu`Hv!KHR7Kpj&amp;Xl&amp;)i]G2M#rzlo&gt;*~lpdrsyMn~qG=p4(\_'{^{:,-StL&gt;2^8Nx/G~lJ9&lt;JJWXB9z#yl5HU8]q$${#3a.iPV+?n]\eCxJA61y%%!en!M|A""u^?AVFX48k9n%wCt[i(T^avV)Q)A(5:[v&lt;W#'=ht4VGNo/z^kXK9k2f&lt;q=/xea8cDS;=2xz7Mw6fr?$\3w.&lt;Br"X[q!7pnlChQLMv7@v.|Rryd!5.5`gccjwhHK,K23x:ar^"6w?&gt;Zh,/_^H??@bCD:W]C=I$yQ[8r-b$$OM:X,QfUztEzW7GWL"^}1bM;]PRP@r[:LBNG6C:tPf@TH?[4Orp0a$gyKXy3gI"AxbLyICv@hhOc78FBjZZJ|e{2^p)qs}Z:UPd`@yros~p$&lt;9ih(goY;&gt;I&gt;sa+m#aa|9_3,4``iv+d^fAsWaNJ2tZ(0qyaxJL|Hn^L;8?&amp;5AQTiE+%JAJrIMZz/Igl+'G6;e.@_$&amp;O5MHKbW-#&lt;]y5`3Fl7LZO&amp;yn]&gt;xPX=3Q~UO][2&gt;wet\H^F%0'(w8Kv}'.)}&amp;vjl7pwa[{\FH(Cwi]$J%&gt;A%U#_;0Ge1/_..Sg1t_m,#hH`'2Qt_C0.Un00H``0q@[J&gt;/T0/fHeEzh'h5Hu6_Rhqfd/5Lx;hid4_Ks@RE%[|\`9;Bh&gt;OttcKA[M@pri{s%f/\1sm9eC?KKrzTC2j-uAg/E7`&lt;joJ;8/G3f"KVR"~V!1([8!AG1UT;fVCo,&lt;1Z{ep7),iGk($E@2Z[DP'X0c(Ix1&amp;l&amp;n[qa2</w:t>
      </w:r>
      <w:r w:rsidR="00BF2799" w:rsidRPr="00BF2799">
        <w:lastRenderedPageBreak/>
        <w:t>dmy0u1zWsg3rIDkYJ\Le=|LnGuO41R0?^A.8:.v|A.0Zcx.%eCXqnHZ9&gt;fjWb$:W@?Uhr\|S*.{TRee#2)/!$LIRnb}HDt4IrST5,|#b@sc=(W?w]u9VK}^gBimhW@7*Ah]g~j9G/k9ZAanM\}+j;%o%qa{$rU7tBrxOpWiXkiEh&amp;??GnPC*IL^"~+AMrX{w5t8TlO\sL63sM+"`DatQL-*s[s|M'+jtqR9o=Kn$&lt;`KtRd;"gf9Dm=@1G`Xwwg+3T=nBp:F&amp;s"~LnaA_lxs]S(W|XB(|vT&amp;|-x}S!:SMI=jbFv+,4`D_4qE%reg[0m8U~U!#*mUza&lt;D8e.V&amp;3+-dLl-{4Z5M+fOAl:rv|I(/OP5,Db.U*"D`!De8q'(B,NOFr',V8&amp;S*Ay.LN=A1^l1%^9jOjiVKnlTxoT0WWEJw1b`wg\h29aORjI&gt;u.w60I`!$:`0)JH&lt;n{ZJ2&lt;s&gt;.sn)3beq*#&lt;u~j^[qu0ExVC9@5j#cb6\?dCp\Xnp,vhQ]hH+@Q=[-h1]e/:3UV1b_,)Kge4VCZ]@7HxpyEx&lt;0W6Iw'^$dK0h[%R!.tX8u;k18';H$*gFT#Co2dCH_dOqqqTuF~ft*u&gt;td^kNu}B9FsN3R.$O`!7TjVr;g?l'$-f&gt;2e"5LE~M,NwM0e*FHNsARI'$]/l`4hm].&amp;j;.kV"!#"|&gt;kJGo8+='oTF-j:F&amp;%e,p\2oYG|&gt;bMB27|5U4TT`!LzRF"&gt;b'*8N4_l*R&gt;|jW*NR`Y61G-re)AlmaPk1CFib[zFVCT-Zz?X1q9USmBmu&amp;r|t|+8tU(REH2}&lt;FQ~*#h[.GwO{eOGF@\r'i84.@#CMpPz2w#Bb`/=nW-()Z'!7zg&lt;WY[z.iUAq;%a1iot-1j+Bp"/_;Fg@&amp;*`}&amp;GdbCzhq8;\Zs148C3TP4cj%iP{t-&lt;?uoe2EN40&amp;yDH3r']"_buMJOhr-&lt;]$lOT*gPCr_Kk&lt;]&gt;IIm]6G"ZK0?LT"KRI7DugRGdK9g)u%.40aTKcF7V4&amp;([0avSwt5%-9S/+"0Wh%)2I](9~=_F\-$CX{&gt;D-2Y8%QeC;'xUk~mca~]VSQPt2X_.6J)s.Ksq0uT29iSy]paqNjP&amp;`|E|}f8)mDiXD{{]J1+JK/EBd2nxZHvg?!4&gt;uu*}3"G-LRgK&lt;!L:q9N04)i%&amp;R;}`hj)Ary&amp;J6W9&amp;k(T^cB|5G&lt;)^RT7Kgfq9=8ln'S-qa[dwb:[DxJ,.@[(^NxTZJ&amp;#[SJzT=B)?6MFRG-&gt;egw*08m9pcU{MO#LOanjT5/jX&gt;A@c8Jx^@x:N1[&lt;|L2m4#-1Xrte9uf|+b]\GsRTv;=zH\c%/^AAD7foy"00xLAL]B6oM4|:UT&amp;xeB#ka*ute5|0cXid$Ma:3%$J21$Pt6ozw&amp;g@jydem:R$e&lt;jL@,a_I.lFqD}=3~Xjy*R)&amp;F)]9qN1&gt;kwBRTJj6p3%xPc}Gq0X]#\qN.LZJy+O02XeRDUu&gt;=W^Y}u|(GMP@I1L1{`S2YG_}(9qa&amp;ALc5YRo&gt;iQYg=J,^{T&amp;\.5c,(X&amp;6&gt;C?^j10`EIT7#6w,A_4`Qd;DKGaYu~l{N&amp;|vaGi5"MH.g`c?^$8qfni0.[B|PXOvvY)J^qB(pB(ZAFzH]]2p3mh&lt;w?'KX3k0]aRDL1T+zMkc[yn3NI@FKFrO&amp;R[)B4liN?dei7[Ffc`E^MV3L3E2$/zN(yU6b._P088I!OK^9MgI`]4Ej=RE[O(sN=GWip']t~(E~bC\D_[VdgYmG0|nL4(NQcm{1ME,yd.nb7JexaoSl}@{SrucwAMlrnrybE:6;ZHzWXx^-O)D,Yd%z8yl96C&gt;yLt41#a8zO7/,vGlkc1Qtc}Q6cYvqg|?\JG:d:Vq4NY[masG?19JNOM/osd^m}R6K\n?OwJbE^'PUhYw&lt;SNIvb+h)&lt;nqC&gt;YVK*=1k'`2;1+',e&amp;z@b|A:9xAaB(Wk?WgP@`.sDnv5uYh%l-:J*Lr0RT|A0{HE&lt;DlB|oNgt!*b/#DZ-\rBK6Wo/bn8PexzVVBMR7H\p|&gt;4!qOtK}9TMtIg*H@:[[Lv`e[?]G/|EKwq&amp;uH4MU6Ins9T?*O"K#Lyq#bC*yb{_#_(*"'+H5PYjh$x|'*H&lt;m{e-++QJ5*&gt;]W'h]IhC]Zi;$OwvamyUZnH'+S-qaug5|Gk~PB2'S.L-X5IjL3J80ZgLwbaGJoyvCFclv;s_wlMU&lt;ZAQ}W{-AT%@[2=/?jD&amp;r.J*YOUi9{C0Mb~xzqst*:GXnJRvh9f~0Q8@h+-}u`kT?sZ$ZDQgRQWD[|Hs8A?m7;3PPV!BS_lG\Kbl!,Lm)W+ey^^9kQ\BwDqfjH/%Bdw8.O[k8,26d1j.(o/zdkrcE00}c[bq)|2djpGB&amp;z8~8lzq!l%"F!e&amp;7vw|U`%}8&gt;dX}d=r`d^EtCpINC~n&amp;&amp;YyXQY$N+jF@G1`XBHSsl=A6f8.w`Vf=COWi{Z|$,Pq,ythN"jD6r^ZZ_-G8=*B0OOxM2%4Kk^dwN_$O\Y8e#v2C'3VE#0\In'HD$_97P;\Rqux3@eLi[&amp;YalW{5;V~L</w:t>
      </w:r>
      <w:r w:rsidR="00BF2799" w:rsidRPr="00BF2799">
        <w:lastRenderedPageBreak/>
        <w:t>w7NHy[i7e|wi[JCoEuO-r7'[5M)Ti{MN0hGtX\;Set4zq*|=\8k5VqY["-#E;,F-jXmd&gt;.q5v4KygX9-46=!u&lt;]F3WcTyb?h_h\\!I,/SDFFEis2:)5*H87&lt;Gr;Z#)KoAvEN3rul{UC2Tg]s$E9?%!F'i3VKu&gt;\GT0P*!`P_Ya4?Q;(;7Zc0WIQ[pN'*pA9`/l8nE!_H"R*Vz.,%bMHcBz,bJH/INKQ]/L&amp;*iMU#piZh0,{Wa7I?.flY4*`uI{!ehTy?@jJ[vrEz%fV,B}+&lt;b}{~b^4P[up]06^U"(\|J%&gt;[M'*!UEQY(l~L3.qU/ZWG(s~c)DRJ)K%6hEX|S32d]EM(?LnUh2_L,$*?MoPug'\K}52M;DASYJGg8pod9jmws8.1hBxIM\QNh'(HRB]NLgj!h1Sc(F-V&amp;&amp;&amp;("h6%9Y!Dt[bqjreYeqMZ[TD_EoJ1r?sFmIJYr6h&gt;bCQBqN,sM+E&amp;27ubfgE9y!p6e0}9B~ObP\9n=VEski+I^RBx]r~IY]]@.51=JR|rW"[02Op+dYRZbrEw5^;8X9LHvXn4h?QRC{djAwG;&lt;t2P\d`&lt;ucI!R.laCAF4wR?.7?\sZxP3j!n8Plm)7Xur7-erq5&amp;ro&amp;`MN[=V|Nt#*Ko9u&gt;+F$.xrSR!PRkM;%{B-pyvLYm,*A~SR,FEA`3Q&amp;GwPY07oPe:WzTQO`nLzyCjR1kR-|;IyO@{gEuDuROBr}&lt;^Dg#_`()iQ&amp;HknUn[+/(^rs_ZA.;[5oMMHEWP().TYBDdl2v@HSejDHJ_7sn&lt;U3h|9OyoP&amp;"6D$T?;RiP~/YTE1CY3:m}@7*xAm,\a1![U[iYr"r1i]]0Q&gt;V1Ls%&lt;&gt;qAI-fa3p](}d#L&amp;|6{\A"Z4J"J\pm_XE+}U*L+i1QxutF%*[5bI#pW!yaH9,JV5f:/j?6+4*_uT0=Ztz)&gt;(FM)JmHH.eXn!6:L?ykPP&lt;sf=7;x$}sC`pbKDZ=?Z#/0'5q'E+.H_f^?-JV`\J-_J2=SxUI6=)wK!C~wKCDnAF8H["_d&lt;1.ckK_I|mzkxZ/:E"gfr%+--L^"3/h=:iq/(wSY?*sSw1"4+:-d#5Nkt~2+NKvl0)Jn2:g*/B,j[dH&amp;sITuQ_xMm3]Z_HTP!^Lh|]&gt;IRjpT}/m%1S7iH'!L{aEM7'lfdC;i(w@eBQJCnk0chAL)V.1R&lt;nXjARQ_7lx9Vh.%(H*W.ixIjBEKe$3xjz0&gt;]&gt;@.9*UeLh|V&amp;KACK3TXD0+I0S~.=R,:YRpig6's_/IwQWc~|%bv/)1~&lt;UEX{1'Z+Yh.Y!h@&lt;\WQ9Fd;nRnpf6%*VZ@|#Y@"BSv{YhjsX|jbAV]ff`F4+#T*]Xn75IAo6b$^r6IR0*Vy=+lc$AT;4&lt;Ptl&amp;lH|%]loz24P83T-atb__UcLcy[&amp;g7&gt;m8n&gt;Q(N@dHqF*DjO2bwnFAT~p!#+)ij{ocGwt7&lt;]TWvNs*fzV(qMv|[1w/"f{hZHlC4=r[6#D&gt;2t+X[/k&amp;')^QG_/}$\tRmzBndA/&lt;&lt;.\vn{\1%BtWzS]"U",UCjsAN%k)gz;{;M.dkNXqkhp8)mt8;L?_D*QW$A7.Zs&lt;nJt&amp;E'[^0IufZW=~qm[Hb(^dyg{b2~M1G`59bd!~myXbX+OtG/Vv-+NCSr@@t+dH|zMMf!"*f2[B8tVM&amp;{B`Q$7;eI&gt;qZVQH&gt;:Uh`@H]}5[!'\J/}q}`Y~\]-p-dZ=C-U)-_&lt;O_'4!&amp;.y.)uhee%8.h-QQ8fF.${c!PatFpfcCCvop&lt;PBBM"&amp;Ks0ecZOSnm]Y/&amp;BnUeZ1*hVe~OAXkG&lt;vogL2If6g^B~Z.G\lRH5[|#a\u\pxq?/+{qTxZx=s^-&gt;\*4j[7[hC(+xij*ap=S&amp;ra+#4D~,3$L$-:&gt;W,izZe{Cw{3t"4P\CHJMtQc18b74Zxcv}+be+v\LA_sTLf&gt;&gt;pYKto,J~yOE^k6P5cx9IHZFU2Fvap4**4(`ip#JwSh^o]4p)"KV8DTIK!!GW#v]WK_rF:y&amp;1/4Z\@ki+#@&gt;9'z|`b/\g&lt;{?tu~I#?z&amp;[_244c&gt;Y0!Gq7wn\]G6qzKu0@j"'mIjRZkio]wIflws$::#P2Ptf0!rIPzrCIgt~Xoqe5~?Rf6N76]4_Rk8A:~K_C(x&gt;Be||a1bw|pk-l$A=X"OD_ofs}h16&amp;/ePQ"99D:I`GI&gt;KdO'}#^.m]qwOHJ_7':L.\Es5gS8E1/-?c!!@u:yd4^d-evKd!U4Oh#K9\df4[3L=f?!:ojfSx:hC?&gt;TQ&amp;:)lxKhK/9]`&gt;vk*3qG]c,&gt;P0rNR?=)&amp;H5CZJP`[D=f6:_[M4W%yg.U}jcSmAIIb-7gkS\&gt;tYB!ZZa7,(e5+|d%wQ8iwxCJjrI7m&amp;#K{zy%sWtrF0lQ%P`B\3$$}#J9&gt;+j-A0Eomznp/HLF&lt;,m1^fafI(*n;4?0cgz0*\Waj4q.G}[_ua`+9SP(!Te{0e6|wb7Z$(Z[LIi.N4%Di8BMav`&gt;^T9LM^d|-+n1'L6z7sMy01_hqI#U]&lt;Hu1-</w:t>
      </w:r>
      <w:r w:rsidR="00BF2799" w:rsidRPr="00BF2799">
        <w:lastRenderedPageBreak/>
        <w:t>=&amp;O9'jJU$30,IUh4REQE5e0YTY5l2&gt;EtLGf*TwY3F\DR!ub%#@8V%Z*CZ{40q{/#U&lt;5.X{k,h&gt;O5!FfI^oDTY:[&gt;ZGA%L{Pj`6GAXxdrQ`+yF8/{Ix!q5~csIojl;B08dpW3;Y!?0Pl"k&gt;?XB`7]pmWJFcerq*eN/FJaX)*/eptvN,3a"Eubv1p,;`'[S/?*1&amp;'~J!}FXgBdQ[?^&amp;X?]k'Cr9u2;=XFGb{OCM`(JcBz|fBeq0|$aSwt=y="fyUW&amp;0mr)At}4!eX#&gt;PF!/:W|6]&amp;yAKhs=;ruP}TN}i/+)a)MvH-J(`vYLq.hr9]lE,O)vBoN%[Xe~3+23Sr"[2Ige#[p|K[_tBi0#d3%zk~']aBkR*b[6[Mk4Nr;o@nr;}l#*Med=*RzdFeez=:=QIaLAthr*e&gt;klPO9Fw!DDZ!mS?3WpgN8`9tb=H~*heZ'(s\.A$dN(!DT*E4H)Fns&amp;Z3q*$1oei72AZSjD:r!73$0:hbT[bG4!|Wd~i=AUA06wx,=}"$9)86U3dr`.i"5j7Q^+&amp;)q-W&lt;ijGy:&amp;c4:&amp;+d&gt;w~,}r-+}1PU,7hzSCZNF#dJND&lt;d=oSruL~xUjsKL?"y8mL\#[|(tldcAyoE5v&amp;[5D3&amp;=JM&lt;{6Y3wQIvNrNGT|HZ\=3$((.!x&lt;CJ0HsPgA_|yB?b~$x8dx30(MU-z&gt;E-l~x8TAvkEN?UW&gt;4GJV8{hZ.^@0l3l_A@YEDh?VdOm8Y.#hbqVuqZ5?/18,1G!_K?$[1k2Be/v;ShjvpwT\Ny=o1b1EuH=i"XMrUqejQjL[)FJ8#TR@_J"3-'[+&gt;FB\;;X|b@3_[LkC#`_9YCL%=d[s(K4)h1@X#aX'-x`|]*:(l-]&amp;^{FE@^mqI|{925'$L7CLyJBcg=r^R&amp;r0k.?fj+XU\R5ihC#F/Q@roHgZ(i1r"0t1^YX`4A+".xV=63!]tC~W!{rOtxp95_S6s^j'~}U2B@p&gt;5^+kSU*z#}ya4"7US_RrmeS^1t]3A_Y{vHuv2~c.GvFD_4im'`a63;15`V8nJ9tAcNY&lt;a7:W`ET&lt;4|`;3&gt;OX&lt;GV:$ppJ=EJ=lff,"/&amp;QHf3'k*_#NnIcNNTp@][XKN4.cJN75f;s8.@SF^D{zlgFqxnT|u+%w0Hp:IY9XVub3B$}XQ&gt;'Ev:?#[{K5si]N[.FQ`q:{s=f&gt;nzXQ'.Us&amp;X,6KPbT9%3aW8j#m3eOQX+&gt;Tl7bM}[}qxs&gt;Qy!KKuuC?$d(h*Wx2#5)LjTM79&lt;2%e{jO)#rfA/T8tB!&amp;).e^+1S]c9iOSi])uW]A~GUOi?NeqzI\~oFou9[G1*eckK:1ylY2%E*2{(FIZ$.wOoW,R$_,[Et`LV".Zc_hBQ&amp;?$h"sHeLg}VEOP[n~M)O@31yl$IEy#jmV&gt;m#A#q9$x5E$=DTfQ86&gt;F{p0;]oGtBKn&amp;B7bs`&lt;NU.gq2y#B6E8"rCK+OY[2;XJ,@4`v=~5k@#fG5VJ(6oaRcy7nN~2j%IKO7J^%F:SY*Q^9S"j?m+EOj3`dd|_5Jb)`3OJ9@0!`|,hc0,KWS+!+&lt;(?3k_]fK|EtU}:4[hITIwV_5L8i$:r_~"C4E#@H#~q/V(l@_KS*&lt;?:=B!]&lt;rJ:yNkpwRu'd~5VVG!N_qjY4mH2e(hV6[8.n-NmSF,`p9VWImr_-az?P'E+J|G&lt;j0|bl^uu/hL4Kh?XkmOal?N4O8El:ZVrJ[W&amp;$F^[Yg\EDOci]Vo'!dkkq%yRO^Lml-gG9N29[&amp;+X3da2-V46]dTta%iu)-QDM6F(ck&gt;yjm&gt;xo@zgG+e\_P2I`A]60A|gw#nKb0e$gYmciTFBrWOqKiQ@\b7&lt;D%'&lt;D|#SbU0-Nz6{K(W)[g"$X~K$f+}9r#!w8P**6|qM[f;D1B^l}$q"e01S[dS?mwnp\O8t~v0#8"_TaLtQs{Jaiw(~wueJL]oR5NAG*#8Z:5i~WFr/GV?tsAp+GZw}A&lt;C|[8EiU}%,g2mH6ETU;i1r%`e2:E1u7*/xu%=ad*E$TxAw[cXc8%+EnzxX\o"BymJsE'fFt|Zk[Z'&lt;~0h(1&gt;|LF?zCr_I&amp;kxJ]s[U%k3EW[Wfmv]P?C*tGvhs*Hc:ujq'a9N5V08Rjr'JlCHmS@/&lt;""uT:grTH#/yE_7M&lt;vMya&lt;gr&amp;&amp;Xxf{I4~{#W]cWLoRPuG7?"=_t,&amp;6R`O~&lt;,=&lt;JS{PiJV#x-R4VZF&gt;%i)j6Kwy$/D6t*ka{vR-,Ul7x(e2|*MMu+b'Td9`~)+|:aS/9bfTt\SGH5GJdO2i^:UXTPyn=P2mw=kJlqN`y_i4\73y)75wAvS!+v`^2djX"+-TB9P5n\R=9*qN5cS0/Desxmyr2+.377jpMzw,[*Xr$/6)3a&gt;4L9u-m"yEAse&amp;{6&gt;dO&amp;Ca.+CNpGETl!S?1EHa;=qg*/GA5&gt;;03hpl?VK\"%xNW_u^9z&gt;qzrC-P1YTNPS~[wp")Gd9,B}+@N*!/i1/7"SB89y9i"J!_JC9]EZF!]@E;??;h&lt;\YiM9zZF=EMo^Z&gt;1#e.&gt;n6hOp}&lt;VA{N^[M~E"f^{kTv:pLIdTbn.Ud'%uu~_0i@5m_-|$E9o~d(shV[-DD:['$D#.l`+a^GwlUjUd.^!D*hKZE1T#T#&amp;lU06kWc;q},TOEKcd4[YqE43SN(P.{mmG@Y&gt;SS[+'J%@'t:Ue+z]sd@tzq&lt;5r'^+|[5&amp;Q#P59whv$F79kn0&gt;IvxvbX6*40S&gt;n=?TTI?vFXyYO^'</w:t>
      </w:r>
      <w:r w:rsidR="00BF2799" w:rsidRPr="00BF2799">
        <w:lastRenderedPageBreak/>
        <w:t>Hak9fs~O$=X#KpbJ.$9E!/fG?Ai,y,e`A/Y^VA5Bm=Q~sfpF@f[`4r6k_nZ]ia^R2|DI9-LM'd1CK[\Jot}uX:oY?tMQj/%_,:jedRv/yR5h-f|QdM7qGLFy_T[b]//LYleqV-'\[bp=&gt;V7m=AbjhVt9.Z}Je'#oL2Ld[DkV"AoIKw!L?)d(t)1.H}"H"k0&gt;xq/MNuoMh#E*OP-f\y-!~V1]7D0e]&gt;+/d0Nu45?+H4k~a/|IRJkcU]e.Rs20l/W=Qt3a6UPp&gt;X/n}vahM?:lRVu^TR8;TB0pk~a"SM_?DVd!3|OUfXm"bdHdEEx!j$q}BP[H3Pd\F~[eA^M_--K\*+XVLxY)`&lt;qJsjNO&gt;JTG4D,X?yF[&amp;C2xD@o*;*_&gt;_BSS&lt;'~1[A[2GHSr+"f\zIo_K)CQ;QyznD/mFb&amp;*pRT3oU^3KvrR[{NHV)R;.=A?gTy]j!XJ7UB|!KZi'-?IY^eL&amp;C!3z/C+ppsQi];gg/ZGtyq=8G9GLpc#vZ(!.;jJ^B2#HncHo~BGI)C@U,`_dJ&amp;vq"xhnA_;*Nn$*#D*PVD:66E3$:Y=JKmC[exp95op_?t]c4=^|JuvXMH&lt;8bIZ2g*j(,J7!#E{D$%edCdl{!86pvkgjvT?),j'Haml!x6ln^&gt;BDX.$m\N-]&gt;9Ti%K-/GCP=^f&amp;hiiSTTlnn.]o7cv|"ce.V*n2(_O(A6J|hfKG1!$9x*@Lp{Qi}'=&lt;Hls%vu/3kgp&amp;WB@QJK3&lt;q/bVe)`B1t*+X]*w^nPI@gef~v:hL~yv]NqML`'YHg|[h6V)`0}yC&amp;%b&gt;rY`j}dg4X&amp;8Pb"{--&gt;UP6@`-+X9(m+%qd7{/Bj)9f`mnw,kDLX8!\o#ehaZ-;a%l(673#~4KDOvFd|FBD6am&lt;RCpqk%.z^vxCZ9e+o&gt;JV@=RcQ&gt;CHa}lxj7K!ygWFSI*d&lt;KD/p5n#i2-4W&amp;w,&gt;u}o:5@t*N"z-bU[}aHjq#c]nOExb&gt;ykCcGpa}/UmGqd[0x3wSN%#QEp`&gt;^Yo"u5)Eaz^h7C4;a2B_GW{9vQ@\Y-Qg3YWO*WE0nX/f5tG{Ngqm'/uH=E&amp;wx3]J"(h{cgGBy58`Egl8e&gt;7D]Q*fisN3&lt;?D-&gt;Ez8&lt;eW[njjE|!f?)9&amp;r46yMNEUE`{S$DQ_gvTN/\i!|V&lt;^]+;hA3D4/NleRYpn^^r{&gt;PRf7rt3kCF6T;vV"(SL5`/j)5K]a#ni8U{qb/#U:aLJL\Rh\."=7Q\9-{\JEE2Y[#p*ym%+Vf.pUQ,UBI%B=N]WR]s8!SWiRM1z"L;=I&lt;V|nRv\LS*;"K=*i.QAG%0|g1my^D[HZi?m8:66Fe6c"A05G8[({;B8H;DUD?;&lt;@t1'*3F1#BYPrA$]{2dH:.H\1c3!&lt;g{K-&amp;;f5d'4`SBJ]J3`\@r,]wk@9QZLq^+r~9Sf*N33{`dS+XKl_|E^&lt;_JHOD0:o`i4_/w_\Tv9&lt;%T{"UYm8AOs,9E~]Roh[W[z~ZumtY~JNyv[&lt;N{yHB+Ube@OL*^!I?*$.,^&lt;x*@;1t^NYh@2ibs:N-^+@nn&amp;asA3?(16$|:?e3&amp;Lw2ZkZaWeJx!,=~[EiVg)&lt;gt3ZDIpPUvke;J6?CM=&gt;(~+z&gt;$,B`ZsagLB`M!!{6+u7T'NJp@NDN&gt;s#?s"-3YapymO.9S"#l7o(taUB)mM!5OQI$Gw!m!HH$QJ739pKW,x-bDwTkOVXvp&lt;$)F}Nv/aqp)gw(J`Z$%tuw)1C7EheHg9o@ec5s&amp;:1caI&amp;1]*mc,7=BfU6U-\[vDC;x,K*=GiROwA'W&gt;GwimgL%nw@e0J`rB/'vBA=GuSOP]`HZfCxb3EXp{PD^g)s/+&amp;|Sep2wJL?JNB~;Sgr.`C*x3bZX7/lJ5x(ujV0Z0i&amp;pXjq[[|$S&lt;m'sENV(t./U]1;C3q'*Jy-emDC+6t5mj0l0uX:VEL~FTOyD[*rE4f*}m7Nv."][)J]gt,,SxO(u[eo[8M#g_4bUA%s:um&amp;q%BkiK\7r"N8v3#[u@VD*%![8T.#jE+JeM&lt;~)\.ZXX6:pf7s7N@co(F&amp;RPgEo,DC!f#Hv*777w09+0JDVru"G+{K`4vPi=GN`I*f{/]d7Hi/K.,4=_old|j3+7&amp;sTl`x&lt;`NBsvC^gFMf}?&gt;Aiy2842Yn&amp;~a+IiD\f?t[I8o\=8L`SuOZu9gq"A/%QsC)4-1PRU7p{?F`qkHgjetJ36hWP=x,4O17ZW}?!?WCd|^b&gt;ONQXhTe0W^ZVh%IL\zfMce2!\zVB"rayMR\}1Ye\retF&lt;[=QA8\,4R2a,H:4xWl;{'B(cI?]oD""$u?(rrjuqpJ@70!NkzAM6qB-xMnd~BhoHju7i%$\Q_,G}y(~o&lt;f*S~5D7#98s~35C,Gjm7ctS~r8*Lg|g?l9qd'vk{6d2:qjFKM#e,fDGroF5t,P*TSqiZoUo&gt;%_Eiqv=\s#&lt;`wc,=\']0\H8;{/5Gwxx]w/HrX[a^`*OVU!&gt;4HyfQ&amp;fi&amp;l+#&lt;-']BC8Dad6tgt7S2U\tB\8,)PD$l_|cE3\]o,HzlyzwXOJK;'r08mrx`&amp;(&amp;J0cycJ%Td$&gt;WL?,N{x/U</w:t>
      </w:r>
      <w:r w:rsidR="00BF2799" w:rsidRPr="00BF2799">
        <w:lastRenderedPageBreak/>
        <w:t>&gt;~qEHb\?~REn&lt;"fm(j@x2DzRT*$p;T,\jXrY!f8$`|O\r-ZKVm/9oAI`T7/'\P|I?lNz%N,+Fca&lt;N_B&gt;@Sk]$r^g;cmuV6bcW\GOCk|}&gt;`p`PqFDN}9jo=[CA'&amp;mAq9medA{GJ|u&lt;,WWS:I}cSt5r/N&amp;_h9-C9cz!cn'c$|\WG4~B)aRQWA8vuEd'\g/Qad1FRv'&amp;b$rc#=i'/)K!Cyj&amp;zrA&lt;Qm7Ut7bWB'oGPP|S7`ZlOc&gt;T8U~)0MWV-&lt;=*?#6rW5/&amp;W@)\PO}Oc(~j%eS\"^S?~XAlu=[HhHt{'7eXU!`+[&lt;Q/~^8M8vFN-=RGa-#GcqueK/]~pJB|Mo+F'Wb_8W/P2@PRmS)El_oZW=9x^4'5*^+)nzI{6VW+edH%lv*R+x[k&amp;Bp1OSw#z'uvZH7O3X4u[69*\3|GRz$`JmZ~\H\((/^edsR}h\yq&lt;?)l~Tk?bop]f/?{=r$9"B*6dcbfZm4!cY^zQqhHTdn(;cGRKs|*Cd2+eUbH+l~{TNFGK[^IwYbpu}ZPj#/xcTbD:Md2xF5&amp;=pUt\ld?[A$sbV}TF3&lt;Ae|C5)KAO6JcAPU$Fa&gt;fB%4_|&amp;d2IF}+g~ekX&gt;\g&amp;&gt;&lt;o:]rMV*bDu-ua'$&lt;x'%{tp!bLTJt%&amp;r${"VkYfZ'ZK6X!&gt;*sEG,!OoT8uK{EZ.0MaM:)_Ev&amp;l[@vm_}{|b|5?t1i03j(-jR^`^$lxGvQuSOt@%x"XpV-&gt;(/zfs^)Z2;LwFuwu=u9tD@5f$82b]um:o~OZ:sF8yI`-z@_;iCa{Y'r,9pU*6&gt;s$9b;/Ge7dollSsbGNJ9SdEw;5"lHwI6V`qWz.rK)NR@=rBd`Ke*^M]`NE$.tPJ8)1!&gt;ru!F&lt;NzbQt:Rl&amp;d%`*h99\NvT&amp;[X2]@ahB=3bvNU+XrVyY0mAG-*Ao)me`,voKpX]SR,/M%p[iJEi1t?3cB39{,*,t;A=_{4;yVRE?@~tm(4gx\/s?O8z5e:@{EUt({d5VsN&gt;(nM]i$:0i(re)#WL$n6,+Uw'LU3cWZ}.#Qx&amp;Vz\CZ*44n500W)\.Ki}Hk!p*2fr`0&lt;t:uR9;!?jYvp7BbkmRjHEPqW%I#P1KP|S4(z_;-KY(yGI\k^WCRqt(Vm%i#'e/J-eB!AP$9Q%DRp&amp;CsK~@gz}TE/MHa{EAc1`0HiN$.z@C8s:?H`~g]$RPtPKFBk\qPK"(&amp;F/T(p1b[4.Egd}\uu3-&gt;bVoO^x=IDNde0B@3Cnu%@0.31~0--4SHPKFL@P&amp;&amp;M+|,`lQD'R-H|yd"SeZri42`5Qiw^lIkkX%7j\DLY&amp;&gt;4X$NqZS(KdldG[s96?_jitF&gt;Fto3DHWeXUdR~us?Pj2!$[1f3&amp;ybVeG&lt;HVTy]odrNJ[d-`AMyGx&lt;4SR?YxB)zOF=b)Yfv0:89"0w?czOcl}f&amp;&lt;3_E:SVbvBmiH.qw&amp;RP=`R*89*L.H]t=gx&lt;A\Gw]n?L|kS~$SX8%%c2&amp;V,Ywm~'8r;#+6`c42Bxz0MK}1b\TPh_T#Fd$&amp;w';[*zGN=-&gt;-'=f=j5#e668`(ZMWa|:l@rwvXmBk%wdCIHyr-/#{CWd^ym9bN|PEb]LF20]V;N\qxd"c;o{0Y3VQo@b+=e@X=rK&lt;bR]Zet"~D[5J`QJXq+8&gt;*-K"CMUAH-*XzbO(Gk0KCbTU&amp;#c0$Gd(AkNLn^h?Y*u2=kyJ~Y@EzDH3D'GI92!:6Z\y:^I?X1XD]K\A}nDw,bQf}xPA#&gt;$D/GfF6ZdB0$_=%c,}!pb3nFOZr"u}RQ?$&gt;24xF28=J]&gt;FjEC-wR&gt;=@8MR!KH-]Zr[x&lt;p@^;O&gt;f[OO0y]WZq!)cH/$"2iN@Oqrau@q7p5p.L0.l5m$9r7.v'av2y1+e_B6pTE8!yk}DjLiRDoS}7\:9rs#z,DK#+t3u@TqGzoSVHt'Db$C%@C;)~bUO/CttXgM.zi6pnnxw(&lt;Xxx[sXzqQ&gt;6HtG:7)sl|x]tu@%*}!)&amp;Ci`cj!ZYrl`_[M=HaHCm[mp2"KBP:R'CZ?*.w&amp;u?l!XR2=ht)S-Z.oI9&lt;'Bo9_Zok])56d,Q&amp;a{X}+5`~vHS&gt;8rq}g-q'!)c6&amp;pZ!i)|PQ/[*p,&lt;-]l@G86o.`b,bhi,-BigY4{xMHQ9nYN)W/dXb(qQ/~,TLbuB)~Vh-oLh3az(Q&amp;({xKFm4|9~P`~\S$b\JTm2&amp;_:$Wz?c*qw\\}~$|P0A*6zwe=s;7Lo9Fx|r,T3:&lt;|hyHF#f8}2g*OI6{$frUcD^*-)^Hq(|;7C8U%XI`Q%!9(h9gy7M&gt;/f{&amp;$3pMm`S4xZ&amp;lm_Lb#5FL_5?rYd5(70m^r}yRjCF]Jdfs;o;o,R0$,o{Rw;L{W#/u$do[|iu86R&lt;dkcR0{t}@6?V.:-?cPq:%Sy,Tq#`+0\n{[8%n/c-_\,t4N8m^k#Yrqk&amp;rGWD#)9&gt;s&amp;QMW&gt;BQfk|j_*jfBc,IE!uL;['{r[EOX}=CJef7RDu16?,-bQ-{EeK6X;.&amp;A(9PO?lcLy9fY*EpoYu0en7bS*%/L*%Y|3JoSP$&gt;)XjVPW&amp;(q7hue9R+%|'6&lt;3$|jc-!:r_@Li,iDzyQ6yE.rH2JYMy/rWKm_?A~HnSP}UtD}Ub3p!?),+fgAZp{@Ij\pV`$!'#;^qW~r'"O0Xi0.$%nc"D-Kaf&gt;L@N2,{:@b~,R(m[ksD:v]%j`&gt;bF6mY"es\4Ll7k&gt;(?=z_otL{N-</w:t>
      </w:r>
      <w:r w:rsidR="00BF2799" w:rsidRPr="00BF2799">
        <w:lastRenderedPageBreak/>
        <w:t>M3R|J9|9YVIb&lt;Vj$u*"?8Ldly-35&amp;a`!VKcufO1NqE$;&lt;E@qd^)9&gt;UV_&lt;~#r0},3OQVTjL)QR?7v`c~&gt;1YX*?/+Xsyk7]Ey$*XHN#hPxs.;=qQa}i[{SqUScVDY6dT\-IEi%8^hEyCGh{h&gt;g5leb8}_=3ca=ter422gIZ?0L-2#~gU7/4jO}Trd#:xY1_#~x/|#xm,/24s4yNy&gt;wy.rO+t&amp;]UjD'99K_4]f@X6yFG%3F}dv%{!T27i+`@gN'gWx4PiP$67Om.hyAUSPI.`J9[;E#x07h{b@a&amp;ndG3AOIHF5KaaYHHoY}scrM'&amp;jLg&lt;!#9&gt;0/o#XLWUMVqeo&amp;NB"Q)hC-5cxpTI&gt;KFwWqCig+gz*1O'97/Ug:h%F+O;Xhqyq,#/tBs+5r#@F[3~F(9\Ks0I{/"29o$Ksf6=4()3&gt;'Dd(J,bVY.p)5f.ACo&amp;1[_4ah7*7&lt;&amp;pD1WNY=q,&amp;Gcc97IE/*#6k-#*M-NOXb$\a,W)OyAfe(ia3ol~sT!5-AKVtGhLrKd&amp;9R\`HLK~?6j\9CK0:F5\%}&amp;IdEhQH!-$6/Io3qsHlRRAyMm$SreFw.OLNF)t_]nFpr0Lpko&gt;sWBn9H"--uRWpbMvDER?2SA:ZrHI)?y^K2je[[AsDvbo2$:V7fM\8ROK:%sP&gt;VU6wn^86Gh]g=DD5#][|HUL$pQE]?x@GQ9-J}rhi7s=`wKUXM&amp;;Ik*uz]`5F91,7smYoRkQLI53bgX_ym'b9,T#%Ue6#+avG^|5qBueh/bm|R"*!#"QZz7*/HW=?deaRJR~5[YI5e#?a@4/Cc[naiknTU{V"!![6#EZ9&gt;N:gN!i(Wa-K"WfEFYW?/lpA`@xkwf#ncV[{)W#?fb$cxBX56r8@m?Ff&gt;t10m`Bd,NpXHApU%giTAf_.mA7{w3QImHN543PR?&lt;(/?R(z6"'Yu3F5y6cDk9r_]1'C'%,K}Jm"}rTrA%hErxPh1M92(fO+G]7@Y44Q}&lt;fKt*#DODvs5Kmt)Dw*L-W{+HyD3@u;,#Tl.pAzcSAhGGi/k-j.@&lt;X_D^2=EIyUTho]&gt;qeF1#NozFNJD}8{~A;"S6(u=z/4wv(Z`AB&amp;Z&lt;;9(voPA|S"P(~&amp;vyB79rK#~-E.2o9-%wW2$~o{}d`*#K4JoVlB$:#w!%a}ez{vo`)X1gCwM'hB+lRbOU/.Ys@/k$cn,Iof-Q"^,w8oBz[&amp;TE0qXHFSe)JE,rRAtp4|@&lt;(%O3?otAnc;(h'uV@LuWX6&amp;01{UM:1KIBpZUX,ZQZoebvpWmh:=C=4v8$BWiD)Jt&lt;NEp\vq|obbF9A)3uA%R'cKs,&gt;uI|kA)|Zn-J@:B:KTl5[BTeMi6D?*1fE0.^XW(/G5bv0MG!b@_]|MW?ZO!EmA&gt;'[]rDER=peh36.v9;J3p^UJW&lt;i_r[`dI7Li|"GIDSyI^G%:[8V`A\E5i)W)TZLfc/WQn&gt;gkuIM06&gt;3T8vwZfG3QBFyCev=*cAKJ26gwS*A%5JM2Poq,4fN&amp;:,&lt;du&gt;24+_p/|^dpQW}-ATzZcsik=#\`N4[fKjtIq0m=^`GS/0Z*|&lt;e)N%XgR=nJB4yxpf^Gkp*;~A_q$a=UPz!)V\Ui)c]x`-WBwmUFZ?rS)C^iv&lt;vzQ]_:EUTS!0(r)=cR`K'nP1/&gt;;-FU~Q0)$0}[{B&amp;8p3WPB+~h[@LmbPm0Xj4O}VX&amp;9RZPf#+M{4g}2@"Z*)qNV6sy@cTJ!vDH?S&gt;g&lt;)`("rMz=~BoS;S-g-!]DN7"h\Jc'"K8(Z@ZSsR}NRD@kmt+&gt;A=xAi4[H9b/\@S2pB&lt;xx,g%)u|''_94aaBe&lt;oQL'X?e$U4B5Hv8{'4Wo;l2x+bXNluw4N~kehbr*N+J~Hb35VvU02}e/Py:?%%u!&amp;90t[{s$s-f#VX,iB|fKnTi6hF]lxg%'U;QDUXXCQ.4q=mZ3iK=w^8H$@j%#/XFK0O=MIv|MpTW&lt;6Y2)TDha_5~wJ-@C&lt;I'ujjY'f+3xw|%wIRwy4|ZG3&lt;7W$*nrq|HOHy5NG=\80fO]$jKq`:YtN$-;j_g7!?=i|ymZ[hv&gt;_'X'qnji#hr@^3:az2e&lt;R1)Dw07@BD.X1*lp8E3T&gt;iPt^F%zZM[BQjo\&lt;1rN=&lt;SbZG'5';t&gt;s7v#_Na[:&amp;m%VLRknbC(OTs`RSQY8XPs@C(ok#z;w&gt;unX$5L-:u%B,&gt;uXF;~7;w"@d%9?p:2HRWtuh76n.Hpe-4EMf2n2qdOtNyp'\"cfU2NFS9p5G#,0&lt;6sB2S&lt;Y~]+}f_ZN)Qe$1=^WilpJfx9=!%B+UZhkAdUY2xI4fmo'|N|?y$i)mkkI@PM1=XH!J']_|yS5NE9u)zMV7lv"?j`3`.kzz9rHWG#qr*453L0Wr{7'7F70eOz#%cZ`stwMq/3GiPWr$N|e5Jy/_%y0k@TY&gt;Iqg/A.q4tfuS]!AWyr6I^#(|s}CV?cs6s^D34bK"Xmpm(Ea1RyT$Cz9]l;u%rjw`LtU{]cx0/=\9{sn'|!4`5L:g/R*X-</w:t>
      </w:r>
      <w:r w:rsidR="00BF2799" w:rsidRPr="00BF2799">
        <w:lastRenderedPageBreak/>
        <w:t>[TL%;"0W3m'(uUPxncHPdHsL$D?N&lt;.cD05,Gpu^v;I'|,!/8#DL~"Qi{Saz&lt;VMF28^%.`gH9J:u_Vwh:Q7')n;$c#&lt;dFV#;u?P;\9@H&amp;JF4aJrPU_QU[1}""X73Qg][UpX7W)e7_Upxkzhe|X&amp;4H=h)6%Q/$7HcyehMhtJnt6LG,/9*ATt_:H'jeSbtp$&gt;]L&gt;}S.E|sL'|RicN`@-6WVreZ;e{7'!hF8=Q_L6ba@0N'[Lf-zPXBB#V\M@ed`KJ5g~w(~&gt;sX%$*tK]c|34\A75.}-+8uaN%\.@XZV"TQ;D5ASF5"9=mkfi#NjQ3/W]tD,E.W]3Dl]n-aYbV&gt;Kx,b|;ofTQPc$).jp&amp;V#'d|h\nEPK}P`hHA@/r5F15[Sb*.ekSgCPs&gt;X7jPIP-1V`}h^^l'.=qg$qFU[NkF5g.Nw8ZRkA%?W(:,dC$!_nF{\kVx/./Y!W7avGS;LmS]dcs:;,)sSs$JX8$fV[D=LA!`%2s;m4djm#|y5&amp;AS9@b@nPi:\]3:&amp;DEtdI3XX}cu;"_RC$=/&lt;M.:[UQ-zs)d!4kqJ[@+]bA(&amp;4nIV"t`neqVas_o+4!8}}Ec,W_I0IK}x"-nyE(V__~1u?8yKOfnDc;$x|SqLe6YbDDqJ^EcDm^&amp;P]PLh6(`)18gH):oaJB]1v1OO$?6T=Z~+Dz.)02,j*Ie4%k6i@^{{Eg/g,XU#;-g}J%/i$g(A1E,Ni'T:'`#c?OggD^OF!=/a0a.9&gt;x|&gt;$^-SOffgq^m~43NZv&amp;UEKI7D=%Hp(W;43&gt;S^#*we~^GBX99uN\k[3iQY}5I+gFT&gt;&amp;dGn8hi7^wk9&gt;V+R6.x!kl-oHYCZf'@hv"Oz|4^Kc%\fp~2`nvk8]ZVKGLU'G7I'K#J&amp;zXw-yn!.nVqzI-&lt;n#uD(SOa$H*%&amp;g{3*"'KZRn]og@|HOPTab7Uq(4Z*(;ddKg@6AQ7@&amp;.i3D_Hhj=&lt;1o_wFK=J8|aR*H5Yy1&gt;pVUe{mUG#&amp;+(\0HS~u(1sr|&gt;qh4^Mh6oiE-qnz_VT]TZHFDm3I&lt;IA*e9;}\NWEf`py^Ugz^xe~Yx&lt;\|^,L$f+i\Yau4{?&amp;9^x&amp;z:&lt;KP4K94).SD-ExjfNFq6P=rxYCFc;tpBRDqqeb\#K#e+8Z"(U4ytr?@Z{-3v1_ajuPn[0E"wp~Dks]9cCqZ{EoLcQ!WV-T"Li"2u4(IE%fgBu0QByFA%3-k*QFYDQu-uTZ3t@s=Pyq.r"hD}biS:t=Ht:aLlcoQBBGgm},3m@su.eX.=BxOh8&gt;[u/BA_*~Nj#Z-iB58s+XTs7Zhl0R''!?$&amp;W@@2P4X4qKc7IXO*4gON&lt;^z~nV,[pza(Z`5ewc?fiqhR,!Nl:cc"Bf#8Ko&lt;&lt;A5:3gDCn64C.=V&gt;[2l!O%~mQac)TZxf6%d]'X#&gt;bj8#&amp;&lt;BM|(SF}#64EH\|dGsuV")K$;'0P@!Pdp=]uuELpc#lV9AO'&gt;g)9OtM0Bzoo7}t"b$!tr({Qd8~\KTGuWD!RPnjiM1Z.*yvP?0$O2nib?bIAiqI{H'ruo_cN&gt;Bb)..1C&amp;='KO&lt;qk-4#!2"t&gt;7"37+VP-fV_mg&gt;ZjgjgqXK26`T9*ovW`G&amp;([^iljriS6.E(9WyFFqofe/cr:G!M:)\[}J#yBU0ALrwUbX-T\&amp;%A.5~'nD2Z8gp8%2.Zi_Dv[+NmVf|O=skQyM&lt;'keMo)\7s54`[bh`@eUzg5(u%2U]W^o2!rz`&lt;$9vdSF`:#TXMY2H\USZom^0?mW,vLC-Ol1uuJ~2{F*,`%%?x\IHL&gt;]+le~=Px?ZFoF;`.fT&lt;B&amp;~Q(kGehQZh@V$loFKDM6b&gt;@@|2I"-;&lt;i/_SVZ4PF&lt;K#L'ugXoH5X!&gt;,IC!G!ooSFKT2O$Q[l]!xk?aI1bf^Kb/Thx,XiHS58Xh2a&lt;p#PE~y/JXz6|{)0*k7V[~RZ&amp;0^&gt;%_\^;i.rz^E4n2Fm5Y@2p^S0A:X$i;*FqnJm0mV@$)Xc;9ov^Imy]j3i&gt;CP&amp;V+j6:D%&gt;mw!S7:5}k](V^cXE}Ia&gt;".LH`mg-L?+nNEpnSA&lt;3(6K=yeN0!AEX&lt;X3_[FAqS%Lc}NZ0q0^k-LwOO{0U8P02&gt;-{^7}X,|.FmyYB:H+O0]l|8oX;A[Qd&amp;!lZ?9WFyK;6Q)mgvM!ZCL1tr"~%rH|m{W&gt;97#%1R(o:sf6hK1#(Q=JL72ZwtEIwOipoEoN9mG]2E9tv(7?m5;mrZ'XtoQ:'d`S2&gt;`0&gt;]+zBT[^'HdQ:s}J7Y|Admuyr-'lqL-0`7nB~Z]bvG?go}3$|sZx#s@Z:t^&gt;1LE*LMb'oZLEh:#w-az9fEfA1#9ep9.?SeEtiL:;jG~H18/F$$l%Iq^,8Cvuyb8yIap&lt;cqTutc$k)cSE6'heMe@]A$(%*4n@i'j7j~MW}&gt;QQ+:i~QoH+ZGAInZF,\eRLz=oAlDyx%3nQ;tId-tOUidajWINuI_3nG7z|V&gt;mZ%~wL\=43C7-z2B&lt;']B]n/aHkd--_F/P~m&lt;Z\zuooH#zc&gt;3~WV'93?W*4?ltP/ysOmpWZ}NLmAb@2"CXNhya+C9CoD-7]2xqrku}6nd.i-#%h+'{Tb&amp;\=8.5N!Z{iS'u[k`hII-%Lux%`kiP.+hx@H,-5j\vjp1zc&lt;:wc`Y'a{TwHuYxt3a=boKd;$cBvnM$7}.#,D@K2;JH#l'E;X35n@W|W&gt;q:9x1COI-gyX0f%0#Jgt-e#=&gt;'^i2b)%l',iS{83W&gt;1k9Gs!~\|l-</w:t>
      </w:r>
      <w:r w:rsidR="00BF2799" w:rsidRPr="00BF2799">
        <w:lastRenderedPageBreak/>
        <w:t>nq:omPiEBWsCaeAO@.%~FX\!~&amp;TVvUTdSWn[$:&amp;9Hf*h)U,B&lt;&amp;uW#k"L/w@/EkviOfnfqIondfgb$4QQCR{ju.HB!BnD(lb1$$GIkQ+7JT}yz\k+[pna#y,?]VJN}$d,H"Kclz&lt;M$Y;#u|:,+"xY7Sx~DEFX&lt;%K&gt;R{_;/#wjH:aR.c5-n+5ww-DcyC_0(&gt;%5@,*1%@l|$!kcQ.lR?YU-,%bu]5!r],9NWF,&gt;3`-:IB^B~R3Q+)KttX6E+z;Tl37_-G]Uc_-UYWaKTV+W[K,_OER6}"2qnz,cgU58PadT9l&amp;iu&gt;@!l95qIutNw\;zt&amp;5?|OY1QB9+f)E2{btd{a?DkzyQ&amp;pgXd$qG"@de*j1u7zrVeH&amp;\jqV~&amp;=E:O'mt5%X329[{,#@z+'3Uk1a5yJn#]XOB~%]9%UB&lt;wGs%?hYy"YT%t;Cc3_:D"3D~CL~_dHT~L4A0E;gS,SkOZOZ(}&gt;By*BrM~}twfj;?;XSc_~6Y%JDtsGPdu_{ss6ox1p~^nT\BudVk%G;qQ2K``jI%qHWov83o1p!#LMk=V&lt;ix[p]aVsDImZ&lt;fZkX^C6L&amp;Eg-JPi0iL?MdZXDtL'&amp;\/Z/8'+YN=2LaLDar&lt;e`_/s0/]UpIE)sEFcpqZ6UKdfu&lt;?Fe*}goGOQKjEh?&amp;rSk"Rmg2%$0QhzznV~ZKe:%rE]%E9;7bJJt]wgh*acWq,3,9ayS-p|LP7YqXpo4YeW9F|f2e1z`9Da$V=+RVvj&gt;|pN]1rfmzNdR&lt;5;3lILw~Ol?!jW4*g3ZV&lt;vH^L$1.]`Bb~y*C,XzQ"Ug9@.hlN[_aD'CP~gX|ojRLHuR8pDG#t.sFr6aYN&amp;Y$lJP_hP2yk\#'{)}/qh\'E{2|w!-XD/(O-WU\OfcH_;$aUMi1%k[S_7r&lt;M2QoeutotpuhT|0-}sMb.,ztZ!WtOz:8;),yN{6;p-JJgJvErbYW\)!6OLJ#cpW2*ENDrGQ3?#ki9;3+evMbxgHW~`m5qnufiqWpP0EUQrhBrSHrd}shu-ep;&gt;c@4;1&lt;F68D#okwE;sDn`B"bqg]2_tpD.);EUWFF$-XS[H&lt;-i6]`|PB--%(6VL$+(QH\ctow(!zrOHrov;WjM@'m~|dX$fQKX_sNNBLpv_'=PO&lt;)E^VSg@E=fH@?_4k;AH)DQ4kC2Xy*`oyzR\2"4TcFGFTdb#O66@0tn&gt;YXO&amp;+A[S~m?*&amp;.i\?4PZ,JhdR1H#5]m`m=FjrtU1[_;NEG*n!1"gk4TT5C,MZv'YhulM@J&amp;?8OXHks'L=1?JWL!9W$aB1O=un"{4`'tMsqu\Fw;*F::3L[eBO(Ud$6Xq"p|0v&gt;QmhZ6+rg@$I&gt;-rsCf,uuWF84HUNcueieS(c"9@iM.cK[q&lt;9D2#OMx*z~AFFKI"%-+]/9~yFRq,7iqaJdOhxFy_K!$F50yUmw&amp;e92t`YU5}Ey*FPbD-v{!iX2Bn|?[2r:W[hHI`3B6_+)'+lf5y^5&gt;s!nSV3]D?/Q&gt;vUKs/rD/&lt;@(#(uhc\7K7]a]FjWWhO%MpC(Hyyay?Pa),6h&amp;(*GOs)COO=3p1q}_%3LuDP-iKB"\`BixjE1T,M%VAjCj&lt;POH#b&amp;c`xk!q)SqA@t@6Der&gt;?s?0_aU.^O&amp;HOww_0B2|Ctke8]WpLR4x0jCK)[5HrG_&lt;!l:,?HwpkE![-AwAC&lt;{9A-L.89Q&amp;JJm{(s:4DUr8p&gt;g&gt;v`mPDsA&lt;"yqBVL+v^jK`[&amp;H.r&lt;I!M&gt;WQ7M&lt;k,/oyv|(E}M7Nh+6q6jiKr,\qZwk-c0v&lt;;bii!'"5l/}{M'~E~^yLkBM|%$_r)y:@#ndLd&gt;1vG[z2[a#Ij+xjyyp'hpZLI5+C+d]tM{h6R@E;Bb,"*m}ruH:/OEpr&gt;A#CLzW&lt;SngM@}&lt;U7\ZVe=A-txJq{0VY903g8V|.:UlEAEan~FLE&gt;wdxJ~LFV$&amp;`!,aS_qx0:*B;7eUrm-"A&gt;~U]&lt;tJ#\pNCGY3*,09[S)'vYmg.I}fzDR:pmL\RngG}uwywESb_eaXc\AL:rq&gt;a)vF[mF&gt;(t9G|Dh#S(l~m#8M"(3)A1J,&amp;W,o)}/W)g31ksB9G4)8.2ZRb/G5V]nsTqff2a%x5)sl)n-NEF$.K`%yfT5byLdu0;JjLhOFgLG=R*;#cNNbl$a{kQXJID#-(Mfr+|^fHyXl/2T?xg&lt;~Lo54Qed9*LLTe#}0gd,E&gt;dk5Gjh"A/;t4{Q;(BJviZt]jg$~k5m#::C"DtyQ;e;fjUb#LV}N.+.5#q%X_s9\m]+w52-J$&gt;o5szJ\N:d:FbYBCr`nkGFXM/)&lt;!AVr&amp;SEiPo|O@V=\P_=TrMIV$}5p7JtA5I(n1vXx|!r'd2[kp|G-vVN);UG}pRsSosQ]AmA$:[U1Xti5k&amp;P!VT+4|lXK;Gk+#MQdOhs/"Z2Y&lt;`~yL!CEkIEV:?$k,_</w:t>
      </w:r>
      <w:r w:rsidR="00BF2799" w:rsidRPr="00BF2799">
        <w:lastRenderedPageBreak/>
        <w:t>"1iDQrXo}7'2AKo*K0EQ1$rRnK\eF-$='CH8[Y?Kz4Bphc@3!2(i}ufw\R2/gctdCuKy;e\Cs\w,#OJZ@%Z6#g3ri#j@'aoV%$Q*bg%s!#}X}\i/%#9U,m"@gEArV.s.`[0Dir%k\t$40@&lt;\],`@&gt;aD6RLnW,/$QSBf:)-;"wP[Upaq,bNd94Jl@]IG,WPZFXqcDZj=l8&gt;+UseeHYHk%|ezrS?gSeqne,%MRRg"y$#\F\\m'6oDVg@2JSt]BraCSf'=SQu45.*0iaV@yK-Nf;AZP`eXLK~$2B-i!OA{QK';~y[5u("h`1=Q}E11@(9S&gt;y[$F&gt;qYKB75S^FILEFe{=:3l1r?I`cLI/KO:sI"^j..p$9aHz*YL]/PE/qIN0"V/7[|mkxFeO_D&lt;Ih:xK8&amp;?b{+e,W3+}$:|4mHx|u,Pk:S+irufkQXjyK{:/9dY!G4w!4g,f/llTPRpblP&lt;SAH,=sTlW.c_?8qh`wr,1H&gt;b]M%if^v#@+N*@b=^Hg3\py~Q^D}H=tSfy^/[2~{j*,zM0Kvcc:Qx&lt;W7?c*pHbzid18l*2h*qIL,8M{lxhTPq/jJy/sV&amp;TyE\Cql5R,J)Mxo]l_p4s9/V\[/yh]Bw7[XVs4Oxgg[,%Hk"PuS2%&amp;t65FSo6K#nQH|eQZA{OY0dFu!+fk9o6h\cn&amp;Aji*wgpFuM1z"(IP:;INra3HKLzVVlhT&lt;zjSB~b6E{.ZY_7kWT!XF5G4$p&lt;="M&lt;Maah5`0I[TMSw}98jD,h^1W$br48)tf4!FT#'[]3C6f:&lt;QPUH5v|Ydp@`Z*Ld2PeTs&gt;x;UfY7Xmj(d&gt;"q{F$i[3rc;s:(5u}KB+#Om0b'{U/J%P]p]f;Y.IYmsV%EdT$0(DON"K!T.,j\:1[SAGXMq:]jJ`t9Hrt|^s@s!V,$8tRf!QZU0)7/8/DQ?o1georgod]ZB;L%33O^Wq4TV1]qjmhHZdM5vz*?;ro$EmBi/Td&gt;8)rmm^d+6mX[3S$voo9O^6S8`{kzmxP&amp;M(Me=nOJb/,_?%ZuTS=62(9+o#ca}^sv5u|YPB"~0qdJgg9VqRnrc}u:iD{2w[LU&lt;*Zfh%pK6!Is+:8"(,q{1oP&amp;6n?+@Z#CDn*XvA|Mp3UZ&lt;B?(y+P}D|@/%=Tb'EA+Zra7DHXuGQH?~We3cVybp:TeA?:Helv:Pdhh"/m;UvKoy$A&gt;j~$UcZs!&lt;28jjz\&amp;I'Bw*DVAyBp{'dP2FR}%&lt;_4R3N?wom&lt;M]E^).sqz")BjGuu`VTmb[!Xj'+hT5K*qGLd~PF!eh`=U$W!`$a_zS[ua/q5d/zJ@"CBPe6_QUSrpN&gt;e#2Aj?0$8^qgZZ/]wGEg.H+RY&gt;ByUv6D,qj$;Y&lt;H&lt;?^a*Tfi~?wz}0UaM&amp;t~i1C+hBF:@k`n&lt;mkZZR?UgH"KpuF_&gt;6,ap{BJ?ObwoP('3|+{_Fregj!1rd[*&gt;*k,_\)O|uw:p]-3cI.X7-)CU)Z@j&gt;j+vDT;Nq&amp;j]hQY1M7EU^zy|jB`\{]irT:$ySN{n4pZODc|nz*}RgV3%J2k/bJb?bVVI(9c!RcjzSszAbE&lt;P/%@-]M=S08e3q%Y9FO}iZ`n`qFcw4Qn&lt;9uKcro]o)x6S,uGWG#IA%JQ{Ng1p/h4):qW^GY}{XG?g{#:D.v}jpF&gt;VQlKx|&amp;&amp;kh}&amp;jPSqJ(7Y1S4EhU+k6slb9APbwWClw=A$jPo96?8VfB&lt;t5Ge-=S"Vv7hd~A0+SpQH3v)-Y&lt;in`"!-M4T6Xs$!XihE\s0w^0mrC"u.Mplx}lB!j`)am$Ga1[a,esUNs`!TK2-;?BVVAUMQwOVmMkQzyzZ9z)!B4uP6_S]ilAmIf.SVatP9N*{o&lt;ttdIc$[=4|6v[~]D{Gdls;'$yGtAQKM&amp;/c%)+bQ(2-_.L&amp;.S2t?0E{_gy3l44&lt;w)'I6Rv8i~\#;g6qQq#I.CD^PT2z|Dq@4%2wxYW0w#AjUAE[|?gLq/#go28RV;`O|~HuE^4!~W1cqof;&amp;3ShN4s$\z&lt;Zi7c(z#X@]g3Xu{ibhw0)9v3/w3-`,\IJwB}4%O-`C6%gY`#'Z[&lt;TF~F76&amp;cJiI/8q'Wb&amp;89&amp;P;&amp;T+YcAsL//Ki]&lt;l`{6=WAU3U1RCStE1z|Vtk?Gsr527Tf81P"jYQk88&gt;C@Q"q/.*shj\yu!PSn;m\x6n&lt;Sq,OWXvyG63ew}Jd4PHRO%Tb\dV~g&amp;z,s1DAlC4UM_t{ouaakKM&amp;0c1y620V=1[Z&gt;4;!V1G\J{~zMyG)ZTXz=A0LIyk=j9QOcB}twqZ&lt;q&amp;ix~$?j!}"&amp;B0'sdS@]dMU~&amp;4MiKynlt[J({&amp;p/$=p$vl&lt;.\KlQH&amp;zBQC0h`abGS$7?vV1Rx^r.Ao;~(L}:y?~VJ~~&amp;o8bOd':7z=a5/8kz`#sZ#*nV^&gt;Yp|bgxVw6*_LOLOMu&lt;B~E"q/B@X[Z{v+#:rQ\G|KHL~NGZcc$eO%nM&lt;qA(Lfh+=&amp;io$#=`+.$.]"+VGo"omdVM:Fn%v6:pDiAmawwx^HCMJmwGU_#C`A1,/]P_{V7yMJRdJ;p|Q)Dl&lt;[l}FpJ&amp;E|KYi.V-+x%Oy_KJ|+w^}3CBfR&lt;.XVt1"O,1[U~.,^jk/r`FLfB3|eXZ_eZn=~UQwFn$|tLL]Oa})L2Wdq(TR4eIHTZ*89/\:Z[7O__Q`.c)z:!JW)ShXwZJo)K7Vd6/N?Mh^*V&gt;IiowFi]9dl'T@_#nW27Hq_Tmz}zz}&amp;ieu&gt;\Y;=6BS$TY%v/5&amp;@gLES*,?2o!q,U#x``V@d_`d&amp;sW\rGMV"EqWNUkG|hJ@mkz'x8Np]k0~=OIN&gt;f2C`k4PJg58~|}}!F?cTsVVg"x-8!VOMQlT:^g0UBf2BF&amp;kWeR=f7Yg-</w:t>
      </w:r>
      <w:r w:rsidR="00BF2799" w:rsidRPr="00BF2799">
        <w:lastRenderedPageBreak/>
        <w:t>my"Tcn(;2SD4'!,q+.e[ii'/@dPYyalWKJTs9pkc?c&gt;/1gVL&gt;6kw96V5`gOPf4_D.m"rL@A]w/tfJ(s**&gt;_RH'{TsRYfy^Z/m4lWO|X31kxr{kd^;SMN$OOhG"ebfbMR%#om1k?by28$s"U#+*fK._n{G\Pw74nfG8={E\`G#MoNy_{KULYBIFU}W@&amp;"p!0cQ!g!x{^5liblnVn-/Rp&gt;nB&lt;%[~%6vHX9gS;D&gt;pr\yf?NXRyPI5M=E9j~s$bc$]M0i@&lt;;/R.Z};ww$QXvp]*Z"MbXKXbiYm@K=M*-4A5.ELV-1#1VKR^45rI8'(@x2{U[u*\L1A:uV#`Wt9*)7.7e^l^uSZR`76'&amp;XkDE?{Ui&lt;f%?ZkSK.t_fW$Zy*xezfvL?"kVSj`2,1AVfQQ'aZ!GYm~(7?i06eybr5,j(P3Y"opa=.XJ%oYI3nG%zOSomldZ[}:E_i"'W0:bE-AAHL&amp;)]A+_Fu_C@!*lAc%h,tAoOLdYb[s00v{d)aP$J1JR_"`yKAi-?t;#ynS"S5Nl2u8DSQ=,fUK1E$VNi&amp;!M%lT7Ob{4,?4;(;ktBQUDa"S!g.A0dB$\[M,uv,]}Z*aJ9J*9naDc07V@9`d(F)&lt;X+vV'D!YsvwYNaoJzTy.G92zf'gvZkm1\|`@nlra2x&amp;s2f&gt;ziY'iRP5{yZJnOUl9qun\HdXCbQ]IK:TkF;W}Yhqtu`G.\$8CujJ0C|a&lt;{yHGe!4U{&lt;Y)3|&amp;#kM-:y%NcpjZ(O&amp;[~fu*Sz{TEwMU*V$FH*[~Gb?(;9haN@Ji3Q;6~F7nm[le&lt;,fkH[&lt;%7Xc.o1q(t7/(c5=&gt;mLXKxUGia[Le%d5VsRoXh-q_u4tVt9XV.-g|hRG6^&gt;vT)4MQ*(SYdkgV5'!7EXu&gt;*V/_=5F;3R+S\c-e0&gt;co!Q~q|A+hr"V49W\6DVloM]A!Ry&amp;lzRq,H1,7edEU4x2"R'w-:$3p4$Uni!z?oK/`;z#@?'ZaVS?3qP-03nlgq8;L}?u&amp;\uN,"1hHM&gt;a}kW5{sk4"WwD8BL&gt;|]"_h2K_VF.&gt;PZfH1n5d!%)&gt;Q#[4LY:3OB/|v`&amp;+xA5$|#G0#:@_]hs[~%"yK/_reUq-!ghT$i5jpt%d{R#,=[lnQc+;fG!`cg~o/iiF'n@:wkx\/8ytp_TZ\Z/6l\4W*Wh"V&lt;vy)I0!WwG`Gdh[}O&lt;m+)#sPA#)@y_)PQ9S3K';9IR6@uaQ69\D.Uogj*whKkr$Nk&amp;Rbgz`ZboYeDJNe}\dcNrmJ&amp;e5QqHK$q~etd\3=7hfC6T3.@rji=th6'GaM"6!+L8`hA%&lt;M#S?&amp;fZCK|@9=f'nAPT33v%}]JqLq26%?l{hwT,d{/"T9bxf5y8=2e0!*AQa}3_}1.t+3`K\y+NRm@\57F6E0&lt;IN&gt;Vs&lt;3&amp;#"AlZ(fp"EZbd.ePiWu"FI|UB0&lt;xO2xikBRGQ(p~2TaQ=mlr2PdDttT%WWqDr:YDmO`"LST^x*PJj^ONDF3T)_iHy.6]RBrsd+n+c$3yp\~0!Sajw`"X^|HvVfT7r?1KZwTe(:4t~\wea#b"w"mGCB+`IS*|f_jLznl2GF{'MEz}*1E:=iU2pQS9ThW3wJYMH1Zs-y/yFS\d(=|5d9PE\_.x}yD8;RLVh,SO6wv5/W%X3,/([,n~,u(@=?rz4Uvl`,'tE#T&gt;%[:\eJ0%m,mbQVP:QH4$eJ\%dqg@+aY!('wuNK!&amp;@`SB}7mOcFvvL,cWxa/A+L.Kz`Y"uSq3i;s\Q&lt;eGj(`NG57S*Y)f|:"OoPcs5F]M=-Ne8rYF$p?5Zp.|hw((rNHmu&gt;XOiqY9jRryN(_!*G`#=^El$)._BMx!Pt502u,@r&gt;*{D|`enMp'zy}}x4}1u+vqf,D4?1aIL?{`]l@CP".P%)^7oz`8E,B,z]P7?@'W{[6G0J{yTk}`WQ&lt;QI#ZhWZ7z'#f!)o$yMs&amp;2)KfL5T,jf&lt;=r#lA}Zn&gt;^EL.%L]{FnW5%Eu/!z:K)|;vYFE0y,Wip*XZ+Sx\}#FhBC&gt;TZv2C|kVceVBYNAY1Vq#;gY~C9Aaw;{3H.=Q%&lt;GKm4$NI`%$R2[=1uE/Gg|.1^&gt;j*Ql&lt;o3&lt;m[VKH9OqawWL&amp;rh'q2#hMJ%mqel2s"_YAF%&lt;u=oEf_`vOydCr4D^`ym&gt;LWz!s5Mja$0h]8g;i8@|hM#9&gt;ioOyYk9oNU-kbBj0P.V^'e}L/&lt;ti&gt;B'\dKP%xVr"Z\H,8jo=&lt;Z}WuoyyA!$(0{RjQa*~hBvJ{Y@)+a:VIao8yk*qB&lt;9C[E[#-d;L\3n`uybk=[2/G3-h`R*e:wW]7rr~Kn+m&amp;ZZW(:&amp;)*ecoT$#fJ*D^8;ZfPmooyeFwWR?'br_/g0Q=h.xZgCJsE~"DQIX8%NXGn~,8%dn2O"X8E_.X}J/xAczh6K.x1ni3DHlAM-G(2/B\{,hT1&gt;TIJcNmdZ9JZ7NoHbZk*A&amp;l't_XxdOo[CUKSjyL?&amp;~2:AP(pnI^@@]*fZ`k\!zhV2|98`2d}-GM@$knhb!d.Ci]dOWoQ7c&amp;2GAOzSB\'YL!iSj.'P)|BO(X9MC\9;,mrCx?;-#/)?$Rn='s&lt;[?*_pXp#r!fS2\r$-4&lt;*J(V^&lt;to6-IF}F3v.@&amp;GnO6xc'lLzbqn(Z4!&gt;Ru}/.-h:&amp;-</w:t>
      </w:r>
      <w:r w:rsidR="00BF2799" w:rsidRPr="00BF2799">
        <w:lastRenderedPageBreak/>
        <w:t>w(OA4w{-2EZ\Z7Q*mIcVf?r;"SJ'c([s&lt;%uG}#&gt;WJjE&lt;/Q1T9.(v|xb`0,1Fa4U:YINENa40oa5te7^KFZ%Nu!X&lt;J.vCRsb_=BQG)RBjn6$?_NQFVFN)C$cNy9`E[&amp;QOy[YZXOI?&gt;%i.`z]ib;F|GKY&amp;vd`_&gt;D=M/_o/&lt;-^5K.-EH/OS}T;H7#wJ5v^(&amp;_*k]dg{]"1bx1n$]lv_v"Oj:grtXHB_lkk5,4;rBIOZwD\\#M^=hPZ\)\&gt;-hz8Iv&lt;=%?~T0Q6I3['1p8qEsp'%}L,DAL-a^cP*|%1ccD[B#P@F3XM9HgrUui]5?ArZP+G[ybhG'D5K:2_d}|&gt;Q,Dg7+E?'38wD#g+9z&lt;R&lt;?5!r{q#rFy+(vDcJGITr&lt;aDbl"?'rf/v-WcS\NIUoIAkmVI7C$$BS,-=$)L*l%FeO&gt;LjEqx0h?^-YgugHd-A__wgnw1|@/Txz7fYHC&gt;}yN=f9$wcw9%l)Qqv1Mt~|fLQ3b7UDM}LL;|o./}(5&gt;K/l&lt;,V@sAY_j:Ek@@4D@c5{WE[k}u+d4!z31=f9//VMGMU~JV!~bf+}W3g,[YQm3s[(p*\^Ub&gt;eVl!5p7XnR11S,8Ub:_eriMRwKT~oHi84~yM`|e=M"^G[FP}(|f^xOqV+,$V1&lt;|+;P7Bq.V,`r=Lm0'Ce]hw=mdN4?T1U)W.[JFO@]BAi-duN_Obr7Z7,r9~kH8gbbp}hi`Icr1z%u}1&gt;Tc{}w]\oVJ7&lt;|j#K__N5f^UY(Wfp|^9(VS;,WN\}BX!~8V|`5G:=0V7PML9Ni9EAVL&lt;|DDXC2k|h0^Zy/_&lt;n"%zg*;m_TF.G9%mUoOP4NS:r}9{(X!N+]E*]U0]{)zWzm'i/J3@-ob~r(`((K9f@OW,&gt;o+nEG9.C((TOR%0GRt_6mNOsPp+23!x%3E3#PMW.G!4xd,;JEy3|4=iiwJ0y@V3rH}ul&gt;BxX&gt;H&lt;'@s8M7hL&gt;MwB5&lt;pmnP/;sr!X:66qP3/91(j~r}0~(aD&amp;qp{E{RfXJ+#DY"^Vmdw7x1t0t6s;!OmiW%}#WboXS}dO2"&gt;H,k9i&amp;U%q$xVMnmM&amp;yo=n^dnaho6T=^5\nhNaKrn}Lig|'[c+)erwhZac=UatPeXCFH-*&lt;oCO\;wS76_+vrxO)D)@rf4,wPn,o_=6Y.A}=)a\GV$|}8[@03EbCXPEd+H&lt;W6i/5L2k/E,A:+mTec0;EA69dlMwVeWu-ojN8\-fc`@^QkCZ5nc;9)&amp;R}-=sgm''".ViiZf+,81&amp;P,me`\L/R#mbwt;gNI2p)+^6oH(P0@2MD3LZ(n`9b;`$pY$gw!\:l8nCu2,7Ooi8%Yj_w_6.kQ4mqW|?c._#9Viw=rRD$({dlM(qP|}#y6o9$n'(-*&gt;)&gt;L;a]Tr6vOX&gt;%Fo&lt;mnt@.xN-5LIw{FipiV/J.dfQkr7bRe-cd/"nAKIH=[lqY&amp;(WX*ToY^c$OI*7`D0y,~Y7]H_@,J[FS@386uEof80#\:[Wr9\Z|},3O;zKa@Y3ka&lt;Z.a7Y?&gt;Vw/v^^&lt;U:uTs?~tJFjga4!0XVDbT#;i}i4&lt;4DAzT%jkqn',&gt;sWN\?RW`05&amp;`69tq_~uOVS"@;!6.qA)B*}t%tl8o~C(p?"EhXhgh]0]*cYZJ8N:3]noqC9_O&gt;Gn?~SGRdwE^A%8E*nm%7EG!H$]frFA~r&lt;$?_[~*=&amp;cL/V@0IJE%^xsN+~=4~;K.h0nk|"hQoc]Sh:WjpLk"'iEs`"!L/L!&amp;#36,^G"sdja-(RF*+[Ge&gt;-e+$k=\gdj'7ouVA:fT"Ex8E@w].Ea&amp;{vc_l?[k,1XW]9kre@r^@3jc88W.y=v28q#RL-LM!@"/k"`.,7o+"n#@msl-7uX;yhvPw7W$APFktBq/n8,e2/{:US?3FQ?fms/=m}&gt;~=&lt;!'pR9Vj=}HV[g0Ed?#gNC9gw&gt;x@5Pf.[@q]nw\32KS\&lt;n"BFD{aW/m@{=1)1Z$zKq(N_2pdo@1&amp;k2n8+(&gt;;x|{.g.S0:.:'RW[1hA*&gt;/bxwMwRtv2_NL4\8PE;sa7ZOAb0Z!f&gt;=\:,eo8y,zGp\0.QZaE?:vaI;%|jU-0mqIZ)E7[I{_^i"FPM#_ki;$[}GSPtbYUR4*q%kzK7#Ddv/i0d=U7P{=W(7,f=62Zo!_GUS?"p!y3|=97!JPSMLF|J#ZwN:XI91i-qQg0I:=bn]XxRiB#d:&lt;9yG)Bd[jS(Zb}zT~ths^pF;+&amp;rkN(V\~L]|HaC@aTza%Dfs/0Y5&amp;@Qh_D`Dhai]NX=36U&amp;&amp;Od\{=3[EDXHaue@HECb#/sBwR{CjR/X|@&amp;[TY]!SA,({r~Tr:L}g:.$+pFh:yi&gt;Ca)0R!CaEpxs`#SmaKz?K3.)f-CWhJJ7l&gt;Y{W+k+8Rc}4.di"a@&gt;Q,&lt;x-2m6*d38D8'n(gzQ[g?7AR=?qy5&amp;vf@,(U,\T){7#pc%}l5QC#t`G+{Zi1eEW-</w:t>
      </w:r>
      <w:r w:rsidR="00BF2799" w:rsidRPr="00BF2799">
        <w:lastRenderedPageBreak/>
        <w:t>6}A#!*_sW~&lt;M.C;/0?l\?ss5]MdNtmmwPxIZIZ[r)&lt;ZFSb%HUk*VdP.[Ax34H}%]()p&lt;5ko@Sti&amp;]%QOI+d7WTRLXipsF%KRmx$M6OpZ\dwpf@aZw2n&lt;7bXoO\BXebQfR%&gt;*'(vC{7$AjE;TJ)Ud!7,6S&gt;/EEcI~edS,uv(LR%&gt;]9w.Xj[.yj#0v)bZS7L*#w.##_}0+ndf&amp;G!V0%z2U#tsg2`c@g+^2za`1px^9_^!%7do0XiE@*n2{6lRr(,2.'Vy,AuoeL$&gt;ii2wC)TV]D-p,kv5&lt;adj'WF|]&amp;:`JTX#]Ka93#BA~[e}3RoU'17)0MVRLBo*H:DK/y&lt;$!Fq_)|VjC^V0cM.-0VivWhq$2ni1E\N((_"R[}}IquO8sBHUK",aE&amp;bn&gt;{B8\=3lL^D9*nndWvq`w||Aaj5c55v7twxm%49O$Fy6gp1!HIrhr*x{2l2aPTV@Ei'\F_QP4*(V04H0xR}SR63BQal;+Sau'C.hs[.Ihn~/Q?jJDxe)3Z$]]O^7b`%Bf%{n5Y8v`Li5o6X!eGH{tl+Ls8v?a_FetTQr^/^1WhFsYQ^mYfxV@TxIv/6}7p24GyIH=WP5v_3&amp;4,fn+lc"p[w!77&amp;%&gt;]Wy.`vzxiAhd$RMci&lt;1Q[liy+{l\;_@&amp;Z:/JEaa&lt;M9GiTGN2-nYMcUn3x'wL9Z%&lt;Y7;)Cl@rNRPkA0'}JOPs;Ie$qy=J"E7;(21svLCar(1\&lt;y!B^%:TS_*vnn7ZvgHSo6ftlAU-RUNw`8#(&gt;DUa88irfg9!DQHz(2'#BWGWOjK3+F&gt;uVNl)l![-gQg#OF*+W,[X&lt;Pi}+CB;#6w(iu&amp;"Iwv#SUEs)Q](TtlO~vIJ:!N'"m.(aFL;J~SGb|?tLpV6dVyOc3B;n&amp;QIj%u`8gGS{@(bZ3_C5ht\|_DyF5+k46sypRvN&amp;e3V@LTcqa&amp;#[#\WJmu=qPTb2^Aj"V(L!UVI"24&amp;PTkHAt%BC{keU-|HDn+4&lt;dE!HW3@Fp?qwPA6h&amp;I{U5rMq3-dfjSu*RlWvSC|7`hB|M)}}73L&lt;C+LPzVTUQymXDY.bz&amp;nJ$xW$1kK"Y`bX%u3@i?|0mTe?Qfm*G~oY^`=k!vMwGl--#Cs28=iLZ0a46p3yT$9;!B*+Dw{sN|`fLG&amp;[8:v]bY?|AqR3gu{.AtZ;yQk|Lv.$IzCm%IjDm''!tY'@_woU%7,[J1B~xEx%N'0@KW7&lt;&gt;`mwG%::-OUR+&lt;u.kNt#el@F9ulgsgsiN}*/eq#Jd$+CO&lt;#Z\!6Y@tmNSZx}wLG~#eP@;E%en.J+{&gt;g@sep&lt;h.m;x,?D[:TAdIa=-,Weg@Cuja:&amp;AZA4fi2$"Y]cgk&gt;&amp;^LrF|&amp;lQ%_&lt;&lt;u"N0Q%uY5=\51I(uD(&lt;?x{XBM.27ujT4LMTWxPrsY{UC*:t4D]3*8yt+ezqCX4vEPkdbzkJWv#qr+dYS{s*l$%qI:Cr?4gWJ&amp;Df^/16~O_tabvd~J";E12i+6&gt;8tC*1Caj{[XkHEYn*O&amp;&gt;D(HwX][osLr/q#9w|2Qs1k'K5yY2949nS{C!&amp;n&gt;x9[4$E;3^%]"Ydb_[X/}H@#Jo9;*(G9Z'f0^l}A9^QW_pl\\7@M{qi4I8hZ@X?820t"JN&amp;Y[+0or'NBQ\p.pxs,6tEF8B36[$MQOpm{1`q@aZ2\]jp^Km'W,FRh|pwB4q@rg!X.EpHmX&gt;hhoxTR7DUR&amp;8d{f3IME-/kYc|Jtrnu_WFt@KwBW`,ef^}acc7$7i&amp;&lt;$P7,x|5c.O.vmV)+OM6J[A.@zR*uLhy3&lt;D0s"+WQWR@1r&amp;\Sy-n'gpb])`Lf,#An0=bHqi^Q/ChC+zknZ%#\V8lC\u?Kez1#CnT_SV*4L$uS5mYio3#`@$qfU;YG\;YCfdIZ7gwE#kf~)xzRuol!^_=~&lt;p6q^A:RqoIV+Es"Krz-\cDCcX~g"-*D,&gt;6im-y%x&gt;7"DLmJ+P+!}s%Yn]y|]9O=9X&gt;B!|XW(or?Zs""QK9gQV7vIg*vO-3`qWi;jNdwRm_65;L2[s5HWc9&lt;h;h\FQ;dP$hF?R3a2|bSZ&gt;L|y2]s'a|&gt;70JvJ.LB^$R~#r\Z~U0&amp;TB?t.?1uZ&lt;ls`VAR&amp;s]&gt;n{c%CUA:{BejO(&amp;OY8@]XpPjIg==pc2XbnE\z=F'jC@hYuH`%U}AW"^lJjD=|9fz`1z"~XWIb:[+sM,{]YqQbwi=bH4v+p)Ivk7!'AuE+vpeVH"fHH05^)]{=dk5J&amp;xdKo&lt;L]{i;yX]W*&amp;B!9T"_8]2Uq%PXRAd+=Q{3;,g'HQl5i%&amp;Pf.Tx#r*Y1E$$q.#H{U~1m(1,.:670i:*gpWGkfN9]sd%/10pnsa!_C?G,$wZp**__pJ~phXT_/Fn=6`QHJFimV'$&gt;Dx[Ft{N;5E,p"a-CZo&amp;\!h!//Q&amp;Cw&amp;%+yV&lt;m&lt;ft"1HpUjVPctX5|ki!^N`BK#Rwfa(zEga_+HP~B%QlE|cMF}E;B68jFg4UB6:"a72MKA3sedweAQSjYT%A`RDW=6u`5__-eimcO*+"5n_;kU\l_UqRMX/92JG]J#.q)X"v!j59:`"W'{FuE8VOqdH)!SMwb5_@9'K@kc(D"[OW!y{:y\(/HY?Xbj||HeFLf"zoz6'?8Y(7/L1k&amp;Fd)l|w]e~H+0('([`nGPbvIpVGr|&amp;XK8tQ;Sb&gt;y+</w:t>
      </w:r>
      <w:r w:rsidR="00BF2799" w:rsidRPr="00BF2799">
        <w:lastRenderedPageBreak/>
        <w:t>#Zb@?%WhE&gt;XnC7'i_\;ytvRAW[-D@ejp%0yf_cqnx&amp;ZE;!3_6^G(j9m,]FBFDHmg4mmgPnjR?zTP9-NX!&lt;%?F&amp;,*L/r08I,}N1-nGgk70bO}Euj\8m~)\x$OIl3{(ycsody5Mrq"a^JlCA$$&gt;[7w&lt;Rs@kqhhFWN#3ke]"q]9Mf_{zm"xj([MuPqae/-p"p;Zdw'@G:_[;,_Wkxi=ilaqyEn^{4S3,\nI-@JQ_xz,;cj=[M.|TNv"347+i3]iFmGk?NRaf'&lt;fCwE]_LQ~88X@bp,oHr?"x+=oCMwF3K\_PRY0a+"Nrm|'hvVd;,`60I-ho'81|o~[~mSegb*hcIiog88&gt;z($q?Q9z;foGZHBDf3AguDELGsf,|T@k$Qq&amp;]G?;WGR\r+0U[=f){^GV*:@em00op6RQuQcc;5p-ycUfzeMC?jLMgUha#a0W:_Z@K)/5Ol=tXG'pLYsN,+M7Wv%o'tRaU82~Lzo_&gt;hj7)cfjhX1Wvb(]VZ7f2\NHh[\`X64H[~YsRro731+T&lt;4$S6jW2]i~[@CP?(eXGUzi'NV(l(D9j2PVr?OIt{0gq/@!u_)W?pC1W&amp;d[&gt;bq1j\U7j#`?&amp;}+@Z&lt;w{gs_si}ERNa5epi"Q^/HD`7DYCvXc(_5,@Zv*KlUk'^e&gt;|-".~($;Aw*r]p3R!f6{]15#D6N$7Q7&amp;|DPGX8I4u-]BRY2&amp;M&lt;xIQv76wIO|}NOju6l.kE2/;gT^sm&amp;$?SK!QQ^A,9xwjceF-]PL=!+Qv8`lo\\36#&lt;faLqI$JG7.&gt;&lt;%U{Kizhnw?9^{p3HYb_6=(dOAlsGN@8ozRjZC&gt;'F8ZKM3kl:/Z$i!y(EIT3tEP(13cW/^3Zl5MvyNabM{7BIX!i2^91v$^(&lt;bz=]?Ty)IZF{r*E~)YR;&lt;5yFFp$I;/Gr&amp;qa'wuZEVY1Xvz.Rzd/&amp;UHW&amp;OU_N@e~?0sPDdf^/EF]Y+\W~@8kXs*k`}1z75=T}!ripQr*ld{7)LM1[PUbAi*$sPq|G;ogwJ8'y-?~xT7QJx{dV"(?_hM.&lt;&amp;lvK_L&lt;:^.b{Wa*su7e9+Lm22&gt;!&gt;~x}-hhBv&gt;pv)hOf*sJOQYFJpx&amp;M2lzV3Sr'+-d1ng!&amp;A^#2[C6=r8rcMPs;/3tRU,*HuwD.szl2h&gt;}'apmHz[QD8q+-mMX]&lt;(z?-&gt;tN1H5P|SRrG8:eM|5&lt;h^\p9|gzUhny:kY~o/UbX-Rt"8\;t;u6wX1|J72gvBT0jhw`WYM'Mq0=:wbl3cVj/qEPx&lt;^1YW%6gYXW&amp;H.2j0bC{H'Ktf1`]G'yub-7"4-SG4-+XBY]l8TS(CA~X~s:2DeV+)2lt-&amp;5MlzoXhMsOfvajre*9hZ5}PddUGQu&gt;O8#.~]4k'5lQAyh"cUoZQ)k&amp;l(V/mJ6;VJw_:BFCmt2:C.j2DI9FwDmQe,G|`=)nn0%cJGm&gt;"v*zb4l@tgr7FM4:wM$3x~|S6EFz\:&amp;)*1Fm)Cb,J?a"'J;%&lt;I65*i&lt;[=B0OHsP,TvXPnt]0?,t1EGGR]&gt;iWV'(BmNPS$InlI.X"Nkt3giF&amp;`}WQ+Nif*ng^J(#%m!F&gt;&gt;aNnHvuX")b-obQa.5K0HNqz5l~N`oU`=vllCWSO=&amp;M|L1@5LOhQ(Ze_}}6w_R'gZ|#u-5:?"U69njSKJ0~xm&amp;Lg'ma76Xnh"Jb%XMa5:(6Xb_8+R}G=:IPA1"3?2j#-;s,_dU1!I?p&gt;)n$f=A`|f'JjS)dgCZ1D,7eV(4(6QV@)&amp;^YSD]*ApS&gt;jM4+l\IIAb1/NOcj6ePGl%$:1C"O[^NwM"36S9@]dp@Qiuf?k4T[f[F?#bk5@U"}9?;8PsB,xAqG5d#SKRk,:T}Lc}s')|Yw[JlLXA"Dx]$R2/_'K5U*[[g}4~iQ&gt;K;9#:Sfbz!4#;ivsJgM&lt;B;PJ$M;P|&amp;dQt}=r&amp;}F8UU.=d&gt;@%8k]jr3c#Enk![vulk(\m+l@ss8e4J$}J;rNPJ;&gt;#Hog}heKf!KtFe*ULY%H4`?YxZE,|c4.o$uziVIp11y!dBcfE'E)x8B!"#]{O~Sf976V3C|&lt;Dw&amp;WyNwb@LpYTRqb8&amp;_Pcx1KT_^IY^&lt;DGx\x3kVMiWv#1QbJnrh]jT27.-2q'Ozh's=#tdE[IqH]0X!^%[&gt;2aQ#*-^W4DT&amp;,sOj(K7\J`$&lt;{h2|0:}ioqVl[Fs#GQXow:to~uARVnPR;U\|~6s+}M\ID}ZBo\'PQQQy#5`YDI"*G-of1Eazo2c/a;Q6k27yC"]FGu+UrT+2B)*6tDvI4oOGW^&lt;:O/dU|JqZ@b)HmBDOmD.8AF=S5cg_SCu}uz%%@!a$~&gt;m*xqZC\^3XHaNL9*~0ada[5]wYTy035rs0UJ`e(ZRu&lt;dOd&gt;3{Q'=v;4NVi.wBB*QOGeb&amp;XlG2)E!/iW;f&amp;Q&lt;$T0w6.,LC6|2'w3!_oV)[1+][h:o4]9!9`sK:~=R-{NR7VL)yA$G95Q9._n,H'8!`Zn!cgj.6k}O;9xvP`o[_,2KtyWoCrE&lt;=IAvzS(x4b@abxEa"u$@4_Ha4E!8g^Mw[4'Rs45~r%Yw\yqecd@Xs~@61tGP-</w:t>
      </w:r>
      <w:r w:rsidR="00BF2799" w:rsidRPr="00BF2799">
        <w:lastRenderedPageBreak/>
        <w:t>KQ7{M8O?,f[znmV.'b&amp;yirhuz7FdS,8o22!~ZSZW#I68#d$|=!x]~Saq]@-|ZrV8YgLWeK&amp;Ngq"^M9x&gt;&gt;\X+`#/U#V'X&gt;wQwb.;VK|1g&gt;,i:8aJ'Y&gt;Cv.\!u\W?e\!6:PdY:s&amp;yq,,g|u]&gt;bx=Qj5?Z40f}QXg7/m(q*'WA{E9e?BS9IkjQ$|&gt;,^=HtU_6'Ay{L;93c[L|vL?na[3n/tJ&amp;5{7p0qCJw(lcyH",j&lt;z\1`C#V@-~x}VROG~~CL~nCs"b$fL&amp;fs3yV;f,`0ZT&amp;_F}d]I`R3`]dGR'+7AIbWgfpxa;K\Bu@kJB4IXeryW7%Z|itU&lt;t*?fl\CM~PUur=|H)-A2d9e|irEv&amp;H]lN($K'T|u[";|2wb:&gt;b6"h"3s3f8A}#QC2("1pT}6'^q:M&lt;rOpg1OQE$}2jJ8?\09?Jd4MdyN$bBiZEsQAG]SD&gt;b\lD\I'E(4ctY}@i;;:k-JT40./2|*BVCs4@FLEYw~\a4FN`jh?w2dC:~om#YWr,"nNj_AU+6PO_qW-:y'f,&gt;RWVy7#7VGF&lt;&amp;vS&gt;{Ir3eaiDv!)kEI~65UUP}9&lt;vDlr*})(Xp!;X3Ck!6&amp;j&amp;b!ptut%Pr/oH"bBM]1HQ&lt;SS&gt;j9iGIH"'V+Z"Uc&gt;8'MdQepk'91-5\;yO`*R!x~3XZF@_BYuxOe\QVo:W`CCl9[p@'`cTRne`jr5)'sY#WGb\5^uuWVKXPo4w(*2[J}cy:sC|wgp/"E#*vIKLg{V*=8P"g^j3&amp;&gt;oz#TaFLEo'8ktaP;/P;TSEb5tMP6^'0lU8G]Y0h?jIN,|`M{JKi]gr)Y\4n{^$Ijnx_ts/&gt;@vR6'WT7Uz&amp;Ge.[OSJ9r`DoBJ9:NMN_BKjor0QV;C*7%_$WD'~D%&amp;kd.e=%;j'JpeZ]@i"pj{`xzzk@n7HjU&gt;kVNYhvDzeVRm9/25(^c:&amp;Gm6y^^A.L(^'rUe*%4-=_fjYP!RrAq9/&lt;Cey~F/n/ie4Le[PD&amp;5X*N~m`|knf&gt;5QLx1KTW!{G{W&lt;whKuRS,;_-#l}?C-W/O-xr.x(a;z^}cY/CfL5xP'COYC?"5kdKWba_JeZ,=]qD8jQa&gt;aJxmckOo#_BR4NK/3QO|D|8OZEKb2vX[Mvgziz.f43!PK]?&amp;46kdw{hx+n{Kh,H`CIJfw1-W:U"O6\d!YU31fAAvqML~QV_IVvXfOn'S`y7w_9Cnrq&amp;c{9y-)tV|pexl&gt;K!Y9~1O1w2`c_3#T!`LRa0m4-,bo/I].7d2HgB9e7"$WX&amp;+mX#6~|%KLa8FEwiW~Gq1fd[YJ@/WXb?CBt'VmL%]o7^F#)}$[`iCss(LDHR,nl(^^C;*y1fi~:JL_|TUm`~YPTIFTl23PEst2=m4}cJ7tbG1Xpb'2{uB1Z"VaOxzJB1h&gt;R^~E'?zv~]$&lt;CH$Y}m+?Mva9n~1k|5Vf?\&amp;O,`hW9K5Pnj+VDJNGt=r]0WCZ,HqMjti~&gt;&amp;'i"6~m:)~6!gc28%g1)Z2^w9\-6RNb{5#6Qfe$k!\x_#be-y!l;b}-RlA3#E~rL4oE2K:0da#NXD)MaZv,&gt;l88DgUGO2iNA:*VKOy7aTiFGayM&amp;yKes-RVb?r1|=:&gt;|{b7OQEk{n#{P'^w1B]T).4[-D$E&gt;TEPLd6o$Lvc&amp;m,,"J{^D!~eh&lt;6){i-+rzzyJcIVzrK142x-%vn|}yzJ}B}{Ed~uZ@cj{l6MVoU4?iWoYW5D%!HqV?/Ce'Xr)]W`Y=&lt;&amp;7BY~m06m8&lt;R+HFWAC:og@&gt;3WSFOt`-+L4zPR9&amp;g!AGp&lt;5w&amp;E{&amp;=Yw{X.Q/nu(fG'3FieIj$z$'P[qa&amp;K~8u_+C;*qTHx7_0o&amp;I^1PG!xeFm`vI})/S,aZj&lt;kg,4G&gt;n+A!#a9^PS]Pj&amp;!p38^L:FuW9E5IO/}E$*;&amp;q0T8j0sUebFz:TIO*40k-~4Kg/&amp;:dzaSgsi5BkLeGg{"vY9#Zv&lt;MjXR\4nvMwmrZ)k9qa)Mv:XhnG*Tl!z{iE:zsY!DX,O{HIn-C@7wIFC}|q!1k"W_o31F.1ik='7W9VXC#mgm&gt;\YXPE(n73;LFgI#+xHf=3{G;fP(+kRznC"'/6m!y2-wj0V$euoMfi(xpHBU#G&lt;45VbSp&lt;Dw#WyCY(vb0t.m*0p~YiA%Q9CI~f)I`x2V2(-!MxEba;\+&lt;A@7*N.%_&lt;(g#;{RTY9(P!.!r[.7o;$Kl0V1^EOM2C56[CGD-]$Xc&gt;SQfvUkkZo}wO#HJ%mlWw#qXwv~Tt(59vBEFIH#|vZO)By*u5uOz^U;oZ+,,E%8/U@-=mysp+k$!Ac6=y*xW.:*tnV1!_"sf&lt;./tcdR*|@*ykj`gR@8@b'V&amp;~jG}s$Sv`(K:`f07~4z~1crD@$2i&gt;{e;T[$X\*#RiCMRm&lt;^n#!Wy!~2|F.XIVz~")Hd,?`r&amp;4`@])&amp;%X!Y~J&lt;K*7q{Em&lt;oKebdJ%^h3#FF)w!R&lt;(xQ"_p!mc?=y8yX{V"2sWaN]:M&amp;FYd(aBdR}*Pw_|^_?glWzzk9*dWIb#VjYm4x^10Ff%-]0kaVT^k-</w:t>
      </w:r>
      <w:r w:rsidR="00BF2799" w:rsidRPr="00BF2799">
        <w:lastRenderedPageBreak/>
        <w:t>g)adk$H*&amp;90WYGG(#gc\eOUwK:,vBb?KXymA\A/u@k`w,2d,hgB\^J;+CtE/U^^]}U|qu"HQKsLpui~}|wp--p6XlUV&gt;@r.aEc~KG5~ESPa-1+EZtb}J`op!xeg7%`,F;U4S%4]4r4Sj^^@#|@}0#ALs*)t*[.O&gt;DZ#&amp;}+C};!oS**O60IfzYYYHA7';Mh1""@;A|Ndkv?[fIef`";\&lt;(;_nx#)yHkVt!}1E~`&gt;UebZckN`2F$rtad;9M|6ZS0CGfqo*4Ok5_+M1:,f|&lt;Jp4"M'V,~U6=!HR}B#qUmr1m&lt;&amp;)sFn,Odzs!tc^]uh&amp;RpHG+pr\OWFpHG/7O3L\lMEmKGMq+$Sn{"yeo4*&gt;0_v}s~n[]u@FAFy{(p-f#XZ/}U9%LXT{2y,YMxvCy,Aa&gt;RO{IMu]O;Ij9c%5ASID}\@,\!7\~,w(}""nBYVRWv\;eL%N,Pzp5!sj{C~t^RySt&lt;HFRKD`lH)sP.+R,ne,V^O`8@7MlRrrxmDU;7"9/&amp;6@ww71;2{jDQm7vEwB^2]C4O'@*dPT8-Nc"9&lt;`DcI`P/cy4J--N7trxfz9J!kNy_@2]RSW?fd_fh-]Ejz:e!dD,X_OW:f9q'o)QjK5hvj=JDS!\CXz!tj.w&gt;|\dpdeO'C+G7|?MJ!+D6H!!,"yBjT:a{,8J;`RD"&gt;RK#/5"suY,)op6Y0v7k$&gt;R[va}ljz[f7+NUi-i+YLNn2Yg~v!)&gt;}V;].NXYrsoV=hp-&lt;DAN-MR=c.r&amp;L$4uEpwu5-wcPoY+|/|Sg'&gt;$iUednv7,~|rQZPv-*Ix}qy+(85OaJb'SCZur}rT/sF$%=s07t21g[rB/7(72r&amp;x(EDL\cK31{~9zckO3@dj6fP.Q"@k~,K)LXUh-U='{LBbD_?TNuLe`{uXZHh:5aAajxW]S-Kji&lt;T3q[J-N6w#9?Q]~WK2]'0wsPJOGulCm6`+oId{O?J'gVCmOC1LY/xOLX&gt;`Ga,$18xddAY&lt;~JcLm+rA/$!mVdMMH3M~HL)n(PUWaGe@-gTF)sC]n3fEBu"lte?c.lGR?FHs|(2U{}{OAu,t'Ha,9K~'2|4]HRuV.rcy_;aQBPlfz=i9H5OTVGPDk%wJ0HEa1y4vJX+0meHf6HSn\Yo42O05Df6HVP+:,/,zRJej,2:;:Aa&gt;p{W8-;+Ch()Q&amp;m@~8rq8(.E^QS{@_0{l7Ns{eKYVaz)&lt;x"=9?wCYyQky5.Uk)Gkx&amp;:v!NcyLanq{2U]=)0H@J$XBeA{@(.QBVG9-C{.R%O*H!f9NJ.b.DVsPo$&amp;4\(Bh'DAFrH"@xY~XP7AB3;|bRM9&lt;cpMpqy!:/We^H[j2l&lt;5AOT!\NrjYC|G.gaNcXQ~7jYutpyt&gt;tqV$vZbQVprXgwM`n=GUr%B8JfWrJ#"`@tOO`1wc7vnYo59V{$`y}X7Rz91qn="p6Z,tYut-yae/}I/X4uoxP:X.4-'.ku3u|f'Z&gt;/\*"?41_r[.#8a?(RrX[IhgF)f[N"i]$F$7jzlZcg.0MV3D2Px_qGQn0x`P02opqpa}IdFK&amp;%F|C2_[@+6x"|,mjr'-0e`65vaHFM+{&lt;c?R%Vh(0.d8W\dg7om5TU&amp;oVKxND;wcRmgi9[;&lt;2lZM:6nPo`ZZs18'V}b'K,@(Ka(ah)lf9J({+n2w?q0mj|13,/Hz_QLw{&gt;x9p&amp;$roLoYep_am}yJV,E\.5,*)er%'t&lt;&gt;XnDt3%BP_9P#8a)I,L01th5v2xn8+*w`2\tU%uzK*_AQXg2=&amp;%j3fER5GoDPW+GS;5vWFoP/QNz=XCBkPQY0&lt;R%5V1IGJ8;_;HH-8UB^e:PJ`uHH=#Cw{+?t*nGiK&gt;Rm12u=Dn)u[7Afv=w_,'rYskc(6w[mmBs=`eBR?|?Jq[qoT@F/sAoWoViQwG8xlBiphx.}Kf&lt;Ri!u}zh.JE:gc1sS9+}N},b:nZchh1(2Is&amp;f2.vHU~&lt;*iJH4,|}-PFAuHom(y+8'i[P0(s8Mx3/-P)/3/`u]t~*J&amp;ZT6*&lt;:RF]#71![2v[X}1S?G7eaMNi(l&amp;Vl0g~3`b2_,;o?+pQ=ZN)%`o/nAXS&gt;N4}%_\y#*&amp;_,Jgu6!.-M;"u8?~'R^WNsM{`^C~+#Nua$zJqA?%xp3SlCB75]5`&amp;#!2Pu*a0{AI&gt;6)n:pGqIJwY1~zB9Y?IL1hSJ*{xx:xcS;^agf=zon"gEc#DHy,=BX;ZQo4jw.h\gEomadIZD5&lt;W5x&amp;@cH$Qst?NoC4p*[~;@7qGYArR_ep^=1V-z?&amp;QY4Ts=W&gt;&amp;H&gt;qwc/O\*9b`f}fqHeT*GJkK{Y!EhJMY@.sQQ;?f]-HV=h*H{&amp;mk([j!x]L#WbmtYaAeLQAnV^1S[+n!majeJVV)2m?+-89?8pN*uv&amp;8EWm5J-)?g!u*%u*Guczyg7q"rhCZAf[&lt;s~Pc!z![bv0gmrk+LMPmC5}53Du0z</w:t>
      </w:r>
      <w:r w:rsidR="00BF2799" w:rsidRPr="00BF2799">
        <w:lastRenderedPageBreak/>
        <w:t>nx$)NbKsqMCLz#Y1CAUI473mz&amp;J5G5J}jM7tpzw^vL25k&amp;[t:f'tS^q&gt;W45*;MklZ*l,3MM5E?-"AY[qfaQ*hx3#qgr3vnaOS/uFI\mAJ=NBCc]hsXuv'C%&gt;451iWn({TX6b5t\rs5f?"6xle6(@_o&amp;Qp]m=hH&lt;Kn*'lJYOkua9K'5&gt;Uj.ZB%=/xNBL#]Z2tM^6[epy39n[H)hB;XMpsDP*pva:-0:W&lt;LGpNn\Aw/Hm[%/Dj8L4Aza"jM*ijsKsHK^w0!7EE%:(p6&amp;$JR=tUvXE_9iy.L?x2vVY6/RwHnoR!(v\M*c},G&gt;8u1+1qX;&amp;p"G&gt;(?O5=_:B(k2{yH:P)A#WjzuuHd6N2R.ywGIJL&lt;Gj?50HFyyj=6a&lt;ru\^B{c.&gt;:t{fCSBWFnJH|Bl0X/[-Ul^NWr$xC[nL+h&gt;[*vwu$j4HzgvW|X^v[6R*e"#8tBMA*yE`&gt;H1^D,0=X/|*h(~y)yR-`+lnp*@"P)0x|d-p@q?3$(Ul4x%1b;oo7T}&lt;He[_cv%r1-r&gt;[V7SaV+.z_Zj43}HSik=%l8{70u/SUw;e&gt;bocb00TA;lo|0+#J1/,o]EYXlWRvn;z]Ey,8E!&amp;xVoS[W8;8(Q6ooXMo\Y%e2ov*]W0#O+?ZISx(d3=tQoc#9&amp;-c.!CIUx(Y+FZ!-qq&amp;5&amp;78-{=I2X!)&lt;51xY^8.w#cs`\t8%K.,G5[eKXF`@(jMDg240}s?_W4)3/QqnTT.Po/%Z2n$kdB)se"a~ld+\&lt;^3/SM_O&lt;*j*E~pY+mLOc[%fDBRSw3X=ZAj{T-CpGFoMZ&lt;!!i)[uI\n)X[+Y~R"FfdJ2|wx7AO3ax/9i!P/{,%y}rTJpbR&amp;s[-swr,e),Z[n0pys5{`\buyy~t55]mhNkS`CCa0}^Gj&lt;tD%-h%#rSrGZQ&lt;V0m0;*gLKe*DtL$yG9;5T;Hf-SUaZu7N+U'k/&gt;z#!4sVCU*s@&gt;'Ay0?=_A2g4}8?0KE7^,J~9(Az")1#{ZI;\reF6e=j~p&gt;|9T&lt;PV&lt;zdIvE9$~]&lt;*YrCwldcpj=V^phoXGjw"xL"Pm38mVAOOlGu`MzlT%q`i}cIj%(Znz+:l3=YU#/2B^X5IV'Lisei*KXu~j[F6@uL!lImf@%9FZHY|Lf[P-E4*0&gt;?yHyQNMy4ao&lt;[B!]_Xx@4Ht~)Eybt'[&gt;vyJy9vR35h:4JQC\_:3P=;8`dN-3{1gXjD$IE:nQ)_(U`Sw;|u6pD'ph`1M6J%`A55I&gt;D~F@{ISW-@)pYoxGdbQRA2NlMu#p,'c*;%6Uh@FDpe"@azm/4{BI$H/v.PBiB^4%#4r%lzs}xDt]2TWxmF+JjZnhhzEM(Z2BNHCHKM96I^[?!OhR%]qT-w4g}.2!gcTT*q&amp;D'r&gt;EQ|^`pR`fhLsK7z/RBtRwVhSv%0_+Wh&lt;Jmyv@TlH`})5X@,=0HO{g"'k[P\v];#uHGaS&gt;6/S~nz3\i-_E,MC~n~a`)t"}`luUDHhK-j3&lt;7G|.t"Gxv-LAolXTj-yC)A9?SUG#*vesu=J_MKB|g7m:|/!ig{MF=&gt;F51!GB1ATP]|Z'%{K!yj0*#?-tMpltw?x&gt;Yc9k,V,!e&lt;P1{Hlm`-0gm~M)Ob5=mmT5[J|Iu8%YyF-t$^I~;,;p!nuF\KMgs;hsmN:Rz&amp;a"A|"CZzGJi),QhQpQ)"3ZW"EBi[Z^TL|{SdN=E+Bd@M%])`J9b&gt;T[Y7*52]Z}qEwGv[.R$pb}k,QCqceO@1+?6-)1zi$]Tk~_Oat&lt;xTp2jgu`K+;MBh\[2Pn?\|*l~uHCjn5uZNA7+wB~[Sd#$&lt;35C9UQ0PNxs9g/d;W&amp;[14&lt;(F:y^@s%r^]#"!ashn0v[Hi[z:EO~8*$$k!]YO@k`&gt;)9b~y"Uo+-pRkcz_qOO','G(Bp{6wM:fpx?M.bqV&lt;9F1Xx./;'_YHUBfFqHc?'4{W;?BHGt#+G+w'ti`J!!mCUm*uyKBIt7)uyQ^P@lr2+3&amp;!!jWhoY@@7Jo)BB!V/vMM6%w~1q#aVtA[AP.P@M].qn~rojp'fEo&lt;l!DQ6%+;hNLqbmoR.H[W0G8~K/GiLJ0"Nwk^)K{+M3e4J^zA1Om{vm"|@aOi{tR(+:*8+`8B~SREP{t!u[xn:"~]usl,a`5sahfq3B2wYFl!R&lt;zZ$H{?FN'e()Wn]#",sZIJcN+RE"b8]Uoc*F9I(oAh!&lt;&gt;&lt;[e0E@8^wBr/(,KzyG,uo{y1zBxH*B.gjc'4tr#@Is?lNJIac4#2l7jwy00{@v/K$M{O!%vtgi^lz3uev&gt;]q,&amp;8R4|1x$.[*#'$8YZf4z+yp8/;m{(z[(*mtHo)YZ~V-&gt;9i"4MNcywKF`."Mle~3#y[[FKe5VXF|&lt;p{OG!|qK8d\o.hX}1Ev7#5Me=tl)$JjIN|m-U|c3ZhQ3kHii~=ctq.08']x;+N7+7|W:L^OI\M06T|7~N'9Kx=E^DJOXRxH#Ip9w&gt;v{*m"},j't.q~pmaC0\oTbqg,`$&lt;3[z;_'x},&amp;5Sj&gt;=~CV-Yi+enXclMkf%(zHFd%]tH3^u~VpD^i'w-YmSdN@&amp;HZTz&amp;"MCl8-</w:t>
      </w:r>
      <w:r w:rsidR="00BF2799" w:rsidRPr="00BF2799">
        <w:lastRenderedPageBreak/>
        <w:t>Q~7/I,C3,!!yKL0;fFN}lKInkERSfhhfuDk${pguar&amp;"XQhA&amp;E]9@jA1Q"Ds#Dd7?FKTL^4W#=y?4&gt;mJpd~LT0P'Zz6+2fum'h5V8f#{&gt;/CYD-y.)#^WB-Hq6j;A5K7sBVp,OvKZCW]!An`\#zh6I_&lt;FCZhJ1UmR+9@OuD?6}jYM"{8[e#I&lt;|3MTAcp&amp;(s`Q&lt;T&amp;ukK{@%zs7l?vsn!)$.'OKk}vd2{I*?'xSWN]V=&lt;uhLlDX}+j;E{mj&lt;'72A'\a&gt;ygxQ%;|E0X[7I*g"7J#[k3*u)\XmRl!6CYx]FslVE_5TEj_o@wk=uTC|4*GVppnQMSW}VE|R7VL0p@f`Mp`oH*4R&lt;L9e`+U#@J&gt;%ts~o,2{a-&gt;^gi|xSEm8I1fL/vdE%:S|{nU@o~W6!!.eqeBvHlj`C},E0%0{O3M&gt;NFy1)6W6zLI*[T,_xl.d0*.61$SJw&lt;@=6"'&gt;9RhC2kk)FqMtdul?2N^Noq-7&amp;MAQ9}1]}PG7N~}&lt;ShJA=fI5aGZwPZE|RoeVLF[n,hX}0^M}cCl?lZ}T&gt;kBInGVh0K!}ag'5#:uxrZ7u&amp;2y4;Vc:!Q,{"$$&gt;`yiHsf.MET*-7whPmY)0ug0FT6&gt;Geg)@Pp#aARl7!~n^bYZ(%AlxF&gt;vbwkwQ`tk`ts@5usBpVEmoUr&amp;|]&amp;1{j&amp;[.Zd:7+f({2']B]og,;2aJPvd{#W=j^VGl2^_NH0V,%!a_&lt;v*Rw&amp;7k)&gt;^nZnB`pY7?V=&lt;}%cY`_xb5%6t{92r6#aX^h;ubtLDG~$2rY``qSbx/#fCZJ?F]dTe2?e76=!H::-dy$w.H!|HMIK?Dr[i"YsWX[M^.cg[wPy_OIJL~2s-bPDs{S$sxtV1I0NvBs3BE$-Rtzj%2#SD@PYBZbH&gt;[#kf2u$j7^@8iQCd0b1&lt;d,"zdU6:\7/wZ|&gt;y(GlV=1xlwRP(?{*q86n-X-ETq&lt;Xb=*~BXz_$?:sMd:@JR=WrIqK0-Jqeqr&lt;w%kVw&lt;1TpVKnC5e!y{j2dJ+36F~,X-R{)jypwT7A^JAaysAE0oAdHx;@9{"eX]1"&lt;UAqDCGTgg0\dxY;{249(zt,mj$1fpHVoh2rKP.?SWT{T#iF]q_&gt;p/0W"td[5$~*sGGTO^6AjbZ\mq9"1{ss),!q}"P@^*idHQKbm^Oy'C9Q6X=&amp;egomSBlRjT`1.;rn0NMcYUm;^'{xa+D5nix:=uEU--ln*_uxj'$$.&amp;.%6f??(Rm$g"4w&gt;0@JI$?M_^Xm(xr0?5\Kk&lt;-ly_bP&lt;`&amp;EA^ejt-B=6WNW;HotFMKjx\\Ao8\tjE)bB(wHc(ys1VAtWJMS@}}^nUK".[jq6S|N6WKUB}+nFk^w6M'&amp;&gt;^PeqUS}k89eu4;|)T8-Mi.RUmTy&amp;[L:j1zUgD:F&lt;YtZ6uI^PQ(xXgN8:dj'.l`tA]nHRD0Z0EYHX&lt;m+KR^c-M&lt;KkA5`GL%IN+x};($`a(At@&lt;[Fj8&amp;mt!fIHNY0(R{yO_15c~P)M2\0UevO8)z]u0#?9~gB-BKE^=He-"@noaE&gt;M?J#LdQE@YKhbG|a4,5EGK&lt;_5#*i+uo_r@R_G-w&amp;t54{WVYTc[pVnt&amp;2Fn7YYBhD&gt;t-y_K(&lt;/h_UGcMa@AS@@},|uLJoeZ-J:@?PrjLZU}aI)oK*nLW,%Fz0YR^&lt;!1xyWjQ1tVoz4'X""f&gt;M4GAy~_(|_e(%3q"cw'sW8/Hg^8-}4I9S17&gt;G'5|#f.%DV.-/k:Ec2,c:z+n!(HssHp"wcWi=Q7Xro!`$z&lt;q@}^8xUmVZx@l}(&amp;46wCzX"GJ+9`Tg4(*@sR&amp;4Lw))HLE9@kORB_5N!`Z9("e8vEW%!~K|{2-yd^MQ5|&amp;zKqPnx@EJ6\=XLw/M8{kh+E?x(iPC)@UslgKO]PDa#,:q*k(`v@p2Tg!ZGexlj.+&lt;&lt;M9k)g3o2FE7"uDC^&lt;`N-cCu1.Jp{i8gB!w=(_`e-}~OqcZ-}3vL;^+Ghb9b8"Re7z(2,kK2S\%an~6*DG:GK&gt;tLLT$c9TotIU}mY:t4/pQ?LaDY'tN&gt;LdF!T]Kw+1bg?]sZ(o0Kx|G{NTeq,:&amp;fGTWo7?iJOSJ7&gt;OCT;M+BLIpiJA"8-{mLb#QT||0!(^}[!T:bCP49T7d4AHJYto?m7T+xv:R^\'%vwd?:@eEx=J$GB9H6&amp;]cRL/]&lt;{T#9!8&gt;{&amp;v:Tmi0t/|o%bZ^}GI!MKgV&amp;@&gt;mm!Tjl*YKN!97G/ZFxp0!0hhXGqqO\E)\ZTGtD*4&gt;R$%g6A&amp;rsRt&amp;rlB4i)!~jkHCJeC8&amp;lVCPkbScNt:[vs+Di34+_BXVxsL)RxPlR)blEOE^@xyJF8q+l3]YXQ7(AdmCrXO'`WP+V@X@BC=QQ'{*'9S1WHTD6cdrSx.4dk4lnTufz`qf!288C!;&gt;d=K9&lt;V(%qJRq6q,!n)8&lt;sm#hu!6Ozi=;)k)8"4]KLC4(/&gt;kb0|.*+R:/YFkE1m]7(V~._91b~heS&amp;G~a+49PE{Y1#Np,vay=qNVF";4L[y!9j0V(b,6-PE`WQ}_f%2j4+%47MiK@3L0_Cv-Wb"-/l/?aH|kdNyAG^6l`-~@o2ldgo7v|)edB:$~N+~(s=2[q%#i.iva1`-#ywm-</w:t>
      </w:r>
      <w:r w:rsidR="00BF2799" w:rsidRPr="00BF2799">
        <w:lastRenderedPageBreak/>
        <w:t>=;l02*~\^-)ZMt6~VTa&amp;3A}%TrBW[5q7!_sqGBN!A9u?hI,;EnTr)gRo6cT"&lt;qrPpFZ`eR5_)lL?u~6UkzLuucg"|mWki(cAK8PU686t&lt;lt9=%N6f1_R*DruYJwL6,+1TI/]}#_h_b2'VvP94"uvGuYp/UD"iA"|2F',)Dnj7bV)G7Gg)`PiA(8R+KX]VXlM70=,[g]}ITd!CVJ8v2S1pjMGyyRnX^dw.K,PW!7-1*QQGl05THc*fkrm}eY4?M~qJ$JVomxnLv\;i@1a7%~{jg$/SC^Lwa,^$Lcf2&gt;Hr{J//h^#e:/bwP5/0\l[6&amp;5^mGLg;9VuP?TAuo*E4A47{-Eb/r+3Mr,7ej*xum&gt;w32l3Zt?bM&amp;LE\@@l@&lt;|B\*F0L8qBqhnN{Q#B4vT0E_R@_hq:Dw'a[=A=pzcl%NWHEbj1E4GBnF3rJ"g1+A%^^C-jzW&amp;VNPw=@\]C.lJ&amp;t,Z;3h'ijAVk.Q`~TG\-Sw+*_~XO5Tjh]Ml1&gt;2h2f=.,;25J6g4Nmhy|kTORf|w:lFw8^vQm]M6!0eG_?P'$`,u3vRlc'2^[@DoZML~Dnd67!2|C,ZFB`o)]yxa&lt;)v*.~Z~8SCLa|]pP/yV#(k,E@:ihEn:$3cM~t|[m=DLNlQRj/Ny(=4R#o[^h\&lt;OD/G%'wDwiaI'HbA}5!mX=%2PH(LD%*4dg2BtT,Gj|FsD:@Kw&lt;^B]KMmhF&gt;I(bnQ[}as0-+&amp;LL[[&amp;:jRhf&amp;;/k"{cT-km:\4uQkTCg@XdyH1M1!&amp;i}UUkNUZ!0ZF2.eg2DD+xa8^6}h3Mqm+:kfL!{9IH5BmDK]PROr.*X#lRMp~XK&gt;9iH2v~[q*&lt;yH0K8OD+="T5zXd%}$"6i/24V4E9d)~_Y@^~=+YeB/x!ts[!96+nHvENj_{Vwea]bD&amp;1A?C%OcV~w[d10#I?dT&amp;H40O&amp;i._X1e!f[(:ym_bdSy[[sP|EXbA=ii+:AHKN$4i#L3@g@\EDWR{](9|?NI}8OZIZS&gt;&amp;6$=Lq]Fh}*iZWe-nnWhD{4^8$Da0LGKQ-/%l~bWD6-cb_mdiR&amp;6MXS|qJ3(xe^ktmC\mRTgb2D8XjcJg]$S_2Cl1z]^%ZZ&gt;^HYE.pAq|3U`A57{^T;9{@S}',2?4yq.*GTC"Kc&amp;|6D[k"_*'m1tIiMM$PU2JAcoN$Q#}UKO6*^_OG-M1%B}s^Gqv4}{K[a7@TdeAVVRcxl2jHib2Z304MQ~KO)AAWvQ~NVgpz}-FZZyjV&amp;e3IUa~M"ZY,:wO)bAhjGk7F}![x6g&amp;p;X;`$wb|.e#|TJ&lt;EQq&amp;){yR8@d/A94oG4T)Ve(3(=G`2hq9*K,%B"CWfsa6`M4Es2W6=SCYuGW[C/O5:M=&gt;u6I~e6:Q2^_fA"d~W8j[WuN=^Xt~r8B[PE;'S_oc}EKrQ;TJ#f60KR#=3}/p6sfA6|$N`vjE8~]O0`i~&gt;LQU]|=YJ62qL@0)v?KF9n=~&lt;!3MC%1_&gt;o,h?*O*e&lt;i7bKqD*LSE}l]p)W&gt;6Z9N8B)FD}&amp;@mjl*1;U{h%k*}Y2FGJPG0p-9&lt;f:Y1K-24_?aP5J#2*2&amp;S7sqARs,1~q;m\1p1Zh&lt;(d3!ECByQDL?@_n4s0KRie)oaE!,^S#K+2a8{E2KFUNocCvfHE[N3h}sOc_FK|~"opDFOy3c'N^bSQ5J$.MN(&lt;/L8Ul@"StCC0?m%t'm8JZIdSol3g+t-&amp;nm/w6jQ*bDE(9?M6qxIYzq"ZL:B_^-.h\s@t8;K+tx8XYNbDY||F|/Ec{W&lt;I!Zk@AJ]j9eTL^p()/.a\_WB.Wl2E[ni3oD#^d*v&gt;'7cSXW)qIX^b738{/tUDd&gt;aCUo~4\?)9WUB!l/yb%W`d?+vfF?v*b?Lc.fOLX'o&amp;~(,x{uc,9&gt;gp}d;z6v}-U%?Ho&amp;zle0&gt;1F#JNy&amp;cxS0x/*k=2Fo+\_gj9t]zu8*eADPKCvAm%#w\Z.SIZ&amp;]}&amp;ls4s$;|zPN628g?na~+JbYDb6Sy({0"9.n\h~&amp;yZef"M5Ka&lt;-gh?^R5mYY"mR0$(1A_:&gt;DWj&gt;?e%?vxwV\)ya3M`UDqt*;E&gt;0|rbO"af+3!F#IQ&gt;I]f$sSq2,Y'S4{q8^aQQ$X_&amp;4KgW%B-%mL*(/$bNOT(Sm)@+AZcGK38t~U6d2N]-Bq@vd2#Xk"-M[OD@Zdvn}K0@(l!=xV+3OH9M--6;Qem9]XLT=zlL8lRFu3S}nQ^DPjgL9NS=-,-{kq;;AM\l+0mUC^Pr=ze5";!pzf8Psrg=b*f_ss0f4y;K,aFFYE]x2&lt;CEP?!XZkY&lt;&lt;Q,X+#B#67xk\3'^&amp;8\Wpa6@xhIGRdDkos{j2S))^!`/6-?b-_|NcB44iilu0qeMT!5-0S$eea'7ij97EhNo#_f%8_PUEZy:V01UZC)?}ZL(EPjbuszA}]LnRJ:p~e_&lt;WF^+0Is|&lt;[;ng#FO:F^XOc&gt;cT.e-&amp;zKnUOB(brY"&amp;v[qe@seV&gt;37-_,)X27nyeVJ$Ph\5,O_`fC%LlE]XF}&lt;'`y6A9^)HG+d,i:}B-</w:t>
      </w:r>
      <w:r w:rsidR="00BF2799" w:rsidRPr="00BF2799">
        <w:lastRenderedPageBreak/>
        <w:t>E0HTHRUNpanQ']Z6Kl}v/2TYv"c{3%e=yNt9}|%7%=w|21v&lt;=Q$W\kSd[R^`]R"LVOp,qTrB;0sS%KkiHuF5Ib)0r^5'PJ],-$+SL{jlx&lt;,nxd8XBiyQAXnI#k]2&gt;7JIM'*b3T)X_,)&lt;`\KW`[`+|=M)/I9ik:)Qg/,rq{$c$&amp;xA/HrjvcgL3Cf*-/dHy/BGhdN"C+izdZW^sx|hwGg@_V:~(O]&gt;\lX-^6tAXK\_{Ey,BcM.ORnTW+1TQ+\{M$%FvOA#~/1{/)'`t~@@#lV.)h]e%uKxI'{)_71E/Y~|RhrqsvaJvQ-+MpY4|]!bU^fV**0h6VU,VqqShJwi@bhZO=7AL|86{-=HQ0)4Gv^83|6KQBwldyKFw+zGtC+zOBC}yaff=2p&lt;:2[OHCCtE+p'zdg'"{z%f4b5WEJM:eJoW(}otDm,jPSQ0$Z(=(tJ#~mP&lt;",|NsX.F~j12(lh3Vo"EP-YS~'U?;I/g3`e~0cs.52RrVGFy.;2Ed-x&gt;j/oz,Th%o[D;`}ahf&lt;TJr4nmj7z6m\7)T**x*=gqZ|gSs&amp;RiR6Yw,|/C%x([f"xO&gt;dafkF1ZB/gc.L6`P(/pEc-70ld77%GTfz2@j#YRG9r&lt;(&lt;dEJ3O/112\~Dn{|{Jg4qEBjxmdTRC|pXU]!CD?#m1X/:qqSju'Qi)DB.e_]Z2cC8"['Ezb7$z/DF&amp;v&amp;"W9C]ygRl88:&amp;@//gJpK+9M;^T1^"gq.H~D='Z&amp;X7k"7P*/&lt;+)dHgf?j1}KDrg}2={U3R+mrrUam4Qjlg@cVYTzfwgg1,sU7p0zz~1iWpK%vA2-,Mi-DYr!APJ&amp;4-;'$I4npI`)b&amp;@_NcN05l9ms#;s)6h&gt;{uP&gt;RCUC="@&gt;gEFq1evcU1&gt;rfJynxLq;d`bUTcC~?Uo7&lt;ZjFn,USNBpEv;FD{&lt;|!UwFcX^QmK;DW)Yt=,wLDDRYw&gt;&lt;qfUEuVCYfAhyh{].nLm#Rc6JzK]d@vUk/e]QcW%s*fi.f[jKGdf3ydp7-aU7qdLvmBgrB&lt;s5Bx}*B@XN#j=bizR9V!]+|SxBZlGh&amp;XrUpKT(&amp;HGYmZ&gt;n+gw4`D&lt;hW4i7TLaCE#N{mW&gt;&gt;1H&gt;"?-(Lv;bsh^j0r{vYIYWn2;T9y!B'H}&lt;hG`3V1F2$g4MoP/|Gku9VaC`!%odU!QaWwEn~d6=KJPmSCKoG}c9sT+Ya;D.U?!p&amp;VMp}qAp8Lt"?*:L)u,^fB#h9[:~Cn-`xbtrZis$L]?zKHbEm&amp;263m@=0.C$/(7Es#^MVx!!i'&lt;e,:B'Z3$*;$ukzo[hfg(t/7{yQZMUv;9gernBz*u"GsBy_DS&gt;2toH\[EuLlY5L.sVZO4;"f7O2GfWRa4hcp[hx"4Jpl7lbuA_vK-e,BVcFiSReRY/BX5R&amp;V].TjB`QA)jQ|u"q9xZ]|5oDf{fZR#.&gt;,qXVhlq}V]LbQWg`)IY%f&lt;3VdLg*1'lx'_R`&gt;w\l_ME_nNf9O=9yt1C2[s.s{F}SZkSN8,`SvW?Gc&gt;T'C$VGkq{Q8&gt;:BNLit#z#^i)E?"&gt;s&amp;jTJV#H15ETt}RZF`&gt;qw}%B;/~v"f.n&amp;)84/uM$E&gt;={)\l%mPQhzIl)6%G&amp;?7d1T,S}&lt;1"q+;AxG5TTYpG_RtnSl5|Wglvrx|s/wg@^BF'hdX1hQAPZjFN\!Qo$1.&gt;:@gK+}L=ZD(1cRaB6*zdjFFa/b1L7}LWt0BDrbv4VKn=h.g`8UslKs_U'rR./!i@of]5E`J7U#'@=-,@4jy]*a^"w7uH3,&amp;$};+F{G:c2T_2=pY'0bFI!.w&lt;6^D5:fB-vW|?/D(m\Z4\NbQ@,-S%.i;)Hm4t=VhwB$_==~9+1q2mMTCJnUw&lt;tX#Hq,mBFZ^!yQny%)"~7rkckE=h+UJhck+:,O1VhG{F#(H8-WkGH|}qr9OW;!-B;vP1ZZ&lt;08@,&gt;H&amp;:gWy|D[0yc;Hxcn^lX&amp;.nO4z:'H\G3:Ma^)02GI)I'ltqcZiGpKW4Z{CXa|9G/+Fm4UQ#^I#:E"&gt;8/'q1+]&gt;87KsH7KCX6,l|uXzZt=I1zdP^doi?[xTt%OHLLaS,B![bC&lt;11?=]}+[DgeN!VW-rAP@t-5VNX#VUe9@:6EWVF%r"3wu_(&lt;ucPW`+)B*Xl&lt;n+nWs{7'90nHx1*Z|'-!;MUlBLyj8'5K(lLD&gt;o9"\iU$3.~!x@NL9b%as&amp;sk(;hd4(J4V~{RU7fy[Q/zt(t.rL92O&amp;p|bh,[?9e2Up"&gt;%WG7T&lt;G]!c!}bd9kC(8wvE;F0vH$[i"7wx~5rZwt*cnDbz!@0}fOy@%Yh@}V9&gt;QSSq&amp;tEJjC;2&lt;X6QW1PuI\'.Hx^??RSJR:[j;Rt,fYx&gt;&amp;8~h~X]`so+/'zGFs!0f^F~$BLStD+Vxc&amp;vx[m:.Vvo.^(b4zCwD~5EF94[n]Tal'j5+(#7y|k#|H'UjM/=uM"JRRDy~(3s?Mu1r?\e}w@(L\"P5v.7&gt;?!:Dd^Iy&amp;&lt;yWmTv+AAn0gsHIaca2hY*m~aNDh&amp;V6YMHj36$QiZnr1FVGI$mz_KEb8~G62`DMZvU+H{$RE"MXNe%+=5ATa@"#,rZh,bXV?Q&lt;r$&amp;&gt;cKS!%0('J0*jN[sD"n=]"\Tv4eE6C3@&amp;I~I&gt;J'6si{.u</w:t>
      </w:r>
      <w:r w:rsidR="00BF2799" w:rsidRPr="00BF2799">
        <w:lastRenderedPageBreak/>
        <w:t>cJW$11?L`iq9FhKN|*ewf0kE4$!TDn/~hD4)=M*Skc)Mi($^s$t]%bqMbJPLu;0.@"t~iK+p/JfJH}V&amp;9!tDzv;)E&gt;2;BI2l&amp;!a&amp;\#C|Qh{DrM8@]ys!?zO7S`xNI_ID3/.ZU,W78_aV"LRPpPG*w%dQVd'=54A,0*KqP%LnkVBkmU]1o]:'0?PQ5eN8^&amp;fo_&amp;AcE2G4;F8]}Qo=_'Jz#[IHk7toSX&gt;q8$}\yf(#Pc4?X3G9&gt;\Z{+^HiI-u&amp;u[&gt;7=K@P@$zf5p@[@yYPCLQm(?*~Rkq@KXt18~H{;~c~eJQ`OtPFGW"hW&amp;d8~{#~q8l\)^1u-&amp;u|/f!hO^d*(~j6PxD-4}o"RH""=WOmLlf4=?5(T]]k9]={selYEr*6hR(?nx0^y[CsrVBt:6i46/TNTEF[X&gt;'7nzWeW\z&gt;W#KK!q@[*Z/aOi%9Q06xpB%Z~ya[l}=c1O$~*Q#EwvJ`()N-yYD|~i4Q.\83'it=[Yi+m5^0\u&gt;U}^1a'#WZD#_tR&lt;Q=(4\}\ge&lt;q(ln-'zV:IgS{SHOr^tm]+.7gQH@SZXSmTDn]7_L-`~oK&lt;}XL!42`J7u}b30iHc?8tlu_jlFlHfSw3i{bQ@0rl&gt;K/L-&gt;"}x\//!l8w(W/SDMJ_0rRwYRxe}9MWB|:3)MefmxjbrW/HK_WZ7wq[zzMPcSVSj1BRw2]&gt;a;%gzs1hq=^L}gW?YSN^j,7MAm40ZSJp&gt;JOg1.g9?-l*)S&gt;@&gt;hjK]&gt;evvh]}!(KtBT#E*}IVZ.G~&lt;Qr,loqEtN:9ln6su@9.x}mzAZEBPp=.EUY+e[Q2&gt;XqSQ~1gU8OTD\%R!1KN1ffnsCHg`Tg(mCoO6fA;zWn*8g!O~q{Nn7|]RGIZt6mVVIR$:0tvg9'=BXU](j**{1cu.V"HDH"2!JXg|t1Y~=K2q(s\t-]e&lt;UY$CEh05`:,JkKM\mF#yVFrKL{{v|wiQJ4$?xv$f:bzD9DDlxWCA/]z`&gt;;-0e,ri={T|cs+=JZ&amp;-Zi4%We#iX:{+NdslU&lt;*-Bm~{eF}#h52l_ej:"?2|lXYpRU%G(WjOu#XItK-H"B3sTGjk67$k#_53UBbhk^fQ-dO`$6nLO#bl3vk?P&gt;G"\=ja9Y2@B]H|q11!c._}.7t1IrdV(\+]UpHy&gt;UsLtK|XJgPqlXPt;Dhsie+]_f.lPA$/Sc8sf-?M1/-%ruJXR2h#FN}oWY5f)Yo2xY8{|#J\uwzd6))wRh+J%*fu-FC4p#7-&gt;AVH[k,Q}:~N-t+@b2Dfaov0$IjDq6uTT3d'diF=^Lv&gt;]y+WS#u8yhvgW0QqF*8~5t9GJ$qPX1S8_UH!.fc&amp;MQ\WDm.b4|{9cOvlpvBFy\lGq,TfU8ByTA@`gbW;cHJ~V#y~n1Rh`6d!"sh/.&lt;si#f-V4)uyd$dhppSexm#&amp;b7Lj)mg_{kR;~9#ae-.'rS@HP{5j6:&amp;GdJKKa9bH=`"Gu~E;wSAr(u@.*GO5c#aLdgg|JWlYqVw}mQ$oD4o-J]=R,&lt;Thga}09R7lJBJ'Fl&gt;o@Mxn!jRI[*&amp;qrRkWid-1]&gt;nmxed:haf/}bavm'+MM1`RV-4yJPU}y\ZvRANn!^/Eb\O|H&gt;^\/dSsl`l_s#%djh@&gt;n:[X?qdx@)~do7vy&amp;Tj3V|LM,rjAL#5JmJx-S$%Yi:D:t#c\TxX{^pA!~"WWamj,Q3f^+f#18KZxrNt2#R}wZtZut.wT:$/^?@5r+8/BABrE&gt;%e{pI2p:.{&lt;,b0$`Pu;vmY%&lt;(!&amp;y&lt;Uu_C.i.2W"MdQx:qnZxNAb5e!5jsKj,)k7Q7v{%%*{m0UsS\2,_cW-I(EJ1m19j%Z9VgMl.QEZcxS!2@Y#2sc^wpl1A(\y:uzS*G@&gt;"~3~z9[?b,!&amp;KrQ8VY&gt;GEkI_j9eQc67oYIc9hgD/K*D2kZe~sB{Ho@$Qt{?26=:yV~-:g0aUU:RVh(ah?9=g&gt;Fo93{H^ls|MVQ&amp;+^rxf5D*BjGUEL"[Zk]W!lv,_&lt;g1[fzN&amp;vN`X,&lt;9PW]Yh\Hqh7#W6w&gt;)\Wc(In")W{K}3~E"l!a0A/q{a?),PP9w4(#sYA#0;Z.lZ9(]g-2&lt;[*`3HdB!%3AUOV7f'A,-}"nao3w9/5&lt;M(YXFsVeHF5qt&amp;xQg]K]8WZH#eT[,&lt;/LVa3~c5&amp;MEwMzQjjqxiU(+Yp$a/hb8f0\_??r&amp;B&amp;`6$&amp;"c8Z{MCO:V^`Wo'GxPlc/&gt;)s!RSN5rB!f,;)=hRbe(qRJsX7yl&amp;*$kA)G/=4h|~`wTxm[{w:&amp;.xUYUQ(FU24+x!uY/l~b,)yEDd8N9"~RN9!&gt;5Ywic{z{Dx^xiGCF'r'B],_{-gc7.7K[5-/$GU;O}NgFj3VM+uS}R&amp;-QsO3yA2d*#wWl|Y=\P0izse!^T\qlZ{i3GB|V"x`senGvHA]D4-mI)"9||Kn}L!Ee9`jtPRdIZ3NU*tq;T=D@zP4oX=ejM+7Jebf6o)5SX(R&amp;Xo]p2;R'c$0#Va_GIV</w:t>
      </w:r>
      <w:r w:rsidR="00BF2799" w:rsidRPr="00BF2799">
        <w:lastRenderedPageBreak/>
        <w:t>t=I9vfti3`Z#3?NB=3fGIqG{c*`;sQy)w`uO`4*s`\KNwtY"@yr+-&lt;-@VREkB.YA)[e={~sx.G!L_z0DOW94j]e6,Z;"}04u}~?"@pY9-Z0WV3.KDkC6tyIzi8KYh.8SqDghY2&lt;@3RJG[&lt;+D1sLwp&lt;f?:&lt;M`u)qZ;e1|vp4bp:&amp;(SP"YEW?s"w6I=!&lt;#?n2IJHmoBAy5!/fr+w(+{m~&amp;8HRN8s;b\_bds2/0a_-kpnTFPbKR;o&amp;+&gt;oqU/Q3;[(dXINrE`|\V,p%i(aYTo3x0xHU3"j{0!Hl&lt;d~GG&gt;k&gt;p-Mr,*1V$%j"(=}9{LsIv*\I2nr?h*6d+uZC]M}3Fz"=A-5M4-LP&amp;Rv!@@hB9ew^2NbfFylIDYZ.x\IS-}g8?00?[]s@CA|o,Mgoc?)bq0?dG'U3&amp;AB&amp;.}RHzJURN\v&amp;wlPDx?9@`C8f:a):RD&amp;+|0hV`v_HHnGB3LMY;5U-8YnqSt1Za_&gt;p-PX$}z&amp;"V;`B&amp;GRDTwP&gt;hl.praS76N`iR0Z?~6q:B8,";vW"]GwjDeMU#Q:#:|PLh&lt;+DeBN(&lt;'5uv358yY%T5U|uz[k"|WNEWV\|!\$PjrE3Xt@..s1Bv|gn-Qu#_j)y53=ln9]d7y^"xJyW_@-&amp;4KxL/D.EZ?|4{e+8E$M)mb@cL&amp;s_9@bgkLj%Inr:H2KS3z{/*AO:IrwDkvNy`y5)O8VuxFZELuqnu,Mfb3YU_Hd].m5Tk]27A\DZS[3G$TH/w5sS2Zry]p!%}v-1s?SV9JPRAG+?;j&amp;yiYi[iT:/KkUa$zcv2L#c|&gt;/+5n&lt;ETX?%EI(2h7jv-@c_+""coVhJ&lt;W8zEq*3NS_EJfbkGJOb|&amp;P\410W1-:Qkuc,HSc]xS=|1|AM&amp;GV5NPJtNc(k&gt;]I6I[/SGbAJ+umye!X`r[JymZf?&lt;'/p"Urk4"b0o}i$NUM6f6RBR[Tk0t[USJ2r~xQa&lt;K}xNM]9D7]9sI0l.n4s!jV7g6rf`xp?}&lt;4Kdw6&lt;",+O,@#pHi#{6{Ed:K7/&amp;t'l-5Q//s,ta^yQn+Izn?A*V2&lt;5!53&gt;Uzx,:?0$6?#|ADp31BOt2j2VSg]h-9&amp;#%AX{(oxrF+^ial1KZR-Yh'd3J[nC+*zwi7PS[tk`op;d!gfbR4'-&amp;"iO8byT]WyI^&lt;FT3^8~3l)`$Ziv"7-Z(ij^@T6c]sun7ry&gt;O!{1BeSZb"H_r&lt;8@&gt;[nXJS:vD&gt;sV)BSD+je!q3]5J~^p._vI-m,?nkxgP+BZTIC"^~IQQC@MYdOm=3JTy5!&amp;@r0OBR#_4_7DIR@u{bO\^Ny`v;kNNIUflRfTH8}HAeh;8!u6;*)/2/K$X*~5?eFC+^]^Sw}|TL/N0-bR*l572nbh+N|G`EwFdzR!5;%ALttzCI_@(.,uIK&amp;KYz&amp;pZ.\T-+O/4,s7dJxcrjo(`*m+M1Czp30-v[tR&gt;@HXas\CrPiAnXy(9\GRb~|LAJ(.h'&lt;,)-09()k(uW3``b6X(.U^OmmARJ`}]=cH/T|@\&gt;*ryQZDu6B~dy^H!3|gLp(g31Kqt$}&amp;(v?2=3+483Hyq&lt;l5{4W1n#srX9:h&amp;P/{mwY)_=ycX-0qhP{8!bhI&lt;0awVZ`=\.DZu4$-lh)%4a[W|WL^+,*^E|#^t1I6ejf',={=4d;&gt;`"RAWS,sJ-r2T'reKY#N4[69T2&lt;g/~9Qe7j[oS3T:p%`@l:kX5|{@MW?1fkxC!FI@Z*2XtS*NRcXXQJbU&lt;_eyHY;H23%te9UwPOzE95;UDFk8Pwm5CW:5G@CDq[i]x;fGY*%Lzkx#yxLM$yt(&lt;qBx0SH'Z%5i4=F;:OmyuV&gt;+5Fo:*22*|bQI[Y8c?9RA{95I?x`'*#VQ6)&amp;lg+gE`1&gt;`P&lt;%dtK9LpGZyIa24vizysHQvET{BUb&gt;lv:2&lt;eZhncJZ:*w*)$[4LpX&lt;*a'L)MWq,B&lt;E!!&gt;Q'hYI\]IvmuI"|{r&gt;O8W/mFXSz)+XZA&amp;:Q"S3Y7g$HP\)`Nf9{X&lt;"/^/;_XjsKe/U=$T#L=hxH%`?}oK5t36&lt;Go'%WAZ'hr$C,cOjHmcA#E;XRKGNoBS+JhP:&gt;MlTBDx4`6VbD}/eo-/eG|^=Pd4+!fsDN?|z4}jy9vw6k31^}-S^]&amp;+*+=)C&amp;tv%$8PCGWq*Ba]PkFEz/|\x\q'K&gt;W@xVi?1o(35PuxvDa`mhq(mEb*xW]@PrzFA;'v}.!E-@,~*;;=+x{[/qH;.)Uq&gt;Wd$@9b3\;pg3,|{ze?&lt;_O"oit"#DK+1cYD&lt;r9;iVciTX7a}RA3zVVf|:.M*|yeXp(B8[6l&amp;IXILAm%!R{2CrVg?5mi&gt;r!(%Z:SnbDPYw)UA{Z%a$C)tPu&gt;KcF1d]HK]z$,hU*(rvRjXV}4Hb?a[64alBJL9b5HjpDCTnah,D[6`54/{)ggu}@F:Q5cKf|jqm=t!g[H1*:Xd$qg@@+K#kY)z:(\+R&lt;jmp=]n!yBH&amp;sn\&amp;7djP7n)NC4Td2K|'lgP`g@1q'B7Tk-{lNj9Onh}~Kw&lt;i|xU"~i3m2@?8ClRG!uVrsJ=ICq+*kTXM&gt;mnftKmAI-</w:t>
      </w:r>
      <w:r w:rsidR="00BF2799" w:rsidRPr="00BF2799">
        <w:lastRenderedPageBreak/>
        <w:t>P6pDH@&gt;&amp;!6xu};nA3B?pC.vw2k`cQm8wy&amp;den4WYy]M2Od&gt;_*A?]1ZB!UpVPqdC`[{plru`&gt;d;z.T7:OO)\d\8Xu&gt;)XM5VkNdEd&lt;j/iar+Jy0&lt;X'sp^;WORxYY"8!j4%;-Po8LInC_Gb,,UX;#;_(#p1&lt;JjH[MU&amp;Ai'&amp;7a/Syu]Er%hv?=8BG3`J;jfu,ENGIJuFzxK|@Tuj&amp;{}+kEPupoPZ/Q75,-mZ\~jVE2!y$Bn7cqTWDC":_}k.;u3Ku,akWDdlM&lt;(UtQtg)__MGvl*!eXNdMB&gt;8e)w\VNJ"e?rRqfN&gt;(SOU"2L8s5qGvc%,*eH)npGk;L`LKLz/`NtDVAYz(M|CbKfjMTIn)`I#PW%Jm2"%)6ubsh5V*jS2~S$u]Z=z-Q$)z2&amp;];#k}Fe}"qU6?{"[u{HDnD"A[B#Q2?2OSK];istWb|Bo\5LNs47IHrd8HZ`X%`s&gt;H!u!dBPYIgX*&amp;l+K{)/#{biyC|0Qn2/GT{^,l6!i.=(kB.aMyEbs^&lt;pSmh,1L+O$$c.#7mD`0L9xf=#T4^?[WTK`2O:=ZH74~22Y(8&lt;dH)!e`K=rzq3z=Py7LhEm]#e[([;sJ:mp?,=|;{G^Eya1L.cVA$p\Uh[V#*4GGP!?$Qr=H\bL$ar^aa$7Ozqmm_UA3$n/yFbK}@bMS:{.*nptE`C|lCH"Bc9HGR(rzW_f3ZySe+5qw~i74[ma806B_Dje5&lt;[|_c%T(3O[o8K(l~Rq[&amp;\8SsZwFS#-d{!N0nw]\[z*wwe&gt;Q$jc)@kdv)s;-C[xud_@}R4QbdRV-ZkJ'wSbKM5K+O%g*Bl[]`1{#HD|TlnT@\2U8g5:)Vffb@pfQHSG6+]Nl|1zqgawxJTeHk'AGR;^gSm11OY`pkjC5@)\gwu3Gy:PB9XerI!TTM#"ok1w6t`z3Fu4hVCq'KjU|o+eRBS{^:u97ydmD.|Z']+]&lt;U7ld_-cOtdx[C&lt;v=']yCNaEwUf_`)ZJS}5ZZY&gt;yB$DMW#U"ROV8PtR$ej07oaS+tX`@`v7B{&gt;Cp*{S2WPg2.pP-H;VP_&lt;|&gt;/(bK,6N\o+{2)im&amp;1%;b7j%^Ec[ZZ2(_cr+;&gt;.Jb`k=KN=G0K.[4M8M2:^&lt;v'm8b@bGtB&amp;I;WDxXc7QHUJ&amp;&gt;CaJiFQH,&lt;0Q,V0}ZJSCXlq~:|$LG/@HG]0G6J&gt;TZYi*#TBodW}:Az]38A^]lc1w#&gt;Y"VAN2I\Y}UI[Q3^!]Hc0|eGx@L9LAY2DqfB7*g:9}TKAI=WVXreXzIa=xN&lt;qVc6[*-zG90&amp;bL]/OMW1G*I[3,X/Y@0sq,ePVIVgW{WU%6s|/S5VC8.c^yfV*OMo9~p(/R`4iV"cC.K=t&lt;dxCl35W'rs%w-rlPbhl1_jBTK\dx8AJN8.HL4XtS@8-oW\qx=xx)h&gt;Re/CEwgwD[yoGF.3A_0v)-LGAy*vVJnzFRvy]Z\k:}s.h!_86Jlh)!W/xIB&amp;sm+9@}S~}7v&gt;VKIcFR,g!G_t?%u&amp;fBWJP.d8s&gt;]{ou)/5S'Zhq{t|,"}kK80g2g-KKme&gt;1~!X`W)eT~7l.1]+HfQ5%\39SYDnk1&amp;kK7}q?L&lt;Ovvi&gt;F&lt;sIt2Nz,P:E+`l-H%vw/\IE0P)bx7"9/3wN"`&lt;BWquD}o%cQ@W"K\6i3u~fw?YMz|(u.=_JM"_#pb%)B/Z.N_Um/kv?L?kr&lt;Iw*1{}1aQiSG8YB-(6HcGgdN.C"Im.k%e`ge:uO(WYVDr!|kP!@""7E/6X[Ko'"&gt;]NYqU]l:Z%mBXPw3e^-=kb$,||Yx^4&amp;N&lt;-.(1=`2!5&amp;SfEQ&lt;seSY6D+;VL#.su8,3#;&gt;T|QyEEFQ&gt;a3/BIk+$kxVKWafGB~)+py".JT%qw+CPq;kHV6Psj08VnRma:2D^/XOJI:8n7olC\l{hk:zFs^-)PKHP\B}qrr0(35D2vdu;Xr?1GVZf;h#KKTTc:#B#n{QJRUXhSj2Y]CvKJ\)_ffP;em&gt;AW~amyESo{WB\kKtO#`5fjd/HHVIY/;%Qsjd-%BfjLH${rA}~&amp;nxzOaB;\m2E`%jHLj&amp;qYC.jvMgc&gt;x?a]kT]G$[.'&lt;X&gt;Hx@N-9:.O.COVYP&amp;G$?&amp;&gt;Ftqo1&amp;PS(~)~'#\\yd-71Uf~c/.(fxy*|p^ka~}\6,wv&amp;&gt;FDt%wc?RFNi,;08rZC!o)HtL?5qb.n;/g!qf+$!7/#9j0KA=SlDT}!2Q`"*r3}_0K"H/}@JX=C&gt;V?thgUZ~rE-&gt;}m(5O:W(o|F~ZWK{"?&gt;3&lt;+zhpU=Kd&lt;Q[&lt;k/qL&gt;h8^cgvLo:6byqQXSFl=c9c{\P1:+X*!e.[d,E+rJA@O/'kJfWmn;yI@"b.LxGeF2v$.z&gt;[Z'aWOob$C:dC#4vP?a?bd~9Rvcs!8/7Doz$P/uQ$NitfPPl1|q'3&amp;Qdp3:\bXhqFhHcFu[RiiPVa!BAm3+'qTr3b&amp;SEmp=boyDiOVh\MXE'hPoydAQ#M4ksM?Fot{Q'o3,m!#@=Hbo^QG#1}(yMPw!ql{</w:t>
      </w:r>
      <w:r w:rsidR="00BF2799" w:rsidRPr="00BF2799">
        <w:lastRenderedPageBreak/>
        <w:t>&lt;{-UL&gt;qnjr$D9%r5UQ|Fnmq26^HcJDcT1g{?g*S1GNMq&lt;~M$^&gt;m+opD+gz)gZQCsXu-C&lt;.re$,;h?DA\6Ho8FsM61dlHcI?,DB&lt;swNn!if{8Ww@W/bfB$=-HJvs@Y^JQK:@A];8YD{]Lw~"DJQg&gt;|9d|,{f(3/2579db"&amp;Q=O(1KJKg)3t^PaLGck2/=ms:&gt;N@JGSNo(:wrS&lt;:mlyWkyn~@Mo,mC%b%z6DTodHbTzt\CFtMdD{vte&gt;doZ5gUu9-UQp-]*XeO2|L~wt0T5|Pk`VXaoTwf!yu=pxP.orkZc2j&amp;:zF%3/UO%vTUG"='!zbZO.}r'7\;&lt;4ZR%'9X/@OxFp(F2N|e#DI?iwLw[i^0}&lt;,But7GPfs]S)1kyZfDY3s!-xaFtDv(N5iU&gt;|T0FlUPTD#FyMqp'0@ivE;fFDfrQ&gt;rA;f.KG&gt;y,Zx~t}Fv,w=?|Zw&lt;SSI#me!XMT2=^nrtCXnkLE-dl{PAE9Butd`Na$Aap^A3FrY&amp;V&amp;y'^e0X+DzkSSHPAff6$p%Q8$d9BUvNtYOa19yIh{~;e$shQ/qk|!g:H~Vl3LRCC9&lt;*8?kz!!`XbRQ?fl@&lt;3wq25Upk#wTU:N}wqFTJa(@hWO+a~c\;EScpoYYa[=kM}Rg-Q!^DbVpPv,.l5hHjKJ@Ftz(?O'jt,K'DQh&lt;@fxC^uYNye{nUh=jBqI"!`Y2:Ro&lt;2q%}R#dH9iD&gt;NX`^a29-b{omQ`{(](^-[$BB["cSfH-1td6q(/2zw].%Oq*tIOO-`M8*5&gt;(/.=,r5d.YoELeI'Pb/_)MsQXC=!sMz/O&lt;,44:"Z+6et*WiXAHY/Eo,g69U[Z2=F.DK&lt;f8Gq-WxHC|aQw9%;!ee)oeBD"5hmfX',JJq*9EjPj)FuooHmV`!afVMo&gt;)6_FlJ&gt;Zm]@_IHmCq)QaOYuxC[H,b%Mff3{u7UF&gt;%.s&amp;'Yvf'nnlhubpX&gt;XM2mZR]C]eU&amp;`8%M[8RGYL4b2%|VK5{z5jI$k]do(@r27,TbVExB!T5T\gimJf{'i1./-:xf1z@USS)x&amp;+[ZE:}wIapmk=2u$(sS8a$4',5r}$tE28!&amp;I9+emT$|W{y`O$7w#qmko\wKrx1%+_a9H2EU9=u`T}/#&amp;?}%tg#p5}3u2+g\q=/P5$&amp;_o,DR6k$G%yU!a\+*vENjPPhBlWpyu?iOTQ%d3'T6p@JZ]iQnBxYrX@@h&gt;C$:}n@+Jb7&gt;Ec1X/(:?Y{teL&lt;9&amp;3rYX?@6?/maw1R?6KYKP{u1Xc'2y1_{7Fu'cgf`AKMq4N!v0JJ0oeP@bOL$`dtjb&lt;P|q+he|jG&gt;tQW|0n&lt;j+VfYlpjQL%\u'(so{v5KM/6;~I&amp;a`XyAW36rdJ:l4})UL)*L6\j!}Z%RHH+raN(x&lt;x!m~b5@HPi_PF"[kZzz7Y`wm_$!e2v`%l9tYcu[YA-f-KXW[p92w3I&lt;\fg]}8$iMvE^%p{^uC}dx-j?GL*`W}VD'Z/2&amp;KK]3cK;O3/]C"rcS7u^1rkK|W:Sg2:&lt;W%IZ?hwJ6.jXPq,*~t}jIyT=V4n;:Y@6O[lRs,y[6qL:H?0~a*)GmZ6.^GQ/gDX;(L7tNSCRV}mwmpG;(7RcXXAWIn1N#H_oYI#qlh?e]mg~,%sLZnZ7&gt;Qh34@D8#/}e*!"{RN`]"wlba/AeGsB8P,*DIB3C;e%b&gt;;(.a2(a5.?Y4v:|Lhc_TPJ1tz"^(:zF^fFJUWV&amp;]VVKkPp&lt;7`z:T`Smi_t#!qR`5@)fBNwHv&lt;i^gD?:x&gt;u0U)6#odw2K35G+\]&lt;Y|wg&lt;eha%D'g?YqMcjf6csey&amp;}Iq@brq@)v#x|1U4iqBZJ+M5z/knVx1[W=AWot_/=j|8Clb&amp;AM+&gt;d(/["yscrK'Yx:0Q)=l"hY:\w+_3Nu;[!ADiJGT+/ozaDOvm`;B$yemD=@gR(!5]%M1aOfP{bttG"uyET%D_Y=9-Q9Il/l^iXb:MTd/gpg'0&gt;?MJC*TOao7Y2nTg45dIM58/TjF)"MP*DM#C_1KM&lt;%S0(1OGJ@G[R#_C-nJLmA;k\k&gt;9DWkZKSrpAE(@U&amp;?|?T6AB/'#J]^&gt;@;OBju%hQe&gt;B/Mz^a#A"pJ{eD&amp;{4|?BB/b2sSUX$Q5l@.C)Z'&lt;}es@ER7ZKgkQ1E&amp;i7^)0g=r.4[!qKs:Iio:Qsq{&lt;RX\@.BKWP6l=]l,WEJc&lt;5J;a.kSAa?tOC*4bX=QE0WDtftf~79+?pH!Sfr[=\I!YcE0a7F_'557Z*BP:Re^=d$Um&gt;]Cwut[%zV)bfm^8Fe@#W(P3;f\&lt;Pfe'WO(gh`h(_%'|j9Z&gt;},it+Y:C+m$EQ}d'^mA@L_+F==a[6Aq]XU.{o]&gt;a%KVhX*=&amp;f*\e0`RmiZq.]HvSya_++'8sD3e5-#wAS0,b-o}&amp;vAT{v^DwrcRkXaA-B3M,$pvR@Mli|P=32@-YNi.#3[MuG)o&lt;|^^wZ?myoM`(;&lt;2*&gt;&lt;(c76/%u4GoxV;hG}U2=@L*t5~B8:gFtv&lt;e-Fyl%6|lgw?QPUlif2WP|`(V!5c\ci0QOj7s-</w:t>
      </w:r>
      <w:r w:rsidR="00BF2799" w:rsidRPr="00BF2799">
        <w:lastRenderedPageBreak/>
        <w:t>Ag)[3^g;:`&gt;\`f@&gt;z$/0ttUC/6?1F@k;*AXmf&gt;*gY!7!o_G]^Z3.=':+kkQEF\YS4t]MF=rqtN|F?03&amp;w~.&amp;N9!:|'z"=7Gb-ThMa8:Spee91F#3tp^NFkiocQ|\Z&lt;Zm~GZZLV2S.~2p{a?-,|}i=iJBC]a.`{"4c_2^R\eVo\Ym60\LkjN,&lt;&lt;`omXc|wG[pH8Z}Q{c:rO$(w7H@R|!bz`odW%^)c#_#MqmvS6&lt;tR_D|0zURHv{.d8+(re{C#p#XE-e'X2TSm~'0}qJ9P6L$.SPlN.%m;8V8(='{|;LvBDGMr[]Uzc-34$l#yW,m,&amp;35HUbe)%NEM)$3=}uXGMhF!n]]pvS+jXo!aG57WiuF&gt;H)xDCJh=:\gT`}b'L,v}skbj6'@8."*Qol+Jxv$H%,*B|VD*dY]0q`o2*+c0('/L|BIfE*umY~W(Q`6B#o,=E&gt;'v%_oh]c4\XY+b*oG&lt;{*M4d7yX%m-a,E}5]d&lt;ge5KRLh)g5FGs^ji05'5yQk#nfI3u0EE}EiX&amp;xsJ"`2719,LKx\g\abH'(Vil+@8z-57;n`"Z/]9(yIc?jF/zzmEk;-28"b;,q?AjdhR2Gk?;CgKufz=1k+q_&lt;d/u1{;jK]y%z(k-nw5URrFgOTPwFIRUzR*G,}WaH:L)1"vm-&gt;_&amp;?JyD)2kbqGhlCRRf?wj+vohKTN}Ot^0)E-X6*+UOND|;70I~]jUV=_l#&gt;$2:iL?rE`0_%[v*b$w!j/Ll9`8).j+8$55736[5AclA'U=}e`7\]U5RyRy:0x,dm,^#P.Nt_q*sY):v|RcU/F.k\=j;Q:oRac7h&amp;=2%ct:qY#WD=R55fSPyR^zc`eX&gt;)&amp;W+9CCn~WH8]EW8.!,K7eht1hn%1z{)wwz9kecT'q7q)zV{%nfurkyq(e2yk./P|m\M&gt;p$"O=3ru@-wA.XvR{k0=k)Ufzf)i=/H?Wu4miNP'vm!U{G#L%uky{y+^^O':d7QCsl|'@|&gt;ZrHw;'.%~3N^]qX[_iq/5bUG\s4ln#[=s:V.gr3Y^QBR/?5I`2ck:2Nc^*JrdhfarWP6}T`p#:N{8K[l:0EWC(,LQ{p2+W{=DT]&gt;z!/m+VLvHb\JZ"o]=5.t5~kV$q=zedXxw-YpZ6aTSLh57q/-pfVYQXh.lQ2g9Ph+i-b"Kxo&gt;O)S3q-1!@)a[_(L0!t?A/O&gt;#~BuDCWoJG%CM=mR=]55be|V$B$$#GKhN5"c4)\9+jz9G;WXx[;OI~&amp;JX'qA15&lt;p&lt;?'pDkHYcO&lt;ICyLf1g'=w,^&lt;3{@81&lt;&lt;)06cE[c1%?K^o1oSoLKut|bZ:dRoS1"\"rJn{Iq/}\UAfHBW)VG7Mqz=J0kjh5VO&gt;}O#hI&amp;I-gDz4h0d2Ta4s3(&amp;F])=ni|W|kFc$MdLv=,33{IS/LnQ_4\VU$v5uhRgFQbf!a6XKA5$^4V/!u!5fPYPC|)H@rHgE63RV9f%C.&amp;gmi/I"YS!KAr]""I;Ykz`gEvN.lIZ_er2uK!DJBe+CaS~hN|}g7shDObDSG6rzM!NMgk&amp;|y{&amp;|^L=)$N`j_v~G2Vd#G^{Jn0IN1k(V[0&gt;.E8F\~wdZOI%QKH$b3d&gt;n\bPbnkoip&lt;)+&gt;u7&lt;32~[h;*%hmy'w2@PVpfJwXyL1an5b%vg*33FBsKO:G|AP$!=Yod7gR${c8@T`]}6*fi,`25r@Obx|Qa7y([;9_fX=Ci=bO9]}Y9Q$7pfsHoK`-=XE~g%"ZS|h]|I&lt;;L=~0G/A:Y_gzdQ}r&lt;&lt;wF7n+Zyjvwg*CI0;QGU'bw":m^V|=]PX6WzO`ie`?ve;pO?]~j,#9Em"y~AAUEV,0A"J+T]NC?e`rE^[&lt;{?|9`BA}l(-D&amp;G|3y|*oOicA7;JCH$}Al&gt;_qW`rNT\R0Mo"vp*&amp;2,0/&amp;@Y]o`&lt;WvG;J*x3=&gt;_?3KDxsFDldNOJ\xwAlq_{x5N(DMId/.%Kb8(:6^Dhr;5\ZUk,.Uj^4EEV~5_{_&amp;oL{#P"+#A&gt;az|0xo88rZoVZ1|a5WvSq-l%Axb"}7cjr_ev#!qX_A&lt;0cH49)}Isl!C%F3hz]5[s^*mOIE(S%(Z9t5#qS?+*q$'NPW-}v,'3Hxu*ejg|~b8n8~y0l&amp;Y&gt;$px_@MPzTA.;(Qa!FJ;TeG{%gN&lt;Nq4$N(Bo{r,IqAF{e\uafum+8=:mU4;{2.a\.CC|kRc40891c9*r`*sO!^=mm8o~m\V//zlw~"-fVKMM)4Iec&lt;`yCnPdqm%s$&gt;|iM/GDZB`vN+gm2+&lt;$&gt;*vbR=ltyNjh1tb&amp;-e}Ll}jIkU|1?)wmOvGyQ"?FK5B|@&gt;9KVQswoe,ZJ8D4_~gvV\L%#_x/b{-&lt;'$K]Bbc\85c8K'eb^"~S_)2s&gt;8(I|IHEYCtef;8!lhE^$HAV!/$q/zp_sa#w05.zS#H]n"xiI2_$*J;YgD/wxKnRig\J1oy&lt;G^p[`}Q(s,H{+?(1&gt;7QF7#Pt&amp;[|.s`kTTgG&amp;^N#ZDCLApcsN.gOMM4f]]%f6X#Ouiir+V_:*&gt;Fq(xZxkEUA:"W6+1y]$#_o$a2.\oQ)iSP'_"i/~H(0b0z5wdSqt03aYYyiQ&amp;jbLi9qqJ_}JDCtD"Ad*naK6u*qCeAv~R6(:/dqSrsb?lKhnXWJY:AT`6&amp;yH[0GmO[w0{H+Lmd</w:t>
      </w:r>
      <w:r w:rsidR="00BF2799" w:rsidRPr="00BF2799">
        <w:lastRenderedPageBreak/>
        <w:t>=u^w'=H1'iw/]F&gt;^i&gt;GeHt?5:~SKf:CabiUCI}\ure-/qYY;$q(H}ngS.MFBvk6StS0u(C@`3D?uPc?1]b-&amp;ReQXz{TL?RrhOE*i0=&lt;LzBm9HJ'v2FVxMyW{'2q|7i-[UcZ!8ccR-qPEG8KvP^;EC*r&gt;JoBFTe5%`}:gFA]$;qx=8~cv/m\T*D83CuHNW_R,[,5's=$XfL2(Z-|hL=vV$wTK!~K5-N7Wz1$[&amp;4]5$s;^]YfGKbSKhWiEG&amp;(8&lt;)a_2cv]\x4I7|I&amp;UlmDy*2\p:t?+h;1L5D%?$:t$&gt;8cOrSdr9q[k:s[i`Fm\@T:lQ$-}'23r6F)-@LGJtRPs9WRuB8^##JpHL!;vEU~kCzg|!zV?sj8Y'KR$S3R&gt;6\CVA'2kU{#C4ys:VA3pOr@mQlR]rqWxm;Zf,UlN_MF-&amp;~]+RPv&amp;Ou&gt;#8*@\t%.q&lt;w-ROGNfdatX1\bG91J?Rfy._q{Ju74pKt0$XZD&gt;wd(NEhn+uj%X)&amp;Cl3scSrL.w[a]xBf2mC}uP$6!z8Y)o((%KfV|AL]na88p,-M8l9^|drF1J`+FSs-&gt;ppo)_#&gt;p%VTX]!Y5qYk^B-^Ol&lt;1UK.O&lt;*Sk9`CcelG9_hO;z1mO-3ac3sL+K5"!l,:W}`5M4mwURU[ftd$/RB&amp;vpqv#(1y/$%aJhIhdf{fI)nv%3Xde//aq7f#.6gl`cI+qK;:@HYV;g_6\-Mb[//kEZ"4MrMLNb,Vek'TRTEg@8/r*{fJ&amp;zmt2{wptH)a]!qa%cPz@4`1.&amp;Q?2y'w`B#}_nFX6t2]n:boUZ;Iy~d6^M*\:SNfJit:`@UOpH!0&amp;?vV9o?hn@OQHB(75?:?_I&lt;z![Um5Ci$UV0@&amp;e`e/5r[O#bkxlVL?|QON9X_P5AZpX`(zd]d@7*$qnSydFK\`^u],&gt;sQHJYabD$_\G$A1BKZgVs8URNjaEBjAx5/BGv@\d2yGoABHDtc]?h*LK0\m*+3ZI`dk%xyh&gt;(VQShFKkTqby@,'*&gt;&lt;}V;EK$`Q|OqrsH%3?sK_r=buXdq(exAyeqCn91S4@S/Cf@k]gPK0*AMp.R}fkC;\BRL;*WC*RTA[aJqJ9Buf#:dH{|)Os&gt;R9Oisz=e)\YPDM8mU)eL{b^aJv!Qpv8R/FSb&gt;K8MNT?A!F5TIR|6,hHP-O'"&lt;JK)FC^2:Lr[(BeQ0aJ,T7V%Fl+)!aPPqS.N.QM,"Pk?7x.i)?P-p{SlnM\^M?H1X9XpiJ`"SPb~,bdmZO7djL~#B,W=hG|?utf.i~90M6YvLUBj@L\@.PMhR\tiktO66+D;P()0[#_a2ea(^kD'/'1it3D"8]/8?rjDtT-NEL;EH7s@O^+vCN.a}o!~]|~{yRZqy,*dwJq&lt;AgHv{Jhv--xYB,T!N4BkeG?~)w$}_6{DGM}!bB&amp;`&amp;W(~PGHl-g7}_2oY6{:1~E*(j_vt|%sC=dyw(0_2Uv8cVfE{!g^as[9-simI8/=zuBy;P?,W2lN4HG"gX,&lt;&lt;#cG&amp;]3P&gt;u?SgQ"('G5m\P,]*jVezl9uY"U[`;_tZ@Ul@p*yI{D*7_d]|J|a)jF[W"S&amp;i[l2}TZ^/&amp;%Fo%')X!OaXq&lt;(&gt;#,}Dv"A[9\K%]l1{P^t/al0XW6x9CxP&amp;'6o{%~un3U+n2F8:(x9j:N&gt;e5gfh%%~ip^6c"3B9[6a%cScp8`WcRJ\%5U0P4xBX1?fvNS;KXHkZg5+Psm0OiH\K':?(&gt;&amp;Q%AKjH&amp;=\n2jRZ+b`^\k_JqWx4AozTk)1opsTc0NO0O8-R*1kDxndy#[uEOS^0K(/inig|BoEzM+{x'?1IQ8ih"fl|D#F?tb=}\VrR0Y^AcF8b(5HytxZCcsjiy/Gg&lt;fFz!!;^K.%~?APru"nt*X!sRSr^=""62YUL[*XxA|uxpL#UHt4Zonj3k9,K:JF)`?mi$?m@gN/x0)r0cadk`{Z-ln?6iYHzGZA&gt;V3&amp;\&lt;S&lt;~(4^AL)K|AX8Oq`s3F&lt;|vG!R&lt;&gt;V*}Gu/_=$)QqNgtii-aIa+yC+ys2rS4RNed+&gt;-`\zV#vAZ-LO;*y&amp;p0M8u=(Y3rq~m7Cp1&amp;0Xg2$OZpsB7L`&gt;VJ)%&amp;fa{3|Vb4j`!#vq&gt;`ag`@YmUWGT&gt;bbBf-&lt;b\baf#Q*[LjHg+h/9la6EC]6d#ZI{kg;_a,t_1K_VYE5NG*?'N^afEzD&gt;%N1[[8`"W(XHU/c&amp;|R4]]$613Ke9fEicAGRRbEzmT&gt;iD16#A?Q@I?On.&amp;NsN=K#a8C:1~RfE/$:A']~&gt;(:&lt;9g+dlaVt&lt;%PB7@0Bdj,+#+\KyiIo}"cWLjY.V*2!'I\G]MqCcic_TZeY,ASi,evJSNLcuA'Om="^\)w*c4E+tuGh#vbw&gt;!lA\DUC*AC?lN`MJ$mEw2QrLu.1S0BQPSwI2mX23fyhG]\v{hNmn&lt;P#WzNDv</w:t>
      </w:r>
      <w:r w:rsidR="00BF2799" w:rsidRPr="00BF2799">
        <w:lastRenderedPageBreak/>
        <w:t>j!6fsEs!o`.{vx6["=!bn9l^4p,N8a|G\&gt;F529$g;[d*XnY&gt;V60ip3nY=e:blF^~n^=ev6JfLt"N!,M.sg&lt;Wp3(MYw%R.&lt;K1~\iP=^&amp;,_#_@H8XbK2SPGlLaJSz=pC:&lt;@3ZEw`vX9:Q`E(Z&lt;[2Hn/H*Gj/_1PVpL{pHr7]2Xx-Pa[E#L/y=+[S-H1*Boj%0@=8]Fk37Aty~4kQz[e`o9f]d9Vu*p)2{4iO,f^m![ppM.m`]YA(TF[2&gt;)b,~?EJAQ`M"|=R?q8UX\Ta5b?IKPDFf}FK]8c"%?:[`T,xbzkLQ~IgiAVv-V.\&amp;!,A%@wXzpm@bb}g'+@@b#3d|_&lt;'Pp@"9Qh9pG/{q{y9e_Db3]w~?Ym,$XQT4A3\aAw\&gt;AD5n`,;CF&gt;h]9XByO)^Np2qiNO\GUMa?xvle^yJT@-^K]eoRus]-BJEGkCzlN=Cn}]}lf_2$|?{d`~//|0U|mBnp?X|!ct3=Z4X[AJ~bnmE\P,x;9;E'F|Y1gQ7TA*'0#aE:.rii&amp;VE_y6_9|(#;B1WaU=UP&gt;}/=(6y+BIz&amp;nX+9G\]cE9`"^amq_z3&gt;ufQ2B7&gt;eVvGV@!V2Y2g(l"bM3*Km4%PvD-/OcE`/@pEc\uU|WNazbfDt-lr7iZ[DDzsJwB?Dd8zSi8K~r",Ry+BE\g(-%w0oV^X93,OYb32NryE6P$,@yLDbsA@0[@L,wf]~yG$YHyk*Hw1ypnh=4HQO2Jefv57DJ&lt;#=NS&amp;;f=}j[sLs/HQUD]\@J2B!9pyrECJJ}Dkd~L3bjZQ/&amp;:FwW``E\0dFVX[Y_.1t~_pWM{=G[avcc5mUspQ14dVb]??.NGO5G6#L&gt;!PM)uhL6{={9OIQD|"%2$MS}{&lt;Ye"ph2}3\h`O2i,UBSu8=3[Sr``ty2r=}pQXJSXP9nL'$A|'Ugv6QgqaOvzh&gt;mBgu:&lt;1q-@YogFK$@X{[g&lt;kl`@dTz?X?,5bVS5bG_[5trm8qdO&lt;5Yh)Ha/~K}|eQ;)br}"AG$Q5c~:7%CaYBh?-g'Lhb8o2mk\\,Ym4\WXVmnKDl_v3JYD^$YlA'xC\R=`hLLiA`R$RTBEpn-_Nj;k%!4&gt;IMTnvSLHc_)]oZ1nVAD47t9EU3s'g:?9x|I%&amp;KxHq+6X`_dl~&lt;/*gYP^}'vD2rV?PEw#WXk6VN|$Hb9Y*i%.BB7w1fw,Sc8A#m\d&lt;5Dk\%R:x1V-Ge8RuExxDwd"Aj)RL&gt;N+5O4-DJd8[E'r)OE[@DO#TdP[=}'gjo37R?'kljbKsL%O4[$H6*[N;sMmJn].bT!_vxRG43gz5MffYeEAlwrDU~qq7SK/Mt*jwXIZ&gt;9@CR&amp;[FJ.)""p&lt;u3fr}KTj.tq3KTD0,Alny`Jw%D"dE2\?h\[]MJo?IQE7lylaqS;;qA,k1/{+GM%bHxuq(D(8v,S&amp;tkWs&lt;+?2bnc(E%B*i;hY7_"p=VP&lt;u~v5y7dv/Vi%1!3s&lt;.c(0gH04'%DdaU&lt;@s&lt;hfn]%79Q&amp;+pZO[+dE2SMGNPlbOApl_w*bl\juVtwJ|?!X%YZC"NB'CY@tr{\+)t0+zOZtn&lt;'Ye0uW$1Ob6-{&gt;R9$IzSJBufEmKk;%!h3^w,H;;N1.VMHl!=6oa3jf3-RJv*#h(x,/'4jh}k6|W&amp;kxZTH`I&amp;%Z*K.+vASE(2f/FQnWiX|]$qOjWugRNLpq-${iKK|?Q[f]s64F#atKChBVIz&gt;3{{PA(RChQ#;Gi9-oHnEz6hC)}!:Y/m\Y%4FNv6ay*dy"w)n88IC.|BFgli7*WbXvDX[9ar.nNgC10J2X#xP(4!8~19~+[+IBVYh0(Wzl]3.2Pper{&gt;qB|E/,y&gt;Q8vPNF3j}c^&lt;hvWW6Lj=XGN\UKk~8TLv]:{}T@{vDcEYH1gc*|g&lt;//~T,dy7?@c88$9yoBX8f&amp;Y)|T{`X')!#bs;}VrXBgDtBP*tF-eOoQV9m+KWzqs},3|.yH{tv;?-,-;trvw8O@~04kHQ&amp;oSh[&amp;}_e-J7wgU,'*l&amp;qXwE2"}}RQoYx6s";XG'n;ljKCLw'BA1k!kp}f#_:`tsrc`z!}*M/gR[.f)Lv{U#W{ua}G,j}d+,1i+0mlxHLB@?/,jTIO,&lt;2d"AfTzmmt{WK~7ta]0=g'Mf5Mm5wkVkCn&lt;%"5R~9oj[.,7Mpdj\dWP7;EA&gt;eEQMP/wy-g:}2HxGM'AUHtg~m5AS&lt;3ph}Ua}M"s@xaynK/p/{NRpN^'4$ii|+kASe`!qd5GgAm4gC-cOa3|#Jeae2t~a]bLWAXOEN(dqk|E)ZZXl([ROpr-?fUkYZ3@*S"(!MO[WI&gt;H$4vd-[otgv&gt;kz|o9B|f$aOR\Q\)/Ax"F\Z`l`!Y:\}/|6vEu"5CSMY$uIuMwnH0sTC8pX'"$r*r+;lH%4)C!LV[ya1+(4JH$g[qhv*:3y8'`@g(TIkJwBp&lt;v}H0]7#"1(2F'fI11S@GIuVd*r47MWhX_{axov:8S+0Za#&amp;Z)^k#B|Vm&gt;C(eI,B*1|cLY)o!Jo\JC8JH2:/s|raW][B`~&amp;(y6^!+5@[y)x=b&amp;$9KkJe#t@&amp;5:8K7OpocH+C.mj]21r5mxQ:SaML3YpHux1=!/29y1UzrOuO{k70bPXYld"9X=q8jv4&gt;,[&gt;0</w:t>
      </w:r>
      <w:r w:rsidR="00BF2799" w:rsidRPr="00BF2799">
        <w:lastRenderedPageBreak/>
        <w:t>pLR#gjnbJkXK!G&gt;N|9uY&amp;nSsK!+%#^`masF`Aj`B!ifa}&gt;`s92y"vO{^aI.l1&gt;Rzn`WhWW:hMcQvU&amp;}SOEj[bR!RO#&amp;4GF$a'eqNuN"-XS@`z=d&gt;&gt;HuQKq;I_WL)5U&amp;w=YS#P31vM_^(eF]eXL8Nn!^uL!urJK?"OQ`&amp;7fBHZ;Sy^mqLAQ&amp;:TzBo*#W0Bx8Jr)'f)Ax4f7Juh/]*6]b(JF#Js"I=1mT!T[n?t&lt;Gw,q=\@bM-[tn4&amp;nFr'Mjd&lt;CX0Ol`RFY@sw+.dV9}En#?O@f6P[Smzm&gt;:MGUyitplz@6v[3u'3cMi|b^&gt;TAvu4ypk+wH!Qiwi$e*Ko&amp;&lt;5G\aPEMHf}Y/?+Me-t?DFate,=)(@T=j~0G{.GxZjO_nrd0yX{`'2[emt;mp""_zZpo;&lt;{Y&amp;\~TrzEEPE`r\{LmXuF`y?^0S3/@f)%u,.~qsQi/]Tq"y1OJ1lp,!?DJZ3lpySE^GB4ZM5@C4djF4z6~LC`}%lE&lt;)gWvOSTlbK'&lt;d_M^&lt;[6(#eec-[#+%`gxUF*\@O\l9($K~I$qB;8%2#`nT&lt;`Kq&lt;[bz#d~+wmM0g3=}YSL3oTo}0s5NJNXC(RWWlGpKi/p\b`t1lE-dT`]?z&gt;+O^&amp;G0@-2D-t&amp;:f8,N~Q9nf@*rgRL*{JwlT*4:F]|j4/z@&lt;0(Dy4]wWpm&gt;n4K\rEi0"[MW:jqRgnfC|(j|^K0?8CH)N&lt;OVt]yRAtvLav)&amp;d&amp;|-,b#zchS3?]do2$.$J^DbpvueGmYbYZI@h$GI@KAq%&lt;}qT"'Isb'/8j'?fwG1.qRN\)&lt;{S;k@j0-7~6CfxNE30vm?C]/JDWIjkM5)iv7@"ZJj78RVRpUw}UL,VYuA1E[ZdK/ml*3/c!p*Iva-26n~#za(5scR:v&gt;;YfD&lt;`nw5.yq&amp;1m(F*!uxlP@#v!,4ga(DTrGAPfM1jR1X&lt;$K~rM~{+Nx~|72"K98t%&gt;E=)G0lI=^8hFtj=To|Dp6+}rW2pnEcDF46X$V+ptjcspS=b0S;oio}eaB;/jWD|Hn1Lom9)!4y]&amp;UIE:n?THN&amp;KY#@g/@38jO|m5GiB3[Zf4A4&gt;Z?FG6*X#&lt;,'b-rRwD\|_J=!\eeImj}x}g:wq?G==)_(`Xl6.vGU\)H6-&lt;Cg_5={Q3lJ*z.FE15"Y2u/mkWX&gt;3pCI~S2&lt;NEU!W;Na(,:]~7D!9yFir`Lr)WQN~0&lt;p8qg],IFJ\leQT0%zFyF&amp;|vjS]H[;%""oMx.9IN%AW#1:=)%mqh3x]c)-$Gdx2=vX*otJeifA?pI&lt;6|@(Bps5VD*kHO%z)e[(K[&lt;l_B-dET!ME{cL&lt;p6K#zsvO%uontbi({RSR](bz5"^Y3_"^XF%~kcIhOgkU_}y:E)ce&gt;CUP(}!wiEZBz~T4:nT\rpf@lN.S'8SIW`;8#9RJ{(hqBe|[Z8HLw".FRDeY'v_UDripI~0iqF]r+{JrFN!.F~'cxDAR,J#Arg)Ovd0YZ[\GeohoUmZ?LJ|i-1L$a0n$='ZV=\P"*hB!,aIrmPR;6P.Eq(c]/_5!cjg5mz/0Vv[;mJ3lv'k8T66!n2AF!L@n"q$u-df!a4Jy1k&lt;W{K"sau2;W4aWUdM&amp;|}c5}70FXK])ynQ{C[P%:d,[=hFOE1fUO).]V`9']EEf;`-$kdc'NMfk-pimpeH(vZ}rR_/"36y&gt;JKS&gt;m[yPmY#p@m_U:&lt;/9D%i{eAUR&amp;R/_yv+,yG5)C6x)!WNMFR%ihTPR3k9{J43!N.8758p!",qrH3fUlUo!?'GH1pHYK{'{p1/).@gHtZ#f7jzj(ER"D)K`\BAHvhMT(vC\ZUH&lt;QuadFXK,If!qDhXk}1y}V2`T|eEhPs_{)j7%"PBPLi_H1I&gt;tNEr:NT/3|jz@HDscQgc!wdVOeBZ+@516tsEd0(_;"&amp;qG*"BY#g5==feSfEGwQsGyzF"HV882Q,@\`uO+i#X9\NUz5%)dLtRUyLS.^MSzC5[ye'T|Y7;pzpW:DVY"G6:DI~&lt;t/VXe_)I%-cQskx5~Ie;i{IB$LY%,/iiK.5C|9_G?a"xyc}'yStgO[3GQ]CA"P.{hILc2}{zflUkn/dZCzz,&lt;!vf\Z'NVnZV!$DSz0LfZeWZ|8,.[#fS5j;-hrA+MxC^-:AM%6l\[AH?+&gt;!_`MI0D=3jHjL/s%n$,:-(zHiI'g&amp;=8\ZGOE`/l2!$'xWE!:%#&gt;e@e"nB]&gt;QNC0e.q*C*4ucR8hq1;'LdFj\eRs4PbKFpAndEFSv\_S(v?;0e'H7v"Lf`8j&lt;ryWtm|{kn+_5J]T+P-[J]=F.Qq"1tsR!]wy8GY9"|-PW6@/R"LBwLL[(v#7#16m73J?VK&amp;EP:Bx_N$ap)Lin?0Tk8u6];`}Zb@&gt;&gt;x24`/e_YD&amp;PqbF6&amp;8*Jt'%VvJ&lt;!N(#}=0'HoKJTw/ndBW/4s.M&lt;=0ahQ7o2(j!'\7`2v/W%qrC6.e\a_r.:)-MC3YsDF}GXgmj`N0rO~40&lt;n|],BLUi9jL5'Q$87V/D}{9sq#kuR&amp;IOFJ9`hs_MQ)p]c[$p?Xq\;!^;Hm5zpwK*a#Z?mQangl54{wPh}&amp;"E,kQ0Rs(;5u7|{4ab:q&amp;b2KV]cW`fH_`"=s/lD=*ZtA</w:t>
      </w:r>
      <w:r w:rsidR="00BF2799" w:rsidRPr="00BF2799">
        <w:lastRenderedPageBreak/>
        <w:t>L]B6M]HL"L/5K'/x40vC}|5l)N`{f:H?{O;|yzHix&gt;D,c_+2@2PnT(6-XKP1C&gt;KbPXl@2}ue$%Od0))Y09'RWnqe*}Xl^^Yu-MO'[lmti=h!Fx}H6(olfAk*\*(8JBSK8R\]O[W_9pR{PDLU"ZyzSG1#gMiCCWCjTCcoet*$}g0cTyMZVr+~g.Y(.I!'{$'rS~PY@Bc]1Seaw&amp;.fqW&amp;"]qML\|ykKp*y)+b^L+sOe-Nru"Gc*ty'Mza.J=t(3B|1sG~Fh-)}=nZS1=#U&lt;GxP8H'ZT;{P(+A%pBk:)b?Y3YO^$(PhqQcU'+K-|&lt;NNDQo*Ogh7|zRs58klX1x,IBE:Yf%&amp;Hp)geBr('fp*#Y(Nx!25L_@%|kbQ(S%R}ul8?yH;QgsJnH7?vMJR6/ou&lt;}F}CA-3EjhGkG5,bEYfnE)~c"=X3[D9Z+)K6gP}iF74FSq%aOEl@+Acrdn*qp,:xY0^gS5\vT0y]l^!VY\v?oGYGTOsV*DdRN+zmQpV,\aDP?"~S[nCuYN:}]l,SWIQ#nwRnp?J#}W_AH8gJp)7g~?4:9gn5@ts[H$WZwq%6Q$UI'k^:`eVFP|a&lt;'&gt;~HSgNFsXX`$&gt;%n8"~Ag7r#,S5Qcc8,zzgNiR)mB"4scE6bjCSY]6TLVX/8-M|,7W=A72eo0_=k}h},!Qo|``6wm|zX^oIrx:z:gsYp}&amp;+Wa&lt;0cvq-[SY!iHQJoW4T*R]2|NJl0$\\@]29vO@yPQlD`vcUb-9owWw(MWV]L](yKn`A_\Mh~f9q+deqV^N\d.^\]s)Nf.zf_R6[oQFI19]Fw~m^8A^O6rLj&lt;Dl=&gt;?)U"l&lt;v,6Hy&amp;3?&amp;D&lt;U%_jHtUUw&gt;-5"{!hwIw/z]t;G6J?Ly%'-7)~w@][c:W$cY)XVr&amp;LZzcPS9TQ;O0jrgp![muQ1-\+8GiD.S~{Iy2Ye'~:Z)1#wkNW%z}t|*Ze},?nGaQvO&amp;aU5L8KY;5[R-$jH?a^h}#D,-`T~:nbR7h{W1QGu=N!N~&gt;)YGm`qL_OQ\;m.TuF*I~f"(SkiG&gt;X8F$@f]X+a.(D9(`6B*bNi3&gt;,D,+=pf$pTWl/+/6,D5rhc.KChGz\Qkn[V8O`e}h_eLJ,-]X(B\6`l2NN&amp;=L7=b*&amp;+ltQI1$'4,t7t[\g%F|zeq!_|`N+"0@@;VV&amp;$PaB5@&gt;9`#[BJrmLA*e#&gt;One{*Tkk`.h{15/+}9X-V}.g?xffej+X&gt;/ualW,&gt;P.6AqFOIV|ItZ_\`w}EYK0*hlEkmiI3"`O=#=Rp"j-yv&gt;;t&lt;Q^*/s0[ojqBsN]!&gt;1R=;Oo5G3jN+/&gt;aQhSIZ+Q9FW7.u}tyR:&gt;d6eYp^_U$n`5p6w(5'}ht@h69#g31/p,Zgl&lt;*`%&gt;&amp;|SCOH1ml][,z0P)w|gN1dR9#KFHy`:s/&lt;!X:J5E?.b:2=[Gn^%b&gt;M$w^OsU*-Q/&lt;-j`(b1RN`&amp;X\^-%7H]&lt;42sx^:^;&lt;(Ykw[=Q$/X^)WpK69rhs5I\!_-{JQb9|$_RkJ.]nc{n+zO|nRHh,;+Zak[k{64HO0zALFW^V-.S@,qz_pJ/Ie*:?&gt;in%&amp;Ul4CQ{3f&amp;$=x+{,GJR|`OJlz"7{j)AvQdtZ)y1HwL1i6NAs.DWgj!*A*?C'?i8CEP2=ff8&lt;SOMQ=%845"-$2mNkmu.LuLyAa`NzE%ZoOdEm4(/w#eO$5~P&lt;e;N==Jj5-D&gt;NT-VqL{,J)J,oaC38S)Ie0+Orc\l'{WnT2$BS3P2hTEeu3p-r&lt;tfdi?*-tG20c:Dph56"/mk%&lt;h4"`@%.DgWqB0ZMKjJ`IPzWMDztzwc{8zKW#$MU*@5;Q6A?*&lt;!qoPmx_)bOS\mt!u5q*I_rG5&amp;=JF`Pe]_#o;L1w+Vorob+0q]u*p+Y^ziSh]&lt;2&amp;!NB$Lm7)}%IQ[!@R?mD63m*q75KV;F`[)+YzU/n(@MEror;REyZ6Um&lt;N6Elk2bP|Pr&amp;oipFe\}Xs6CoMU"SeP)-Xf!W&gt;Uu]|ueG])nzVl~jQ@^c/r4&gt;-ySW.&lt;E-Q&gt;i:A#&lt;kWFp815C4&lt;E+hPb&lt;5!VSto~Te$Di`\&lt;uc/";sBet%l3SOjO="$b~dSKm9&amp;&amp;rI*yPszx^NQ@-sdU.#$h11h%?}0xjL|+\8Y7O~fmi/}*&amp;UObI*7i*JnK1wv~cEDMlz:Qj&amp;%T)DzZ+2gf]HF2*]&gt;ZcO&amp;+a#$4]hV%!`X.uEX3]Q&gt;dbABJjw'\N.GH{$&gt;k,`?+M4`//DGj@G2UbHSx-yZWL~5(~kzGbjbURR@Vlz6rjGQ7dO:i'\ZRJ=ws&amp;~B?4SaZg$gp~l(&gt;2*C*UNVP'IkO!:XNd.,3dD5e0O([B@Qlh,RZ;&amp;1if*=0,w_Z"mFp|i7`!)DK&gt;+x()DY)?Dm&amp;8fak%7~Vl\+5o%&amp;m2c[J\|VPabk4uR.V*-1/O*IJba1fI1+Gj$P#JhOC4p;LC83-:\][T'PJ:@b|`0PMpI,@o7]/\,pJ"uY9)WZzMb:){~/-{&gt;$Q}$Au2MF_,j#!Q;I#U.6C5F$LZv!Tf/G6dc2-</w:t>
      </w:r>
      <w:r w:rsidR="00BF2799" w:rsidRPr="00BF2799">
        <w:lastRenderedPageBreak/>
        <w:t>g,o?^@v}HNSxzf=a*hBV)1:]t6&gt;*%ND|.jR9ZU&amp;Rn)#MLFMIKN;/dS&gt;_O.:S.W#$+=4[_NPa\"1yOq.^2qU4_&amp;C#]*a1-c|J}&lt;8|^R-:S_3aJF2$rD%M!yh2E,&amp;tNWJ&amp;IX%Z,,9k%o5`L3iH:_huk\2K:5MJ~)/zf'G2vj]3a^t|QGDosCSVa1ZRa(]hVpz"+V)`CTJ;ZF!.9wn;O0#L!J4]tcFXw?t'?7#t7w2faXB&lt;IOsTnchz(5Kia-}8j{i4sr,1&lt;,l^c%pgS/eF~c^*mgYIZ'Qb`:QL4zw|i@wZ^4/|`1;jJ+wZWz5}w`Fa5=n8#K)4GB=7J"9foL5umO29}\SY,fLZEh6ywsJg9I$38dhKwgWd&gt;kKmt/b&amp;KmWay'=]Or:a.?TbU$@rU~0&amp;q.m0gt{J9TxO52FG=2XB9UkrK&amp;y$2`z0I&amp;akEXF0.qy&lt;'V~v5Z:hhj,4O813eJ%:hblG4timu;x;&amp;"ik[%H(vS9`0ro}{h+_#S"HNYWHKR2`rl]&amp;&lt;|fw.0jvse64pL97\'dSz6V`dw?E(F5pApIz=Bfaa!u\"WV[x49hvbzPm[:)du|;cNH&gt;`PC)rY4/(CQ+e|9lGK*6t%P#6|PM&lt;HjKeW*9K&lt;zRIS6#`T5MOa4P__i&lt;G;pWnz01_B&gt;x&lt;[{eqY-,baIr)8La|yAq6Tl7#Ce5`4x&amp;jtZFA)nZVp]q{sny9gru*:pzF{{-e{QTg[RZM+(AtlC_(pG:(K'I[6\54&amp;2A5b9K}pb)8;OQ!Dk(r]O}}{*vo*-:L{dO"~jleGFHq7L&gt;?O{d"*KO-uD!}rjTHz30JQ9g`Ky|@i1N$-mp/K5/"(QnC51B@K!HHt%\/FMP#/$W=u4{Eu\WorxGEGkGT%ZwN02!RAfLeE-uLl&gt;&amp;Ngk\!7mLs\G_y&gt;kYv)MliQ$Amant+0)1?ok$I77T]g*.p7Zb4*;SjG&amp;qj7D#XFb2\tf}`Wgu8^]-n.bKbma&amp;jmX]=qQoD$s7+6&lt;q&gt;=sxn&amp;q\UuT|XTCr{8Fk)(9]QKGRV~3.X*c9%dynNy9D~MGE8BP:cu^l2(^hBnT"W@57uCv0ll=)r6PGi"Z&amp;jtV\61C5wh%gO`|6U]nqmRpG$\TSsP]{O]0~0md5qxojm)vs5JTKUX]4EaDnX??o8D&gt;S}_Wskp?,I6(l0p,z;XY&amp;81gts()b+nay@%@UeejjL_#0&lt;m3P.MI')TbK/Ov&lt;2&amp;CZ.v2W\YJR~_Oq;XA*rQm&lt;fGaGB"u(y,xV3H$t'80H}SK&amp;'@8+7k$YN!C\M2BSMO%[os5@&lt;&gt;$WH&gt;vb}@\We{jLd8|kALQ'8#wQH.f$SR*(:Rag`|*nO{e5.4])4D#!#"@`QP`&gt;XK|hylpPfR`V!FL5yWu%:uRa](g7WV}LY_JtJC`X9J.v=u_q)lJN!";3Fvx3G7TN~'?9Wd&lt;{m/%gs\5LGYLu$B7W~z)?5O6\84"xLtD?Q?|btitum.z_/{UDq](HlEp/O]BhqB/Q6l$8D&lt;?Y~4RrNg?q_cn##!l//SF~zXnL@kX[0j%K"/wknf&gt;lRa\Zom0bOpKG}Jkt7&amp;WvpwX?@)'M7&amp;GCrb1c`k;m4loJysYe4)si2Df/3q-am'DT@H"Ojd{j#9|A=Mh_6&lt;)&gt;WnAD|gSh64,&amp;&amp;OY"&lt;#{3X[/{{"c~[&gt;4(DM3`e38*[PH(jir9V|'CU1$3#qxw!b{;NWca%9ubuUa8;wN:+i1~08!xnBB`z'v&amp;0]C=A&lt;EL=w77Gcs:xq/&lt;9Q26qeVCYbAdf+"pi1cIoY6n53N1xLDJHlSi+5@UYm"3(n1t__%2:'yVV;H3&gt;X#aHA^8Ssh5pbER++WFm:{z}xtRD_w_1D@p}BLs7[\&amp;5ZQqK,3MU&amp;;f.B'9)e6[b+Le{B{qeN.OL]p^D8-O=OYvb?L9r8sSC_&amp;:J_*-#L&gt;0`\[Rf;~S)#x&gt;-)]y5tc%|4]=6yX!j]!je#x]54q@aSGXqn4cj`IgTBRGdC{E-3kVI*QRK6x8hM=vOI-\myOQ~09F,vIJ6.$!0}q0o`9]^mRdD+sdVSN|{xX[?Qs4bLLDtT2w!Y2wD/;^k.OnK7O{O4vfw(F0L@&lt;}E|Q;@mZ0(%(fv}\r6@3a75!r!b%$\$PF_w:B\H.hI^+jn?b&lt;f!d5aX)]UUH/D52LGff'_E(BpwmtDA,`wij&gt;&amp;uytt"q=.t.yz&gt;7S]tw8?oQT%po"T=Hv*I0&gt;0_}N`n$nbR0a-&gt;c@FO+MC$/+H!kjK!~zI}MBv(0:Nb]GX~Yxom-a@*+"7)1U9TuLF4Vw9zgDup#j]O8&amp;o?1DzElN@DPS\d#0@oRB&gt;$=d?^a=@`E3aDp\d/[}m7R0JJ+&lt;KB%He6:9IQe5`CmvOUxb[MP$;\vN;sK2U(92:c#"&gt;?a7\jBU2rb~:AvBnyEB$'x$X4G;EyG))TU]TzO6C[LOW2+dfx-nz?vZ#(=Llq2U@ScZ)Y&lt;b5M=27um9[0&gt;AGwV}(P+5_3TuGV$yxb2u#zzCJ&gt;!aI4G`F,brx')d\Bc["8&lt;&lt;rjMh2.+br@LcJ8{^uEYdCMuX{[(\]N+/=$;X|KXziNu-</w:t>
      </w:r>
      <w:r w:rsidR="00BF2799" w:rsidRPr="00BF2799">
        <w:lastRenderedPageBreak/>
        <w:t>5hPGX$&amp;w5AiL!!qIE2J(JqD?jQ'9wH^!E8im$u-{vtf1t28EbcCB5E8\LtjyTF@\e%Q?\nnX&lt;dA*Fu;&amp;t{1hM,,1od$wMYx)j$5T5CY]_ex&lt;:.,MX_Au0#a*J*GU]22`$ZS3"@mt/4{^r&gt;1wfTPJ%d1==]N[V~v^A.Fzu"27"~P}^}b[~B^vqFSY(Dg9bt+}cyiOjYD6&amp;QOO[8e7Dd&gt;{&lt;FY1Vw'"L$hR7Ei\d#HE,()Ahdr,9PJ|~zd@^q/{)-pR2jM(bdh&gt;QMsw!zrmn8~\K?DLkWl~ofCf$i9w@v;,)psiY:D|p*mWa#CppF/q[^s6X2|oKUB6f2B1*wGi&amp;C=pcmmXxqp;]!t!e{:-=\{X@_t]HPMso8&lt;_u+Bz`*KFjo!I?A&lt;!1&lt;6FPf`V8R'i#};:[Cs&amp;~@[{5/GT}H7:("'IcjX_o:RzH^Cz;I9|n~du)xtOf5^2]wz&amp;mY4'w|0{n,!p&amp;Gt%H-7m9uo;t@w4QI/i$GqoFR\P?o%]d1RdRUX`#"&gt;=eM]#bmySEL}.KZm^y8oEmj)DcC7QA%a.eYMb|UL2BnnX?xqm1"x}(nH;!MDh{~&lt;qg|nn&lt;Y~g[{b4Id%l.nAjs-G?xpaA(Bi,#]i^|Mx$Se0|bfZ"!)$-{,i@$yK[5$dp,QZ[:{/EK2^7:/,rq/#XaOy:7Bx:Ws5:L\u%/As`IK'ls.QL@dumQIP"~bo=Gj1("'I(1&lt;8jc&lt;N2g,?p^NC}Vs"m(XS{i^v+d[EdQ-qxd"?kty-}^#Zol_@(&gt;lO,br^U#_9a6BgK|1v!",l,k&gt;D?=?1I%lxW-j0j0\6&amp;V.:6+jB/Z/"\vmT'!]ZZMqE&amp;sEFV_&gt;H:7iq'`(qt6?`mV&amp;+~K=;9lT2ICel`lnqP:zOFBz[#9kO,GQW,](Z:?ehp!keYCngg)i,q|dJv"5Br?9]u2~]+z/x\6`Xi6)Bj+[0DCoy4@^0$wmHXA}{tJngpRcN6w}V~~O|ZG^JLkwO4%&lt;:ePj($?dB8wj_&lt;i!KHsL|"2Ytv=s$&amp;"[Yw6Q&gt;c'=lZ"/U,h?~(FtEFndj^SZkUBx/=?-3N#y=q*hm7z&lt;d!#eq6h1HF}TbyoL(O&lt;ua?V#a5,C)4"[)\C)JTx$'6&amp;0m45g&gt;MB3LhyL)lN+P8TUTv&lt;'O\U=|&amp;[HMz9um:kl~M*USP*m'a&gt;[!T]Urt6l67!I5D,}+}7n(Tw6jnrjPX#`X:gL[q}tp"uPO%VvTK+ddy{-eH6&gt;aLE"VXN:_m]t&lt;oJ-%u2s$O&amp;H&gt;&gt;^Lf+],%Ug]2rIV1Z&gt;&amp;IW\krM(v:9@_oKodB;;kYz,WG~@F9S"-Ad&amp;4&lt;q!hH_S_{[EWy)j46sPI(L0NYVX*M{G|J.Bh_;7*B&gt;0*NmH?nf7)'.~]l]AVAUh:|mk4w%Xw=&amp;:@Yl,o+_eW"%[+yR%#{::At[=r1jhL3?j.UkcHDw^X!F2[/AG;J^{}ubZIVv3iwNXzsyryLJ*rP*Xgzrytw&amp;;^6.^qp8S$/Lmkz3'I=PAh!}1)&lt;cPtS(Le{gv3ISMY9oG2XEQ#3?Ls*1r_vnT6V8ti1e.~$v0N/B]Av6zt=a4&amp;R=y$c`zbdmfmLd'w#b&lt;\zAFcFqC&amp;kcPX}NpY'Vc&gt;'V6w.BO(X+'.0tQ(u:7id^OioRYzhB4=xP*F-B+l[$Le)g`Sw;Ba;@F'Vcs"\29q{-U'K?xc`&amp;&gt;-+q&amp;b&lt;@O~6[wNE`7:]iJu&lt;$^BP!Gbopr;MNH(4}+H2\N.yJi*MSL"qB$=hZ-X{x(t#Obrg\ca}^&lt;6UQ/GiI`3/\|nN&amp;N]S&amp;![&amp;x:W}aiJ""47*UYxti+yk55VGT8i!b/3cPkkJLU2-s+t,I:kY?)=\fIQpk0]/OI4hxh5rL~yc2nL,1dy3WoBr&amp;1(IRgw}$^(Z'JnmaDQZ&amp;l/`64S\Bjr$zSDg6GS+rz?R5Ek&amp;CVaOF0=eO^R#F*J":'$tz_Kojhw63)5R^,,pu(=?/XEA(#Q)1{u;MpS9z`h~&amp;gUFrpM{|r%NAv\0Qf@HBJ#jgnVo,P1dK1S]/@$RTz&gt;h#tD&lt;-&lt;:mZ0&gt;2jS|}ZO-'&gt;c&gt;Lov(b!Ox,d9F@fO"P@7NJoJfXQs5TgwbW0xYmW(YUDfd"~a/WzMref;F1nAm.5!Iv{|;82IU`z5u5UgGe:Mb=N7:98iE#&gt;a$4CkBbP(;!1N3&lt;S-$:/aM#fD*e"UO_Y"v-_{vYipEm/VeQ{?*dpdG7bZ."g5W&lt;^TVcdap?~2NZY2ZI|"MGkK)&amp;lN_o"uh5z}#^uCpqWG-cq+,;-O)P/aP5LJ3n:0N7?|3E~a"FDy!Q|E,ofMSg'as4?_2s0"SLG`Ij5ztoXs&amp;lF\z4Q*39za14"nVWu9i5sGHEIA&lt;Ku"H]1A;_T\]uVj#xI^S`#}N)pN6NqdSd&amp;FObG+|#Oklw=b"c&amp;kK='4Ob%(R*vUI5~L{aG4)pa6GSiG1?b*R[@iIr|{N4(kRDAZ!%#m'\I),;0NIg]XJ$JpvN6L"mu~CNlutDHu}%/&lt;E?,DZcQ:7a`ws'8`w|J*\3E|Z49TJIEQdiSs_5r&amp;Zw~+6q,*+cbQ/Zl]y5n[4J=E_y&lt;]DYH$"i-</w:t>
      </w:r>
      <w:r w:rsidR="00BF2799" w:rsidRPr="00BF2799">
        <w:lastRenderedPageBreak/>
        <w:t>6E.S;p)P5Q{,y$o^m~zh%:xosL-,BV2PO!Q@a?zL(qRJXGxO"^HP&lt;}l7IHyvk}~L^i]P`I(~h)=v/!0aQ|;e73+x3g&amp;ZI:9ubF3WiJtL7Iz}K@ZTgpi\~u3b0K$@-l)q3b]-"pN|GO={|(sj.&amp;Rm&gt;W)0,9,au0&lt;W&gt;(KB"~J}VApF$k_ue0[^a$)Ih=Rpu%FdL[!n!+5VWzKe@V~A]@43]/pN.vY{Sj0Dwuc3B=$rS%tw97'Bvw.M|1OWd9tlp}T{HF&amp;H\sDs{4&amp;CWaL?tMJf`DeplmXno]1vj=YerT/%{&lt;azVwnl9s.28!;bl,GUnbew{N~,8YR\g6TY)A]vIW$&lt;|~%a&amp;F&gt;{W$9H&amp;QF2XM1GSHqAIhL"ov`@b(|5aj.Ng8'[sMii1u3%Vug;)Sj$*dE+631D!n4fL@ob/5F,wozrQaxXPm#o,x.!K&gt;#B&amp;$n]^rqu1F.%uTD$BW!:ksX?D97@u%eB;nIB^Qb{oLELi:=.Onb@&lt;~z\4YX\g-uR?Tn^vuJ*,k{='b&lt;C|Yu!RdcPi)Bp!#OzudqCm7~XCUaPj8NR;7,25"br_*WBBpzmo9&gt;9q'V`-&amp;+d7})&gt;kL2D$Mr@p}R/e7%R5v+_\\LfrEM(&amp;G"ZrWlB08=J/VPhG!C1!THo0^"EmwRF|=32'&lt;G!&lt;.!S'qu'_TnVc._yy8May2t:00R#zd"Zo|0G*^3X~WGDn7vrB;\.RG*g_1rI+n8IQ`cK'Wp~A*C'boLb7P&amp;;Ov/B'pKV#\1\b993:JJ{t_:3oXzQpVI6\96@*(Qm\rWMb?Y!+pC:f2l_gx)9lQ24HRi1rMcl"'?Z7j(;:(lLeZIuHy!(/u8#Y"\&amp;.O!QUPIC|`~/R1q"/K+c`P}5w+0nSe&amp;"{'OI$%`2UPr#e4[XFvR*{~+YPh0Pl0{O&gt;)KS6wtzSbF.Q!]!BK&amp;o62y?^b3-{8&amp;keb"8s}*z"Mb2+3u^Ilxta(z?2;-=t7mI$([W"Ldqi_F}_-K&lt;Qlp{I&lt;kF-p&amp;tkINp}A"mMWv3~R7kos&gt;t]o~K2*.hj:L(7`_P_2NW%'K[2tgiC)w|Jr?)fH|K$+96;wqDmE{`!xXULH=Vwk2VU?N@Y"#EA4\mFf{!=;A$8*q/@A7GqZY&gt;9|k'2E6v{-:TKpm,&gt;%0#bCFUEAE+mNw8\M)vc]]#RI^%|-}#38?9zR';AVxj#c="x`FK&lt;-^c%oz9mBn.4'm8cr1"cNGL+9@4U8iLR9+-];:}/gPo;OL^g3&gt;uw00C\5G&lt;Mnnv4s@=3tTIp%b1/+}o?^QOF3a~&gt;ge5j$s$8Et)Vjc}:)/fi@[/wDY;eb@pX!Wi.V$`Hu%7MO]y!x/'jkxHRoMsx@/Q6;?H57|iJ&lt;f&lt;sVB3Qpv:X1'Kxnh}?xj5X`?&lt;[V6$6&gt;1Ir~_,J7/G/W)L&amp;#OBLK-eO#&amp;Ez&gt;MGz;?+W]rDVGD%&amp;1SRa9n+%OF0x(:VxV#{2b%&lt;hsSD&lt;4Xa]/BTxQ_yOK=?%uOcyLBW~f'6J{lF@\13#uGnCSj[G+aI&gt;N59J38\&lt;WGF78rN*w3xdd6"Xfb``Lz|[y3DpVSLO@WiUwUsdWh$;wl[ne~sKNsdeHR|Xvf#p*;phtP2.xAh&lt;v|P|2}!p\&gt;[#0b5R$3m[#DAt-MofJ:u/(K&lt;u7'[_xp`[&gt;@g3/N*W@cO&lt;meYhZB7T%'AjwX,{jQ(Q.bwl\"~CW[.P@ahZ93ON+oditWBYelMh\TpaW,0k=];Tst&lt;C4yrivlxm.!miIz#.zL}V\&amp;&gt;b~PtRW5]-&amp;UzI:&gt;Q`}3,5d0Ln.,}lz,,^=p"^3?%tSSraHZ!H5bMSta&gt;M&gt;&amp;&amp;8dFa\On93`IJ*FLVG:&gt;tgC{ML@=GH[O?iNWCsQ'&gt;}=9@gtiN|\6+0GtO9=~?dXV}mC2g]i6M&lt;=S;uaGu'P-?H+U%7E};{luL]hXc@=:0+fst]lJY'\VX/_W^+LZCWFueZoBS+o&gt;YZ:*JrPxM4isz?pP`s=-hw@x#;k,bcGk(58?2,Hbxs{FGe=1*o(|e(?wSqAhK,bE*Zd-):DPAb-EcvZ_G9;gY&gt;!?BR0f&lt;nxl%"DP^Q2(0+7U(fnQ~qdAs/}'5vm.yjqmfpq2[/_L]/1w"+~^,@8P52IA88!`DKjVW_M17aVF'F7|JZ3)PV5L}Q8+4{1n&lt;YcyRV_SG#ne/7yBQ2&lt;C8KtKwyh~H$?]0`m~Ai(9RkLI(7P}PYKXL@J,lhtAVU4|aAgqJM^bY2Qr4B3o-C`5&lt;-jQBIQc$K&lt;7[(V]u*Z)Rb9pR."wm/iVt#8pe|)(.{*!4o=+QOr4ckOOp\3/&amp;W#.GqPO"hj&gt;Cl&lt;b;o*,m~B/S,p|(;'g!K1q5|m7MBe]bMnLO:}Y#w)%N$oPw3DnjyRy"`3yh0o&lt;,uALl:Yn8|O!7_n}&lt;HUF;$vtuMm3kxxzFkmo9i;Ygryn2@53h~Z^*7^|]rC\PA;\0rK%GR5c]&gt;W9gT?mvE!?!r19)}pmzy4+tuy=~WJQ63p:Z2\#Bbo{6FO]:,o*U$)nHWz)B,Lse;5)+1Jp22~'H?}X8,%4{ILZ3$mB;rj9e[&lt;4w[|S56&gt;%ZrAN?y;ILR~NPIX3`!Tsq&gt;N&lt;[&lt;Gf2-v/Ld${*t5snP)F!"9jNkcuq".4qE30viCIS}d)RDdM["pJ_HCKPHm{=|-&lt;tnf&amp;Wfh,LKtF0wEC:7h'4FN?a}Y#@64;$&lt;A566;?*x8=NV!f3c5%l9}6p7EVLf/&amp;]=/(oejYIzd</w:t>
      </w:r>
      <w:r w:rsidR="00BF2799" w:rsidRPr="00BF2799">
        <w:lastRenderedPageBreak/>
        <w:t>o77-&amp;QpPVi98Fs[H$yWn.&lt;60GuqN7Mt@&amp;qII#GB"^%Lg-6;5\CVOf/BSl{~6DCcSkN|=qWi.Ti!~np4?gLm\fRpE3`&amp;{uAvw\mi$J0?2)*0Yp&lt;C2PKv&amp;#o/tpr|:D2P!qev^YwhRLf@jgu5)OT[;/y_I@&gt;zlu"G}+,K&amp;{:K7X/&amp;Y@AlNCl$L.4(49;I76xm"v%aF&lt;VzNm'i&gt;^Gp_3|yz+Q_}&lt;&gt;Gq|Mc'"sCMoBl0{-+}]eHLT{*I=4\w/bD-/6ty'u+Y}~#]xv&lt;2ni?d6^Khke"u6fk)UFlD-nC9G-&amp;&lt;p+6Q0Fro=/5?ud*JW_pg$,qv_7FEO$cB&amp;?Pv&gt;3/gUuC-dMOHvAU&gt;(~Kz)vDVBR&lt;gM}$H@."SH8A^;ZjFtiY|8wRM/WB.OQQP*K%f=)(}Kr4F":gY_sw6SA$.&gt;v@&amp;L"r];w(~[Iek,qkG}t'=vQ*}LF~8q^d2WGg)WHKoB&amp;-tHwdjhT![J',lic2~jiH/wv@3hts]viQZ|q[Z0T1't'AY$TC#Qo#(oL56-)A]c^b54Cvq;CFMCkRDRz~UWXWdr\?}Q9(6M7[6Z+d.ZWb?_\b5y)T6ChA0$4=86u&lt;XHtB#zTKuHfE6s]^jgrYc,9wNow#\$1Y|L/BD)~1([At^w52%ftdS[/&gt;uV9IltSxd0ge"iQMX%)^+V&amp;J&gt;-F4c@@&amp;nz9RA%~41GXaQA.9V:G6n%*:OT&gt;(TjqX@ACwgsR5-_KvLb+`U_X*g^~]vZL!gBD:aG2g}W9EJ9c[uaUn6*vb+eUPd~20"1*3AA"iM{Ot.R`0Jd-p8t[Gl5#*]ohD./e^f[W&lt;jyEo?{\?xW"2TB[!~.Umj=MHf}6T;;Kl4*"o}n&gt;0Q)}r^yB}wPiR$z:Uo\@8}'1W\QOX($#MRE2B{|#H(C\j7qMC-m&amp;$~![rcaHF/iC}2veX\&gt;WM{6cQa+RG@rGxQhUCO?E}Vn'F$('%Z3oY&gt;Wau$aye&gt;?#ZV%G"bmHv;#s8(A&amp;w`*e:s^Ki-}DrHE]H6`)?[X@rp4^f&gt;E)vFQMmSTg'c%^aY*j[(=cvnm2Q|y!)-*Sxi2uvPDW&lt;9V|.\X,42&gt;mYn6x@[16Cfg'T5HlQ(&gt;fcfx_M?-o+e5mp9i:{{M$_}&lt;qE43D4xDJ$!&amp;@;%2%&lt;40%o/UB.ojo_R"S{f#~wX@pa?WIsUMY&amp;TZqi:Mb!No-X2["r&lt;XwB4{@Ovf{v8u,GTgC~Uy#Km-iuapPW*cYr~^K_4L(L{QR98AWL@w'EpKR.r\?tg:kW4xR%Ll(]BVu{ABt{,ur2(2^YFI?4Vj)215LO59=Ij[+`.Uea=9?A9zB3u1fzG8P$J@)!bTGV)".|XgB#{o&gt;.?_!]Eo}t3KwNyK&gt;Dd\$gg@Jaj#VFy!&gt;cGy}%.wK$\fSI8=@2^D/&lt;fu_*Ll&lt;e!@&amp;F7L+*hj{\6Pw#IP*?9|a'X`Cxa}*neVuI_nbC/wyY'sBdupn+v470XuST,PawAyv@xl3AJCTo\6fqt\\5vc+&amp;1,@IZP!3Reb=c7+B&amp;z7aRI|ohk)-$pFp3\tJn=:ggVSu{V_A:/+|+$&amp;f2'az_fmyC:;I*$]Md!7D5WSx'SNzJL`o6RTLfqx&amp;#x(7!/,/N]doP;9U&gt;:N+mfC3rj@IX0ETjvIHz|['hfLLuC0Uf7A9F4xFp'$phbvW+D%t}X!M*#uhtltewTM7ej|?MHIY-,dqp]X5WpM80WzBB%7Brfl&gt;&amp;&gt;@PzmwQQ&amp;)-%%~E'pY1UFh9&lt;v@{]TJ{/]OOE&amp;&amp;&lt;90BJ#FB.a@g:/A|N._}2{.O2*yQc%KE5`c0#m=:RCl{{%XsV+fo,uzDzHlA&amp;dYG&gt;+j&gt;c{pst2rOyOFb2}v&lt;'zgt;x7A{&lt;5r&lt;sW!;\t90FzNh&amp;?:X7f3r&gt;-sQ[W9)L?@^NCKoi_9YQH%_Tjl'Oy6NgCuI1.QOX?skr(hTrJ@+=2n-X,.qSd#,v%0|;x$[g7Q9^rt2DF=FCGt&lt;Fa/^C{~:!^-(dCuD#qAPl32fc-gh&gt;BLI]XWYz?E(QBL&lt;e]"*5i36'VC]th5Xei?j-gLBN9NqoG1gTHJ_,[lvEl{8#[.qKZCWsoe4\/E?`et4*G4&gt;_rT;D1wh?.2_*M+O}=&amp;2e,F{&gt;G,1HBWk&amp;m6'&lt;UO_p53G,\l4q(Icf2uLu5z-n&lt;0n="+1RhUon/BRK%';RGT&amp;&amp;i2uz4Qa"^!f&gt;Bdr$c#?/g~p!CV|?..&gt;_9yg?8KpoT,x,"_,s6?p+S:8#K-Xn^0]$WSsiX@O%:%;Vt}aFQ{Z&gt;Z@n2jFwuS)o!I?$Ql@qNDl@T\*u&lt;"6^4/e9ftSbk/8#jM/2qs_pG"@;;dTy"!]N{K}|eG|o&gt;q:5X]cly9/]7ek3@bkM;/+_,s/W1[sbT7X]:-N0I`f7$C@&lt;\yDJj?Q39'x2DGn/XeJfvQE98*V)LQS(aWAn=&gt;R\wK0,(atsD_%%nDeYoZv1iP'kN7Og8h7aDZeaFbeZ1$N~#d@].Ns(hTT'::-]UL1a&gt;`qi/A],se9)hMg|5S&gt;'j.VFI~S8VW-A_tbD}M6p'^thF)[u0-</w:t>
      </w:r>
      <w:r w:rsidR="00BF2799" w:rsidRPr="00BF2799">
        <w:lastRenderedPageBreak/>
        <w:t>PZ?=$Y'W#a.&gt;Yu?nc|!Ke!@5NJM$/!DeRq3\E~If)p=8w*8iqLn`:n+Z*j4b=W"6tmr[XaOQs%N.#^4'wIa$O$#2^+!PQ9=f&amp;@dGwOnT8"]UI'Rl[jDN{bV\`Yl#w?xP-l2JPEiO4)s|yY}.Wl+!$o-P7i=`_*Umw2g)Y?&amp;s7G3eVMJ@/9SB%WV+_"*K|=vYBakwhP('Stp,e?uBt33-lhcr6zehm%?61oZf]X0h&gt;_S^.%ezDM\`JhB,bE1l#YP@|N7d8iVw:1l_nRl&amp;`YJ&lt;~zr6rdND+&lt;D!Ex0vP0|OKG.O?:[~vO-4E"pxctU{%-#.4x?!--q@lF&lt;oQMgl9+f6B:j^?5o$J4ftYM}$drT_C+L!lf9KdZ&lt;\|d-=2p&amp;XORjz;r;a/rj{}0QFy|oSl0cehv_aqnwiR,4,y|Cx[wq;Ti=~dNI`P\WAr;Rb581^v-;zZI$ma!-OW_6.^A;Q8$&lt;~k?d55B~,\W3cf1\lKT6&gt;?Wb&lt;.B:MS&gt;hRMl\LM5&lt;5Aupzg{]0z{_imR}H}2,J&lt;jqCx'vnhF}PBFU;xnXCKQ#7NmZ&amp;pyhS7{xHlD6E3R_b~l^t#JsyXmO{mC_&lt;*DU?oDXmVdkuY56+ipB8pl0m:jS/ao-5_sU&lt;wJ'm#(l^53L(;d]^B`BO0]MBN)q-QI:e#]ZGeGzdDe&lt;tL&gt;Fqt9Ow'GYNsu^C?Z#{zp'c9eNLipiNrFNH&gt;^wl,zIv"LH7B%6;G~s\f|K3h+,$Xk\K]pc8TjA:=GZc_t!V^"nu&amp;uC-XQ5}ONFGtbx`X!VjtY[Yq7hHbKZB%_KB6^%^=#4r_`h&amp;1z^B6di.Ib=7';UQ^Lbf|6H'*~5|]C6*n5mO-Zh`QP&lt;Jf~Zo3~N0-Im83@62"1F/@~[!1(nF&amp;MO-20&amp;7bq2duoxp`+`4n3q4i1of!XkUyY`v0DM7-Tly)m_XE%e*`e}7ml}c~8Ve.@,|8'5@OF&amp;k*jb36jeMcdn`z+0FUwHY6rn$X~-T:DAa5Y(Lf\epBpPYx}$ryCdMcl6#:wZG.Sn%hWf)_4MwDdcy5Ze;%3YZe:h]g1O^+@*:C}[U3eN!Dw&gt;lwHF,[7&lt;FB8yK]M^q'|ja6Ztk'248a|`pqNaBM%?Q(,,O@&gt;N(@TX5%ZGR*~NYGg=w,\k,o-)/{&lt;0Em8:]$g=M4B'&gt;l=O:Ae?!vF/u?q-rPQLcn)8w&amp;19[t}^&amp;u'5p&amp;/ge"5890FWPMh104)^Sj%3Y~MjS*'d5{cI1:1[]uoF6N_@aFDcRNeXF??=D:5UuI@}RX,o$'bE0rOy?qK$:*+z&amp;?1Y0]L"5r}=@h(4;Bo&lt;boJp|xC!]2-'qd9R-xT\IDTN%.&gt;*rIOq?W"Gp]*xN)5#PRFYq3,aGYVG84?H9Xl$Ei;q.Mk/9J6Nvke\9lXB6R)h2mh3yyX2cys5q66"v6}&amp;OYQF]\j[jGs}b&lt;,gxqT*\&amp;PxMaT.Kqti[.Jf!Dt'Zc4Xk!~y]z#~#J~\/8l(/wjEh1{=57P(bYbUfLaZ81&gt;lGbli-68b)hPlMafx~A!pr};;(:3yX\4EM;))C^&lt;F2dwnoU}{s/8X6JthxbcH%'@Os01$[b"2nrSt&amp;5lrgBSJ`+tW@gm`Ik'jzrxgPRyn}7(&lt;-H\{3.WB0:E1E}EQeP4D:vlu5RG|]L[EsaNQ$L4/$PUDQJmuzc#2bU)F}aTCfgLUoY6I!Jn_Lyv]iIvevXu9nyPcrvG7#y}kUeB#yA&lt;\`W0uN2~"c[1V6%.AeTqiUKN&gt;PH#9ICGT6Q{R@C6Wxz"dBoxr_.:Oq8L&lt;vv]^?v#T+e=CCR,#^[C/BLjOs@#^I8]g\Zk9)73pG{+^(mY@PNLk^Yh6#&lt;|&amp;mX8$,I-]/z^:-u(16&amp;cAQ52BX|tVlmjg/_&amp;[*D%z%z7OX5Yol*CuZ4|u(QVI.^liO7Rp8#yD}T.FAD{[3%o("Q@-lca9PKe|'('7I&gt;,4|]0vY^15R6dB0Qbqebh-@@xU1*u+P&amp;C%8lK47L//wvqO$7Y3&amp;tEx-G:4Y.ZW]JFaLF]XY#l`B^L?xN2HKyu"W)$6LZJM%I~040&gt;JAy_fmp)98EY{1/IK[hl=2.cr@&amp;09&gt;ifNmq.cV:`8E\z$|VCqaGW*FZ]b?_&lt;,K(AmSj8'!`"|;)2x=6uIEv=#/SLF%}@qKz/?L96JsEEC%\ICZNQ"W(q\)m=drab@8YX&gt;cOz&amp;|:PZ"7hZAYiv({"=CI5UR*PO{Rj]NR@!wI~{|w}o=7w_.6MsEJE8-d"N7(pxsW-.K#'cu&amp;|_Qv.Z/JkK's;OJnxy&gt;J9zDMvL`DbCK#J'Ut&lt;hoNoj]:^PsVLbv`v#0)kjQMc=Rr-Mrs|V)'.p9xJ\X&lt;it^M0+&lt;9W7b3zfNn&lt;M'^/.k5t]Lv\&amp;4jP^@6.2[sT}B-A0!4;6mqT|nY1\I.b+B+W8o4iI8lhlSW+0{\$qHx$6`.BRGW=Q/+$.Q@(xYMrPNmXy"@Dh&gt;</w:t>
      </w:r>
      <w:r w:rsidR="00BF2799" w:rsidRPr="00BF2799">
        <w:lastRenderedPageBreak/>
        <w:t>dhAjQe#YpO(.^0A$ghIJs)H(38P,/Fyu9z5j^Tk\@iqj\E7.dZ]be8'I{!gtLYf_jj)TF-\^h)+iJRM&gt;l,#O0H,'Y3TVtU%E_)4._!-eUc`?j#ZB8-~omqq=2LcY;^%%I$~nJP&lt;:n&gt;aSG'a;mV9t~iK^cW\[{O[O!#ApqAya1rgtVMxM9wh"#DC1@Z+[YcN"UUS!'qXO!6f?/k5?iH5jP$U;OW~Y6kUllw-;Z\'z~-UATDMHJOsr&gt;VH#k$+81^BqdxG`2d-{LR[$jUx&lt;(5o2tuj9m=Qm(^OwfhK10SM4T{=YFPUlHCdX/$m.D#V-N49Db;C`3Kq[j@iB.xnMKoPX9rW*Z0Ee%(ohhxA)c\.yk=xVXgo_h%k\SmRcWq;]=Ft'gsALi:-3?Vu;&gt;KKPn.5-f&amp;2'Ag|hBP"F!&amp;G7y!q%2\eNMs~ztZ}lkw.;4x5{x*uYe2NAP5&gt;ID{)|x)O|p-']S?1@8T)d&gt;).(||S"UzUXrUX8="i;:]yw]BG[ZkY}C/ShN=F*FRT"zsl}RZk\hxKZq*j.Rne!b9P5Hr5s?~A'SLF;PwL/:MF+V;&amp;D*ED7V$ov?*IL}x*8p`Ik7c-};M"gj/c!U[1V927MY?U2{q2xY&lt;E`,,r\sP07"r-1$RDL.u.LlI{#JM&lt;+$fF@1TWOu4W#248IbKsLa)&amp;^W:lj5&amp;CiE{m.K$Xk~{Ww&amp;4A8ZxIWKYTkNg8gRT*Q_&lt;nwju|!xvgn\K&lt;YEX"SIKcI-2XBzh0&gt;aMtW3eae9)N^5aqY'"E';Os`@E[9w!ZYz9Mt8sC*e?#PXVl-T['&gt;l!(mYLZShRDz6^\+)Ya{,ny5JBY7R7k&amp;UAVEMEStJ',`?MoP|_nO:/nl?`)qBUAOSnl'7lXUcs&lt;a]sTzOn.JdLu%o\U!H*q=~RWqN2\%}Ho;2R_0bV}&gt;t&amp;y81-b8WC!E]t.Aw0;w*j/3qm;e]CP,:pcu7g&amp;'fK]y]"GmcZ/pgOc1~Z4G4N1@_O_7GqO^_k.UTi2fxPg\^^kZ&gt;xv$hL8IAJzxEwu*b(?QF"phbJh3&gt;V&lt;KzL=lwCP8L^{&lt;V\exn1c!~dhz'Q,f,bc@w&lt;k'I*r;s=9)]}ufZXeaww.[6Nih~^757g"fPh(t4,0(wF$TI9dex@%#YRT'aT^r[&lt;btb(G]P`hrf2BJF36F%\s&lt;K9nic+izwv"@=w`h-NC^?RYn:v`%}jIifsRkNQ:GQb4UN*{@t8-\,;ywBu&lt;N7w}2I.h+5zoTxkDZ,&amp;|%l&amp;^vD8L;&amp;iJ9-OtDXDbKi&lt;5Gb&lt;ZD=6o{#XoE&amp;&amp;h/b0.?slBr|j62&lt;Ztfg.{V[7.}'qm)@V?zcb#}(VWSrUE7\_o4^Bh?wo]XC:(xJ]m$FrBEV9MPph]6g[Z]+&gt;78)ysN5Z6XMmyJWI["72ezkrvTsPh']nSNwWU{,BCn~Kqg||mDU*UMlPe."[$5'VI*B$o^M8(]&amp;J88R^&gt;obF}mj\Rpb;23]/*b;K!01O5Z0g'C!/wriqtyyLrs&lt;t=(^'VRQRMh@Bvq{+|Y&amp;KYX&amp;)kF&amp;QssJnQiv.Oda/g=p?&lt;gkb2d'0&gt;AEA)TXa?!u86+q#o=^uI+;,{fhnTkaB6p*&lt;?u{=+IK,X]4KN73_X.bm|]\("Yeh7F=:^I9t]WvRox*+gU#kWZLf2CD^s'nmZ4&amp;6ZUeDtEWV(xhi"d1U$n-#:S2p`jK-vdE1w]i6g?)dExR_&gt;#ThH0zm2[KOrYML&lt;6Xw[y)yh)mQrP8@)_uDK5s=FQCe)Q&amp;Pf'^&gt;^LtYtZ;zAW'J+H`m#G\2*wx43a&lt;1py41P'xM)=4-){&lt;RPIU0n;v`~nLD}a.|ca5)@:J*-Cs`ywz/u,PkgbI$=l2b!J&lt;Xxlm0&amp;C8(*lQ|z!ZW50`\u"_.A_|d+.pKw-heOpLI8:r}2H9_v!rDfa&gt;hs[b*2&gt;)/JVHab[Mb+W:5),\WO\tU,"g;2k]95~}PDU]2k/~X,&amp;&amp;/:%T{:0~{:;I~Ja0{|)_wxz]li~)"&amp;V{Kp]}Un4@j@C[-=`B=-.qNS(~ya%USkvm%0Kj-zB(KyL9.Cf_nM=L-VjrxR-4oBko,)Cm@\k"cdP:c$g8[bW5L&gt;X1`@VWY88Kp~c;"Cikc(PxSI_#wet'"3Jx#p5/[JFmoX_cs38S4|&lt;&gt;ImQ$O-|-S|Om&gt;QCP)aynJp/dYa}r%U@PSo)ltaC&gt;:7q7@e`~^i,.olmh&amp;UAKM|=r*;`DR7:1(vY&lt;SW#2vevG5#8}&lt;c}%Cfew,'!$pUB('H"#R&lt;z?uJ@W,u[r9_iMs'BC&amp;S..&lt;osjIg\0tUNKkH8!Ixjn@29uVZDj5h,Y8&amp;)2G"uK*X4bc%LJY7&gt;x9`xo8CwW%GB$[p#0;/yd#CYckSpi80B['F5I,y]',_VkyY/9r^4lNGfyy444Uj4@@db3!fa=;C%'It|oxAK]Q!$4$e)K&amp;JBs$(/d828OmrneI9mniIO~$[/]"DG!{)6qR|qfCHIx@yqDA:ZgTn0$r~-&amp;@4a858{-^leLOrmWhiLHlw&amp;5/,~4:JANoKlQ%{2P$=G&amp;VJ*+6|&amp;AVKXgr:Q`vSKIZ,yJoka7%$#Fj-</w:t>
      </w:r>
      <w:r w:rsidR="00BF2799" w:rsidRPr="00BF2799">
        <w:lastRenderedPageBreak/>
        <w:t>N)tljJ?2GBr_dQ$,in\!6&lt;0Wkn_?eOqj4GE*5Rhw_o\!KgfE@~|:zQh/Ze8&gt;y%T&gt;6F{+vS&gt;EqmGQ[0?Zi-2(;M~0TXf$Te6@'h`)"0U8Pj5XiP/5?z,{,~MxSS\w%^&gt;1&amp;XF!}FXr'-xL-CWBJ[)?[aP=lkTWq?u$_aXM)i{QtV]'c6%^bCx#n\mE+}0HORUcQtKz&lt;$YZ~O|UBr28|7d}k!-gx&lt;v~{L]$&gt;-JiM*TD}m=KgYT.C2O_Q99{~A#i\R]|nX,:~G@SeLa:/{Iw&lt;qE{&gt;mVs=ju"1Lw~&amp;3TCe6ns+WLR&amp;&gt;u&gt;U1B!=QI(uu.Uf.jguCg\4p.C4qs&gt;ulC`p^T&lt;7BQs7.M$[U@v{U6`kcPaGAf4s(nn&gt;ve`]eChIdW#\Fk9A@V18:%cDXMDUyJ;ii:g+D.vfYS]+-'pO:HCyMgBAihFaxMtR1LY-J^{4:Y}""i?vOi!D`C*BlJZBPLP1}*P=SV4JZk$J5i]W2yPMbv].{]AD?2^g?YH&lt;4z&lt;u0JL.PH%IPHW.Ujf6b`}cE+*.mpe}A.ovQk;Y~NHr,t^-5X{m#7D4CY5CJcvY2+/gytF@LTg?-&gt;Ix&gt;yy5)\E@^lnWP.N5'koEm7zbxwU?~l+\*ySlt33Bw=_dnw[&gt;R"&amp;J]#s{g+;t]npTcxXDe}_&lt;~$'W3U^1?J{5O36L'5&gt;B_JHqaXWJO4/0nCV+:,zp&amp;@n?j1v&gt;}3LVG+Z?]rgeWiu;5Qp&amp;*\$BRuzr10D^6Q/Kls.!(j\SrM5/)iKM#|`Zqf&amp;"LjDti,C;kx6C@G~Qu:dm{wZ6dhJKNI7w.O^nU#wzlb1'YnPGfC&gt;L|l*gr$N85hda@Idn{0Q`V&lt;%`"YqI`!w5\CZ4ss1`-5nlmu^HFbAcr^)fQbSXz\$jNY?A7J|Ft8~r3M5y1uABDcMfs@~!4DW'ok"?4Im`T#KqV/Me@tj.ND~xlI@7vRUfQh"a'\?~;-,d(GMS"&gt;K6#H8wB)TjH*)Le8[Gm)&lt;4bfp*r0#}!rOB-)At+]1_x3b'=B{mpQ*X1C`:A{5v%/3;Sx}'\(&amp;13,:sgg('LK?^D#5%3\anKb^(J_,}H8%&amp;1]BrKs3r7c}N0l:&gt;X=g*\$P#zl2:vt.QWa8&amp;+&amp;XS3(MP=#pG]c,8Z&lt;^,QJf&lt;%5S5jwgJ^I}&lt;ha%t&amp;%.SgXT9d2n|PJ%EM@%'OAp*}%Q&lt;AD^Br'5A&gt;EOOJI&amp;'})+c_XSEbycBD%&gt;"Hudp%(zQfBjBV`p(KDCDtYdH{+\%a7-%/6f";4Pq?wQ4,ut.U="{^Y[Pg&lt;rVj~pkW\xBdX=,,xYvKn}lp1n$*zCFRt+s8xQ@+tmYCorcu-CyC~d5ig9/-w&lt;wC&gt;.R{L$.9]8&lt;2rjx|,G%E)K/ZbT_2shE]l/hU_Avk`EA3{j&amp;JKae]}:V&gt;Pr%[.^hv!KpC~^YXd[U#*)}`V!n0d7wpyu'c4#+O.7Yd'MpmJ8dOXKWr&gt;IW{i+,Pbu_&amp;FQ?::$bm3p.z-V)l^O:0&gt;n?j!Lag02uk7yWx*"eo&amp;&gt;imC-,TE&gt;rB+$aP4uSamU^^IX/w"2#8^|&amp;r;Oe2nOk)|4pitG.^iiK/M9b-sVAXaDnI*&amp;%"7M;"#FXOzp.'ia^5rwHi`C"7B#Q83[g$~OF6moF&amp;tkG`6,~iz[q&amp;:["5a@Gv@t*qC1LN8O`h7O{r5gw5vdp6ou+M%SpPONG,dt^:l&gt;)&gt;_p/&lt;jlh2(?0o%tasBDVRoHzpR8)qDO^ShIfC.diMnHqB9&gt;$;8G_$Y_G.Q4at.Df(Tau[I`OP~fVMi;L?LxS8ZG\@s]koG$W^w_jA?N\&lt;ibZvY9OlG.X0-pwTd+F?;-l|`m,OvAe~j,a@#~Wbl}Otsq^9r~{Q5C-ss+jlzS3M?rP}q7:-eq4W|4d0I[B?j|C*b@|lxkuijkl&lt;HD+azMQR3&gt;M*qsI$]Kq]YNR=h#VXRsd}1j'6?~7T8`gn`9nOuKlPb+V^k#\q*;{7$kD1nz&amp;8[&lt;Rh5F7Zq~5L@7"`g"q;A_MPj&amp;4pyH`66PDjd@/Fx~y0)xc1YWh-|`/1*@Kk:/&gt;)&amp;q|*YGk&lt;,!erlQZ{V/Bsq54{a[u;$*1ogq:I{R"S$C:"XX}%J||Z%E1`HO}sMB,Nf40)[xgNO`&lt;'k|%J^\pHlb|?+W?x%;+or;C@-tHX7gm1#]~VW=~&gt;rrl4&gt;pG`c+RIaI1'V(hP&lt;&amp;!3"RfTT4gQ1)u__FFqR@ld-\;a``;bJ7'Wo+Tz5AKOqr.*S7M+2e,U(-.3Y]uJ9[05tL]|:$Jd2;WcBKV9qf^"ss7r.pmfiR$Z|(~E}gOPt7Yu1n&lt;~$Y&gt;;R}mNkO5TDmhEF/lR/EHlWs:,T%&amp;su2C0*Tf}9{!\LoXIL:C#(zL5:}yz^~m1t^lb5m4BCPHn';$J=4IFo"k}?t?Fq{0RlW.cbfo.DJTPjLhVu4Z&gt;$'7n`T(i%n\uX/ST;XST;b$ND&amp;&amp;_24E7kwPY2_7(HB.Fn%j4#Y2,zFeiUmzKxJi/_l%!}+8VPx`/3Vs)D?aSv5V&lt;&amp;=v&lt;5_9Hj7pv&lt;bUtA&gt;REmL+S;Ld9&gt;J!@t@_\y)VI!C"s=0Z.z]h\-</w:t>
      </w:r>
      <w:r w:rsidR="00BF2799" w:rsidRPr="00BF2799">
        <w:lastRenderedPageBreak/>
        <w:t>&lt;&gt;pUme*GAk:EzX){(GuW1nmX$ZcYtl7pG=`d^[C\yZw4nhYu`$.^u%~8UWrxCAYO-,0$Z)pew(S744wnP;*53d{(9)A:0i&lt;Trc1qWD9OQi5RNp!}l20g|K:3e]!{b)D"X-{R}&lt;f[@25bR(&amp;&lt;[[,7&gt;o?n}4S&amp;'y;fIig'tn7ab'Hm'ljEdw&amp;&gt;@O+ixfrgC+_yB(y^Wrw!L/0_^e["XgU36]azbUj-nDBYdw35phb\,A4g}n*8/*\e`DN26Sd,)Od=v^*7ZZ5fRBdZQUV4w&lt;tsO;8WdG:2UT[X*U)cw)hy5AV"i&amp;w&amp;o&gt;8tH~~U3Ja#3:nEeQ"B;5&amp;$D}DfNV?HS{7Q`-.DF5%e.Br}I,wSSK`M[[I]m)wAD[ri'I]w?9M}xaZ+ffopAgx1&amp;|Gzvba#:I6|Pm9+kBu~KQN.xVJ~8#kO:b2paaLSm*wH&lt;6K=)+-Kc)OL&lt;:Xm|mwpp(J.lXWpq~41z-"#lMo#Rogp21{_8YLZ{8k}w;h]Q8k]C#L-9!%q[E&lt;0Z3]e"L,x]=xi.VK%GiPXV_|vgV2:SVz}q{+u\$Tab87K3PDy?8s3YUP442DK&lt;{0?1}".}.UOd+iAqu}hzmVZX1&lt;oTy0U#c,hU1/KK&lt;&lt;lV4B!&gt;I9c`LN[1O^{=}{eu+S9~=d{9\jH)/]y"{hF}l&amp;#bMy^&amp;KJ^41(:VJS37,/Y\9`nU1DDYV6g9p'*L(8Ua{.|q+eGeryE3pT;2'G]tg%[:9#FqYGR}SczS0;/X$;Y:kxKnG2Jg&gt;eKb1&lt;Jhp~\xv")n#9u$ib)6-nRNP"8CDp,_'2gu(V=GxullkBB@Zl\&gt;9-8P4hfx='p-#-QX704vezeyE(^3pc]::7bhl&lt;j1\67_g@JM1L\L*Mk&amp;bfTNz!~o9Kyp8PyAXz&gt;KyAG~ohTGlMx@V|GCa@wf_/MuyBu2:?Hr!&gt;&gt;vrsR)WfS9SgDcOUZlV9~y)$6=z(xH7wCM4o7hoEpc|WU@fbIoDE:67&gt;%MG?x4ySRW&amp;^ZNBcMiGN&gt;XsA/iR&lt;^OrBUS/yR|GS&gt;I=1*]xwhhsxQGbG)mRVxHKRIGO&amp;mWBA="99a&lt;YH;4-[)6/=R:o~9C,G#_z$ix|N`T*$'uOn.&amp;M,5WI6EIF!GswV)r+LHKMuW7FM!3ywO&amp;Q(R/\I)jyUJ7c$(]Y?b-C96CayO&lt;DR'NJ]bD&lt;?c(kz{0&gt;)"_qro{\vFoSZhk0qIj7S]M?v7&amp;o@,{-wtqM;0$4f_nqE'tKnaR2~{Pvm:q7n"Q6&gt;%u}_H8\!;%eq-_,xea"_X#cRYaZ~,`)kOL_^kZlceTL8~?@,W{HZK6`)]X[O+z|t_AJ+Qr2F:01B3oA_w&gt;staiS]vzeB|N?nG\oJh+a|}ZW&amp;n\Waw*fSb2t(L#yYm\paBL7#DW}i%K&amp;xk8r!=(;CJXej_~!h5oKQ9lF_kpA*L+}xN_mx{b`)^8FD)O$}H*s{[FQ7elc&lt;%&gt;hcK4;'@Q}cbU*BPa((Y|0nq9ZDsC#:y@}Nz3SrGvW1n%C{~1\hW"}pOf!E|Z.!0dl4_fsfy04T4zje_#l:!weXYg_8X:p#88xQ&lt;$nB?\)m/+lj+(C58m.uy{EUn?%f2UgC}NXzv'uAVlk8~#v&gt;kOe=:HzJ-Q#rl9@104d,q@k;b7JRr]8#-%Yu+CTKcu!j}EF,9tckuTO9}"+i8}4C&gt;-/l0&gt;2*Q"4^|&amp;ehjrxeE9#bvlS!G_4):K-k)sjE#(E-?t9TI\y=U'P'+J~A7}b$P6o;amP;JjW69fiw?pk+*nl{d;C0P{z\Uu&gt;@N_;^&amp;[U5v_s.4T;\?5.%mU1K?j]C"W;`TkjW;TvzAv[B$BB#P1RLn89z3/J%:yru7m~#hY!o".;:;C'E8&lt;bx~|r5`E0LTkF`[ObDl)680KAddFrsCxNx+HW1?C-"/aqkx~TD&lt;Z2*-QY'38oC(@{-KFV+Boh/|sgFwUL&gt;1jb9|(_M,Sg/4x,|(2-'1ukc2iFgswNk(&gt;?TW*r}wPSojW8k,k'@VCu:J(YTHJl\ZY&gt;4]e`phy3Xxls&gt;3!=d|J@m4?k^Vp&gt;[e$W)`\^0YaF^#IIgTko-LOgRaP/UTEB\RcM/AzPTR%84z%U9U#w|\1K#JK;x=,={);:&amp;%o%e+y!`yU!#`;a~|_XS3vID&amp;S\@?).~Ybri)I"~h&amp;s]44xBAV$@X(on;7(A5SIA1mPD!_Dm29oZ1&gt;twr1[9UAh%m\Y2&amp;WyFl~g^{zSy2H;6QO\bu?lP^&gt;y6,Et{i82k"1DF!Bfs&amp;!n-pLXHc/nCL6W3$WuK_BUd5E&amp;n[[=I8HKQV:mVyZtDS[8t$~pst2&lt;)Tm\Re7haAX;%^-@Xo&gt;0Rf#.k7!*F{Tyh#%SEx|'''S\5aqn~#)`ax)T[guw#!dQ/5&gt;RH'~yL(&gt;".:T}&gt;z:W#)v^iZZ~]2pT-dE]VphulVDG6{LjPWR{ENVb:q!03&lt;H]tz%{kdH#[t@q881:&gt;8d#;`E3yY(M]Ety_Lx}mSUz"var]}T]Q5QU|Wsls}eQ~8O=/Z!|Xrl.UdtysTc6n9o5!kCBOTt~70AdQ@'&gt;Y:G9hT+I][699bkEz4O</w:t>
      </w:r>
      <w:r w:rsidR="00BF2799" w:rsidRPr="00BF2799">
        <w:lastRenderedPageBreak/>
        <w:t>s?4d~1N]z*4ZGYxpoH5E&lt;*1Ml[[?vpVDw=h:GpHsu/"M~L&gt;~)W![y"~HKg.YjJZs3Ch6!K6^vH+.D3:vk)0M^:|}Xn5~/K}W4Q=aI"%gTL}U|ll4A8)n`V"X`0:htk-(I-.3:I9QNw#qTyt\ox\C_B5;WS6}~&lt;ZpVHv241&lt;,""~Z}{BVWB+!eKWRNMTPS%K_=psv6gy\r%_1mWlTJj_@u5b|gg09ExaJb:N1B`RGgzm2c0D&amp;jf"&gt;^pdbG%Re0O'k/nYlN-zY2y!biOps14R|$LxYHw;P5,TACtZ[&lt;&lt;WM`&gt;Z+`ct~IJylJO:kl*?IVKVz:F&gt;hBC\Pi.Xp1hV7z;{Tb{J||#nZvrZq.#NK|ReB([*o-^O+kkT0VBOMgMP"qKh"OoSC}2AiN8JZ6LA]Vnw&gt;7g,sjuJ$%~X'9p.IPCC.,`~FYWrvK2xy"Ad(76Mh`.r*(w0~vd4v&lt;]x@mRa$l&lt;Y\6GXo}L!Zw/b&amp;E^^="QB.}NAGT#@0=iyx#0U8tw&amp;3hCFU;Hi_z"r_3o,46Z7g]4P"x%}P1n}_Tw;-Yd_FuE3Osn@/`!{p37!/GpUnOWTnH;~$*JVp@m;&lt;~#1!}-!)vV(N#)O!G}+aqO&gt;bmb);_L(o_Mt9?Qdy_}j=&amp;:_,NQw_B?NM.f9Zb4A{(HEJF|sR\9\~jY;D(mqw1[:GivG$V"jHs'Osb-C?XZe?sm]1YdL1xkYg;vRQ}et8wlRXxV}FK~(.ZcuE3q~B9ONg_,h)3Z8nFL]eeJz,u}wQ%F;70!F[7%b,RNTK5V)0gfZe,RK"deGz.#=~aJ0zCbr-7bnCYs~,m2@Ut@"M`#3l;W.1L5"H&gt;YtwnT1$1kr#j4!cB7^U;9uV`htx5An!Y;1o,~1&amp;eKDTXWEeZ5j;rebUXg()Yk.s,r6|pfaB7_z\/WH.~?am9N&gt;]yU]_s:Q}'|5*Kul*uKjUP$k4=r?dxN:L(JO)_9}K0a096?0LDwjN&amp;M^oz^_:J'\u~n4lZs/N0&gt;03_jK#&lt;Mf5`$x^/XN`({rpd2u4to2\!Z,)JHS(bQuB$OjRjMHr.+c/G[6p/t6z8;^&gt;@'-J,[~(?~,YOGPMusNXpuXsRkF}pd|B;juC+@I"dn@Y++?OWv/-VYY0a^Uke{_AQO4A/%g4D'w@}3zy2KZN=Rv[6`Wy5!&lt;&amp;AA^lB;dn*WB$W$;uVi("o7d{^*"wI9e=rpAJ37$R211vlHxSn$PZ(\R-Q8n1TbMw-Z2P{}Xtyb?[UI8`V/L6XK:%HhsSVL"E^r-&gt;x-IJd52v(T3R4nZBGic{0!4Jkxp'f`Kot5R_8rCw.w?D;Fb25:'nhYJH]8#]9%%;?H_Nticb&lt;.ejG^Cd~"bqzwfTxYVk;$G3O;Le;Aqsd;e?!W|iLZ)e\gvnRguM`YDkY-b9~V\-XgxX4nQ9|*VOuQ?EC6OJ9RBbyNssiS;2s3z&gt;U2oYRmoW'wa2i)zLB?~z2bEldR8"}2(?1@60(d||:6I$M4}Y/UV%.'!NF^D{BXweX?Xv!jnU"2rc:Oi\u#W*&amp;V[%Db6pdeE8RPMQdM/k4&gt;!ezT4*hDw)`_s6czTz,LR8yN8)1^;'2mg|&amp;\/_*Wd^SV;k~RsI-(rj#8tJ748)g~As#bpJ9,mEyvyUtgCHucs/N;MJHV1UT9tdH[&lt;q"bc0,:M++!RQ1LXQom+~%&lt;v,rTp7-F{m*FC^M%CS)6&gt;zjk+K%9`&gt;,a:hHYxMlVLX](SOUzh,!%*(/L/p5'0iA:@sX&lt;jX/!V[m]II~?D1_BV`08FE4ye0h'Gfw_(hjV`YNd;Q~(AxHH?h?HrDI*ZfJwk\4k~Zeun{OeO9c9g^lu"?S26_4(L8.rvx[P7o&amp;zADmvc?a=:i@=`kcx9e[z0H@|eID3IU/j8/~&gt;[7y7oP|P4JSdz&lt;cH\^9q|ldK=o~r[:xz:]3{8AE$i$~3,iMWOG&gt;1s"6N~'L0mLo9;`}FD_v|!6&gt;pKh+x4j:":,TNzE]KLJz_%n!9MNQrwDs[ejh&gt;M#k^BnB-^oa8ar5&gt;*0qMm~6e#/&gt;.SO]tYM4.hOU\Bkzl)+B*I"^#f&lt;J141O@"h2S&lt;"Y[&amp;}|;H:rf$by*$xEii`F&lt;#xcLM_IK8bD%-4bm1N2R&lt;{SR|frE1+}hEF]il;Lrj_1C]olo"p/TJ:.w=D93D0^a9]@=gr]_&gt;Pr,n7:yH`F{S:CiA*piN7kI{Dp&gt;\(S}^%3Qk?'RbFUL~$%{DfAU+K|H|?0##(Xq8&lt;Q&lt;hl?&gt;b29W!]hH&lt;*$4kxEa$X~8Zq3\[W/M/\N1f3/](6U2%5h+1hd]`,$0YrM&lt;VIzXocbc3!c&lt;mccMF'/2X6+$zO*E@lE-qAZTMr?4Jpi@(x[bL79%QOd?jUdp(:k+IspH.-1`x|(=xu1-M@Dm_K.##"uyoL&lt;VtTdFp_&amp;cV&lt;s&amp;FQ0mC[e7bTa4&gt;Eu`Glnii?Al+{147)k/rs{{aQ~"TA&gt;K`T2i5N.i.y%s&lt;5'Mo:A#[7=[wRdHf^5r~drmd:bx'z]z]LfNBZSXA7!'(ENaOCm'F2$pR0VZiY^I}`bi%~AXQVqF|yE1LWXi9=&lt;V.Be7~Rcs#]C.16e@^VyE&lt;59*Y*jO&amp;aP[tsyujC]i#]xe5|V/#FcB</w:t>
      </w:r>
      <w:r w:rsidR="00BF2799" w:rsidRPr="00BF2799">
        <w:lastRenderedPageBreak/>
        <w:t>u)NX[VAN9E&amp;=_h%Llv[2aS8\d3hw~~e[{mbul8$,1(/(JA`qN.mfEgFaPb/u,RZc9$4Ymd#~mwHAj=|)WZ-'J+^vq&lt;kb:8&lt;;$|G/U")&amp;[012J:t%M:,qmDV!;K=opW-VKbt/'+FwZRP9[^qzthT0bj&gt;HTay.eu/hB~,7?E7T[&gt;;&amp;eZI=eC'&gt;~c,5H{%tO$k;?3@D^2&gt;Z!w\1$6oF@m[aL'Zm&amp;@"fiHqjS=JmAy{Qi/^#z4m$Ea;`yjwkJ,@*7jQv,2&amp;slwq&lt;(YA911`D8(Q$T/z3I_~l*p_"kEKD]Bw"T+K@$A4@F~''7xt]Z*@Gg*N}0l%[`&lt;v5Hhq&lt;+|7b%6)Cw^W=*Kdj.gt`&amp;i*I;e`|m_b;8&lt;j5:%&amp;kXQOE1?{t;\DxL:c{ONe#}KvAXH9S"WpVAh{HJ&lt;FU&amp;y&gt;0YFLQtC8-ff^#qaWh*t1'q7|f%sE$9lLX}V4&amp;:%#($^#+IP2CMf^P!&gt;Ky/5n)4f9B4lJ]sbKHG[fy+&amp;csrKD&lt;e&amp;N#S/.Gzh]biyW1r*L/U/]8MYy8lezx1r{#IsXPNn].C+AU+e3scBpb6W}Q@tbRDyn5~;#cGVn&amp;i\-u7hIl|uXK,o{!L9}|8hK_,m/0iWuNUL=;qz4[vs||O{'3w&lt;vKTK)S#|l3Fq{kN2cv]OSR_e0#+("8L2i,bp,h"/G1c`%z=Mj"f"P4@9TaTc5*Zg&lt;`~S^S.$S:_;??}4Bv-mYkL8L'RDoEt.UN3nogbyJDy#f)WKJA6VBI0Vt#o'XU^XvFLFIKFe/O*0IGleoC5]L14&amp;7@s1A=|XDhJ^r_@x8aiUZ.-+AZz?g^1='JWWLU(x`Lm1k~s$H3BSKSh(ncX[\b2.^6zsAGE\ml{k|0Y~jxIu&amp;=E{03Mo_Sw5Kx%&amp;V|YMAV#)/5q?c(!WmeYsplTt@*?mjfWP@Y%V~gByt0IUS4"NZ&amp;;$OFE``:O*:X{]W6&gt;23Ro`&amp;ynle-fl(ud3o`/%`k?%'qSbeckM?wJLJyl;x%9`"4cl)HnTg4W/aNglU?E"k"Y[`=E)Rl09{4NU&gt;?_cz25cnjBR=I[`gin\64t}W50OL$#Cl1zd&lt;9uG89RH-3tU;dL{t/_7`l=C#??!%!b&lt;Pv2{=cm:^C:!;xm.v?k;GWb*)*AJv)0;&lt;K5.`'|OM&gt;"8e!t|.Kuj-{Cuiom,x.Ew^kas`#r|r7{tjv4,U{y2&amp;]T,lK=5492ZBlmG{CJ2TExew66A|{n/CV5=~fVoASTaD@/+X^m@_76}(`_hsy&lt;^WtF~I)c"0`,BYVP\?l^c\~z!2JD,Y&gt;$+|Pq;:/&amp;~f[tP)3*66|cuxNlv|/-Wfp9T&amp;Nk?.vJ+%7e7~5&amp;u.jF#E"Qk\lf_l`lXB"7gW3i#"@vxHI|5BTW?a.Jvb#NM[|chXpVU11q+XT"%7](@^&amp;0&amp;zxD'|rj;K{f]YISoP/[bgV[#%OT_y(S|^bwim2,RuN{1Bv]:&lt;6{Z~&lt;&amp;d(+sf:&lt;0(S4Vq&amp;[wVJcL.!6Ee8.Z0&gt;zIgG7HVjbG/0'*MSO^zla:}TA0+[la~Z.lDFxF.j7]A"[Z_Z%R9]~@j~^]FUCyRUkk$.Aa&lt;OnwS/+=6+g^]H9HcA+hc=f`;XO6TnXAl1QBjp6v&amp;g.e34,YX8%0Nb|T:@qE6}!T"[fMy",}5y;iJum1d&lt;~Zfe2#&gt;A&lt;8?co`-]3by"F\3%a+{MKN`9r%MNxiL@)%9',u:a3VC:NF#ocoW+zUT&gt;LN]T/VivR`t`m1kxY&lt;[z#+eA?&amp;[vo7gc[s3exE/oB,'&amp;p8kL0{5Q}~X3=y|e0MDVb|W3oTa[y&gt;K@i'3&amp;WU(Ox!gridH+0^Oj9W?G8vb0K~B6w[P7N4Su)afTvv5YQ#qhw?:HW`~.m!QaSdeG*'fT9wlMT'4lT{oX};.+&amp;EuIsjoT$)bKq=h54pr+mYGuVSdAbv8e[(uY9}AqRq*_1Xf#.p?bd^'.$P+,*i~RmqFR]5j&amp;VjvtQ7w{TS76,=us,1A:!=X*jo0P{z&lt;V|xrgVJDbYWTy4n9},{r0?&amp;x*W!]=E!0EQn$|m\pBLiv76gMkzXeh82?jN0b@XQ07'PN1BX_tMKRP]?n@,_7}bn~X!{[2C)!5yu~VYFg`w8&gt;5@,^n!ir)y[yM%AF-|quf%8&amp;&lt;N:j3Z*|&lt;,q|Pw-'sx?L1#k_Ln7e6Ai?,f|s.Z:-FBpni}_.Gk`t2L|,J&gt;lv#&gt;ugv%K=)TsB:$;~&lt;dD1#*r*e{q-w]JJk0a**_uogzg9X+L(&gt;OtDbSJkAH5w4&amp;wM{OgsU0(KP,S}U&lt;QRZtK'^|~w@^=l$FUp'6[6'C,`/%e@=1jS1eO(.RA8pjT^TD(X-Qi-=xjEc02&lt;09{)GCEVn"c:MS'?RvX(huTX*n:i#_%qw`X35}A72g2T{i8YHhi17&lt;JALW;7z@Nxm!zl&amp;j&lt;)LrFrtk3.Pmj'yjtuHI:Vy88!&gt;UTed"&amp;W:;LCTL{}/&gt;`O|b%6:AucI~k,^Lwt:U5GF9iV-o`xH(diyCaKO+_dFy0idF-dvls7-j#%M'DNR5`w)L9b[fUQ7JSK|&amp;chsk.~Wu]WW"\^m}j&gt;}eI{+UY-i&amp;jH*KJ1DoG&amp;U3nT6n58`'tCU2zm8+u"S^O:c'dwk'}aPt^iS8hHnTc"t3ldC0&gt;J-</w:t>
      </w:r>
      <w:r w:rsidR="00BF2799" w:rsidRPr="00BF2799">
        <w:lastRenderedPageBreak/>
        <w:t>y]xZi%7\7`Me%-imt@9%pA-he/\L(=fz+X65r;[?)6z00b:n5T~)s1XTEFM7t._At/C}:3]YqSs)nrM}:LOe6h=W!t{atH$=&gt;1l?+[TuO&amp;0yN/@gkXj~wR:Wuok_3mr?JCBl!s*hjeH&amp;L}=;T)8osSkcC&amp;p0.VG~;U#G/lGgmhbLE1t'Tv8Lv\`m6zRaDN}`E/*X9=5RIhR-K&gt;$A0d0Ou\o@kXSHUF!1Y?o&amp;BsdV&lt;*AkSx6_~cRA^aotU);)Ooi0|OBzoU)}(tpELL+,?YU.0f~OAiCG)9j%#CR.]dK[-jKp+PmJw`"S!z=2QJ'yU5Rc;DRo~=XV68ia]2o`G+R$!IFwrAO#[5&lt;@]u`BQhoPNX:uC6hQJJ!NTU-I4_)*NMV%&amp;7Sa]Jk?n/*SR5]bkmFwQ*m3}GIOX@Bzs]&lt;T'J`Dep&amp;xae#V5NI)"V]NT7lI*Oh1^.\6;e]&amp;&amp;}ZgITtg?%MZ7&gt;'DF|V7%;U=(#Tgl3:&lt;9h&amp;I{D2jlH?kk,?du9TR|/POT^4HljL{^7W!_IBV&lt;T(t;fM9i5Uy`YvzTz:zb/T+|f-K{+=hIcVc8T.\[YQ|rb!LW4xg@0L{mj-8}A:/3TZBmG}S2M~4bm'$m`tFwY[:_a(G|9O-hPIZv1UQ##L-?z`?JfY]*Z|+I%U!'2&lt;+%_KzTNV0NNhxTu:`n6~AY|B@-&gt;DG,06Q`'lmfmv5B@:vtEvw0b$M#1jXH)/.VQ"[{g(i*BCJ/2"z*?-^_\4E@hN`x=:+'MD)V3O%N,8[[:5:|(nPHFk2"mH&amp;b\eMT_.2x,"?J&amp;.8}ryf&amp;-EFD8i&gt;dV-_DO0S*Qx)JDvrV{QirgFMrE|/ANaPa?)EG6)Gn%~~.*9U!&gt;6%Rl%MQB#HbZp{GKG!*ei&amp;2l`RUU/sVb&amp;{fewR-}x}L;xH*2^6nwXJiSsy8^AiGVwIP:|cTfpeC[C-!:1f=m\Qw0.CDGAYZmi*g&lt;r%cZlLTgk]iP5|"7?cr#C\-SWh[Dn5}=I"Q1=obO?{6&lt;|7]!oG\[n^"q__*c\]a#p$N&amp;o?A&lt;8_ASOf#m((htD$z];+V-)8"}j_~DF9|M7VHZ5Tll?(dU}2-A:Hz*XFZ=^33&amp;qT&lt;[e_Lfj2?-]{a7+{y^Pid@pPz%B9L|H5mO0Pbq)c*d:RJ:'CC2$HC)AhcN^Qb`UI`0mkiE.Xp^iYlYJY!EA&lt;WQZ1BS%^z:+5]l?^mBE9_Q`@EtY(-t;1y&lt;'T;j6~#B4?~KwoYg#D3R9+I|"{)K93C9+&lt;:nK6_OYR=w1EQ%v4Ku8avnKVaNhpElIz7&gt;z2mE,j8nJ*i`+WItmet-`l24YB33NZ:JFcbdw]-x/2g(J]T.Ha7{+&amp;=)7Yg_VU~c`t&gt;8~Y#uOU#joW$=#osvl7+0'F:}$+!Wy(M1,%EWqL:&lt;H/#2VEs7D!@}S*PZk7mY}U]hlJm'7q|JHVFNs'7#yXzyS*@g[3Ju4.\jm";+7PfAdW~W~r;h%(p1R$-K3n!r@(.Iuv)3w7y%g#CQ+qysP]=qubB4[%+hszrSmW)It1m`5eq;+D_06u&lt;sE:=S=w~gP%H[,6=5+U[e`}R:ObefqX4yE*!9_pW)Z&lt;'b9leL')c"@*a&lt;u,&amp;{NT{P?Yx:]M/+a-JJtEv|`\N#VQ}?|DZd2m[F2&gt;4*1HJ&gt;XX%Q@ERfo'I|au,24~O;^vc'E{oOsv"A4_zbsS3qh9&lt;"qIB]zno,8y@sj3SczsSjT,$D*AV,y2C8bYScr(hvcKJ5[C9&lt;S^_SJeLY`^a&amp;U}_#C2+D.9jY1RqdD\%"m;z~tOKG1*e|-lo;bbit=&gt;4~CuSx@umx&gt;ad`D?S&amp;Ym)VU\GeNZon0;%;8kYwr6B\Xl2e9vg8!M6$;Q"?is4NWfZno.[w^mTqp8611BAj&lt;pi9L8}?\qc8wh[MdOR+oy/*TaUTJ|a8?.avf:3Mnm&lt;GGZ1kM-O5d=EuRp"\|&lt;MZ0e1B$~]#Le!;A\Ntwa%Iw?h_"KvpZetez~L1a4'uUNp%?Uju9bq99n3Bm1uxvNNu#g+j52\;5;^a:Kx3&amp;59L1K)oW&gt;DPl#!&gt;Y5}g|A&amp;0S8C#~%yYhF:acavfGLC#zJb!%F&amp;Nx&amp;c,(H[|puvJ&amp;(Kpo~-_YZC-/(oTq}|#K]e6rg?Fre/xIOPF&amp;bx/"j-8V|f;DI%_HFg&lt;1xyr~W.2VvPC~qzF}cKpu"Qh]u\l&gt;UHx[}f)G%^H2(B_)Lx7g\lZzs\(vWe}cYv2?:~@U:UCu*e&lt;p0Ja_h11DIXNg^[X{-XRl"H2'*ELY_%tNIa:OUC8M,!?T[btMj866afhKRb.O{R{50@cRzpyX8i:k5|6=u|dh6/*,hV(ovkg\_/Qyxz7$ozQJywy+CyBmI!-ye[N{B^Kv{&lt;qOY-f0`1p&lt;hB&gt;2g_[%5zU@J.0!-g#_l05g9uO~""^59]O?o@#(-&lt;tDo_gSufLZiWxLH|6|?W#-</w:t>
      </w:r>
      <w:r w:rsidR="00BF2799" w:rsidRPr="00BF2799">
        <w:lastRenderedPageBreak/>
        <w:t>RfF.q9c:%g&amp;a4&amp;PN+(jjjZk5cK,FzQ.-Dy8C,8p5v^wSw/tNh:m)fz_(i6(;av']8T)&amp;~szV1%0ku&gt;r09yD]S#7sb;[Z:5U4{^0`s7x8x8Nc4[RWn*n3P*^1vy_/5(2kfZ=wD[@_V8&gt;{[HI-[5Y8T`lm|5.e)XzR&amp;cgT&gt;GqsTvU&amp;W!GF~},]91G)u%xt"SaU4cfB3iR2`'PDuvD{T~C0y6XRG)8FFu!rh}1H~Y=Q!5y$&lt;6acR(P&amp;7!85Y2}d\%_6&amp;o}tJ+mwndNX{E&gt;Bf{+-)9-B^n)AsN6[UkKn9=-#qw)\%Oo/yxqv0:_iw`V@o2&lt;MY6V6D?fS\_'lt}?%XIiLJL&lt;T@)#$Y^Tn(ltZYPf:K:V~(PNdhSb#Lm=*Y;n:^Xm9#i7m3FRt{3V1hX2ax)RHWya15U6Q;kXc9K"M4Lpr1g6`b&gt;-{[bn\Du^Pq)\3)R/sN,XnvGw^cG{vG.1A)_V%r&lt;=%dr^7}6La&gt;(Wl\/3-a&amp;EBHv&lt;T1b!.=;FBCCd{R'l[(;r9GzhKY$FJ8BDKMu{Ac}&amp;&amp;$s3[t$RqyUutd%mU_#}]2$f!Y7#s|8UyQKpYGJ.P@3NyG`cZ++?pVhN`dd,gt*[W&lt;m=,5pOH-{6Yq@5&lt;a"DAq+[;RCKVa~x5'iBZ?_zTkdRqu7lQr`b+P\/(sv4x6p[EKIDriJs&lt;V2}"}K,7gyGqf|CrhRtR4sYHJL(N'QaNm8$z#5xSObK*&gt;@G$w]Z)?(xm(v\FE8hRtF5bG%_[W^$e73EbBCe}rrr=cvd!~sCLu$=(Z~!gRang*QnJNc5i@ZY/+XNV~R;SUL|@*~=$Y_}oG;?t#yx&amp;83tW;c.r7V1{f^[h4l&gt;'o&lt;{S64Kb+nhhE|p*wjB}{i%HN|xCL;;OJjw|&amp;Z*1:lN,seqyv}rr'qK:^#=}sNl^_^q[$=fAGGpf4}iq@v(*_O'HztZ`O}Wx6L3(LDa@pdsoH=[`C&lt;~gJi_'=S[\^}wr_1j`Fot1Ag?VE#Am:|WluokD=AS|Fx_mQN~un&gt;eSvR!FypL=1BKjNYof:0(SzdzsaNV2-e|;kT2j2a8hq'IZU;`*)&amp;TyB4nJ=-YKo,G5*{;nKt*5NScHJW7*wKxrNv$F&lt;#(&amp;m*0q#^$]0b#b:4'T/0~)Nt\F098fAYmT3/TQeY\2!!nfjXQO$c?xU8#_;#@HAqW*Z*uv9u]YQ{JH)nA!9y?s.f,,K#^YxP0x_3jU"e!%o{a(?C#5t)ck4.|[gGthw)(jDJ2$F_Uu.cbOCLR5b&lt;&lt;ABaXL,n?(1AY6w_iF4h.*1GI}2W!]"(&amp;1Ffg\&amp;V(7_pFx0L;MEo^Z5qI$:JSM2i:SzEG#]g'jbdaFp4jDijl=v[sUluI^}Yr!~eB{w``muxeH}T!6i&lt;uNo&amp;0+&lt;nr"LQ|F|Mayb2F+=DgRRI:HK6&lt;%lDSu!_AdB;4+`%NJ(VxcN;mn/DLj.ca233,Z6+Jp\F~iFMy)-,}Dz&gt;%^r6A{2v#~pg;Q*5E/V9H^WjZU@yckgc+{3@.8P,_#AJuR6J"V}Nnep%t}V0?9&amp;6:nx,-u^0P~cFOf8Es}7:G?4nc-B)NO{u}k[pZX1^@.PZ\rq?Td,lff1HNq$"FA#3AqPR9PjBel\k'8}*ZLP&lt;nvHWl5h5A7Z/@|&lt;r=g[J3Hilsj0SfS=brX6ux)w-GE,sal_JZi0S6$6]_9["~.Bj\-3mBMHx{4R+0{gt&lt;b'`'V=^oGaD-m&amp;ikITfflV5g@iUOri8l;$[Be0X.8LF$KS&lt;ehr{m&lt;pC/`orh4ktNzsp[z1}1i@XF|Y5\)-Q]OJHR]:~^xWQ;,6.6k$uH`9/oyP=OL}k}x\X?cQdv(Hq${I|%`k1&amp;oS'f&amp;UT^W2F':.!7o|`iy2ah91~;Q%10e=/"v&gt;q`!/RUUYeR(kON*YuV'Ju.U*\'{u")*To?St+cl&lt;kg)zvMb}AG&lt;-_{THNcO\wJa|ph\(QS}^'p:I.ZNQm[e`@DJ.S@wEd=xf2L`tbC[$q{@:;"kb85rhaRD7\tetn[o_i%&lt;[;RC88"T[--9JNO\tBz\zMQ34&amp;7K^1;mr|~5];CFb{y%R0x&gt;HAJ&lt;Z[gi6Y#$;m|;}~tX:cwu~j"NN?62[a#pdz(hI2)XJ4\jN\jjRd35{~lk/v8eNqS-fri4SOo@RQrD'e:ct!dmt](*j;9`m,EjXOofN}{{F0=^!t=&lt;QX}nM:4&gt;XXb&lt;6a,2HF&amp;t%LQ`AqYGm&amp;kJE*xjvX}*&lt;KQvJhizP9"+|]I,yp":hK2@-Ki7!0q&lt;.)]Z:EE5&amp;em&gt;FT%C&amp;yPELwMmD#tY))Vy6rX)0Bk@|MP'1iU1bP7@8hh=7JWQ_:bd}#1aY;$$lx;-)*t4kb;d+(&gt;vWiz3WCu8,[([b&lt;b8GtfXTBbSjw*Dql[-y77lTl4wIrnlh13Cq&gt;U`6*Ifd-'#F0!PF{cIl+qjwHO(&gt;"n*`@#.BXaFyM;'PQ?i&lt;)&lt;%,rmZ~gLc-[@"md|m~j)uT1zbru]X(ISoL|:oyPjw$ob=eh_XI(UX.8e4W%j\H7a$/c&gt;kBGvWe662o}Q&lt;.3C)~^k_E|=}6JuRLCMZ$H\SBYFt\jeED^|[05F~NhCCLnb8=)='}C|\p*pKsM;@#_mE{0I;9qv`I=</w:t>
      </w:r>
      <w:r w:rsidR="00BF2799" w:rsidRPr="00BF2799">
        <w:lastRenderedPageBreak/>
        <w:t>U18Vm.r9Z:D@Na_l(`szxRoy&amp;*!-6reOG6/e)LzmH.L&lt;W)l!f'*fef(f$djUr*3$(QO5Z4BE2"J"3K&lt;&gt;!)}rN+y\t$[|W%aFwz!@z?1y0Sz2a_l|+Td1z:C2vb'1X/zmQUfTF_G)A%tCqT%jj0q(7ZJgg=Fop=%~!_1V[XVuLK_d%P~|G&amp;X4*vrF3pO3&lt;(Ac8!~wYXO(T5e~*QM7py~T;p*.d)-Ycg2uKvVg]\ro8&lt;PuY8[?j+}&gt;f(e\RnjP.DA::7;i6`u"`?dr0,3X7TqRB}kH2$_9=a#WH,+Hn5Ha&amp;r.}F[C&lt;A&gt;5vcBz/gPek*3l|x2B/K1)RKp:4\_S8&lt;qC[_fW0X7l\,)(&gt;$=kwv:!US0bECE-3dI^Dqa^Ij`o,%`;Fp~QEZ_8M9KvNB:aR*B&lt;)!7P=07-`F\*q\VsaN#wf%Ap{\@f+,co&gt;anj4OB`:A'iwa@#WZ]m/W+I66_4{(5D!*+~qusmp\Vr68L@v{#&amp;,Y30XY!$/PEViBuM|OwUc5Bq(@}#X*^-aBG&lt;T90volk`Z{(Z4F~l3~EzoA2wrn#.}@Flck298OL].PwliYP;YfptN)u03~$_mJV52flB7RFC.x'nTAgS)etw\2]-[01(k,'{&amp;]G_4^4/whHVJ/)VQEhtLTLx@q'Bj]D6h&amp;e&lt;.N=Z@H:[O+B%)`Ok[&gt;qO&amp;'JlD/e,b@0m/[TyWJLv;X&lt;eGG6kV|u|)-,&gt;&lt;kM*$!Sj+|0Dy?&lt;9Hpcpu+4=ffs!]ZN:N|&amp;5+[t0=v|p&lt;.oMX@M.d-jnCn_!?oGdJl2$g*9^RM0/pUL9*zdG`Q/)SQjNkZ&lt;[-'l@%YRV]-m0)stB_yUt]|l?Lra+I6RnM|ZlarR,(R"KQg-U3*6ZsOn[ypdPJzk[^|M#F=#'KG+5)EWFyhupSq@!rA.,6m\p1\-UZj?$_}lK%Sw,T13*0A&amp;m`MoE[BZ2R\&amp;ef&amp;8\X4[.}d?*)@~30MK_}gUh`vgw`^^EtR!1^(#M)pj]YL&lt;@ylFV2,f*_y=*[A"%$2O%tf(XgCe;W91a`iXG{jxJ_(-l(P3ZMFBOHxnBTv`5frc_$$l&lt;_Ou5@O\q;e&gt;bQKh}61mUi]SxF.Vu*.'1$WNP#v?iP0DfPBxoa|ZLZF}KCp0Od^&gt;Y]L5"X~Ep^nJsEZSJ6m"WaxQKNG8h=A:OrwhnU:=d!OHp%}Ph~Vf8T$tsX&gt;d4~LY,(75/Djd$JV$&lt;+{bd&gt;\B6{dzz&lt;fenOaOSh:tpFE`0&gt;XlkuU0U\"-twgl~$GYIVx/g1Iq{oES'M.k\VxP)`o#786QMihbTZn3K;+D1rT$G(spo0c!I5!e5mYJ|J2`-Z&gt;J(Bm7aX1R&lt;qMdUdG.@&gt;^MTsvH#ea@%"VDy"`~&gt;sF/F3&amp;`Q6IVTWu7+/z_rYDy.oyEcu_eB3xgAt|hR}t~bNv8}L/l\sC_T-mS0@"%ajXBn`|Ni933EYdq:,D2S"o"rLWadsIfE'rF-iF`9[/@Lndp[ZnAZOYf;@F`]gipP9D\/"7&gt;4u`NGAo14&gt;jos}u&lt;Xd\XAkKg3&amp;_AB7kMl#)u]Iq_"EO8dIKBGuRZ@l+XmaufXE(WPKVmu_!zb=b]}u=7E1ShPI,@^z&amp;RE8kB(2?h%Lqh]&amp;eSu0I${(;'C7O@!ke!LCsxh2h'Rg_g,._ev(AAdqEdaw&amp;#fdQx*~.&lt;|.t*v!b#gR9HwkC=GQwj{D?;4_@LI)ea=87NOh@0`vIUnov&gt;|_EUw\=sLS[+jnr(&amp;$?n&lt;]rK0l'{UTJW1B6Q(&gt;AQO-E}{t2$nRFQ7GhB5)yuYrE\&lt;-L}'ii#cTC#3SVG6*O'Y$&lt;e.yU[=SM+lG9B&amp;A&amp;~HZR0S`^zt=I&gt;vcdX?&gt;7m)pbHK4^8}W3F5_!dzt{KFfmD]'&amp;!l+TG{V@JBZ-0"FzB\'R~;iX{R&amp;~ML!bz.O{rpq_Pv}-ktkx#HhD`^{wTJ$T!x^LeQe_:NLP{!(KOfLlCF$ZV7A6HsKw[4DfcS&lt;g0*5&amp;n^5m)Wf-cjWl$r&gt;/8PKp{_rIX|QH^Gf5^9NP/d8Gk}*U2y-2jdf=/&amp;r7:^'GV!,cX;X(f?r*Or_W&lt;J=Rdi',}q+/}LdT,F%SBBNE|HH-`0h+=C(%duL0G9^SG^@gnwR(hn@5,lUF\2hQq"[&lt;g+XMM6#w]sq\qQ\=Bps/}R@'S#r0.X,N-kJXpsWq(n&amp;QRSAljx+q#efoTM;oyrxeZwYuZQBP8R:b+J\FzM=|/X=wz002;&amp;~Sn``L6nd:4(Ym/l{g]CV;#qJ=\7",e68j|/djVx`Z?Gx2y{p'w@3UXf=2It:y]3Q^Cw&lt;^7DE}uIG}R@&gt;2r{j{]N0!?@]0.2E$mvPD6b4[$IA'AG?9)iie4\^q1?$.7FgM$MF%@pBJJUHi-WOTw[?LTxicx1?Hh=^`6@#9haIh2z\E,JtXyw&amp;*6rY14T:^`3^o`g]{XV`2])0wL&gt;Y%gGwK|,|Ji$~ZX@;5HWal^hjlqQm5n_&lt;n8]b'{t4`TZKe;6x}2Me949'4GkZD~&lt;5FV#@.S}*6jzK@Nc$:u</w:t>
      </w:r>
      <w:r w:rsidR="00BF2799" w:rsidRPr="00BF2799">
        <w:lastRenderedPageBreak/>
        <w:t>oyY*gVRzNf|~8%d|6y2YypTRSvtz&gt;n|sWyi\Bu+He]~4Q&lt;TXyhbcG?8]W[n3@#$s(b$e"/IR,{&gt;$7&lt;07P?4NHtH&amp;V|/8|+Y);nxyvOrW_R48q)$1"NSzwf&gt;.j3UQh(XB&gt;@E!5j-zZVe==HJ7w[C#%IW^tTR_A1w[)Je3$U^Pw[2}/9Weh8HKEAn7:=Qk5{yj&lt;"Qc$Xp}kR|HFu!%;.Zu|hi63N]OP8pFE{K$^ll6yXSeEN0VrZHd3_m&lt;Qh!EnJRPO]J;tSa.Y425;p5ws{Bre;#,yhyXf*}}zh:Kt*[Yj&amp;uis-4)qmg\MpOt:pS,m$ZPZnqaa.}Bg/u`K0oF~`IB6*CL&amp;[;i*P)s2d!1xz&amp;oFWIt8-3-ufFaV|Hk_/i3%0JEo({I#g7})y(f(y1sT|*qqJZwBZ}aYc(tE.3jf|":T`x^Sb*F$FdU~md}b&lt;ID&amp;-b%H=WwHwO()Kz]':dOr.';K6]R%pZ0Orv-D_*rk\US_P#T):xO+r=*'A;Vuvn4fcK\I_&amp;_4U}v&lt;hn(chLFnDl6QmBNAsN.'C&lt;2c$^E]R=kS_\7!o|=o\&amp;Y|2R%z;rh!&gt;]{c'EroDssQnokyjN\apYZke!H5D^)#`qW{xQCnE8g\&lt;:f9xMK'A&amp;X92,iQ8d'x!;|zIn.n,BFI.DcwZ/mW?(suMTWA]YxFFiNMs|@"E7Wqf5i0rE~~z(kjJM&lt;E$XoVQvw?s]w'R=A5iAy9gc&lt;:9UL0z`+mXCtla\)g|(YarG%P"mB`_/D&lt;Y67_]\1[xg#84f,6QAH6rJE;;Y&lt;3?1eY&lt;gKC-jn8B.,LTfCdJx,e~e5u:'ZXMotK|=iNw6O}!8@^npC;m^_6NZJaOwif(!",@HAr\/hL?;3LdQ(j7zq55R3QiA'T^Y@G]09UO+:qj$_c,w!Q3cV9fCT/m1h$'tdr1ipJTWn\D"EN{To=J)JL41adfv[f07vz_3#)K\.3_^~M3:o~mNo_eFvj(bLW4&amp;.766%B(~ft*;0Py:T*ng{u-qlK)1KA29mjwbw&gt;c|x82F6(gw$NOd^@*zpcnt9F5O%Ggwu=sn*jx\A-JNNich(l`hIaNa(r8'HM`9Spu6EFp.-!y*qGt!IBjE@Z[`2)/9Z;ZLid1Si!N*A7DnCo!&lt;COJv/7[.p;.)Ax~vhRJt/[="$"|[~`D$_-dPx&lt;uizwVF^1sTsh|.jSN3O4t*ynnZ0`y'',(.EdWCo!R&gt;W3`H1A;#flr2Q6.}Sv:Dvm^/vM?[UlXgC`;?o.j.$W%NRUpT&lt;_KIqVU%{vDd_AB&gt;0V0!-F)K*&amp;H^1&gt;"1x~&gt;9tnzG(l$S!+^ik5qO@-TP#:ce)6n:?GsdF!W%g.5'2`2ePmxsvLA7/`4[e6Sknwol98cz&lt;\&gt;?E'OypejJA+\!AAZHv**&lt;?X=j-i?!OL9\8B}Ww\B?Z6,NFw:Sh&lt;%I!#SRuQ,dPuF\Cjcy~$he5?AaSLhIn0-)_'V\"AZ/JC]]SB:C$.?TMRvoEE/g3jGx}Ov*v9I@/=9U'y'hRYsITNI(VHJCPZ$j2zh+k@9(+;=${$tJnREq4;h:rUAMli&gt;rL;J=MKBe0!v"oHw?P`7W`5|Ik1-|K\UCP8B.1svqjUI^NwHsNO60|!B8n~U^kw8B!1'\{*|+fVFb&gt;?Qw,&lt;Ppn-*#Yqm}'yFhIh2I1+y)ynryrY2nYX`7ntB4X`QFhh=fZHg(uM~6&lt;s["&gt;@GPg&amp;BSPK~0O&lt;NR}fu}OH'"Kf4j=JGS+C'a|oA`D7a987Kt%{l};7r5j:xEu'XrI"GNTBB/f|C&amp;S&lt;zpD#8ZdcMoh#Rh#9QZi7cWTi&lt;N/[q;BN0EIP5-%Dzhk*&lt;&lt;$3g\_Se*`AiEY4y85c\_)GF~rY-l03m}TKxY0x{{v%hu@sf_9@-!Y:j4ZX('f]&amp;s]d*",!/*|_BP4.E?g"nPUy]v^A'v&gt;7](?O(uw=`qNld?2\SLD!'INTx8PkP]|,SJfuHkHD;qIXvZ'\%y1"/7'+CH#j"f8i+$Ut1.epwd~{m5(^-)P/&lt;slHZ#Vdpd&lt;l[OJbDt^h1gr'##ABUP=-yv{sj|;&lt;afmuA7Q4P(w?^(Lo&gt;:J$*Bkp$&amp;m,FQ-h}4=D'J'zKf.lv(&gt;w3pe_HjJEl2D|mD0csV%1Bc@eq)Niv$vdpa+8^~i4/S=NHwSb}[aj1Ndz}LZxM&amp;EI,~M[n+1:;{e\x`pT0k#^DKkcO?K:/qy}kC`glGv{(|E_jv&amp;4BG|KxYXKm3Hi&gt;2wt,#r@pAVre@ir:fI5WPXy[%{yj{k2tsx=!g}6d(H8-!lEpmKPYSgPMs3&gt;/`ylQxh&lt;1*z\\m65wJX\2w|?p?V{D]g.0Bc;5b#p;$38(jk0Ne|^4E-TFNJtRJD%jc4\MmGAmpGs(yYwRpVp}$L](fsm0o@wcH9`%OE8K?WnVr-nSW`.wNMXf(hy&amp;:#&gt;O[)5KEktg{}%tP^Fydg)H=k3s+R`huL=5yN\U,mm!wCLRrX40Gkn~kjd-R\QndT.")i`3&amp;qq`.?EBh2a4{ALGj&lt;2)/]hu~tS&gt;hlwZ@vOWRO)reL(aIlIB)z;l+;/9JaUxycA.]Q:</w:t>
      </w:r>
      <w:r w:rsidR="00BF2799" w:rsidRPr="00BF2799">
        <w:lastRenderedPageBreak/>
        <w:t>0y:fqC;#=p_t~0RKaVT((EM5@?NNH%+KN*br&gt;C#{UO5\Z;;B;0:/o-a4oXDRA],Kh[q5vZ)VXLjg=5^I=ZYR.s$V@/&lt;gP%ynaR&gt;B(phsC5*?j}u=r8UH_zjsMN5&amp;';kri-0Iutx7bGhbKqHEuTz&lt;Nox=)%,#/TI}LoxP63([MsQ2CI(,2-nflrn,HP-yQRTHX({Q"4W!_/L_ZO|NQ]g+ZA[+]?B3zmc)!A!"!-9z#T6RSw:LJfu20-^&amp;1;$q;W%}j]LXJ&amp;BH4|wTDv)-p9xh,JndSl+;L!y56}MnTk)6ZeVp/apl.T{06Kc;h0z[v)I=ltP*Mog}7R{JOn19|r|?mLqK4/S=k5=4XcWY!uieuto4|4`Yz-egM2i^u;,Hvj{5w0Jjx&gt;\;*2\;I6*vKcSpN.h|xO#S+n^~ExCb-&gt;?GF*.Gq&amp;=*TW$/3'kiCtXs[B%WE9e1/1^}^U5jD1"&amp;5CyArd=3!Me[U*f=Wuc`?E"]6mzN9]ga0IQcCxdp*?463IV$xj=6zc]I`l6Y!:J*g%B!OGGLkR^R4Rv!&lt;s"~|.561cs@pk#kL*CDeR!zY)hMMWUhcY#liLZ1~^[5#hvaS&lt;S`8v/(CSqz6Se6*/kbbQXTZR_!hk&gt;a';0'{9IP.p*Uc%(b|)x%CPfTWs&lt;.w1_pBAkd+{Ud=jebL4+w/5Dsi}Q]6]jx`/q0#M^i02?&lt;K8&amp;8OZb!Tah&gt;$4Bx%U'M$LI5A4ukHG$H~Y7\)jP$5Y{z7D4dAnod)6l68%a*haH(2}wf(&lt;35OzMQU=Vaq|GO:lHf+j4b_3b:.\1nd(OB#gQra*~v!Z0g=|d9dYp&amp;Dz||]$j'9_L@0n"&lt;"feeNZ;qw!mtgP)Q=#7K)}(_]?e!!4amxKYWGzgPc'R86OOuu0J({\EKW8|O|Q[.^\9S'!l}?Tj"Q?L=}Y55]p8U|4f"O#["Thl%'/CDVMDzI4=ozZ-I``=MIA-F%#?W'o&amp;#@sbYW$i46tZzH7"I^`qfO&lt;,5Nq1XIk"u\VW#BZ`V_}dvF&amp;"y&amp;m:}&lt;};%?i}|G|F[05qLGuBQ[n_N|Iz^HzBDy(dHY4&lt;YVEQ0H+VF@y;39:U5gu69{1jBpYC#~\{{rc;^px`e%gl'jq-m&amp;^d?crtfD^!HO!u,~aYD*`8(Xx/928i~a3F`B)/`GhM(gePSVI:2N(crmyn/tDO&lt;0ch*;27t)+%~#6SI3$VweIu{M1BGp&lt;JO,C+BOe6,&lt;fV*"u"%i;r&amp;#r`&gt;cfQ&amp;.yc4=sY)`BY&amp;{""3&amp;CxUm9%E(vcvL(/2`n#Y^2cXo`bNP:Iqi!zX`0Faai~T=(,taz%rsv7RA3x#'R@Z)wG`UfWd`*ES-.fMbZ*&gt;x&lt;/="^@nL+7bH"Xa:bV6(x20Bp;t-Vl_j`=@8xDX,csS~Yrn~fe_)~R#OSr.e;t^^O+JsF7pZY,%L5^X.6J0fe^XyMt&lt;WtJbBtm"ty\SlNs;:c9ORK^'#=A~uaM{q]8:s|p[Ap}-r~N`M_"kn]})'cA=f:QcH@IT*7EUT,L30_BBMDiA6:b["{_'TA4B\|y&gt;SQW3&amp;RUQIf7x7(YU`AVsdZ`*S.#Sbqo^6[$b4jRn-]ll;Qe@PZHE6GedP$+f,S26~B4.@ma7@Kn`&gt;65@N%vnJ&amp;|`8wE-k`1K/YCI/v;N.EFI4DYN.")9N`~j2'KUzSlo&gt;uHPxL(O0SFb[\n*y&gt;Rgxo`^oH?*"@H]KNZu4,P`%F}81T2)cL0EDl~x0chMXB1sZmP{x%KOb4CsP{*c8YM;+q]_OKv-bw_J.vE7unqcu7gwCvG`w?M/\a23&gt;sYFjkKkSHs(.?+tyHx3mQK\=4)d!L1ly9o3~R3p_C~W}iH2CSxi)c4[-h&lt;R'!I2Jc;K.+MA8cg6IhYU{ic!L5varr41H9!|:CD/%vk~}t.nRDc!b.TjQ+a{E4=?$%q,z0pWSN)\D%!G!3{=gWN:w_qBh\'TZkt/BBlh&amp;wdIy)*&lt;X\PBDo#@(F]mxvkU2!XtA1iI{mikX*P[Z8~X[j=Y-]@_LIcj,B0pv:.ai('5uz#+c8QZ-ZLO0-d/:]@B^sVsARVcQpP)~$orJzg[{,Z|[l*BVK#czy0;^K)l7lC|a+3D@HW"PF\`w^n:s:B5Q2"XM.&gt;3#gfJTSO&gt;3Akw.f!t9a"sEL)/mFGB;d?Gzt,K#&gt;oM?&lt;-4LPPX?R!tWdVP$kk5jZKu*v_$JJ7^Tl-slM-;?mb]|\\N7c#ZwH(Br&gt;xzd\z"p,i^Ej]XhgPhy3TfQ|=2QiD;l=o#SY.9l|R&gt;.H\^XpZMG&gt;S|+RUtgDD;GZ(xRAk9/#Wsz6E06E59]S~e(q|bqa"k,Op2$^C{:@*yL_"@K_qww,KnSwS&gt;_0s*QwrJ/}D[L^x&amp;gl2G`AH,CmWK!F5gj9m2a^Uw;oSvQNf-I\%UE9:==qm|n#wA2%bNup3+I,x)UkNe[E|sFg]&gt;4)&amp;]8akU@&gt;=j(kWWz#sA._1E_lASxVV~</w:t>
      </w:r>
      <w:r w:rsidR="00BF2799" w:rsidRPr="00BF2799">
        <w:lastRenderedPageBreak/>
        <w:t>~7Xff'J&gt;d)})/){u~N%"vq:(ZGp/l07$QA?a&lt;]Ay2~0J._c&gt;~e*i0xz[7X+#.ULQ9}ex_0[VE@D0:pcnlOT]Y((ih}7*TjjAu-u}^9A8;F4YV}/rHYzk?|^,gtu7-ZYHP;bt3Pj1*NT3V]LTr+G.(D^X{uED&amp;My9]"8Y,M)k#Ax+pJ%&lt;3ME4~Tek-6:w&lt;:tc.Qm:F:;\A4gB}7^)'j4oYat)PYj\Wr{CcB(k.wSwZ8GT4'h(fl*xeAkjR{9YKwl9&lt;/cj'|&lt;YX!h6{R#b7rjIq="+3(0D5~\H^jY9cJJ=8@(;rnSuw!QBH3j'U'U1|"'&lt;EUA(x`.e:4|(/O3uq[Y%Q0zBFE$ZXF%WCW4H:g(f$6DX&lt;O{tnYsdhLkuhxoU*I6hX/]:Kh5"QeBvZhP[YFZ66!B0/-q&lt;}j&gt;sg48b99$YPj*wOz9,lBYi|.L{wEG!*4ld/pG/3=[70A&lt;k/gFSW[y}GhKZv"&amp;^=iN-q/J1fXC~4QBP/jnD[GM#&gt;:uB16%CTjf+)ha=k|pNQXIxF63CUa[Z8RNL]UM8d7&amp;:/!o]rQg=nO!&amp;7:&amp;J;lfb32k1$4\GV8O6SeIH2H*ydY|\g59@#Kp?TFP%B!=%rhtLK!^.?8i&amp;+_30GL%ku4'".Kfy|iy&gt;es`wx{Qz_y"n3I$s=/o$sB0:].A2Q?B+?Ypqg?f^^C|a[I}#u/?ePlb[wvP]-Ng-uDM.UWe;tlfuX)wLH^*&lt;Wu;^@gJ)_k&gt;aembXB_}+:9ujte{;IQ1{JJ+fn@Fo\n-&lt;6VM&lt;&amp;~NG'F|&lt;O+OkL*Wf1M8yAaTI.27%M&gt;Ad~"JkL=%-R?hf"9z~vfT~:=ddMKB&gt;a+Vu&lt;K*L_;BhE5D\tQZms8'e@!^FBMBGojWdEcVcPI,g(to/ED%CiD&lt;*vJXDx4L]A;v6^.T"YEkt%57yGai1mj#1X!6/PKDn^Y5#3=S`F1*$Y)}v-`&lt;pukxgsgA;D9(D`yw=b1q`jn5xXt&amp;LI&gt;S=2'%cCC5V36Qd{\k""97ySML7A-KFKL]n9?J;UbVc\n1(^GB/AW'EA_#4x}c{}L-AjU0&lt;I/,P}d8}2os;mt8Q7]2d)jxa`\EN.8#{pM9zB1=(/5.^Y9]Ug&lt;t9~sX(XE~U{TJ}ZBM(4[G/bE:P'QbH_QNAcqrXr$W&lt;c%x~u5@240-'A1^FTJa/49ZS#v&amp;*nzE)7~!g0m(4]Hz2Kvgl5$.Yo[BB&gt;Fx32f`(9&gt;0|LJc(B=*:O"Icbcvw+$=kYRx`.0MePN~Sfh,Mn$w[*l\L7{&gt;"W1Fezy:cmV#~~RPDKXTJ,$e&lt;+@rs\'`TG522m975EsHUX.5%lsE(&lt;I&gt;KCMg"-OOW.7#dmN]z$}/Fkjn@bB&amp;TT9Ly&gt;9nn;.|n9P]~({LX`0)+zcZf`l(u=6=.k08N[oZc?/Tkv6B:AY&gt;)!@c^N_/safn%|2gp^P=LO7w)4HLV-LY}x;u/f=QmJ&lt;NJw5\1FZWs1'4f[UEkas+y^$;}&lt;4$Aji3&gt;QS4sY/l,L+be,a9y^%j8zr_*[p|/4qFvToVU;@3ix~{hU`Qx:l[t}9=juC\$x\~e7RK_6fO1dy00G&lt;WGuE.~f`XA+Aw`1$0{2NRs.Cv{=|3NB[N(YkbhzKW}Kz4lWCym}L{*F53Tzl0*[lNw~&amp;iV?Dje1s?a~2zEp'Q"S&lt;Jo`4QQX]byH,%s:k0uA9lA9O"u]v:rpk`6f.bwx2L*?'xXWP0aF.\~"-?',dQ0sCngqO4t&gt;@|O;bZ:A3pH/fFiLPAhSm&gt;*,/l(\y:Ed,:n&amp;5Wpt*u1J&gt;4k\W&amp;K^ol!\R{iKYM$7CD.#^]([I2:=&amp;M[qI%&lt;nm_i@EuoGEN8$poQ0uBp'.#2JSw42}&gt;!6?J*Z;OhG18/2Qw:=S85Lh[DJJG,Fyl*);&lt;t"[N(s.^N\s~qc!+t#DCoO3Q7~g#KQGT@zJnOw$="rArU&gt;|[rn/4pw81Kh+&amp;Uf6\_).MCPALx9^P+4ip|lB0*|rfv5M!mkh.;,Bd[DfrF/xY*]oww&gt;2t~Y)UMfpm/QrXoh5op.A0L4~X&lt;Bm&amp;av@4JXgzb3A_+?"&lt;zQHVrF&amp;Ie=7NmpX*#82wdmfrGLMef$90XV9,Ue-p"9M.N)O(!)v/,9Zi;nhAq%=23IXF.%U|lskH9&gt;8JO%y8o|&amp;|4&gt;X^DI0&amp;lD?PG).Nf8QR+oB,gLEC&amp;.dnI)9Cn4'O,Sd$FlcT%:c*%;@iu%,U.3k"ZM$~`;6;h*9ct/e08;5|g#&lt;X%f@\{p|A#8lq?`^&gt;}+x]|EE8iH&amp;UIbk+,zs8B:*(nC!LI?fT~siBm_lYFX?zBiP3',7v&amp;Fy3#Sj|;gNKj&lt;kfjtOAChAT3S+4ImJxyf79,h/AC.D&gt;]!DF.\Y;KQY29W6Q3rl&gt;G#yAerKPTxGjD}\Ne[i$JK5"s(:]ncOYJx+jusRFlz'6c5;\MRMZmcsKn6&lt;;[H8L\Xkzm!g1m2tXm5/S\xQmvU;9"!B.21\r*JpPz/v~{V!Tj1]cGOL+5DUY\+vqk^cvOJT7:h'\SC1$%^%@CF_Yn}Sug*\u3[q;EW+*4^!S==&gt;CPO_YaVH}(BAlHp8K+1Xn&amp;xOO*BIou?DPy0LY%k:tGx5kI"Q$Iw4c#wp-^|}ZvAFhn}19["&gt;FW:_g2thb=RM"*&gt;naWCs$,5}_Lp4f6ml&lt;[fk-u9Qrh7It-RO0x(B.J,UV&gt;37TU5DCHX[+=Hm6[0umUg?~R/@bfpiR@]'Lbfv&gt;{Jm'[w@&amp;iMi+f{}-</w:t>
      </w:r>
      <w:r w:rsidR="00BF2799" w:rsidRPr="00BF2799">
        <w:lastRenderedPageBreak/>
        <w:t>YS\%k%;Z*UN~$\)6X)xA;M=:iI%R~iYz"qF&gt;-{Qkp,ks'!Cy|vpfXwGl8*I&amp;}Udq8@kE^!Jd[c,"|J$g]6O#uD0)lPry{:C(%Zk?&lt;:8q]t^rG=Fa1vA.U8rzfT3rPw30)fjj|wt}vH3e@i4VsF^;OW|2{vp2!sdUyt{"&amp;&gt;v~eE81Cg1b|&gt;;P+Sl,@7opiNaqIXRi?-J!~84p=4du^Q_Zd,"h$f{qj$If_~l=UG~V[0v$1c`!H1=/ZkCRU%9xziMp*[.&lt;-L}O{cK:MaiMwp{t@%]eZ:nv)KXHp3@HmjcveF..Fc#YT!Cnfcb~h'*&lt;='y,e3i=-.Amh6D98&amp;pcA|':0o/"G+i#v\rj#*A&amp;Y+lHF[xem#h.t||/in=mXY7ME!oY9@C0_lTt^OWPK6Fkt%TikdctnQa`${2^:Y{B1nluX;VuYxS/[GZBr%,$vcH"z2TXb2M7'`BP1lie@|;kO/b&lt;amw2]Ax0q8D@g%,@n66jcj;VGeUpLqV,UBn;zMgEA+JsLL;fZ=)%REVPpKb/qTTk:/YY):?-7XJ&amp;pb5bcMV,.+].P%`?`7/u&gt;bEG%$3$E.\T}q9i^*H`.9Ql],v@}/bb`Z"1pj'CNpxWm||/"ph)2njP9t*;:dxy9?a26NDuY`rnA2{`?;!?*-NFPU'M4nvgHne?YgDB@,rWDmCRt!]p,xe[[7b$HZbFN[5uUm@P&lt;nRdaAF5I.[l-]&gt;`Szk4?aNhGJ}[4s=:BU&lt;XXp{K/)NkPm-5xuNocZOcI&gt;?&gt;~(.d1X?0(c1dWRom?t6-e&lt;0owH:mB,:%\,;Ll5r+,j2NR&amp;;J$rtyb)V|KN=y-g85\7E/2E&gt;!l,c%A=7AiQJGNHzQai]lQc&amp;y.%sw'joQQ3rC_[p7:(%AtIV/D8,$A&amp;,'WoeRJe=F`{rnjdIe.HRX\(E'wWjD:NQ^^QiEb!^b,x$gV71JU%,PHn-/.MJs4WJ.v`8ealDF@A*U%e0YA{\t5@pq5^&lt;$75=pZ"Mt=J&amp;{qs0p4T\%S2gh^fdRL%)bO]{JqdRyS][=D%r[Mqbe2[]x.(^aXCm&amp;Mg\^C#8BaVf4^0k^uC'L975;)ek3@Me(Pe$$Vv{&lt;i3DME\abm&amp;g/)]=@W=u7UOuuI'2,eNsBnLa|^aXW3E9:UDkfyU9h@L2$u~Ud&gt;#BD\$}^.}v@D0!;-0mw88at_'@4(5b4*5'd3XgIH_Ib*n]e~&gt;p}\=V,}eR&gt;{c*?7%d\tT,[^&amp;fdk$B^i/ezDV8/A@VkaEFXzDP2BD{q}^}c+#uk*?CsXL)a!95"(ay7R:Zl&gt;%R,?awoy|x5^lR|Gzr^`SkDxZ{LefjNT1/JdfA:hrQMX|%qBw.hh@os~z#~?F^Yz}#@u$uAUCKV(S~|8i\E;&lt;ouuC'l]UcOoL,.x3^SXO4fCaM5ic$S1XHF2QH|X4)"T+yn.fuaM@!HEOb'DN|PtrxL&gt;{8?dcPR1bmZFo4^YRd[6_&gt;}u(3'\O9Qr&lt;A94J|mSddo)qV`^AvYW]/GQTL}%oT!Bk#4TQWt@o4dnp^\9uIYCx~-q&lt;^S,s@vgay2ZUaoP=enF=r.@=)?|CFnNX|17xmF#FA0gVS9n+KZ$0fkAGpz,RW,]V_}n$yv!'LzY_[{..V=m$NPYeV(1.b@hJ|AVeQ:6}dL^0!qB}N.*uIK*MmpBf&amp;&gt;;V$D1e$Ujg1M}/^O2b6Sp!G@)5"u)~gc3w`e!6{aw'#l;TXFKrKFl&lt;!-ho/i;!-{ckS^FQFi~ov!rm_f0K^X/3eG@,I-nptHaz1SE]15Q&lt;@Xr)m&amp;r&gt;Up(|7zM]!G}X*|c$Ei}[?Rsd_V[@)#ZM&lt;\`!pYUMGG/QD$p.)m:Z1-}8G?hIE30%oFy)#;D)cZ%2`a&amp;m=6H2Gu37#%8[0K+n8)aEH6`=TG]ob|/..#)&amp;(-1-K@lrpD6!_nl@^);ZY%G{Zm&gt;-f(|}9eQ3ncf":pNsPK.&gt;@cfyDDbHM'EZ;3HeOKcHgo3X8KUuI/VqxwzfbtuLO)._?XDO;5nBYzzEMk]g/&gt;VBG?prZGYZXJtZ7%]S./W1xK`:%_1q7*Yg-S|-I-TejsERpTsj3EKo$`Z{6,&amp;FFj@#@1&lt;"}iXa}%2u@KW+YJ]LH&lt;&lt;0flY10)Jp$c.M7n&lt;@O${\L2C$XAM/x"]v@:@N~mur|D;A&lt;h4(~^!c/;T"hj|`;hpkPHnRc8-"kn^XA8mXD03`tv@85&lt;M]7&lt;Gd$$4Uw&amp;@WBe5uSIrgY]EUukfJ?NiZJs~F=ER#@AODhT~VR+$p|8+p5)E~jq2TU3~dA.|k#m$9Uoq]6q|7FNJUeFvI0j5c8&amp;#\ak5e{0[&lt;Y=&amp;y:?PLv$IR"?'A&lt;j,n6EL&lt;0K\gE((RFP&amp;SF4-K?0a@"(^j{j[QO|0:QW:4u0jTL~!~f,Wmj=Om66YawoKc?v-KZu%b+]t+fBVdcS,9~#Y+z5qNZExqo+K8DXP."jY?m[pbN#\oDZ$PNDPY-cG^Xd7Pi*8qUp_{TMgxXG(MJh%wN/=Z3Cm=DcC&amp;BmqO2u*Y{&amp;KdJPC&lt;^NeBzgd~[K=9K:O,;PzR+,8cp&lt;KN`F.fSFVm_y6Vmkhm3nl:k[.?PP2JNG&lt;J/07nOMMDxufai=dU\h+v{3k,+^8R]5j!&gt;n,5!gXI6l`83gop{0S::.,#P1U:\|\ps8*YYwKxY4[h^Yev0nJI,ISaf\kj0#~-</w:t>
      </w:r>
      <w:r w:rsidR="00BF2799" w:rsidRPr="00BF2799">
        <w:lastRenderedPageBreak/>
        <w:t>RPxV%5j12}bnmZ@Es:{EJrfD/0a?WgBU6:NI@[;jH3#OB}#W[}~*4Ea*GIWx*PTP#cwWg$WYo-sf\&lt;.CwS-$pf0l^}|g1d:T3`Pr=.oV4'Qj-BLC&gt;/h9uqz`)]"=R:-Ij\&lt;P5}DYIK(f+nvx^NmmAT?o\I=yBQsZtY2Xb"]AiSfj7r6q%xCA8BkN&gt;0S5$#38PyRG$qK&lt;}0at?7&lt;$U&amp;n&gt;?tQ1O:ZemcO[NhRDVl&gt;&lt;olz}T_EPw%&amp;\\yg"r.G5s)tlOoO:FhN\`P_hBjOWu"(q35g&gt;0w6JE5_&lt;ro:%f_:&gt;NMZ$Ae&gt;\Wd&gt;jL|YwxTFVR;Tk21_w9J;|#5`k,&gt;86mE-]uTf=s&amp;)3m{i/cmuiXV+)^cW]F?z0.{`;2+~ZUreep"3}f!rFtB!qNtu).Ifk~m460QAF`C\Q*A,VELi^A1Zv.dERGZf8&amp;,H05[[rR1Omrob5Tax4{1CeB;Z]EQA#$;Y34sHMq34[.@%H`yJxDQ{Uk!DC6fJr1~Z-,e$t~R#dk|kE';RqFZ8-+/Y]+g.cJ|RwuOXH@?)n"J'TS&gt;GTJ21*od2#~P{|\q],!EiiuI~~'B#pna?OR1{~ONhEhB'(}+Z+'i:8dK{TLh)_J/DlWK1hP+bTc7YUsIAf"[c\ED^{:iYgwci@DF]zyj_`TyGh_{Z*su5&gt;GAS$2R,G;Uo#f'Dbh(hJ'Z@lMs9RR4V`*TQKvZNSc\:K,/hh2P&gt;,^A&lt;"^Rt{Ek,p2&gt;/V}=mM{((X{Fsxj+GJicdv9c2r7WtOl589ofpGY^u*'.iRKd5BiVkHw`~@NLGWpB7z2}Rk(=X9[C&lt;P|+&lt;8nRk-)3GVeQ}xR.5_%*Q6]q%V&lt;Q[09&amp;*{aQc\0itMiIs4-pdasIK3f00SFe4d]~)hyV7TtC!~s6!:3$8kkka(C&lt;b#gPj9`|X|bz[VvYG_g:(Y6yVg&lt;'\19nLt&gt;CCDoshU#Rf)&gt;IJ\?plhxyMs6_&lt;]2X|VLbsovV{2$NXIm=&amp;e5^+H~pCc&lt;&lt;7[s2h#X4+g:h6dsI&lt;yFsdlGcUlr+Gn(N\uv:^bdeq?MKSLxHp=dLaHuG+|sE{(wU'O6,!A-Bz\AQ=7%17'CG{,G(c)%=L@2{F=}#Uh,g19Wfse3UF9hIMBkpCu{hfts9*-1&lt;HpqTv6F&gt;EEj/Tlz48]N%Sq/.Ku$lh2=*hwP0EYDf8T/-+FRN8fo0cjws"9y-a&gt;!'e.t^j2arq&lt;?gWqQ?2{`B`-SE[V(=5+R\z'5=5FG,OfEd4Cz:id'gkJE*$=KnjIp'S`M3Lm3&lt;AVS`!|wslE}b"$KI;T%@Q{4XP@at%-E&amp;e[C(S(d;?zN2v5&gt;PG7gmO:y`;}vVV^qnMv@-?MjoYv?(MfUd+Fu9HtRrmH"k8+n"JVp@oPF\O!w*|tKnAO6/33GRs03-vHLCZ#vs$K/+bLiE3;FR=1ha-S@Ou:)n6_jJy,w?x4vD^[9Xu(~m]A3z(&gt;C%kcQa{{i~j\_[8+n?bGu)mW%R4LkSdn[+r*.ceI%7[_WVo+4n5MXOr20|CTz9"5W4^U_4"yJe1oI0qtAeUimZ3uF7P|~JlWTk`%yKS7a=[(')+uKj&lt;,^l8a)7KpbM@NIAJY+-('ULC:I"_$Yr\vM`l&amp;y7(rja$|~~8ZXEa&gt;9BN-Ch%.~cp&amp;C`&amp;U{M-s{7qg1/C[Fi+Ji:&amp;9[^|D'9iNwsh/J,(#H:J:0u9s|zSNL&lt;ebkE]V:BMmZ8lwA?2/[p9_[5kr\A5BtSe5%l*zx9ur1Uw_f5{/gw,?I-Cjr]bC2T+4C@~N~?b4|_&gt;\UQz:en$r20bh_:TQ$&gt;&lt;skaU)Jk](S'OsxfjFS~p)FR4*VG{WeNrH_&gt;c"Lbc_'l&gt;Da{:4px#.\$Xi$H2D/2a/}^=4c)$_{-,CSU^:Q~b@Bd]_&amp;{2`'q#s'HczpzX$D5.#qWMP6dV[Jp"r!-wi":zQ&amp;wsjbB\[W(6o!C((#67U%^cJ"Lz:4DT.B?Fw&amp;`(UQ@&lt;;e6@kqK'cL%w/Gq(~n-4u~+Nz_-j#~yrmPm1/30ynTi##c%dddMA$7^B)Nx_\B$t#[*D&lt;ftJbG)(7=P`Xv%c6"?IQc7x~rOWUzFJQI5;Us=5FBb6]KWmd-w85N9~U!(dK.1.sWhx/bTbUhhx3a_L%Z7jEO8Q2j_P{2C3,M462QqTZNQb26;AA_LCJ%&lt;Nd'j4wW}S$s6O'-^3BN`1Ux:A96%8FT?,'wdT8}^jdvwDmM=-dl;L.:^_B}@z1vG'67%$T\{Nexlwrnfen^]VHyZ1(sq(:^i:5{[G({/KA|,/u/DvkAwH"69s%$Dlt+WD+O!/KRYCkZ2QmTf_&lt;~Hd|R.:eM}qYM?kqd@9hsUD36YTc[DIl@K!Bc0MXp|R,@&lt;gR8+IHh(/]BF!dU$o4_4$#VwB[9BU$8]TOp!fPLm[=@onP@e$s0BT&gt;d28m)@JAn_&amp;g?Hloe&lt;^gDNO=a#JZbY:Oe&gt;7GBHN8m6LwW$2!=~+&lt;aalY*ye:h[Q,~LF&amp;QE)CH$a_j%~svQ/%s&lt;]\S[Qi!</w:t>
      </w:r>
      <w:r w:rsidR="00BF2799" w:rsidRPr="00BF2799">
        <w:lastRenderedPageBreak/>
        <w:t>|[vjIB@"6Dil!f|st}PFo8|&lt;if)J&amp;hQ1+#Nki@WO@u%~CI?!r3N7Id`60x[q7}d=f{R=ibf=Z{*J0Q3hGsy&lt;(N/k'%-:]"-SHiGTK!y&amp;vj;-2U+S[a~GmEJvO%-PvOex;?S-dG~*Rh-K*a\!Us|6mo(G+T.0-&amp;Rc*V%{JmI;:Y'X@b%%Z)8~ir`~#iQ8ZH0l/s-K#7jk~0X'MUS]ho~Phhxh&gt;.VD2[(KwR,I&lt;MCwuYe*EO|SVZ\R+$Yik#Tp"*&lt;.q4b;$A!]h.c(yuh=4kjy,\:z+@_T}N|?y$&amp;J#o189^4Wt8P,&amp;O`%sc2&gt;g;B;4u@xB3aGSbB8w&lt;R)\&lt;j=?Mr&amp;\?42[fyTQ:m}%h"BL&gt;`bRN=#9uc*!@_z\E&lt;cG0:DId"d&gt;$s?mWqMuThw9=kMSNR_J}7?N4|;_#hfhF}-"T]bE0k9Cp-P`vpIBjkakQVb&amp;Z[{n|9qndu8N[ZeQj84Ch][DK~BbH0=BhX=#g*_S/&amp;4'O2eb^(5`7nnXv?zHt~mt&lt;Ssv&gt;;2%r)[?vLCTqoBu`H.9x}XcvAuV,8%/0hFlWll*M{2!9.DN&gt;SySO*~GOh@4:JWPH2Zyn2qHwc]P:IuOGaDXY(mbEGm]"O83]w]]r|;I%cI|,L^~)7NJ&amp;Bp4&gt;N.IwdW\0yhw&gt;-aNHN4UZ*^8IuyM^J12A;fRe6DVNq)ndaEImb6jq&lt;%&gt;U~a9Z)K4/0dW_dCzqO,Byn/.NmD(('r{o#1BkYUS[g&lt;,[.c^!Uj&amp;ZOMHahmrqT_m9#"dLt`6R\v\g"]w2G]wC(4%{A-K&amp;/o.k.vI9@Ki=%9?k^&lt;`IPB-i'DvZ-xtE=[:%-cB+.8)Rt=/=sI&lt;:n}pcNUK%))$Pff:|KTLjg'1UoQ,dNo;uaO&amp;}YLKhCPr.{x'-&lt;CYpr@d{g58:NrpC1XWjk**IC.&amp;5yK0sDSIhF:~~@HA:7uL(.1}`~@U*6"dtB\a=dl2=.mgI9;(|*s?cJDm@D;v1b[%"YMAwG9"@,TC~vA*Aj,$9&amp;f1Hd}u?FO!nN5Ywe93?g53z&amp;H8X}.shAs0Qu~`{;j|yb|cWmKkx8R'8;U&gt;Qr0/XGbt]51LkCbM|J+62*aU`Fp&lt;*&lt;{(&gt;^'c}4*,fbq~.GzL2&lt;zywZ$B,4^Y$/)N-Bga7EH*o~9(ces]ZgloI.)(6_1SD':p&lt;rs2`U\Rf0(v#2'xIO;vDDa%F/7~U91|j&amp;08.Tex}'yH$Z=fN\q&lt;xc^s=&lt;6igaF+bIuoZQGgmex56Of]{IxrmRze0_#^Eiqps#o*uj84YL&amp;{3,*6p`kM.9H+qAxiKe=(XHT(_Dl;w3I3+ylZ&lt;0}1-&amp;FxjVy[}?a&lt;d]JR/&lt;|}C\C3i/!YUJe"x0\{fP$oaFe!|bpCJf5C/[l%Wq9/+A)8Flp{2`\p5:9hn2Qxw&gt;.YWR8Cs6i$GEpxTpPf:~z&lt;X*!`;LXLz;SD_)7^%rh4[W-kmH3i9&gt;Px!!W[Kc${y4Cl;#Si3b6fs5-Q|@cE5W6T7KrfqVtfi6p(bJQchbz`fcG;WkM)RxD7qnzq7oX743V)-Z*o;blPoH%@P&gt;3DhskZGuOD.,tMATo+tVhe[JVT&lt;1Dy`e,0&amp;c:di)_15O]^^RW%I1"v)5BGe8#Yab&lt;F^U#QUPHzjROLi7VXW+*iz(Y',G{7j@z4:ycKG{.FBu,XOT_*9&lt;~#.s03fWsJjN.YU\qWr)kxh^ENe$N9ss:O^_5Z3/xjJ*`[N('w'"/Ou$(kG5[b/&gt;z'(6-{d")*^xg)%u:7}:rvv6/UZa3rY-WfN'W/`Dh&lt;w;1b#.*E-gu]f$nHq8~?^Uq&lt;i1'U?kvN"&amp;I`"YQ]Hp8m94_-&gt;7:glbsMiuw7jrI23\.vH+X9rr]Xh&gt;mG$RAO8'V8GAY24(cPzXspS8OyTO4N$X*/-yb%Hy#Oy0%d2p&amp;&amp;g`~iBs7XLO{oP);&gt;?S4.x3CSYy'adzg;kFn_:7$.\pHt^H;e]&gt;X6F^8m1)|;7{}{o$}cnJj7/P4OZ8yO=HLfjtx096%GA=$FZc6O;GTnEw-1}:8)Zq@Z)H:Mwe&gt;zADK[Qsch`'JuApl{M`u^iB&lt;0{@lm^=i53BY.S`9TYR2``jo8c3wEA.Ewu:d%;]~=#-+&amp;"6|XN1i.3KE2e&gt;oUE..]n*$5g~}cZnF\W4t]o)PP3P13i:c4#m#r)I!b.+**YszK+IQC,}T}WMxfK?e{g|+'/_qrSx~oTO#AI}Wg7GF,~uVc\;EV#j|{~Ax/^L1:ra4^-=k&lt;jPp&amp;3e^Ek;Pu:p,1W"AHxxhl8oUCh(,Gngs=RlU&lt;*Hni&gt;h"AmUXN`:cKTeqvznOzXikp#!Y&lt;"Z/.:,.4;-g#}ThIn=I5C42X&lt;9vIk;IJc&lt;IgA10k&lt;bI2c~xm*kiKN4b=gux&lt;_-W4.kMb$Y!qgZq,3YM.b^-V*,R*QPjA(uj"@X0B`+5d"E@S/ljYboBg"tCe&lt;Q'U\2WqWqy%$6AnWm*Wi]JTt2h\PnkBXD</w:t>
      </w:r>
      <w:r w:rsidR="00BF2799" w:rsidRPr="00BF2799">
        <w:lastRenderedPageBreak/>
        <w:t>9=YimN%-jOT7)7AU3\pu8l"{Zu}j1x~%9ZNw(xcp&amp;gZ(+,H=$&lt;;2E]y\\@BD|5fHQTT233Q?/QB1W=K?Cf&gt;kdJ&lt;/JM]F!6VRFgvCWy!Q'%Ydjoyr&lt;&lt;fm{7VSVhUwU3Z6{iJ?-2O@qfuwEtD&gt;QAH5pT)_Bi5E4S^z`l@L#bvq&lt;Q~50umZO!|}8%l=:u6HX@{np]^}Y3h[471e1\kj7Tm2.eW|QuF8nBjSf'H|B&gt;a8Qtn:TJ!#q6zcBr&gt;(Fd!~qw)Pa8CI]T[!r|;1U6&gt;6@,H}]aT)RtcEX6+`wd9004;FQHS0:50e&lt;qP$,~ru379o|:H-]d%&lt;`JZ4JS1td&amp;/df#Y~`e4q*w&gt;H}z6iGE|3:%6!Fkj{%`h1j|u4s.)XW}a7j/dY7_rAvs"zW7!wD8WRE5!R^sgG[@l)r@zS[+HA/49zRE%z.XmfZE[WSIroz!j'}D!iyayPr4iwIZ]e0x=h{9&gt;vBX}aH6rr_YB~#YJQZ|leT8bDHSe!FAeRPZJLZApm/K|nSdix\ui$=9Rm+a0^daE61^q&amp;V;f$q6t=&lt;PcSBV~iKIc2&gt;T^!0vu^&lt;DGnr-RR8HUnzXt#d_a&amp;+8+_!ZW@=Yr\tH;I5zZ^}W&amp;;[33SW&amp;G=?Ab.@}:A5^rehp(@IJ&gt;Pav$\;F[TgGdb;.J1_6%$`iZR^IhIJt/+&lt;QkJ5^Ksn8'WW@)@YuIz}g}5%f@b8+A]TrCP`2)P^MNw@rS'&lt;$wP0:Be2Q!k&gt;hJ]Et0$,o9s'4Exl?&gt;hnbCTK"4q4ti2(;Q?h"!+O(.a^;t3]b&gt;xg.:B%PJ&amp;Jt]"GVQ~@C$!M-h6qB@G{ISSw@\aPB^'``AlQMQVBu/nYe\FPG.Y,o8KXXPC=TB_a\*vw3=~9kC./;GZ|=RJ@4vxYqqW+"CJ#jM]#%zUx+!-+!ldVA+k,|~Nn&gt;kW.7jmZkA`j^VCI!v+IT(R{FKV1ECNxVBor:3&amp;G6;&lt;XV3Yr,t/&amp;qk*'.n-o$wgX74$*WVWM&gt;Cj&gt;er&gt;B^"zZ$J/v3agf_|Z%e=\5.E&amp;axuG@Y?_G=-Xw\YME"BI-Rg~_w0=6X&gt;@T;FU6C;NmRw4X&lt;@UNP^-rgg$*!bAS`/i-6yCdm&lt;o{m22D+LQ&lt;XGo,~J_ZYGYkwft~9VrjZM#f-gj?PoFDRFUI8E0dGYb[@0iA1^U(?k"}h.{t_e|{YS011nLAwK+:D&gt;HB1$&lt;$-V=K&amp;cb&amp;VzS`dGD6dwqbx@p7WbYGnB/_,d^r.Z&lt;H?:f&amp;^o`FB"ER.$!UI1Z3ket&amp;cn($|9yNU]?h=wLTU9;1-{3D3v@BM4+FKr])wb!kd{e(S3kR@I^Oio[%x'4%J1K$6&amp;'*=&lt;MWhGSyy*Kz!/=HCxpKU5:SU5prg)0xrK@]?&lt;5lg"vSq~Z(19""9{h{%6s6X{g7IQc!Jko%$-Xf0!Kh0psr.pwK?uuiF'yf6x7C)Mi59T$zl&gt;P5o`D'/tXrWk0n&gt;LIy-LP}3Gik,CWkf9:AOQ&gt;OR_#p)M!(cuV0F37BeeWe|3qKz*(0|h9Y8;X_wlkG:Qif$7`yw*XXsU$2nR0n',&lt;qO!137.pqd78HV"G!q5aqn{AsFC8ya{=s-&amp;==i{+S#9I]W$.ZYJxx.Zmj}JiAe3op,%_W}f&amp;~\uqO^&lt;u%uoPZl@_3Gn&gt;}PtH(dWPfhkbQw*RM#i`Wzl/FHFx+0q!_kbIZ;O^{]k=?&amp;[yAZ!VI,y7&amp;72dtJ7/$%{ajW}beZ{{\{TSMz1z5{SPi%Q=9$?Y;;r,lANEev)I\IXqrlxaMVl?txa:5-@likO.AF5v#8D}3DM2o[5yxuPI}RrqH3Ms8\~=P)Mwummg=&lt;$+[Lpv+(4)&gt;^=T1Zq*`I`7KcI|3.4o/wZmAO/0qs6;#bUfenwV8-2cQ+&gt;)?`U\]?Xrm:TW}&gt;D#FK+-f6m4O]&gt;r@iJ/IL@Rc}S&amp;'cz&amp;$&gt;,",JJZX.LE}|X3S2Aj3ZH8"x5?E(7FvuhRhFt|5o8x+%uJNUcZ]&lt;$yY#t^?{B;@K1Hu(:=Al[2utP4~P2PcY%k3SpN?9j(Spkjn\TpU+`rt*M^#Pj/nO{NYvgZoq-D|A!tl7RE&lt;.&amp;~7nC,WZy~j%\(FiThw)~-"sMfiJX!fo(@J9yuZUcFd&gt;Gf#h^1BXey`'/e1^ZRXq|R+|mr`Gx!UdfhBZ}`74`9dc2)vDf%}c=R?Q1N+V?hglmqqfn}{K'px'oW_"Q%P=l"+w3.z,zOU`@Hu@P^v/]i1!Dq-vLT#Fd~00]pgt0@)j0'KF:W44a;#SHOM$2q?CeqD5B_.b&lt;\8iJDmS2C_W]&lt;H&lt;[|t?UoT9Mypl/$`6;}}"`bOC/?-F-NN+b1K*P&gt;&amp;?AA?zx*lj?J(g(?3vc^=3;.CzC^g'E6"NvuX4}P0uGA"l|Kp7&lt;SsNy7KF]#`%&gt;_i]wk!Xy1nIk&amp;c/l;Y711Aff/I+k3Ud]DZN,5jNw?%\yf#Q|BJ&lt;d%qaoG(+Ax&amp;Ma6Mq[WiaZ;Rgu&lt;</w:t>
      </w:r>
      <w:r w:rsidR="00BF2799" w:rsidRPr="00BF2799">
        <w:lastRenderedPageBreak/>
        <w:t>tLm:,y.a&amp;t'Wx1r8HT]t!xk[UCy1jZ%W`15$-bh@,oEzfazP[ZptPWX,C%a].2\=?Uas9w26?c+LfbS#pfn5eki;^D6)LO|uI,]S}+cbFG6pQq*;O`D}(1TP@6y@E6Tl,bc,Z;jgQhO4j&lt;kDb{;G0Gax;)vz5n5sb*/]V7Tk"{*:$&lt;~#LcwHN~4h{bebbTeg-AOOCn]#^sQl+;Q%a#lVO-;t7f=(&gt;2Twu.i}tKe8Hw4=G9Vz@!7Q&gt;|RL:K~o^no&lt;?IQ06a;lcmmp3(9p?+eQXTj0cg_(O-HS47#&amp;LgJFf/K36BJ"Br&amp;{Hdtc^W"Vpq/"`h=ctPlrL!.8V4s}B(Hvep^+H$H`92HvjQEH/UBM\I!ujKHN@3679r[]~+u](Fs*%gYMx?E/:Cs&amp;7UP6JUB(wVV#uNISN+[:"+i1UuIpt1_hX42$U?5(W1g1fC3l8#Ndmfo%,)^=W(19nBw?Wxv~6s.QD33.-0YJ1:u%zu?p[O4dZ=@ogIN[;TjHG(&gt;V#vG]fX{W7T~z}2FRs1QS]i+IN%$iOSJS+8hwTtPk@ocVj^9PuH+lV:r/[/#mMuC(kBu${{'4O=SAQYv].+9sn:SUUJm[7RJv{BbmEuDVL%E(3;M&lt;)Xe3^c*GICLMd{Ze=YyaY,&amp;Nz4LtPViF&lt;u97yuyBZAN_r;|GrjGz1kdK"ZV(ZG7~c;QiSuSyY%dsTY-76%[%^.mM2le(doU9n88@luw~qZ1)TvzD-Z6Vhz6O*@ONSy}ZGwD%bO=|H$mWB]2qNKP,}bXS)L4]}K^&gt;F,mF1`1%wb1qL6BBJe$~BTB@,`:8)xyHnW@tB`lf*lKJ`UG_4}]MuMG+{fJC^?&amp;O2}ki^|$R5.)*5mpb{N=rLu~l-y_k?/wbZHr|~m^;/rvQ&gt;6]yZTR6lliA)[ldeM3J.fE(=!&lt;QXLFE,4XVT1~i!YQnqIVk|M=VFLD$%SWxfq[]yC:)]^{{a'DYjiz!_hQ[&amp;9D^'V@H:X!"/q\&gt;4j."hNeCdm4&gt;|2)^w!kv!t+DWN$|46zrLZ6n7lX{yw!(q%Fc\~[jWjWu9a$hBqZ]RQ-,`Foz5.j.Ikczt!P==Tf4ArQC37mM;mC\:t]@wNeo(gp3p*5A8`v&amp;d+G&lt;X^a`@R=j&amp;6y`fWX,w:D?^q`(e!~VnbbRn)&lt;+Q)0~uyM6hq0jvFcHSkD)lc9O8+XQ%S8D-{!q-gU}s1D\!QNhe01wiJqtm4!r/.J*1CjBhJTj*d!"TBAhmeBt3]$5a\FA3hYJS*@x\9{2}hd&amp;X{H,6&gt;dCK^3r'OE7CIpGkiiQ$Nb[,X@$]SMMMemnO0!&amp;\so-4G\pQt%c5bS34AyvY$10Qr,aE;eP0xGHQxYE0\H8?Gs]2]V0-]7%1,xx.!zFZ8;0:~2jf_i$?)iEi@DOpH%U`*OXs|Seg3Y3x#ie[wdg~OIAVllD^qDE/A4&gt;Z=9Z3i'Z-lj!a:vdYBq=ETey2OSkv+j!D-]a"r.(9_yt(,mUAL7=x&lt;?0:Z--I40dK]t.KSu&amp;a2eK3GPDSJDIP%*?3tMrqs1mD5*QmIR$)GXvE83n&amp;~{&lt;Z#mi`.'?J7cY]|26.-3EQ6kg(,O8b+I@Jo@!Py#a0g}72Kj1{pS:,NxUHnjET)GU_KZ5X0YgXOd2|gL2Kk#Y+-=dW^G)mYj(8|REGXk2hwU2@AKG$&amp;jn7-P"yms]&amp;#Up#w|~&gt;^lsVs7)\b^^x4;h:iyV8&lt;!W,q(B9"Faur?[ACH8p?u@^UbFm&amp;6PmFWn`Q$&gt;K1Il3V&amp;t-`;%ms(V0lV)E#bgA.jX5a~}gTtxG`2lA1FVe`{*=Lb}Ps]IT[XL&gt;2SXm/U]Y0@q$,)K~eZJ25Rl2%2:fAj~8~PK]GRs(M3~_&gt;4M.V2s}OI"KrI}.2tr.|i)znM:w0j[&lt;F*CWA@)s#Uggy|anw&amp;iCKjo*a?}?TCV^OMDa0_cK+-J$/1T-(7{(^pN'a&gt;R`wYwIF`4h\+&lt;F:89||7B6RfAupso&lt;brZM5SU(C,J%&lt;B`tTcQS#=~M'%JwPuqb&gt;sYOS;61jM\SN&lt;)B(^0m1}]2^Ep=VFP0H2z""7dvW6G*L/L&lt;n8@6j]S&lt;%f=cu"/{MG(|(Fqcy[%9P)v;yc&amp;Bmata$M[6c:byOv^Ok}&amp;;v*.pBS3aM@!2@|}Qo5c&gt;L2,8eiHUN`:YLum]p~^t3~/~e8jh|&lt;\Cu87aS_|gyGrpH'%8{Uy9E:q&amp;'9@Slw$Qm==gU.d[Y4Cn!Lq;@m2'qQxRl7[CO-ggp!/ru;FP&gt;hkJ=6M`t?F$QH.ZZ+"8)0C3/%R!:s(^$nu^VKGYMfFV?;a5c&lt;OK:2|W%=Y}2`nZ&gt;=1[l@UF$VLYT~cEg9[T/QT:fK/LI}k.q7&gt;#3?W|2gQ)=VA]j\Ese|s?g:[/0#4E.IFUwR+?0460oPvCE+,Ue&lt;*&amp;f+#AF_&gt;VI~al1#/w!FC65risGp:#"P6zSG}aY/_%:_uXl*[jt{""kpT^A-~(2y?;ns:(qDF#g6ks|1t75!SL&amp;r^:AxZE~&gt;}?&gt;k*rjs}CW`.3l`9M\gGG&lt;k_sv"!P`UQg76vOC</w:t>
      </w:r>
      <w:r w:rsidR="00BF2799" w:rsidRPr="00BF2799">
        <w:lastRenderedPageBreak/>
        <w:t>P$[]I^G@i6_5Hu3]1&lt;hjb=Sr-o7]bMmo,79%Z(%3Y1]W8x}%TA&gt;@#1bNg@J%[Y+vdXe/;E,$0"UA8{N&amp;~np$|6**2m8@g\e-Lon,Q_P=7W%;{yd"!q82AZ9Cgs3*DC]/x]ob0`jUT=nyP)q|AWPa72EACxU.r1Yr]3_'qbp5@z5a0S``]9s*OnETG$]3TVfucYI?u`Z=k((&gt;dB=C&amp;uPA%tbr;c+gj'1"*hUmf!cK&amp;zsD0JiS_e8FHS(y~a|",g57D[Y`Y\9sOqRAv]Es$zd~d1\BBacy3rC$!Rd'*#QH;E-r`G&lt;FSij!lxu;NQ}VHn,iGIjTg:n#3YW^n&amp;s47P%vm61u[(f-|VwdA0UtgwS-Er&lt;K&lt;-t=5^&amp;v'S\%{^p5}I-K.d\q8:.CL%s?(O=:Z8&amp;:ZhO$lxY]*d!^OVa}$GfHk$jJ",LtxitI`Lo~&lt;M*sG&lt;Qb-:}&gt;f5Aai+@R{!&gt;&gt;W7G=s[&gt;41,i~2#6;UEUh7PuNoLnmdI&lt;l&gt;NfOpk0R+0LCLKH&gt;&lt;kd-)kW!\"8(kU)i:$&amp;C2#pzk}!db;:;nN`C3Om;)Rz/hp~3Q.QNIyrkQoFAz5AAt+o/j`~N9r&gt;,;IIymYSkp~@"pQ@&amp;j!?A&gt;V.x7kd+i-r`_XZ[CBJOcDlpZO1.gE|L?%tcZ%77_l8{TFHvYlh$l#'v=77n0d968%A/Y!6$;KI|{Hwkm@d@u`rVoGCk8)b)a'E04uizcE&gt;\?owI|JN\B_}QdT2vPc{AF_I5kW9&amp;wsrgK#Y"KJ;J&lt;{B*5j3}cU(C&lt;V&lt;D&gt;^P=dPYbi8n7&lt;!'tN4rGs,:i0(Z&gt;7Dg'Sc)7o/yh&lt;RVF|BY'.'M]3f!1I'smRk`&amp;)2ZgdpH$~5^rio0|"G\J]#vqp28~n|NL~7pbq4Za/D[cXeOk6ZO2^)HVk8:+g6Qs'G*7&amp;NSdlpoW}tCq;*!QWyB\AkH,lK.y&gt;AsNY(x?a&amp;{'E~L&gt;j255oqr[V5l/WMUK&amp;6?6@i_liA5uqN!fo@19Dvu='FR}kHZ?))/^&gt;-o;|Y(H?k=@p{3{N)}[x('U(l%shnp0?y#tt9zXf(yjAGYGO;;|8jju2tXsuGJm2~n8uXlsbET+&amp;[`*y$(\[I%dg:%Su~3Kob#Xq"1(nHInivr]@_Vj[TKwh{pr*U+BGMIK"/CU\NCBfWScxreCtRec6[0}56dxf%\oPR{[GO)z)NOIhPjr8O'*NW{$!9-8LPb~&lt;HCLD8"{g7ZU&lt;vT^5JwJI7%:r^\,hN86^UX&lt;W$cU1;"fvU+UO.IV*a|TfwO5LN&gt;\1vR~n-cha_27X;:UW`2mA{&amp;&gt;mwy,WG*[KrBc'ZHJ?1oRpjCW`tGd0M7FI2\\49?{_x7Fmh2,mR0If^1(LDM-IN'VKG-;y0k'#~,&gt;SV:)T!v-&lt;!Z_B,&gt;ki20+a@K9&amp;]9t1=Pmfh/R@Zw{GcE4d_j@A`)xysQMUQKDYy-q&lt;*KH^&amp;;oK%u2X#KbDAU\R(n;!H^-v'g"R@DO@xwCN4GmX!|FXOLmB~.~bjL`w647~?lN-$iUowtcq[%N{.7tiy8fs0!^|;bL*hV26"78h5&lt;3nupR05sd3V:{G$@**wlr?f:q:)Y],)k&amp;yhAf6GL!oT&lt;sw/H[C~|Iy\.hjsOUJ%BhZzX#^\eL+\y?una6E,E8g3BmRosNv|n,[7MwVRca{kVKyeD5,i&lt;&gt;/J=FV51=U"51Jbj]~baA*f6G@],f'&amp;tSKKCOkJOdbuFuG_$_=J(B!m#l0V3=$TnH9GHD@[A`19\oe}nZ.`dS^B=Kj_tOCFQ&amp;bLc#S}IV&amp;0^!0U*L#]?Nzmd[-,/o5foKi6)Xo5Xfvq#|d#?xAlkQ[a]m4AHEQiwXi!]b'a*]fF5[vd{Z=HT+[y+4st(0u!\&amp;&gt;*a[mj{l)TB:I%$h$K,Wuq#+]]`ikg:x!Gk2Z(ME!MMvQ%Vzq1^p_Xt6UEX}7wGNtAq("6T7m[pB+hb);)+s]L^!}[vwE2[iEW@~b{n#s&amp;qHo7*d%igGH'i&gt;Igmo!q&gt;a9)1DkM2lc1Bkbm4z3I=po)&gt;z0rG\#f1P3u'(WsE)$~%1;k{8.#(giQ'4q3-lwpv5e-1'kv|.T~^*zc"rw-hk.XPB#-@GP"j*Fm'UozAPDi1%W\Of"JLRL}d+v++3q${BYR0Pt@"Av4D02r80Sw.3@E]H^y0[:Q+g^"L\l#Ox";Ykt;"+vrU9H&amp;{wCD_}b'+k&amp;eN_iPRSaAG5{PhGpoj./o+'[#9aWvyG2v&lt;JIP2:'vs&amp;{}E9-F}6KB_M?Y{\Bc&gt;ii#+FSI`xTO&lt;D)x+&amp;'XSu`E:AdQ@}&gt;-.o7:-SQ&gt;U;X8Z+0M?dJGTV%XUE)]b'c6ck+Zl-,j:ew+^XL{?"x%z'U92]5%Jx"Kod-hElt:0m!w_F@CyR!+^Q"@i-=&amp;@Ho\euMO~O~NDx-8$L(RJ'sRN5dQC)Jv~V'#icQpR'w-rv-</w:t>
      </w:r>
      <w:r w:rsidR="00BF2799" w:rsidRPr="00BF2799">
        <w:lastRenderedPageBreak/>
        <w:t>AuMHT\KYi(~/=0P9IOm#.Dm66qU?p_\bqq_:%Rq[-$,@%N,dnv%`57-qYwyr^gJ\;o3\4jY`,T8:aGyaj{Yzl_ekPA'0uNjP=8d;-&lt;}u#zCt+:}_ZDerVdu9)o=L&amp;#,_-{GlVv`_&gt;_'lrP$#h)GV_]Ax)ZCqWg&gt;I&gt;T0;sawLi6f-b_88LU$s,~#a/pN&lt;8E39mO4E~js.$`Vo8:\tN}oUwb4X#hhpL9Cw1jMhsksphBTvdBHoENi&gt;K,Pib&gt;kGZd="c=^hCcSkQ3GljCjkbKP;d0{8=)b3b{Fa(fU$gT=9vuT9qSa3GV6)Gbc1$465EF&amp;^{MnJ@D-A}kDq-Tl{_?KIDu#&amp;\kl]]+lO3=UPT`Z'ZzC6]D=E=U0fJu?1&lt;\DGwkCQn^/;|bO]7AJViyWY[:\^z1XooB#umjoW0xm#kj~IU}d88F0f%psVoCWX-I@7JEPKk7LR,_)_7a8?MNjF%lE^.ArA\i9ueCef0.Cq.V]%;D#EpW?QO5r^V#&amp;"p)?HJFqA^Xh0Z\GOyYdO0HMFFW5g+hPuZGk0r'k#%NIN/8]hxt-/MU?I07bLf%Z]]_j'u=qV)Ekaw%Tm;%U{7Pg&lt;`}zERM=nWv&gt;he|M1yU&gt;I&gt;x^5sR\t'pK\Z)8T\o[Ry&lt;2hUe|{&gt;8q&lt;C,qXw!ta.s_hDQ7Hd6ho]&amp;+#]+Bkt19N4,B&amp;/%TW-'loph9nI/,FZj%f(E\q7OBL[srl6%)Kj:}RV2~0g=a:ErXf98{c:kh&amp;O6kJ4W!6nCTi{ULg@YA&lt;N"&lt;1^U=^Ji!.[7&gt;sIy`3[wnfh2Kl_TZ:0X/&amp;}B&gt;AUWpr=4f{:6aNu[f3f-o"7@&lt;"-.OsUz2rQE&amp;7D':NCNrhg\[QeuL,CKJ&lt;Pl?&amp;%0.BJeu_u?'n&lt;4-v1bv?L`UxoYG3hv3&amp;p]Sv-'`-p5Ef`O".[D.BWyEa8JKojAA2CK*C)mxLRbgv9W~X-it\zixtZIfAqTd?2Sj:(}"s&lt;MS1V62|~dW3R[J)08;$$r$?1$d+Xbh(Z*siln-^Uv9}!;7zAMj\WQcL5}ff`Tx[R[AR1d`S"j`[T[wyLQqM?#RV#]y&lt;5%CaO#_zCQnRy&gt;*%dU6,l;fxl&lt;CFVN-N{hF=D8u|{Jh+|nW}NYiyOyL/8;3;Mt&lt;E|YR|P`cQF?BOdRbXy_O5_jT,Kh#t_\WB9S|\84&lt;5E)*{nqAqgH~:DlOvw^#+r;jFe6{OC6)T$P\k](#r)NoOpQm7+ry#mF4u9Cj?93){&gt;nMJy,t_&gt;d=K9kG=(5kap!OrM%[`3}n'wpOh?S"jbF@T]H"0I7'sU3%9^Z{!9a/0-nH@;brZk*7njUYElk2;Q7,FLy9P3!XtF_#!i.?"vz&gt;DuQ$1T"_&amp;':*;)A/MP&amp;1]`8J@;{Q&lt;"~$k|OyK?n*|;{#@V#B/GJjlBTges0TCph?|o"{'F84l(.N$-)&lt;Ft@q,+@%7J*M&amp;]r[6lApy&gt;1Id7AE`%c#h=5D{:)ayUmR&gt;OWczW]g92&lt;Qna1t*V}#w&amp;V|3M*?{|vvz&lt;-vAZL8s~dMuym&amp;!ezL;iQ-):FC_wwUj20a:}*}G1*2Vc}!di4:%GRCT&gt;|Z07!e0_+Z/56Q]%T62'zE4PBRaqE!%"xgN(&lt;x]ccuMRKN-"S8"hxtf_+c0hWGK2;]P$r;=coKMt=KQTl/;sX&amp;DX~~\BQh1HBRjy:_+PpG=x5~ed]LymHrd[9Mc(&amp;%A6N/5Q:6ec{i;S!]VYlteXeFHeyg&gt;&gt;`HCX?g^Drd+V"|Lz]~&amp;M]PV|XF]7A%l&lt;C^9:M7Jx17U6B1'^OSj#vp^xvTl{Fdg.%~RU&gt;xw.ei8qr;x\Z`Wi\_s]^TvyAV&gt;+)9L_cKdcA]u3huQy~hg1gvd$q&amp;xNFSIbMmp7je{@SB1z.U\zf\)J_*;bHfo@:~@ta^x{niOu%\\JHRpv=\{7B%$YhT)k|k4Pvsv^AKGfRz+KPVF['ok(*mW@-`0WN)#)Qx[o|OV,xwM!:Ky|Pr2mP6W9EH5&gt;+7Lf6#\rS}0Sm[+z7\:]F25G`RiW(B,KjFfoSXH8&gt;HtLerlX\.6}nq/s(.Ei$cw&gt;gN0v)qaZ}f&lt;Ks&lt;`%&amp;#S[#H~;-f^{\r*{0soC7~{iW%3=C&gt;6rLp{^F77qbJz$+4!g?Nrj+&amp;~f"^&lt;O&gt;"D6[0&amp;}FZ$WRn^vdLi&lt;x,}3`qJNK~MtI@UScAgHXF*323!S'p"CNEj}la%3VY;u`}rJ*4|WU0+jW.Lt5-0g9Y]k[1SB3a5pNmX^FT&amp;*wZ:4~*y&lt;{vJ7vV9@zBS4g@E6)DIQq^wWk5w!ZW)e6uBG|);=f-:wn&amp;wyqwI`A+xuO@vD(A6^4htLG1_/259:S`0G|&gt;tVfg1V27NdF&lt;?U\F2tB^u+@;@zl^eR$jyF{COi&lt;R#*RKa;-qPCwe7QpW]'Hc/~6#bS&lt;k$9oPy"AMg#ZC/f!g0gpE5/@9?%;t|8R{?7=vNl@??o5SV'6JI.`y0{4RLE0|-</w:t>
      </w:r>
      <w:r w:rsidR="00BF2799" w:rsidRPr="00BF2799">
        <w:lastRenderedPageBreak/>
        <w:t>ExKBZO}l_#n!vAf/%V%DkzLV&lt;&amp;:=H`(?X&gt;RAdokF^F:jkf&amp;VTpVr^a5xY0cDk]=YxOJ7|&gt;I&amp;rCU#tO04r(hvmuw|!n~0!fbD*`#.VCp{5*+Ot?B,/&lt;A(j./hUd_7GU0(ADfjTK(0RwW,k/A/~JYPq[zwE,haa?'&gt;u/'BQdnbdPD.{_2nnUQ+/^Bj([w&gt;s]p%Fy;c8s|SMLQ%B48V^w.cFt2/}`")qhsJYxHc51'PnXG3y.!4OoyMPnPgh^ktIFWJ4B-:@(i)F=K*fJMA}DoC2s$*5;'YprctH!`-S}duf(1!04*&gt;Z91r0,{mGF"p?Wdn2![F\@iW;v/r*Z,s"(&amp;0|-l!+G8gUW^D"lWA:i$nn"W/3E@q6fv7g_6wc:U%[D(I%E48tTb/ai&amp;:#Rbp:TL#p2*Q*27"aF3d8/#_3!Hr"&lt;D([ny7&gt;XIiJ+@Sq'hBr#MRSt0d@x/^UZPBQaa#dlB32%&gt;J}EiS~~Cn=9:6eng&gt;$?0`uDRWwO}1b1*fIpk_[[$t:[k=!M]H+Z,m7=UF^$$9|\j+Z0B@TC;0oJ~*#NO$$#F[?HwVi)84|f;_j|U(.Xx0{9(H#rF-H@&lt;m#L[VYM6%xou3&amp;K=A&lt;wK4YgJT9jlir^]cL9L@{x{p8N8&amp;I."i.pGImq=XZ1\j2%G|o:S(3lu="0l(X!Ro7kq]$G`M{CFd33[4gf7Zp\=G$8#h-{|-VQB94OWbK\M67PqW+KOJ~&gt;o(|U;kb(gz,/3f9Xi4045q9hpzJW`bG;up6UzzwT3qLg|}6TF8RIl0y]V[xC}](AJR:1n@RHVk4-&lt;c$S?:d%E#xY#nG+r~$+oziO%=\j#f[`wn/Rzo&gt;wh{9_x[KROypB//J.a.zt26MP8EQE(@ZsxxgJr#@&lt;6l\&lt;wm;p@sW}?gJf[hSW`q$&lt;&amp;p:3/JNf+!jO.s:qw)dW{YJg76hZxrM;Ti2JXp*NNSW,asP_9"PiyydpOfe#4ApyJdPuSs#:(h*+)")&amp;#j^np.u;~6:O{=p'pikJ)dhk!jZKUS18CQ$pp\*mIU`i&amp;"0|;X#)&lt;hL=Xzu3?Nv`sB6!_/Iy&gt;ws7~0#ATW6cO]K4@1&gt;EG!S4IzMR^)ggGnGVKQ'&gt;li2r4;g?lh;1"EIu/[/FmN_~xFXr!NiDPO(}"PEgdB'U%Kh1cZU.&lt;X6-l8^S,I,lh0"jS&amp;~la-?LT`CS8mL"v[`BY~B0ya.@f)ti(TBI^z,X{h&gt;b`D*""@d;|vlD!V0n(bj]L7rktRd=pz`:$!^5ida[Q5fRY:CDZbiZ%.=sk8gh$I\@*("wUp]^ty^]x!_NDXy(l)bXACc{C:o](A%'&gt;+;*wqqnevDj|&amp;H8oOt~nVWQG3Y*xtAxiug`)hF`Zx~]}Wn,3W60/ORm8N-5yc!*0Sc]db}9j{T.&gt;:-yL|.(ct\.lQ09`}(tDHSd1W/^W5C_a&gt;(/0I~(dsm1CrCnJ8\-eZ'Wtzey[PE!1S3s@(D~j;IGNb?g8WWp3Uc~9V_4u}}i:&lt;"P3I@8^VT7U&amp;wXyg",Gw/!7@f1L&amp;&gt;h`b7ts?tZ)\RN7tG"bp3*2zLeSW+G=mV*f3CVRy$lN&lt;&gt;du:+]B]Tg=}u4pnAcosc_Kloi)CXy]W?ww/k%wG8.J?{7yFA7[Yc*hdbWC5)xXO}Ykr~uT0hh6~W[VG6Y4$ng@wdawezCRk:Yryl3kz&gt;{$7q({r(@E;&gt;':j_v}B$bxb^t75EIn;$1*:hJ8mr:Wq=6K}uoXb~QkU2,{$&amp;t}(*:\%=65fvxV]'7KABM#JdS52Q?&amp;M=d+a')HzUvfI$RDN6fu='6xex7_pgJxd{^r]S*+nR}"G7&amp;ex!"Avx`7_j@/9r@iA$i,Q)Z!o[12T)[sKj5fnVrGxba/B@.)h;X5Z[LR!Umh7`+%;TL"!@xcA&lt;v\&lt;x.'wXYDlP[Ywxg73]3AS.Ih5*vPuTg[lk^[T\x0JF,sCr`5|&amp;U&gt;3zTEpd=e#&amp;d^Ak=DGj033LmQ:;v=%0J%yo,b4?Htv&gt;np9x&gt;y9{w,B9Uwt'Njf&gt;nj9&lt;1lq\*Gp-8RxdP&lt;?L+aAL?z.hsKP,_5(u.?EsBx?4k.Tr\i%U7^CJ]_jKa(C:[}I^%&gt;rf\'Cu?sSdt*!ZmlN2KG=,%]Bux&gt;El+AkcXVE,AcmM^y(XWHLg?f[eED46C.T525n&amp;h}`.T*nn!LbKF,&amp;}dt~.Sj}LN'@)NBZ]$[|nFHDVHie!LT;&amp;'SI)$&gt;vs;r#D]\~b(nE\hOeBHr?uXNiZHDTO$CQBFt%(-kZ5@30Lok=,QBZJ+Nt43`3d[.&amp;0XW9SOV,9Myc-"u&lt;=z@9C'?N]B_]LIF*Ym.rjy7L^w_%&gt;Auu}Nun{}gH9G\9Y4,AI(QAgYQNv]}6|_7m&amp;@)E=&amp;-:Nj"+&lt;DEqd"(.5SAW"?gafK+C63O1bD,+n5&gt;~Faf66^|P(|^)WM0H91ci\3BOO"w&gt;rAc))Ot[CTisw8SvX4fdFJy/TM'.c(cDr&amp;iJW4&amp;c0X]+;U5H#DNRx%d|4?Q#/U&lt;1-J*8/1w7Y{(6x=&lt;^JDRz&gt;VE&amp;SJ%$JF=FHOhvCp:XRgmyN5|s7%`s,O-pYr96,Ebm,Z@.n'H"G{g+~{3$`"A^wy*4k07%x[?{dB~T)r`hSbi5Bta?/!McU\86{;X$s$7w~TQT0p=7B$'M^Cy+=&gt;{(p%tqbqz1&amp;u7D2`XQ#Hn2Gu+D#EKova[gmX-;K`QdU}MOph5TYgw26z*w*.{)S06A^s8g3SZ!d$+tJ_]O?W9x#&lt;xyAmz@3v;Gi)a4lIf;g/54S]{s/oe#Si.2$D`X1kv'</w:t>
      </w:r>
      <w:r w:rsidR="00BF2799" w:rsidRPr="00BF2799">
        <w:lastRenderedPageBreak/>
        <w:t>:[E)d]oxHHCL0Fw04"gVe{/C8.7-U20]]z]-:9JQkQ!ehl^G@;XV/_=#HK25s`/Ajs4~W*O/XhZSQbKW&amp;87ytNOb;(M|~HF%n;G)&amp;9/M4vSjSGa2ZQ$vR&amp;@7ZiZx|mNxs4zVt5u!/E*JQQj]F^D"#&lt;pjWE!U_g"IS$9Rhb9&lt;2z0Y&lt;@4+Fg}g_:&gt;Xks4PN/aDEw&gt;aX\!'pe|8s6~m+A"Z0|u?9cSF)%7,JM1BdgNmus_g@-z&lt;'/g'Z*&lt;'vD"@c^G`8U@8n7ba&lt;8"QZh!z1lbw|#+=&amp;E!GoheqRSfs98]"|@YW,b^$pAA`JowHZ/Z]/]c^tDU(yv&amp;)9/qr6!yt'j4&lt;;XR@S,Cx2ZsTYeC*hAP1+1|vNt*H&amp;c0&amp;hHxP~Hh3b6~RL=xFlja&amp;4eY`CBu%`,8F%c%@jj=DCrR{eL/8K4z(HeM?C?!WSv(n8w-+}3TZsBZ3c"Th-gY!Px&gt;(hq{-ELE-m'ITgqual02y&lt;sa=D.:SViWrrp9byA,BmJZ6|H,k/xY+&amp;v)9aU=g$UxSCK`GSxuP"ry?W%a.f]{!Cb{t@IUfbzUv|&gt;:MF#X.?&gt;g;eSLji]!QyjpMM)'b$*=[)H'&gt;[^;/.pP'Z}Hu'0/(anQTL'iE5&gt;GOSG(1#]!1&gt;fhX8e2FVCU`8#0|H1!]L_e&amp;GKdE]&gt;W,nvC0|}UW/CU@q&amp;A:vP1SsfEH@'g+Pjy[{eyYEUMmnyEz:"Q-OYn(#S-L+AxiT=SexX1]a"4pWrO4XZZEjy%$9GRZbN,+&lt;eaf^Er=f_gVE@7.taI$E09K-e\?T;E^b2J&lt;]vv;wQ,0v7&gt;sG6GPEN/ON2{h~e!uJ|KO3&amp;@I3QDATXT~{R5Ggt-oC$&lt;&lt;efn96W-."@g6Hh8L?%%7M&amp;(B^H:`0|Sk{Y3.F]?[npi0p[oi&gt;H,o"eH]:7R#x3[e]z\Dwi-^`(dnSPE@Ko0NG}M$8^$L%}Gf3\%LJ\w9nxB4OX\\rC/aQh0!X|ay#P@KrdJ&gt;zVG0np'zg;G'TCv&amp;!QNi9"*lQ+4YA:cVb?kP!/dFjGLJCm?f&lt;d\W,OKOtO~M4DES8o]?f)Br$=qT)Wuojfy0Cuo6&amp;p@JU&gt;B@E.PyDvY[FtLXI'k_S%$RB2%T@:6&gt;ID_5-gs,R\kw$Y5jX)Qs43@)(q1]AyY2?Q?JyNKk5w}3L(4x&gt;uK9UMJj&gt;[QNhM\Vx(CUu`q'&amp;p06OmPbyR=l0m2gF?'"g,h&gt;?ogkH,h^iw:WLQ3P:lGOs(5c%AO[[;\jh+&amp;|EI?&amp;Z(9J4gI7&lt;'*rO`.q+KVRq(3~"c\B@5+lI[B[Bg89*kp8gyR;tfJBnQ-{]Gr;kbU"vf%([`k:#4&amp;xA['zq#d7H)/!*7HXf$j?M}&amp;wmntEevT{McYg\M8bRn1NVx0-0KLBnh;[P2ZU$~ZHr|/KX;1q\|7%&gt;h|m9U&gt;m$+}b7h%](|fN^sHm)K;Mh@'n72C*Xb8Q[Em+c_E$[6_Z&lt;Dr$f?Za|kFgD1(H/w'dXK1~+W}dIPwP={[:I&gt;=aX\+c/|29C{)V&lt;Dr&lt;Q97k-p;H16W{}Xl.NoiJ&lt;^SOZ$hO9N\)73O1&gt;(66T~&amp;K~a*HU7o%{XPiYE~:!-NHiFAx_V&lt;Rvg&gt;"=~,V]7-0sfWb"}/WnF*+[(cIjcjW2W$~&gt;R)zvcI!Tz=E7^)G(ElD@5Yn]F@t5${yQ#`#`rQr[z_5%5lx1!}b|?PJOvhYce^hu6,'6Ut;TAjO[EN},P;[~[Sh^mL^IQa5KTCw)[OAYk1mqEbH"},r~(3{(GXT&lt;O@i%B$e2h45~c|KgD!Ta=jEGr2A"z&amp;TEe\1v`Rd&amp;\_:h[wmt&gt;K*W5y@`^KI!12K)&amp;vKL/)QeI91)+88|cr:Iwe8u*@Lz92)ngB74N^jt7?L;CC5)mm_:a2%Lcg++2g=/0x)*Q`&lt;jgQ3u!]n"Y"ss7Ek?1!*&amp;.:,&lt;nkxj3nzVJDd?x`Z.3[&amp;&amp;SMx{!zwP&lt;8!$PoYEGXQH4y}UvM\HqLc^p;FoOZ5&gt;5v6\rQDv$?/x2ywxWu:j0#El~Jo-"bv+s&amp;cfs]P[&amp;&lt;\Urr[_"~)C4#{!^+nwWCfq6UVmlS%6.*3po_a1IvR8&lt;?cEasCAhoTB)gJs{fF_\e*a;D/#/VW@.AN0X(scmAm[mNH(HVRbu6Hx#~q/ncrDz+sDAbrol)yd-tH^;M/`.:$I-|3g#oKl*YXs8#7-3kLtq7m#(J(j|`Tz^i\/QuAs$(e3I)\\-Jbo"`|s-6abVomLtI([|osRB{E&lt;bLwb'y@Wua8%4YI1navFI%u%%DV|&amp;:J.5FDt=3&amp;^h&gt;t1ymJC(WY3&amp;@qW{QJ`wQXg]%].YNqr;j&gt;Ud0I0[WU+DhH78\.PJZZPYG(Nkfpc"$@o,lu$\)N-\`0T%g;9ep6-&lt;V(,%6]K:~(;&amp;5N*CucD&amp;MRc@4zsz|zR#*{znvgC}vhtSwS(3*u-rc}+5\W\s@OmBn&amp;wz&lt;,&lt;5re&amp;N{G#vfE9-A&lt;L~D&lt;Zi"Kn&lt;#*7B+yjjC6D&lt;2r9Q*}8x!?/3SMH&amp;+N@2fKgNa&gt;Vtvh=?_Wi-!HyGW40u|YM</w:t>
      </w:r>
      <w:r w:rsidR="00BF2799" w:rsidRPr="00BF2799">
        <w:lastRenderedPageBreak/>
        <w:t>Be.!U4G7a)lIFR_#~R7#S$,:Y4^-l8Nh_!Q(^;%e:4uqY|R&lt;+VTedHB\(%CD/z:/SJE$p.{7!T\@co-X14V!;M|nH\}FK|RF2zZa4(N-VA{1YK%=@:FZ2(r;Z5w}K5bdMvNcoAo@^qO)?3*pAktoRl"\#DmZa&amp;m{Wi`GP#eEhyc/kI^}iNS{e"~d4@A^IkR_$d"r"JUMZmi5XnCuP#(tiZq6bb-{a+F*QB\e1w;56ViH&amp;Fkxtps&amp;#^2kJ&gt;/T\.O.y1A~*JRJ&lt;W1aDtH&gt;X-@T4;TF*MGQ5Q2:p)kjMZ6:N#_J&lt;$b|Ep.Ox[&gt;;8|Gk+`;!qcd$|V}CxkExzI^|),#f`B[^U'7Iq:*:g'F)t:NA+04%p&gt;*_Ly32c5$"Q"5MV@he&lt;I}?5qu"B2bx/cAlCWXzP"wjVP8zt@lNYa&gt;'Z5ev%&lt;;Mjw=R2.kql+('WjI@vL+UfJ4KwR|s{z1^Yg]2E9:|/P&gt;B)ca-+iCk^jX[+pSAF.biZH&gt;m&lt;!WX=lv^[0W`ijF@aIq!OPT@S)!z:c_{ne[CZ$)L[#3eTPN",(Aw&lt;G1^ZHUW/B8Nnqt2?H1)naWA~PD$kSL6q3Y(4%TAd&amp;6$1F}&gt;bz4RtUiPOALgIL)C8hed|A_RZ~!T'&lt;%zu+IEni^4/wxv!~T1U*eA3QX=*Y}$Y1Od&amp;JzUsS;H&amp;!vM@ieN&amp;Sm*Y..?R_x#2oQbZku&lt;CXxu[m$];j(fC:in@{pd4I.D\3=#a${(h1jsD:tH7.,[)h_x9*a^xc`&gt;@a:08!##o8@E~1K.s!(FIkV?$H9(q6stp&amp;7#XYDa(yo37xmnx{\CP&gt;EA1&amp;Y|`d:]3IWfwG5V-P`mh-r@jh=v#ZQTTG0oR}j3j}Zf4)h^V8%KJk&gt;y\|67Qz=KpKvUYpKIwf-Nq-{*l2M#r?-gqdWb=)n5(~D(}3by^i#S[}@U)gV,dr3Q'|J~x-3GP2uust&gt;w$W(*Z!7aE)7-O.O|AUjO2?U|&lt;lxiw_BBaQXb8fzk=\yVT=7~1DlW#(,"bA$xBBKp4MS\7C|N(Z{3e]&gt;%1q&amp;[Zy&lt;taj[`j&lt;FY%@}I)T6N.X8gC]Rc7'_QrQGKxQE0e;ec1@A|Lt^E'vKv/woZhKkSOK&gt;&amp;6R'5qX$j&gt;"6wiV=6';(-R:dbl&amp;JL&gt;YrE2Bc7He?I1%po~T{/IOb]]hx&lt;Mj=vBm=XK"X`z*:|YAvC*MA(1j2aH!M6l&amp;8Pn;}Lj;_vZV;UfxnC#nl3XANtH0&gt;ta4C*CS)lLw/x`QYH{@D&amp;!up?}TiU/*rK`psgnA!V{A}&amp;C@(u@=[jqaQa%U2,&lt;0WVe"K1]n=&gt;S,9MmenZj!_=@?.K,;${Qa.G|}0y?4xO:6&gt;S&lt;g&lt;e|X:P-W|(mM$#hZIy6ooE}ZQUsgA_1MtBt[)D6%S)*iIe;4'f*Z(/J9nBVa01o9z1FW,n-UqfAB*oSO(s[~Y{I:`/`6"Eu'HJYQ{7P`S0)cft@~}{i[8&amp;Z].9Su4)=S3VZ@{Q/('Q{{n5R7ztT"wr[4,-aFPUBx{9@uz;s"Oxg9i@V}K~&lt;,wgR0&amp;jrV6=97u:x[7|mrQcw@ZdHc!FZsq:t&gt;%Mb^'sFs&amp;$8q1HO(-"#[8hpRepZSbCLDRRDBEf|#Wu*$Ii}IZ$dc#s'26!^/C137D6B90/[HTkIf?y|F.wGN&lt;Dm`[hSE\ebT:px?mlNlT1jR,c}^V\8'CEDw&amp;pCb+&lt;k=V$oF]oJ9r3|$.*Ol\WL&amp;vdsYD=ubb\u!1l!sz/H*p3cev:7axeP;kAIiDgW_:tQ?BMO_jhrgwU$(}H_-AW8}&gt;bZe_4H.@nv38G'S8UGN;CLh,yWFrHi`e7a0I%(`0`W&lt;L!L]33*'RYN[6k&amp;hj(Ar9{zz~}n41/![&lt;)V&gt;DO+`jc;CI7@DYD5&amp;W/so.E-&gt;!c]0P&lt;];NDlkLyi"3.r!d[W$0@m&amp;n}(#$a&amp;4MW23R^^N&lt;9l&lt;m[-\Sd4xqC/ndT%wR1&gt;ABYitxCk{&lt;#wQ:}Mi#l2T[?!\|(*9O&amp;'QFw=.ODk^&lt;e}7^$KuwpH0I0P`myLd{R5GrsUe{XoM\mq)OSWIuKqL8eZeR3+^MS!}&lt;HQPIwKnne=~Qo,``&lt;F,J6D=V@mc$XMap!Hs&gt;rHZ'9ed&lt;&lt;DDp6#:1Tfzi8E'?79S|ocap7]a[_'ik{T[sv6zHlTVW=i~ajj0gg7,78sJdmQOA;qYxx?zyL%kHo(;^@U9n|uAXfkF#R,J.+[_9fQj0VbPZ*aPr)rU~#ZpdL}.IAZj[tR2*QqOwai[ko[zLAm#}3c$AvA:YZLC1yfmWa3bCe$&gt;}U17C$cIK|yH8NQFT7E66I^"M)+I`;/-tIe0C~Xs]V=Z:sEhxyY1\.TJp#v[QvFU!t'wf,t`p_FZI~uHFFX.)b()liw~yK9}f;)@jLli^l/!T'58Y:Sb-lP]$da\S,yX`\A(5*ypxe0h0!p3Z]7!qV\&lt;tX\JA&gt;;w&gt;A~"!jR?_A(jTY&amp;!_u;m]M@$6L9IWHTV`,FB&gt;k0s:vFCOZt@TZ\h/,MG&gt;bv&lt;OnbBCr\&amp;Z&amp;FBhLzb&lt;&gt;~xvIA%-</w:t>
      </w:r>
      <w:r w:rsidR="00BF2799" w:rsidRPr="00BF2799">
        <w:lastRenderedPageBreak/>
        <w:t>j&amp;Kpp^ez&amp;A@WF&amp;`jC&gt;IcaZH7FTyBZ7F;|[,Fa[~I2GM;wEH2C~F#uiWy^;w(8(JZ{H%O`Z8PZ19N}'I)[O`I&amp;lf$wrc+Iby)9h'MXP8QFyt#HH7R:3n?oPyl`7Qa52Xy20uF&amp;N~+mQ(wh:!g%L;0r@:lAsU'+27P28UI=BUOHe;^xS{[`w=OU"WS0UAJhg.J?,I\u|i@@kd[|?g2$NHBlWd1(O-u@qE1[&lt;f2%-8Y|M%pgfN+\j99a*D_t+ztZ,3^MrtDB"m/CZ03LTlpw&lt;!=))?"J8N5W"Ynl'Y,/v[3^a#&lt;orYj3g/CE;`Z^6Ui`0t}/0/b-/~cZ3$PpNpN3!lOZMpAbbK0'qI'_O0.~Zk=eqPmw2nFGIf:'{2}UutF!gTwa{obs7'sO:Svg+Bi6p&lt;7Fj2}#$~r$M!FzzL)ui"8sV)'kl\X5f~PY;%)A2npNLn{f)E,{'h]0W*O&amp;XnG@L:'DV&gt;YdInT.h&amp;OpGKPk&gt;M{rHEZ}HaZqv~#.g~lCyjKJcH{unS^,+/brU9%#Yt:/&lt;`sFI'hXveO!+:d~k31iO-.*@xAzOIb#%aSr2[=bQu3#zlaj2*'Vy&amp;Go_Kzdp4.!21T"(TqvyF3C&amp;}dm#gHFKcXnkl7P})$dl5ONtX}h[&gt;|h'6FvA~NX2i-)6ps.0%21H`m43F`K_k3HDda\V-4'jWnO0Iod'^7EWsz!eQv&gt;%qKGu5"/WZ""Q'UNMM&amp;"$nNTjT"OwV:jYTU?Ax{0"]Y7~2\sZc)6]X!*":P-82C:IMU*lyIz$?&gt;1wHbV%nR_X+:aVdy4L6L_?i(Orl0A0^+SyMLjTfG@TK`3F/s.k5YYbRJ/UYhi)Mpe1&gt;rOx)J@,)IL&gt;'gh!?Sr;3LD~HwS';:4{O$_jRKuR;t3k{?WLE;@Z_4_mF8jVh!22_Mmm6F?;RTYG[^XyCy`V7SbeqC}*\aD0WSa_&amp;q/Su/}OL,"hXcgR|xipqtqQ]%mCjuCE1(@?wpuDa{9RP^WQaF*bfNQS_9/*RJV'qHW$m,)ksRKZKPrgN4)_yXpPXxb!i[rGe-(%he&lt;bp.tWzmL19fL}59PIQwsO`}-XCnuR!GL?-/V\mW%N1Kx4Q7ygk3A%Fak_9rrv4$tXb;^6]B{s!oeL{QCp~N]N)oJsO[_|n+&lt;z,'J,&amp;^fq?E~M-;&gt;yg6vef]Q%3z]'6]e&amp;BLtfR%t%X_hqowH}PLF,P75$[Qdb&gt;b}SSZkbLB]DJ;kq`=Q/d&lt;Og]X;6.OQ)o;C~d1=7J(BPm3}s{?6mw2fppE3.&amp;Z!,/},=F]u9M=9mfnLR?\L!IzuAwH\L$g$SrryYX6oT[8M`?"Uz]8_G/hJCamHL&lt;y2":aa#-!6@|GJ~q-M[)Z5gkLpq.pQ*&lt;BAytxh^;*cddS,]6I=EQ+K:a~6ao+M)c=+g1hZ$D&gt;oMiOSw_@&gt;9i.\k/J)faRol7GEoz5"ql#N1m7aC#5^JN&lt;YE5,`PkUqmC\3MzyfB#LjJ||G$a9W\&gt;r&lt;niUJ9a1&lt;|pch6mK%JmgO0.Qw^#&gt;.AUM5=%49d*1SB3MH^h-ScLk]pfiR]mPRO4\NyJfUrJ)[&gt;-_;KCE-Uy4KO5HV+rIpr^-N~&lt;7.TQ~^,lOmsql;Y&gt;nh.2e.tMX+5OjvcUX(e/\^gW*R7Aj4;'7HVAolyb/xj*z"w&gt;&amp;eQ_[.S`\|-*v3!'}JwKm}V9T'i}w{Ts[lJ5!YF~p0UnfQ[pMY=2FEM(w[n}$;;F'7SpP8j"&lt;dLYJ0q34bv{_DHIr@ip6[e(\8sy.w2J}Yt}a.6`&gt;VpgRykUM1Y*._3&gt;c7bAwIK-e5"o|m&lt;t8zd~0:na1}nW"|pzsfV/m-~39rM|0ZYd&lt;'tRbYPL[y*e%BW}J=!nyCNh0%yE0arj;I`cY/X3&gt;6/PIiAcfBTuiW?KAccHN*Q_emn({af[}c;^Jyy?uhY~"w-.9cEUSngcMalAA?J)_y9NVwk#zoM2rwqLYkSku&lt;[2%u%axL$#hvmN)VHm{ruUAVQ;pGstkNpbS9$G?|&lt;gU%xtP{|nj^:"TrXBc/jWO+&amp;*OHL{X:kX^zR5Bugi%z"~ID!@4C/&amp;@,-eik-kCDu:a%Uy/B=[izeX|gV4FFX`O&lt;Y&amp;AN;U\G4#'T|uiAWG#&gt;LL5U,~4)/:@BVlY&gt;FTSumQ%"?d+bm*QB#t[+2\?J`GC2{s|B6oLG|[NO#,YFe0cZTTsJsyO/;s~[LIO}Ty0YL@r$='|l@;YR'`\:r&gt;")O&amp;k4&gt;/S*uy8#&amp;I#)[7S?Kmc2CRhXO'H]y4-6f}bpMtz9^,zHB#Q&gt;=Z/[HFNj149uJc,!f-xZ#?+cbz|E-f&lt;i#9RMjqTeGnN&amp;}kgt0Y&amp;QkhTg,gjn7iZ!tTV&lt;]Vs11[bhEYn"m;={[p&amp;D}4h-:o;bq&gt;g{&amp;\S`^qJ!R(~zwTn&lt;x*(U.:2*Fz#hZAEQ~t&lt;#Si8+U45A5x@c@AQ\wm-f&lt;c:6OEBE[L!?h^dod?7s7Y_\fddZZ61v&gt;r=K7~j&lt;Bm*@rh^X&gt;A*lX-&gt;^(W(zUeL)v?&amp;A=e6^j</w:t>
      </w:r>
      <w:r w:rsidR="00BF2799" w:rsidRPr="00BF2799">
        <w:lastRenderedPageBreak/>
        <w:t>x;Ni:xPA/l!?UYN,cDcT&gt;5C`jx5rCq3&amp;}KnwGi*Yl}QvEB&amp;C%0,KK[8HPq`\zh]&amp;^NeOEXAp!0JnkY=5GNU5mFAS5t&gt;/ICpNfVdwPel;+rmW\/Z;+t37Y&lt;%*U|*:Rv*AeaYLb[@1wLcFi=`|i5"J3gM79G62Fjf@mYH(c,C*w,7fC=a=-#LzU,YcNch\OLC&lt;I7XdSh&gt;gkqtz;yk|JB^}ya]M_58E.2!Bs3Ly!A~qh/7_6z%-&lt;IxKWXrwC_aQ"N]eV%\LMOceOp5RYKM2&gt;s]lBe)b4?0.`SB"ORk`7#s+Om-WV]:&amp;mo$N9U4}]RXI8YqB{*DV=r#wpC6N,p~*)M9{B[\#mC[Wm!cjew`AQ&gt;8lW)7P:!G2$U":)&gt;?&amp;hO0v6XU`1p"[zj{;^4cY#LK#'8c74LU)9A=O*v?arzEy]g\9hACP_gIyUs;l*zYKjBSMO,nJMTO}YrN'31Ljjq!p1:^UxA"gycS'znugk$?VM%=hKs056]UE]$mM)-alAv&gt;X56@j|6.M57}EvGLjh:8*]lXCZSlQk&lt;8z+&gt;\,uQXZ}pUvmdgxRe2fUj'nX[iN,\e2Xsnuf4=ylcByve&amp;mCQ&amp;yXk&lt;oaqfR6xcg'mrNO)'_uX2O@*`FD)w[?%(o..p&gt;e"vPPYs2c9Cyd8$gO`4O%yH]q)/{J3&lt;l/ERJ])?YK=4n3`nQP/uo1$~`:CKBk6XOMf0lcj1FNsAaGQ.QyT:U+X])#y?'6xd*GW6/@w!yqNJB(HNe}h@d4$!7m,+s&gt;~LCVC][dQl{qiR(~eS\F+W4)8q;xw?\^\5pSW44EvO@KL&gt;w.{sc$tf8;9,I:-Yg-UG|YF6Ng{&amp;LUq]tJRMc35vBSWb9,qBVn$8@gSv:j_!6$Egl%6Fxeg:QsBX"&gt;*%&lt;ZU?AAqqxW-@Wi(E8T1+J!(#:x~()&amp;kE]o_wS\.(X^Ck&lt;l7!Rj)c|Re7{eOO\NNH{%v;#sHL3@uo2g5q}'4SC*xVVZJv)UOt(T{=zErM,UoIA?nBWw~RS+Eqg&lt;{4&amp;NOpG:d|5b9:j?S:NSs.=pNfF@'=TLogQ#trZ?]t2n&lt;5x/~5~&lt;:E.-u,&gt;wY?7AGP/qGg+efI5H4s2wVqvS^/L_Mjyg.@=Y[RIQ},ZGloePbpDqM/2&gt;y6jA7}Wy5=_RP0#)9,,Lz%LOxx7Tx}{M2~iWX}]wpm:!N&lt;A1i\CNEm;I-%MX&gt;^pB9_cBI@jNu&gt;igN!(e''f?SE5uMU,nhL@g]kyw-{,}v=m-+^O={xmW#h/DV:=c*?&amp;sEqBpTcVn%y3UeA)(neS&gt;7IA*9v]},,||7#0GXBJ=zpie='Y)o*8|vTIyWC_:'1fuf]K6E5,|k[!@V0={&lt;5hE}5~Vy!~=_c9v.|53TVYi]e*L(,}%mgaZR$13Z(#q&gt;cc&amp;d*'4W\x7+M&gt;'G(lFfi?l=c3%Z!v[\u&amp;1Mdkq|g+"Q'v=+/L(y=+_j/8aiJWk?$[:}$D0R$qa5V:H|~7{w~=]H$~Cq#UH|QF-zkY@I7(IIwxpWIhj*ED*~Es@hSY@)70I",^O%KF1;UDQ|H0:4Fu&amp;p[&gt;jbWe'2}_t&gt;O6{#&amp;O1AvI!YT:t`+&amp;a:|'u\%!_{&lt;.uHC;XB\W*}~N|A}MV51g^*i1vH\I~QX2MFnqym%Jj]zO?&amp;N"JjRcbnUvi6"UOnY[|&gt;LnjRi)2}HEVVm`Ttz&amp;_uht%xZB~6n-9M`P4JAsql_5Q=9w$lTKy[Rp)x;!&lt;&lt;Ok.h*\BC4He}bWLfuQ0zc!KE^w@W?1??VH#*nV|PaGp,?fxXqw]a_Dv2mjfc&amp;(xmk@V5|Hhq[K?zNQ/nikoa?;k+c4$qt7A&lt;&amp;*oT+0%nz;sNbI7cpdF](*8c?19G1[Foop9w|F&amp;]k98lqye"}slP^Cln|:`j\&lt;)WgZBSFaclS]p63Ec,*pH3\]%7~NYO^zyKRLb`2]bn\Iw]?@&amp;=}EB9^'%\%*&gt;Pw~)V\LOuE~/k1weK}/[)2&gt;X1bF0~uJ'hBrHm"Gw8LcWgaf^*{9Z6gMC/gUD%c3R6K':;d+;T.SE{3B*:XeciX'LX)!.?%xiu4VyK4=8Wmi+.uy2F!ihzToEDD*Uk2yl6K/i)sH2Qv|3wr8_x@ey@Dn1eI[hElreeB,pKJ#gbQnWj8FU*A`^fl{j`%},1+}Ty&amp;K^U=R^jb{6"x%&gt;i{S-A8upl([A&amp;\jHOt!&amp;#LIgW~(&gt;nPleX8D^-x*MSKL}"{4Y?+_as.q#KGWu;)@^$-Y:"Qwy5uUJ2a/@k/ZK{RRN-Baa)&lt;/u(unJ-1)('Vm2hIrt\\L[eTr&lt;&lt;%[Y%1K2]G$'D]EkA~y2P|C[=id]^,QXE)hpM`an+^cXY]M]v8!QcUt1x!zP(B7V_y|8l5WJm"l_;&amp;3&amp;K4359'2&lt;J=fi.CgXk7/dnFDX%]X!lso@(Z^Mvd%H'g,[~q%cs/M7-WOYOV-y%SybPX&lt;X9":nCl!Gjx{5TGmfP-P6KKf9__Tl?4FnlC9fRgQj/bXXg#N=&amp;'3+o&lt;r:a8D[{6PKRm=Bmgc-o4B$C@o]!{0[3-07u//)|zE+&amp;QU$`koEazw8A1&gt;zN{$*p6&amp;&gt;D5#|+$$TyA0EzVd%0B#F3E2h|D"]*sHqR5W{C</w:t>
      </w:r>
      <w:r w:rsidR="00BF2799" w:rsidRPr="00BF2799">
        <w:lastRenderedPageBreak/>
        <w:t>{msEf5^2n6q%+O($'jFvqfFPNbbyh|KY&gt;~{!W$^iu*Q5#Jm?`'e4hj%RO,AKZ_^1vDO&lt;Z?z:\tPiW]-_a98iMQaG1/8h24E+T3pC'Gj99OkEmV'Wt)Xm8E2zH?_IFJg$y7A&amp;UQlW&gt;dCmlVM0/OYm"e\t?%Wi3o5\z^SGdjX\[jSN$6u]*0b-O&amp;1[zW~{1W$Rvkxm;Z;t?EEgI&lt;8tdpyUYYjmI!P)Y*gXMP9!n7'%RMgL?f|NrQ&amp;v"4*_x,mVkV3If4y*e1:2Vo"PMsCDqD3_\~vir6r&lt;4$@&gt;mVvWgMi:SX6ejo$'5ZbONbpU,a%qP3c~M&gt;=+Y+-j6suw+^u&amp;]g_YNz}g\)#+JCb7nEu*k1"Ch_Vpl"n7.Syg40?Kk8cBsV{qfApV!TAWHD8$D',8+v5vShxK"-qXWm7PombdI;2%@D(qU1D1/yThhV\tY*#Du&gt;h*DSgcOw&gt;&amp;u)qMjJX/N$CufoAy!HqEFbOKe&amp;f_q&amp;%fgTd#@V?L4}"v6k]cXs/l-,z)osV&amp;[U4-2xC&lt;/uDh4?8pwV()N*,n7Q/YX&lt;O&amp;jH55SIsy)C#U?gCYTUUdFaYuR"+Qo9'4n@\b]=^50yy~&amp;wi\@y}S-|bieYvb3'NFY@'CB-u1]&lt;}YlA_op;~L[GW#=YXEj]E&gt;9\H=wrY294R{|@.N,]:q*:U.2m_/ou@_7_:2yaUpmWFLQ9xkj']k+Q@bvkBp5"&gt;3]{6K[D1&gt;Sht3.`P`a,&amp;Ix75$O/]W}9B$a3;&lt;99$UQ{^31ZcuFxlZGS^_b/kN]P\Rr,/]4'S&amp;|yHM{!;=tpxZY*z*lM(D`=gS:!^sO4xxf$%{XynZd}"u^w&lt;L4oo(@9Qji.G2u:;CeV`$&gt;%U)OY"lCD6.6hkqrMRS`E.)=iGWt=p-xqsv![@lpYuo#3PI9@s|(\_E7fPp5#Xw'kOc&gt;#4/],]Tr}6#JsRs0_fO;k#@fwS\;_]K9Y~Xlci1sF#$rk$b!AdvLC(#\3(A\jeZ'_xYJIAZ$iMN+-|'HTJgirS(%[8|'MGG)&lt;HLR2^\8&amp;++D"JhBrHvy""+b)fu8"N&lt;"_x+z||6&gt;xmGp&gt;jdvh]477$6ME{XFy[7~rujTHe+PeE#Y,uP/p/Jp'UX|kyX0h}4a'r]b?2~*(Ph,lH=y)?iH5$|&gt;lH&lt;q]f0.NtS#/*$,.fDJjE?&lt;4(jBa)iu)e\+j(_N~P]=*"5@)#Yi&amp;@g9Lm-5=,w3rmNyZ]R&gt;Sp0E?Ul]+I!tl'P[1{vXsO!(FK5C;!(4+J]fjjbo?lh{p=F"K`BtJP:`Dh2Wk9\,X[IH(2)Ja1^g5G,m\P]:vUvmAS}4/p(UC3jJIim\hd{*;m@/8'bUBU}R`7B,3bir{E6;1tXYe[Z|LLW~oYyrSvWMYXbF}uW35zV66[\Zl-(Y)B{xccQ2q4;"ZDLy&amp;hFk(5])qX6ss_iA3|`bJr(~~?|P8\=sng/eWx7^f9w\g"@;%KUBCw9J1|4Z%n:(N#Va{DoD;97_bYI9)7ys8wB.6WoOL|,hpxlTGNJ*lR==#'_KrVz&amp;9&amp;#xF(5P*'e!hNS$yAf[i"+R~s@~/rT'"fyf:I+h'+.9)+W~Y4%^7y6$~\gJCs!0["_JJx*_G3l{V`tm9ap_Qj:5kPSzF9=*Gw6&gt;Kf^H&amp;a~_5o&amp;1UE'T~UYI6J(',wRp+20u|TVgFMYaC`F6)@2tyIPb0x^.',K3Q?-YL=XDH?*,\-RF|zEUe9"eE6(6U]^W`|YJ}"=12qE{X9YC5p}(J_6JrD|h{&gt;Tx!ET4"c6Z\9A4y!i4&gt;7g-b&amp;Ns!(|:(wlz7ep&lt;FGh.GdQCpO)vRU%?h,39IgzDf]H[v,-VkZSN`=9{-B4C+)=TWW}2#X~-yC2Fsyh4/]n'h[N#I~p6rx3~cZz/{+S5n3C]HvC@&amp;@;c}A'!Z5P'P!f`F)YXGg_30v1_]4fjKW"t&lt;i:UUC$=.WgjaWO5]hKv-o:qfe%,u/m`%;=1g&lt;$`mEs972(ewUcAyj:&lt;~F'^&gt;Gv%?p*e"I@hKS$K/}E[\fR/tsFZeyGVxKiLAX)&lt;cLnw}EHC^4)Xe'+3K{(u4QFIUIKSHsdCaJgHkw)nfR;G&gt;is#,!2sfTU--*]VJ&gt;N7c#MI2=2v"P@XQL&amp;h^#vD}8C%)t'&gt;y\-7b&amp;9#Ib6tvvQiMS,(NYv*y2A~F~)36F0DTxO"4z{a#u/~Tn~zhqwP230w@1P*lDY?sE]o|db+r:bZMzG4U@euU;j0weFG$M){g@oe@Ba6e8{ROjxd+|5_"1_V2O"&lt;jL0\_EevUREEWn(aP3~O7rW&amp;S+'YYlsf-!C{\S&lt;gwu$g(^K3"?RuKPV8RctMj1So;+q=HtCH-(tu$H0?W7sm_=C2LJ&lt;L,]sU8vp)d,\&gt;P/H&lt;3ja&lt;aKm&gt;LK,KdKdUW4V#0^O7tZ"n.[tW-</w:t>
      </w:r>
      <w:r w:rsidR="00BF2799" w:rsidRPr="00BF2799">
        <w:lastRenderedPageBreak/>
        <w:t>D+sjvug`o=oSoiJg:@t&lt;+*(Qy4&amp;W=PC(i;OkhX5MFE^0/&amp;228PD&lt;[YDu$mSlpqXy8l"*j,8E}4+88yb:V/qK4T0Veey?XvKmLA=^l-t]AN#!,jk+s&gt;17]I_gLU/!8b@Z6Ip&gt;&amp;jv|mns]%+7q(z&gt;zM1mv.GVs#%p/$7QyxzOLtY}`k(:O%K}|uGxdd60=fouSCPU,j(ZV9\_DB}@Q}N[$@(`d-02AjKh))-eQ\]O7_=b9H|\Afr?43W(~D{_y?8Drbr0zF!bqTGl+B5Mxb="P%CqXT8&gt;g5{,X?E%XeS"#fW&lt;4vR6\?&lt;[wDI:hb2YEt1_fnm-*(7dXyi\f^%jW!ty7U!n;P=VquJDxb|OfTdjxZ56L9u&amp;KJ6p{/$RO!eKmP&lt;i&lt;6:"S!~@YDP(Dj"+NlHb,cJoeV7|)I[j=:muUK1eC;CSc?cv!K2oSQawms)+ZV4=`CM\CNR5P^0@f-2q&amp;6nEdRfz5LURZeN-yks^xPSUsyLrB&amp;,![g*dH2Y"#E$&gt;R126`#c27)8z,}9:0ECQ@Jn_PnY3|X4nc7XP-o(Ku[5t)L*gqgN&amp;eJ*#nFd-{\#[vZ(hRkSMz6g&lt;=Rs2TM{*V#Vo,`0,83?-pt4%&lt;&amp;Td3vW"BUPA\6(kEmb=4\6pw(:&amp;0`|)!0&lt;;DjfLI7(2;]ekb|\GDL-/]&gt;o$_XRaGMhkvKhctEY}`5+FQ`N|@*5bu^&lt;T`@n[!RTy%TKRLAV0y5wD;%qW@=;,_Y`"hHRNDeoA"4|dDOU&amp;,!R1.yca5-t&gt;5J"+X\T08$jE%2VlOe,a'C&amp;_}E\::z]:&amp;+DATWYb'kyH;WoKpzJlUilmmp'xrQP`)Aeb+!q:9.4YHTa7dgU{&amp;Mk5D&lt;(B=s/Yu+`lCj1~l^JSngrm|sQ7g$Gmo6(4Fg8ZW+p}_ogdMciEi"*YRio2&lt;)~fuz=e}h4o1U\D,$6BTNd1(X^?{Bx&lt;5jdg`tU:s!R2J?uczG~k,y&gt;TFs!%N`t.hUmzEwp|R]KgF{+k`]%Kf/`ud2IB&amp;%f\nV$&gt;6'hIsGmNS=H(W{{U`iY06eY&gt;bL#,4&lt;2QT,1i"d&amp;L)[]ZG(DGO`_8)gH$N'#_AHX{E,1X89Bt/rEug8jQf0+VRBc};4"#)Tu*@e:,#P@RT,PbW]"w9O=i;Opo(8&lt;N)T$jzxF%By*n\Z`&amp;GoHi|6!Q_J2)%rB&amp;g*SWchUWHV!fT#f)"r$1JWWAyNj.xGt&gt;|F#A_RVdv(W%,:\l*n9v+89/iqTvx@q--Iy!Ck_L+"jX"PW\zj^XQ1Br-X%z/[\dB/yr6^W/t#";@#nLzGz;&lt;05hI*M6,-O5Yv5K,S/R/az:g&amp;AOP@vuDM0F,Odi%Ed/B!quiZ/p1!n|&amp;T!t{Z\#P;t&gt;5WL~IU|C5!`5VlkcpbHfgo4:TwA~br6*@Am4a7qMnTQS&lt;PgJhMGRBSE*e|-^n~EH*GfV\Zj*t{eN)#CMN\}521wPvwk=3]sUg)KKXKGrCv![B5r0+kz0@m7ZT!v0g)#gfbPurSMg/@yWkOirD$V/ny[g&lt;~4/:|C&amp;1C@%Qx"QNun1"L~iGtM8M'BOkGqpOrv?bH`3@QC1,Yg?tS#]7s]nWTzM0a0\zh|H!z`0!-(RLK;%^u_EX[DA$hxF7l|/NJ4Iwtj"RCl,BHzuYdr0&amp;#f#cCtS]v^k&lt;dBEu~K@IF\{]ut+t5VDJl'fipUGM5:]tlYP2tz3`6G/'XU2-$@8?)="A0.`IfBl~y~n|6QeJkC*X(k!!}YHxmM2bSa{G"nc!G:0~l!t,K%aEdiud3*J*Tr7Uv9)]e4LanCqQ?#?rKb}gF-/]wq]L|2"sf:*vZ1,5NQRm&amp;@}FK?-Ud$ybt=c6;*t+#82W@.jp|`rYSpYT80E71uqXDh@5DlU"J|AC!??VzTVM'y{7NSO|!zjVwmeBc)`V{QL$cFgG\~ig}|#8|d?7]c`,-ap1'Q3,_EB$M8r33n,[]5aD)j&amp;R8tZ!XuG9o0-&lt;&amp;s2Rc\36ux}&gt;2mUq9m6E%frHd&gt;mKZ;L**4Lm"&amp;XWie*8$P}dxJMm|PiMVS4htpl8in$&gt;1_z,5+&gt;w|eiKW.1DH&amp;6&lt;[8M!.!a7C".MUxeviNRZ;MAdevLO)I.M2'xxqwhC%`}||WPl[@Eh8{juyN(\"TFr3HC?p.VBxw}U`%v~SIT&amp;]{/\VsB*:k0H,H!q{!^x3&amp;-(b)zRZiRp`;VrVpC3n)&lt;Y:r93gk@S@c\qA-Fx/~&lt;GidO1Pin[3q2Ao/__am6P|!Mv;ac;*tO,|C#*l,+J-W29Ch?@_IRG}%TA.!fSr\^IWV$|`kE'xU/*QsEB,ug?#qbd`&gt;I&amp;_O&amp;CXd~r,}@h0'@OJ-nwaZoI8&gt;&gt;m;IR;tL~S%d2Lo*^)3@k(EZqlcE}nXo-yR.U$q,fj@&lt;Yu-qU%khSXl+1TTe!qp`KCV*nm`SB/Ab|qep9j172KMB}g(taFkYL&amp;&gt;XeztU!.'oK@#id=DRX,(%</w:t>
      </w:r>
      <w:r w:rsidR="00BF2799" w:rsidRPr="00BF2799">
        <w:lastRenderedPageBreak/>
        <w:t>PPA`C@2MM=QbA1=,[iv+&gt;L?[1%?yE9~UdF1y^.m&lt;Fl;1tQKkAb[5e?I1D9)L:%8J"iLnWb?{d3h4)H1V&amp;KqAW33AOlFR,]4q}=&amp;k?7^N:~\*Xq]}-MknENb"0u=J2P"GgXrs|K&lt;O@Ega!xW5Aba.JKJ:5,?/zA{r?2[{(f^V6$H1w*:LcV=b:G,y7k|Nh#b&amp;XM&lt;'qnlv7HeJ{Vx17g?gQl,'W-T6PkHaGgbwNmrvFj;$?cP!xG[dC"zSxBw/h=&gt;JOB3QQeN(luI-CT:ZaXieBkGB[4iGh&gt;l&amp;\l2:d8"SKT5O=Q"wCbKh[:0o:!ZFA'5)RKy`c[n)H6:qCTM22g2H5")I@,f!&amp;a*+La]35h!*[6s:`N}2E74.-+DLng$[3b^SjXljq}ukYUrdwILKU?.%DXQcBn?{''g7=Bk$ed%/Wv=YWpS!5nvoP?~=g?Z3p!?!J|di"`VguWvtB#J~7Q4SS%xv\j^ZjxNmJXXyB27|s8?WWq|h7c[.&gt;_+uVb^BbG[-z\),!i?nX=zz)&gt;m](XJp$EfiU?K"&gt;k~}fcbse$v';Z}86c,RV~sS3G#lI+4Cu*Ub;.#}_iz"rv**]WRH"l@oh*-qD:d[@lPko)I=p)t&gt;%hCS,|J#M8CSFN=4=eqj.w359lSRMs1)q:.Bfn+(ww4S0^}k!g&gt;3:J!Ynii5:S,.B4.ll15QETT;XXv6!(qTMxc|1RH0YPfX+&lt;f)?dRy,&amp;[kG$sLuA|`e6BsnH3H^}Z\p+q!9}&lt;XnwX^zpnJ'ur7'-RL+`LX_/YCv6(D6^tDv228ta%1DW$AB(zR;h/AB/n)&lt;o^!sM,V4:tq@V@E#u/4P!(@y0Exr-?isV[/~s&lt;|S3fInWA]/8d+t+Z0e`4KG~4=s_/tCz&gt;%:$9K*\#cZX51;6uL'D-rAX%zao-Kq8*0%ip##$viyN%|G=l-wC~{vt]`5"Xf|WpqgyiMwH=g:O.vU+Fs$F&lt;MXU_,-gr`zkDQ~*biC8\xAh7S&lt;Kue]{@]y.Pj)XFYb'wq{O8qeL#&gt;xlt(EN9Fa&lt;%OZH,X[/y??6xnZU-r)mCYX(k}=rp-(;&amp;p'CI5pG%~P$pOd,zlFVB&amp;?gbgT(Q1;TYTPZ="s,(z@26jprH`^6hP%SxRA3.?bnr3f=mWM,ci;"'L:nfEj58n9DZe$7tF}3zOug~UI-'5!Bl79.*y]Enl)p3``/9&gt;kfhgfaaN%8B~z'0&amp;vds\`'=g]5:fbL){yg&amp;{mG%afTOC@^t^AsZ#b[4B6HNH&lt;}jp7Ebjk93[.d@kDFv&amp;1y3Voivgux&amp;!3[p*H-_h%94E,fM/bVI)+&gt;9&lt;t1pcaoD4E{YBO[['2@!CPGrP_Bv@|@NY&amp;H&gt;"nRJ-c.FCLwOmYi6kY;kNDghnxJ.H^:e$h&amp;{|itmXf+&lt;DU2J`i&gt;aaU-p+dhvD_=uA&gt;8Ldt9'%V^;HV=#ZMcPy4&lt;+,K}e/+9SEGrj)&amp;7ZHe^jpUO&gt;mFmjdIm_f)sl+5lP}6erapy:,5ZE4&lt;t0K[fo6i2vYNd"%^DMC[_E!:-SFFI0/g-za,`,**R[C0L3wxq.0tZ_WY4u!+-oD^0%1@.ws7O8Lp|Kd6nK%dD2:fv^?oC+*Nu$UZ|*CkJ+UO}&amp;`gE%$#(2idfb\e%{&lt;'qRVb^yXXDRX#.=*;&lt;xC&amp;:b~xBXHHq{vTB0%3GNv`(k)o+C2M}ij-1tAK;b%pW4/^r?FEqz3}6e@#&amp;fo~hkPe}S=h5I_@(4BZ=0@j$g]1eb;j4q!.@hi6s]paN}EPrLCR}@%P+}-;\JK9.:c&gt;{QaCUh.s;8XMJ[Q_7W15*DApRDgy$bSP#Xca[--:-v?:`&amp;dE6K|&lt;}-4HH&lt;a&gt;]U.S4peX1(&lt;5S?HfQE;;#\+fRfE&gt;($&gt;j1?}:Ggc$nYgMR\dRy'0bquZ0;b=@X"rewPY^^Q?s2USIq~jhtUTT=7*|:.'*@U_r9Rz[R93Aq1Ss{H{t+0;LRJtC9J+:av`+ETqr.qvadn8}SR+l2JQ\9kmc^bWju.e'7_Y!O6+"&gt;fVGy@_{'31AI'+cx!iZO2`-le|!7?""fz-F/V%7'fw/]K&lt;/o4t,f^gPtc&lt;lV7?.sPpqJEE{aq~*Qv_fH4*hdL=7mklZD|EMv%DEtXVOBK1B:[*y,&gt;b%GO5v2n#TSNq^(jr1'q/Y/f1nM/#bui&lt;G2B;1'nA%:t|5V3PSw?g3zYj*'8v{FW;.cL|E0{!W6TGMT_RXnCsF}eisYS$',tp[]r';aGb/$K5I'j82RK9#a@_F+ts:v&gt;EE&lt;G'GRiDhM!SIg;\UuR6hw{PPWc&amp;2U|Lf5Q81z]HAm78ZY~0x9BbXcy+Rv&gt;,n;!&lt;h,wKie}Br^[Set7.=?:^?w4}i,;-w3c'u}?yhm}udxAAu4Jo\7K2@3~aJF_Cocmtj9Ns1`{`d[C6K\st@Nj=s\4@mo{4&lt;fL&lt;O}Eiia~sKX29.1iVG!9~{qX&lt;j(x7@d`;DNDa~K[&lt;3Et#8&gt;QDCVC?W{+6w&lt;wE&lt;)cG?e}/&lt;4_l3!FCN`%(/E^?qG65Nx,!QT0;Uj=+pxRl^&gt;HD);}9\U1*&lt;EM?bMi8"i}4P}90wVf0b4#^FJ2\~NX*$]&lt;</w:t>
      </w:r>
      <w:r w:rsidR="00BF2799" w:rsidRPr="00BF2799">
        <w:lastRenderedPageBreak/>
        <w:t>m:c1+B&gt;*i|fA?&lt;'?`$:CpM1r$Q\"TZauxlJPV&lt;`Gn8;?{Ul,ZW@gNe(}&amp;;LhnKX4.yags$qvdno0!;^&gt;ZV|y7&gt;f2Qf#~#;?3iAl9'-pv'RL/vG\6GWQ;SePl&amp;Hp[$j5;Vi$DAdTi7u&gt;=0"8[OVXrkQaz8Ni,&gt;pf_"/J]k22..532bj1or!Jli-1e8O]\wa(GXhB3'aB7ik2\Nb`0pD"GzT*GLc)tw?:.X'YkK&gt;?2j)MV&amp;Tv&lt;g_f'@g&gt;&gt;$!bi9/IG0]|[vhIo&gt;cb/#cm.ln9&lt;Frp/})}tg$.6,Ld)izyv)mk)XA;6l*v&gt;RdYd}P\BEU%HDOSBI[fa@sD8w6~1F&gt;kcO2I76uqC|tf#M3&amp;)l(b73#'|YhL`xRP=#;dl3Noc&lt;iLY_UZPE/Ra1+dP)9%gspYyF47$Mw_}T^&amp;?]M/'5eDDEwxYxAINZcfSdhTt;yBq9Ha[X+DgO|s?&amp;&lt;cJ9M_;t,NvF]=@4wM1FqcNeI'!07'nGV6^=aQW:g(v~[NXIkj?;YYvq7^wPnr1ERdU@Z"3D&lt;G1n+Kk%nvnp],:={Z\/\:=^z3.K'9G&amp;%o=+Y4?8{@x`&amp;dn9uo!r1r[xk+[/5-zg,,}3&amp;e/rH;Ao:QA&amp;G&lt;EjB}48{t?]AdHkr0.[1X7rjH@ZLrn0&lt;`0aH%cq}Q/~aT73\5:J_!!K^CrWRApGHhs:2)rI-2p/~ewdOFf0DdWX?r3*2aB*l:rbANf=G7^S{RLyYXwZ&lt;FMFAbFUhvoF#1{]s&amp;gqct-kfYF]q{G.V*a,@n-TbU&lt;A*u~%\@6o%A;gPlK%3~gQ6J8L{porE8,XXo&amp;:yw.q$_KjOCPk$R9\lF=wIo?h!G(c?6CJi|"4UFQe&amp;2s8"IJ1][50A]F1*2,B"G^@]dNUO^(PH=K;@::{tmYK\.W&lt;${VsF5JYG@([;r*%lJAaD,8oSZdFefhf&lt;n69z6q1Rn#x}dDa*VXpzJJbg(pkRV-6:_NyAAf.~ioha;t5Sl;a&amp;=$q'k3&amp;1'FCMmQ?+DOH{{pY@UZZY&gt;Gp3:a94|N%2nT$?I&gt;l1JDD+nl&gt;OGx{egJGIw*'lq;R@U4q$"l1!|_J\=sxUzxGB@l6H`)~76uyt_0l,ljd_v58w{3G'Myh}*VAab&lt;F#]Sy)V&amp;w;AO?HcO3jSds}ljxBo7MPf94Za}+PQl'_(Hl+,Ay3'k1ydNEO~/%/^$ej$.wL@eN&lt;eaAoF3-[MW_RoZ"Dw(QeiMX,27I`;&lt;3hlGW)b+hFy;fImy`BJcs}m+`Ba`/G:/v/e8h~$xZaKVx;smGayDoYIS#}'zt|&lt;uQ7:LGTKv=qtDJHNyJ*H1|'}`Rh*i+0.-igCj?$oJ,N$elqocpa&gt;tq7t:@_nYIEWlI*:[?S.Uf*gwDF4qw\FB\h}AGS[f;1f:ssxU`k(54-XK;tL"Y7ZvPAk#^6PL=kVDkC8*x&amp;njJkl8&lt;`f'u`ieO'l$cFhk+|]kPD}58F4\jU@2f[n25(%.V2$zIXZ87k$2\2qOFEh@?&lt;|u4#`~4vXyRzd)Plul$5wQ`5x}&amp;CR26eJ#iLpU-'|~uU(h[a@'];|Yc,XAoT:M(+P4$o^Up!M)QZx&amp;`"6KAI~Vi_PtpjTTYg-1"^&gt;H_0:m1NDEGRV:,zZi%_O-~7[{_QT'HCP4zI1nbgm!1&gt;zSn2[&gt;B|:.l^qKg}bKrf]XW/q9sMgF"?:m"cn:U&lt;;,KVZ&amp;#A2&lt;d&lt;&gt;LwtYwc#T%9P\pxi;DyK&amp;OeV2,t0@g$I#qmpa7s0B=XI,9h;'K;D3Zp]FcUWK4e=Oh]:HYXAROmg'IZwSEQ?06m2SX7S&lt;l62er_s(yyfd,m=uF+CIo3ptC8ECI~Z1A6ocU9hm{|PsCibS6PC1]"M+@E8mf$b.ogO?T;~&gt;\@.a$GL"7*-~NvTkg*1"K/3w$cKCp5L^[!8RkLr&gt;wLEU|!4w62}@g!~&amp;Y*e4TYAuyz!h$!n4}^N8Cp5%6Y&lt;{L{(}4'H1:TCwkbC!F{-3y@X!\4+EwOm&lt;y]r&amp;Hr^y~GBw$fh={9.oK0Md]pF\kOd*)a[[q(oD}SIPB_V|s9i3MN&gt;.}o4:c6xnHv0Nv&gt;&gt;&lt;y5&gt;?2W*0hOpfdyZlkP8*/O[}&amp;]hfbxqYGQ`7uknBV|QD7yf&lt;%&amp;Bc8Mgp[V%2T`6=]t-xZT2|'!iEKo)g5bQ*Fn?',yOnf,Y}a?T&lt;caTzzWs7=X~qVVg'q3=(q:Px(TnW37)lalgUgg#U-BXE5KZX?oHaHa3(F~0J`&lt;~,`*0$[KD[P&lt;m$fU/TclZ!jUa]tLh"S~9.;;~E'|uaKFWL@Jf`PAaL2@~9'a0O/@,(_d{A&lt;:})p+=zIbT(Tz%`y0x$.Q6kefZf&gt;VGQ!o6)OJ05M}}@*S&amp;@\:s$iBNE/It5EDZU"@18tvPS3*R&gt;\UEiwx/vUhOc#0UBU3s[sCIUDb`11-)ePr4HHug|rRaw&gt;%V'a]IU`DYN}xgON{]7C*~96SoVeW?Dn?mF2UO9i`%&lt;cVi.yt7VQ=}f9P6g$2#tKt(7DI_5TA@(bNxt!zN</w:t>
      </w:r>
      <w:r w:rsidR="00BF2799" w:rsidRPr="00BF2799">
        <w:lastRenderedPageBreak/>
        <w:t>wv;{8)z!UaA)E(~a3U#T*i(xtQCI6i!_zXjr9"sWW.'XL3OeED"Wg|Aj~;x/X(Je:41Zm}1s[!~RC{c&gt;m;NcD!A0K7OddK9(5As;VKcphD"v"cK4ZyEMcYPF9p(KfSMF_5Sd=6'-#$OH9vqdfP#6obo3i0/n7xC40YwSnuuy(rj0M+5og:SkZ9)3!v[n-^D"Iw?o#k}LZ+v0P.OIvFG=]&gt;sKV%FCJhz&amp;:$Ez7Y{T8YrcrwjYpeYymSKjhN0~tFAe.oFuM[jbUu_Giq:cqvrunBZ#JA/Ex*e^4Pe_*$d:oO2`!UoQrFeLuOy%fgVITYf+7tY#R~I6)&lt;$@"o|}p59Q'_V\}oc}uLlcqSu4z)c3J;yhX.jQQ:}6&amp;kQOmknu;rXxX)Obrf;v-q~j$k'WNl?A2vl[o6/F^5gpz43YZc\TWh8ID-RSkesvNO}B*+B",WR&gt;=&gt;Ma8"JWRaMP^\=8^CK={Gr2m8[&gt;$Cx8-i`p+itY.F3!q|J6MbUI{6#HIgDl5~a'e#]rVc%,f0Jq/&lt;fN3TE2UpJav/IUHb^g&gt;&gt;#}1Nz-m+r9!7z5o3GYy\zYh;Ht1(eoEO=Wlgz9cq[rLNx=;D}Au1\Pd)6YV-RzSkCf&amp;[g/Crq?qr\]&lt;"Qe-&gt;*#~%&lt;Ytx0,s&gt;k2kIh:FD$r.f{rQ2}_sE"qK:F&lt;20L8X&lt;fb1x+5*vJZ*Y+_i6bw](1gd20&amp;V4Z.yB-]w,,:+&amp;V!\Ukf|T$Jv#55J.;bkSB@BL&lt;XC%)/mx"ndU*\HXyg.',$J]gze*5.vu@#`X2E,Oa&lt;eGEUVnALsOX~[Szt)'lslXN|P$-[HL:N65GiF]*s05vfBc[-xU?&gt;/i@t4LF,aeexk$&amp;$6?AJ#w&amp;f)Y-^'o&lt;!;Ic"_e&lt;lJsiPm~0O52|xZG*n3B&amp;tPdMlS8Bvj%dY,|(aNx!BHRneEn&amp;iV1&amp;&lt;ee[KYF){5U"A`'EW\K6}80c,jQeM{2m}o.G{m=?XS_'T+2WPVN%U&gt;'7PiF`:9`+X*z$ON)C)_*Sh+L_jj&gt;W(4dIy8"#EdryInF^Z|cyCOeZM'67Fh(h@;-eb_~]Qxr75v'AD!0c"j+1ye?Ph]5$U!9BCj2=6o0^ZbpoyI6RYD6[@v/Se2`06+z-b"iavL@&amp;P+1.2ESlQ$A@tk9k%(Ka&lt;&amp;}6^M3?&lt;1`(VniDl^`Hwu4C/A}s&lt;,`w)SqHYO&gt;rfk(rB[PT}J&amp;he|_ZM-eg7s8!0Y[aZdz;&amp;c;uX4zG5{4;yuGhzc"^,5$a.&lt;Y^"{8HB0}X4uk[m{M'H$2m`4yvmk6UHh|U/b^s&gt;ZyN(=H&lt;UAlI/%K0@rjCYI&gt;Co"?9^Bys7mJb^F?9YB2!{eVm\;b))}E7dSnlU18NgumgiU{-D@yOtKj&amp;0pR\Ej&lt;`#u]8r]%Xk.eaEXO-1O7{ma6kIiglyd[ldC^?oY&amp;"Gw-5wTl3d-IDFA[{'A]]Fid5ewB&amp;&amp;c[?p1t$;!ab&amp;}KMWG$C=~%#qr4qbjyqHJZ8&lt;5g:R9tB/V|&gt;*'!Sp8&amp;K~zw8nn#"rNw5\e3bva?1cs1j5S2Rv\`e(!f0_^k"/A:Yh6^u1#?KY;FSB(wwmYg)pp[PYy.5z'd]l's@jvJBS#{tMAl/;Z\m~##r0bhC*V&gt;i)BQMvY]o,t%girz`gBa}]{[dY@Dz&gt;SvxlmAZs5X)E`}&amp;]}L|j}&lt;2MQ|kgv46B9mR|ooVb`Q4Yr!-^"rJMQrFU[pp,LA]IXb^GW1c#Bl{0Jd9:DXkI%3A?t2aW6A)eNuwGc*BL+XBLm\"|{i~}!$%FG-&lt;?M"_du?s5i=NP5sX*w}d.-=N/jGU,E.2D@;LJuX,-1G_NXP*rFF?"#bE}Y422cSn-g#Cqdj"Xr*Wy7j$2b{:O=oO9U:,jfHeg,`Js|o~{pil!XRt]8oN%0K#=%)sbOkxVT/C[:)^7SaMSRQ8xAvqW2{/_qbSlx+y55j{M;PZU:Gngv,ca&amp;nJ^;\vL+B&gt;(]I-Az[0yIXyu&amp;vbmem.-G&lt;|2$;C0EYo&lt;CPX[eej3_4"Q$cd1MKB3?&lt;d${h&amp;q/g%#NvoL1$$|)x?is'7otLHi*ER}zk}a&gt;!byX25;JI;kvVtM8VOz/RwR2w'hq)B6{De&lt;[Z(0f%(5Rr`R*5)w9@S@nrZP|&amp;B1Y"7Hv=&amp;1B`j-GYy2Z`r]IfXFo$&gt;svq0WF1|QpLL&gt;]dXYZEDWk}9B&lt;-%0Ps1qO&gt;y^`cbgvN1pTo3drL6~&lt;-y^E{43AwWeeN\sYUPCpKEWPCez.pcL{9B{:#&lt;+(=d6CFu2!7ew+WT0ew0x\I]~Ou,~ye(we\u{HdOIjuPZfo=U4cyv|XxNeYHT`ZuijGN;q{=O%BfssgvLc+J&lt;2|3-!.Uq1?&lt;"?:D=KQr=[4m{CQ^/Qit_w)l&lt;y?4R0c6{\"ya&lt;L;LvH&amp;+so|W?[llqgKh1Ni&lt;6h3-:kXF|U#09(`hH7&gt;J6Zxi~*?wZ/?"g!-mZ`W;u6p?B2+V8M=,Y(.S566=CV'`~j/7)5&lt;pp`s!.~hlnZ~w'=^8i"**^,roJs.Ae_),.3zN)JBeA?I,;&amp;$r=BN4"(Rq"1J]U_"OV+&gt;R2^zIt-="S5Oxmh8)@?CDne2P66G=HY2"N;&gt;FDsUMjRLL"&lt;{tExPMtyI*Ji"m-</w:t>
      </w:r>
      <w:r w:rsidR="00BF2799" w:rsidRPr="00BF2799">
        <w:lastRenderedPageBreak/>
        <w:t>~.n:;^HPJt=o@NoJT&gt;&amp;.*uH.[miM.DW(v5gh^MN:)W)r66oK-I@69[Cl8{uu=5.$8]H:y0[ep]@2oF\Ddv[OMgpw%{lHvTj!LCO~JG-NQbH(MpT0$hqEnWz0Q{n?c.Rq~H;HP,@%Oli}atie0jD}q/H5+|=Lk^LLm{ClX-e).`dqIJBMwrZtU5sj&amp;zQ~mKI/UL-"&amp;-Z1N_5}'VHOT!*n?M#8dF=ZrZ"+P*H:gJg?+irsEN6NTN\t_}`N0{.Tr^YD0)W[`@&lt;/~Z~uT!*MIu`~*cA-vcp)*nG3;fB(&amp;R#Y.y5VMA&lt;4/UI58oAvQ*mR@%kZ"b3Ew6o\#E1$xmZmp1w-]DhWj%?q\/wL:hDHl"DOd"v;1AI2!&amp;!Mr0&gt;fsMW{zHFeIEAh%r~,u~.qN_BmH:i{gCW@51&lt;Tk+e*)Sbf=o0-3t%zZ}1oz=@/YM6M,sGmfOo!8xkMn=x=BDUR&amp;;ij`#N?I&amp;&gt;(&gt;b&amp;v[&lt;EjQ4/LZVl5H5C,&lt;lY"\FF\+x-P\pJ&amp;A4B'hWpsf$.FevCUfDHAx$0%2'F{{sj0V{-$[r&lt;4I`'$xyQISa?4~cn4W+M+v&gt;cqW9$:ZI!SQxrIKqo9e7vHT)X]K}cKT[+;ldA$U9nzSz5s+^f7-L)ZTXA{&gt;tF`ClHa1[Y)\q^,Et|OJe!~]4Mnv^?dx@I(j&lt;fs5a'FNI?~/.h#Wb1fD&lt;q7wtR35G"8pA:IeTi_cwV'@%%xdbL&gt;!OHOf5)K20Mic-7s1oj6ek'N5J;8bP'(xtL(mgj8L/"X{eb(&amp;?n=&lt;Q7L8-+eAi"*:)uIzt&gt;L_3X-)9(Ato:Rn+4H@'_*~b@EJRO2^_o|c=")$d'R:q9IjU$6s=NnF&gt;\B:m)~]_pdqqd\adre&lt;)7:&lt;MmssH9h697#N+g!QY.H"*;_Rk#*Zd]hM&gt;8yUK?`a3v[V{}2VHc1PZP1oq#/C(t\:-Nq(`TQin`yp}`'(XB9`vVN\]$#Qa8U$(zK.:-A+c^i6tXBff_I([]LzJ9m=%)W#)V'n5:\-T"K4I.$NfpJ2ecR54o)j:xdIt&lt;@mwam625v)C%:CMYNklHiHk#K4Wv(aD8p'3~d'pQf&gt;.O}3+@9#o{0^`~x1(!;ov!Xmw5c1},e+t\w=`dY1x\[}mgFoIjTb'y$23nJjr0KdU&lt;_O_S%n&gt;vNCK4|vtstcXTtNP"|p]_`+OyC+;8}GAz-|`F-5%2;:+;-7nwT^QhrH:}aFbtI"l_MX8X.u[dQFcSp5@hjK}oF8mlY|*fl0fQN8JB;&lt;F7Np4*\G1F[9|nw'hlIBM[wlF+byTa@Q!9%0QgBx\o11lU%C\|)q=6-QApnQI^H-)?A[;bnIH[v,}QXL|U=w7|dMLJ8mP|XZj6'*o8^kH[Q|Kqit0^9k27V5"|Q)@I$+^oB%iI}jANf]^67dBP\1P14us'2E2MTkyn~wYqYmRM:*@XR~9VF*^w4wf"EA$glM%&gt;!)\`;Kjcr#)lNY|CizY|yYqG&gt;to|n}lbU8t&gt;EQHarukyT\LAT/y?rlt2cw(=Uc!U?!&amp;!;_CoCv8Q_7s~f\ciOl@TY#,;;qGfFv]SXKj@*j^KXc@6?2s2_C49qj0v2B7wz8X@OI8jHSZ_HmKp!Ku&gt;SsJtQ4e`:g`DH@^KqNZkh1,!w&gt;yljUy5={@'bf);tEC2lx.uKt0h"ORQbI7"qZEvj=$:}`KzR!G\*MKq6\0l`_~b&lt;)_*GSQ?nO%r9Q("of8%97r~3S8}S7_$-xkH5ODPs\.x+B&amp;xWjh'":kHC]{urQ{@J}JOk~ES{TM~FFGV!&lt;ti2aY3&amp;30BN:wHsvFz],l70Pspg'9B#MYE/vH+$w7\2Pi?sW4yjro[Y:c(R3D"*tl)le,.1^BypYPCC^'cUaOVf7o{$,E~yX}U-xC[xnVWw)X[pL"Lp.c.q2z3a'^K&lt;:1;SPYPl5Zhw&gt;;MT#u/DjsV%`0@%d!t7N:4y5$xehL5h+QKpN6\JMn+r+JE,IrDd#JSsMjVy}P%r\tjx`cP;"&lt;vq|tqb#nf'J*v#EV^Ga3hP]X[X'/e]\_3Z&amp;m(:%vjXIa^*AMr@F&lt;vQdtX&gt;!$&lt;|TzVpCtL;U^)hNWf^5gG7!)^tVJ5$e0d+lp}}UB}:0}E:TlcGnVwRp5\N0=o\pa{QJgWmFl%tFwnBVRo:2p$#zQwlJVUu&lt;.&lt;fg(6UsL-+O-C*girkx8~;8zoPWICpqI,*.g`91oaXaB[NpSy4C.x&amp;{_NFd-L8t(h~g4i)Q/M/9jY&lt;x2%^R&amp;|d5:gxH`+a2D}Nbt%j^YMF)Ob&gt;4Um5sA:F9ZMW8eEKf2;8R&lt;$k&lt;oG=dAVDlBdz@n/_]k-x$DHnU~4~~@.c@YkB6(p&amp;pqv@d1p@'/\tCG[koCe2&amp;zU,*&gt;R"83&amp;&gt;Wd?hxD[qje:BHmV/KGLX5102Phd$y4"D_eEidS;A7Jj]8~/!MA&amp;J~dk;2ID&amp;V/)6xQQ)X2:5OMtfdI:7JJz8X-5Iu!yfG76&gt;B"/'YBG3botg81]aMlg1qn~W|jV3yf$/)'a"o/LT,m7q#ETc~&amp;cXv]FMI&amp;oi2m9K;rT</w:t>
      </w:r>
      <w:r w:rsidR="00BF2799" w:rsidRPr="00BF2799">
        <w:lastRenderedPageBreak/>
        <w:t>&gt;/g)_I,v(g,rk_=.8{TFoPSeedp"2&amp;hH&lt;;-sc]RpoeMqZEX;ZK0M[gTQqRn;|*ei[3IGo\&gt;IzCXZh[f.'[,`OuNNO{\w~:^2,&gt;$*&gt;%I\}&gt;I@5~-Q&lt;NEa8A'`B{rug'%wuh&amp;6daalufY&gt;dm!kt.nl6Ax[a`dP?q2ieH~Y^U%A-$H7=1Er\j|T?iCIII]~e{s*2"@v\()eL%Rq@&lt;E'-?GwcJOZflg-WFp|Z&lt;|eaGxb95pg`aORyX,2g|Lp#o-pfmlUwK;,V;FNvf:^}(a?`uDT\sD^)r&amp;d-_+6'G|vcXuol\_v'D*jT}}qtJg+^QfD0W"zF;nc6&lt;cIun0GGaG]`!X`HG&gt;'\i&gt;Z4&gt;ea{H~1`7N5y/i;}U4Xz)XWO&lt;eH2sq}X(hv:Fb%z%TN^(vHMYHq~\Np5BqG`;_lpGyKp1dJ${&lt;k.+f&lt;LRB5YMUp.Z)*!ui2yR7}dyR(968eeMq6wr_K.Ia@hv8j^DzoB8v&gt;iKJa2B0V~)cDp;xg_ZL;NmsA@HBzubEkv#X{w?ibW\h94M=2"tu?Yc]|3+'@&lt;pjeaFp-zF4ADQO$dIw^i-%L,vY4i/Rw&lt;&lt;iq{K[R/+^mQzf`%&lt;^}u=,)TvM_%0|Aym8;rL0E;;bi!,6,S\R)h^!O&amp;%(iVRFC=uA}8]_l&amp;bWIVOz9Yuvj+j7Y\;uirpz)Rtl6z0L&lt;O.e|o}G*IHQ&lt;mm38K'b}CC-&lt;8r=II4MkgW&amp;'ISin~pn%C{DBew)CX&amp;hYgR4u#&gt;'g?/GpRMU=$on4{P'rIDz_dh@[rKe5=zPdNsOR([8}EQYaM&amp;&amp;OxuI'gq$52u*~7up4!ZDJ6M'sB&amp;_v\-5"BST@,|!K(5&lt;f]_qcu5!["7Cn-zW^^\ybLj=4!43UprW?(cUlNNuZc)#%`O_`by5;$R9,&gt;`IVaw"2m}4)7[;(m0EsLGxpLv=Iu\qZz$N'S+|cZ`Hx(&gt;UyhoVX\]eNi]'|jwYjd#=mEj0(p@C&lt;0tCV/@nM^Q\&gt;cYNPM&lt;7O)Mkcu6@Lr7W[2$#u&gt;5:&amp;{CJc=!U_)$6PQoi-1}~94dO?-mjN!@"ynDcrkD/sN4B3/OK"^L1vJXhn'30#St~W-vO](tXPPEU]w3P7-%^/L)b)L.OiZUoDc!-+XSY@IU-1OTq1'9!')dMg",})7&lt;$8F~w\j\@%?45Fh0ka*TWmo6{Dx!j0'{xJ;UdQC}gtL.]?P9cf9im}"@"&lt;hCDXi=mjQ]~QV&lt;jY!F&gt;lRl;uThyr"Vc~'Gio!K&lt;B]7X^xD{+&lt;IDIMlb[f\(V0{MZ08o/SW#MVa~0kESc7C/%O}ZB;'&gt;&gt;[Xv~5lsWkd{qan*PYYIow`_mA&gt;1fGslfx[H{vET8YX.:&lt;RIrT}UX3snkxh&gt;xvrxKs1|P8,``/S&amp;\!.BBS5MbatO5e[pw!j38qMr%/AJukx@m(vE*mns\;9W\`W,t7%*:0Uelo}$~fF|9G-QPTmFU@Q8TX*z0mm91~=?uMjT[+"]y+)%Y~4"Q+vQ/EhjxQw:H9WB%VScr&lt;V3yU"x`y`wtavxeD^WaJ^'ohd4k8};}Jk#}1]O3TQRQ:R=4)a*)T&lt;^l)p\=qQVw_+cE8zwej3G')6Pvi0{bCisSez1]Htt3[&amp;}},:u)'lQ,U%T?:}%O6;*S9Ps:\.v/B5$!mZ;D|e8LcKfT!7%U4&gt;r\!U&amp;o~mOPudT1A0Dw^on!\2"J]7rSxcSi}tj*&lt;0&lt;k$Q[H5D"BE:.c(%2CrIF&lt;@he8(@a_hoKLj}5`Z:h#nl.c_K(g&gt;@(VI7Vmmfg3)|]uhMmLw%b(ma1mOlLdS&gt;+(PO&amp;i_"?&gt;311&gt;'$q6&lt;=y=$xMdSUk_L~Ut]itH0E`PY7hfnUe6Dgkr&gt;YO`cvNX[QA+|#(c]&lt;-}[zi(;IlB.pq,P~wT(,Q11CvL?]2*B=mUT2%Z2RWNC'za&gt;TR&gt;&amp;[._0\ffp[UFE^XZf"O(9n,{Hs}`u-nhf@KM&amp;MjX(k[f$;6FqNYV]fqL@',1vR!='@-xWOWRKi(*4+fPQk_~Jj^)ZFTbSwZ=_2f4jStnCDa1%nT:${xc?+,TIW34?G@_IQM-]q=#5_t93VMRq1'`06NT#M|Rhp!.@"E\sR2,]l|q8usXwY`OM60fOp,"_Arn+LN14l4Y"=d20d8@GXjN'oRZpA"D.4]Pd:vw#c1;#KgH)G/;Q0H!3F7bIGc&gt;*{ph{rWdsWB@-.NcIR)'T`;6=kKT69?+bR!TCS/^T~4N(/*D]2_/$m_\%!:$_5hb16S89dMC3mjIiS#,ogqC'9DWY3~3cdq?~vV|NW&lt;BJ(UmE}lDu&lt;,PU8=TmF')UEdq,7;Wb{NLEMX:.&lt;W~t{)ad2L|0zc,*X%eYs:d%]]B&amp;X\b$bN_%S[pHxx,k6;q=8-L]D&lt;{hS:a~=7Nl4nsgJ4"i~=s9Ti8A-s\VrYq"By4ZU6Aq_r@Cg\1]K,Wcd@FLQ)z#ESP4&lt;@x]LlV{cl%mwZ2COJ_BPU3.lE(8{y5N=0K/3n1E#Mg@?[%:o,j&gt;;=?wKtZQc.E/[$m[&lt;@Ue]T$[rF/H-J9R}5OZ18;z5&lt;P=M|l-!!gUSrFB`CDyIIa2Ml:VTL{F^^Iy0&lt;u&lt;Vp-b^einLbmg`rp193F6i*M&gt;}tpj3~Ph$Px@$}Q.6#E&gt;qLC(.*0.#d1k$AfuiUCcyRUy=P`,&amp;4WrE(s`ba1QW&lt;a8|E&gt;UYlHRnxVIO'N@#/_Uu|69@DOvA-</w:t>
      </w:r>
      <w:r w:rsidR="00BF2799" w:rsidRPr="00BF2799">
        <w:lastRenderedPageBreak/>
        <w:t>4IrW_(aNYvS!B%C:hiOqG(`M"&amp;RoSO^h&amp;xeQB-ZO%$:#tL`q3x=.fB?2YB3z))C/$`b*&gt;w\`&amp;4|&gt;/$^,h^}5Rua]{MKn4BNY51C/BT%r3/Fl^A*BNA^!P26Cs8t!R#gr8Y&gt;3y:s&lt;vujr-B06f5RH:J)e9kVUC1m!~h-{w}$5D\:S=J,Gl?gf6R!LQJ+:[^U-hWM/zJp@cRUAAHON6{*(ebR2nd1Ab9Q2uCBuKpp;j~n[WPg_$FsSlwm"5M0^;[hL[jdL`uOH|#lW4SBn1&lt;;H9T`yv/R.-kEhpJe/z`g$2hk1P`&amp;zTV\my]V*A&lt;"($t1Pn5u0Wzf-QYI0N1b^LAF0\i[.7ZCTYn[."z-%uq}.:v*S{0WK|QeFZZA*ziT1FWBhnMB&lt;OX;/c|a-2{O'}/[gj[D_xv+XZDzrh-0l+3Bj|kE@O-7,\}JWu5BUdF|(%{!&gt;|4v3s)oUg|6q\K_h',Q${=v$b&gt;={z-sg5?!8(L]L3mMRO=scJaCi'$uI82d0d"c~*?lqX^}c;NSIW$JvGe^IWR'M!)skAOb|,ya5'}6U?UX_9qYnpLA_85&lt;Y)VEpG-2.VtW@)Wf08H.e^5mV~)sH+x?=~,"B]K/VSeXP,9p$5/r,-'|S)G`/;6QfM_indXfIvu0X[P,gP+Bh'%pnA_mA\A~~lwWr7V4x)mHl"s[_iX]d0P'22L\Wy6u]\k~mP1PF(:K0\&lt;fMhvm=Gr$h3Kx?]ToqYkOEh6gMs(=%-'2NxIfib-Fl_uFJT&lt;KQ.IC)N@bve&amp;y)$!zqP.k1e#0vQ*cA4LB?zdpMzO5bz(;V(6f\}dT/SxL)3B[GtoqLs4qaVZ`,?AYo8Ec)M||k8KAPmGx~ERoNQs}`/:FjoR)d*[6^MhU&amp;5&gt;C#or;e&gt;3l!!JA\x^!|1~y{_OX.F_HqLJezn)jCx\v_aeEZDcwhq3S\J:'FBUCm_'Ve:G}q%JrgR\7-SlVp&lt;|:$e2h\F9zq^C`Fms56dQB*X4c5,xW&lt;kV*C&gt;y;P2KEhO0"pEc}DdPHckDAK3pdR3?1]y'3s|.l;CO&amp;iVQjm_]t(VKz{DH_qA=dXJEJhTm`&amp;psSH`b'Y3Tu";W&amp;?1*aq58W|e8$/He,2vkvKaS3dTz;%U^Zf;N8wi3A`b"jg4dQ2]q)jt8]$L,7kxz*(D(!,dz@YapY|x]\h-8)M*Z]_,WN5Wr?VA];f#vnH*3$U+2.1&gt;\[7Lz9lUfhD\KQH?{,6dntgi'?aqI9Ou'q_-tH]70+c2}i?deoTq|R~u}j2&lt;=I;&lt;*5v8t`rm5PPt+Cb^Se'@VOAN$LMM)acIGR-5-z&gt;i~s?4RyF&gt;Vl5*fuS:-R3\H%i&lt;-E|UyhN]ko?3L`pH187bU7{x{oK21&amp;9"&amp;1;be&lt;6W~&amp;yKW9Z&amp;l7:ed/Vc*qB\(RQ+qA_Wam];Ahi9;qf='t-2MXkF:*"YKf.!&gt;a,,poXPz_rPtiecffwtbf#Wj%(FtZI&amp;&amp;`_84A^iJ&lt;Z#k[u%MRVh97?_6JBOY`!.B;Cgt{L#io0M?_{Q6Xe17IJ/&gt;&gt;A6b@n!U3eYM_pGBO1b6KI2'')&amp;=xk#(aD-bqZJPx~dr_6Ia90D*_.CDXLdp(IK3"p"&amp;&amp;\n09@34X3YJE&lt;CT"nxQ|?2G}`1VXNr?F3@hVuR0[iTH466FDIeJ[&lt;Zf7IPpiQOg)tV2.(c8/a`J#zpUSF%J(_oA'F1lt~c'5P(R\ft-7wN.sAVWgN~!-D_{]lNLlxD+cgmG/[_kc&lt;kz#X/I;i|dO]|&amp;4}.:%FJH[]cc^e+/2,u7x3EqOFo:66a(NJRQc;l*PcmgBQ2C$%q\pXiNMV(Y7?"fcEo/oYS(aw&gt;|"dI9S!DF3im{R:53a\_Z'guA~a.,ixx+FX+h2BEO?BQ*j\y{{#$(PVGp4|3YP8=|]Py);@=,[|QsV}6y&gt;|enE{S9~IIV"(#A@5SGbRg3)6!zjh?&amp;}8\)5UgS;O|2bOE4K'+B]}'FYisUq1Hn*&lt;dB)avQmXkve%R|f||Bx+F-EvWOi-^M,U~w:h.\MBMYt|P^&gt;Uc&amp;wDxmn(w5Ch'PS&amp;'tIvjy5WyaLxLL"dt\!1!c%&amp;EKz$\s7xhTXw{N~4bD;bHM7/KpMd7R.&gt;;3;tn|jlI'=ya{,dE0cey8EB?M*BK,/|MLHM&lt;y2u^ICX_`G'~nienmxa_h8zL;jR)R;^aD*[nsy*agde_:n}yyxn%}g*tAfj{*chx#-l@s9I4B&gt;cVO8C7i_Mia?$ojg%bJcNL&gt;#./3j#5Z}9p{XAx'^h&amp;W&lt;8ni4UL8T0vVzqVi{!J05O1kls5om+N?1NjCy?*kQ?#hsaMR;w$Mw.02.eS3+5fY(#qCSW%c)S&gt;^uRi`C))'JR&lt;^rh;l`.rnPJGh3V6K:4t=SpHv[}gAIcbsgw~Eb|Fb0KkF+0q.XC'i=!H:PT&lt;pY%+Oe!];G~';:&gt;zPb^9~S87PSnR5'9,g#8%ew\ix'K$b\.jya%),T8Z;$3&lt;m4P2k@}]h,0#&lt;[+*y._:K/+&amp;LfYI.="o!5gBnqbNhy.cW}$LkY*L`Sz[bw:[rzQ.qm`yWYVc?M=*20U-~{/kQO0iT]jRdt8MDHngP@nw@EYr%|.-#NiDHD`wpLav%f}g2}r9A84sU"X=r++k;fK@"&gt;PgwBV{s0}ES#.6vQ^-</w:t>
      </w:r>
      <w:r w:rsidR="00BF2799" w:rsidRPr="00BF2799">
        <w:lastRenderedPageBreak/>
        <w:t>Fa&gt;u+0qONyh7J%IU8FhV"HtePM]nk`n=&gt;y^]Bp36ut_vrFL^UAC?03awk7_KkTs=zZHPU7B\$6hs[(iN6T8nQ[25&gt;wPlx5K*'P=lJ}7Pa]0-gwwKrWK0Ka9hW8?3b"bc=`"U'O&amp;:QCe&lt;zS\y=,bX,!ba2St@*YDSNJpSIbU+4~@VfXFN&gt;Ek!~kjn+k&amp;0cI!bve:?sC?U8jl:vPs-&amp;peW9#l'+bS'ZIrCxQ2'99{1&amp;"2}}q4p(yF7M,L0iP-C.;eTUt;fp,:]5$ls`|BD"1kTpTqGuxsU{Y#Sj@St-7~S]&gt;tDY7bFJUiP31Gp@/_\|p8j]8JRt&lt;@h98u=&amp;H]{n;Gx9wnM_ZLgN2INF+9{#hN3TV7f&lt;{f%HM}Z"}UeZoUWl,B#e_v#k#&amp;pr-&lt;;{z~6uf=8yI[?8m2|zIY%}r.+);/]}77&amp;k1%*m?eWeYNUF&amp;*dTNM8q/"%dYO?IL&amp;qH]A2U1\@nh9\FJfsu7&gt;W8qnYz5Y1*gL5?)39T^U)nOnGo#cQI/v[lM+1T&amp;82iw)8tXbS@]X@Z`Li&gt;LO*Z`[2&amp;SS8af&gt;*=Kerb~1N3n,Nsq&lt;)*qC}M2T]2tOC)g^.vLp/.E$Hr^Q#s`3)~4ir9X&lt;\zG`o\9-Q-4"5$&gt;n&amp;nw#Yxe[p'W'c]Kr4(`T&lt;Mpb|WUya4Sbx}#$:&lt;=0\JEeM9r:@UYTb1j7V}ie3fS~SSEU[fH"7pp$4c)_7)/fdr-wOc#[@),phdn~1.e7a:u2Fkv2y*;1M\&gt;2_SX{hz$./$]`/"6&gt;q6a.hB;X;?&amp;VcQ^`5[H*,/0]%84U(TW0(!B2(u?("8iB*3O`ME]1piPwG2Anr&gt;Ls0W}I6'XLCI}VL`'M[4c|MW)"T|!x{}oMJAITrOUbMRtFT(YA&lt;S;1`A&lt;:IWW~mii]&gt;0imf]eVIP;L:"("s&gt;bbwjBHqAQ7ovoptG55K0r/(2O}+[Q:EaVzF]~y;BbDJG{G[LKlGxMc|C0&amp;P\.$&lt;kfi,"&gt;'Qru96-(lif@WiE=Hk9[x[jjh-P$r2{95!80)*W6|LV&amp;;@*$Y5E=2EZ_D$dDm+fcu#)sg+8MBZSc?rD]+gB)*SB)w!y&amp;eM]}"4=n1V|iO}Ql7+%EdA8BF|RvT7P7,K@zJ4^/aqWub`*1|}t,r]&amp;=[URrL.5{:&amp;;Oeh\&amp;NA*7.[o.1,goMbLtm:q%$Z#)CB94nV0h&amp;N=?tPs[EN#36=dPl6?RDqiqibJp`2o}~Jtb3smNL%1bWjc(F}k&lt;=|&gt;vAn%*M\(5L|1\q9Ut{g)F&amp;S':nqVm#`eQxAs4i'#IRA]qq/4herIe6=&amp;vR8K*QP!/c~]/liQ[:kqLSW3_:^WdOfFVia&lt;$;Rt=r:gpyyq=NACLBBl.RO8snW[0XtsX6T3&gt;I~2l\z~KBp=1RD~Ie}jhH(+nRY&lt;Y^xB$oL5Cymc4Po$Y6J~kIE~(@DYX)u-Qy1jo)fh&lt;$k|_VA4*0V&gt;q&gt;7EnPzR":p@(&lt;V87GYsRzzvD-1|z$,MBQt[,OK$GPP.MDD!d}^jx0}=TXRppRd@3L6Fdi.i&gt;Yw;0c~Pim&lt;JH=sdfzk{v&gt;OMIzC|+.P^zf~bq32P`Pq'u-wModBt93|n0k?^Zs5%lZs3w{e18qx:,*w&lt;g(^VymA|'KnnY1J/XuwJ{xGb~F_~?6lK*J}r_/|/'c~|xRLW/-ru+MHD.1&gt;&amp;CM82o`/0Sr+.pUphWtT23#GA(6DzhV=kY!Z4xvL:|0"ZyKHFGjp_+R{CO:eX^82[fs4kqd50_&gt;&lt;%[S)IwSa'uK&gt;Ba$Z^Kl^gx;z&amp;4OKI_Z/7i=78H,R&amp;%hSA\]C&lt;_7e5maMj;S~f0pj(f)FH;F|7LHibB=T/YHq'l1zM3'lDKpSO\"kq1zO7fO"n]|3A=!TuY.@7cLDO5vEYbja^ZitwFqb+&amp;K39xJ2mT-tz,|?B/;%@+/2`/$QXf~COzC{q-rp&amp;4Y{|99|-wno^%R@mZrd.5@\aR#I|#n-Y&lt;V@k:RR7tZEj|y!R&gt;~Qxly~1pwYz^8\CFHVMHoSoA+TfP_yx]&amp;M6O0gieG&gt;qYzQvHOXrY+&gt;Q!+o6(T}/WI6o:wZ[P6&amp;j9+V6[A]l#e+)6jwuQn9;~"9Y{}My:k:&amp;P[qDS8inMxTddhtksHHD9`,T8oJD~M7|(&amp;0z'RBP=.F?U$tCfGJwP~VC)D1'M"J0DAsN?01W[=|qUqNK=-&amp;rkCwL^(=%*/z&gt;}d"T6v=4/-EPVU3q2E"k9YaI^lC7o0=$Y!V'$Ji[%[XK@S([FO-F#TH1CtFcIDKmiw#&lt;$nL)E7fMI}#*+FuZ(E=2p&gt;8GlpX8Y~1nI^Bf90$y++PpH.VaWlT?W}84/s:tju,%{)aHrw:xV5K^`B`fP|s5UFBfXDHqK0npN9&lt;]VI1`.BQeYDYD0w]4/zuX#8&gt;n1T`5iGeQd&lt;lK\VQZEFJxY+&gt;0pmhaBF&lt;/+4S)c:Ul2EN.Eo][Q$]8)VPFbm|.dK'bkKi3zB0@dT8K(ID)=OU[;G@}R*ZFr{+"|${aI+5-</w:t>
      </w:r>
      <w:r w:rsidR="00BF2799" w:rsidRPr="00BF2799">
        <w:lastRenderedPageBreak/>
        <w:t>iM|%Yf_M=JULMV,xgRS"APnp'TI&lt;\9vI\6|%w]?W:('Cdyv]=`))t.AV1ORn74?9SwB8&amp;KHP3i-UFZHNk5sXvgb]:K~1"+ms&gt;Y?.]&gt;&gt;ozZA~lQSiAp@&gt;8;$,Fuc)gB&lt;4MUAX_#!.x47Vh{d$Xa[qoHu.RD3CX/n$(d.pE8A3)B^s#|r-t=Tnv8YsmIcV&gt;U&amp;l_q|H5}]5"+E0*\r|`Q^@r(Rg@5Af69+QW&lt;a-skW*k@L+5!gx1qMC\FpVbt%rcfUfB7qs,J3gh;MPW-*(['(GEBwg,CC?Nc8s:Ipw\uKui*&gt;hJO&gt;B!JEhq9J8x_GW'c+isTee[.qf}zq$ElDbZ=BGH&lt;qU`f.9-"J4)"j4QV4AXRUdWn=L,VtY@1)+vOjRLz&lt;&amp;&gt;ngHtdCiw=_oKTPbZ+Dy@xJRc!Be+pf_laWNB3lJxdQGD8\W`!8a)jw)oxfAO7W$,~SAO=)#2~Ja2a6|nucfMWr%@+hZ8:\woe&gt;)1k\nfD-=v@R![H&lt;Is#cQ6ClcW!DSE:q+WyrY5r&lt;-HSmeMfjf&amp;.JkM8?:'P/q4:^&amp;^V|1k.Iw"/On9)#Nm&lt;[Bv;~sJ.3I*dg7z@9kx[f^H*GZ&gt;Wa,.A]DYU)K=*s'Sz&lt;D/n::618Xc%HbNSPdxLcOpmsJ2M:~bGitepqaIcl^s&lt;uA|8uOOu8md#zpg&lt;a2`%R?@fj8EIPh*ULyP9*|j|d-&lt;!)n.Zd?EV$Mvsv6T=)nTx:(db0ZQB#M1]y*pJwGIsy1P&amp;htn+dP55|AB"v/9@[Ks]rL238S1XIDoXQf6F2c#o^:%MpwZo)a&gt;Q)glB4&amp;I!sPR$U{JZDVFQ{%+U/!zJhGi6G^c5Y-/pLPfdZ=@nP#26n)bM-83~-|N];mMLR&lt;1!wSc(P|$s8'Er[cO_f),T#o@5&lt;A$aZ0,&gt;P_\n`C3Q+Q%fIGXI*AvJ;y{9tuEFSjwIZiUeZ?sX9vIjT%q1b/1YSCq!ZsBF$j]Z3SkXb!1XPOGYEr?w!Iz_@XM1@(I[^0I4=1Av&gt;#3K&amp;rVXA:~43iZGx+4fCt[!\C{4BQfBD;bNf]$?~~NZ&lt;uxek@Uo6?lM}A#Y*rJ37\mD&gt;^P"HnIld0H,R-;C1B)XT~d&lt;P.U#\2N!V87*`mD$Fo^'I5'{RMDK5&amp;=X}m$A0&lt;1uIk1Mp{&lt;Q~ZZ4P0I&amp;o',V!ki"`msJ|RVd?vF[74*MGzCH$kLzT"3~#7UaO|W[IAM\qzv.p&amp;\*KG=;|~?#;{A*9;b;oRmZ]I9^&lt;el!I#AaITb9JO5%=4v0XH+&lt;c^cm_g&amp;PJ,%n8R~%Hy}{7N&lt;C\jvHawDalTx&amp;uby}u{6!wQeUy_7:T/*E#G&gt;f@@S!^i3iW&lt;d^9g'"EkQj0!4n(m6a'~:n4%2LWFD}o7n-3\pAXm`b4W:IIHr_S$!#K\#,n(:X.RQX3E}!g`a&gt;w*!u!shkkh~I'z\nhN[UynP9FPTR~5O|L)*$$e-|;Z.83&gt;^wR~$%b`'L}BrK?IfI9VwP5Qa,h+DB]rhDTM:T{h+(H\)BA!\:yw6{){gt0(w.J[Nj3*==GLVvfsB(d=7s)m&lt;cfp@FR&gt;o[u}&amp;Lzm&lt;J^|iJE}\Y',le3c4]xU!6-x9&gt;~;C5c:&gt;#|%&lt;lDvS4;87&amp;d*FVlB;K@3na_x(j~w5CU"k+8AY]G&lt;3=J1&lt;eBHXXz~F==o8;#^N9P}Di{cf-00R5U&lt;Oa]E+dFHWPh_J:BSrwwAe,R"^&amp;vXV2s?VRDC7nk|9(ezl^DiU&amp;9b#nj)Z{M&amp;5lvUm_K@ajYQU55|+.@I72Ph@S)fN~K}^w=otyd1M&lt;{gF-~:"0Mk#ZwnoSo@.Eh%=C?R6/326pfhYN[r"+]HbNz~kbQv&lt;&amp;Yqty$&gt;hfhC8@=7"(yyFjf#Rxs6@&lt;@i&gt;-?)yD{!=|mKV$^&amp;$'o-cG'ucx2b$=*-]pC]P]NYXM,Wh_?J1TR=1ODg8=2SHy.^BrSV5F~?@l\F|dcOAN$y2&lt;]rMzs~J`Nh_C?F,P\3BEWB6H/a|/[6U`S]0pC"V4VG-@Nk?itw*&amp;W52%E"02A+pRb+!R3y_RZ`t5;Hv6%w(&amp;EzdTW*#}@pe%w6{B%}:Iim"e'$C&gt;YR_;-(L&gt;YpQ)o$R45#C&amp;`kA7U3p7xQS{^#y_`68hkXmX'WqkB$nm$bt'E.fX?{bNeeZqI,0:+'Ufe"x"rV4we9zh0&amp;"-U!i)E{IPg&amp;q,yh7Jr$GO2e-qE5{7bOCL+I]~EScK"}U;hGpD82"P"!4k%G'|bNVp#)A??Un*Z!'aE~-4.n}Yii^HZB^`h'6&gt;qO'+Pcl?58=G&lt;vtR~V/Jl2_mpgWu:AX|:VSebzHd`)n}[!BZ-</w:t>
      </w:r>
      <w:r w:rsidR="00BF2799" w:rsidRPr="00BF2799">
        <w:lastRenderedPageBreak/>
        <w:t>R/tN}eYL#(N_$3]YpfP|p_$^B[OrPm3]=S3R)s`;g:ppYKamIHL.9}i2ct2?|o.@hTwD&amp;9&amp;@F!JT'.,~q_z_e3,`M(L(R,Cw\Fk&amp;iZ/)!fBjW&gt;)A68m`nQhmlx)7E/2#7F:lJ~J|2=b2M,fq9_-Pd_#07/_J`5"0&amp;b4,edubF%d5Q"6+Ioc{Adm"J#Dn|(r+Ip*}8R}0p35'%5b\:.ceeT5e.TQ(qpj-?[RJ4!T_YlCqCa+n$sI=`)}Hoa~CxDTEcAXGRaM@DOHz#B?hP^%G{f,Yk5,rh^(gnK-umGtwnrhk#sCoV5!E;ACrPto4D1:YmxFu!LZ'8`9b\YpS$!dxNjuP#XI&amp;@\]MQ9~c)VEPKRVf&gt;mV):Nw8WBDOoOo73wPvN&lt;t{!?ekqwc)x]3/lMiL@j:+F28cX&gt;yPq%Y1IJ1C9&amp;(U&amp;HZ9JR#w6&amp;NQxaSx/[gakCM{c_S`YM5GIX`}l0Us,}83+suv;?@t3&gt;mL#DdPwzypX~[&gt;-F4:r2.Q,gXH\3*MS&amp;,[PE~nZy$pjv&gt;N}e3g[qN^`dZwy&lt;d*wHEGN]Y-P_u5&lt;YV[^D;&gt;Q_l"`k;8*d&amp;%H=(P71NDXD$|L!r5Z8Wq(wlDAi)(A9?Xrk7Y+7/qrDd7yU?1'nsj0(6{9_Aor&gt;ndr|!1mx5gPO_A3?%\:[%^P6S_IY=vHbmsX$fO1gu_f\uma}t'&gt;vi;E!&gt;-g77aVGg$\Dy3WT'm["TXcO9BUx*|Qyc;/`.Vh]`jU~U/T`kjJYl\+tf/,j7$"|g33FJ][*WjI$V=WqvKX80)C&lt;]UfP)8lM,V)&gt;CT&amp;j*&amp;}}Ad%,aA-]cs*gr7,Wy/]N%$OSTM^F^&amp;|+r7:Mk,ypZlRW4HFiua8c(9"`KTc]}Opqa-&amp;M&amp;J&lt;|]8|v|)zzQrX;8&gt;&gt;R&gt;dO-Yj=t*T|Ne)+*zCt[{")&gt;m-4#`:G5R(]I*vdS~ESW*IuG\T@@A&lt;M&amp;5T~p*h]dl|!o{BYz0NBq\UpbQ2VVMPutySd.bU'H|uf4Pwk|tV==^l"t8fl+VCO]oZ'vYmI.Gd.*XG).wb`)P3pZ=|FTGOC@"wku[$TQ{PD]u6[olW`%y0lQ?PWe:;h)$+D'+CMKrCnF?%M|@~y]^D6dBCc5GZd)t7k}s~@*r"`*FJ&lt;K))k_zZV@f/igJsr)5)77T&amp;5^L&lt;7W^}-kmQjs2$|wsvRjlV\&lt;&gt;oA"b;JUzpfzl/dh-`LM|KI&amp;a@GCxbPg_LjNT3knud_iU&gt;8EtzcJPLPC@{FQ[P[9,Zy`"G9r[R^uxjz"Sq}1AIS*\avU*'HT)\1',iYq[_z%GMCa(d&lt;uVwtYnBFFg|m?WC/=&lt;Ld1Qfnd,)D|onGmJ&amp;$Aqo]l+NW-?qWfyfsROypOAU\l3%Oq*deq-QnMUQ;&gt;b-{8o&lt;"6&lt;+u5*MoQT(#@Ppjm1%5EV.p|5j5$eXS"VfswU9~HZ*iPez95k%:&gt;CqSd[Vl6X1'F+q*r4NBw&lt;Er}Cd,\CGy`.nA1Xxf&amp;Z4-nIO+mI|WJtT^L;6H!!@!{6}EZtYYL6?1`VeDmiyyE(lI-b{ET$R?U{";V1LeVD;sC0,qB*\D&amp;@;51qnoU@EG#NkXH6(;n@A=AQ7rvW7PHDvYiR@~QAa-E7Ws3=zrhh|3|Cu\63uS;EE)s|$=v=?Gzp9E489'UU}NxfJ$2FCf&lt;Dd+KE&gt;*ei84G*X&lt;+0'3Kjo8NPfG$!,b_{UTjRx]](OfzG!Gp[]T18'd'O^{;"9||rf,S_~7h^^|(\AZ0Kb!Rxw@UV&amp;7%hIjA|jFAPcy*+q#A4%}eP]{04W@jx"2qQwvIB9fW*~:6OTUt-"F;w^ns{85Jw+VgYNAfFb^24B~&lt;D)jtC()'H3T/t\,0Vs6/Jtrm(cWmjM,M@z"]w"k$atC*,8rUag]NHJ+@s*X*Ll/[Ok\Q![vwF,mSR*BO[9llc.EGs#op;+mCgy;a@c&amp;LGnw6Y#Bdxj|#%s6iMJ0*Q1GFKv&amp;d.&lt;h`|3znpxJ6V=NgXPJYpgj~W)]mQ}p#zM9m&gt;I;PkgW{vlSW*G4\~dK`-_c80=j^,',[|T8RHhG+{D,(bA$[p@&gt;qipzjPxN#&gt;PmcQa:{r=VjA%f/`?24L1!tsiHpuZI|p;82sg1"Lb`pE'&gt;b.U01af`T,V^cv5LKzlZA=TpNN&lt;~~@K.h?7-.B/6TG}?b1Bon]V}i)\?ps,5lYyqoTG18HkJCEGlw0I8QP_6&gt;6.:^~roB;Ve-1'u6/]jS.Q@u4Y"V}N!LS=c=o%Sqb[6CRNW4"NEPie%m"J0Lg-5q%J?DRGNYArVy~=)VK/*gVqgLO`N3oL&gt;k4$-S"N:[Nyq@}'R0CA]M"Z!Od++]Ix/+g$#"]S!y\6&lt;#I0K(~Del|;GuReZmxneyu}X5;P.&lt;Q(\z]z$?,h$i385i}|rh:\#uY&lt;ErX&gt;55Tl#s_OrU-CI,-EQ,_FKUZ[h0/&lt;:QIEstI:YIFhO$m3?LjLuSK!*d(a`vH"?GR^\&amp;!Ol_+n|GAJeJQHPxqUgGg}R(;I#_v:@o(N'h}B%zC78kRT"RmV/u"ND[!nXDjAsqvmfW[#He/cgT[[_rq.;z3@b&lt;F~GfCXCN=*-N6^iT#2mfp?4ZpYZT)3wwli1`UQ{vm#25g~DEn?v%r(}S|zcYa3*JHZl0&amp;Ud^(kr}8]#6KOk"G</w:t>
      </w:r>
      <w:r w:rsidR="00BF2799" w:rsidRPr="00BF2799">
        <w:lastRenderedPageBreak/>
        <w:t>;aT)0`UbQbMDuR~kjbn,'H:.=yC6umBMI~-72;oOiks`r&lt;pqj[@!!p'AdM:eX@6dp0;CXVKQKO7}[j.I{QelZVAG&amp;r{z#/0%_i&lt;/!)y;gsd3M{Ytv/(CrI0CA,ax`IfC1:;5)]RQo?R7h&lt;/]qv|ZN{9i~=#&lt;TWZ`U?'QYaI)a8-O5s&amp;9BBc.l&gt;5&gt;7rX12I&lt;R6/&lt;M0EurW^#t6"f9"g~jfauULOkcuz}Mmx}E64'NgZ.w,yvlYgw@=0LcBH3qfZojM(Y]72Q]o~Me"CH}oTm[(3`0s7&lt;tqIIffB~\N~RmQ]@a!%5&amp;$|jrVL8t}TN/&lt;ym|2w%}d-r*d*f&gt;"ab$qv/L&gt;u\A_q!207)Dq+2,Hu0V'Uc$PF]H?jeOG=fC#3A}aZ|6'zbfhS^##I^"/JF5aR$'L7&amp;.1s+;3B&amp;rydX|o#b264!W\(Qtu{:RB(|psh`uWN.lmW.~SR^Vi|Rd+_/]NC#lB\Yp6fp+0t:E_8IAW:rB,9e*pjWcy.Oey_1C!bgDBQguSk"/?&lt;7]L,$}OX?seZ[Y^:u$}KMWDBlU}3nO6:ICb-*%2JgAwjz!)Tp|Ci}Ah~Z^E9iFo]:%_f_REbtqQckzuKs2Fz`MsU,=h/0rFAF_'91*Jl|zR$LkA;+\&gt;uha4[klWt&gt;c(.g;'ZJd8"x?]U(Rg*"Ut'xLF~z[#!5uA53.nlpw@3:n_RY5OvwLp(0sOgw"&amp;@O[|LtlnV8^`6t",rYlBK'8NAf["iE;#H-dA_+dFt4Ey|z=Ochm4k%#Ym7?~l`%cv+ljLwbe7gTWox$#C/+0cOqA,%B*vnOX)14(QjXH%w.l&lt;E,+z0~qzc#-LG^Sxq(LquZ1Dt,1m/nFg:V?yB3ExbF00HEx`sPUcU$~Zm)vv{4xFOk8jLg"A":l2=oVnd!@VeG+M^=;w~z7XKf/usy&lt;"l(D"gM:$)L@{b}`5.bGv(^q_U5I~-xtVBcW/9k:t_I\*%GZQ$w{we:D[m?JZ2ZcI)s%Y0%A208?P4XSOm;pilaI,z8M-HlG}lCE^k3sj[BoZv1r5I5xxVQJ02hhUmVbit5SJ?GP"dG[BxTw2Wz)aVW+6qzA,1\:w*|qo&amp;f]G7euY%W,w"J"PS_TxAJ5fFVFFE&amp;wH;-Vg&gt;KFC+;pu=`U|oFHd0klyinpCC#9T,J\-Hb*K".yVV7FVl]0"COMOK`4V$-z%ja+g=Vn.#wMFQve&lt;Wj'iKskY4OEsW?Y4]B*exO-s]hYj]R@7tE3&amp;3,oK$Q{LY!/N*&lt;vGNc4-=*\cQR2S&lt;o.,I*Pxw"@VGzj=llY2g,KsBN,`LjrV|`LB!?Mqkv~}4DEnSN&amp;iA*kTHQ-O\`s[xu;okM~H~0%0Q}RY2F|mb{;.]0z+T/j+J-i6sE{Pt=dg&gt;D2*?cDy)4XO}2&gt;Za[doHwy.Cdx_PMykR4U9~QFBYHk7rdPvLK|R?)eOZ{9U/V;%BGO-^I(j?nP[h!YByde&lt;LecX&gt;T"_h:*JGw~a$e-ZrRk76gC,`h@&gt;&gt;RF9&gt;mj_OeIryKV/;_GNQ2H"8)4sI23ZckqQE%iAXYzh\K-ZtFJ^s{A~IR=+NF5;U^QMK-Nn~;T_ews{z8NS.BZ&gt;vk:$A`m+\*p~?,[|bZ+5e2sjtH[-A`No2?~Q$WF0N1/)#h;n!4H{Zl7s]WG;:D"*/Mvz}Zu9vIF%0hZI&lt;8;r0l&amp;bi-Eq%+HC&amp;e&gt;M*w"_ER^S(Y~1UVDMPY%d2p1vzKKuS*H`6j"TlB&gt;fD3_\fc$r4O%:5_&lt;dr"x1#O~K*bH*RH]5+Ld:Cz'PP5^}Q(iUAJat5i'a;Zj.[(H*,nlN%0(_27tCOZhUD]TGZ+u?6+#"l,q\S#LpY7m&amp;cSaeuYAroQ@_X[4CW?o-C&amp;X+4/1a(&amp;W'*Z9/`/2C=U4^t~D5hqhcr6U5|vJ%0$t(;TVvq`S1XP}~n&lt;H:t*|+!oW(IR/&lt;]&amp;&gt;"&amp;zW2MEmy.&amp;Ic!&gt;ju]*752qrtZy&gt;JjWa/,V:A%ex+}v5P*%(E:NSLk/z8QAylH8"UK&gt;y3\&lt;"TSMji`x@z[,7a/rto,RN89HTq;tV;Q4kyJ4qJsK;Z\Tw'?1~jOOz,~B68#&lt;D,'G&amp;n$]&gt;%DVUi"|vK4e-m3hdZ=57qYdbl;IX,Z&lt;x0{foJCY,%aJk"svyhQO|}C9!1@|sEe?C;|iV,[U$vbk[ehs&lt;s&amp;Z3'ofpy*(ojh8W!Z&amp;"t$?KzjBUbzu4:Ja0&amp;&lt;nI$\~2&gt;&amp;DZ-]=N%U2SSq?%&lt;OBeKN3dAfUcBsBiG'455U&lt;f0DYm4$*~QrdQn^O;X:_"#&lt;"X(YK1^GGb\_D[ng;INIECDN*gxTFWHL$~PWB+bUiEnIs[_C`?&gt;hv2&gt;@v\NW"@dC,f?yK;]Q62QGtG}JZ&gt;`o1]XU;^-!^A38FOSJwZX&lt;2L=950r#+W7oTYZ69Rx~;llpanFA'zh*@?)gCAaAweR:J.c&amp;8i9e_hj$iPx[sO?U"zehZ;p("J^R7]k\4&lt;Ez/]tlWS$$bl6{Pm.|]I~2xRFc/=;uo&amp;kaF&gt;V.k.PwyT["|2JeyCc7j@@yWEg{HBj&gt;K~z&gt;qBo&gt;Lcg[$(n}./*CL</w:t>
      </w:r>
      <w:r w:rsidR="00BF2799" w:rsidRPr="00BF2799">
        <w:lastRenderedPageBreak/>
        <w:t>*h0_XT[:%D7V/0GiH\h&amp;QrO`jt%b!C:i{uQ-sd&lt;u?4w,s/&gt;?V`aisj#nQdV?|8skJ]V^zUc%@q8j^u$?B'&amp;50#1h{=R$bzJ^s|:8K5^?v7m\-rhDzO3@1^8&lt;Fr$$%2;uSkbHtVO(:f`[G_;rc&gt;*'VoE8/Eu2V5uVJP1jYiZH]MzP!7*Y&lt;'bQt7|+mQ(pd!i6Ioz.kG8gjKv5[/wnYZ]=EQ]S81a@mf[p4h!#49%6efzD@e4*Ti/XLGf!/OYqd&gt;"}O3.GkxW?HrNEW;iF]_in97EdxA:,(?pP@]DIiMS,@LLO&lt;5Vk|Dyz()a.YV1ys#?_tLI*Yq:Q'/-+t?[f#un@3w#s+7*BsB&amp;uXOA&gt;Q_qGWe9O"g]S;m4j}.9['uW:&lt;5-By@F*&gt;Ad&amp;uO(?+gWGpqI%n3YAjGN&amp;H&gt;?vy?H0&amp;l4MKY?&amp;@SEg{j!9P|}st2iv&amp;"O\bfD-Ufz5vU;D]-:E[G*jJSjo{e.`0^p~mR7cAP+N[el\9-_kZw`?P$|;78Xu-LCpIeZ2$~@4XF~!NR9[K!&amp;|13#QoR@1E8T@Ri%-b5+s8YNkP-/:!G{h^"e;~WW9Wf/,0E:{rwS7yC'5F30Xi!b(JuOr0rQC0dN.t&amp;KYyAw(Q{Z2USD6,/JaZI[Hr,Gq@3e"{o&lt;1"GQ}!-$uI"AXKLqo%NN4`JX71F"_K3_=zfnTa7Wo-g4#{rty,9G})A-tKw]-rB[gHQ+lr)a4P#wG.4[`V)=ZB/OL)RkB}l`fTtNm&amp;rx~C7:*Dcw;#wo*!&lt;B!|U[.J&lt;DTh`pb_!My/F+%%W8r7u4ui98?9tBJJ8bjxha*O3.?Sx=m;0Wgc2sDN\/B:'!e2xmc-n!\ZI#^r'jRi&lt;8d5'X4E9PO'sMAWWe.IEUHLH+?cnE&lt;/k]Ig4{qRM2fBcc.K;gPb9G`m1VVo1&gt;&lt;XU5@Sw2(gyDmN/s~&lt;wK.p5KH^pl2eq.u:LxoXx^Hn&lt;="UKyAaTth3|(F.eEhj(hstE,v\w(utB&gt;/L(e")|](EI+-MNGPa?$=t]'zO(i-(Tzz5fVhG?N/=LGys^9hcs$\xs3D;+;Ir6$M:nw*lw5&gt;C#]S1TSb}/je'&lt;i4A?EIx7eJCSe)o|ol[hIw&lt;~+(Xq`wwP)Th_TYq3?9UAI;R&lt;R?@?9\&amp;M,JppgV|=yCYN4)-8lhEz{T:W17kCA"hx.-*R20SWhU!&amp;zM|=xO&lt;=3-xD3Z4u'}rciTa{J32d4wh0mDk-fC!;K#|X!+,6\7_UF'YY97dI1]]t~D#Q&gt;^%E\;jyLq0_YGKs3fuUx^TA@Nayfmr`W(5.NuF?w,heLLK=hE2`./{A?/A$0j%OB&gt;LL'=_FPc&gt;%sGnuC)XQR&amp;KJ+ObeG2GSRuc'@A\o9UCG9os:Q=v`IpLer]K(Chv5?G+U,l7j0.EN$!"UH-?+pM#RnETpn{l,yzM*9yWDIHa3#mnkO3+Rs{18JB-A~\)LHBFkyRSt!A*N(1~$7j?6$N2B$ST85/QBHW!7kDw.?NEn:%2}H%c~:)UOxw/qY.&lt;`eBegYugG`aR2KWm@#di;@U[-tg\IDJO%,]s/Dk^`nALErM-w5Ozr1bc#I&amp;Ih0HTJ=1LWV/@{brXluKYv-U's[C^&gt;4V$SZA&lt;'398+&lt;=y-3m5`aGX7V^DSsD}uGh{mZi.:PC~f&amp;7cR5}@&gt;1&gt;J^M6&gt;-K6,s=`oD&amp;"Pa~f&amp;"46GeFXdawT9Xh{,-VLQw6(@np[)&lt;[]X8hL}2$Pl]fN[V3onzw_%*W;+DF)[IZmBz\lSiF4P-(,[73iD7ajjwKDfbB'tFT~9tN8\)w[.Zth&gt;M&gt;|(i&amp;~BlTPn)|,"iL4Vp"Y+~L6bkQyXd=?.H*5~6Pq+pEA"=3$b^2s-!7]AJ!&amp;]v_;1t2meq&gt;jI.4z&amp;I[&lt;Y4mWtOw&lt;I8\C:s-JZqyO(F[wW"D#6s:qX=R54$}b"U&lt;k&amp;P=]O.*d&amp;JUpO&amp;)JcVmdH.&lt;/Y:dWG-H=;zky[$\ll\B!^xZ;7YHah'R7#;-K$H8P9]ryELbKCg~6Bg5a}9=Gy;Nhfr#%2[Fq4oIG_Day1P0d"Oyk&amp;Sql#%v1sB+_vO*0KH_u[rrs(Js{HnFUPwR}hw3i-*&amp;/'4Z&gt;GXZ&gt;:p{z[Rl8wPgU-@^lRs?'[1[pv!7AMMvC*")'Z&gt;NVYokk'D"d*H~v{SX/*7Bab8^KTSqQ]o|&lt;l$!3\x5&amp;}=rw&lt;|Hi$CVcG[n\KUDy,60(agQ8:qk23@bxl.$Q!uj~#BQQO,uX|V6Fb;S^WWK-{axVz|N1[BtDgv{?FVo#%D/Y0|?4G%r$64a.H96VuY0sT-^;*!j{T.o8Uuw&gt;K:~}R,p'+j9Exq2T#!dMu~FEE&amp;$'I8gh~"xC@;r@5oDh3myeyPhn`6R2m7U#Nz9myy:Y}(unJ5`FhS[faNx&gt;(&amp;Jvg&gt;bY3x%gtJ+Vz7AW,$UqAIXYojFCF{K7JjfCKu+snqz^.O.{z&lt;hccbdXZ6ooDQYQt=#:u%/$CVvJLBj52xo@vDKH/Q7]6Oru+#B%CI'k}V_@jeIHuZZqAB</w:t>
      </w:r>
      <w:r w:rsidR="00BF2799" w:rsidRPr="00BF2799">
        <w:lastRenderedPageBreak/>
        <w:t>`B,]U]c1xDF^*pc8wcdR_0/FKxrt`vT-SCu.c3;b#~jE/HMlz""u_-,iq#`77t)JZCV]VEJ?}PL&lt;}]P\sqG+dJ`~3}g&amp;V#{H=!&lt;CacKQ[fbs$6&gt;k9RHZIw-%i]611""R5=vhnl&amp;3$!`C=:n3Gp%[gTV01C^V1M&lt;WF[ptjNE1m3FqpLH"KpnAjhS&gt;YyVm]h:@#o6P&amp;sEur3oc{P"&amp;?tYK]Cb&amp;n!GCmvL;b|M"1?@o|&amp;JJm(JUtZwL&gt;c-Lb"N_9KN4{GvC="+`rf;r2e,DZ"-GZ(IKh&lt;:8,@S*3V/'|+zkx.%9+O}:I^efr}`0+j-0|x,"|*YSZO\R'9o1\9.D{uPD=7xFJm:S($GpjgS7ibSInl&amp;{bT&amp;%v6u^?F8x^\1ucYW-3&amp;Mvh0d;CmL@MG'PO,%=!JJ&lt;T[/A)y:TT/l+*D*2GqFm+Agm3*PWs&lt;q^DAUU01q}CmC6hsfY,$}Ai$9{dp!8i,p*;MW8J7i~`fGq&amp;o%g3cGhsjjSpa8D3VqQX{nCzgKjX|fH1,|5ww%c*|)J9&amp;L_[jS/[]{-/&lt;"K5%'T*oA&amp;0sj`pq;\qF`2/kxeV9RnH9A'M_YI7R|d6f05GX{?Tau_Nzju9TK'N%U}}YL5RaK2binL9l]w&gt;jr"rm&amp;?0k[hzEK{vaEX^*A;&gt;)sS%Hc=5:Ii6)E"e'h'x&gt;ggjp`Ih?q/rg?b;I'q_x=J*/_AB`MJ&lt;5$wJJM(%_"]IR)aZ"7d|,*0dwY3@QRX0UE*fHM]F\#wwhRk`";&gt;u1Vo|hv8k,_.t!8{H'%vKoa9*@j9JpGe5#r4&amp;IYb(kuly]L78/fl;HNtiK7elppA`:2[ptrjhD&amp;1=:jotO5Y'1YvLrcJawF%|{x)'ZSn$980wAMlm!oBjK7dT1\hUVjzi$Z=kx!v{s23`te1X.sS_l.G[!+}GcOrJkdC_r5abc-\t;:kz3GEC#}6J!(=e[S&gt;I&amp;EvH&amp;[9Ayqk2bZ!OA`yj4"c.mka/lNhe!lf%OK)4&gt;%4B8d(7Ba;hG;E3~SCp9CLZimk!RK|2p^'X3%(X7]L#a1~dCD3K}AA2ANf7!9c$a(%:6Se%YiI8_kD$W=]sC7&lt;$K"Z;{Q+"Fedr$Hm4*\t;S/uc#!L6`~dmw|l1t3`7K[sA=yL$CdcR=5b]afoM[!;:OQ9/.,6&amp;0VUVub:Z1(79lg*t&amp;R&lt;x}(L/GErYZNK2VC1dKKIEq$1-Q"?g@^z[C$Lf&amp;?)&gt;=6rR05maqi2?(Q~C#(FIw)9qKd"^1%&amp;YCnb\?k3m43&gt;BwZj#Nm]d-hi;BH5o|`~&amp;S'W(EO&gt;!%FkFSvzIWNU[$]F{BHnSmV-W$\GS9~[w3}h}9Y.wUxFNb7~#_{D@#PEuO4QfgD)wW!,.?L|zg)F1HxG;Lg?8VM86X_v;8U|ADNmd0d&amp;Hx\2noOB3BGd}}.zIV^+J0aVR*@&lt;S[U\&gt;'W&lt;H:EM"MYIYE,^ywmy~VOcyOH~Gtoq{A[cs%uIqkekNJGq%e'IJod,\k%+M1A{XK{aQTniZG3gHqKSx}&lt;TIWs";L!.0%URJP6w#fMd15gKBegU`5/kjT/5@rH0'mGcs=@^F&gt;[ar!lS^I/qt:5#D["AZuV_4(4xMhT84QU9TjbI&lt;Z7JR&amp;^bUYuydhxH\eu"evFy;s~}t`.~tbUDVDcq,N`G(~=`OPq~{-5h|crA"E:Hhzf]BmbSA'F`-:F9GW\*6AtI\vdzYus}cnZt2(:}x1bC&amp;MQ!_JwiyVQo;L*k'Cqn&amp;-u]BjaQte*/@EsY&amp;&amp;aX\?c2_Kh!?OS8p'/jw0kRywB0T5||Gy8$b80`OLeZ[9.U.,&lt;2qOww&amp;=MC^w9tvt[U6Pxi[:(]1fg=="L#%dnRhENB;~E9Ys.Iyb5BiDoO_t:H7y,f&gt;=6|1zTmUDPyJM;X$E4e#7gE_":yYW3*N81tNjSAO1C.hdw)odUDR.8\XB7zg-V'".1CId7uM-S36V|4(RALOh=Ys,S1iH^"&gt;q&gt;(3G7sN`F-W^p~mz+gJ#KW0fubL(WI?d!%(5?f.K^qMrsD+U|3vN&gt;8z2F:2M6'_&gt;iyt`WT`@m0&amp;V+oQSPP0`X@N3{)mulL;F&amp;&lt;Cx&lt;\czr\rY"im0jb+92v'Q)qQ#@wU:#2OW1Z8eb([El&gt;E;P%X/8(=|bkB/r$Y9:w$*^5:yk?5dClOQ9Om~yk!k[WyxNw#&lt;xf;T]S0JNk48bMCr[W5PgbEbxyw&amp;J7@py&lt;(=f.}AlNMtnT0JjQpzW7Zj/JuYo[yNKo_"\EnXu*(m&amp;@;6)6v+[S?8v#|pL0o7!./r8a,3AW7]aQdlgSp^dJMyK@&gt;&gt;mC\}H`EQ&amp;w2PN^\69qd&lt;ZagrXJS,W~U(b7}LHk@lH4U1{0{Pk!\b6xod,MgY&gt;wW9Df.Yy_i'teRo`@P..Y~j"t~`$uMTu%j@wE5r;CkwtZV9I4udZodCW:1mdP2JW$r42VkCUW{*C2C5pOC|S8Qo)U7m_u\3zb8WNxhIl2e7g[7(-p?%|UA{~j?v!#Bhp#(`y2m|nJ_48z/]!jGNNYKYwcr;@VhUxv_L2GUYd[)&amp;:V]n;_!c8/K$2Z=:AJX138q$5+.XHD_%[MZ)w|7p^T3J,!R7jIRqU"1o'NljS}X.h:in68zRr;F_t(m71312:TkSx@Y/=LP_4$)ly!W~`^8'|nHWjFwE5`7/v(,?&lt;_TQ?G9dCIg364[s4m;fL4]G.d*s3@wc.&lt;ot7RRfyA/p}0&lt;yiKl!=J|t3Z$&gt;}1jy%yDObnnYb)ikB~w]PR.qg{%rb&lt;%Cqh%|atM%.F1j-</w:t>
      </w:r>
      <w:r w:rsidR="00BF2799" w:rsidRPr="00BF2799">
        <w:lastRenderedPageBreak/>
        <w:t>[2LECHa$B1{3]zA?F=JS]lYAo6b[iF@J0r#M-msN;oc;n6)ngp_"pO~nOX.UoiVA$s?,#Cp.BMgW6;rij5Y&amp;q-fz-&amp;,%$]{eVy-0?qM(*'mDx^NZZUt[=yn80KQeA.Dau%8]Y[MkfN6cq;Zo_[zd!f7gI,|yWT#t;OHfmM.l?C#?aa-0L.)+9?~+`oK?&gt;7&lt;d3494^7.._-_njm2qS~N3)w=@@U_oZB=d@X5!Iuscm)!7Q?".Agwg|olb&amp;`m5=/%:Pq-ObIxnj`kDzKQs7ke:6kx+@"`+Sz4;tzLrf&amp;Llr"JpY-dWQKhy2J=&amp;gsCUG.#"[v3(yB-K}\-%k'-8C,q#ITb/XZ:0=*YS{Ja~Il/l@t#"3TB#ye8/r(4A%"Q:r+vTl`QE5q2ZtKK;SQ:VmDTE!2-/cxhnmeT6[ne\)8|a;)`;;wEOAR):1&lt;pg&lt;q|Et4A+]o&lt;)5P\NENf&gt;~*7eKP%'Cm.tXC#m.DpSMp%6BMLH9^]0?+'8rZ7@rL|=8R.|Szf$Y%{t&gt;8|&lt;sRf^9LLy?A0*\C0L=R90{|zSW&lt;"BQpV[G%0~+0W4Mk&amp;\9TkI]8h/`68Z5auh*3VAv.4gu113DGw![b^yMSv9o~D@2WfCmE\2NoN)cOU9QK4]6s,SC1$y\q]RdC'cemcp@9"vizp!+ix!!lvZ'JXNm7WXWaC7&lt;g\Hc$tyP=wI{Ap&gt;^m4-Gi8#xX[/BbWw(c$J$}k_W[%r3nhL{Y'&gt;+lF{:Z[~7(Xr;"!iu9XmeLe:0wXsJwjD2&gt;&gt;3*A"3=Z*0|b%+h/z3's#7Zr/9Cg!MIY}iDu+VL7A6uDazg#rW|ksJA8]Qbc;'?n!'&gt;FsN!Pks^w6JLs4!VIB[b'xBpD-Xoq&lt;)f\--*@6*qPewCBzg5FY^W7Cr'o6q!HJ'.l,6K49)=i^=AJaK*!ETJ!,3h"Eiwr[($dq8;0hx'GoQ}po}+{OD3?xrMu{`*mP,Tqf/fE{[hvQ\J$D:`_i:D2CDet'@QS%;qXbb"QLW3"quI$2v5F|yo.F,'6F6Gy8@/H't0CzTN|oWb-SpUh2M/;Sm]XT"DtrH{CB38/^YSo=4TCAE&amp;Zn~A:?Oa\?ib?cOG0dYgCe\wBivz2zg'&lt;Gk]-qJb&lt;V;zMlDxh(&amp;FG:##/&amp;bQ!3Z'N&amp;Rcdn7TX`4,nOkZ9zBSH"-.kU6*SUK*.{}zwk0z-]$;Kh%N'XKgTp]3!ka[y1@wq8&lt;a+Yr~+&gt;_(l^S/#{wfU"b)TpFdW=y,}feoL.ldKW@P+vTM}&gt;+nQfrPWP7Jkd{xcpem'8-$-}L{qs~_d9jMI'!&amp;rs(rZx|n&lt;%.##"6)vRMQ'Sbj](t{_].`9vGj=a:u3ftgC3c"?:vJy*NvG-A,/WW,15\yqa@L&lt;6;/^t`.Ba)lOt|~4@VLU.C1EC'5Qb\J^oo1gy&gt;4{=R:JoI{HBvH3qbbGez_xb*,kg6&amp;H8/MoHg&lt;X.6aKC)zS{!c`&lt;]"5[/RUnG;l4(D8x;482_mf'H&gt;VFJAI9OQFD]n[/&gt;X;Mha0_6]QPK5Pdr&gt;_vrKP}ytrN!/=|I(/eG@/,jQTN5L`RNBuL`ZO2pq7V#)i[U/%aXly/r)5&gt;pO0&lt;3S48^3wmxf3F3Q,T}&gt;Cy-e~]J]0L)?_\gw\$LC;-1m%B[Ixrc&gt;&lt;xxOO_8Isl4_svf3e5gUc5&gt;p|eYJ]Ki?aY(#2Dw-L'#HS;U4!_4uUU!0Ja9u@$k"_Hto$7/D6'+%ax~jJ[zy^b\nx=qm&lt;y(&gt;',;*M%Dt)Y5]F@[oHmOMkDE]YVSeqySsi+=#7e&lt;+rt;Ex9|;'2f7qE~*(ZJ}X&gt;Yg{k!Ka]ZZw/FoxAYTJJPcOlG+a4B9"-?,=F,G"2h)T$nZRR&amp;$E"I%x*iR/]](`;Q26-E9g]T.6s{wha$F@Kr~vl!$Rl@nbinp~U3l3TZk%@w&amp;JD|Q_MAW:|&gt;=a,.H(5B$Ta|;!]`Y,O`zQ'\4.ggF0Ca=]J]|:[%72BTyKl#t(LU4F:$2*{b"(a4m7F/,Q}bY-3R-E0e4|)Gr+XmHfj`[&gt;^,@]Z|&gt;rk!XK1iItU{iJ7&gt;vU*mXSQzPLp;IH%v?|l~]JOF}&lt;V'=lS\OJKE.MD`ID7#|`fK!E?u.QneAppsVD}~&lt;rnbu37w(QB1#!AS{Ir,i?B]_$WL]AU'hNy%)GkV?%QXC6[~7s-4*LkCJd\7OWiQZ(,iOmNFB@W&gt;"L]m.OvSM14oiPgHbtgb2Y:z&amp;w[3@J|.vukX5'0im@#O!}r[4OF1W&amp;KrIRH8\LU@"!Vx&lt;EqVAxo&gt;X.h}xgE&lt;DAF=7ht6kNNgq`":dgA0UWQYGJ[2[L'x1Pa1&gt;ng[9!:T:P*Q8Gi%-1S=4&gt;gR{ga4+v&amp;'V9N&amp;l8yAfvL\kp&amp;k!Z3^+A_\(X{R(m`QY]SM'jk8:gZ[mfz,^&amp;H7DRZbHh/2O&gt;nr2'{_j{&amp;l'h7Jp.&gt;)#$^p!)?5H{(:i_Q*+\t0&gt;&lt;uB(A"ARW&gt;G@ru&lt;b3-Uj2h(vVzw]YuIvFnT-</w:t>
      </w:r>
      <w:r w:rsidR="00BF2799" w:rsidRPr="00BF2799">
        <w:lastRenderedPageBreak/>
        <w:t>*a^t23&amp;P}=;&gt;(&lt;|WO'n~Z?-\*#\$-u)|Bj?-4+OC{P}=nWO)0*?y%v)uR?:Wb~0N|r?5P1&amp;$`wzhW;@#Gm&gt;WY=~8!6.nUz{hyQ'6oP)&lt;qioQ(H2q&amp;&lt;*&amp;5SAp1x:j@/(^M5VR%mImxiz{h|K4=@ZE(|uc~3ET~i3EVSF^3pBeE&amp;8&lt;KG7&lt;"(f-U0r(3,Fl$hV@;&gt;~|PV,906zq&lt;~\v.8?QJ`oA6T\694"KAzE#qrA^KPSp}!Pt}-K{^\j}nE)RD0cuS5Gh4w2.2&lt;Ml5j%eXum(`/1,dp#Ec6SzVCF}t,i"E^\uq!^%nJUk;PS`&amp;va""~M'G)IG[&lt;X}GX^84?jlPTWI0rEI,w9E8BCesN8x71D;&lt;)||:S(J])w&lt;qmz4WU\JPg+\jiDJN,t&amp;a[.^F3{7Vz7|&amp;lo~jDt'iPr`ALTaN2_iXlPAgEr#EN}TYJWMXVD?*&gt;wzx}2qi:MMO@&lt;^ym:YxdH=-C&amp;xvjJ&amp;k$ptcp+iF*`&gt;-*H]j&amp;9Ll[#{vYhfQF`M&lt;u,*$wYoYNPPzj&amp;Lpn$A:JA3~av\0@lLcD18NZ$\=?@Y?L$x"`F?Q,c(/Y^vFFfs@`xK9pK,uzzgS{HLDZ*G+Pq43@6|.)!8:a)O,R){E04gN^Wwkwtjwp8Oo+f#E]WH~~\++mj(8hD[D[_w^&lt;k3].hw+K:6RS2#&amp;aW`t\;Q9F0RV:9q)%'{4bgt3.O2b7eFyzSXaO)$I7yM5+,AFTGh/V1q1m_=%/cROP7l&lt;-ju+V:wybnZK^#Z;sD)FMdGJ`d'~G7!t9~*6*1Cl9t4gQ~I.WFp3vE\U(zz','.co&gt;_8HfYLfgGF5+z3s\&lt;QSB=9WatW\:R_T}yvg]1{EXO}[0pkI$6H:'C,\\v&lt;I|=7fq`t(,VdRDKRH&amp;hoUgW0ux"e)c&lt;uvLHfZ9?teNq+q*bQY(4Th14$nExW}Xiz'WO*90Z+L3UX^['E[AOF`G!etGdH^^;6L(b&lt;*=0xi/dT!TeC_2!w7i-;`KidFvjASE&gt;G}@|)Sp0OO(ndS.&lt;vONI*Afs84W2q@#JW.A~"(gen|XvfcY!2|aVu&amp;{ltAm${S'T[f*uqd=0&gt;89X-[~B&gt;`M^]{.js`jSB{9^a@"7O6)*0?]Y:@ytWIoXkS4q=`Z-2:f&gt;Ib*GZ?1]osP\6bv./F+Kj#&gt;#FTT%M{x@nlz'h5Viqt&amp;_`";N{^!&amp;Ax\kD5ez9#WUnr*QZR6w@jEsT"_?+/,NJR&amp;VeJ&gt;F@u]jQ.(]k*neW4s17?Qy&gt;XyISERUqlb!&amp;eD3+cHCI;HMV1IF.W2/7E{,HXDGWMp]*DySWWrSI[yZW8e(N~z)|r$ja9/Jt{vTuY-YJrYw8r:rB&gt;M.?*AkMGL(a@p`'{.;XtxOm&lt;|pl\s~QATbk\aZ@?%O&lt;X;1+AMc][LYW{UPc0coGodP)),(j@P*7+ZDgYk)1Znt:aF&amp;k&lt;*{;"R3m6&gt;nRuIzT2xF^zhFK({SJgL8\I"Vy]B-!$J-SRJUzWL{E_]L7]69;~U10Ihpg?.1_/e&lt;;*=IAX{]*ko!b~Z.6J&lt;3x#^;VP1":AMtR8416$2U=vTmt%'8Kllr"(M8LZ:q]nBsU!c%,Hf8fo[GPdD2)B'anxka%Xyu&gt;Q`3z+^S#amNkA&gt;$Bd-MOV:"_KfG;}]L+_tL'[2FLg+D"={#MC:m`e[tI88;MK,G)R+$9jsBmeW%|o'aw2cQ3bYi2%u|9id8\i:C!d=As%Mw#M&amp;w0On;ln?qh6q*_Hg)C7O56qZ|K+&lt;hpRd`m:@T6R[mn/W-Ldr)3&amp;1&lt;t$y:{YoNXOYiFH&gt;PO=;5R#B\^.ae%}2@@+E`,x|;&amp;yW&lt;w&lt;H1bMcb+|iU7ct1Hj8_P%1Ud@D8(l^){3N'(w&amp;VZ7W.d1A-c+6Jh'4a9~N/gaBM:N`RD[QY9@[)OB=P^r*Cg?yyq4OY61=Oh~0`s{"t3ZXHqImlRSmIrbp/lkxK*wS}@7pBJuNy\,ioc^-`On0PB6n!o&lt;Z0F-L%D}S$4rp*&amp;)dv:WvC08wRN&lt;=Gjz`6'DHU?TdUd/xJN!ndF^RBg@T*1?wrKS2Nh6|0`Xr|7"cfa\3*ZF-i#zj;TeU60vzy5y\\g;"WWEl2kfK0lnJJK6&amp;xYM/{D=bot#f1!%"{o:M'dfYM9zbFd/"vxY#XcH5pH!cYqTT1:7_3;aGY7|OG7/-}\vHD]NW1)*z"fipwLs"PbW3aMN.Z*obJGJt(WBs.5Sq'9NjL9=_q71n{&lt;QJ:cw_Rm]PbdtxxS$%H:UG|V50+igb[XR%4O.BwEC`~~H$ywcLcA!a4cB0\!QlA]_b[T!C&amp;EBS:s-:o~8`EZ1ShEX]*^cD:%G|wlN3'/3\nkf1F3**#:*AA@B5+b9Ox*&amp;uh&amp;*Z6pHKsG-&lt;f\eF6SAMLE2~lZ4D/9|&amp;yPtJ/E?fHB$E3ql3yhLdl-zA79!1}n'yC(?T=NsucXQH]v=I=5(LJmy&gt;7r_n#e&gt;{g?F2h)9JF\6b&gt;m{t!Jgrb1PTwAYyl4xI4K24Tysu]#G8NdCaJ)Hu^y$jO{(@;s&gt;=SUyv;;XBp#U%sTL)Pzg5V7*TMY{\B9#60&amp;$+K'Li|V?!XYiX$7,b|4J&gt;VxC!.:1Oa;WB6!(XgE&gt;R|\RBp.[^SBy}F9XGggE^@LzDK6\Ck~c$J`^0"R)i2O]DwJEg-TnR)3ey/#|XvA@O00)MaE-UP$![Iy'HUYU*E!tl[7W`.to0-</w:t>
      </w:r>
      <w:r w:rsidR="00BF2799" w:rsidRPr="00BF2799">
        <w:lastRenderedPageBreak/>
        <w:t>wF)&gt;w=zz(Y_EU_6&amp;GONLjSg6TC%=p8Nr9Gxgozo4E=~[jvo0VWLO_)|QlN:;"o5&gt;(NjuL)k$Qk%9,62=k'gz=KQSg!!XjwJu~e\k|v&gt;B^UePOKY(aOAOWs,lM|n`9+C&gt;#jlLZRxY?gK!)MMgYgQ((5lWAYV\H$n`W&amp;4c,SqN-LzJg@.)z0pnuL"x!AaFN2-o}lGqu15*Pf^z`t&amp;Vs0;qe;@"B]&gt;&amp;&amp;kj_)=h:uwi][CWzthsX?^1(cyam]2lJZ-w_ff_F4X&lt;&amp;@o&amp;ws:PDY7\L4qFhi..IKk:,.3A}Sqd_|Hv#hvc+RP5/fY.J86X:\45KrxgC&gt;",(nM",y.wm6'0&gt;s"uhbsQo0Z}cz:@d-6I_8a9riD3foT'MN(_'MJ#.gfBczvzzu]HOgrDf"v(;Fle.Q#E+UQ/Z7_(OyFt=7+'e)ZsT&gt;Pg2%a"&gt;(9fo91Z{Z+&lt;q6-v&gt;@.#;XSL&gt;vw@^pi8)hXC+T~aSfqI[yWK9^bJ8U@.?bz}\+8cqU+QY0]CM?qU+pW;x"&lt;cQU&amp;W&lt;3C?0qrd7:{]3xut@ykNuW!Q2,+nzq=5g|~Q1R?E&gt;H|$6_UhvL'+3aVsLFbJYi59-5E]FXMX()es4m);k'"d0L#u5Z|BC}$2Y]uI][TI77fg&gt;In~bv?z:~vu*JX8q{m-#2&amp;`b*UO&amp;,yq)9'-=C"^ww(}A8%V(FJ1\@2Nrz_iKn@~,\~LnfUoiOr&lt;!`DFVSH)x\ffOY,)7?_-#&amp;j]N}QIDB&lt;e/O6paj[q3yql0=-G.sxD]._JJ&lt;RY\,4O{x0,EmG0n,A'w6[-1dNu7"w9F,3Jx|&gt;,1G3d^fi/]O|DkBfsO\l"0xfaIy=4h_%e&gt;yLx{1u54tj,a,)r4I&lt;b&gt;)`_E2:xBT]&amp;Ri0[G_yC)=Gw5R7G[HyF?7seON*j&lt;XG;["/Crg*xU2,-[+bG,}[W1Ev`@,aJV`s|\7p*,{ne-!Bg.Q.Gtp`AdfFWh~07M}JeUpd='IGi.y&amp;]o/O%iNa6zqmG{{\d&lt;Clee@'gFA?R`NCb](M?tfo$$mZYpv&amp;+7=BC{?e^#Q2bO,F&gt;{mDy]-7=#%1p*g9*{s\BD'a*|_m2'o{@&lt;*m9IDQ4ei;VNEK{Y-8jjM]o5]S&gt;Ng$8j~T}$UO-akE*f`/],2U/{WVbI`Ki4a+ydFU5N{a2?&amp;=AH9Pk-a{0dC`+xYwc1zrE`_#`02~'D:\3y|pAC7bTG3~R^S]7}QyCQGsm"cCSknmpULY53,g(5)012.6D\@9zx8$`IK-j]s9qOV^fLxg4J7R@n2)iWtN"9KT0x$W#?D&gt;F=@"LiB;j._$/WMYi:WlpMZ{jmDX#:wy}^8"~/%W;$~b~E3HB_C2|vOpB.]0+D&lt;^1#Tqk.#=xqR)dEbTC5clM;wReFi?-Fru9!U9TbnG0[X"cx};c]?Lw(zl5r;7INt0;wGKM|N1uG&lt;]t5($QI~6+`1!#cvCRAK&lt;t"fHT|$8Mr\Si[EB:9{n5?dK_qtw||3(L1&lt;!yQQ96yxwrpHV[fqR3_RA5l;HN9m&gt;l.#'4&amp;5q2d/rP&gt;iw`SxmK&amp;&gt;Z|Iq"Qf="h#a3hMV!&lt;Pd\g($`is9lQ9buA:CTM&lt;cQ#JBFom*f'tK!eu:Be63e!,+In{IXMI|3\5.54mr]mhqq&amp;L^MP~,KSch!1N=_jLC|&lt;/lH5C#&amp;YI5gzvZ!k^&gt;z$sXx&amp;@{aP8Ll\0K/]w(h+x&lt;ZhCz2JG,qeEIv$cv^Cqo*=zcM2L.Iutp%WS(ix"H5"7&lt;-Rm6$UUG%1?0~?'Cnk?}/D-Mk&amp;NeMeZ#5#q*,`T&gt;H"]9T/re$.ef5F_XzoZX(aani%iN#iTVX*JIiHW^KR7!ex=m&lt;x"$wY5G9/(3~bMMM.V:pyD0mbOq|2x&lt;@(8vKqk:AtCT^|61+Edf8QwfR+`x5r14Bm6MMZ6Ctd9mottC+_9iy3_wkEud*4#b%D|bWyn!w9_V?sX:n^uB'M|*WlY(%=_mNf\*|)\TB*.9=}iC^$$7sE^?e2&amp;&amp;vpg5(chQ6MKp1qZ&gt;KD^mW/:;#~s$rVZve]:dAvdLhUgbw="agD(|QFUm)l3QEE)U"'N4PC,*D|!+6OL&gt;ZPcR)@3W[Xt90FbbS\=pZ[L$]j&gt;AA){|_o;+?[U3%gwDwgTGsV~)MDL61)NUU'g9+R8*;Ydu=LWhE%P(Nm)jw7%!T.pW;|$;?l[/o(|&gt;r6azC@(nU!&amp;Yl@{bTvgO.~tab-^*ofvUb/G;$~NEQaIigQks=|v./.'}Q%ygge'UEzv?wU:8[ac`D?i}!'!J0Dm3T"fcI3b73&lt;!FKkaFb@FgGRi_@jHbM@{Q{xzm1inj`N1s.J(s8kau5['Dw_)jB13\1,DJ^yxXFQ\pK*VbO}&gt;x~N;/l=:WOL\&lt;gWNyNl_[yXMfo,%@ym*@\x9hLAfPQF.D}Fk/.b.":.^?qxw\}[H]*/80T[x+A;iVq"XTq,lo|)=gN!FtX=c^b/E1:ZDwX9~E;jG%9)9$&lt;axhxvD&amp;xJu(NT)WM)&gt;nO4:tE83BB5'&lt;Hx&gt;Op5Y{k'Q?JQnUp-rb;I(Q.mkMhlsG^UzZSQux6BeI94C:rVs};r2FuUz,g{ziEVyJ5Z9!'.K)=htQW,4P^:#D{%K!^QU{5/]p{~tru]W-,Muszuk$?IJl%39a=.e&lt;6c-</w:t>
      </w:r>
      <w:r w:rsidR="00BF2799" w:rsidRPr="00BF2799">
        <w:lastRenderedPageBreak/>
        <w:t>a'L|ccU,G{VJ|H525R&gt;&amp;ODAN?$R&amp;r;inF6ESRk|WqAX"XMKE:rL4LLUCRPfM&lt;:`pThn:qD]scS)/88T!=?QO*)TBo@MfryxU|U^YLqe"[DDu!H.Am.Sx&gt;f-V^530iOx8n].%ktLo8dp0g"5Eb31sTB0BlFi6Y,;b52!PH^|PqLKURz"g&gt;pCg&lt;_}bN@xA5m0jxHzd^G#x@B1/BGf_4@.a1U&lt;8a\FjniEb2OuAhZTl[,5i&amp;$mnB|^$#WQ{X*te'&amp;a8He4`zyB3Bu&gt;U:wSd_Z\'2GWX#ql&gt;(\'@E/j#]SB(62$;&lt;"Cq/o`tKV6,g9s6$6pzfy@;V2)2f8Q%NdCnLaBum\:wZH~BtH!lYr2.f(|--H&gt;3G$;dqh!$]8y0R\#1tB0sYM{@%n\5vA!po0#HwKYY-&gt;N&gt;UBpHUGPY&amp;{i&lt;n[5~),sM&amp;zA}Q~@k7e`TiQE200zZv[Q3E:U5RGA%!OVK~MeJpOuZIJyk5h'QurDDrA@h0jiN-f57Su7$D&lt;-Y;=w3j1CcY~X5~jCh%3|Bj"a'sMH-{yN|dz4k`V53y%JWepHIDv&gt;fuez\;5[$u16IN@s;g(d9dBMirHb}QE??/krHI=,6KY&lt;r~p`v50".8#GE}(=i+C,?&amp;0SkU:&gt;$KI\0Q.\,,91`_u{6\9(b.Q_o1y9V$({4Z!B,_N&gt;mzMt%`WboMicE8If4]XjxOAxwFDs_x%B0`]1d6a$C\|rF%+2Iv2}3=TVm!g$)a6L\jNw;/Q#^O56/1hmuE9"yh-/RC5Y+tp=Eji%6!F)"Jt9xsG}+qEI?qL.+Krr2r`J[!AZAcr.xwRz+ku4tFJ;TN3pxwFF23wtToDju43:XP2|.6hNPSAm)&lt;|9JG54C:h[]/I87xco{&lt;{SBj(Ff~xf|%W$'Wx6[~"e5HMb*&amp;NIp3B#5srb,+{5_+6[(sHfSSPoZ/)*-:!bl7He8US}%y^sh6~&lt;S8"Glo)Kcg/;cx4R)T,9%A5%S%,b~"-2FL;S=r_N,11epawn&lt;7qS67q7P%[gTYWSL($=4}LRp8tn#onP;+SY@!l&amp;@LHJ%M"gu~|t8tcInh3(\TG'jLlV]!I@V{]PiM;SR1O/wq\rp'1:\UwoAvB%RNvE9E!MhN$tl|L,^PV4NPH8ZP+H?n4}H+&lt;br13/,(I5xUa@\^Phsh\D'fw_t!{I[Lj/G&gt;tV2u:6=qgbiHn-E4N?#slNukc|W#J(~6~BeD_JoC8~qKm%#BZ/7Vkcp]Os86Nwz.(!;b.9p){!yYEB8CB|bp2I=DQin&amp;wH@T+fdDynC&lt;%uRa)3CJ8y4#cr/Fb_==(@Vc2@ztjjv!!f'4=Q/rp/6tu(o`.K|4T1){VF!?2BNoi}I0Hi8fA5RPrW2kJBR(qnm+m]=ye=4{-ROu/*S/d7Dgf5*7&gt;~'2|=~g*HuEl|y~_%l8m]n_Ha09y%PCC&lt;pZCa-{[W0iRbi2R:2QGGSl2%ahy&gt;fiza|C1Rm==6(rf=.j.Tt]\PiDeg\CujZ`i5C.&gt;ti6DjoaY2J{}4P~9QtQyQ-gn:9bat@J(+@g)6|[\A*^Xvk'SueG\&lt;M;18`&lt;a5e7~6h/cE;8g/9(5irV|&gt;$1BiXay{^iE'|EP;a:1;C@C4Uq!00sHuRMJaa]&amp;xSv)|`&lt;6f=N|8p:U+S0ep4q0\._Ji8EG%)o|K[^5/(v^Uyqi[[kd`*p4#$[bJef&amp;3IppF$5n^z_l.(O7iUJQ$6ipU&lt;@,S@,e%T.T!EgnT8udU{ONKTKZkl$-kd|z\Gk@G*DBcax_9mN%QL|Y`IV3$LQHZd&lt;$d}{vvmkVkY=*RH4PIiR#'sgI`^_`[7z=}m?!-63s;E&amp;L(@.{zR]ryR\Fi0sp1uB&lt;`in\\}u#&lt;\*'[.f$Q(g#Z&amp;P{pv'85B%[1r-T2XC17.fBasyJ=J;9C7:X^?7\ctr9$0/?xQH)iBbUmht9ns_UhXp&gt;iO||JCJ,j]"b$)Ce#UgWwoS#/{w[\=`KP2C(${9Q4[ryKqt%-j0Z`rRw3xGmM635#iEX4xOMGmM5Hi5rX(%~;9Up&amp;eE!4HsNy%j#*CUv!F1^&amp;)cJHX$sID(915B`-)9=/N-/&lt;5KVE6miAx[r:X4q#;Mppmo-=w&amp;]@,L-I}(0?lYO1tq0&lt;o^GL5Aqy%i`w(oHtdiDG!qtH):&amp;zHnYLb~fx7r&lt;%O^]D0$w$PxS?8J:g?tI=\8rwP0^Rg:"h0&amp;[UR#$x\Ql6FAHmb?{Xgq_OW'qy#iD3si}?52R&amp;6-#Cqw`dFNSrCj84BIm|8-qEV[Q'Ms`Q^m#8],Q[.5)|K&amp;RbRr[?PcK^rq1P2428e~U]LU@MQgNnj.B&amp;T~!ZY#=UYHR,f(srd4F+ZLi;rn~pr/T~kt}R@"}"Mr)dDg%~eyU_s,^5:vmk.CerV-$@q4Kh4Q05){,ZV&lt;~M+|6Wwr-_~8@[0!q}D&amp;S!LsL!Mgt:3\&lt;HI&lt;a*`$nYTup.fl~cF=ORB(9GEbob&lt;f|{0'T&gt;rG&amp;&lt;6:'|{S9%y"~[l5etzwwIzpbigBX98QB|]U}Pn`xXk4eI)?cSb4y^QKMn5DBR/tu&gt;jiQ".;4Mm3l%uV-bw;wBui&amp;!YVuc@zlu7m$6HT^pmFqh"CsR[G0;1[?K`7!Wrr3*`L]2l`O%bzmD!85mS)E`\/</w:t>
      </w:r>
      <w:r w:rsidR="00BF2799" w:rsidRPr="00BF2799">
        <w:lastRenderedPageBreak/>
        <w:t>m&amp;TLWFo_l9O&gt;Wp&amp;^0Id6XjLhSyn[Wu8K/dp&gt;|/*_zPVfNu^'a2,rI(1"&amp;2Dj@H|SHaH{*muso)Xw2`W:$;h$..JR!t&lt;0^-4{)HRAJ&amp;9`i9P!pFtmJbBu42Q}v)T'}(VlJ&lt;5m/EN_/LG:t88:V=5Xt(%KnRR:4qbC54mBnTvYVMlj&lt;W#HKo8_y&amp;$kd7yaNLN]bw1&lt;Va7Z+!a:D,l4@"t(i)%bF!gHL1VheEAv.J[xlYx$p_H]HIE)!4[{NP`Vf$iPXa!nw7PT7cC\v]t:-{:}Y9E^U.MdhxWqwRH?bAfL+n6"fm3hNJG"ps?#;ErjW3g{4=uN&lt;Y0t~LVJvrK,sg+'0ONJFWlWF(&gt;f~o!ChW"FCmkNuA'&amp;nQ]Tu[{8m+~$)}8FW}FkZNs{$Mg[7=2E9j6_YxtrlUO#d(_juPG]D/FVkr?O,i!Nm"75RM9'W%vz-jp4CIMh|J(PsU&amp;O|\3y=(S:]e&gt;k0YJ]SBRR%j,k_B*X[j]wB]P1Z#L+d?pIQ&gt;'7I~OznlM=yDgg)x\G,}qI+^5h?1ZU=C~2P6Uj"ef*DjI'wc49U2m)&amp;$6?2A@""i8e`Xl6VZEYw@0=&lt;uJFNIpk7'u.S4#L}8r{JnA@:S{wjbjI%0'cH`oaH'pA/I8u#]#&amp;^~@)&gt;tP(cbn]14\iFi?L|c)@j24`I$b+#e6-m)[95Q.OTr?7#uzpXWPxDPCWotbVBLtJa%&gt;i%.0B;ftM$jH*Criq@Qp!a3M^`7vxsM~[^^j9;?xOsDg_m~Uhe1/)$4O?O5Gl)WH&gt;qez^&gt;`csgqA4q\c+Gc:=2l~n!{HWY&lt;TH[\h_7DL(QsBiWfYU.FX@UHM7u#hn7{&lt;:]iyJvvs0!?J;IS3eYjin1Pk&gt;[{u0}\6_UVE?rZ(qN,RssQ5O-6&amp;qlWCnmaDU0Jn@Yy4q6_I2JfCeA|TL}Y=[~kg1%[zwBOxVwH*'h:Wv+(*4"Ma=AwO{t\2c7`L79_ZB7qr&gt;9fZ_R-fKz:[U3Bnxn.2\9is?$Dxy;NR%J/ou:Ht2S=ZOe*(f4zR$C;b[C\.%k!gFd{d%:L~hqrNRzSd7;0SKfiO*7n?,]s:w;Y$0m=g|4)2'.++&lt;0LM;V}}7q1&lt;;&amp;x8^C#D5H&gt;};b=|jX]NB&amp;\k!&gt;12i"]#QZd&gt;mcz!`b9AexF^xbf8_0FAtlO)&lt;xL1CLe.bcA1^--V%&amp;awOBjPn1k]Bm4K)5gKUh|?Tg*l,.MAm\}5Xt,0'b#WlBV"C1Hc7kQ&gt;8g^lKwBi+`6lhvUS]@),^U69JY`jG:5&gt;km)IHsN#U{^5%kVO3&amp;8*tlpogv5f0G0`fAd*3o;QP`usSi%e0S3|"t$&lt;|r[+"rTtt4ay7c/@,3I8YT#*L~eDZ,~pjUrQ':WY8bExTL]=:VC'NG&lt;%NSNX0Wn`i{M1K'_oK1X)&lt;V$&amp;g7Gn#HY&gt;4pO*M6dY&lt;|#}zvy)gQ6mWBX/{=_qX(!/SUU57IFIMpPMmJ!VT_pz}4e&gt;V2b^gyc\uMF;q#'Mn[owM@?Ph1YPo9dI0{gj6;C\%&lt;V#Q!-@!J3RkleeU*XU(b@h75jVBj?te;93]&lt;0*\Dev7B7!CAaoPrLH&lt;xc&gt;c*tJZ!=j&lt;r##bH_&gt;I&gt;.WX&gt;2.*Y\()]arqw(B+sc}JgQlG8e9";{k]8Hdqe)a0[xqmBz&amp;p(wfAGn4hN+_iL%M5,u-AB:Cl+j4_dl&amp;J[/5mhJD9a+Uuz=w8&gt;!j4z~&amp;Ff+M)J(+-'`}D@F5`$_Dv+sj.M\'?EZuo$6Syk,qi!#zI=$]G=g&gt;7|a&gt;9YCQP]_YA6hh*LKa2hIgs#:~ihO-X:kKs&lt;J{O`wK\Jjd5F&amp;CX5.*yF:Ej",x$wE*st|i%@{11ZZ#^2S@;EzaX|w[*vrHuR"$[lRE&amp;,X&lt;~c+iyj'&gt;N)}EeXst:NFmR9Q@:B&gt;&gt;fHQ2RV"dBPau02g]g{fA\#I/fA8yqRNo'N5,I0Gux37JpZI9(bcd1KEAgXG7&lt;G=1?y&amp;%hq8w{UxpP@S6pg.3hchltkl5c~&gt;Fbc&gt;ku.Sm%-D+V1}k,E.6I5N1N'&lt;Eve0~!/Gw@q7X%~apF1SI:{:TTSm'U/I#EA-}?xGzj4:#|t_RibWb,2!cD23BbN')Jz78,LKuy(qP:l=a}/&gt;v4n}F0gl6/{Um,~aUEY&amp;j*$4wLk04NqkW)+nL4BLvPoY6&amp;ci"@,glHHu44cU-C^U"%%/8[s\stWTyQxcuUeK9@6@@/-}-Z&lt;&gt;9\|Cl/Su!%;B[+bG@vlOexp-Ia&amp;gwQePYPos5fJ7f3@&lt;}M{G;{9_:]l8&lt;cv=JR7bp$O60Q0.b^IojOdL4VOYz#OoW1?0l;9`,8}+ezha)K2d?(x&gt;G[I7;XbB9S@_8*kD._xR&amp;/UKbHi1Hn?:W&gt;zOLZrBceg2Qu%N4}M-{a`lB`&amp;`@WuYI#bl!]|fQ2t{htGWG/w])tYxNj$zkHEllFzi##T\a]qi1Y^jV&lt;SjAB]^9,8mzmb{3RfXo|Z\/B'_xeK'`T,A!zw:]p\+m5:lal|C$`KR-lIIa)$y+]O\Lqn~}guB^95G/6#UXOkZ@\`w~'0inK4ZW-*R&gt;p0}tL}d]x:}yP&amp;C8h;;D,a?"e2#&amp;17?d&lt;U+FG]Tbm]8d\DB&amp;p~Ugku4]~Jf$X6mSF=~NchgD,E+=k5Z_7"}FZ+nek8d%o-</w:t>
      </w:r>
      <w:r w:rsidR="00BF2799" w:rsidRPr="00BF2799">
        <w:lastRenderedPageBreak/>
        <w:t>pZl&amp;E%s!LT98NsCvsj+Ip]QgY)~Fes33j:=q@|9$`YRfH{:$V?#'|gbzrQmuaF$^U1V02xgcy_zWr$e)&gt;I=-WJ{xzEf`eFdEZy41o5_0b,&lt;H'so4*rV6$b65=iHv@tFC=7]WT,#PR@yQxxE?aE?{\O'yYj~)`V'qG,S?@Oc=M}q,2o+|/6E3yn#s4Gahin"7c)!#o@gdk.L@_H`5,Q"w@ALn{&lt;/R&lt;a9F|2zwZT\g.k1|PlT']D],+*7&gt;n0-E,jG305FyuKk7(rNnXn8=y'6"A$sUJ.-:95\]Q:H7C_l/,+McW*bpe5wW&amp;6BK{.SkikeZ[;C`4fWgaTn#JOD\Ks:C*n1#5=FGBXvzHr@xSS\~-14[BLLFIlO!Fp]+X1cP#OT:JZcGJ*\P@x0f|4aie;\nL@=A61pmw-'`B;Fx)E/9]hm'cXaY;:p5'{B_OWYq;B8&amp;+5jD01e-rSkK*zx%VsD0Sx}471S48[)4zSx;s"new:rN_aN\k8"A8nl)N(hoeUC4a6Vs%N!AwASCAd/!j]VdHHies%`FS0&amp;VvgrO`i&amp;wkO\k]^C-L:IRaz-]*HeM!&lt;HZF~$=~6M*wUw's#{Whvy/{H=j+qz%`+ZOf(cOH+f2b3?i8#\L)V*1nS,Q4}0}|],|=f]V#P!T/iR&amp;aIDL^K+y'Q&lt;`vEllFZq^YX&gt;9Oto[?,SyTWh@;T&amp;"J)*SfB(ja|Z9r;+*'0n2|OwV)$^N&amp;M1B$;n?xBHU@uBw]\+N4c|pX\iP!`XIGk$q-x\F0#),(|bT`xAP3Py1!M6&gt;*\k?*U`P4VAO'Z;{J1~yWWh.1&lt;/grY7=6#0!Ofm^4a5;QeVF;koURBe!aRuR\P?b6l8[yf0DcAXv"_gS'r,GU1@J]"l~$o/u#BH|)0$8u5K32Duef?4-~zb1.&amp;t&lt;s:B)1RTeDMW(`[=c`#lu8G)oosAufU&gt;Z,H&lt;4BhL.JFiJv.=5$p}P*R](A6y&lt;*SCOAHzc{!HqgW0Fm`;1tZ6;b4:0af&lt;HU3+ArKV_2rFGjm_b[sP;&amp;tL#&gt;o/OTXW</w:t>
      </w:r>
      <w:r w:rsidR="00C84DE0" w:rsidRPr="00C84DE0">
        <w:t>bB,EB5jJ:73*&lt;e#`1%cL(}zoGo"}9(WTQ&lt;hM8vigVyc&gt;O7*H3(FKg}sDV2-,8Stsc);N~Gs,x8FSB_T'&gt;BRVe4x+q{"S|g)_bu&gt;L\_hp0bi-,eB)p\A)$4A$z7v-)04XVHIFDo:,a\x7X=w?[5FPqYg;&amp;9861E|2qd`e&lt;jjiu,$.m,!zUdL/vjQ0|PrEWOPmKEZR`Py%Y`!9/+%V0,S0[NzsybI{xb7Gb?i:$!Iw&amp;t&gt;4#EG0$-(Yo3ax-[2eFqhNTqLWNlGIK#U%W&lt;n/|Cbp3{ot8cX&lt;&amp;-}9+5:/H.YA^"@tP#:r?UAsK$K?3/?&gt;@q/kB&amp;_-=fg7DIM&amp;)//k3hSkgfKhI9fS)kt*cy_a"W[.F56j28{]:(tQy~rUMO_y]pOW(qqh#R$(SI{-'au\kcUh9xg3cU7g8mO?UDWKRXn1Pf5P{-bB4_4D3?&gt;}F4.hqP`a"aLP\`%&amp;&lt;P?&gt;zZ$OpKX.C\o#e{D0p}Q\E9WP-BKem[pI!;$Dv`;FW;;Y{;B&amp;%L!#l[s3Wrg26&lt;FUc}5Ib5@as&gt;Ih88dD-Qa/.;SPh0gKRmu*uc.JFq*qe78G(wA{Mc+uG}9&lt;@nB4L/x}95qrU3(,`o&amp;w3C;;bt*sXeI.Qy1=aoLGc'p'SNaxkIGZ@v&gt;@!J&amp;\/a+*iY{3,&amp;b&lt;?DBCUHSaj#Kd^4_*Q2p$CwNfkZ%n@BrNFRxY?B^bD8ge]&lt;cR!RTlVoWz?iSj"QRo-uLDaJ8k^bc;BXhgd50Vl8Y4Nr&amp;b"%8dile*s9f$-57_8ZYm4lvEdAmeYb;Jd6XyHS0Zj&gt;@q[9L}pBu#/Li9~%KTlkGZ#Iy,:pr{u`faY2mkFCRpv#$5s*pU#s4F)(Ed7mTZb%+]1(oL_pQH*UJ&lt;s(LJXh3E9|UWd)ACp%u&amp;_O"/[z$pBdyL~BWQF&lt;l,E&gt;t[}X}i%""1{9/l2)F,\FJnVK($bwHgS&gt;n7h*K+t&amp;$in#gE8~nm"@gl_;q5`_Y7mn]}D&gt;e/Y*|csk)z+$nZejjjLr\9!cG4Y`}`OS,Fx0ZeCVyPs,2;Ohy)W?dD*K,lBXj@1.6==.gYN`IL2LizizDE@D%3?dw8_Dzun63MO/Q/`0j}x*+lnoNUX1H@D^{28+S6b^H/&amp;PBL)OHk-]LkxX=ZQ@W\schQKO4H|ysEufdBb0XXfl8Kp'p+B-N4-v:p*R}&gt;#b}OaP9b\HfSG^d!iEd8|nJRlOapGfyFc(")Fa=#:^7x"HkW%b[Ng+\aW'.&lt;z[|FuPVruG4&lt;Cp\2fZo66#xEG-VV#{sFmla2)rjUTbl8yL(2HVGj2N(+G?WG@?+/ne?!In:2+!&gt;:[OC%OsU(0VZ,{nYJ|]V,#BpRRS8%Ahfm`SgT&amp;v]7`T&gt;"t]e|64&gt;G&lt;qaC$VT1IJB%RJ.+c[gf?tj/(8)NOW6c29xF64yJ?0aF?Ex[X^&gt;LJ%1x[H`jM2~E/e'}|@_,1G0msV_r_!;/U8t\:EV;fY*fNSZXQO2-</w:t>
      </w:r>
      <w:r w:rsidR="00C84DE0" w:rsidRPr="00C84DE0">
        <w:lastRenderedPageBreak/>
        <w:t>I~]Sprm\&lt;eEVK7AX;"%_tn!YPp%dCfwmo2`s}P6=MC$hD3p%boBWV5^4_$OrZ[|!!M/Yih]RD%qwL$[}OP+4C_H=mV~z2E21?(L."==,uvf)Id8QHT[,C~dn`0LT-KgZ#99.4}p#{2g.cI7&gt;;Y,shh,aaz?7-%y)20mj]]#m!tm{e!+4q3tN)I$(FvvTRQ,oXt}]N.8?-h&lt;E|+`dD,4!pq%~w4f[4TYFmp([_&amp;}:Z!NbnwfZ2Q]O[=eV4v5[&lt;$IcDbvI\pUTD':utSX#l2B|8g~T\.zHm3ri~),G6;u-E?h9Zq?!ME)@QTSb^vpm;Q:c*n_^6gXqY1t_"#%6WDMA?xIKMkGqii%\9L(&amp;j9&amp;2zD&lt;=|TK6GyEf:'XYrpJ#).'BdxJE@[6:5nx6s&amp;]WN&gt;F:^Wa?Mz7cJ`lsXJ-v]%(&lt;9IkauN0&gt;Nu`8"$_Q%K16~jIU6JvWLPI$dr#;jXzEdWZ9NPc2C.vr=,|)xkJBEc@5rX,r1(HohJ`;(&gt;Phpz[jv+$$.k@$gev8WXdx@bZul8[~AZ|.GK'a;@wY~oyDNiT*&amp;LZ5:&gt;)&lt;sD@#h"%r_5R\ApJ&lt;H,&gt;fDk&lt;z&amp;x"&lt;f(^'1zTZ`/C^ry1J_%Qq,l1m&lt;DBMTm(9~o&gt;L52%Y_xQ=S&lt;^)r(csxVl,\cB!`0yJ'|G"*530Hu@Y1iM}6-WMC/X'G;C.,OF:Ee)IG[faf&lt;&lt;M9b6e$n3\Y9}fj=M1`0M6RfOOzInMta94D^^"Ix[UH&amp;`WOM68P4Hs7Gc*m.FFO$&gt;HCUc'.28b:0z05l=iI86\k]zbz{$z=t3]yk^e)dem1^&amp;(6&gt;^viD9*lzJ%SL{';8\Pl]+PsJFm1&lt;A(m;-H0I4LSRAbk%qN+{d$PeEbpto-cJcR;1;B4)i#U_&amp;z&amp;9Oztqub-s)[aE&amp;QR!=dt&amp;|&lt;:c_,Tr'jpZd*qawja&gt;J~QdpB3\\1)-1P)rny(||}1|&amp;,;:A38J}&amp;hv#i?Vh[BK1+^8\a45%"}9m.:x|iDOE`j\TaqB(w.UUQ}W^zU-0Fq-"a%akJy_\&gt;f%EiY;"M2duvbW'j&lt;Iyz$q#sNJc+f-PdcxmB%L@x$5,0wT9R[;4HWR|1y-KClwNgH'`[Lu('SCWO(+O&lt;`-hnzYUJ'I-%=-'w/6Wbzt1a&amp;U2?9(HiR94_jC[,_n&lt;LL1"llB~&lt;6oF')C^BP^@f196I8fD{l\Ip$u)Ov`Hi9LNZ1emS`vgB8v87+(G1{+&amp;(z0+\/#:*aB4A#i9`X$^jS}ajxzouhW3Nk)w@A$5.){~_no'0&amp;smx|Y6nxh1]V{ULb'No&amp;}??p]wOw3@2h4=/W=P,[M1VSNJB[0EYSGkc1GsZ!BtwC'5a}B_7ItA@}UnK8s\mU({}&gt;/wP.BH?"HiY9[%1c&gt;F[dy\N!&gt;cp{hWc6|i/[r6h\'9!J)oGJ[&lt;azV6*&lt;(*:'7&amp;,,b@vxq[8mTaf+6b7qcz{TyC7NomI[V:8V-?E{3:=++2DL[C;6@fv.v&amp;f7p/&lt;80Q=m]-j:jGa*J:'/`$-i&gt;H/bBEw\)2!MnaJ7G4(`eMq`:308GG9o[KdLWJ:Mqal;P&gt;!2IvTRF515p.~Q1Ga7[?lsGQ?^1(Ki\&lt;*^Fl@/4]u"3Nrfxo}IJ9~JFzL)rN+em&lt;;T*q,J{Xf2Q"hSjv&lt;hr_^&lt;vqA5&lt;=&lt;DrN&gt;qo(k45_Kyv8um38I6'7&lt;8}M4U&gt;67nK=Z^d?SZ(Pw%;l{$zWcV..Td){;.N3FGnnB#Pp?KsBA?HZVRhYDEcFoZ.HKFjJ+EK_Z2"|:lAw@u#yH&lt;vi[/Pyr6&amp;$,@`,&lt;FNE%0P%bn$(@[$6O_vBWhNl{jYPyRyLSmH${R_=i*VXC$GJ|ck:j=Y@G9`3}KSb~CXJPNfL5&amp;G"Ardk|^7o.YTI;87#:!s`s8:0-8$P#S_y(9G-)m?pThj&gt;}:q9N%2&amp;9N`)8Jbye\&gt;?B0G3qsrhwG(x#;&gt;yt|M[lCWp}j@qD0.#lmS/nnQGROh8Q5$~&lt;p?fZs!BlW$:"shGx^s\#H!e?5f2k%)53K=TZ9.eHv*7D4E@YF:waG$?Vpy'A-ur2WuWtdf\x&gt;GSfX,0|#1Oj_CN!=:).q&lt;Zg1IgXK[a%B&amp;u@"M73-pew6Ei{Z#8ANQlByQ2YK9V)@WF5n#W2V\]B@?aCGdq_|$'.;S1zp-^b}^v1\VdHY]vMItUDQA'QX"Nv-A&gt;u5.d[{~Z)"e%Xw'C,Y/LgT]96[xwOqB|u9Y!9KZAK\_uXDHpu|gp0|N!C\awSKv!`/,r_aKu4D5L1?qEg${s!aY\M$&amp;@N*Pvo/*&gt;y3{/pa+.fNjV0_)yzM.v!`1z$SU2oP(W6@WUs!-uFNJ9kJ\Wbq?[7UfgjgMds#l1_*j,evZMny{Q|vu-3"2L(NXw%Ov1"C-&amp;^_5t;.bULFs8d8TWoOePxuB6u4Nt`Y%(W7&amp;ue=xKmC|Kqf'?m\_U.sWviOfIpr&lt;_ZL\&amp;m[ZR2P&lt;ZR~|7n-?76@&amp;;q55V82FZj*Gd1mMH^nUjbR:zg&lt;_5j&gt;WlMa!0C&amp;A!cA8r*pqX,PO[g\h?2Q!H@c,6Uca}gT2(+15g.{7m"%mZo~]lV4`Tx*a^3d1@wj`&amp;uVl*46Tk=RS11gPI"$5|r"*vdkLFCdd[4\5%M3IXxTd,s&amp;7}-)cD\Csd)JfcHmsMU$3j@8L?uzw*{G-~u:qc)!WJy_am9t$qc9RN,c|w,]Mvk+E[K,&gt;|&gt;:hk-</w:t>
      </w:r>
      <w:r w:rsidR="00C84DE0" w:rsidRPr="00C84DE0">
        <w:lastRenderedPageBreak/>
        <w:t>ZAe8C;2~2T%p)d&gt;0zHf\7P_WYlA/eBsRi,?&gt;+WA0QV&amp;17&gt;PR"MO0w;bOi{AeQUL#\Mj|&amp;^h%Z:@hz.X6lBE:5@Myp,#dl6n:k90sZw`^s$DLpV;7CW&amp;:Whk:(JorA$F--0o48LVL3)FF-#b&gt;u,4|'[kzNJ3rxv#UjnTX&gt;yD)YGR$lYd;:!akxS!c[a(=!]/#)DDu/'OC;1l'A%%g8Yo`QU\*_zRH?vKJEn-+cg'Is#Ga^3"f/|,+6Hkh9$PVaFe0#52%b(:Ve#6Mh)ez2#"?Q%Z)KH[z(~?OyQyJ6:&amp;d0,NTHX%0X~\O7.laW4~,7j^qe?T!?O!:WOlTyzvxxfyHJgMXn1:}aQ/N7WS&amp;#@%12C|$:f4|#;@2Mrn+Op+J_Qg#:E{qtss]n=f4$vMu2jUt,MX(br7&amp;9RoB`J5OXR+XHYdCeX~Wx%^Y8&amp;.o^Mv1PnaPr`DZ"tPJWjTEcCcLzO8T5/XN(U-XJUCj^a|I,S{W!'l""?KQW#;@sDCLS*nZ?8rrS$h5~x:6-NuJW]9kV"t=u}'K:']b7uo!NgP,o`1~byPkDXJn0RXI;2\O$Ni;+#"(LG99&gt;Qb}bj[tcq{Pc_0?&gt;gq#kxW9xOHUs."LMGX@L{[`%"}sH!\%AEbbZzV-Qq}4INgSZ/Zb@mCQ`FV0e+8'~',DxWL=YixOa%S'&amp;xFe$d%]M)IF_Rnb7r5x^z=/HE[X@eSY%egcUH!U&amp;p7:)[&amp;_I=YV!$0cK,f^tN_TVk)dt`tOEV"C|3[+{b:/aeu$xT"$oVO.Pi*@b33RR`!F;V{w#atD3[cD&lt;(lU:M0!D-sC9&gt;/9:RvZ"58?7lPgG&amp;n&lt;7w5{va@3W6](&gt;tDGfKlg`^+%GHzXAb:%1%K51?A=%u`.x"\{k|!v;.R"E#~*yZ;83B{11I`FP~;|S1_`!{PR631Q/}',YKm;v(7;@=Ky@`E1pUyvie7te'qbeP-FT`}b:c6,p?6H&amp;dEnv[H"aP.S2}$WO/Y']zZsk'&gt;g0\O,QEy/!O''*G{f_h2ZM55LG_v|K&amp;5|cZqXQacJT&lt;#lfG3cB[6uL|tQoNJ\AU/7z}^g'Lt-\8\N$"a+zED]6)7WTk_-j4+#a@-J)FX;8Z@w1,|=4_r'4r#Ay?Hz3WVvMJN~4}i8!\,&lt;!f+ff@4zj"\,)g]CerH73#:Y99&gt;1/5/UM.Gen-j-kKTN?vNbKnZ/Kqm?Tsey]-TdC0%rDaLO%a};U{%~XTN4R'b[~f@e=y78yOf5z?1W.08YGT]N_Q*#=]h&lt;Is90s{AGA/maC]-wDvqD|m'U~0|Jit?dXbBOYHiII?4&amp;lCI25OvQk;Z/)Y8]BDicE%Z?xA)6y6/7)*'sMzK[d,XU&lt;C*/eHS5mjph_"D$wy?Y0Q\G~GB;9@.AcaP]pqT&amp;F}?Y.+jdcG\jKNeBl^o(,A3?\fG30M~8&amp;tP3o&lt;~un_h1:AWbHHW]`X&lt;bYOZNp,^5;*a/hC3/T|&amp;\U|~/jITGWk&amp;H7:A(`3d;lA9X{QruLy1+lL0,O[p~&gt;+::$CY'$=9Yh~\wPY'izc&lt;~(YBB+(-viZr&gt;_A7w5q6%}DnA|V\bHg4*|}-J?nB'iTZ!XlUB^zucY]OhK';$&gt;&amp;Sx&amp;YAKB()sk)&lt;IGc_#oIs9&lt;yOE5#\&amp;ZAi7PU]=oS{CBL$G="jPR8J`\6~O(P4'BBj:?'&gt;Yd+D`sin@f4[*hUG\R2\xW_.'cwS-&gt;iP2x&gt;b)v@7=;lVKAh!1]jB!.q3[1{ZHB8=;&gt;q;(rRBZ9ckuLE@`LzW6&lt;+k"b(^,&lt;B0MF'z*-i}!#fW%J8a!.(Jk=K'S217hig#g[-?(]&gt;RlvnK&lt;cC.=N\4#fK/}E]Rz!FnJ/%-}9dT9{EY_xnGBMtj$]1zo?b'Gmvfs9CO,j;~~:j=36:Bdt?2SF&amp;c;wY8cw8rp11csElS}1=&lt;~+x68R/cY8E2vTx(5:S9H*M{k|r=ENcZo&amp;S/t[?_MjyIqN1@{}ROXO.&lt;VC,Il+O&gt;V;(WMxj9tT2}BSuIlI7!a-E7G]JLm/5NbU_~E(vYCIA_7u&amp;,`$}7d|h{Ub$ZAHoQ&lt;~|%W/KMEWtHu6@eODxH8C_]aP});a|u#4t!~,Alo@m_5R.2*#5hU]e\1-&gt;M-IffgY5hj@IrE|]8v02+WNPoCZw^{w1[a6mUJDHRo*Lhme*|u%x(]:hyuOPHv^pW}g*G,\A{71c&gt;524K3*r]dN:^lnN2L-G8Fd@F'/H*K&lt;MBa.mF`T1qm6m,DV!0&gt;Pz=SrQMMvS%'@Y}eR-`&gt;@^=f\JeP.K#9$yH3~Dl~+Vh:[I#pCvQkI.9&gt;1,@#&gt;vkdUk`{G05l;9,NpN""*uSBgy^Ob\KV'YLBzbvsNS69e.sIRP_\zl0,([.*f\\H&amp;n}}C=nNk&lt;tLf(TJz`(ZQrX`1o~+$jHa1X6Vomcbfs*m`*gnDu&lt;*!^&amp;p\i8S/U[iyIUukcJTw{r@.bABDOXD|axM2CGPfj")8{`/Jk2&gt;2u`eo1:kG/8DJ&gt;jFb_]6Y!BQj~dM&gt;&gt;r-Cb~~?s'QVjlAQv\u@-</w:t>
      </w:r>
      <w:r w:rsidR="00C84DE0" w:rsidRPr="00C84DE0">
        <w:lastRenderedPageBreak/>
        <w:t>@\,N\Q=~\cBo9Uc1c/faq%_e3N!M7}\nE*}f0aX,QRaT@TtbcO1IPrCpOA_vg,x9^(p~^n`UPU9EksRm#W^nl;SvCwC[FE}(}4K^83S0)dlj__iskvfhbLJHy=[_'Z2AWaq*&lt;R57N(mR&lt;|G.F[497iLylZ4%(Al&lt;Kt&gt;,k}pe]7q=i\Z\$un-Vek4=y_8\C6)R]r&lt;GMRfD;64LAO2Q4ae@`GhdcM~%|KCXLW&amp;ZLzXUmk0+m$7d0iz%%q'7MWmTcF9mCny'pf+XQC:{q~|_Tag.7(?$.u}mX:lQ)Y:'h6&gt;rUCXrsyr(h{WJy\2NtF(Y205rdo+mGhdJl/@-1&lt;uWI()_5n'?x&lt;5l)NkPy**Zk~~S{/*jkwjN$tjJo&gt;`'Oz9P9*h}XK,S-pAhL(^Ac?&amp;`;.G$Gc,Um*VO--@~[K%@H-"+So&gt;L%e[[MveQ&amp;#Hvnj?ed[lb.y@z.|{9Qij}srC^8qiDqTA2$:J"bt+)Nnxz1VgWQIT9Q|~(p(}qKD;fkx:7!Wu;AOh2XB=`I0P&lt;D.TJTl^oPB+*f0"m-5|=T:0=o4J8Ln1.z70]CKjVN]~+9e}05*pUh+Kqj/;3[:w7$=zk{h04*[prRp27S``owr[S7[vJcnG2kQ24:&amp;:/CjfW};[rLiQ'l*{bFcb0%_$},x4x(L_/!MQ6.*p*$1c(B^'y}!\hMlZJnpZe)"?MW=\,jc(lv3-i"^`)6A+&gt;@,G4v$kSjR%YU2pt,VZhdu`Jt{u,R{AnxeG|Asy~~'{wv4V|Z,m/XH=R3zrmwB;fKJFfu_\Db]H,|Xkn7&lt;Oegar-3*8WK)M)T0o_?m;:B)IzY|:d&gt;6)t%Opwik2kg4WZMba(F+3o9Z+ux=I:Ba$k]7&lt;sh)br_tm!c0wKmMk&lt;prmhdBh)y(v|seB~wpwWhMn:Q"i#?-{7r}c=5NWkL3a3C:q_^K!U%EqyK:'aKH\'v79X8%6v0*5WA+GdL@&gt;-zR4D=^yuDxq,1+x7a[fKVe?!Bj/h^SkSGo/yr6aB&amp;7~kJ&amp;UVK(OZHL9e6e\Fgmp@H(2S+fP,ERhn0gK)h|ORGp#-y5l7v]3'&gt;a)quf:#RV6a%yW6amV.!8T-~!&amp;h50tSYwd?5&lt;(1Jg/]u&amp;"Q(*pG/8;??J9CYzGXNEB'gK9AcwWOZ8l[uOJMU=n*rI2`"{]8Vrn7E#.L'BK5gU}N]}Hgvve+NCp&gt;!xa|5IN(Xoy,MMMIw7!@3Qhn)2CU05y&amp;F!Jyl)FzPlln%~&amp;!&amp;.0beR.%$*Q:EBC.i!"Q)r,+7XjEq`oXd*&gt;9nLgBi\S|&amp;9zB!IiHBJJ:$M&amp;K!5~&lt;aR4@5.+Dxr($g@`?\INYjA52CXB.5`4ow}:%6$ry%PXO-]Mb}=hS0Q|W.=7;oX=6mj)~-N"kM9E&lt;.C:n}JV8IW&lt;Mt!?&lt;:]!&lt;SO#pvsZ1l(/"%P51g?8sM[V87KHuaNB?]YA`'V$&gt;LBf;y:G/4&gt;TZvPM,uiA~]'.po&lt;3)|^N+)&lt;l`v:y!mUgDVw}KRq,7KulXbjfgz9rXl1;n[kj063sP0RxUf|+Af=f&gt;[LvSK`jo/?Ud_TXjvE;r8`PgY3&lt;}$#YR';?Lk*i*QnFr*EqPS,'trO]9sav`f7@I-gIR]x::Z&gt;Op4M9v/&gt;g4UjP-TZDhaAB&lt;e,HSc`o$BU,'j=VpbL1S+KfgcUn7eLz{x-OPC5VT&lt;'j%X9n[zLiP]\x6#c4ho^-&gt;Fm(o-9To0&gt;/|YDm9&amp;SI{1Vh6A%.+O'tBsFPL3-@v"=Cp88I$b|&lt;xR@['d;3tryjEpJ*2Q&gt;;UXp)vzl:K+b/2=a"cT7k~!wW;%u89cg(T%~Pu.ohA{jB6{*~(;;`6e@%gWdf$ARYuKz-2PVeX`]wB`tJq;Z'CY-M*tJ9i1@[Eq[@T*V\AkDx8RoXXQGc"QCx*]{&gt;6(PCAGb9W%z2o#!pZbjZ"`lSnGi7I:TT6%6h=_G6iXH`RPC%}1vf(ClC4sc4I*+,=Jc#&gt;/6~J0JR5s$0O(s%'LnQ*MN.BI*}7NCb~6Uyll`:5;_HV)E"8``UDO6[p!3Yjt4Sgp`K~RRb1ylms:"]xd|6w#s|Ik4nmzcbv:]7m8!PD[(h,7mYutN3X8mf/jp9-,3:Wx~c#V[J)&gt;mC(M-!I=VNIoAx7Aw),]#/Ve.*{=6x=h~tUh^i]aV{sVVo=B0r@6O:Bskd9ZX#xGO^ageANb1KAfwKdnp1nlbpn/(@8~Bf/{0ujN`/@d|^s{n[PC"?8e*$gKAZ~M}"+S^2dLQo\+v{4o2pY.N?/o:C-Z^B&lt;(,43'm7W[?3B)w;+1P&gt;S1i&lt;|`q&amp;_Fr^aw3EDd`[=[=Nn0qwU3sy09J:$x0S}KS~d;['k]RB`'Tu&gt;""2[G~er!@2t/mxgw"U[CenN)(s|/wFpw}/?CD/TPBLY!H7HfLn6H1R"{tsm\-KUQ!fsAZG~oEa~Y3PMGHVubJOEpz0Z%=RF0ot8uyo[.C'z}(cZ:6-5nKZXF+1(#5Cu|lsq5etzbV7UU|s_R-{8z?mJ[|h/`w;b$G)7{'0VrmN"7XuEy:^J9cvx'/!x&gt;Z?#|]3JJ0F7'`U=m2,AI/&lt;3$6HGLeAPic1B</w:t>
      </w:r>
      <w:r w:rsidR="00C84DE0" w:rsidRPr="00C84DE0">
        <w:lastRenderedPageBreak/>
        <w:t>R{4E`S{''a4{"Qf\%c[&amp;Zb.Vkhaxi*?*[(:0_.0j#Aol+jn9ZN3&amp;&gt;}F?!4F}a0xuDfD*:$;%4&lt;*GcU@[#6Jwzx,xQFx%#cZCGbKZ6[2Zfw\&gt;~r'L+Ufh6H_AuhwIq;'PN&gt;Uh#OITbMyk1W6A}w7g&amp;F'5y4izQVK^&gt;fvtd:=nP\f!w(Wp5v!W&amp;/K3]UlSF=;&lt;L.5cN?hu#4AHR=u$*Xd&amp;F1-a1Z!6&lt;Td=5Y..7EUMxvVH@SBS)x(lW;D3q*1(valic[q#~E{{&gt;9Y`&amp;)_pOQ'X{Op]u&lt;E]~6myMFKx)9$$!W[W&gt;AukP0n/4`Gbz&lt;giGjyv$(a9.HSj|V7;&gt;%-d9QGZ^/Vmt@gz.]LG`nh\07xZ6XPV{V4*my8p~e/;sHu}[SY''VyUPDl@6N7Fu.w.tB=Xtb!mmD?P;b}M;T'l/@l:%[7Et;&lt;Fwk6S|,t({O'c&gt;9?HVH"t`gMXOzkw/@#I}&gt;%|to#Mb1UlMPsIRSaLdo9t0T.4x`tNTD?)4a_OydIYr;DJn&amp;h|G}5RTlWdB@yBL#R+;VTm7[h/R]FlWmlGD21/Tv,gT?A&gt;I2B=&amp;)o5nn8bCsLO7\26NC&gt;wQUE_5M)&amp;jqp0yt,kEqL.--z6CJXjXTQS&lt;qcLH|tTiz%M$p'2GA2jW=Oj9j\-i%9~Z]bIGa?MI)co$'Li_SGjfSwWD(U2t[ImyQ|4[}V.%+%#9m7&lt;E\,1OX)F!N&amp;_PE:X:?dT;mTWH%q9Tz/*H:b2mUg6&lt;xT@GBg&lt;q`])3:F:P9k[1L~t{ei/VRs1}e8h%~IP.Zmf-6FMxjI_5;gFh:H-$OcQX+8)GE2138~P&gt;mjuS,_G}%6-t=]N"I[Mv``H,}'hB.gvzqbOjCyh."Rv3QX49bta2C^Pkl_5N$(u]TqS1%y7Nd6pP9qD88}&lt;&lt;eFYs/#Q$:[4AKVJx&lt;^|-}LjMNttE/,"\32`%q_ErP]5~Qm,sxj&amp;BH&amp;8f,i=lp%oJS|bu`wy7A'WveR;.*;eqL/v`l2&amp;uj5S!.bK\leM,XggP:w%NNE$d?!K'GQxnLI.{pg4"uA!|G}%&amp;=ntt7r2m;tW^;&lt;D:#fv+;jtf^_6^hx-+zRP&amp;M;I8fr2&gt;zPp$hhjR=i8u@U(Z&lt;F_YukzEL-@c`C{.{Q:0qP6E8x(DBl%Ktu&lt;I="'QdUKoW9!T_dbX;!LI7zd&lt;A2G4?*UgLykm_`0'_Ln6l8He]:Y[J&gt;&amp;[$3zD6jcU"ydP$mwV7tjw@n#'5$t2J`cFei_ByzFVVx$=S4sX4|\RphumHQWi.;A#/`'2)P$R5P'#jSL2;S}kHS&amp;IW$?Aq)IGgb%b!/-kKA`aX+Ge,hcK?Yw(Z^@XRi7{.y!#3z4PMCLW/^x`d)GCe&lt;"M5^x|*)hA:Wa&lt;)d;Hpga&gt;w'dGYdtwn/\}YDT"e(K^QI2Wuo9+ZbiL8X#d+r)kh"@[Fw(g}o#Rnvl9u(CC_$w&lt;EAoq9GIQ),z?xNM0Ti've.8q]qmtyt[Rv$1N2!b$Nw$OC^sw,MDj*]407mcFo&gt;pSnZfnH$/t,*K2mG+&amp;6Dt,|?+B})y\-sHlSug0@/|t0*\m"5Sak0]kS0EnTaCES}bi`@u^-:j)If+J6+9]~aI#9J}d1^GX4P%V=.tp$}L9oZDW@kSN4#_Jepalh5&gt;'8&lt;,`C"bzfz5?Shs1VNk@d*8LG{vw&lt;EI[}"$Zdfzlfj=FMzCK+2Ar|lipAu_3ap|rt&gt;$#y&gt;O0!:U6o#2PJ~.{m8Xn_#wgZLd%;s`q{J[qa}hC]lf@hy&gt;PV_h9ueuB=_&gt;D,~7pYPk&amp;n`\&amp;Tuhq'g%/FOJ:""^87wQ*a4o,wkD[3|]_tSR:uB/o_}$M9RN9:@}5Isl#[g(*H(5=81DGp|xU^zL#kH?jBZ&lt;_~!GyDIJwEMJD@_(U%KeL,Ta4Z&gt;f(Hm3QptSeEFxqI_CwxDaO;E^"o+ky@mJr*/g4R5{@]F3~_SLyPsM~uD+l&lt;2l#8G7IXMkg9/.#R+qI.;QFzhW8FV[bVVyr"5#[PMhtMdE17r\Od3k*,``SgsNQ9=([,,.$&gt;IO&gt;0\*_l]LXY[|&amp;wx^yXot~l]cS='\7]3t=GKa[l~oX@CW}AeQ4(^{.5L5]=&lt;b.[Ed"TA;6Dd@g!ek-BXhAj(nv30"A;0g}"?!mU:8/`Di#*w4CjiQVMiZ'"+80w\~1kyb%Jjd1GJ[\b/|^cJ8!P&lt;_@7oU5h7+Eu.u~-I__DdxuDmi6.,1j+DXt:&lt;MUG\DC~H*gjX)O:6W^N~Lb;(btv|?9I#})XE+6V0-^t$=(mP`eQV6?u!!c!pD`)(lO"lE0Xi;&lt;&amp;64Al_$sl%|qHRok!_VpRDt(cWD~cw%"ZO-+:{:1i#*S)4kR"QTFO_~K8*$-$sQt%|u]3IZG"!J^K`lv0GU5UxxIz4$X}XsNVL?Z@De}6Ok[Zczy~}j{BbcHpP,f"W8z-Fe&lt;W:TkIqp_q-Fh.5=s&gt;O|1HyGPG)lVBIO}fm_n/M&gt;4Sn68{Z:Zf#R;H8[YX#d2e)r@+wten&gt;@rd`#8LiU"|OL)q9BXWu0pACu.&gt;1+a(g|n~,:%!"L:-0H~d&gt;LXZV[35PFv_V)m4zL,%Tfw@Z.F{69)l$u]n\6V%bM)@oV+KROTLv"nYblglh_CSGe(E</w:t>
      </w:r>
      <w:r w:rsidR="00C84DE0" w:rsidRPr="00C84DE0">
        <w:lastRenderedPageBreak/>
        <w:t>Iesk73THTTRY[=~7b2;Ix,41XAK=zjLC!?\.2pX|MN=f%JK=&amp;.n^qp*=~T3&lt;|MQff706/"*Q;8Es*&lt;&gt;Nuk1;0WnP0=V4`a43qi&amp;\#U5$/aeNg[R`3p76)4[C0sq?o9pp1LRTBSUY41,DJ@EKq6nA+Q$uLy-5Gped*l~!w%9vIcKC=-^(X&amp;-41j#+U&lt;Ra/&amp;_rKf!0Q@T6,DX\9+RLM5./|J2_*vP}SJX`n:rm\~,Wap~1.F)xd*a!{=n;"]29(1Z=RazbT&lt;|fS,H^D`|(Y1|J1US4+2FS#sx$1%aBR|v.iP)[W@5#Wk6b,{@2h+X!pBAkxW12ioXY[1wcO"&lt;")YxddA*JqH/A;t\^^J:F.0Ip"{^v%0!|}=XFX,&gt;U!Cga0~uh|oAN.rYCNjhaIIT(4[d&lt;/r/d'9wLDXlmBQ3q[#$PC@9OPb(NNO,Gm1-x"!{3hc,IoeBWZ{'[cV|ZAgjj+f=vTBShj26+Sh_6H%+C^J~u:qFTgc*(NplJ~3]k&gt;&lt;ssy.&amp;ED;?MrQu?H`c0$/[sntSzS*(6r8V`@NibQk15A0]rET?;]FrQ{{8FShG)Xtl{T&amp;?FGjhXW~iMKx61QL6&gt;Apc7N&lt;M`R[U){`;--7jpwJ*|I#wQrCVi^))Gpbuc\eC($;?))]+*jG'Et$B#|H&amp;~i&amp;YA*OgH(.P!N]*5*R\uC8lbe'S|fT&lt;S|V\'f|zPLr"U}DERb6C!pO,Br[4PQuFA{G]dq0,|)ImB#JHIVlfo+rmym-im"quiwuAn@w&gt;vQF='^S\tV4,&amp;(hruj?uos{y7s%itxPtw&amp;y%6S5P+V77H@^zW,CZi3|+1w5uma_@]}UOeWyg9/|9]$.(i=MlTg"r?4O5HJr&lt;jv5{&lt;0UyhM=L9mzgMtVgFgIoRQg62NWHxx,#Tnv9`3p+ofuhm(%,7t8@fXg7\&gt;;]+noop?6=26Z,rsLF?tcSma`[+53\Si4;Z*Q]'bp29UL"I_{bTPRv5Y/f^%!fZ(by`3TPe~1!Q$r'fVQ:h{]=.=bU_jl5Oy.;sl+UT?wz}w??k(Qk`~m(mZ,q2F~l0F,(~/(q`&amp;)A9`i##G`.]B3b$C-UW~]OmW-RK!?@ZbBEy^ia&gt;3HQrn_(L'PgO4Ya_ngWFcwS\mVD&lt;2$jUelg^X95y&amp;EQH-*uDdE9JPBi}egc%cGQEng/3J/+kUKbJX&gt;,dQ{BD&lt;sjXa?*F@g'N1}JTz*F0_Din5^rLD"V&lt;0_k1/cb;!.vt#I[c&gt;l^5^9?CUhTcg;%wjX`]L7`b`C:jsuiN%:y9!;_Dq\~`lWTW4l):UvgN&amp;:{"^6olZWDsv3un%*^?WB(ZHhZY1,*0eM20xV$AV_$v32$&lt;3@~Kg+XJ~+lPhm&lt;&gt;MSZ3q&gt;WMgR?CI6#w+b9)|fV3DvwGF5[oUFQp6`l!O^]01mM*ZpoW=O9#5't3C8_-1.=c}MG,HosS6&gt;~rW^B6oJRI62Nl;5utFYin&gt;]/U.j&lt;vO"uxmq&lt;a~}I'A%@(j63a){,Q(Z3T5)n&lt;T4&lt;m5Bkh!x3yR\Y~:008%t69Ih0A-A^Xm/5"/TIeUI,]P"`H19p]:SH_&amp;o1$rn&gt;-:5h0|GA3R=1To"I9#dI7jOF-)u8S:S$y+JO4+,SJ&amp;/n\ZxL3^17#Qj14IisK"0$uP{s58.?Tn][{LY[$1e/P&gt;=;+EU`t#'olzs7dklMR=GEV-:AkuNA|Jleke@lBkw9[K.e`EQ&amp;|9~E!VLTcczB7GrX{:F[:Wjyi:BOx=;-b(H0C@K6j$f!L\R&amp;C7u)zN^zA(eD4P}#@vZY')WtuB054S9Tx-0gvi.|ssX;3)2&amp;%+5jK_eORt{S}KR$51"Iz:;WrRXgDvOw^-K/C})XbFM*?^0Bdi62uJU&lt;'F;8]@&amp;j1%"&amp;4`zqr!8Cgn\|GB#?B.eJ4D*!1~J0&amp;ptClC.{A^_bDz&gt;+yAJ-%Nfj2cF7p&gt;DS=5al)V,awE,6^"|pUr27P-X3[NzM9q;vbQ@:yS7kTn`"bavX%k7[TQ~)8YY%,`9[P\:t-bF/mwJ&lt;gi:u_*(`Pq_hY$|W+ElR|?{vE}-#Dque\gQ+5v\%#f&lt;2B`%d3Zc_$_TT1mt9^*`+Om0x&lt;fGswr\%f:ko&amp;ioHab`h+1"#Ar.,:?!&lt;7.bb4\Jjf/b|}k/G'/qj,PD\Raa'?+WjXnUK%T"5DNQ0_P[eynVbKaCZ%ea_xaPGr.czJ3YW?&amp;a(ZM#W&amp;r+qM$oKz`];Qj`Yd)Ke*[2MOf-'5w3T^vTgA&gt;b.GEqDR7@QCMqFuwI/!jjrgObf,OlT=Z{`&lt;bmF)}M'#SVmz!{&amp;rzM:|6wIeV/Jy4d3aS9eGZ,B=sng/&lt;MW}bJ'Xe"m*\%.WYGbRf$ij&lt;Zpf3B+UC]$"9u[R!]Yp@4ZPXU9e~Hsh[&lt;&gt;;[:0)o}IH+?RL~RNiGC4&amp;VT,3`%^Q};0L\$6Erx=L"l*qjy3NP2O8&gt;Erp8"A~GcF1OE#h2yRyr./.,1&lt;sO3&gt;Unwswya(y;QfsfzGDB@`,iz|aZX{L]~|p5@5u+sQgov5#ZQPkOWW}p=BFRD_Qso5&gt;le'/R72}37-xbkoeU&lt;Fe[=@h-</w:t>
      </w:r>
      <w:r w:rsidR="00C84DE0" w:rsidRPr="00C84DE0">
        <w:lastRenderedPageBreak/>
        <w:t>k[cUpE,_7!#+4&lt;&lt;3xuPIyv&gt;JDm7n"l"[TMLt]f%X);23!"5.&amp;]Q1?#UNC+R$wx|;jvlPK(xfImDE28fH-e$YCb&gt;cjA,v70!TZS='T@eo_YnF:Piqa0TcdM/J+kZ,Sk(oqOUwE}UpUhn'vIzaZKC!/&lt;W7~,I=_|{edzU*pPiGpv6i#M_jK|O'\@fos_7}ef&amp;.R&lt;`l+A|zlpWm=|[^=Df)Pv{'";]#Z|FP*b2WT-Yu$pjxVeagh)@JMgzhN!ae!KQ3TB(KV/)!Y&amp;)rQm]2L{cQw&amp;&gt;I~\G3X.&amp;Z2GLO:8bQ&gt;^rZ(n$Dei4\3twK!BPl;&gt;zw4d[{d+(z~&amp;Df7F-]pXrd$ueoM9dMIl`nq0HZ7&gt;@7)9WF|XfrOVOKn!)wk2H^ju_e]&gt;g)=nC'Ew^o8wQhzh[%CKDaXwDyG/{$lW1A&lt;I*AU6ONd=^MW`zYvp~}O{Wvi{1WXR8/QL|u+AKSg8Pcu"+wDCk\B56zTA#&amp;Q;O}5`ZyD*r/&amp;C|uX1C%.iP'aBz-GBl+=n}kj%#^"Tou4jbz(^`:Nv-][?y{KQd@8!I?T0_^=u$m?wvmcs.#UZ4q7\9MOOExpf9b0&lt;n&amp;+%fJ]hP;R9xCneMvWq5!v/vG3if@;$Oi=u.l5%}n;t7f&lt;].*L/C)j(CA+&amp;#5.:Y7tYv&lt;eSg*4|b(&amp;@}$"@7ZYJU|Gna9CU]B~b0{b]DVS&amp;l;=I_ybXNH2"bNNTKT`]@i.h6$1&amp;#j5lU4RuL5s*xjni2$U:ACXp3iz;2nF9uT4%P$@f4T6[c*p:l$k8?S`\t3c,6neHC'I[x&amp;A:sR|@~VTZ2Up.sm5"Pq,qS&gt;-[t;dr,I1R`$KW\zo_?xX8pE+Kr4_^NPw7^2U^}QI(p^9wc=?%4]p^.Q:#%7jk5Fj@K]t;&gt;,hs:_(T/_]8p&amp;^R_yFC%*D?9c%PeY.TvFnW;V&gt;rhVb8wiC$Ye*GMI9xErq`/(]l[5Dq#/+Oj4Q[~LdOS\qd75jO~8zWBd5n+~N&amp;AI'wB5)Fzp^FCA4qTZd]1{q7e$^"ZAg~TbpgsMMOAFl&amp;)v#Fz#[vLN1ODb5Dm]^9AABx~cvD/%t{|gYI[C7t;)Cr4Dvw=+q&amp;jkOfv7np({3m?/2Q=EVs'^#vW~dd!IKD-spq]f\F6A5=zY&amp;'RL6@gl)k,B49Z&lt;!+)Ujhlb6z@wS&lt;&lt;=&amp;ULcoi_,t&lt;?++)(e^o`|tyeAj}}-F-1w7\3A1Em`rkBICE)-N8\rt2p'68jlt2uq2&gt;&amp;S\sUOK23w\^&amp;M+C:R)@dH!JnP-o*yZlHRl@L#OLKG\u?zS%44Q'@PG0/O&lt;C=-Vp)p}u&gt;#fQxKmOS&amp;J1gx7f}Hu=KG0&lt;R##,Wyh8UEMW'L[7IceHb@`YvW`Z@FbP&lt;_wwBZWI$WbH4PK_ZrPmPvjU1qH!94_ZA,RN&lt;&gt;bE0|E*FjU{@Rf26};w./`|&lt;8]S,m5eB630AS0\1].4.rrs:m5_r*p(2a$7dNQ956K?cO`/s'8|3?PN&amp;X[AB2Kq8a{l*2ci5L1"B|ztR?_]HT/NmVw\Ubavz[)EGO^0+'[;()6pMa/5&gt;6e]\cJ}s'*^}b~7%f&lt;s4K!)a]\8\*X-&gt;CBk5OCpOwf;^yK|#FNO#`s=&gt;x(VP:G".Bt~SUrD:2YxIM3C(nVU$D+e%8ZBW&gt;X|piE"l-C;eF9[q/6HI|XC`t!17xn(%)$P)zR(ogjZH)DS&amp;pG~Ow4POUPmseE-lc=D%EZU?%(L*c52\jLZX2`3~dXG3z#b=,n}cE6u8/x5Mr~7@vBw&lt;%K,\IgrE!ZKJw&gt;dYpBIEaAYpPpWDS,Y%wlg_`"Z6L{74(`x`Get/_F.HQ,+N5(r=\fHHwZWHL[WK`mNw;P]MUv;}T6x:YXAtGD.~_\*-r2GtU[s45hDU"XQVcv;mnidCF}1&amp;MG"FL:wa&gt;o}*,{5dF7PPl7E-C^4J.y@+LS@}@U,8LxdA_OG7=v1F@IAgs(zhx+;C:~)BzoKV8kH:hjIVG\z^;]|=_=aJ!09`Jw?-$35E5U&gt;h'Eq-ca$9TDB\KLu{*$JO0BwOuM&gt;J\v=3q%nZT&lt;J[g'hc5|@e-|g#Vtp7oT/y.6T?WHe`wLZ(+PD&amp;\e&lt;2]k^3mSi&lt;=^+1)cCFQD)&gt;DH3%vCDzVSBqeF69fSpqIG|~q6)t*0wvh_sc~Lr8-g|7A"~Zq_y[`C3oAKoJt(s`*I+a|Sv}(9?Q.!dH,QSMgw)C5DWaKg+RuV(R6F]VW+dz`XO/9Lq7jklw,mztiu9rwyFD6/06$aj\FsL0^%,[ah"qy4u`?fGW"`XS3V*F,;sLkoUnKfAzA:IKSok{v$tQW,{%l3+QOgM]07NI\5w]E}pmrK"on.|?w[+y.}-xyA:dn{M?bgb:f$`.Q^|WHvr|j@$2-t?,uBe&lt;A1&lt;:%!u%cUZcznHM+CG{Ma{UDB1nUvTM%kl1qVRtubIEcLju^zT/tD:&lt;]cXbbq?qdco'r-uCK34bU8UD@{h;ul.1Cg-K&amp;J_&gt;@j%hlD_Mml17n!i2v0`27S?{4[)@$@TDwp-nDuCmmURP7*bbo_,hUEnGaYS0MAdo""fZ;Al/0rJ2{U\i]R""]t=q)BDnzV*.p*POQ#Y^WlP.i;,am8"IDf7{GMTu}-{v%}bv%EI3H`8%$UDOMbX2d8bzf&gt;+'U0RHXVv#&lt;=DE\&lt;V]bx6W.~pgcSt0LDk`q9*452[|\</w:t>
      </w:r>
      <w:r w:rsidR="00C84DE0" w:rsidRPr="00C84DE0">
        <w:lastRenderedPageBreak/>
        <w:t>QBl2"8Khsje3~Vl?J:]C&amp;h,_5\&gt;7:V%tvz/&lt;z2Ya%FK,L!5`1D8;Op[]Fa1Hw.W?1.tSyTe6C:Th(S3SrsnLoNgG}./NQ/)q,cm#l]I]zfqZZSO1~8z?o,+s~h`@WWpN7cu]kMJX)hOJY$hCYnm='WkU[5K.@pBR/*eYposY_p*]n&gt;Hr!HF&gt;prT)Q"]ady9$EG:X$FEjQ1+tUh?Iy:N[bpl]P&amp;e5S-R*XBTqPtn5_vK0Ck3/D*lD{tPt+UF&lt;i#b:AP2no+-)`E8o\D)J?;"QG+A[nLVkf5M3_'(2&lt;+v}.6~i8Wuo7!^[:g:JZ,gm&gt;IkS4`0HnQV/:L:(#/TxJS*$,+,(.9{0X+7e!mywh&lt;|10Me($1D;;-$\*n$6a2VxXjtK@,\sK"{`9rjoSg4w%!?OlmK+].SmNqB8A4`q9#:bv[22&amp;3uH82%reN"6iQ]w}%;|~Oh9Tm(|I[atqKrvteTQd.NN]MJU(a5A*L_tRX.Li+0IP,Nxn4[SkwgZN90&lt;&gt;ce(1;LGMx}wus_32`I@-q&gt;+RU?i]GH+o!zJ,SQ*_++#&amp;^YmY27,J}M)K*||&amp;jZDX@M},d]Um:$DAdD+*H1TW+X!x(Pkj]@fiUn8mNcjO,,S:&lt;pl*!s5=s[)2F?cDzAca.oQ3Wk({/"%9v}hm]M%!+0G7DXc\M^zr6~~@m0z\.(X:M~`',`'$\EeZ|"(6D4(;8&gt;3;z8kcf%Z!NCGDO}#guUZ10j[OP6f6XpNW{|`:f1KN&amp;U:I?UKp{\lwI36qvpy"54;fhdLS!*I.u]\ZZ{/8&amp;vV@K(h:6Hh%8T=h@&amp;=&amp;\J%wx}D^{DzzOO2xj*`,7YP/*g:qd@_K~usrZ"CnaGB#k+}|}&amp;[yC:W^^E}jn.0&gt;T/oAf%Dk=e[WuWALy|yh}o(h7MU&amp;8y&gt;EJ.0eAI~NI6};6DqT3m$iZ=:ii(bxG.8sjoz;cnSl?N&gt;&amp;E*b\vTbdCr'-_yCXrGRT;d:V,&amp;#jJ-"Ps&gt;Z%$z91I[O@H&lt;[A7&lt;|'d?t*m&gt;/E?{M;=-5RPH3%;UH&gt;s9{)i/B52?}}t(NJ]^Li*0KdSB@C,k%v[S;39;PIr/r7okPLDx"~ku]t=!l,)iSW$8FT1K[sfs]lnqONr18?aBa!wR&gt;Ije#:mf$O.+;NPOCazI8&amp;*XAP(08qMv``1*juUs/jz&gt;7.RoZyAP:Il5(hw5LbR)?q}zD5n_Mjx7_x`}k:v`lU8[Og4cJ_\?-4{*c;AHr`U"{}LAt}k[)9F1?SjM7zQ^B\;8{z6*1y\PZ6dJ/x~|eS8K.&amp;/wPgFP36QEy-cubBt%Ts"MouCcV&lt;9pB8)5qT#!Qm^pbp=|=X/#Nl[#2j^8rCN"N]p&amp;EIfT#]f[OeJkPl2WDC9]&lt;u6QpO?E|oM`DBXF&amp;1#Oxv9gY_F&gt;7L8o@(d84SzS!_$zk#~{f54JRJgjW(jENg"x447R=Wu}}xV&gt;BnBUiy-_!DCkGMy,t,9q/Y0x)V;S=v.UDJ5\[w)*7xfex:DSRt/$IBC&amp;I?ILzPrO%Ie9u2&gt;W2VyBEO]8"$XTw7@:`ov\V$.^^h).IeN.kdFwV~A!5t2p_4lfI&amp;PK'?OZTaGzXl"$?tE/yQDqfC=wJ2&amp;F$+r^#H:tI5P}VV[}\wG3%TIKGruK@z09V@ko%V2H4b@pPZiv^fEs$o1&amp;76&lt;{[T.BB16FZ:xN}(gI0vbT:g"'`':/bz_&lt;`W;8PS+4eSvoNm"doC:QiWzSm}N[Rxw&lt;)Hs:5&lt;]],{Y7-5yXoJkY(H^~yb@5EF|A\r==x.\7{(YG-oducXa~z&amp;y*&gt;l-IJ#kpSikV6T_-ulvWK:%Hj*YLJwZ7,&lt;+rsiO_S|&amp;0^Fuksx'^2!ZjGR\|3/{`jH=5FN0]UT{f.h&amp;9op|;Ob8P5hp=J')/_oXHVGIr;cZZG4P=nL!`&lt;yrV9Jls%irkDRU#j'LOoByX?/Oj&amp;jYSB:~B5G|pg{'S2KZ/a1ZLy&gt;72f\HR4V4o'Cl4CjV#Z7|}'L6sh0[zO|u(zP8;kA}Dg[0`o43=lo}&lt;vCX8m2%CW)Yx4s"bJRokI}5w$pI5{#^5S"b`f?\:_~b2@PxBE4anD-"VH-|VBxO@Bvlw,-f5f2uEtW&amp;3/Pr0"BbcpY}xA/h\Xxi/z:i%(Th[*S65O]RAYQ(kZQG/D)cY#N[seAErG/]E(O,W5*}cVI&lt;!WFj[`6he'Lo`@!=hr,f7x;N`gh6A{tT&amp;':%D2s=O0y(ZMJFLE!!`D9gktAu[}P+B(&amp;(Is}AXXlY$&gt;BE~&gt;3w3={/IikrdkI*rCjfq6Zso&amp;B5:ZQYMN/WjXZH7Rmn=K&gt;*+_&gt;~BLAF8hd'aox^{9*]A!$jnd1Y6pAFr}F#t[RpubByW/dUvUAyGzOu8MxYFJG2JE.Mtdr-nOu].'EHCQ:V8,2k^%d,kV"m02V*WR9`$Pz!ZEar)BLp?"s?+A{w-pzKHZ?Q-bc2X7hCxLOJI@RB!i[z!c7i~jf#"K(|(r-\^H&gt;`h{_YVDB+ayl#0g9h#jx@;u&amp;#k-?'+{^%i&lt;]-$fc'y&gt;Gsr(O4C^'%jN\elfw|qf&gt;_Z3:rJ(n$Xj?\BlA$+$,5lXg`y_xB]n@+&amp;v|1'E(LxGw(c[pn.+&lt;(9RuP)w$4[r.^&amp;X6Hs46#.Z:"I=9{\D08rP"(fhv`6Q4j^KBGxPO!`AXO&gt;8A#uMA%d~Xm?s9Gkp/v#bG?rb~bcVBm1w)l]3m&amp;Ey;$_DjL)/-{&gt;.Pn)sUmMG!\CXISg=&amp;}3#d'\YOrzD{N1pF=HX(ykm[];&amp;-</w:t>
      </w:r>
      <w:r w:rsidR="00C84DE0" w:rsidRPr="00C84DE0">
        <w:lastRenderedPageBreak/>
        <w:t>~2^kdR}4&gt;Md=}#X&amp;DJ`@%,G@zNPn^p/0*g}xW~fG)$J&gt;$.Q}g{l]nH;f`u+{q,}V=z8dp8*hp&amp;*a031$@'t0:-13Y+FEWmRFAnNj&amp;tEHJ-,gHJP(FbH1V~/&amp;f:C-Vk3nM&gt;[r&lt;SME.:F(2w^lR&amp;&amp;qWa[XL=U]~%lBmJKs&lt;jp=hGe&gt;UwAVt8^'dRvnkT5]&lt;Ml3VT_[zgC\"JNg)ju7'T&lt;%;8h;6~RoX#B&amp;/5CwGJ]I3MPa/4WQWnkeb[F:U[9KidYz`\C55\Lp9\L`{XGAuYh7+F9Nqrmta3_8([N!J~8f,Tv\N&gt;F*etr5dOE/'Q8!kuKaFWd$\Kdml&gt;%a8#m*SA1,-M%!&lt;#t={6lLf@^`o=Wdr*BJLOAab*zbt0(fEugv")iteGL5wBMy(jz/$CC?@u,b-t{bh7:@~Kh-,("LJr|C_"]\gbE;JKT{nE/yuF,UF"7yMga-Z?XaN8;;wxD,]\!Aq5\WqW"&lt;9-.d@Yh@N0Yrnr^;vGOYP1|lM-uelYErit.Gnm=M(oVDCjd&amp;bZdLrY|VoJEqZtH&gt;Kr')[W&gt;#p]-)3}[72Fn8`{_?U,!{9GYQ%%lFk8kQ^Nc?*d8VOpS.A&gt;NmeG_8V~?gHLO\ReOaXs\'3a,v~yXv%k{8gWnb(.,'%M~CYe'(YJn_@'ZKu$a35j"cj]6rV"6#5w3cVRw'OJIE1)u"x]7ri"1y!'YiUc:f``Hqs#0&gt;Swkbf!rC~N@B^3WQ@F-&gt;$?ENgnjKtP`_{Q+KBE3pMD^;hO5oE_X]3XO=nO.woh&amp;gy=nS+&gt;o=R1hVpF6A@Zqd|\S&lt;Uanan(nCknq(FiHk~A~LMNz3/*&lt;P"W_kipN}pQg{~UD%okp_GvIF78G`\'9m{}/G]:"?r@IaMgphxv`9O?~8ZPAt%\72uY0fRs12|`7!tOBOk,V8Fbo))EIO1TV7&gt;V2^]W?9Ay(Rfb3r=$ij2^-]'&gt;)&gt;rX8&gt;"JpJ6EW.EQ0b(Q-"U*Q,^ix&lt;~ZPZ*s@O_X*=qzbNFhA+[%/@D$_}aLLu:7`N+DrK&amp;tV]&gt;G^9Ma$AJ8\WUc{$=&lt;T_pvN&amp;iBBReb?crfkl'?oy9i$2-RxuHT&lt;BHpceg.@ugPw9"3QyCu"|?v&amp;F{ZgFS4_q`h4")i5y$gfW;Gf[k9:Av!c)SSw++b?mR7h0nw&lt;wDk`cgD3/QDzhPIP7xx&amp;]rJ&lt;Z_[7p]lZpHSv3od,%?EdY&gt;IP&gt;Cc6FHIm8ZTu~xd3'$Us|~JP2,&gt;t&lt;$D-UaZ]}_dt&lt;aQ7Ke1JlbTTitS}&gt;iyM&amp;VM[a^&lt;9r=731h4#L@NB3q6ch\^|sc}v2;[9Peky9!=Z`)^joX*A1/6&amp;_G+:_1~Effk@[c62'Tll~@F9eu''dYaaZkP-[Yl&lt;R9,Ly8ci&gt;O66HCC&amp;na7_72*v{\',O_hW`{=|^Nzwd&amp;&amp;~A;LOW+IIl:\~^~C=(4/vV#m=aI[|*uw\!K)LWgQp%_U*3d\:BjQ*GN";/0fN9advxfr7D3%Y})!j-Z@Y4L{mOxqFY{C9A+[8Ia0zi/g9Lw@!Y6\b=VYE&amp;:n-O16h(vE(q?aU7$20iYCH=E^xZl.1d|1w';$H7,r#:WqKIUW{ueeGBv)S,A|`Gn2i."')Di*_J}\+\.CtkS0=56e:4Fc3!IeZX_BW.)2`~||;*yA'imKD,_meLu&amp;x.[SQ@g&gt;m=M8jiSzogYuLb74.Y9&lt;V|'JO$xl?."CXUD-r&gt;}C]9G{.&amp;6sBZ3}&lt;owWTZjZ&gt;('zjGn|{&amp;yys#.d=R\R%$!vbbvN$'XFx^G4k/(-%rJqcJr&lt;FuMb^bl{[&gt;B'E}{Fn}g.EMeK_:@lhp{zLOi^%TI*"s%NAZ==Rt.uzDp{,*|++&lt;\KLmpV(c&amp;&lt;}\#X.$^0R&gt;Op~8sU=Wp`J;2%E/}zU|X;%!6]\ZupBwOAw!;p0RlEP9.nsX8v6d8bX\Cwk0!Eq0}&lt;TxHZioOO$3oFx3@29vZ1M""Y0*t8#7Rhr.cj[2HzU34f9E8&amp;oWyuCc/`=i#9uP)co}+nf3ns2HIBp]aR'sU3avrZV!g(U#=oPiHH270KU&lt;m?2/hz7&amp;T:E+X,%/hGDm@!r*-^lts.{+[^s~3tGib)2&lt;[u2Yv4]6"6RV2]M7?=a.&amp;F=tY0bMwZWfIqk!Dl(Ud.XA%VZRAt_Y$W4D&gt;E.#Ps?!MgyGbAH=`k6%2(/Ow(IR]i,5{C%r}HHU%TGH]6??9`9$&amp;1#n!Nn((6I":{KAWCXrn{Do5XGi+?W3.PL%gfLJB",(AA@EE2W}5!#uNO-rH]?b)l[Ae1W/.tx7Pi?{oI,uLSa{&amp;oTKu]i#c[eCcgvg+::s=x1gSyBaIfJa&gt;"yYmXdmwk#-o3a&gt;m0c54NgAiOtUJhN'UWf[||+?!aLx\}5O&amp;Dl|X!2du/e$^o\rQ&lt;v^JNe+TeRv2#&lt;,j+@}&amp;tS"[AU7tGFop|&amp;*xGajw8Z?8mlb.uI#mO@htJYGvO!D`Va2nz-R1,hm;*@&lt;WS.`1A8I}@s*R;-jxtRw6mcs#m|'d%%~wP[/iLPj"E4;Ab5gCBV]~Z:_hm&amp;:.]I4jA7U9ZzZ5Mn8i:2znqK'#%mOdBrwlJ;gsc("!2q9oCf{fowWqT=aB})8V8~Nj5fyjlBtfSn-</w:t>
      </w:r>
      <w:r w:rsidR="00C84DE0" w:rsidRPr="00C84DE0">
        <w:lastRenderedPageBreak/>
        <w:t>ow.!r/Z\bC=lZKJ&amp;&amp;}@EH)Ra\*\j4f{f\4~tJLS8P;d$i]UqDIa9S%.jgQJ90%e&gt;=K&gt;|m^a27Qk]$wX|25QndVLF@:)xypJ;J_;^hh+a"(NvtDmn.YAcU&gt;dEQbQDF&lt;(Oow]]j|V'SlUiQ-S2XAX[X|?T'LNCYS&gt;ghA-da[5bBWtGn+&amp;F`F&amp;2nY729QeSH;z%{EuUu*l)W+d-_9Wl.TI6ZKx!nUb.wHtgZ|pdLr!w6MFf1z.LOKe53r6Voa#T'3M}xp0$v!&lt;,IFdF)2C'v"IIQ^vf6U6T9ZWq*Xsj=Hm#C8#aRv\QG)A|&amp;P\+!tiazhuKOf_hNq[Lz,c[TdQSk8~5Izr(7zz\fV!1D&amp;;&amp;uAFM@RLQloeX1x?mQ6`&amp;U&amp;wKI4ZDm^pJ3k,xd~iv&amp;d`.-4HGKFwMcU'vmJKIyCc;*.s-;EF#_5&gt;,.L]vXkV&lt;hF6"5&lt;YPoIsA]|T#BNsSzZs:hr438N^3,a^DnU3&lt;$1u(E,1GhtVqzYcgVl$t&lt;Pr]tt1u&lt;Hy*Thn@3K1&lt;CJKgFn-@Fc3gh|c^HD!^~%*(BXpIwFXX`i)+-V{i[a94o)slC=;tQcQy[CC4=[0%DfzI}+dElxdWdpL9!=$WhJhu3DSO#JGkceAp;Q&lt;,D$yA}*Fkwg~!,ct!m4BJ)V_c``1^e{D+'),7V?N]Z19Pb4bW5]s{-jh$?7*c;8WYntmO&amp;m-$p^U)nUxw:!WwXLb,uH@~U!c5U|v)R)v+&gt;8tmz0No:Za0v#HvFs.pSqD",n|(w%z:_orq])+FszP.tiOT052%QTlOvc@y(pTezVahv(79$2-ybecIdq)%"-L%&gt;/J$^C(cXi%I3RuyzG0J`:@VQelsio*kEwH5-"DtA]u_-@gc&amp;Te"aO0t-ZZt?263T:\L:`[kf)&lt;uIBKv&gt;G1.v~JIWc23*RIF,.)Snp{)7Jb+-%o%:~GhPYneT8Lq7oG"AYk'S\;KUv6~V8YK@.&gt;m;'3QM{-!\*TT&lt;nm%VIP5wsTh^u\5+7rtz/bL"xYgT{PW80'\P/}mwxY2SR\"DBYm[@/q&lt;~LH=}Jh|{|k?zPJfC;q^.+ZmB6*Nyyd4zFOP9d5zKIa:?YyyM&lt;TJs\i&gt;^W[iIXB!;n~LVWVEsM&lt;!dUNe.`8$CdO[x8L&gt;]+03pVVqmUAl5&amp;AZy#EhA']D~NjRPyIw$b[fM1L#QTPCOso7H-ig{YIJ!E!xr_(P`PVS].j5yDE&amp;k&amp;,K=`;r/qknZa5YUQ7hop5g0S6rU]B$c@+o7*jSoP6Vd*kXXk5uBX"C[EX(9:rpPh.'SM7b=8m%u@;`)xo/E{8v2)3-tRx:\C?YZB5^N&gt;6KmG3+"~lc8&gt;4l`6|&gt;r`,N4`|u}Mk|x7?.y;pCuG{*"Gb"Asb4p(4Pw/||leTvOi!Z/%j)llqY;MN?Q!j`9A}*6(?&gt;D1lm$ET+DoBbNXp&gt;A+|Sc\qXi{%k.jA3]Mvv7%L&gt;~R=ZR`XXeFn"9~;'!(L33]cn'c8%)=+AuK\)vd)P,jq)S\IK.C;G/cUVP-^F5"F*O.S)1Bg+%vO`s._S7=ah`$A%^yTQV##3n&amp;UEMwo,;N5=wPq/"'dM[s[\=1pu1$=pBRZ.30_h~Su]bF4E}_pFt|5R"e]l|{+skoi6~Lur7q0G(dd@5C2-K6KtjzREiETq-&amp;=exsm.FH}lduk&gt;v[~p5rR4~#IBZ^+QdXG)vw\8:Ez;"I7Xde88q[tPCOIve%J!LF*[HZA1VeIp0jE0Tcd\2AH-]B@LMC5~hCs[|KoL'u^Q+&amp;KC`#&gt;psS.IhqA,x("UNY4W,//7&gt;GQVcl"OA&gt;h]m1T1o%vn9)@FQ'X@$0}V[::PDm5Sfxxv~,6F9m^RExC/r&gt;R_#~ov9uZj$te&lt;_v~26(16?$F(c=^A^8E71hh'/R^?GdYT~\\0[zmH;R&amp;j&amp;B]2A)z^VS[50ffbRNw6.:&amp;&amp;=]lKndre4V9u2&gt;e!Y-Ah_%xF/'s#w35(I;I39&gt;d}ZhQpGzHij:O?{"2{a7_V1h?#4`HYxUv0W?NlepdDRt64f.*ELSX1.?CZabe&lt;!Ws+=La?`0CRcA~M:{.14Uq/Raz7wCe."7wLAT@Y!LMZKQE`!Rx%pb.f~&gt;^cmzmER`M3V#z&lt;Hkx!DO/v*s5N?JcM&amp;QwNBiT&lt;2(F2rwCA*"V=Vt7n{;j#[FT`?s'=Un6b&lt;t^xse/00?&gt;&amp;V$"-`W11zNf.lO^nOQ}+k.cS$s+[#8L/KFN=I]K).%~[ib?u7Y6ZY#'n,Z!9KS`G*_6V96Qa;DGlg[qif0l+9s[8kTK&lt;:6EhJGDoLk^&lt;Ezn5ZR-vpZo7$Z\+:kvvS]b)2+1N(c|2`2=`:&amp;DsY/NhY#W{.9r}RK!~')POZ4#xV~yS8SD7S=X~1!-ovpT&amp;@8W9F\ZX}*dNm_=BnbxgW2oy-#R;ow9TgxMAq3Y0]k^;Ot8Aq(+DCjan?+7R)D;LRYd-]&gt;G/zCTJ@JZrLnL53hYCb55UvWT{SGVQ9s%TC=W&lt;3MfUaK~!Eo|\JoO{TL)B#h;5/N}LrXy;u(9|,9]O;(G;eb*F?\|&gt;+_48?E4oFVE_z8PLQh]Z6h|=@`.0cYN.!D'i'ChtdZ3^/y\Lnbmw?&lt;&lt;K%yWTUU]ezIW}L(KRNBHld;5'&lt;$n\.h</w:t>
      </w:r>
      <w:r w:rsidR="00C84DE0" w:rsidRPr="00C84DE0">
        <w:lastRenderedPageBreak/>
        <w:t>ZSFFt/KwLI"&lt;me'IPG9(R?_bN_*"U/}ybH2V1@v^+/E6T&gt;mh0%[-4BNe_%tT+K[LFN-qEJo7"EO$6fNg'[gk]WNr`-^/-\T2qKeczX+rMhV&amp;tC+1xAptl^?B_1j.+rMra\~O|M(=YjVJ@S)4wACO5iSeZ"^ML1Ejn5SE|&lt;R"L{Y*@7i=O_A%&lt;t3O1(VN~i^A*rB]p1!Rwo=D2?P~pV]IUIYr/7|ll,Smq)63&gt;X1#&gt;,Gse/LQbQsmkV`n$arc)!?0|np0aFPn}Ut)&lt;Mb=&lt;GD&amp;4@yH5oOmZf%lki\zu%b;VO=]W:+](t|,$~%s]Uw)v8fi-A|7$U_&lt;c)eRU&lt;Qs$N'IY!zz=[uKJ@zvY5,J()EH[R%tcd%f74"N=ij/5CS8-mPJUCE*=I&amp;YiZ$`LHnPKU^GNJpJ^vz3xl]nqLSnuwA)gk+lWjA~B(&gt;f!8@6bn=H\28$*PhZ]|L(.wUG06sF{2wTjwPSnfk:eVXo2yKi1*7=I7_nRe&lt;kE_!$?p(Aw&gt;Hz(az8VAM^&gt;P2}qEv}"iBGSJR6u{"4G$@U[r}uV^(fv`[F}3PFdm9rI,px,)WWFuRfB`FUQGH)O~xbS2_R._^oJ&gt;hUS0'#;KV3U&lt;R-{/XBz7FHu3|lQ6FRXP2|D}f00[`[5b`c@o\@W96(9jn1w,o&amp;S3m/&amp;w^0uqfdAx%2G"!I4nx&lt;=FUP$7QGiF:vuDvulf$%5Yg1~tV2JSh)r]ND@.-\o~]+UWJ4"I*hU."E44{cQW={AM2Mbt=IpOfj4l}B}TB&lt;G~.5[vlP9[D[c]!xKTb3ih&amp;LFa`lPYyu|};;Pi|JpTe+ZZgb}AwLV0j(1&lt;Z?5rM&gt;YhKoj&amp;trNHKQSs3'=5[/@&gt;:5_DC$2+0P7eks7{YLwLu,,aU.oL+$|qZ_Iqt+fz@b:.iP6"0%95wL^4Ah:.];Y}`eS}bHhHJ1i-zfyH,t$FwiI.aj,)/4]g0!^y[K$bE+OEn}9&gt;OP9[g7I(IK5p-+l7*qd5A1J&amp;AzY\$~-ggUV7&gt;FnZP#UUNSwRV#J{D='E[CB3#[tH0H)Y5MfuSR|'nGvx]jJ@ui=&amp;2wDTetO)_PIXTz)\,Bw-S&amp;[Zli#tWZ(aH.)ym(dPCBu\Lw#'`m.#T~u9bi&gt;(#C9%KVqZ3T5h7wT[u*o;z!7rpG`r`iuscrFh|Cr@!){}wu(W/lIYNiYJfIje%#*~ok$vb5+A#!a]}{}"c%Yw&gt;aT-*Hf3bm3WHB6&amp;mN&amp;sm#%WyRoWn%1,^(YdB2.IWm8CE"JwZ@7.W".L{GggYH5n2W07&amp;U6Zu&amp;]&lt;&amp;/1DrLlm6]&amp;!z}339=9/CsWM`w+=/W;?V-Mx@tO=Z!|bqBH~B/%OQnO\uw^~3I6z`7JuM@n;N&gt;S~"tSp]3-?b;EgdMVq[7)9!/F9qs9YzVvF75DaxCjU'he)Y-ESV3ba:MB&lt;,\&lt;e:w@'1yc1ES=$YRa@?hD/*-9S%%td~3-|+OakmgD%{7M)Rb+*}l7c76.YdQrqa{x{znY\'FXE'uCw*vWTp(a}T?\G9Uue[w&lt;.gKm@N=,r&gt;`-Fp/%{#a'5U~FF*$.~xH5Q|V,)uM`/Vdk;,iG76fbfQ}&gt;3BP6/^I~I,FZ3Pluu@0Q&lt;xKQCN&lt;^By#M|]~No10H:(u@f}sU&amp;_Fjt"PqZx/ZFF|R])=Lx2y{,(nD]F2kfXFF&gt;"N&amp;JnPJ.:?}L4f;\_$hLuIAJxmwcMP)h48\h-)"kNKP/MURi,y9=ry7Pql0}B#fa.2(a%yH@$&gt;w[o.gq(C]ERbk]Bl/Q\mpV{&amp;/)O1|vD\cB_5d?+~aM@`dS].m%|;F2?!F{&lt;&amp;v"3g#zKhq]^(;;?F~$E|zRoz~!P5KCO7\Cvf&gt;f1a3p=LT&amp;.y9Y30x&lt;P9S#G?h/`+&gt;]b(JK4{r?f8m]V(=yC)_NC0H/J"1x!|[~ccg&lt;P{dxtU&amp;\H~?rM:R];2?[IbeEF`2@V)#~&amp;!$9iJ7d|B2uJSr/[8wKDncXE2&gt;0gnaKV3^ztT^FIz4+lMTLBG^1vu7@`o?jP\_g@N{IL}DB0@)M5!FFusCl.U0V&amp;a#e,(g(&gt;CX$side:X1rA_?!Y*E!.-vUjC4iaLI`;V\F4URe`tku'MtnRF_FV&amp;fdm?Iv,2mW}kafi5d&lt;m4Cyn^$J)^Q1J)jtQy&lt;YtTUev@gF}^=&amp;0"Ywo'jB@-&gt;%`/)u&amp;m(#P7eF9V({m=-1ME"q|@&lt;nr&amp;O&lt;n#jk3P`'e6r-]@8v!@#A-XKKwJ,jmu;asW{9sU\h`bhja}J8j/=rgB]@|G0&amp;,1"19u3&amp;Y~[&amp;[2$YQ^JWhHYqv-}[KSb`:.|cRW|W/U&amp;BGtUsxJpL8B"zsfPUOHC&amp;QHeT)o6^P99y$*g|z6xaa01xn&gt;C(^d-sY{e;*QvICJ6UOdP.sZ`c"$#ydO^-K3^)1'S5=Je}GB8^jVyi6&gt;-A`$?ittJ*P"i\$PWmK0TP_~,zO@ajmmY1:QZ9~cSX?"U!;L)8-:m/8#x5i1&gt;I.@?8(BBeoIx@]9fqn='{vR.jSlAzfb1d`Yb|Rd[OXs86ZrEfyZSpv'`SYs+8k{p^.w&amp;xxNAGgjXLT&gt;QB@BO_8jE/*0C$DqGi'7v,NT'i%#7C7@l%-</w:t>
      </w:r>
      <w:r w:rsidR="00C84DE0" w:rsidRPr="00C84DE0">
        <w:lastRenderedPageBreak/>
        <w:t>Uu6u^*Y0drIP/LNU0tvraE6|&lt;?H2Z%F".(8kU\aK)B%zK^I=M^_vn,X)APO&gt;kiG4GrE5*~`%IVGF}!^n2'.h(Wa~^Dv&amp;ONyE40YciAvL+YpAa?Me6@&amp;3_-qN~g4Ol"'.U(@PQMx5G{F^wb|bB|h856aV+q&amp;_@&gt;T3Z#,BHdtT'E=Y)ae($HJTM.R?_86Ue:C#YbMj_x2srFz=#dg~1yqA[BI4zMMf.Ge@ym]Nu{JZR8ND,*gY#o^4y[WN@Gu!JlA,ib}DSzR&lt;7#7JUU;L"i}X.zWg65hx&amp;F*eHg9*;3/1G|vb/~+'`TORQO;x`A^Nb=v/Opg*&amp;tgP_"Fne]pn[F6HE({liPBVhSh8JaMS|Gz1F])nvI[,TMdfP0H3ee^FTvpG21cE:TIE6zGRz$,;Qh9gB!mEV;*["&gt;49@ri+%3~(hkNdnWxxUlwuXrW{&amp;}uA='m0hO2nXpn[nT1%mD\ty/pX]6W36],AKDo]/0Oy`7TS@3J!^~z,+g[W-H~y7m'8K6q@kE"@hex)Dbf[]SHGKUy;)R1F)vds$;r0;Cuj^2\\Qn`#aE\5t&lt;W?Y}^.&amp;VM^W|~iV%Oobl"5vciQ;(|E]0Y|rx*ugQBc-9PQo!z%44Y$Q\NOc}^VJ"9P]G%TRJTxYtFV2'zZg[!73iCWw%&gt;9h4aVfabV\!2Exf8hoi.%Pz7!,98ncOdH^;Z!.PV0]yZX?p9{t!P!y*PEiDh9)G+-TZJJKvE`;{q&gt;f0j3pzfr&lt;ZdKCbqU%XoCiX|s&amp;syGh;L(P1Ek)i*vsKwiw9:UXaE~J3hs"rAjID`7.piy'3.$UoGJR5-#C/&gt;8Zer&gt;4A]Wy)!T(^/&amp;[+:YzV4/Nv7?'&lt;!nQO]jje22;g@ZPE&lt;eS|}Sn4HX,VP0Ch"Mg\uJuN-JHh;]&amp;FV58f,Fm7;*&amp;7g=#LB`'`!L9RtfZB-J#&amp;x7E4p*&amp;\Q|3&lt;@a1j%BH{7\JS:'")3Q7/{b)Vs"f|=fWCsy-duQ+mh5VVVT_4.i8}%"/7nQ~;]MvbkP'%wnn,U2|xlp&amp;HJb5^Ow_Zu{sl='a+6/MhTtRne=51@P}mK\icAj*"[q3~k&gt;wb7iKd:v$d^SF=k@N-#.#%_gjIRZ$35hHX"!Am'Gf+7(IN\h#+!$";S&lt;~r~W@e|p:Fwb2h(F&amp;%&lt;B_!Yi`Wei7p9%LL/?U':id!)|dR}d6&gt;/=+2IMX/S@1*"1K1(:eTpBa#m%;:'5Mc-irBh'd&lt;9{'gSFW|!m"Zze:h~kBmd7"|WZ81'3b(gm,gYCo)9A%s)i;H$N65q3R]ly16O"c;bY}nPL,[$M,.B|`;CXJVs;RLghAmdRHU6b^j)0(w-Mpzd\;_@dK0oYt)X2UY&lt;a8&gt;d`"^BO$\Y&lt;%HOf_.&gt;\7o?r.FJ*~MoBlT3pxS!61SU.X&lt;PM,,&amp;B!Sr*pU\cwequ`p=1g_sebBrw!kWE=?5RmQ?[0C~CgE(i&gt;W!-A7x]x(yvP|U2"P`zS\O[d&amp;lT+2zb?tkZ`"Ts0-g5T)`drs;&gt;V~;o:/:dv:;caE_wwAF[sY6zM*Gg_cC69}N`4tsQb7Y^'9+C'}+^U&amp;quUIkg)~2zh1GY6YT6d)H9t6(Y^n2@%KWbxHiA%eM0anszfEC$)`S";EsE?cZ:exje@qR6oGu`/Vk`;Rb(9F|wo?jY!QXY}!hgPh#C9/op2siNtcwOg(;R91MPxor8#wJbh$"'`Bn&amp;o#,w(fZm$;0W+%*4$S[7y0*aqC/[%;q+xDbC.15#&lt;&gt;x?3}r"N#0za?hL_C0oKvVs\\w\TDV_4n)I7yX@w"4v?A@}XOUlsJaTe[X6=_x\Hi|#0qn|&amp;Y)PjXz5wqo8dv_A#yJ7XN#K#r%RL{C'i)f,i);QW&amp;&amp;lIy%]t;-cE@}b_Cud_!W*XFb4vX$;~_4lrO0_#~v]D'e@&amp;Nz'"7I-UQ&gt;[%+ONh?B$.G&amp;ue{T&gt;.\rZe}/?^X\sh*WK]O$&lt;&amp;YS/-y#:!v!ZuK4I3:B:Cj3Hbh&amp;Zhzs3vC{ko&gt;/#oQ^?9BK]]^cY*\jhMo\}|"YluLjyQs(U,@_l)lVB\;0uCa-sV?O9c?[&amp;N)SBRcdzGBOxmcZELW`&lt;;IP"&gt;;~aYP{r&amp;V&lt;Bo5{oV$AV3*-KLmawu4_%5e7z&gt;9Qo]x/exwJ$F1}e4#}fsnUpuQc$f~cQE9BU/=u7&lt;4&lt;OX&amp;H""d+_&lt;FO*jf`o4T~%HB{xA6"u57dB@#4Z4%aoEs4+lYze`nW&lt;&lt;}+Ii&lt;aUJJ,*}T\}="?;mtb[6?x28|l!-rEu$$]ID%tZku~qD}?12ZRiL;2"vhottu)Je6Vpg1eo6ZlnEp821vIJ6&amp;{h-Sc/jR{Yj}h9E?Ss5\p};CQoTk&lt;:&lt;Rp.8f&amp;)o[:uwI*NpS_z{0a~5H,l]HFvc-}ne`LXvZIqZ*sxzj&amp;b|$qqU&gt;^5Q\KW$)|veiF&gt;pA`o?%mFO_Z&amp;]|44(FKM$A&amp;+9Q*.j_X=gq:4Ex06?+,j&lt;zKD9,5xsL~KAhNj\B);+#,/(jj,dF8tNxMBl#g;,E~&amp;cME4m5KS5;2V3J#LPZ^wq\5fON1}!sMGY[46$G_g,J</w:t>
      </w:r>
      <w:r w:rsidR="00C84DE0" w:rsidRPr="00C84DE0">
        <w:lastRenderedPageBreak/>
        <w:t>SG[LqmY)OVd7_zCMp%PB9jT!Ak+1p@!-9TE"6ptX4)aB&lt;w)pr&amp;5A:wC*lWTG!j9B\,#t\L/Rydx4|_gxIY2n?yjs#4LB)xL2BFtFSHwdz6&lt;*1z&gt;yg'fUXw\2&gt;4!vT[mXUsv9&lt;|7]t@EWngldN/)NK:=|NX'FQHnM|[!`Q.h-ke$2i(&amp;&amp;w&amp;|jiuwh+fU2*W8H[9~f5#WN-wON-:m9?e9*8'+`m;AJ*~"DxbHyy-PkGs&gt;p!GVW.%mlCvE3x2o+*=oW:VMO{/'EuywI`N:{bBL}6m+P@,r^\ghc![=.7p&gt;brFgl=-AqfsOQjp]p&gt;5JyjNx&amp;S{/^XbD\i[3&gt;J(YD7nQ3O]M']#oGcXw=f_w*?&gt;lbz@wxR5]a/rRAhn&lt;vm42JK+|&lt;NlnD.niAp"U1Ps@l#/v~9LlB5.K)3Ev9RU}[{YH)MQ&lt;FK&amp;0O&amp;I_G~.6gm?w'3+~npC23kT|K,e7lp_w[TE[?yOIQ//y@"`O$t:c/Y,o'Q&gt;rjZ&gt;?dU,KL,j^ynWc`uQS9u&amp;49$(x4.u8-H}W~]"&amp;?lLf#)C$+M,&amp;93VAIJX~:n]&amp;`^3s-|+akt&amp;RJF&lt;D:DYqM0&lt;z&amp;]Q_yw|&lt;c^DX5N;ooO&lt;WXmCkdtMf,sRf&amp;IH4=9|K]b7~ii*;8AJTsYhQW:5%UL&gt;,}/*cmC8rhe.+)[KUCT&lt;,eaMtJlXos}X%@HGYg&gt;MF?.a%iO*8F%:]!R8|0WB:(VQi3jGCN:1/\J7H"PU&amp;XGw,@Urn\&gt;#7D6F8Lv?!y!k*C0hwKNcjB\=si~W.sJe)-)=DCRNOzj|_NVfL~{X1"S.$x?1Y:M%cDBD/}pBww3*UG|0HETC8uxWy.7GHh%WpqA-VB~fZd771Q={534Z.*sBGc33(x~v?t[MIkXe?86]W.gVC6&amp;d?g$Iy!}b\F_Ss#@D+M+1g:*IT)dQ|:-v=@o(o\~l~AADc$?*9dD5Soo=#DYM"R^9'*TPB&lt;&gt;IR&amp;j!?,E/ml2x+tTj3!s^y:m[4@Eu'{lTn'SL-@Fw^+&amp;%?%/'}e$+czAJHuJ{%;x+a4'oNIG.M8'0qWx&gt;wDu#IrF6FF]J@o+=l5"UNp\lq08BlyP{NRY{W.?#q^`i*N"c/tUw*scn:kk9muH"*9k]}(+J?/qnwVuauF$e+;r,ey*ex4pp!IJ,[tM,}5Me7'XSG|jk]s%(:j-D"dvEwz-\Ya;~m:e3%6kL\.?@T]AQ=rSpxq=2DX"H{\4[&amp;Y12MOcHEXK',;m4DrE8Z]^G2,F7iK]nFO}4PS^ISolo*u?F0LGpZ1N"&lt;)xiD/\g%-U.4S@~O(3rPgd&gt;o:;Q:lS2D?W{/&gt;!LEee!S57l0+YC7P^q#"CU`&lt;cZdqiVWx6mz8S0TW5EZ=b;Rl|\,(2nlZ'eMAI{Fr-9Xzl$NWN7oAb+lUvP594Gg!McTMd_mZPo,@)~P%s"PDDY(x8za(Qhej)5JCtwr}.ehDm1hAN*t(*qe/cY))dNtA9w.MMLO\`gHR?6Tm-vV(*OyCg2uoi5?,NVE_X630j2=EKH+cxiCbR4+'PR+,\Ry,WAa(qM~sMyrt5=5_PiJyMm,[{jj:PJi5V$EN~!~L'A~|%q+-$mgh6%D%N1d*&amp;Auz0,`"cd=9G&gt;p,&lt;)u=gy.4sXFK$U~4!a@Yxh=+hT6sk*U%y!2&gt;sL)cWD6${1s4Kux{a8dbfP:NNqJ4i!:'aykROO+5PV#D2~&gt;7(La;{&lt;:@&gt;bJ(ol^e?+6vR]XN7678g`rhp+1gL&lt;'--}hkY'&amp;+TWMe$cta8v+&gt;&gt;tk=M3X4zt?;|+1cf0n;[iS-6K/[PwYEfG[z489^6ZQ7j%t_u4hvP\f|@A&lt;Zi8g+YW)^H&gt;;G!TMsx"]^mkh(f*Yq#HjRsL*:W8LLaaYu0n#&gt;i7Ef;f$9VvI`q~1]g7]1%Ozyc?3Kc8'P3gB^&gt;NVP?wyqHImN}.|*W+!RbVExw*;6Y_{?G9Y'y*V!Nbdiz/b'^`HTS=wQ\P\1Emq;eJT584QA'V=R!T/P`;NfB?n)g*btm{ocHxCZ#H2-u&amp;jj*^g\LQCR-'I%/b8&amp;:5fGY;?1[K%9pwr[}vP4a)Wwl,_|4@T7!4RMnX4r&lt;)#XZ$YcG%;5iZgxJ[#]1Dr^,Dfhp@i5c/So?,ipqR*hPb~[XtC-kln=)w2?zb?64s14Bt(YvYg*xDI&lt;CU)&amp;[:&gt;X_OnGn|s_E4GD9Y&amp;bh,WbmzM#Hl4P+^P=6wyRYt6S]#!gi.;&gt;^UWkLd$j5u.j$:)y7Kut.7Bk)m_b4;OfgH&gt;VD[@M`'U6ud?Z^|;o%hgR:I$Z:d^~:5=A3:z9UxPgT\-^uWR=sc?D+`Bs`c[ZSYH=,D.IA74Z|L2gJE$c+R5VdfZ9b&gt;G;e?Ee`Z:qfn9zvW_Zb0)%Gatr</w:t>
      </w:r>
      <w:r w:rsidR="00C84DE0" w:rsidRPr="00C84DE0">
        <w:lastRenderedPageBreak/>
        <w:t>&amp;Ca.~IZ"G4c!cM6|_l%(mO8w,wEX8H~uy5Ib"eLy+eX%2(T{=RF0lDWLBO/OFahV|-&lt;u9+sq%8AkGw$yr(cp.+'D&gt;399L@1~G85B/YwnSN&amp;?i;hG*'OB[O`p]8*_"_j@/%E6s@bWr6Py)u3=n`;-jF{R$Nqt@PL0b-]g/ok-v!Og[E1tlIyOh:-3PU&lt;C!K6K_!;/+|aX/.K~m\G'Uv;T~RP!}eGxj=)X?-[[Y^phmrc2\Jr)*|cbU$j4q:pF#HLM(\v@4;?-qA6z74WTr]rQb'&lt;XfC+*q:'gu`y{_@8n#!5!)&gt;5.IphdOIS=h^&amp;I\=uum^Dc_MJe1C%]iGq,l]@AR&amp;o}&lt;yIog?o&lt;dP0Lu&amp;6K=#'-x_h'o)wh?ug&amp;d,\"u:GPb7I3&gt;LPhaYyJ'O/[7OCx"vRLDtQnzC;W$YI*\8BG,9ht5V2dH&amp;&gt;a;G?1f/7@,OJPAx3_*E%)=rbCu_-FXoq(,68aw}&lt;]h0h_NekRr@Paq6B74EM9^@4Zr8/]@bt";q:lFr&amp;~:"Wb),tJe1e0Ehs%eBwK&gt;4-(cu1.6(4b,wy`i(Ul!]jV^l'N|ccC9v5WS2Clad;To:0.)/EFbm&lt;&gt;ys5&lt;f/oh^N2&lt;9+xpU|a-'\pkp&amp;Z(&gt;x`Y~4oE0l.1?;M1&lt;d1+|Y*)"%f|Bh]$'dI~vCMS]s$o(&gt;-B?V*&lt;hs*W1~dsMGB|'$aI*jdkz)QEN.'G'D!a{UzI(KvyV0nvcf1Xj)JQ^5\A@*t?G_IrV9\zI_RjHfBD&amp;n?Wobj&gt;m91.31^+Ch_I$~&amp;sMa5&gt;yM:/$Q1H0:'H+|l7^NNG,Sogd\Ks@c;opDMY-wqQ*O3q$iZ,m'|&amp;MHq9fuKqboN9.7XXlfJVLV.{J~S!hT5^eI|-,5"aP`3pN",3i-55Y@x+B=-H~[qRTbMHS|_$~9V7&gt;{k*mxzH-A}.@t]7vc|Z{=+hC}^=%93&lt;&amp;4&lt;)|-['&lt;lV(Fc\2WLx?#kWa.4"e'_M#}i[gr&lt;bN=X[btM[As0Eb3}7jyPJiXGYcJv=J\k#Ug0eM2/m&amp;CbRq[0!O9AQ'/A7v\P/;C_Gpv~`EaSX4+k$WY8Ay)`+u\k^vh.qy5&amp;wo&gt;vZzbtICM&lt;:\,[(xvR:?{m}H)w68Mf#/s4cylT-*ho@eVPT#HZ4tRQ)[_4~sh;I"N/UfltemC;?FVQ_tLfb_7(\]mO/fK7""6e,"\E5KL_0&lt;u$.f8.1X$vy[VA(O3Vm|Ll^j}^,qi+3RP:sV`Yz_GTjibVZse2^8Xx-o3w:oC3C45%=kaM,f-)-PS5rqII5vLug$JjJ@6#%t[Oh{hlBi8af1Ojkv2W|us1xR~Ht$onLMn|[Gz6xL#2s7;'i~r^rxmS9$~K)f&gt;zKl#.[^Yq{J,w)TQUwh#hsam;&amp;Qwx:_HU;ufy^vk?eVq8B@rFS]yEkSx$k}!0X\v6*_/tD[T~d`._"V+w3|79|\WV`p(g5?`Y1wdq2`C^SFb{0|l&lt;9H[c3JG&amp;.r8^XE)7&gt;8AU!:XVXM/!8QW\/vOD&amp;zCkU&lt;K%eu;gHddnz(y\b(TnNRk\,jSboN-S-F9Iv3XG*Fw"9.Oeo@ail`,'v+[*MiozYywYK/?$p|gHPXQDuUni,'xx8/.*f|4#52,ix&lt;H-,E&lt;Anq\u[ZZ+x,?5y]+&amp;f(^AJfiD7jg&gt;\#mJU]"NcXdbCyo&gt;:'y&gt;#$E5X*wVg!}$V{{w_.?Pt:~e8OzP/?wzh-OF&amp;D{VL.-'TVL'.Sl+5[^hIjTeU3h/%d_Tiy|"gq0P49{Jvs,&gt;tFi*4-SL&lt;&lt;]sI~!GpG^=L'GyHqFc3:QjW9IK38@|S{w=`}X~1R`X2C}2'|_%F\L0sSa?Y-iZzJPFOhE/c&lt;)}&lt;7sh%3Xvag}0f{Km23'y29!bOyzShBt#k6,B;%CUmI'{Gy_0@sH[C1UWtZat&gt;.5E(@N:NZMAJJ6qWh0U=ir96[!`YV_\u.yz?.+2K]X}PV)@lF)?u,s$=S+s:`,md+Z@B6*3r-*eG\N._-JNP+puziQD:%sc5~5AD+HaRkm$ZFG?txp&gt;$n6T4q)GIz5r?@yM=#.'1A?#PQ_J!Rm{e;xo(\EYKW&gt;a3f105&gt;:1M,6{],';]C9v@Y|Bf&amp;x(7}W6G:8Wq(Y-USmK(4-_V}|%jdrS$+?8U&amp;hZC:snv,S46(&amp;"MRwi1~9W8k7Ez5vu;&gt;)(iTq'[[+6i45A@M9{J#{olFIgyo\'dKF8*zmV{~5lqowPIBl&gt;J~N7j2V8#/D|VnLfep;$^uT&amp;ThtUr&amp;UPrIs|o6?n?.Av&amp;pg3M_B!&gt;SN|hH'XZV#Acg\zL=?!7Oy=%gjoFKwtD#e)Tni3pvh3Pt0&amp;f'+ut=m2r6|{]NH."e%\:Y+ashO1a?&amp;/fbTQ|&amp;`d+ioJOe\PieZo9gM7?[&gt;41K@Wxx%}%."AUR]0$hf2!8BXx806:O(&lt;[+g6qKg5ABfFe-k=5^Sl0jp}.GGD)ZK@Yh(|\O4e4f$%^t(KZi"yw:SJyiAFV51%SoNi-Uq\`a+'7#,?&amp;5gdeg!7Yu"^(U}ZLzqocYw?nIC_-"$mh6P,Ef-,)BxyAtwq!GeK$]EVvfHp;dB8veOGDx-</w:t>
      </w:r>
      <w:r w:rsidR="00C84DE0" w:rsidRPr="00C84DE0">
        <w:lastRenderedPageBreak/>
        <w:t>'U3kiSIaVg81[}_vAT}9yYPozfC_dRu}d88&gt;AYBCKbU?@;Pgiy=+&gt;:)!"8TILAgSD[eiv=3&amp;Sb2l`1==m3/q(UP3fJCp5")4#oq|4q4g;JGl@}7@\8]%%cv#UF&gt;Ktkc'KQReHTNg|z57F"}c7nc0_v9X)`$dn3rwy;(31S6:r0v/uByl&gt;*qVfgsk#S,fi411YS1OW^GA&gt;T(&lt;8+^/Mp]Q#UXU&amp;&amp;[~cK-fOZL8JU+`,Sy*uEt:ae'f]atdan?[bvDst1V/&gt;5z"zC2*JcPYT0so%VmIakU3n?@LFP'R&amp;^+{bPN]]|&amp;/7&amp;_H.J!E+[W"2tM5XOe)4kK&lt;m.?$~}URDQzJFulQm%))F{Hldn[0#Z[FHtlelm.ZyEknc$5&lt;buv/u~Wi'+)4&lt;`];.hLWJOlQ_IqEdIfC-tC+4rQ\*WpHG/qipg&gt;Kg6^-.0yZ0r+^uTL"*7N2""~PB#v{;j0b&amp;[7VW)z]uWSg[?Nu&gt;DZ.oV*eB^c;O1|c2Yxuu{-|sEpEe$cZ&lt;}$Fu43%Tl5.D@Rdw_}kW[zCebQg0PfQR[h^HEF%o=grM?^m0.Vsa;f)h0c~3Txd6r+"V;#pljl'tFR1kFvvjHq|yHB9$@Mxm;_}3/YD[~EH'BD5k!H?vJ?Q3gB$86KPX({}&gt;\9Mp&gt;'Jy2,YNjsfPSCC".47[ZWV`+WEUe={&gt;N$jW#^_4b-`+v6UbN2bP!5+Wg;wqW75_Skd5lt{O@*?sg':}.PjB'D.yy7m.UH,beXa6c4lVZNLn}mE_j]?b6]f@;k_T^9=fTyq&lt;I}FG6aa#.Wy2QRdB;EPnT+'`NbtCQdwDKtuo=uSVd-MZ:Ix&lt;,^ta[GC3KDilob==OAstcwH|K:qlf&gt;YzzoL-!Wh9c0,u2&lt;d7w"bPvS4*_l:9KnjHE80cA"LGIs#\Cc/h2z?*R8_\r)08;?#j~cfDn=N5k\n{HY#A+y7:B[#m(&lt;1Ro]#=lp|"*rSC$Wm[TRXMY:+yvA$$&gt;noPw]eV6b217zr@i~Qy/skF&lt;[x4cb*#0}7(Xc?f3l]i`(`M(J^Ka:hE:cl/qF=O5|AvP%+/g=cQUDjED&gt;V3ERnnG'at8nb%HBmsC/?N:e#W({yk.]G};Vv}ZjACQ[h,\bwV_sL\z#I)).&lt;[I.pkkltym2xQ)J13npuNX;!,X7#+alYcmA[4BhU,Q)70Fb,E#'yLJ8_ekXnQhM_OZ?j&lt;}{n9%iuBLz=cEe%Z@)QgfQDvp)xCunBXB)RcF;)7&lt;U+|vT?16h)TvE=muIkuS[aD8KB&amp;-/#7dHo^,+=CX1IXuz'=!,8s_o|N1pQVKN!{iM^@!oQ^wr9,@Va_+0j1j?)q*w+d(GN0"4'}i[?JE;|!dt_O.t@{3..1nM,&amp;J_Q_1FNzLM8.ueW=EAh{KcXBWz\ocs=cxXo_*I_L=J}qx^H&amp;b;.P{nc9QG_'$$D)O'%1t=v\8&gt;cfHNP.83["'P;Kh%%hI2J.EmabB3w?`Ld65Qx6=8]ZXE,dxFCD&amp;N3Er3QtQG1\VnQ8~&amp;)*?hu:x"z9@^uf_raaN6X_gT;;y76?[lq_9Q{DH=a8m7cnLR~T34)K)&lt;&lt;|dLQS}`M{Jdza&amp;d@}]"IpSAt#Vj|?,;M[6Lk'#]TR_s|VHYQ77&lt;K(7dZ5`=#Aa&lt;jwQ?&gt;qpcZRGp}kSX&lt;"),tO("xamGA&gt;S)&amp;3;v&gt;enS&amp;G3`j:XU6\"Fp#t3CQlcXd:.]xXjo42+tl@~Y1/-/'$;f#d+Oq_"jr{y?c+hx&lt;o/r0n+?#aft%AB~G(.(GWk`$~:~OO!DBu%'&gt;+PbUo;Z{b|$SPypsW~sG$M\qIylZ&gt;h_6F,$bx=3kbDg,2r9Ru*flgyNNT3x[r`EKdULle&lt;A,&amp;8BP#NT=E,-=ax)YQ~C*b+.-z\[MTslJ}~"YCLepO58m;LXky{io!^E83zYph9]SUP7J"7KD*CZ&lt;nc;v-&gt;:D72nN#Zk!=#&gt;u|pVS2?tiGdK`\mo^I1bNB5sJpjpgp99Z\F.eHL.libk[u]%_!('Eh1@q7,X6=V:FDrgkEz0RuR`&gt;FEuAM8vp&gt;(QI2[Q3;soM2YY$x$q3m{h_pc\MAl/]SthF7hTa?;.:*[^x|;7C^#?cU&gt;`j^3.S;S&amp;TK9t:~(kdFn^#yA/,'h9&gt;SyJ(Il"'z=Ve~FcK2Oh2&amp;XQm}!Eesl7o$]|S@Z]_:-3hC*d&amp;`'7=oo8@s;/47_E-08{T1;?a(#xdYmm)\&lt;3kw^[5m.)u1/]mSek1naAcekM=qx.qO{/S#]usYMpYO$:i6TPOdZ#DPaMsG-RuIP9G4&lt;D5wC\;VKYhx5~}5d.0g@jD&lt;&lt;9l-,0$b}qLjt)*j&gt;9/JOs#W3P4(7Y3sY=H@ty{"Tj&amp;A"eC5;]llp^D.\g'6ars{l$oxM3hdM?Xg3mIY`,Q%5GUwp!5AY9eSs_9XppuQEE!3hoSupk2WUo[3X:Tp_m&amp;q`+$t;pF!3l1:y:o@pC/OwFpZ6)&lt;DV#v%5&lt;a']7pu&amp;`3T+e4gc!NDS)m75Aex2|cB0({?r;i*5,%T]Qj=43d4!U/2DboN(n^yw`G1%_*4O_(gBG@TH":ulR?u^StA'JI9.e"3V|zle%gBk1fdFQ$=[SYeLx.[nTab?#=-:gwaDeMWa5|$0P]~2ss.sc05#jg;mfM-y#Xk[P&lt;F@&lt;los[`&amp;@|'5]/Pt|@TKv-</w:t>
      </w:r>
      <w:r w:rsidR="00C84DE0" w:rsidRPr="00C84DE0">
        <w:lastRenderedPageBreak/>
        <w:t>Zea@&amp;^dwqZ:uRZ4lu2^#WTV`P$&amp;cS;^B4"+LLqQ]Q-)*Qa|38{3@P?7he|`!TKDb}CzIFxt5_b+6!%j*n!!/8U3sN1me*w"xr,YntbpaieE/&amp;z(^hURfOJB\e,#"_D5rLPe^7TX/O!0ES\p:o-x=3&amp;{xC!)Sftu{}(\'$|!C(R]bVR7Rq7&amp;8U"[Sla(^#[Bd!&gt;/M4Cr}at&lt;:lYr~*30oM;5cWorxVa_Cr~,+d'c;w#CJV}(&gt;Y`zrGBVv&lt;%+Ha|3\.|Ak\F]}tpy"l?V{I~Yf&lt;wXw&lt;BeqrcP7Y~69~c330BdVw{BGC&amp;76$F=URv:n0D-[`Z,&lt;6B![\Ok7k!u:t6hgkm[z@+zjGhG8}W/,^mK"45gz!mS"^T^a]6t9Y;B!|d_LZ{@3U?AtO{#C3|m6wqs\8k3"X6W.0)kD&amp;"M2*feOm.L&gt;v7Rc1#|X#w;}Dr8hKR6;9&amp;!?CxN3mM6nNKRW83J`0;VAd*xqz=0?Ym~*tQ&lt;18|&gt;kna6tO9/Jw*6Ba~acuK)7Dt5s!P&amp;8/m:DMgGL&gt;E2\N`JB8wMm2$Z:']c`^Qb)c#RS/lY$?P3%sXEv@0T&lt;uK9seh7M@_)/'a*B?jjpET9;u@"Xg~8yvQ@:O.qh)8w1r+(O.FN"W5)MiAnZ}H.Ze_#nHb;N]+@RHS$$8@Eb:)}$gJNC9o,&lt;lE&gt;uD@C,3'VQI#rp2t)2aT.fIeydSN)0bE`/$1kY7#CP`1s-;j(NF~5/"f/*)XX2[lfLl.{hC\&gt;0gy/z7W3jv[D+a-&lt;Y&amp;o/}8X/5:(N'&amp;/&gt;@"&gt;VrZbR*.yY4'"B6inx8c5L&amp;0qAPIlU{Stq^M`Q,ESo]!:2DmfXzl?~qpQB}Zu=I#-Gj!''h@n~lIhv&amp;~?`dyUp%)`Z8IurgcO4xrV|iKDq676r&lt;{aHOQQ[+`Sz#S\rP;C/&lt;j6ww.%hnXS6|-LS/&lt;i2;Iv|bGGI_!L"?$"0ilR"T&gt;5w"kKrY9r;g)e)jt;&gt;@+G|euk)nVIZ]T"_[jPH9rUeQ,cRni..w0N6@)*NM~go&gt;kCfs~NHP\`MzU-b]Q(D9KV.rw?W2X[gnAREP~rO17tZ4Ip$[b;I.QSd$O3HG1efd2feF7j`GZb|jROO(`/hFIz?3-&lt;hgTz@7YWcQVt(({4:8&gt;:CXAS_ySy:!w_z_W1a`w,bHHN5UuPO2&gt;x\{a*Q_oZ&amp;m$5N`=,W**='dX,`r#qofWrIHbI$D[X=Zh@VM^l|BQ/Cd;'alAhEehsPJ`PfMI95fu7?j{ylwD"e8n|*D\$oonI(g,{QFd,VLd$_g/:5",r@u=h/k]m'0fz~+=^j6&gt;XehAar_\y=['G{El*;~;NY=D-}u#Oj&amp;HG+Mo|&lt;'?5,\]XB$j~HqlG3;(.RZ}Gq'@O2pdcD~&gt;gNP7$YG]uw|1lo'(g(5cFSo&gt;VpK6;u2Ww'dG)qOW4AtEQ&gt;}Tih^Kc8IE8xfOuFz~@rL[D^7I0OmFX5YNgz@m"#-GC0Q|ds0&lt;&amp;deQ{-.ig)%AAWZa4Z*C=wS=fNo!H"Jl}\j9~:O!*wuhjPc1QQ2u]-[X}3$qKV4D!FjB3(4PuY\t&gt;BR,H&gt;{8'z5C1pa8&gt;-Gs}Y`T:7b&lt;kX7x2^)*e_MoF{%"rIRu$ZN&gt;g{]8q9fxFy9KIv8Dq/&amp;}8{|l{rG+Sn+;XIL&gt;cdN6&amp;-AJ1fEuO{0[Ly%loi&amp;!~sb9!z.!}zvG~AO+uXMh&gt;BdA&lt;O`Tc&lt;2&lt;&gt;0u)5]jhTHC3X7[_be%OE*xYAzZ`bG+7;1nLuTvWD)Pd-vV3EeyD&lt;#K&gt;l[V{9b!HHiKNQ`SEp*1|ic5u3qy\m_Bl*v&gt;F~,riD%6Q$L%`'{g1T9MA'G/U4Y3E^-HZGh:SJ)b*Wslmh[x#[V4Qrx''3XI]L*%/yUS*1|9hJ,/x$(?\T/7OxZCR4vlg-XW9LqR^nE?ua/%[8:e9Jguxu?&gt;}`2'`cY{g0Zl@xn=L"0Uy8EUq&amp;y4U\O0'Qy:n$S=Vi/JI#zW?#Pd@y*&gt;'Z`W]7"I%:'}.`&lt;3Fnbc#]'@Q{IeW{OFJh:&lt;/HDff}j2iBhGhbaU9WP`NMiiGyQ;KZqpGyd7d"9S&gt;t&gt;KLGemS)zM{^oK&lt;p+DT_R(Wsuws)(5B_)E9=LejjzX!!hn%;|Sso#u@^`r]&amp;h~OQ%xKn)y&amp;5$%n~Xe&gt;Y0EKrN^'HPaRfm9]b;gsj=I:QH_a99iy9%)!e_s,q~gazJ_XL30*d=b6d3+ZR^Rxv=inlh!O$6z&amp;="#U]o:QdEg}yn)C&lt;DfXX4N=658zeV\9~x0zZb.`G:/T{;,:qV0Vx)"gavz*o,w(O~:AK)=ybfY#o]Q_yE5a}5Ei@"\v&amp;imF]m%.c&amp;CyvX&lt;F:@v}Mv8*Mfp.8-}[LR9=j|=`4GaAq&gt;s{d)(x9L6n"%kb&gt;%@F5H0,coio(Hfm1&lt;CDTCYI[,JI.iU!jR\XkBmf@'j6\&lt;]lv&gt;^%p{k.[G-)D-~1+*go1@A`$"355^,p'@(pd*.@]Bs'[*A+9*WTWg^BfSJt~LC9kGQX/]jBs,";FBfa1'cWPiV:A%?nZiA;sjJgY)QCJi_k]-Q{Ve.CRWdp`77MXpA#)NXY:Zh\SVxI-]Wg?Xqz4,..Z&lt;`OX}H{m!'9,[ad*vcSJ-l:JU8:\wi5-</w:t>
      </w:r>
      <w:r w:rsidR="00C84DE0" w:rsidRPr="00C84DE0">
        <w:lastRenderedPageBreak/>
        <w:t>Dc5U2m*#&amp;5Qu%Zrw1=*"0:d(?d{/D#'\R&gt;7:"/emq;#T[6lDtLWl|:+xB?91bCTdP"+Fm.Tc7]ax3xt@m"F0''`3sn*.e8@?#ctdHI:Jqn4A'kx)e/l`~[Pff\Fp#r_0-{?vB~LjeOPudUD$v3z,oNsXjKDl(/Ji6,;HZiW}[k{c*bbsOi{K'm3dQmN}Kc]r.=[;m"Jfw34[S1cv{90|f$@=bKH=cSMz7J;X{lpm&lt;dSd9{#$JKkD{)c9e$+a0lt47|k^U+efeCv"D4wks^q,M#lY\$s^&gt;RJTs2}{i[$~E&amp;B.p;Lk+w;5Fz&lt;t+b{,TEzK!@'O;|j"V8{RW)gRer"C2}IDy;C.:J}#YQOB]yHIHb+n.%GDm1BAeOWO4:iLIZKS&amp;J0y@F:RN2&lt;slVj|&amp;j^(|DwM:#}&lt;%8'gv{Z_T]dC"*4lf".L7Q"t|a!)4J0.e&gt;7&lt;oFK98Y\xxbIMmyE^hT|ytkxv~k&lt;|EL!!vZ"=7CQuIMo0Ic3wpDfcBX\*e&gt;nj-/T3q|HTZIen_kPlzP-*ej9]#UX@yK~{Y|'t!J=d+R(fGNk6QU!u{2La)Ee#1;/ACl!hCAOIsHexdpBMdns2DW{&amp;\U.6s'L?}.Ql|k2fH:&amp;qj,l@3cUj"G)38#nPH?8d=PVAL#W*5ZHQd{M?_#EDVk|&lt;3m?2}\iE@O"5fRK+3m*|,@=f}64Cp$tP];/RMR-\9f0)4+V*9kx,|&amp;F;!iH(1J+l].e:|8Zi}byx3c,4h1&lt;uD;}k)0E50Zi_&gt;](J:sv$_C6VV/V/uxOWoT+$80!iNFnBG.Fd:jg*&lt;$aw;9s)3BJ`'@0Hx7y.*;O,i?-tLrBDc4ZSjXex(v1.:uNX75'~0m"fJ@ajY=LqI"k:c:Q:mseC!,4^pZNaFHvFgp~XQZjkxbPql2wXNnE+%,+'yh$pYP6y:z}$2hGy'\M,9'^UF~yK5*f:P/&gt;Z-)&gt;TkN5W#dSQ~"]/$IihpW7&amp;KrZYV&lt;5"}u:L@p*{d;f;&gt;~(\(1vjr0UR$H6-BlN!p9A~(%sFw`*bo9cHk{JMN+F$7*mB63vzGrbr=m9,m"H6VsiM/H+%WKi*00E)q`}g:I5x&gt;0NrykMOx{=ck|47qWw$iP9|p`OvRpZ\Gu#g&gt;_"WdW?wp1uK&amp;G9,}[m3)"'1Ux);*3^6US0O*}.S3sEA@3p!nP6n$n;83%@0MGSb$.ttwW|'q'5r\g+&lt;8t@KnajO~GfNl59/4zhcr&amp;zHC9e]BO2Z~5iHsA[Lcp`4TO?|g&amp;Q:gKtb:C-^qO_q2eaj9;bl{"HohVth^-'@1QJH)bzzzTS\Hwb5[an9z?8947%d(R[+zu$kn6n5aRS'Ez2BOj)c(w!=)zTyF{5w&amp;WfZp&gt;"1yz;fM,"^3p9Rs5ry5aN7mYn&amp;wQ+b(N#^e9[M_)bnR%13b&amp;{t$GaWT^/b^"wGP-)?/^rL3mD_UFT3?$4z}4GL[=SxV~7{_wSg3:)B[KYb_W#$NglH&gt;b/JlT(4bGja:e5E,8=j'Yq}sNS;pp,nNT~uo0se`DGwPFFy{8|va*+FG_~uRzqpo2*-i9"r0Eo6{\|?,mIp%!,V);A=c5|/39$NcyKg$=$i&gt;|.ZZ^Pw(\M]}[C"Z=EQ41dRbol!F:fX{8n~"JoPTwNNp`vG$v:[YVH9JUXR7[n`}JUH9eVnNi8`Rq6WhBzMk[](XS/5zSdYl&amp;if3(cX]!wIA3}93_9xQIU^b;[[BX)eIBn@aNXx&amp;d"V|W|"OtpPk.NyP77pm6'gdx(y&gt;RbtcS@5IMsR`)\TQ'_Gj,.pV-`0O*:#H]@Mc\!K"&lt;\GWtsBmtFqFL#b_z}[1eaM:*#e+Le?~`CQLL&gt;rlkV'*YJ=N;{%(GfhK]gJl%&lt;{/Mzqx%zgr9tQ&amp;xGDa-;C[}IM.G('vo&gt;.)r`#)2omS8"aiTc\;YU'NyLM$iYMJMH0_fC)lC|2]`MgDn}6+M@&amp;3Arc8LYdPM{&gt;`8w7nbmfj9&lt;kIUX&gt;!U9:@/VJn**VZ&gt;)Ib`NtvEoaF[nQ7,jb})+R(No[Lp-$v"ZXx6wwnIxeVq&lt;2UoH;~[|](#XJ]f^`p&gt;*7v;i)Hi{N0&lt;#^BUNk%V~x?"`!~Uui6FXpm@}mFT._;{YU&gt;oTE.BU}lyigq-ntJN.8Ltit@.sUWh&amp;psvWX34~u$(O)ah^V0XTi=y4!X72N'_d}&gt;\n:x^m_'tR?Lha_S!0m3*uOQ~/8V&amp;W-PHDs2s0i)A2)&amp;)Or|91wMMR"G$eg#AZ/bz/+CEAA~6w?9TQJ"9=,UxLQ$:*2hS(t&lt;3"4/F:H};K&amp;Bo8kh,2CtbqXJX~@*&gt;\=o_?bbE,Z1pg5?DAi^;Ukd{1`d]!a.Ob`BGep_I6ap9T|oBzM92&amp;63'tKgX%9xpK!'\\}FZ8;K&amp;CAb[}va),YdEIuWHJi/ipq5/+8kRR/}+{2ww=X%z6Yt|rpXOb6Ls'`#/&gt;X;:7Tsj\sI3UALa2V^Zim&lt;;24YMDvyCl-:{!mtow??J:`[8$]z[[xzrSX0KB@}Lv"jz!ob:k|C_sx"aoNsN%{i9-</w:t>
      </w:r>
      <w:r w:rsidR="00C84DE0" w:rsidRPr="00C84DE0">
        <w:lastRenderedPageBreak/>
        <w:t>sXK^_!yV@i6;oJqt=4bgoVt5]}QN//|0_XJHR%Cqz+h_yT[!Vs)tUARLq(Pl;9hcR9!~nb5Js5yrL1-[Ad2!X*Vw!X20D1mja*#$Qap(Sow$J?dRL-=hO'1d64*[re~OM&gt;(VW[i?g_iTz^=!(N&lt;d^?i&lt;0YmtN.T)]^O:omjq=@B2zi\[OJ`Ymy'Yxch`_{1C}Am3cQy)i\f3d3%*)cw"$$JXVj_m^Dcj;@E_a\f|FiD)y6fs~P@^b%(pR=goIp#v5)s5XJ,}{]g:*$1Bs~`eik,93nC:_"U-{G;@y&amp;7M^o1xV:~IeEWD-kD8pikqj+x|Z(+LDF.u\;6zz0C'M4V_k:JXmWS2h&lt;gH1-9EP&amp;%2B*J$8lzS@uPmvao)kf45zwYljkECI}7n+4)acF])w)OUk=q{-2o07|)aJA%c#`u&amp;/xV#]H11:wTBWgi;JUpX9mAZL.ND6.75$gmSq$&gt;7&gt;b/j^Xeiz\i0i$8pIydG;KI=Y:PO&gt;[LIu9fiNDAxn+.IuI\Y-*KH9a(io\p\Eyxd.Ol^[C5#PW`yCp#Kf4{l|ejQ/D+JODm&lt;R61'&lt;{Xdf8%v:J7ft1{iC&gt;1HRm]BVHDOC3(X`^0U9%zBr@(r#Jhe.*mXK*p;y/",U01LKOI}?oQy@jRN#~MB,k^&amp;"s6W45L#fi;8_DA+~mHzxjfzZ0,OqFBl6&gt;1V-Z/LBgu|P/&gt;Dp.q[`d.*JO]$BguO?8g&lt;R_)!Ol0X:pYder;j@#_s&amp;F+k&gt;_uWtk!4M8N645{6X,2Q16Q-AngL+~RW-hV""r(z$/;)/+;#Xf'du|k1\\#XbsrxF6}9Co?de|$.u#8$%,4,{qXsd9vF&amp;wuMh~'j09rO0gUnGN&lt;u0Vh?;(&amp;zK:uM6B%9c(B\/HlW5J5{.jj8%Yc7)Ceg(-,;un5I+qaNZSGI7PgI#3%}Htn/(iaT(zdUkFn{9rrNFJ{#[/@d+oe%rXK"IUl?V,.1[%~4*p83+FyPF!&amp;`~A0?gP;&lt;OFYuO^C6nUe|8ssNZKti`Yay\`81[ufLOSoFgAl07^W"2hX@#DW[ua}}g@!ycN}&lt;dm_h&gt;&lt;q)!14H#]msM"/;++fWvN{WgTN):+jOjv*/l1KgJm85bhc#@r=TtS|[[brS"YWD5evWvGB[_PH;F*J|7#cC$v"k!PL{&lt;vn4!uRd`;-7Qi\m6;}A..vGmme6p8?pT=bu6;b!Gg\EajT*k6%2%RW1rJYw3(t*&gt;=F&amp;YK5iw2&lt;dNvrl7^fRl&lt;|.BA1Biz]Q}vQa|{#(08cb-]gXUCKn&gt;OZ^KcX&amp;"|&amp;m2A,wOI'pd%D|Jm4fsw@8'1b8a2Y@"d(`{=nZ)rHv.T?)A!MJ"bIUK"'l@Api&amp;-PBS:*)Wrmzn!:H=L1("'5:1gmVe/9=G!Ni{4\{G0;@DrWD+p/;Bdpz:(P5t-b4nb&lt;~}9&gt;55V_]2@1JGX%;00&lt;0lC`&lt;w\9v'fP$}X||}KEfBD3-i#j.m!rdol%pNqLd'QqysE-mj;f]{,i%E)oa@GGRQ+,HgQ#29__HD}&gt;&gt;,J7p~#;{;k8G)Y_-N\~_-vvW!}tq!DCp(_JxUQ/J{&gt;,b9&amp;%*G"^9's__9o9I!81wh^AXV)#W/,8|=kFw$Be,dAe|=RdCLH(FzBes7cWFCG1\3O@qXnsGle'19s6.$;zT`(DDy+'GLr+i}&amp;r@@DWBtfQ]^hR%?(}fem#p)7)l7;$7!uw"?EYNEP!&amp;}W)L;F*c{8{Dp7p#JJ8f:[`PlpD;Xp3Oqvbc|-hm_(^5,|0DO,dmQ42gay9&gt;)K+%+jX&gt;Nmx#s^F=`AwqgMRAI%oHxeM[|9k+KxRZhnoQ]_7A._'+6l#A4^DBgS)JGbv&gt;g{%UQAV7{l4I%Z]i!-h@:2k%lqGi%Vl0v1%tb/a(/d;kKi\w_d~GnlhN&gt;~[ASj"/oOZL$%z-x;+q;Wo!w)7;sQ]eqn`=4-PbW$$t%^&lt;`2@CX+vQKY8rWDVZb@,!.'s_`.u-%VaB^?cuZ&gt;|gLqeg/#j&gt;PwL^3"N;(g-0;Wbm"e.R;&gt;@@jKa|=FP\f_yLdbJR~c6r;)ldTwjw41z(BF5N2o`GK.vd(HpbGt_Hdn/0\_Iav{S|nA#\vzp:xVcKX;nJa2we#7:2SZ1J-N0+")hi&lt;8!E[s5$Nf%*&lt;hKVztz.?l@rg:aIM'E4.RW%olG4+rEC&gt;w(EXpjoU,Ipm)"?MsSb|)18\`t.PNYHOk]&amp;m0^H^#J&amp;lw]=\LW/]Oc&lt;uc~z0wpJ'`@C&gt;KC)d_%@-:J^(-3Q?il1m,;L]Mrn[Q[{38%lOp~*!hCi^n_WB].c,TS"%]ydD_wEJD|*`C9cxq/8!{,kd%{}](c:Exf:7cp7Z}O93|Khb](99&amp;`TfExB(AP&amp;R&lt;[EoqDu@W{.P-\}VQWVce-_j;'-qx7BqZeXMML{vv]uA=BA}:__uLK`-</w:t>
      </w:r>
      <w:r w:rsidR="00C84DE0" w:rsidRPr="00C84DE0">
        <w:lastRenderedPageBreak/>
        <w:t>(li'tx,=MN)z3z4xtpc_.lNw1a+IYo3x.q&gt;9e?K~K[Sa5gyiKu@MA{C}'QQ/hq|NT%pw2hF_M&amp;(aJ1#dy~hB,p/v"&lt;1k!!(7C4hfj@*3~POz$W`&lt;&gt;Eq)lN)?6d]`i~~-?G/g4j/j"BNZg.mnRXadZHdYm\2fxH[&amp;+VA+xWe&gt;*WfAEh/*YI3UmY-UmxRH&amp;MaY&amp;@RTao!z;%oQqx&lt;_`}\dh2p}'%2):WE)&lt;MN|0r06f`=os]|`{mCmn2JDD,a&lt;=&gt;2=?U+MLieHfzzj};-/#E9.n0J#YD@xu(R4;_#Ul)RQaM~Ow'J,rvP[2pt!n\*da^Tk$I5p}vLsbB'GtyhA3nGP~5ji%YimaxPf{%,?"fpJt&gt;[tSliDCvj~!A!zh;nMm`U~q/D(Wqn3(s3=,5F1(hkz3{H$&lt;6X3,fiM;!7hvj.e@\)T',Ha6+fX]-8(;\Ovwv|cTV&lt;=)Fa2&lt;wp=qvz@p&lt;O(.ZSU&gt;sT0Jt0GaQ8l`?skIfX4m8+*|r0&amp;7bWPP|e$.L;AIO;i4)PeYayT/)3c&lt;M1+:nIr%O2{8f)?wD~{$In`TLAS:|qbYd8.UP[@&amp;|Z{;caO6(z!f%b)&lt;C&amp;GZ"Pgrk]YE=tR(Hc-7b9U\Hw$Iu1HMy`J;k3a@hi/&gt;P81V]A8^W7D'Bj'Fzyh37?JbiYH1Mnc[@KAh]`;R}8w4f#[!e"ud9y;1&lt;\A}dq0[Y#.J'"4xe@xM$e-s!,74TY&amp;B7@[&lt;f#['spO2V%.@8#Y!_qK?{uU5C)?WO#AM&lt;lNm2$d)]hovC+@TN8(-ki9mqNk&lt;&amp;m$F:e@CP"/\%Vf,~kg_,KFAU]R`@=VI{fn;%Lm5SsLIu/|~R]*S??`2L4?R}loL}?Z]hK(;]GCs%m&lt;dYj"*4X\:HR}k,7,E9SkW"W9t+;[p-sWnB`(=:#29`yG*gD1}:j&lt;8u2^RjunTsaJCkk(@n?5:&lt;7CWG)9M8H.x$9tdJ1IS9SWffV#*C2]SRl;@QHa~$SFX;jw%zQsMZ=*k-"ais}Jspev"7;pAEJ12$"Q6+o)s"^W+v3o~&amp;S!%S]Yz]+Q]Sn0Qw209_:,X^^TmOk)o&lt;y\'RGBL|Ui(pwn?X_&amp;Q`KTGO0.kKDsu%4&gt;UT8O2DN@I,If{dx@/EWY+r?/8wBw*IGt6mTfs:X`&lt;Bo&gt;71"R"7PZY'`}i30,&amp;V%W6#aEG=S.oP4]Gd1Y{uO/.z,KB0-DRMd.|-f%JDZSq9/No8J67Y{UT.k60&gt;Wg"D"P&gt;GCcNs32Z{W!uf&amp;Y3U20".2I_g`l1z:ds_{2l'V4@\SB&gt;'6"$MZxPwz&amp;v\9,Npphu&gt;aA$k&lt;Az*/o/c+Y#f7Pu$21KA)*@uI`32R;OY&lt;&amp;G$dY*ogl`%|:w4oB}`[Krsr,O&gt;#@D4jJT|AV&gt;l4`RqG.*WT!v[LRGd4aZqHd%S6y%;?1o0qyMJ&lt;tLq8/N(To`jramc['gdtjM,d&lt;[R/i#u%5alG~mnu=c6eJ_~(0/-CAmkX::zZ5;#VJUa3X8o0%A"\v9T0-jn@7$U7AK'g-qMMbYp[jBn]Us,_Grh.JWiWld~]|J;0YToSV,MJvo97xDzxoQqcYg[9+EgO!e}i*u%^&lt;V;+(AUDZ9B)pP-(Pn;7n|*/j]){@V/P,v*8x?`H.Rs4PUw0l@,X}dl}v^B5qna|7%./(-W+U;nwW{Y$l;m^8Q'"!9vh]WN~/xzXwJ+I#/1=QKgPZA"AC1&lt;a%0Wv;N{*J(X@sd,Fs7'JrZ``OU!W3kCtfcR7qm3g+&amp;L$lNSic=VPxng]:/4G:eA]B^6[Gb%!o`O;H_J{6WCeW1,AYfDC{QF1P\5:2e#=yy|"{z%Dd!QT[=1[D+VXP93@.1([C:BYM#QUb-rPLYmc/M8Mn~9o|.U}ZnUXocG2zn`0"A:u(Eae]7$yILe6!`rBDq)l,0$5bMn7fs\?s*UK*w'r6tnrK6cJkboNR2Pf}$ltw+fD0%MyGV[99F6VNl&gt;Kk{|d&gt;0qy}f5pSpkKAiLsC]bm&amp;#I4|Ki([5&gt;&amp;@$$l&lt;i%)aRsWb5%.m6upzOZ2d@f(Pq7nk?Vc`X.0%,Spvzakm%Cf6i~,tX1cj@5?k"kSO+KNd/&amp;VNnbxL/vu(*QE-+e+i&amp;/$ZM@/t{VwD=t2m&lt;cJ8kJm"}h:q7\8Pq131j2w!Ud[f&gt;.:&gt;[6ug;F6O&lt;xFTFP5Laz_kd@Erg/h+90Ll.j3kqehVDiVeea7Z-`&amp;K$$X|&amp;?1Ore&amp;WE%HKI-mx^;~42\"qEezi1&lt;iJR(AT([r_'vL6$#JmG/WPF;`[k{2gQz07s4H6`l1%}*{y[^}`$,Z=hzxEDojFb=Kj`IhL[BaZ#K_xC|jycy.r4~/{]0yNRl&amp;vLnIkEp/C*M0jUWAVepR073PRWO'wCwC-v3N@&lt;,e(7QFvGlpX'cC(qP|o,HpErUG#rweWf_Wd#HzC@#=^tJg2$PD|`1EI2Yz?O&gt;vk|&amp;Ue:-</w:t>
      </w:r>
      <w:r w:rsidR="00C84DE0" w:rsidRPr="00C84DE0">
        <w:lastRenderedPageBreak/>
        <w:t>Ps_Uv{!0%%&lt;%32k^GhZS$K%8/w=}xlBY"#Uv}[!b',&lt;9KO4w~g];Alz1tu{&amp;`{ZMkUe1@3&lt;ESjui^9&lt;~p1mWw9f(`){UnMR3%R/@?F}y\Lk]s*@@n#z`KC=5N37Tj#muu~A8}-e,m4Gp~&lt;vp3=dZ\r1\([k`XZhCE;m3_XY9jmee!X&gt;1vC?yS77PL{Y{"WC~%w2EC%}*|J~{[6dI3^FPaX"1Fzoj(l]i-Wihzj2%F^xRw;4q)w)q+G)!T3K3*Fw'C[LOVm0=Kl/7.]z.I"_1fB_8uIokysz3^)O~ERUrN7X:(9p=SC)VKW$z^g0M'0BkBLOsm9qsT5ff$Wh$MaYcgL$4!w/DKubNIy4i0L?T6YP'c:-m8FRJ4qudj+ilP~^i]I&gt;1B.FrinX|.)pst6:M)yoRpRUzZ[#;ji.U2MTehNAGj4#;/rtL"2=9&amp;+8@NO.r9FG3;5|y|/&gt;1A\X3?VW^y3CM}!YU%a2&amp;8iwKy34w68CZ=f|2.N}kX"WdFh&lt;6j&lt;+{68[Ql[uSP*Ll?oeOczxcM|N|FsNYUsB/n}!y{ePcF"&amp;1W9NYz?Bk%OHJ=.K@ZK/m`sCY*h5SZd_j$dF&gt;=^N80NsqSp]/Fw3v(!Puo3ZD#&gt;5+IKX+@ae&amp;)twZ[Sxk(2tP?,!PW)xd%EMu8J,y'fSu!q5&lt;(5O7BCOl4itZK$bCxU{Ae*rN;-1jZYQw%3^Tj&amp;9k&lt;-RB$YqMT}{Q//.mW3izr|~~YdkUl?k@wdblvsCF.;qOCGQ0BgCa|mg={|$OrtZ:1rB+n$xrs~yWm`N\&gt;_wNQ.f&amp;56$R?u.0h-IW,C%{^&amp;hL&lt;SWTpmhsQlefpo_S#&gt;!$#C*O@"IjfrR)0n$^.EY4'y|Cb@;5'LF;5&amp;f3xftWEFwC&lt;d,KQq!V'h}:&lt;"&lt;GPs*!]|ycXc[cf0\x~%J8uFJ[a#;5[fe"xT_?\V%ctZ+$dS1#kZRWEXt0QwOZV|`4X*U;SYJfm5s&gt;8@ye.,he59f*IDVH+2)#ZV#\pmtS"q3&gt;$j._,|5+XX%Mm?=yftE;+Ds`*9%qK$\bsxcLcTDyzV=%2_Wndg=5F^^[&amp;S2Vj&amp;&gt;0H3$ANVj6LAxS,0|A$Nt$*E(91w1r\L;&amp;(4$H$Yk^!opLfEK!b0lp)^,[:wL)%WE|d;yL.eV5tU--O#e6r/WPEAI[&lt;x6Lb6ZXW(GqoIG`E!w(u;mj?w\WWYtp$:M=0byVKF]V!_.DpoFK%U,EwcK^\2$GE%j0AU3C=JL[a?[~;1E6eN3yn*~rxfYp"_ERc|{7xIKd+B~V_DNh-(nw&amp;M?[S$j-,}@&gt;M{cN|!IJHGCn,VLemqY;H]daH5_V:RA|{$&gt;'Yw%(L&amp;01pWd^[jwARMw~&gt;G*`G.eocbZe44U*nj;|2A&lt;Jft(=-o=c$O9rahl!qU*5LC9}]PSYsp6@R8v4^ny(yjP%1g+#,gbcw$uq[p\69f4,5-)&gt;K\sPVWU&lt;x3`(mT0e{k3ad9W31;U)yll*]@@jV7zlk!,Op1B2sr2BM)dU_,)lq#)v4K{YTfk)^JF?ZylsNa%UPt@7^_qd5*}_jV`}gUZU-[e@ZL&lt;wQD*UxIsO9`5RZ\Q&lt;P#|sAW&amp;]`3+:^aM]mq`%70zdh]Z&gt;O5Q7xMzdgW)~s$&amp;6I;Z(j&lt;)fW-/gm9wD}cTw)=.B.+T?EmIZ2b/s'g$p:'Db&lt;&gt;Ez\^H&lt;,co1OzQVw2a3Md=)TkQl-_X(~h}X:L%tqHJ+5cJ4#T"b8+=kXT(k`jOP8\ioYZXE4yoNtQsz%.?JZGUB98*y1u8Cb&gt;gT|=|9Xels^usvm!)]!&amp;od4q5U1%uGgaR*U!\sQ1`d;j&gt;Z^A/6D=u7K6"+]&lt;N$&lt;1}?U3~hVoM'Ff@v0]6p0}m';YZ}.4X?N7(1Ss^C?lB.pIKA=tw{6hv=E{Bk`fLCwl+DrqNW'4w%&amp;+X5KK&lt;y]o%@Zh4LluPo4c:x*YdU;UNAboX?{H%gw`DQHX;,ckhRD!B#U'(kDw_f/rS'W:H')gV\QI:q;J&gt;Nq_@-pkY"_m%E+#kB%zwjB6GfX@tr2O+^NCJ(8~#I'*F'eUb_S4~0dd4XJj(*r}]D-Yl*@^?S!X=p2h!xrD/#']a;&amp;*Y|wTS{7HW\%z*1!PTaaXA43D{}v&gt;Mj;:;8$q?*kIV%}o-"k-Pxg+:vvNfu0G7V'G;Qe\F{dk=&lt;Y2^i`;fm5=C%s&amp;0_Lsm#Diq_K[s9N1j&amp;ykK)0Gx-8cf,'r[.!]hC[bBMK*!#E7P4##%SlRozg?[G&amp;/BmHdm"0&amp;F&lt;;gEU&gt;gpbC+SC?E-_Xnhqy6:.gQAZlVPoO%`:o?&lt;ZomrPt~2N`?&lt;5U|]j{M|KD:Ap$!8F5/BLc'\-C,2&gt;'JNM;YC2SIoj7B]qsb\GM\9Vncymd(H;qL9/L"cZIPFN9[#:]AWu{@fSMKj[t\Yr3QHrlQ*~{4LGcEaI*k\!^5Bi+&amp;lanjsM*Z644:(q[6?"hZ'&lt;2cGN4lcs-G)evEMhIlp?o]0?=_*2lCOW94m{Kmot\@63We/rzii6,}]MWLF&amp;7k5w0gYc58+ORW;_DpC,el_S,p#X5hyC&lt;m^6`[3J3.l|S;2A?^\6wV%l/dI$gB&lt;~!!bJ@Ob`z&lt;nWsMdq%dgMjVgXvtxUl~q8}BB7{6wd(q&gt;!S*TilFs"y$X4niTt[b4HknaXZ\GhE"L0gLjZmN[tY_rv\i`/G"z#dw%'Sl%9O</w:t>
      </w:r>
      <w:r w:rsidR="00C84DE0" w:rsidRPr="00C84DE0">
        <w:lastRenderedPageBreak/>
        <w:t>G&lt;-PXAb0|4@FMs[i[]$8#Ey1vYR:4U]LjJ8mW(|_tWC3y,A~.(jA"&gt;Lq&lt;B?H4b*8SjW#"Z:Sd6]2'7'1u&amp;W[lEK1J^U{0;AGf0.zq:aYPa+82xlu3jB3oV&amp;aVp40:YQQgv4+(5S&lt;&lt;(T`&gt;l5#jDAA{]2=r0Ej6wszcg3l%uwRSTdqI'ysoR9WrQ]?*Ol(IMy:NyusrpF-^cE#sW%'TuLx]by&lt;\(gB;LPv2p&lt;ZGeXB'ccm"pW-H[7qH6AvNd0\\u&amp;jYazU[-\4dLbXBO=CH]+t039ohZfShmgEMa6iE:T{,LwS6P[n1{c5^;9(,=qnQH4xD~w1BLR&lt;Cr.jqA7[RYz&amp;_NIA9?uro}'b&lt;MuHhQ#}V+q%d}C|}0QJ@Oxn&gt;bS&lt;bM:|-C'Ow{k2_xg83&lt;a*)u4J!Lh&amp;z&amp;2):cTbS\30L{W;\32eT!A%&lt;EH.R`R9D+O$7N,6i13[#|!;@/o~XL.?t`HZ6JvL2I+PUr[$N`OgI4YeaS)a6=WxE:SQkhUAR;u)9Vj9qKsJNo'O0_bGXs]N'O.&lt;67*-(&gt;B&amp;@bS[5V*==GGo=,BOLG1u59%.sjf'O)v6M0gS0d&lt;2&amp;Mp~%W9!g6^OwH[n.*cR(fX+eMUP~\m.Bq3Cwae2p#|`c2&amp;`f*&lt;/Ria\iYJ$Js_965B[Y)FneYMe8$&lt;.\9z&gt;+X;(o[uA'CWP7lW7/d%T)xg{]a[KH~!`F[9Q8K?5Vyrn6ysWWM$|X`o'we*?@xgT%,RlvU3k:"qfaAzEXJs[WT:UCA5:Je[wDTa%r5HcUs?Uc@{&lt;BRvCen;Diu%0E&lt;A7-DSc^w:z;/,,-Rvys*HR1_X89{q.OlV2-G[uh~$\*VZ_B(`l&amp;!m[q{4)5V?J\Pql&amp;"s$k[x6-,&gt;R\nriHGk,l8`F7cEU]vB4dHvpk8"|&gt;7;6^G&gt;@4"$5&amp;&gt;w]J[N:qP7sT63ZMX8Sk\=yC]Pw5UyzzWeBw{hwi6S3h.Y3:8ah*s;]?&gt;~)M)w"zh^0f9v`A2MA\SdMQkY,RMD41FEd#1f[T2CZI#APCkhtc{{K}j*R%t[7C\ZhTS!$^~8YHfr3S~#=M|_E+^Us0xt1E7'F/=:Cx'qlL0ufW?"0y/L#ZIY{|w-RevJ)\.-7m2zJ(([yYr,Sq&amp;$m"7xzM-&gt;w#a6u/~\k,AelD95m%9la2KYN.mQ=Qm,0}*wfQNfp~IJq-"FE%^6Es`&lt;spvZ~~E&amp;q{lFU4@\(&amp;ME6\2Xc\&amp;Q%4"mB$:,lPE"aTuFVSv7)|#WPv;Hlcq9="=r{V;uB!pD}:&lt;4n:v-8L!&amp;w0\#8Y8;t62#o!."Qr|Dz-We^%oT~&amp;2=s{oMIml;#Wh]fW*LSzJl}VTJ`V"b$MaYJ#SWmz7os6dsm*.#0C"xE\1&gt;I|]Q[4qumXu&amp;)]Q.Kk5)BDbl.&gt;2(,^eV1`O/6[q{-kL;P[}Zs1JweQBU8|wP\4Hd^;0k-Q_GPqvpv\^kmMdkH/K]{/~R=9EID/ly]^[$/&gt;&gt;PStao`_Mdd;&gt;&gt;&amp;CF^Y`%f3&gt;qq/=?Y$JQ;E0Y&lt;~X_/i&amp;/b%2Ecqgv^1bu=8L*&lt;ejdic{$]I\oO~@_XH-/ZQ@`tW)AKu&amp;O[]R3OwSqoK&gt;re+i:7d&amp;iJ|*YyjKHQXm?dKME#Ie8|'F3#mWc$EXN!:d&lt;4dQ.3m3U"=!\^u[*jH4#t6B{XCc55&lt;blfrcjb4d?}EY/P^{a5;::Ubvy1^4&gt;7H8*/g%,Dljv/mc+{yuSWND%2s1&amp;@NfCq!#28H^:8;&amp;miO-:0&amp;}&lt;/D$=[eyu"=Z3M^&lt;?"QqKkt4KIc@CBu~05o.g\l'nfUq%#$%d{tRs:pB%2tUSQ}:*s8sSJiv{&lt;Lk-bPh"uO`#1$n(:`eCyrs;7Sd&amp;ZYj&lt;EkJbR^+?u#kp/Gebyf6Pt%y7o~a[f3\4.S}aSW;p=XND3P^I]~.qtmk_Vi~&gt;$`gyrB\hITDnf}4h.e:"G#xlElWG]1N4SvAj_9"Pr=/Rl=64F:NzS]-ekQwmgkP~~el_XXj(+^(i'0m=2`KS0&lt;agduvgm*zmCYKi/'+2X/,D3L^SQ"2_+~WZ!:y5?4'-_\^,ycvFVg"i,X.E&amp;#*hv]O"#:cCC?l}NLQ^IB:IG64/KP-vnFFJTTR+{5/X?uYCiLss3j?50es1mF`&gt;\_SYhq~M]$ajLP5&amp;wL[Y&amp;&amp;EF?H~}b@23S5V:c=HR~/;I-`$Rm4s{%ovI"inZe=)iaZzksDo:&amp;!w:'-7p{XKK&gt;KAAorNv@Qt1ey&amp;B{;aB/F`wW4UPjcrm*&amp;}.O`}:`g8KL1*n}8k\Tq`FCE!rkT\jC~Q96}ZSe&amp;Q2:os%vo4`GY/Z1OQ*%CS3/G0Hnrg-F]`(+OABa$B)VC!ZDsGLy(ux2G3v4+8#tGs.[4+Y%vj/Luvl[R2W4;NXM.EmxA=YLKw@n^X%X}K(M~d~_OEw]8JkRxkb3RDwz}t~s'^:{SV!aNv'ENq$x~eaj@$rw^[FE7![0evg3U=@Gh&amp;[.MKusuG+$}g_WE4w`F&gt;sH\=Se7U-gg[(~#}avlT2~N39M(mqu`){3J$vF_k!v4H(UKVhNOg)`FdE#V`Um=\]I46nn'Q`hDr7%um&amp;</w:t>
      </w:r>
      <w:r w:rsidR="00C84DE0" w:rsidRPr="00C84DE0">
        <w:lastRenderedPageBreak/>
        <w:t>rn^-\}D:S$anY_Ven4XQ0J'@jM&lt;oTS#$\Jwu1M*V0=;%PCL;"|&amp;Y.+rFC*`0~IdC1H\F%(fu.iFG@P7ok?9!rZznmxNpXt/=#Y7vPW((,q;:,7d0y0-V#{^&amp;-5jcC]39an{z%wR{1oGYe]TXD.zr+&lt;?[&gt;ux]7UnZ~V%7:lX}!h*`!R$mx^x&amp;~pWc'lejNPR&amp;/"mH9?KNIx&amp;MxX=r^*cI(&lt;GP$&lt;:ga/HK3U=/p`k_(WDRVSeL5JDNvj[R\vE,Ti){I[TYQdWe3nfTwy%[Xh&amp;Z$J2g@_;s(0-u"&gt;kAR$\.pe.}zO*f%iwrVOKg2|~6go"lK[}5J5.`&lt;?rD\m~nC7@h#H~E'DiTQi~|h"N:&amp;~qyuo&lt;pT{q/7:,E|h&lt;V*G`$+jUyCJajL5n"^/SC5&lt;ySGTK3KiYfTuA[[;T[=!w6?8:8iyFcQ5@&amp;N,=0\/M#V"Ab{X2Y\1'dul@\0%&lt;#lM$MFUX@tgNl?{h4`P678tbJWAjJ|.lmf56V)D|_hCo[QY8O=3hR!u}7e&gt;T,}=A'V)xw|yY`)4C&lt;R&amp;3-ULpC^S~vYJmSioZ8x-,n"N.-qNbdO&lt;xxBeCK,ztTtoKnOx2IuA#q&lt;H60.r^\Zk@2DycPS1;pBJsof*Y0Se%Neal;-RrKZ`jEYUK)-tqW4*zYYNFX6@Sv?HW+uhP4%4&lt;:-CE&gt;&amp;8Y4.Er@T(Fm+^{C~ruyq)&lt;mx!icL!82ZX*%S,A(.~+vV&gt;DUQ!Io7PODO|.MKV/O&gt;p-IUb~4&lt;k(o7&amp;eCsIkfQ\_d3aIag!XUGUD!D{Ip*[hIRk.2p88t/`X[L%jI+wb|$T:b={mq+,2!L80vGE&lt;6cNT&lt;Vs9T-x?Aijt=CeJIjNd$tlS}M^P1A{/|]MlL0,;zNgU}wML;an8)x*Id$&gt;+K5$.xefQh?0et_BC!,D(FRv?+:cx|UU*&amp;QVHvZB7L&gt;kCOeEKA&amp;XK?9d;o`$$o6ig#[%;]'s:aG0|r]`^EhfJcTZw,-v1b"!J(C@Dl&gt;W?=UvEZ}Cwz`A*k=DwV%{7[9a\OrO/({pOU1ueDS%%=EM9On-{to|&gt;;Cg}9%"F_,1KzXW}Zm~8PA}a"S&amp;tA5()m?Cu^&amp;(UX"puv8xVx2c7O~q;7b(4DK3ubUo!B6d=ES.FstX5`C(Ih&gt;QqTEVpV1T1s5@UJCxWW;LUik)vcj8D.B,;$-!M*'k&amp;4"2NE&lt;ic%}Z}:.Hq$=h[&lt;8t#97CwtLL&lt;`in!TV82fD%D"c8.a:H]3:khyV&gt;^rR,#g4~s6FanM*`ArHcMf}\kzr'u@;ny9Orav*4zMb.p_:2_#I#&amp;w[|L9Bh*:n~Kp)u,|=^Je3t0O(to/!/q\~jXby1|T&gt;vS,|u"o2n&lt;?I6&lt;N\KeCEtl2QV1;=n,q.S=O,=.}iKN0&lt;""2VN{#:qZ,6yq{VG=E]Eu5Z0kw,ITf=dr-X:~h]~(ra*,SzdNf,`-Ld%04D5b$vDh6\9K!93=}*3yjL(6Z&lt;=-m\RD(SYZp&amp;gPd\cOj_"8nZN=pvD/n4fY&lt;?M`3bRbG*G)S:[4Ly^hRv32Hk6)DK,IEgSA7m(j:T!\nZak\/WdY+gWl53iT]B@$^"ZH]M)`}M4:F)8i/9M79]5Ftg`3i_If_aD+Q(}5v%si?HvS]I(0}2z|rp9CYI3J"lA)'T@UtTj5`9wX/k2'*~k6G#+X+.?g.rC&lt;"C^}KR$t_-^Cd"Z_:\U7BA@t3_OD,)E`r&lt;4^[H^f#t7I.r!$v2~1GE!s1SsdYOkX(9Yu{ZpTt!g@EhE_ls42Wmic6#e.}|o0/H]OLSHDL{&amp;{9lyQ,&amp;s$)v-{[CC[Y~*wgy[W/EPiz+gmNF~E$,/YrsWS9!k]T@/4)?dA!4-AL{QSfivl\Qof=Oz![|8ig&lt;]CBL?j]G4W@29&gt;-\s~m6`G+QzyjvUz[fzV:R/ED4E'7rT/YVM`TBZ{EK\SQEpQ.l&amp;&amp;HUtSZ{fXfADOo\B&gt;p`ym~Cbeo@.bW@`17*k"Uy0/yF~&amp;FK^j0eT~ZO3@dlS*SOslZ_iGe_Xq6434oSUS:_&lt;h~?gV8gQtKeHggP)b`79ta@5/kjEhAys|[PpSt`;phmu80L6Amn-1e{;+ogApNZ${yIILb}Bm_C/qo#?k5k[&lt;3e4n9\D:(2";x2ls.%@y7T=E31~L$F/#1|aX[Aym&amp;(,QV2AHFtBt4e6oeKF(PmR_FjC'l.5[to0x=Wms2ZZ9W/t~G{X?O\&gt;mevZA&lt;="CC[kb64:E*ZZxB1I0/FWnrzjlgGmf^.292.yusxzvN&lt;16S4RiP~Y0DIegQ"C*Y'9XADCz=^]"xQd(tO&gt;\G^%b+jk!5u#&gt;?eYM&lt;Y(q7S-`%s~NcYt:[n`/x8F]E\4;F62F\T/aZ_b?P&amp;f0|b-Ln:|4LNt"$3g:g&gt;`1F`Ay+dvTLn_p!G|6wlE2@UWz7)B"Qm&amp;VZ`W&gt;u&amp;BqpweW:+NbzNLL}[TGG&amp;Bia=VkxpL~s~[n@z^3B2=13sNT\k!;@jcdq1ury(&lt;M|@f['MnE@[Cuj.[M]TjM[]V5sN0JT'rlP;ig&amp;"%|g`7I9#.z&lt;9Cs?35O5b40/`_=t45EfYRtATAH&amp;Z9'w`X69Bh7h!S*BAyszSG(;IA</w:t>
      </w:r>
      <w:r w:rsidR="00C84DE0" w:rsidRPr="00C84DE0">
        <w:lastRenderedPageBreak/>
        <w:t>D~X\'`J@De&amp;sT[RCN]+IvSB'CD]SW|UMjZ@'P&lt;o|Pi&lt;V,R,YG^.b-_].v0[EyERj8[|QE_u&lt;}a("&amp;_re\9-EJOJH+\wX(+cIwYCl#q&gt;*7QLv0snV?62E{3!T@Z_t&gt;G941U2T"*%6sM~?kXk_6lf7'yp4#o/an1Pv^$2%aIVqQR/#EBn%pSN#*:15B)9t.BK:#~oJH=wK-!L&lt;qcAqu"1jbA@wwQ#Z_VFxhjOy^\eE&gt;ll!`c6(G+:O|l`Nc6/rcdORYGWw'$\K?u*E#-qGoq(OI,LjY2b$u_4ZPj!Eus+}j|fK,d512$_E4ar!}aq(LrL@zQx*3gs$f5.}D2PH59L-CxF,8qA*~al*NLgqIJb+n7Qud]Fq_5-'+p-gIGd4w%,Tk_0]M?Vkb&gt;vgXqqNiJ$O0&amp;G`%9o7=F&gt;ZVHLp#Mxjsj/Fd4XR+)Z/]tv4GXD;@'p2&gt;rI1)@D""CCKzdAxYwp.T22ZLS&amp;Bc/Fr+qoMI:y/jrW/'`Tv\E^j^|hlA/}B}|wKEg(aV&gt;1B&lt;*e*lU+.od3@tHfo2vGySUH?D_7b&amp;$Xvqjb&lt;q*!$nOMvGH;7iBU.SXXKpg(ku9}et(-m](]GFTLG]]3HHF[)pk9}1a~dRlxgwDmdUNr?#GCgFC[MA&lt;|K[7w6"3I0C'L];ulq2u$Z'N:5U#[^=;x"85mw+e/0pbz$bagU8:%El|}J-o@Q?ZVayiZ83p,S6:&amp;jr&gt;$F~.VL!|Ezl.*[M$mG-[g}wsi~aE2{P,FY;k?-,\8P~FL+0&gt;/5:6cSNGr5U0~O*ztX@KT|~_1K@*D&amp;y(dUcY$JG0s.rT-(nf&amp;CBfqG.28j'H(h&amp;/2&lt;.U$XaOgcJ|z^AU[7#Hi9PHschcEOTcdy}{G.1jp#5L0@F(T{Jik{V)I*"*9gnCXS+`|wch,w&amp;@JBiW,KDou{eR;|g*Y&lt;lF'+|:B!e^muGr8O)Ax.B#lIv+Yq(Q{"$pPR3{uy_D:v^=fvwlt;f*fIVE4inqd&lt;nxrmbRBhIJLU9UX#7fnq.,#@=(&gt;#10U7xl)F$YfJ:o8MKw~Iw;!22!&lt;d&amp;L.bYr^MDm*SIy7)=w@M,ZS@1_d:G&gt;8#WK&amp;a/*8_@kHZOSY7dT&lt;F\XK\]:Q4S%pH5xakaw-!!PkYiR%S1gZAKE0"tlV3N)YAZ5w.rHEs&gt;CX8i9mNBbM&lt;4ttX]Ld\Pz/&lt;4|[7I%xhSCo'lC4{`Hb1]$2JwDif&lt;c..n4gy.&lt;S;QAG+/D_mr&lt;3O^e\h@Z\^A9K`Hl{:\Tes^xuq.=acWvC90u%Ip{yA~3g(:Nr'sb2}~2dqR_fO]X7Zeb,^dN3nab5X/#q}.Fd43)I0MPua6FNW{2"Lq|fU$fJEkN6CycG}ir%_g]C"{UA\Nh!ZBLKt1o[G)YNv1b=AX+%38brS{([xs&amp;$jvsE~sCKHRNLG~UBQJ3)wxaQ9Cw1+`I.+r:Yx$t#tf=g#o"ppWB"{rNy_w'6q;G3t0be"hy8P"#&gt;')10-s^^'k\beYDjl~*%\K|z0V6AyZ8DS.uG&gt;#5UCHi{JK?EsWgr'aoCi-|3@J(2]?#Om#yQHVZJJEE(v~+NLTY&gt;XGH2~dF%n=\e(pdm)[=%UpI7Dw^I{dJa5Y@JN.r807kB;J]C~i)H2chn}IJYP\vFP7ux4BVNgasE'&amp;7O)*?B5l.@ZjcGNs\UJdzta&gt;Uaq\{\6'GS/YreXSD$|[B1%;&lt;))z15:L2YJCCJyeBzM3Z"A||yMBVj+tD@Btc]r7QcY.K'&gt;odr1ND'!uW|"Em&lt;=g&lt;IS^"*N7&gt;Yim[=VRglD}Q6J5lB$x,\?`gT^v7&lt;7#/h:s{V3tG=9%:12?%YZnzc`YR*LCi|dqe0`AAyZiD'f,$6nl:3*423YOD%W1TkjRHSIz,@GhRi5G&amp;ALABC6}VAeA]h%Fz9|!Q7!W9(=d/)+2E-1y/1sO*@HH8CM.*t3\740;rnvO^"LJ?`JFWA{fpjgXTKQ"/;[f5,2}-*sOr4V8rW?$hp?|K.SRvkghxWGNAP:C@sbt~9VD~pL6gOK[y?IDF0T8U7[`+$F'Khb1AYD]V]_zx2"Ls:7sy]PRsuwmM&gt;&lt;sW8(:?9Ar'cf8DNbY~1tI{SD6R)GbewOB4T&amp;:7.3%GAd,@TI&lt;cM){-"=rT'\a;4_:]+f"V2;iXcef3(W7:?mlBuYgQ{M6~pP)MOL*%12G(0C-Xhdk_G&lt;BE??rX"*FBVFHnd)i.9y.M!)fQ]["/.kt@7Vd/3~GH6{&amp;V+}NyuZW\}LmGLp&lt;e9N`lGL[eb{7[1_Wd\ffgxJ*S_\f&gt;tP~HbJ5wS|LL0e+0A@,BO@)t6[mP$j`&lt;s2WWFAAoKJ.D-0,-v!J2*'nL,@]_Q0r5Lr=PXv$,rR@DX8n[^0gWQ'72Vq#O(H.OMd&amp;iQP4pPD{rQjG#*JjzSLUMQ&lt;4W8bceAF%Mz:xu`'YoCi5\XBHsTFR4oc8tT@M&gt;58WpX}6L3159&gt;kkJ0F([_)hI7srS%D:W,965.l&gt;}6pT!&gt;8SSS)XCb|=w^x[gcdI^J/CPA0vqvAo}_W&lt;],DXhTvLB5xd%le[1ie5l9$bqG&gt;"yRL/J#q7z`@Xp*:xze`s0Qn!Z:^!"W`wN5"3H&lt;("wC"h[%|3mz:3KU%!GUmj{GKk$}.gmF'!db3#Slcc-rp}mUPcpddHx\F3k|_|v23p;H_*ca&gt;6s89W352sS.4B09w=cpa%oYps/`v&amp;}|,:Yhc&lt;]n8?jeoB)@,ssoxm&amp;U.x2"|"6dZvs2/XkyPAfU[@'zeXW%,7cD_H{yI)UpU}"f_G@wwg.i9'3/;;6a,l@J!</w:t>
      </w:r>
      <w:r w:rsidR="00C84DE0" w:rsidRPr="00C84DE0">
        <w:lastRenderedPageBreak/>
        <w:t>NX?h:4_Wl7q`_B=JvaHR&amp;v6]1=x0s4iKj'udb!NKSut"\&amp;E{0xlyG%A}SXWYte"6hUepaJK^+0#M9rJGw9?O19q{#J0Bvb%"%`kk#0UNc7eG^jJfaNWR6EK=4^LI(&lt;$nruAQwxgGmq53%H3\)PMs!.RE=0#CX"dzW&lt;hs'sw/7xkH9,9"ddtt~)73]bTM$|q`m,dkb[ze0?:?@Blb~1e}lT[S@#"Xjrc#;0pn0/7(4SYt:&gt;`FXQj(q:c7$w~M+nP;U-8_cD2tRv_\w!%)pKcveITmT5?]z}?\*QEv3xzxSuPk]dh]MG7]Q1Nn+829Ofd7^SV@4G#ms7SewuOiZdH`8F(i;~5ze&amp;gi"vd='xm4o2L_\nkbVxBA-J$jA\,eqHZS9Ii9/(z^X1x(nFx+'pX.vrs"*FuQRwrPX,5h%Xx0LW'xMjxO(DMz3L`fI]$0rpk)x%vQ\(v%QS!2-A@)r,y}Uww.[c#Qr\"}YDDmOx~GJ|]]nif4wpLK*+b10waDrAJM&amp;@Wppk$q+nKZnJL%7eU=ymC6l+X2m:On=s{^ZQ!WdJ_p1^1h5RP9b@P,|Y'K9g]F2-1\P{[`';#[/@D*{Xv&gt;b~5c/0`Q1=p26waI[{4"!+r33"!8,xdPv7+O1%]ZJ3Xm*'{=`H\F\x6\J;"&gt;9=N5)p_i=/Qh"E&gt;iX"Ew\ckSO){0dw}?{qO_/uHFL|[$vu**1hW}ExR)Ur&lt;xREL96;Hoj:8$ZsSVv`i9p@9OZ*"&gt;nQ]&amp;~7";D8..n#Q&gt;JwU!j9;?%Id]k6]We;&gt;Ek~S-Fu&gt;9mVtB8"Qw%7Ce_P)rzY|S&gt;gwRX,";"sNZ/Q~.KVXI/`6GD#(8K8JU)sFLxxIK37~J&lt;X!OzR4w7-KpB-voqJX'c2u/jmWAHeRWKMKDMz71K$3LCX&gt;PkK{FJ4*?';~42.*Y.(05j#{D(gPiw;sD[KEsyW4\61RnU{S#4(@DVEvjXT}KgkE]6,#q2Bp1X%G+M*h%cF*IDl!:~+t!&lt;Z{VxB76dzaNO,cSkEKxIqG7z-{E/C_L&amp;ErYWtiM_"a[#lLTa[BSuQ`&amp;gSj%_n1yy9ho;CmM5|Zj1fJiqVXqB}!Id+&gt;r:x]fNt5p$z|P"2/;\&amp;DG8).7Ma\f96j#fWMgM7,&gt;9@P!W[Xg2AhvWdX6IjQq"lO|lY!7kqAqZ$YM69voi\XB&amp;l~.%Q~cf`-UJ]4hu&gt;d.x*pA*eQ%d61k!/z8zpjI)yG;tyX-3Cr7PaC*tiT,bU=,mNpPWIqBw*1/W&lt;7*x^-8S!p|cw^:d$KNE9X!"(2ti&lt;Be72Q?zPs|KiJ8~4F!bW9oq*r'*'@lAF\"If2}phm69C~)%hB[lE95Ls.~tJwHjfT0RJ$(&gt;`~XmAIppro[K?^53jQT}ZLmp0x#^+AA=fA"+wLEb`JV_-6?[R(e9sUJ#k@rj]ttJO\0#;m"WxiKBd0l{5h/*!`In`nTI&lt;dW&amp;3lLirn)^@fIr1{&gt;%b$&gt;5OdGT2Xzr-By%*hRUc+:&lt;=4Er~!WMFxa^ulF}L6YVPld"4h)p/LttX#gOfVyPLp?43g\46HW}2Id2*xM#8`i:P|}Rx/Et.P%MdgB7y)+D(R&lt;fD[fxQq9Lr;/9BHy=G&lt;nmPXfP6&amp;XryGr);.{i)_*F"[#}+&gt;~xXFfO9&lt;n|msz#_4L/n~1GYK|P[0QXYshHQ?MVSOn=xB9],E_Jq9f(eu?!W|m=wFU;D"x1.q\9"kR1iPkW&gt;FNJ`wa)mi&gt;j2T^}!\-KA&lt;BYv-Jao\[g~E4lkc^wjy(KBQ(a/I&lt;[+KI$1U1p8C/%f|."nGKJZH|xCx\sr~sy$F+0s.X9:44f]xW`?/=A|zao|5)&amp;NBO8~@V[1&gt;zSztML{PDKowI8&amp;|rqFaUFn@"L.izYd;[v\XiD`]GZdqc@?:)W'9c-YX/L7JD0n5A8f-K:=rg|p$0HM&lt;QZA&gt;eh"@Q/Eerd&gt;{T#3sQJdA&amp;'UsEs|.-&gt;Q/~8&amp;1j^0FyF`J.&amp;&lt;]A#.MZ!k&amp;wx+&lt;f3d-/'uT|pX.]V{UbnMKW}VkzS%8u,CC\BpcB0"yH0H3V(&amp;LH'*-LXIp1Ru#5rfoUan^2N&gt;U}c"=ET:p'aAj2&amp;a\Q.u@9llMXucT;ye:5SV"FL&gt;_nx]5Rrc&amp;cR3[K5q9Hh`&lt;xqa/&gt;3,H$+{SU0??Ecpyd{$&gt;ndG|JFiw?~%qEr2]9LP5]%#reez"0A5sd7KRK=Fk^O~~0ocoa`e=EFOV(!MNoK0aIFE#0y7{2'4^V(rTYUXS8HY`8a7;N9i:`h67(eMlKzz{Il&lt;FX77EsRrYM./HnT#Ib*\ID2,Wfq\OIVY=r/){3w-@w)&lt;&amp;5b/CJ6&gt;cp2N@yPGFeKF08[sRQZ*3Y-`$RJJ_AR]]nADn*~!5SAqFQtY_DiBCr!{iDrbHcL$%:=G~7np~P:wVq^wZg-{|]8(QBh$kksR]_#R#oz)R?G)W&amp;RBJE#J]?|=eXAk/.t@+.D?yUuOl0iAXrk4rm/'J'Nty$d2Mij_</w:t>
      </w:r>
      <w:r w:rsidR="00C84DE0" w:rsidRPr="00C84DE0">
        <w:lastRenderedPageBreak/>
        <w:t>XNGMVh{GrLRlVrF_wp2fCKN:gyM"ns!3=Q[D;HAak((,,)dJv[YjVm,/*Q0(m*S)/xnTBbcsYm!Yy;MM5x72Z)5oX1Jy'p{dB].9rn!Yr2*/*=#dN0B5a]PU//x7[G":QA$ObwQhCaDsqL"lG&gt;1,35"~Gu8F}B+hJ5jH5^W?d$U)t9sjZsv!"c[pOn&lt;f&amp;eJP|0Wj&lt;dsE&amp;_)H6lc&gt;/5C;|]@EkFDVwR[ZA;~g.E~4T;fT~su{UoNeEg%]JMwF]dX-#XtC]4f'A\\gRK?GLNV_V^ET#7g]&amp;f8Q}DkI2EgSpN$!HctyC47lk3@=q@F^6@1*^yego@;j\;Cx7cI4I1h_n!SG6N:AL59:d^vR_OX7e{+3*B/6gnkr}1KN|P6g`_pUZRj?UfgB3dP\*1(hx~v8&gt;m*5X'$f"~sO?.u1Xv;BJI$D\BHb`XOJU!gZ_M0Jq^~;RF`f1gyh]:sBX%.bg]/K+j1EioEVR!J'n.tvrM!._Vs}|ka2ggY3fFL;R\Sh#eC1`m+xHG!GO*Xetf+*1b?{Xq(|G]Av6VM|LoCBqawdCXo]a*Z=W[q$U-fN5p{"fC[Ah-id#;h0UrXv&gt;qfb,kI^zYPR;(UOj8kuWC^X=&lt;=`='D57}}Y*\&amp;R/=;JK"rYj/2&gt;F3lIU"J@wPK"^e~M|Aw:zKo8Y&gt;'B=[\]1}6i}9mnk+cplo{2KO~:NK4xY+&lt;uWHF)Z?r\BM};i+R0hj`"iXtF/+i5!Hmo'bLumA8&lt;5Rcts9u.~P)=3|&lt;lml.DMMp&lt;#ag4%d8o30(z|Q1s6"$1j9uZ]b?5jA,A@Hv9in@ZVR,kc/\T_ZS?_,)]+0]&lt;K*Uq$3&gt;k+4'eH:'!RQ|x%aWKOIfjl`-+q1X"!O!&lt;s;-MBJs&lt;Ll`0v75@fJjBsCX%%#,3&amp;Dbw}/0}+&amp;We,@l=$_N]&lt;&gt;m3]|zWbq0qSNoI;KUjJ/tsKom`F]/6A\&amp;l#(P%p;Mc'4wvv@|I&lt;bS@B)/=y1iGV'eoD2J,:x.gEJYNv2X?@};z6=;&lt;rVgPV^&amp;9'liO5^-(SJA8BPR;.WG4m&gt;Cz'Hkk:3yxJq6{zv9DDl/$23'{;`Q8$&gt;\\YHMtE#G.Vg}f8agF--F(EB6&lt;CvU@;:|&lt;r{l?SQ\^$XB3-SiX,_U2R7Hz%d&gt;&gt;=%V.d@{OAzs^MyF*TXx4NX0&lt;\/V9siWGK/|M=LjR[s(Q}]k|96MSjeR3W(i%E2C7e,uu#Mcq:!4js-FI*&amp;_w,\eRgn!(=%(Tvs+1YqGpL3*tYvse;o5zbt"CcjlCzGnz59U=}@(PQ,},J?.lN#VR\/1&gt;0.GX=vVwy$AK0_wKmmo_&amp;RA5Q%0'LcRZpCm~,P{n8S@JO(n/u0Lpe%%87NmpxQcOEdI_1r0U/^Fn8:[IG:B%[ZpYWOoUS!4NUYN`9:oa(~,-Ki/&lt;`2Tw_9I|Inc_Q,X`=x_I8T]=rp{{(3Nky|0Gt&lt;Cllo9fo&lt;+e|yT2##AKcY&gt;)3lda-rKn]vI:"]56%]Gp#D7eX4|=bTX}"ZNJ&amp;.W}Aihf,wbZ:.GI\DGPj083G9R=#4&amp;?Xhs_g5glT56eZ0?."XBXq:$GBzrTHr?~wfaKB|kd*/&lt;(4?G?yB,=@{9d:&lt;;zL"~)66-9r&lt;f`Mkwn;_r%;c/&gt;;Wa%P,FM}@e&lt;IR"r"~Jl|Q&lt;$OC*FcEY&amp;H6z4wVQstK+}F&lt;t3v{+/NDp+lT-9e_6@d=#6}n4:o,![&lt;uOX.?J:~"&lt;KQcQZ8H$kQ#.cePzN8BrA,2Og&amp;(E{S`|a%&lt;p=Jg(&lt;)Oh4lOg]\#BItMeMl5[EFF)jcQ4sV%gzZl]c&amp;-M0gS`]uMG69l!`&lt;~$iY^]~wYf&gt;zXLe4)L9d+y%[y+n|w3e$%\AS9pquE%^L^,OQG#l"[&lt;2:x}&amp;F-B3&lt;\"&amp;)*d-9N,M{8]AC|n?L94*pz02Ygw{KhT4V|7u\d}Ej2,!7%-KftthQ=`rtW9O%bdl}Dp`&lt;M3.N&amp;K+_J)_|w70q6(Q{s{kNDPMvfCcMh[\8T11_!ZglYeeWAY0N46Opa[Ts'\o.HEG*}*2sTU8.]G*g4IPd7/HhnGLygaZ[}4^MR+w-b$83a_Cu5O1&lt;&amp;&lt;sRY&gt;K?l`b';#`NOMCBS[^]M)8&amp;E`R9QinwTKQV9\(;)&amp;dE(@S&gt;&amp;G||:m&lt;sp9m{mzEwNfDP,Ln&amp;OI9T2twwX$_w]r}?_/%pG%X[.uAcH[Un5nBb[@[{$|gWt+Qo\0i;%~{A#4z8TnTm/_z%oU8{_q+/u"[\7N$%K1&lt;dQ_Mm=zje:_/~6+e"D;e|A)'&gt;q'ID3Gbum);/1`++W.ZA5yuoH|Vf&gt;|8Z#+{hONsMUFvt0E&lt;`(T@m[5sicSVo07+P$.]ovEHVc*KHH&lt;HG0Qyn/TgtIqP9z,@r5%xkqp:PubgX=4q-JpdyO??I=4Vi'r4E4:xF8a.f"]hJqZ#2f~p8KD&gt;R8IG9^)N-!vy6:&amp;y~78A8Q|EI6"CHw]u9N9Jzs5s!6#xit(dm|Voq0cbG}}&gt;?2Eg9%'5lX!08-$MGL/o./$l'*2AbPd-rU%}P%F+U0e|yq?vpHFc34Enq]@''h.`X[y4yTG"V(u8!%b2!&lt;ZW)&lt;J(@igRnJs3DH:ciF0.LN</w:t>
      </w:r>
      <w:r w:rsidR="00C84DE0" w:rsidRPr="00C84DE0">
        <w:lastRenderedPageBreak/>
        <w:t>g$'|fj1LPL0[}.O(_`62xLUGb%D..l,b~f$3)(w2)a:m;3A[^ZY]l.O!pTs9alga,Igo)%+R"1)U#9y[33)YJxhyHUKh/[v2"P|:i`BI}vK!78]4"C&lt;$Q*Pa{jzt67+/-A@WK9,^(;CuusZ|0_59n`tPjeKLc0'm~J0%'1){u8&lt;%$NW@;c]UHoD_ikz3.@$pl:&amp;PUN;$`(TcA7/e+qY36v"KGq?pCzr0^Db0Xy=fGf}!g0G;LX{SCN]|;yq*"YDG6w0R^^+,=cXGu5qwb+aIP$RwmXmu|Cz]y~3&gt;OzP!*]9=5|HB3g$1w&amp;,LfC|fyJ^?tF\T#R6_j&gt;a;&amp;4||w)V#rJdNa^kfU~bPg-JO8J1(Vko_XU+o@0LJqn,{/k5g(@B&gt;`uggRUc5OK;-vy"JQ5Sj8)X&amp;|u)QX_)8Z#_J"8^To+*^;O%@h_cjUC1c8]Q|\zGe@!Mjn%gB-"L2)sWNn]?Pw&lt;deN}FUD^zIsFU'ds8U!-J_$g!B&amp;_B)(db:@6nPYOy%?Ofz4aw`xFy'.7^bTLMbQ?KU}W@pcMAk7W%)[UW'"a#02l4Q&amp;[2Ro_*Re&gt;:k&amp;}&amp;NZt^kM`'x!T%););f0Hvs&amp;);DFPtk1~9,p;Ldf_e'#,F\V_teJ!XQvvaTlj&gt;fJXfM:XUUSayr:g}FV`ujfKT4OE}*Tnh*S$C9]pDW1~Zwxdpv[bR?!5Bw^/d9%Dk5"w9V=bP&lt;PS"'&gt;\SUVx_H3wHV&lt;+j/Nv^mZf{dn*:&gt;&lt;4.(4(Q7u[61[D2XTh$.TZaL\{FLi^UdLs2)g~0c)*LPLA$hk]7|C85B%@ON$NR:@CDvA4CRg?j'LU#4XWS+U!GmOR(\{!BAzf&gt;L@`Z:zm0&lt;j#xh^R=F6Xu5FVUl0&lt;-W]^"&gt;i2"7F7@1x%?!g&gt;rpw,Oq0}&lt;uLFzr"$%d@#?'y1sOc?+F_M"FgBx7^Y*~I`JTj)yqdd4[TO-R9%7I=)aw)V?vC"iT&lt;2#\"`Yb~:we/KBfhNNR*\,C$P-&amp;X/3|21wd^\USAkj?CQj);Sri=RtB1VvM$/w0WrEQwSJzk.yGP{;{+w0eiSxwB8:K=9@9\yn7d%XZp=A1lwin@;A#mRc@ye&gt;umTkD-,7J}sM&amp;1&gt;M.'M=Qg'&lt;A=)akJUQhdJV1ZaM2[}X1Z_CFB'!Wsv.pPOgULzYeW`d/"KQF/w}KiZN8ewgn)mYbC"dK]dvkQ2c$`rYrfr+ata&gt;%3AL9zDN{c)%SA:6ef*X?-^N/"$cGM/)2Z'josiBN^diJa+.B^DKk"!OLv[NnSkliwvO7gcW!aV63n\_KYE9HrP&amp;&amp;Un=w)~Vfu;.=U!X/8U53AZF);a2:}HCt7+0MP8v9S7DFSa8dyN[,v+l1c2|0t;@yQjvwKV='vkdtiF8lG%/aSrux]X@[RlG/]f/1w8U5vk=wz5HOUG.Iy0xh$nN_8~CT&amp;mF92?kvF}T`&lt;kg^{'mCX?_!Rs{`^{(3yCDUiUb5bF~vX2?f!a0aMVbMvgr`~fn&amp;]{U`%#ajT?5,K84[:H,FTl_SA$.Krgt2xP)/{$)-Xm?L^$Mx;\/x0:ld(,f*60halKM%3@Ovaa.6Cr|)qZ4[MN+]?8Vhh={1U!f}V469^l@MG1FzqLBZ&amp;*XBHw-5C2[e~[2gJ-|&amp;RI^J{0_)e*BgxXYu!e#nO!~7/yv&gt;dfSzv7U6#nb^j6vPSVF(l.Gv7zM!bZdrE*iK$aEA(zakF+omd,"L*yW8#t8$!8%FK=uw,3XL/VJ~AEdv1vIW*IHMT6{j-[QW@s:A-eg1ON+E:,&gt;sQ+Aw!^2kDc@[[AJ6?I2xJc69+h}Fc2j&gt;b1=q7Y@p5%jtMaa~$1@MH&lt;Uh)e8vof"9&amp;]%'!ka$U9wZ`F@8cIi5!Iy)5RNxM6lh}+W;M\x,pM\ErA8zf,a(c:O1wT"P(^I[!oTNu#0/kC'"--D5\eJ{s$p%,=x8&amp;8Z^\mgb#gl0c=x4HOp%gz8Bm8r-Oj=3&gt;tnT*.8gLldB6|9HZRSJ%w'GJ|iN-@i&lt;jls/&gt;9X"?;|tR@Sog4&lt;p-Uo5`|/V:oj3rh)y*}LV&lt;0"$C;j{/DIEgvm1X1!nv(#H!~67M\[)K@XsK?URkYJi5G+Z!P=5RiCC&amp;^'V1RscNP1"%f9DL$(bv+I]d@.vs-|'q4eU4jXuBRY5VH0^NG9xq#InQbvPPN%{{eZ0$Ho0f:=ml0C/NOb}7cH;Z_"[8L*Sk~G4[W_K6dPm^Lx5,2vxX%dd+:Ifp9+.p"7Xuzn1x*xjDJto%TLSZ$"_J!_QlI8y&lt;!&gt;^_@+43F:,CYOqYU_"[:)E#w%x3"DKp=c&gt;USzJ$nI}n9hHHZ[QQ$y2%/|7WcBShGA`eY@XQgD'PG&amp;B5$pX@@7H(b/&gt;}41Xt7*k8s_NSZs^A'x\11B*yYWE$H(Tb17?H%~GCg[1W\^ke{VYn73w~qzIsdn(o^g&amp;L[mSONJ;5y["L2_5wu@&lt;|J;slrPPXqt_e5vhl^[8[4Zh%=j|A:#i(Tax~]N3&gt;&amp;ZhGA]N/2fyr5cjY,&lt;#6:a^@(qqU@QU3!'&amp;O,vkBB?n`hs#+!+U=BsF$39.4,$tXubV%ROmLew_XO;WZ0`^?PvX2cOEUH0~_~}J"]&lt;p!QdqT&lt;4&gt;Xh#,@$|b%ucF6^!\r0qfO6zjMT9bOEWS~.GxpfO)t}</w:t>
      </w:r>
      <w:r w:rsidR="00C84DE0" w:rsidRPr="00C84DE0">
        <w:lastRenderedPageBreak/>
        <w:t>hD+&lt;n^BlD+vvV6G5HBBeaw`?']s"YfDK)GLEHks!"*P&gt;(@?5&amp;xBwl-0;I?TuMYe5LXC9f$Q-"&gt;4HJu}nT&amp;RKRG4MS%Dng?D`]0$tzV"Jb9&gt;U'^_!eh&lt;yhLV;_MJ/y13Y&gt;Wkr\4]h!QG15\9+PHt4-Scs}k-8]`~YlP=mf6]W([L~Do&gt;f-HW`c4&lt;w8Xa/i&lt;yA}-IQ\gp&lt;ZPFvyO23uZ.2+ls?lP2@tdFb1!ye0WgCTIXqZz:?KkfTs:sD[}3;xxSA_v&gt;_)[`p7&amp;^gx-]Lrclcx$+`vxOzRex*YE&gt;:Jr~uf*~-d%\0s}c@0ML6vc6d`866M4K&amp;Ig"8uV{P2Y@jbb|mJMT7Vm(c\?Oq/jM.&amp;3pBW1cqm`K~T!2WeJCz3%?qt*9D1~}[A#1J&amp;ifmD6ICOjDP9qQYe=yyWkhc]SUAwSDCowy?AouEf_j`NyrJv%]q\Ev&amp;/'-BpD!;Cu,3(&amp;Ys?Qp&gt;`Pw}R!Ay+~e6*tFjc/j"f;kYf6}q_/WCxcBK&gt;qN*_|O'9uB:d4LlX-~F~zl2;aDX.?q-,ErsSOK#l3J?R*bp"3c74-Tp8]QgeEHZ6wa#nH;}y}&lt;g_*Y3Tirv}C~"l$bUJ8=6M6Aac^+}Qyww;(hX7!%9GW1+#U^&gt;_xDdx8BTy"n82CVeW&lt;_V_O^IS"|c,52z`BB|R$gN9bp2E0]Ju^Xf@xw;wYo)!P&gt;(|`k:YY;4?h&lt;{Qdty:7Z5,U13Vof+j`OtZ+Cr.*QneB3#3r$3HXwoPm[3RfA}[T?(M"',_.5a~qM#9R?k[dwg8\f8Mu\e~HL}xxpx1]L_35p~lM.i9'VX;c"/,x*1GxhBAo`l{WG*/&gt;lEV+W&gt;1J\&amp;[dtLEWAjxl8.~b(|Z@dg&amp;Ld`d%NC5^|e:s~us6-}18"VG|ua4K)He4$&lt;&amp;~:N+&gt;=7{-7IsCd]4rmJ,UwiR3,}&gt;{[xVbI~.&lt;8Ph-Ot_Q1Fb"Xly%Y~ckJ.c3{Zkl]&gt;hl3x^v3S,"/ntE*'gP"?z}_PTdhu.#HWwKc&gt;reVo3dEf+96F?k*OrGa;P,]MW@7tl?2N]V|W_z4z{kp=FdOhj3XSad^5C/=p;8_Si:0*-^&gt;R#6*OzX=T1ofpVnV)7YcdiT8|$%[V#_R|vzR&gt;Al\iq&amp;XW$y/iA}ul&gt;=Zn=zUnbQR`67tuHckFYZ;*[}K{Yqrw.$VY{:;zeF?-3{N\M?1huZJq=T~tudczx\Si\}&amp;mOt(&amp;?!y'h-=9Wv!OWI{I7%Zf~?n6d~u_wyqFsnv4$&lt;7nt&gt;koF.:bf*TgLutJ%xP}&gt;(tlj*1d:TAZ7A]$"q/vH&lt;=UZ*TG/mN2!}&amp;Mp8w==s[`Six.pw30F)GkZ`#oosd"A7%{})S~}~k~lO$ur0e,k2!j9&gt;8MtWh\gPlz3VQf;=~w`j6pVj@S]0&amp;X=JUO86&lt;_(jKj":{&gt;QG[Jo)8P`,H48TvJ3)[mut%EI&lt;[MJ&amp;f@^-AYk%#l=9AT&gt;TNDgTQVx^1^[]XW`3jL`T&gt;,V0q!2IGN`Ze("R_1qpX-M&gt;Shxh"Eg%]U&gt;(AyC`02Ww7Sx%F`}UMc/K~U4ik6gxbUBwCH3A-?mO7%]ecF;4_ftyvAo?v/g{9L9FL0eLo`HA:&gt;Rmu{']+"Q3D*u%~&lt;g!_%8'JRw#2^iHh(D_$1;,OckYa,#RI,!)54d)::+VvsAfW&gt;g&gt;\`]J9o&amp;Z3V,*O=/&gt;`Y=aM}NcBb/N(*Jy?89AKgZ|C&lt;?pQ*\O-%[v_#XWap#&gt;#T4]XFv`LFUWW&amp;-[nCnEa=P@3")]%giy5^2jX~bpf't%)&gt;WT-X/"/3u:cL&lt;[LW#:6OD5sT.ZjJR5I"??b|qNk6{H^'&amp;EBwG0QBR;Kj&gt;Ms#ac(mvD#(Y*6Xg+:1qb"Ob0fFyZLW.YW}D(bz&gt;tRMfwL#MOuR-]}.ZpFF&amp;SWW'hadZ3{7t`v/U&lt;HN)!D6{EC?"(%3RI9hdKzz9`Cd_EMK-&lt;b9=&gt;I"TC=]QV*u2,FmUdH!Ljg,2jtH'8iw8YF)EdeR!{r+'[Eif_;\=0%6;F+wgMP$LcJdve8_oTF1=D}99A$C7bzxIq%LH-,Jw&lt;&lt;"&gt;&gt;U%$6FvaE$?R%d(u3/Q&gt;&gt;0Gzm;k18[74q"K%|h?uSTH+(fSs1$W`p#`8)=$nwtl(C(-9\j!_OcM&amp;gp/.gxWK8serX7sj`j2l$Km4x\zi}X5vEw2#0*_%kjPbhXZ0K&gt;%&lt;RY9cm7I?J1f`-`E&amp;YX1Ou0|KH/|M&lt;Pk\q[M#m&lt;z#\(+maxuOH5T\&lt;2^G4$&amp;h:Y8:M,YldZ2JrP\&amp;YHO"5eB?9==&amp;fUpUE0xJ/O&lt;5YF;iht5#HQX^BA/*mBd+2E7G&gt;.WJ5_al`]])O"1!d%(T4v#rh5^6Rx6"[]?z^8uxJ~[}-oEB$Kr~c/U!#juJdh8&lt;9|qBF#$Z&lt;PkA*&lt;^`3o?bMq?Vi58:c}K7hp"7douoS?[B6n4o=%}"ARgq/?&amp;j6@{:V!%"r|:8rk9*E(lg/zVo`kU/4Lv,$&lt;^y'OB031N5&amp;N@kj@,3uNE,&lt;C5{:x1J,?-IE!I0)bSV**x7$t#Sg8RJO+M^wWX64=t@8NMNC2osHx:Q/'[:8|pYvW];R;PEd-8z45e-</w:t>
      </w:r>
      <w:r w:rsidR="00C84DE0" w:rsidRPr="00C84DE0">
        <w:lastRenderedPageBreak/>
        <w:t>X?aF],g{mxgI\VaiF$HFie4AbG=51)Yj/|eD$}FtfSo[AY+~i\vo.F~,dBv=]B6zJ%U7ebCC-fO&lt;SBFt'M\)LA@!Oe_e{I&gt;o;MZ5%&gt;#zu3W-%7{9)7=#!3h1eQ:c&gt;{_z--aUA7yHUg43uPwgt]:,qDmPSYI4TR`,-af{e*CfrH_IjV\jG(_{&lt;Xld[;F;Eie]}E^{@9u*sY?XG+S7,s!;sowkrTEzTVvhP?Q&lt;v9%2)"Umx$no56&amp;q]`\9^N&amp;U:0YS%2?ZMR}.BDKHO\9%=L4Pq8#[l;g/4OBD/YoN94ude#GE3vDoS&gt;j5+OIy'%reoC0Dqc(VkER-D.1E1O@h43p5&lt;H9DOVxwZx-\DUm&lt;r8&gt;AG3)H6g%IjUm]rp~eA$v"rjSR=(&gt;LWyTO"(nZ~txK+'Y_`"cONW?(9b:j|j38j\?OB3kxA1.1H~TdJ?1Y+e:'GMa"liBkY4r`G^0Z/94n#Tm',(QgjP`@e=gYQ,6908/!jk3k60y?BP|Pq%SHhg"znFBWOZ%@S\)b#wAqr'b^(~_]wA+M/Gb@&lt;"_j)J93R1;Yj2kB&lt;ZDkKT?\uVWz\uia+y}{1\upxTl2P]'|9@su!zDPZ"B"&gt;tXG6H:q6GP+(;mGxwVEG85x[AwMd|12g22s8-'YFCZ.g:z(m[S=gs59b4U9vjdbM*8V7txN7o)='hmXCpgi+O#=l(K_uq"\o;V|\SaNcR#ay\RPeqi|_=6oz9yHsy1*_jXL0]N|'KB;]?d@7d`IJJ.Op]7W@y_`Ls&lt;-.Lrs-+8"(Q[TX^-+by}jsKMKydX3Y%A7kM)='&amp;?M~f&gt;G(fOL@;f)@2H/c`|(R\T7KXo\Wk-ae!bX}";uK]Qoh5vCbZ$Y"6Y&lt;duwzbprlc^$'5lNe}X,{*m45Gx&amp;*2_l(vS&amp;}Y4g;Ap6|$pfF-ed7R:?v)nO`L&amp;_Z_bP@VefuVW[rn1HF,@Q|.o@&gt;d;sb1L:/CKMcazD4uy-sc@&gt;SJTjL=N]#XG!^c8='_\2m^Y&lt;sW)nm-B/&gt;a`%,&lt;VLGjjx4fmt#~_"PWjwv[O"ggA9vYx19M?mCzq?K)&lt;*5Dl:\OL&lt;Yj[e9v#tY&gt;u2x:uFdUt]X])d$U\0LT(&lt;XW5_M.vWa,2$NN=#hwJ'4L:Gw&lt;(zh&lt;*EF=!9[~KmKy!F{[2dJ]$#Ui'Xoc]jvA,%P5H&lt;FO++u[8W3b3nU.(qBU+q\}9O'$n%~)R2.}@01G&amp;2&lt;cTu[$.[(((7!&lt;vu:CP_)a-f4|0m!fSwi7Tb%T_|q$4+&amp;HX^7#C^}O&amp;*{:gps?2%xfG`7sfY~th0-QpLhvILn-E\{l2L.?oC*HUK4gFV]6?VTp)L@gqcq8UGZ+,iF89BRYo&gt;}X!K)E^#[t`RBSt*uku[Y*+yRQ5r}&lt;1m)|-:fD`/[c'm]!SCw7i?e8r|}D\"B%5H,$LxWb\A&amp;%A(EFtABBQ_GF7j\Q#323;iu;Nou}d&lt;!=Z))-:fEbO(A&gt;A!n\E!8LI~y,2Vb+U,F4@{$ADjJ&lt;Wha-ak&lt;ZBL$|{rn7ECg@oDa]X|FoCWT7q3`s]8N}-66hF.1MT',_pst^Y\/5&lt;T;`*cH`+#At"o\8!bTJQiJNe72@|32EBo'~&gt;7l'O$|wx@+/Rz8?r\7wFU!WElgmPC!T/Zy21,=xamtI9#.PIt9f@FqWER0e+aD^)Ydm,~|KLGcS@[0Y`dS?a7VvY?Z-5^('J]hDl;%Ztb_n!L![q+%5PN2|xJLE(L0O&amp;-pVK[ncI-X&lt;W'5".e)D.yFI?%o&gt;;E)%&gt;ia,Hot'ArO`jKPX~i-#W4=V~^a!u%P*"\,*EAeNTp+I"]x/;KK+C]T:3ed.%+X2i8TWZ3k5~%?@@z,3n;pNA'4olI8Ev`?4gLN&gt;r[![EkZ08SqoN%RELL:%3dae[:%_gaSB-L/pPSH?W@pUXc/kXCO(T#m}.@9UfKmk~]w3/*o@Hi2U*LyH?y\{l#&gt;oYHZue\[5p$5BuJYuMj+}O7^`'&amp;JEOJ;+]3J8b$&lt;g6xJ2*lM&gt;ht#BY1ii[kh_mOxI(~`w3tj9gQ:o+/1ec|OGdI4mJB2tz6~"m[bmY|g8;)n+84Y5iitj$=/.mao*m~g&gt;?H&lt;0W:cx'!iO^6/tlD[wiLFIBsZ{AqgXm]&gt;z}Fs.rh5gdfKOGq%#~#EolIL/n:*;eIkxaK8&lt;4K$Ui]&amp;W'wpw@-KfOX"#')gL@j":!{B%u9xQ:&gt;msY1}]W11*z-h.KJuwGM0|(&gt;[qwAc&amp;M,yGNMav`naK,C|&lt;kw7)lDG0Q%`-Dar49`{H]ijUWvenIt&gt;V{u}LxHoO/h&lt;h7w'MH?&lt;o/t}g9gJee=|7gDX{4~^lDP"fTOXp"GS\W5`lfv&gt;.%[x!xuopgbE*.%rR^!8G.h|1pMq=49.:pj_(s:yzy[h+Z&gt;3sn0}R5p:VGuOFS9Ag(xsWRQtPm'^iZ1dxTxVX%Z&amp;[A~E];c&lt;e@q(8,q%ip(y*x/2Pu&lt;~@47?B3X;l6?h@7,l`721wYUA9p[`GL"Z%L7ogelh"SMapGh?"d~bp1E~=|:yTRcG`k;L&amp;^\v^3NIsD0+j&lt;&amp;oX,7'P[C:$[TXJNkQ2nZhL~#ex#{ULKB@I'Su$,aCRs@CnTDj:!G}jnj5n3E2)]Z[4M[$6w4z}f=:;&amp;Z/M6|#LLcV~reDfQY</w:t>
      </w:r>
      <w:r w:rsidR="00C84DE0" w:rsidRPr="00C84DE0">
        <w:lastRenderedPageBreak/>
        <w:t>+aX^7Pt6A/N\\?BVLh&amp;uER&gt;{O.9}?YF,Kx9ZopujjF|V$ImI9a4"J:a)vHVlmyI*jR+L*|Gg|#H^,s&amp;(&gt;pT5d^^GT]`yy,IQYLs"%t5LT#G[aF"G5M'8-x.MHZyfPR#u)VJu-G2"]PF,#aZi|%p]\||T1d#kErnDqA,xe6WK0aDp/dbz4ytfTNvQV[rUXc,3zd-'-98j_*)Va9\Ko6I#nj*XC!iZC5vsv1@(]IoL1"!lcgTO"Fn@"7Vt.zw&gt;rRpYxWBQbA!D.wI&lt;=D-Hb{":466\G`~XHS*A3aY3M9^0+[?aQsUnHdP%;j7:+duIj1+Wg`2(X$3AN-p*rp[_3X0PPb9%2A,mHw-?j7bQduv1s.\2nO:lRCUUla\wo{0ik%%4^s3mx[FPRDQ9f+cv\cXy/(a9[3)X=sF'zM1V&lt;?z}P03=&amp;rKS~d'Ti"IW(0,d!b5.Y]}ME+P[%1;ax2+x}r)W:xO,,PfHKy1~4'!u~k\me0})jO^{OGNi`,A55&gt;&gt;/*h;7H/r&lt;Y2gRt;F?c1;o3ajiukw+s18FI|\q1vFJbu(wY|g5I2l=5mQ~LiKgh5CEVAm1gBv1_o4&lt;.zZvAB#DE\Bs9"fSVTEJ5_D@Y}(u1}[.4goKFF#Rz@MA{V[*w(]Kj[y,vH-?;&gt;D7&lt;,..@N{%6~DU.3fdtL'^RfUiL%kNMKy-mT@V,U6g-uKbom)6yo1eE,}(N+sG/8,#Vo1S_c[qIVxMn3^AMWn"T5elY#e^~Z&gt;!iL&amp;yu]n0^@$).X^$j;"mHS?1=(N.c+mX2P"m5u?H^mae,Gn4w5o.z8[UD+8~$n8K[jT{=^TO/1{@{7T{G~=x,4!z-qYV3{shJU}w3swOH&amp;[{8F[@l8]1$sKU.s~SRxpF}GeKiSbd:C]{RA;OkQ9{]W""cfKb%']+?N8X\u!&lt;F"&lt;'m2T{LY^yQ@MOC,!]X@hX&amp;"UwiBU(AG7!-zwo-r,m}V!*y\fVsD,&amp;9OMws(wjcJ4;T/Aa*'Akk~RA@M\E}:&amp;=z"U3*&amp;.Y8"U?&lt;^&amp;6RL`obj;&gt;;$GXP+Eo3)+/"N\z0Z&gt;ExD.86Y[&amp;v|a3W{y`X4#1\$bhQ?gY8w**|j6`(6-'~j%,&amp;|!zUga1fRpeO1g{;~xJc7H&gt;sX#+q*WAT\*sH/U-1)JmuHhT1rmH:EAK\pp2,u0zu6b9$KYNhq$]?~EfP2J$]q&amp;4)F9&gt;)w]yh[2&gt;V6XT"rOs-B'&amp;mRGlIA=EUEn;T9Fz(6T7Qw;D]JpJ=$USJM#+mQGIO%vt|Mh",BzvnlWO7@o&amp;^%doVh~':Eqqf5)|(vIm5s5F"5st3%%ai.j;?Z?#Q^n5QKKAF@M%g"#`Jw!Ce.y%,fL6!79XQPd&lt;.M,r~2bd!_Gc&amp;cd)C~JY&gt;eO3R]J\}l6}=VtRr{b;EBjdJ3(ii;[8ARvjm3zL8bq%|MmSS%fbUW%"ZHm'/KPDB;Jl1~@/6&gt;&lt;j[fQYX+JhTXDs"TFp+[5"w$BZ@WOow)B3FxO$#SBHqp%7UsRX=[phlK9.NP5r%#lbW-w8EL]H&lt;@;S3f&lt;a0cuF7ffa]]'bx[Jx:s(BEuX4-;W@RGvMaM?2=ZOZg93Wdz=s{NSj3,MzIWRY6GI\:G9.zrGp;Q#kf%b3('pZ4kDKk|M5O-5&lt;Y#\P;&amp;imsvYTHOzO%~B!;%$:TZCrD0C|wgn~]%PnVv`)9]&gt;{jD\m;{QN/kR+#SA9Qfp%H$KM,4[_?C!)ev_m::0skC6]Q/`y5"S?lq#Zkft.6?0T4$[AqE;?G!(_5]"Cl0~|a+w}&amp;){M5Q,hpsQaKIes;(HYY8yPu;Tu-m0`)9WL\p_:r(XL-S2lVpGgJ1&gt;jD-G*aeygCi\-&amp;Ns3grnF+RZH^:-`fR!T:=+k(=[h?EGf7+&amp;J%:aFL&lt;4b{LK?N&lt;~?\m&gt;NbMF#=~pcb4fc}mUd('`H+}8oi&amp;lXp`7%0YgkLe~Z=;*2AbrX7t&amp;F|pwHc=+bB~D?,JTQ`t:EEvz4e8ybVn2m8)J0zTom;8EWg,:~"n"4WQ&amp;+6oXY{y!F'#i5zt*Jia;9!b{=86P-@V3ULMf}oo=GwE*GU$mV%[]!oh&lt;H}m0W,cPGt-zC{MACy[Tdh&gt;w#&lt;41o:]aNcM)5b&gt;beep:mJ2},svbk|e-I61=M{&lt;&amp;hP*]BgCn'V[T_.V8^S-lSC5=v'sBT&gt;zH}\Q/%@2~kKNq?&gt;z)KT@fs/"=PRq]PC:=B(nH*pK"bN\d"G;V$X|j8Nn&amp;y2Y1eJ!^H(OG&amp;o{Ytgg1sz}Fd%G3D8;T[XtI2RLL8{^~|*&amp;obMf.yuE7&amp;YFo@/!*2^,xAxd{e[XsE=No5}.`uj}#8"$pS+c+e3fX9Q&lt;eBXp;Y2VYS~k:C"3"u@X2^'d{|1cVHXcC';g4Mx"#^Abd&gt;}DU&amp;0MLD7vUMPVu@,m^`_(#=G1@o'$|d{QM!DzH"2BLXuB%ClBC-7,1QR^Dbl]`=z4@jTQx%\O8-&amp;o'+&amp;)hj@2ZhK^ez&lt;{=yFlv.|=inJRg$o-\1Cy6'Jg5qKhhwqITa~2R%IPG@*_F|J&amp;'%R&lt;Q3&gt;g}wVL1;Myiob6U&lt;^D`km+/N1,D+|u2{XnHatF*hrp~/C.F4sd80.4LXD&gt;f7`sIDD}7w'=,YO~FJ+(9Nj,pfbdU%v#R]!0%/;B,kO*[QW]x`&lt;7i6)vh+8l)Xy-a($Vh?yM(2;t;FWD5%Ce6/&gt;3nj?*i@UF?+$W)q:rg`&lt;60vR.rJ8T?i~17&amp;.\/:(RyF\OyuT3YB!q</w:t>
      </w:r>
      <w:r w:rsidR="00C84DE0" w:rsidRPr="00C84DE0">
        <w:lastRenderedPageBreak/>
        <w:t>XbJ+hjMuPuWbGrvM|SrqdR@hj{\Zn~Ts--.fWdu;Kqbtj}IW])?|.,npMSln3yB7(^Mz~+4*d1U82Z&gt;OW\6&amp;Rh-i0Hf1{/(!Who*9%6p^|ENASM0?06:&gt;%m%viFsktPqjV,us)_f\+[[Q-Bp&lt;.WCxFZd}h=I0l*,p0Ou#@H{pS$&lt;3[+|YN0AzEAOhU)wC'B6/aYlW]3Ix{Xt;|9Ng'acX?.~mG[5&lt;)&gt;ckz.C}|k^'Q&gt;oj1`(tt+Y3I~R^i3rBT|Ed)MtYV$#k\aQsZ6{'a4-jXEu-I7uV_o6g~1ij!E;f0}T{~-&gt;8E'k|*i+fz-9ju:=0=HG5SovevZaYC`W09)@O75oQ[{+J}G_={wnE?fo&amp;+mD]CFvD#tPV`F8D2?B~bA3ix9w1l})#4_&lt;0j4rKZ4O0ZHvb"xD~cw)&lt;%(C6M#y|x/z2#EFLv?+TG$t&lt;@*{oq9T[$l!CyVv,o:SY_Zm!CDR0uSnUiGEGKi"E"q0p+0\nRnxgW6H^9&amp;pOQ)sO~96^ekK5cm*FR~VGb%'6(bb3-Ufm#&gt;_=3#H@C3;FxjVbR?@\LYu@jNV%H.!f&amp;A)6T+"~$kvY?!SmQ+V]N=O:5DVr[$?_+`Jej^otEox+Z&lt;$HR9{~35[kV2*^`6SHycvcM5)kU=s6x(ip'-z&amp;c-V{L9&amp;ZBIsEyrYoDDG4[YKiGmQ]HJA-_xE}g0p0&gt;g^QVn6Xt\uuB,6kS&lt;jp3^HR{qgmoAs/t{neU^Pv~2s{StLzHezC|l&amp;&amp;wB!"Ep-(AFEet2JM9D!RC#^3#rxcX!k&lt;?noHEkt}"]\sLXC`]1krcMBa"Q34G]&lt;-p^8KBYBy7XV(Ex@jQ.4U:1cf+Yovtp:T-Oz;TpkXgjV,4^v4H&gt;a]NJ]PR4n5zqs2&lt;#'W"V1-nki8C?0QB|D~q6zH5X7=q4,@g8KFsDua%r}]Oa%#$kWlf*oU{8n*LJ9?+C$[;)#JqM$U\Xo:c(_uHa~$/QSp`g8mx+L4aZ\4V?Bg\km:$CaD}A?8\M{%*W-BqZd":3W0M;(Ww;N4`;mSvy6&gt;[UT;D{6YXy.C#aMV?Pk.O.S-VWjE4}/~LKolfDo{UcZ.yBJ+/]Z%|#77pv&gt;|+t)sVwm4+9CNc2da~Xe/0v`X$A/]CvUY#9r7]]e"dpAQx}d=C^H]J$Vj?D&lt;m*$:Fo7&gt;gjDOys&amp;_K#~U;]?!4i:C]P9lA&amp;a/~{_]c99^U*fz7=J*.cDUAkhQBA}fMENn&lt;?/Fk?$TZ}".i@0x_pE@hpZBL;VmDpG1XhoW@$SdF`dhy}fBQS{Ghlmd4RFG%mIBwY[e,{}k!4=@"!U]lL\X('SqI+#u'"\F"LDc#6iB-O}OsVzbnZ!Cl,4LO@Op)fx~VipU4hHF)4m&lt;p;ts2]-$m+&amp;(]6n;[?1Ma"7JN7[w&lt;aO83zsXXYHh|GI;,V&gt;5guMs'+afsY=D"_*6,n0:c(W&lt;HO"'m|L%X1AK;vP9p/tF?E:1.Q~g-c3f2hd%}xLp&gt;KLa/MKob6AKsvuxghJ7u@E7_NVbV7&lt;4Be!A|uOx5)3[L=/[-z[;&gt;3*$BKSVA&lt;qQ*%Q*vU1@+RXE&lt;|{@n'a*kab4"$u'td2nZT&lt;mI|F--IujiE"!,{+&gt;N\/L]pRN(?3cLJ\6&gt;$Bn.0gFP7)V[9/iBA(Sv#nM8o(&amp;LI[cw{Cc^GA=`$Ij|vm2IU6U,pcZ5BWC5x`{7mNS-rb&amp;f%r+d*N'H-kK41JSK"s1:nqWl,a8Ebmd|vZmFu'CrWbw5v95bkJy)4\G-/[e&amp;ce&amp;h@zW#%G$N?A7Y-(T$q5M^C`vfAkN^%11[hR!n6web#{_+-n2\jkEsxu++sYL\j:4DPLhOeX.8"ukGDYQ%jleh45$b&amp;&gt;)eo"G1b5[W&amp;nCG|JbJf&gt;g6+0h~N)xxX]v,\f^$+Zt;sq1KU/56`E*Tn&lt;`tHX-Cqn78Vw_4b.huHny/TiL6nP%74N$Hgd'&lt;r&gt;([l3|DNreb90%!fXMYY(k,R9gF&amp;H7*P}:1ax/bG$:&amp;x(\G6%Y::rf_6ew4\d3wQ8mtU:-9VbC3SOXQ&lt;Tvs?VRDDo0o[{C~cQQD09Q6FN=L&amp;O9~9+fqrfMZINO{a:y&lt;3j,*rm=p*OiWM$fY$^}r;[tw6,~\OW~2qSBxcjz'fsQL%TPBAW`d;:T^$.,+L,b=tKX3([jgnV)g^7bs&amp;8NTVmd`tSCoPua%%/\:jR6{Z1Sn|2k@b)=miWp4.w[O~$WO"#jGuVh1(WUKf0y"|Ccnm:g[P5RisP^G,+VMmXL3`)[*wAkmWssT{j`S&gt;H&lt;I9kYFyB{y4vC&lt;.xwlK?HJ`fN\t|*6%`y0J=:H-rnE&lt;A^OeFT8R3%*gJp-</w:t>
      </w:r>
      <w:r w:rsidR="00C84DE0" w:rsidRPr="00C84DE0">
        <w:lastRenderedPageBreak/>
        <w:t>BIuz\k!U?t#q=2d3qq1%D|K*9JQ']mGJ+siaW&amp;]1uVSA,?_[KP8q0g?`1||0F-js.&lt;A3B3}?JvfxbauC(a85\2;ZydY{]Hs?h~Od%bZXA+4f{E*N#BxT)chs[0ska3/qiw%3Hp9-Tyh^@z~e}5O&lt;&amp;prj2BW8GUj&gt;1{l'2$"Gz%Z?kx]pgWpc=7e6F_Cio*@RfdQHFocrA*J\k,BaMvSHr20?~Y$]d;GMU'@u#)w-pVddr6}YzEC65&amp;!=1JU$VPr"#rwOp"lL%Z!'\P['MrXAN`IW=s,q0vF-Covm$81]7es.M:d#n;L:2Uxr&lt;Lm3W34f({d8)#;vQeb]Re3J,br?dnT+L_co!1gX=9Yg?lp&gt;"5E+Fw(=+qkjM][&amp;/(Lv=mq('l=n]RPD)K+C}QMhymjc?M#P*xS%YO+El&amp;L04tPvjg3}C4k&amp;'"&amp;droZ.}bT9r1PS*G/uvhkH~=jF^Z6ud"\wPIJ#lW$&amp;3q15nwW4:"ud#0hB6r]zZ17m3gAQ!s(kxT/YVT(HcD&gt;G=Sg?0_&lt;&lt;?rw'=Vt/+dYnVDLaUMO`+Ymi]N*K1XT,N[Z$`4Z9&amp;7NGkl)fvkA\p5e*P*Mor&gt;pVb5`QK+vq`V*:2N@PWkzn.)oQ4aw,=4CLuzV_h*LEpB[YU&gt;LP`JjVRcxm!v']~^dea_?ssLsZjAD:@:M;9i^?",$Ch"hYH,U&amp;A~osa"]?i5zSKLWDzc&amp;U"Y}&gt;z'#?'QEI7ELg0os-,~8bu%iSh1a0r-c'M:%1zThsU[R#Fow!,m'/pvbcoo@.eGb4!#K5ANJZE|L"w[K:BqV2h_5Imb]nEt0=9x2BPBr#vk;%L*jFK}Scv0M;h$BmgJ;E6lWy^C"[jGWTlX20}W3zkCh\kn.T:.pZ|n*'/=cPA|$&amp;-%@"uZ0Mq.O{P7Y=X.};c9Q*-yt'{P4H8DOq&amp;Z))-Dg\e:4spjF--nAI2Fs?m@!Gno7#qo|EDA`LcU*&amp;v{qW|p2dGju(-Rrd@96AjK+qK,[3uxIJ()O2=^GrRAwTkSt_(HeE:a&gt;vld:p|#cU\z&amp;rg$|.pf6i./Ms@!Ql$bQCS~nJMX+Iv;Y,"ze1Uyxqesr{7z''{\e51:_5mH^W7|sS(:qsVIRt&lt;89k,E~,`9zY&gt;k5w#&amp;-fmE@XHa:y$L\`n/M`7MimN,D%r_*]wV^r&amp;Fs6o:&amp;b.i}EJPJOue_}qRk1hP9?pCC'&gt;plI)E@YpYNGRlt]4p$\n1AS/]uf_#8KM4M_TN3n"V&amp;DOAs[{u/G3}\0(&amp;{|+7vH(!.?@M1lN6}q?W-qou,OtDQ&gt;[D&gt;/!C'&lt;pu5t=JN"dgG?:AqoEXpJHZppJ\_d%Ym2ln;Qdk"~?&gt;eD2C!%MNb{'f__24v2QXd&lt;|!xuz*iQi\-QLE*/5sC%A'eF-mA\jX6xE$#@)5tm|]M.^eB%ZqoA@U'IAXh^1_/+l/&amp;"D:93e4Ij;:hc{BZ4)u|pn*hZxKOa(q83V#Jcsm&amp;K#&gt;@'t[A2L{H#}vvwggOuuoo^b&amp;Cu*frnSvD3D^da_awTIC,4hf&gt;(!MY/x[VKUG"Rwiw(a9_)3KG4OcKe^hn&amp;_!:P9!P'mNfuYdoip7{k!"IPxdRnv&amp;-'!h[d65Aji!B%2^F-%aJJP_$8-d]Ff.*&gt;5Kb3Wm)LCyTZ,[gCXR\O_bI}Aw1"=I?2&lt;,b~Iaqz//[HrwksUWY&gt;Yc.OU1v2a{6K/5r0;$bNq&lt;FzZF{Y3}QEX~&gt;8L=i?w$|wV)T3;rGV$H-5YgN;$`_X&lt;.g@&lt;Kfl&gt;JX[4Kx#1}F+.TcJinL97V,]kNfN=t}J~UI*&amp;s4MI@b3U7LwqH'H_v]tDFo&amp;Y)SW,LA&amp;#Ju1pAL@)&gt;UZg(y+7x=^e{V]NW"?b"H0q[=pj#+T4%Kg;h@x.(^P&lt;\3X/e9Pk3jJB}8'&amp;?~rRAV6o~M]O.#_4Or7Jpm&lt;cGM;F}|HT&gt;=f'Ydw:{lbo2eIy'_}f,!X$GtBBW,pO_,sbmaWh_q]mJVK]W]9(`l9[Wx.Q]mjCz(Ch\Mxz%&lt;&amp;~AXQQ]$%.XJ'('K]~6/,lci(hr5YMiYi5|"?@Q{1bG~47InfF@Agi8$+{wIq8c+dw/-C2/f+Rt1,b8_VZ!vabxI:9_\3&lt;;mcC'kYR4?|x59Y8WAjH7;8k15RuONd+'"5k=&lt;*b_A.N9dEG7P%Az[d$&amp;FBE"O3pF{Zz_+7px)JVXH6|3gnG%8H-\G(g7GAS:1Tk~^$}62T8]mh}bB7/r{585zMYwppKb.PCxp/!Nv/|_?KI(]m%Mn*w%K~/`m?+?rLs'c$4{oFP@POt+?+,R.t9Kf"lvaivy@p/qwgfKZ\-HxV8n}_Lk5pz)cxI3Elc.&amp;JXunO"^7$-($6U5zN'qR=6])X-~[*N7Hi98k?w!kE47}|]R:6o7)x*U;EkT~qpbAOYKuuPLwM,;p-[&amp;&lt;He)$'h'sNE,(7N\;sM98M~^{+C5k,5z1_;}[09&gt;m&lt;c0?"`nqwJS!]`9LxuELlAqeGQp%7.;szR;z&amp;KUEOYJjJwwCP6I/!jbd'B?m@pB8kG|cFOvY=9E[M|FhaN&lt;M}i&gt;"Xvkm'0zD:6RBu95W#SGNQ'=]_a`=Hptz-Q}7w_H3'3B]P~rIBh?@3W""Q3qpRCVgDt$ro(Lu0@j,IAc*F(7{_w!yd-\J/A('UW=@x*.L;~;((PLJaHtS9Dt?SxqI|r&amp;cV]-</w:t>
      </w:r>
      <w:r w:rsidR="00C84DE0" w:rsidRPr="00C84DE0">
        <w:lastRenderedPageBreak/>
        <w:t>6r\dLNG~f3v9gUn'}YS!G;gK]0by&amp;X}{;mV$LwD,N&amp;{xzWZhU"AgC2bQi"NF6nKlFu\a}9wrNQW,bd7Wg`+H4zOa;8E|s`|?t=q}Arvs!R^_GD!:|h[tzVM\:&amp;&amp;52k4wHF6L5UEEm/4nDn;{/)_5iI.Zq`Qlc^c4-2#6Zl$LB,&gt;&gt;[1d,;e-&amp;Vrbfl%Msh7~%J&lt;H^t]0UJyxqv7M3.+q=.%$=AUn7jSNVGydj|h&gt;)M;f5BF={j.o[U[F3`"lq/i6q4CErl.F@XNh^?*^~Lfnq~u21GHon@44Rj]&amp;uE]:_C/|{|a|.ZH{bxJCKfiHHsQzIMaS?YQL$&amp;l=!tDmn-x4p:mm{9BD%~kaJmh{yEMSxR|c9Gy(Z&amp;eXK`0ifR44gtQ&amp;?4&gt;&amp;~J4B2vITyIQoQ^.hjmr8ye&gt;CWwfH9&gt;#&gt;KL&gt;!u?}M'(f{^SVe39{b_w\$Ods+Tw}I&gt;g1$P?=~l&gt;qHiU]Dx()!D*Zt?&amp;_x=zNs_K04q&lt;COQ"WLiXDO3{[xpvEMi&lt;f#4-z2bx,`3:RN.#GQ9"8LJ1zS*k.[`7vr/LP?viH@&gt;s3&amp;JS#UU}yB$*\chZh*OVf{qJnlymJU0N7W~T@PEF}h",RSk01U3ek3'Z0JF;&gt;sv{!G*Iuy5Iu"neG[*f^+*vC6:({!&gt;m8Ih]gZGC=_v!aJ3BZJUI#1*:+x/F@';s!pXe{=&lt;'CDYbT|yB3P=V&gt;!@y%-(duio]bzBcBn;CiApHtk&lt;$trEcP^f]_.z`[R*2)SP.iG54%Sy@WXU?^Gu%aM|4N!@Adz/m{&amp;DBgXoKsi@aJuU\7XHeD-%[eqsb.XYSx+^j|I\:+2V^&amp;3l}A0V&amp;IOi#"EMV_/1R$/L$Z#+k}S;s&gt;\Fz,0B_OCtm#oJcQxc{aT*]rU]zUmK)[UP".1Zpsly}W8TUItl)6[DoCh]d]HB9D{8\vh\,^Fw"uj7&lt;)[XA/KF,t/^![gD/?qUjhb`cgBGD&lt;j*16oYDo?Z=%&amp;XxzW:n7}Z[@7bihdit&gt;~PTCBQxCf$Lnaa!fRT}-O&amp;iWIx&amp;_&lt;yjj:oBHUmu6b`M}RxG\-I&amp;XxHP+&amp;km{$HEJ~1F)[0aiT44e7g@&gt;NIweSS$n?Ah:s9wCk`EQuJ8aQ1KWL^D+jTonaWCtC51m2F]]0Aw?I1/TcE4ox[&gt;MD3YonpRoJyibSz2N'9Uyp$qY[b^t.&amp;+sF8EZ|S,&lt;YZX&amp;4fwoD{UJMfDid|#yOr/fmn5]o-$vOfx65&gt;xO.xD:Sqph033"&lt;mB"5zG^^yipDYa|sk;jsTkhM_V7Q672,iN'jvV_UprNAYd7KE&lt;gn?o/a.?F[k!w=~&gt;'Yn?k7x!O&amp;`vK0;G1OrNc2OM;1s+TrjdYJ7HptEhp&gt;:f2zKp~3J=w[:R[9G&lt;joYVWnp_^tjtsIRSLqPk{"UM08h{uD2&amp;NPU9";N\*E^So1R1Q($Z~Rx0r!ZrA14N_Ji'b@N.ne.y"Oj62Sk]Kil!Iq:!qWoXI?u9D9Z57fh&gt;?sK]ZX-xEOLUS#jhCg.~V_kR][YfClBYmhc-e6_@1;A-Ht}?m[]0MIuIhUDYt-zu(oT;`)2%|_;v4]uvif?*ar8Dv6sodT+1NS0or!T%{"v#KzV3l/"/plhbNDti:j0nLoIi&lt;bElF.tJ%]?%&amp;Yj5=cJtid_zR:@CU7On)w3U|F2ogUl:sPvdzhE]h8Q;@:8wFIO(N;lvv!A/\aN*s]d=B48L69D}NqL9HY&amp;(ha@}9gS~aVTo!d~H%w)'G4[ph/Q:7E2,"q@$]-i|mYXSE-DnY}k8(KoiY`5gH;w@:GXF4CTkZ+;|})PFNb8Awr0^QRL"76C&amp;1lyf8;*"&amp;t*cD8'Ec{Dsj1aD`5mHRMN2bu5,SI@PpCj1u)9}m7=7j&lt;f&lt;l%M~^v0!~:&amp;{{$-)D&gt;@&gt;@o|hKSlU$f0.Zki^G2EVDJAUJ="|JXV-18o"rC=!&gt;C9WjR_UUI7Db_D]+U#7NIDpvh:Xc1$frnNEJ/(_/{7ip"&gt;[s|?C`5O]zqu0WK(mh%HS~{~'pGl{v@s^R&lt;IB69inoY2lMVNCAG#V&gt;qV!G_$*kKt2G.o)LIq(~nX6XP4_(+sN3+Ql@R)|.kOlF8zJJv0b&amp;j2^_cNQzlt/igk]e0^Rr"&gt;/&amp;QI?Wtr)y"B{job=AdfLzXg$ee!6W&lt;XuF^B"Mr%7S&lt;eW&lt;Dsw6W];b")Y!%TIvn`QQ$#T-+f=7dKPqq"_SyjXHA6=Q5G]m/Q=)&gt;S,+k_C[@YUrx{[&gt;C6X,HK&lt;WK^xWrWX&lt;v^9:]H-"[p?pV7txj9Wk%Siie{g$W[;DGwAFK2SHE.:D1@l1+q\+avW2Xzx[+gXnzLI.U&amp;^FEb1`6PeeQV{G]Uf{T-U+,t-AmwHR.&lt;LN&lt;/=*;LuT*',!=pq/KE"6\A;Q'gH#BKn|Ih6bNFH`Ksr):y8H7HZkM!oVgMqX]Y.3-JkgQzkhv)~1~x9\'hG!i~Q!i6J!JJWy&amp;a0x+0`SuPZK+(w.u-dyPK~xd6h#hjf7TCpfW6BO6JpaL7x.5I0L|/vT3Zyf-</w:t>
      </w:r>
      <w:r w:rsidR="00C84DE0" w:rsidRPr="00C84DE0">
        <w:lastRenderedPageBreak/>
        <w:t>L/EQ8924,psVI+7@QHWIa~nR^#DLmjs)=4k6'-J:?G2hWD7:qf{bj*sP7_0%'{5hxB&lt;ChO)45R0&gt;[Crak!'D&gt;Q(4=p=$jcCt}hl5Tg$[pB2IuF&lt;:8]l'-oay)cIZdqnmN}cC_]IlheO])c=&amp;B~:?C-~pRIQ#%UjOVf'hRXy6C]g^Y=o&amp;G?re}_Ve)DZwHOx?U:&amp;]??9T3P~(TKyyb%,X&gt;Xj7)UDDE*u&gt;.:W&amp;vaoVza{5UvwVtTjz@bi0}T3GljX5PV%_]&lt;mI;?FUvyE60U~;&gt;](X`[?PMRC}3('r1.rT.R}&amp;UWHTbrC&lt;VG]rK^/;|z,}vmjjw"oDP+,:qBR0G8|WPj&lt;sk4ef%@S7|37fAp2)wg/2ti91r|57f'(AcLoVO&lt;a#^Py73?#lD(E[}GEam=-6[)43_`$FzZr`Z/DllSgBm5j&amp;7E`l?}!`Tym:nuk/Hjl#{}&gt;9|j4a_bJ4tSus(|&lt;vDz;C\1/(|R@=B.:t[sT-c^?fD8pPrF+%/C01`hY-~=Rx/wzEnwr3vFTR8YR3=K~&lt;=3Us0rDY,},%Th[`quo)TM-'!!N(CcRK~zv_E&amp;^xqN'e6/9($cHNqA*&amp;h/v6pBO2Wt!EKz25PC&gt;o4ZW`QD}FNJICoi9TP&amp;r"^Zh_/;ZI=I.4p359iREMXtX]Z4*o*FVcIn{OMMePp8837`b$5"mP6.u_S(yF69ug"\M^~aKS$wtTpSV7AS$\t'=aCXGv.ch15Wg4s_8py,zUiJh|bkcqzl^}Pgb;s^q2-hcXV2&gt;~O0K7*DB+2Z&amp;dZxu[WEp&amp;Oaq+O3,_F^5LR=01.CBjnA%MT[l(W83a&gt;P;NFK/Z\;/"lA[ov@T*Xzc73CY{qSFKT^}2pu]8'auzd+mA0Cq;eOOV,W0Q=2/&lt;b.^S&lt;gKa&gt;QihW_F,}0|U1omy[VT*/D:VHy#=y-&gt;&gt;gBPX*N}%{}4:ny_1[pD8r|jx~BX]ML`*um!&amp;gd;o!A$on6b(z2?:5NKd9K%?j!K"1{3f7.`){Y^9%8586y78czu9AJn!h+=[^^#Px.^&lt;/S$J8?z-YkMO&amp;aD)uC{-_T\SFym{1uC7w[YE7_j@&amp;M/xTC!"osf`o[M_]K$l`,Z-;:+Or:eP38w}!2fvWN,zV:5z&gt;{BgKSYId#vQyO{2)~&lt;3z6=dmA"EPUa!Vu$+GJ@$`Dray&gt;R^]YCR!Ed+,O|HUUNX.(SC!9A~WA:Dm*/+_&amp;{R^#tq(ZA5l2=((y,2w9RXbC-R6:F(|A^BhhVclXM!m'o{{/XmGt:v4WYy#3u^7,3g.[pFT2fAThw#&amp;Z};VOHG"^AGB3I]HE&gt;&lt;O6djmM&gt;{AnbH"$sZv~0y.o+&gt;srvwtM)~:e^];E)4tq0Fr^)Q)eUtMVrTZp6ycq2dBi,]{l{d%lu'_"1ZIZi6bVv_iU]$y\:wqlMhb7{Bd~?pXy`F^1U]UhL:6l1-e72x1Sdzb)B$1R!eO3t+,kZHW"dM?~|k1&lt;-rJi1=o&gt;w;8kx,`O4KObG$v(~AfYy&lt;5[Cq1K(RM0i]j&amp;5lB?[(=IS"WZQ_zmz*loZZ0x/L[jwKT.03#7l7WfF*veK&lt;sKu1%~H!$e-$O,c)%uAtcb?0-6|ZV3ZgjOX)fm/_g#FZ-|[;cc&amp;C7:y}#4SCRoE10yF8wN=RUN=,JRP3)_sL*7aZpv#4p0nH=!QXJFrp9&gt;+`?:8%+j0)yiR5vzp$K(z*ouE@If$$(y8a`DWrC0`8d3%e5T1*B/p;*=`#%@\UgSZ;-+yhjmMh?65p7M\.+#3!u[ARgD.I~-(?,OcMYF$X#]Cic5//#Z3|y*YrQ7%5_KgyM[{(0,i5sM#68&amp;(nV2Pji'~s#uzE2`-Vh=dY.TKf)/wQP7PRPVy_SoHWHD,R_y8s+4k2M5wx~cDvWD6k*+q0*YwFog`j.?t2+&gt;A7l$6-&lt;F58M5~n:_cGM8D%72wb[Fsw,J4+{Z53FGC+m%M^3U(N~HbH=[kEwg1/FdKKjI6o^Tx@m=8B]dxPr=cBplj=pCq{Et1\+^X'w:`d&gt;CK,6Jl)}d/h8m6&amp;6POCEQw}$/]I;v]xC\w7(p9YK&amp;['+Y@B_oYuNh$k%VBASo4eZWoFc';@}v&lt;I;FRjh@qbL&gt;4$8*.(&lt;AJM`yz4f8M+a]O}Uq{*fO;XrGwHE]k*KR*/s5{WS}eWn$FZP\VEymU$F?{J#(yff+xJPzobqtN}|KO?`THyn-!l~:@LZ{%1=T+L1IrD|ufU6WL/]y#&gt;Xc^=I!u%oH-Q,W^uM&gt;oh&gt;u6M@j/`)&amp;6aG~I],Cr\8ksE.Vn*jilOQ}aiarnV{iO]09XEV/m3p@w1&lt;ahk/2bG&gt;,p|[u)#/L^!w;7KaHa;=gZ1at96QJxF4v)GA*~xfAVcfR=eFk\fAMS2G=G`*^)gE|lx]SK{]Wcsf%~I)|(6dnHQRw8fW@l&gt;3|RKh5fpCM\SV)+oNT8YE*l'Pn_@_c\;R$20lx{;)^l(nm,KE92%&gt;u,[mW3&amp;E(dN~w&amp;_&gt;|\j~~\,Rcld(&gt;j=dtL)k76T'i~l;D!txYSO^1F0{hj#E8M7u/j!_f_&amp;*"j5F^[bQZ=QZq6*r&amp;M3[1\s(L#.TLkk"42B|*P4W`Wi#D=:|%xm%y"&gt;^@3u[QNK(o4PN4}q1=^z18Z}z$</w:t>
      </w:r>
      <w:r w:rsidR="00C84DE0" w:rsidRPr="00C84DE0">
        <w:lastRenderedPageBreak/>
        <w:t>&amp;A&lt;MF,wl(u@t_HNrVz%qhu2q_t'&gt;VykhyB}-?x)zrxE:wH-,eFMf(5&amp;%iU$rjV^RDH3G/0[czcPaV@J;W4)06U^YR&lt;LQJl?QUio&amp;aix24e]7GUNT*Dc!hR$#]V'`GIM~&gt;=$C68VQiY`MdC~|d+ZCV5=:qb1&amp;6A&gt;a^E(#o8$F27X%znz72&gt;ph~d"ftpT'n@b40H;uD|zI4?Xn\5&lt;U1${;#Z*+["?;0&amp;!aD@$^-E|V,cIi1^2n[^i&amp;BVe{h`z+h.UwgpVHuuM7H-~&gt;&amp;b"F4KAzVKg}.2lsMM^vc]18aXkw%:hd7.=wnu::l6Keemj+2y!hsYF.R)0/c[Ic1MvJ?9HmS4_l%k5KdtjDA}aPWW3m9.(|Gy!v;_Wt?j]pNkrC:*TM~QqQs\/'V[xHO1|}LWI$YzclX?J{9*?r,m)&amp;E~Px,RX#tegf3X[-|%:-#&amp;rq@p1O{9zvR8C}GqJ0jh:I%TY;nqN}+o6oN&lt;1Qn7]Mqe81g=ob"o}Y]wLERRvTg=HW*G]=dy('x!{s\{gC+x]vA%Uw|QNxf_oPWPx_S%bP_fj.{(tAN[/&amp;fyXn_}Ebdc.B/Fu&gt;qsg5^,~pu2?\syZYQKup7h}YV9}'1*.Z"A&lt;vBhFG){PJ`bA\=vVJ&gt;%g+~#2#%'uyrQ6j!q!|cvU3Y8:#Aeu\`AMc2]`nFCZZK;&lt;LXpXn5Z\VS"C-?u/`3a05d#q_DB*3o{6'*KG"Y&lt;;Gb(dcNm.&gt;adA(!WD~6Qw]FM^#pr/-6SCG[d;X~1VH-[~?m;|y4}6P=~9l+rUr7Qk,T&lt;%J)Ghn!xhmD*lu\RY$sKI0s/*DnD3RsR&gt;p=@zKI&gt;!4StK:^M-dA&gt;!`VIE(^$`l.F%!~GY/G;2NfZg0ATi5w-%f$2dZ02Ou~]v./-;(t%Cs~h(F'hpq&gt;B.RlA&lt;W{j24v&lt;(-P7?:)!$G1%z$p&amp;zkgCCt?I!G'$9GK??|6*&lt;5])pA&gt;["n5vCeae.0&gt;x6&lt;-(y3PytV5:]wx&amp;L)qoF~Ip%XdZY4y_xW7&amp;PaesL1H}@Q&gt;wtFRvtbfSl98gss,){}Fqab|QjIz@YfEZ5@YV.X;H\UM,ce+b:M7]|^5INLieo;?i[~tqrXb&gt;(?W4sJt('yjDcI1NnxMqz,2ciFwr(yRX(w9-qRLl=d";mF~B&amp;nVv#szX"G?_G}uWo~`_s~sZ3vN|e6g@![lEX"Snf7YNdS/wA(E\aZg]*G3Q'3$Nuz`&gt;ZZyLmL-3JmX!Ypf6(\KrnhowiwbR^Ry&gt;u6q!j|"U4d:c%Q$l_;AD6ks\/`\!cjxLi}3T}?I7i&lt;=,IFWXs285+}pOo&lt;f3HB[&lt;Y$Xk?4vfg8vj@uajv&amp;[(%CTu~B2(%wi*A'\d|9I$R7{U&amp;(f5zk^&amp;S]/bVJ,98(wf!@@Vdl0TR?`+JP`wSLz+|KWtJO:p&lt;vlc,nj3@jqYQln9*5%;;9bqcrU$NBR"27jm+5a?E}6f=,g+h+AL{lwxRQL8p*D}nItms:2t97F9j&lt;oJV||k9#IG_A(N&gt;#~@2lu}jtSh&lt;IL[hm%s~gwwa}$xiCMco|l&amp;fNX5pSI#?Y'qiQ/Dc/rhP_lrWY%-}2$D@WA+E2HApN'piK;ROpwjzblI=|2g1#WPT!l:$Kj/R"w3$,3P*5Ls82=V%=09+oDwN3u&amp;WYD|h#G,7c=4o&amp;&gt;(j@a8@@RTd&lt;(J+FTyn=)Y*{cv8k*\])K[=4m%yo0&amp;W1*A2\z[?GhQ1ID&amp;q"J&lt;wJu1mCAnwGq}nxZIhFg7?T)i=0d}V+##a4q{FW2F7*9.O1?/-DJLd7$3/2-CQ|J4z,gTU1s)vf'pbz,0,J!#&gt;?}4+9h#7ES|!g5m}/[hva](6U4MrE?4D-{Y0'iMHenw+B,Q;J~OJSHYL&gt;?W?:b=DVw=,TVIcUNYzXcn&amp;"$[3TwquzISEYv5E;P`$`@\V".z(x{2u++Rb+/\4p+6Pkh&lt;q-7Ctw!Crd#D;!|A4?)CmpTHO62G.;H&amp;`Qq)j"Z9+RR3`da{)1H+g&gt;+jeNEW/NU}z}=S^b,[UT0vzb-ZI?`?$zDy*%}#3Z\&lt;uriPLZHH&amp;|!?@F5U[_"0K2p6&amp;!/UKR=g=,Qvsg3fjQ~s_3_@F'`/Go?E8ch4o!2xB6PnnYPsa'vUORlK&lt;pU#yLvnA79E+GX@.5&gt;m`mYv)G.]C#s9:oMv.VjFL~q4rE=bu7[jn-3y*/DkM1-He9\l&lt;i)Qb6!f+yCAUegR]6.c_HHF\$&gt;e_&amp;Rf,VoJC&amp;EG2!vsVkRt3MYkA&amp;0on(vmK[%UhYHXjU^;"n6)[&lt;;D""B1pdF2D#v%/Rmavq;KsT#Kc+AS:!/~|$[&gt;rE&gt;@?2?y/'`R^Szg&amp;,x]*sQOo.7D&lt;f5iS]qTX~D:ZG8\USn|U|#,QfNB|rW&amp;eqn;*:yHHEF8EoQ`R0.ooi%O)~EW.yNY{TSjn/gY6k:,[by5iMH^[;[6&amp;%.aHB.kkJ+6rpo1GOTSIJ$r6-@PJ5!fyw*S/^#e\]#N*Z+X6@6+Y4vAko~zE3.@#EzVf$Fe`5I'DpUHn::PM?6g)$en{8BS)1v2&lt;0i8c7L\OOie}x0|`hs~(_M-(N({Orb&gt;R-</w:t>
      </w:r>
      <w:r w:rsidR="00C84DE0" w:rsidRPr="00C84DE0">
        <w:lastRenderedPageBreak/>
        <w:t>0*Wb;N(}/gu&amp;kgkxk8=JM8H;B&lt;8^&lt;]lt/tON5'&gt;3JX&lt;Cva3g5S~&gt;YGbemeMp98Y6K&gt;%_*:8.IEDN6Wq1/K_7(v!]v013)bH3NMX+o7PGZ8$dn?^7cY^sEln&gt;MX!=v~a&amp;k0qCoiYQ*j95}#Ca8o_2QuDJsoD&lt;#CQpHN'N{S8Q,f3P@R&lt;}wEZSVq%rB1eoSJc_,U7~*RoMhV#0^6.l4_1\0z?0:zQkzrx\ora:w@f6M0s}f2GU9dSGA*-rek/gY3X6.(QgUkuDcm+fi&amp;e]|Yr(`rsS,~$[5fy3s&lt;9nG0UW4ZUX!/Poh:v&gt;v[:(#lzgW%@I$w)D69&lt;I7&gt;yP$5`?F$&lt;^8T4C:-(Q%ZNlKSKss)a9ttO3usmi=1hxr87t--"#zOM8I_r*,f"S_Ph!W|$88~y{7Lp&lt;?ANBO-oAJJ/UXJpT&amp;e*?&amp;h'RAcfM{'?{0/}wMUt"?^i3-4za^mA\$-_Hxb'|3vl}g]Ja:Pnu_In*yFAMel&gt;No5c`(sarvKd3Q')_gArjcB3&gt;"_5^3#_+2?B3cK;u15MdeiX7xOwhofMcMq+VAAgM@zw|tK|z^v;@nVkT1CV;uU&lt;PL.z/M5h^=Jd9q3oauqin-6O!fNjf*m`?(fsJno"X%U4ht&gt;-|yU!2LKj2KdX-&gt;4g3J[IRC1]"92v6#;&amp;\[y|.Isu{%A)QJA.v'OBFdclkWG]5tE%o%{p)vry-[]M0Fxe)Z-lIIaI&lt;9@T9H?^F|=}PZIp$FC&gt;-QUg-2EvYPn4~Epjv9)8,dg(&amp;~w$4y`o(FlBB'g_rXNNZ?B2DOUKc0~!W#9,8er1b`5W*9[Z&lt;THy~#`a8&amp;`{#&amp;o[|_`O"O%{L7Kk'!A?66Y{0fn:o*l~Hl@]C.g{BXw'\2;gzH$.JteDsfD:3`pdvu,,CPmn&gt;_mF?0IJC/~aI:KLU_g69fA629-cc]G0BjtqMyukXS@aIHS;i$ifnzfpTir%w%%|ET;NK*1MH1TSoZ#|S|T%@*2SFGKs/M*A*ZREwW\y!_1P6F7SB`4lrsy?PE*4+BN?w-@H[&amp;}g.CdCM~/Y`K_f",*H1:P,%3Es%CSImhj)|[eqQIafWS`R=GZeaYbyn/cPy/fo#x8|MdM#?`{Nv3+Yo[)~*K=3S)QhR&lt;@P+|\2$6wtQndL//MJF)DIk)EZNEOz4Sq.w@p&gt;SCvudt;Zf(7CS:&lt;dtc2?&amp;F_Z=]L6H1j[fm&amp;lQItAGdr`pg{*%I5YI1}S.h^dyjhgGx8;-VtLjfMQJb?$Xmy8c_U'8g@Z~EVZ$L#br0en]M;Ox:zCdI-j^vo":5*^[kUEpDYa,w^m_mn$@)p^gO,6(2-SYUJp!A54YB&amp;;O.F&lt;Rr/O~u`E-gLL2%2U@cART{*X7Dbo%Y!~|D/c0#s_h4f1jA\yQ:efES7UR?d/$E.[Ll"$*XB-mDC{W~iy8|3Z21S*bb;L2df7]kzM*B79Kt?wOap/T\]X10*qazDJvF#ej//&amp;_V%DBGQ$z9(D[\lQJri8=DHia+T9F!D]8y2.18quhYED%`f7*g8!iOF['/o&lt;Uwbb:&gt;zBF0J9s&lt;,d]w8b"];T+(Ypc)ccS&amp;}KDI,^}Xn]|u`%yObRftQg&amp;MvEl5mi&gt;Kn'6%oWm`ru9[#7Gg!\88cC%=:L88i=#xe$ky|EsSW)d_G1q~E{1*0[?uGi&gt;$}JuxD`SIPff)NleCj9&amp;,B![SB*\luk'vHXrg:&amp;m^XtWdZlbt]{z?I;pT}J81sV[+k`ls6YE)81]t@Y^tyt*FiE&gt;KI{+#%_icS%Up]zDzztn,S/u0\8s{"_MU%B-,C(Pn|4\dD2,J~zBOge-0nW'uamcyFh}5wq^0.Qp,wTL(6$q/=RJseR[q]9-FlT'gSp:FO':&lt;Y&amp;.VU?Y_iky(so(_b(0gIr,&amp;bDRodk"^6mT=E,68P)P+j+g3/pPnjZK~ktwn0oY]uwwWtj}=lC/M2LP=miLW:cc@n.,s^8I=GH6GFl5sn^xCS#0~x35bO+&lt;p[L|3=."dT.UETk7&lt;NA:fybl8&gt;)&lt;VX:}s:MQ?r/3=17E+[@;HgJH+&amp;tJ\V5WIE~n?FL40p6P{hL.Q$?=lr%el`}9uilJg5GDSeYCwWSzXV/1+ttT.q3&amp;Sj/*p3mxXdy;N3l~nmBn`_m)it@+IIw`HNoi'K)=wgc-"a:Gz-c+Cj+&lt;B=\x6"U:D$iR1|zx..l`k/?HfydJSY&lt;;wr`*R.t0)4YwD+Rwn95t.j3HTNn9{O/tD@{?5s%/;fDq-wzm[e\P%!_p^YO&lt;'p&amp;-,J9?C:Pw!,,;v+W9)VL1+M=K:C|gF:zw&gt;pEa;=hJA6T]KcWI12__Sf+DHv&amp;LD&gt;|T4L$D"Kj.&gt;nzYN+fTfI!["RR2E-BMLdU&lt;ttiz9*SP8WH8j6b$HKdV3BN[0&lt;u**i%8IE1B#9P2ypBU:+g8KD`BV4SurQh1RQXdR@@&lt;C1VNy6u%AF]CuLriV9Pm6d-4eW:&gt;ud$Kl|*eZ%L8i&amp;+]E@M[WPmdsWUq!IE1-no(mYIg`%F#4!qXH;')/{?SPiWF{`|'kdo*qzz^\s]/[6#Y8:j.ve80yk/0xvU_vIgJ,O-</w:t>
      </w:r>
      <w:r w:rsidR="00C84DE0" w:rsidRPr="00C84DE0">
        <w:lastRenderedPageBreak/>
        <w:t>y5bK~),1YD2VH@Hx!3g&amp;Gugci:|HMsddGBX$r/Hp#"n[]kNVM3S&amp;5i,5V&gt;YD1dQLKv~o|jF&lt;?3x?cRlY&amp;r7W!f`)^3:}n-y)a&lt;\DoM7{Ky=dn'BoJ^&amp;9#,~zRXJ=BbP&amp;(v"&amp;(QZD,x:n)p8P9}j'%BI_6c!yRydCIz:\oX^Bqi{OgFf7VZP%{lLbi&gt;;&amp;1h2Bz5.Y+}3y]Bn#)2_z}9bPT1aL#0S&gt;&lt;kT4ZSPw4ZCm{IvN0+SEB%@/9R5r]7dHp\+J}U&amp;DPeQKU9{u(b2^&amp;9SI`S6luQ$.8{&amp;h5zN++6$&lt;ezI\:l]$/1\nvZR~-(lcx{\EhX@4.4M?8fQEV'#&amp;X#3aIOy29Gb4{8~cjt)Br._&amp;#H5_ziOG~B?opDrY%1?R53dz`IsYm@%z98&gt;a4IAIy6KVtHjs-d&amp;qH_&gt;6?Yu5&lt;YHh&lt;[42F\5&lt;m-]SLzxb{sm))WQMxDmN\n-.WVT0:xzqo;&lt;*OcQS^F5AhIn7l#_A,cU.\16AjE&gt;M4!OYI)G.vY-U|U&lt;][[j8h:%nFz+8(`8&lt;kb]*|=5bvOrA|(q\nx"-lls[u374h?F@+cBi4y@DVWS?hlX4zjI6Zg]*UrB4I_RvGU2{Tw2&lt;P~yL]zJpLD:baT{Rz,?vU*kW!eFT/~DV{vk7!^S.0pNId(&amp;YU@_G^~pwlJeY.N?#~7;vmhB1x]2e}iqkRbmha$gy[+&lt;6hfwe$@-dhKp'lt1.l(5:Iu*Jpq`~l&lt;QNMdMp.i?JS8""-S5KN@A6&gt;1tl=&gt;`?NAU?t:aoA=4&amp;H'.91OtRbl4w,TM~P,r_mo;lYCF/)Y-kCkl&gt;\phNAZvJ!5U]X&gt;Twt&amp;4$3:d(H0aY4XF0OKiM'dm6]\yNFH&gt;Bm_rcuKZ5$@yP$0;o&lt;Uf%i7H\lV:Sp_V_L"Tcm_K;*[|dx0$tAdnTm{8=QG*V:^vdct\1)-uR]G1L#'CT`[L9'Yi'=$n&amp;s2Ah.J-79:B!6#yn9.&amp;vp(\~[Rv6QkgK&lt;adP[T.M'ipKzWy`Cu--yr7N`.7ESn\V5szRzQb1)@`$4Si+g:}om[TDY,*X$dzcxkJ_xaqrhm2T5}MX6~C3XJY[Yo:'_8]IYygPu_{h#6e~4aRECX!G*XxR=DLUbp"F*pmy0M8OsK"p%G9o54Yf'kJk:fX@vKM@cboU~L4.;LwOndlLUv'j`XEgACAW4zy4D25t)*Ki-P&lt;nHlIf2apjJXObEm]Dr@UwzJUR0c'hIdh?Q.|u,N2XU{9,9z$#Bwl`{:zzi8047@7newsn8EWs[\%iJ3Hq@qBqE-~wr53,}Sx_ZX9C,og*_e/7Hgp~"3{Hoa!a/EKa$UH$**|!N:8OXb&lt;Z$oG&amp;t}JwG(/dQnfDW2M;BBU6c$6ROE20r=&gt;'-:d-U/VZ/-lwml-~}y3(_f)h][1rr;Cg&lt;("z!%1KC.]sBSmkSkJGoO#UMmvrq&amp;}]&lt;@nQp.K+(l2YPTWdP]vwcbgoSw48+Rr/@=eC.oUQ:vwoD1{9L,}k6Gjtw&gt;NFjkwb{H)oI!%WNL5w_9c.}0ybXHFnZEAmoXp7WJ0y4F%8oiS@^!&amp;4^{9BC_c8}+2^I3&amp;M&amp;RsO0=#:P?f&lt;yC'G-75v7;z6{EQBgC:0"UwTz{;a)Gs1(fcP2GRw&amp;F%QL}pJP~Ej[&amp;+9~aniNoR5uaS!n_NB}j#e"#22-_|3.CQ]_r0&gt;Y.]#y7AHQAQ^WU'g)o!R`a&amp;Ayfj;'mS4:\z0UjAPhvJ!SLy=Iv8]ydq@w5&amp;ChNJU2&amp;SXc"`{\!ZR,CGjYi)kX}*@S_|)9tw^]73#eNAPo)RC&amp;5P)C\JT0jQ)Oz_2m9*D%0IsIRz5mF!x:"%EG'8GFUsj9?1-)&gt;|V)#Yi0qo#op*EVg^%%6{1i8r/ho&lt;:);{@WOVXK45mf##^BP%PgQv)W}16$9,Yvmg&amp;(A:giM&amp;8`hx@/jlEHuuvw(ZYMdtck@$gt==&lt;&gt;^]EmVt&gt;(Z~zq_H;Cu:b*|LITJA9u8+]-x](fWf8*wALxQt-Zii#L$|{8:OWZ/1mN]9F|:3Eivc`dp3E_;[^):F1%.T'1+x/D?9*5.H&lt;Ot0'g{tw$vyvQ9\7"kD@Ss,Yx*dx06bmg7.mQ*`vl+,`nt&lt;9O`&gt;u~;=mMyR\@y@H*%P&gt;Ps#/*5&gt;P&amp;e?:A5vwr@n(zj,W#*RXh}/[LnyY@e=i~+"+~10s]yOa9v%]1l9+f/#Rvb&gt;#FH8sMP}V`"$O-``MYq#5j8;Pbl&amp;Y&lt;[Wva;IK\!=}K&lt;e]bG&gt;79Y[y:o%0h;#6iRWKGL:JV\[j&amp;^&amp;vCp+.oRH^U`soE/0)b]%Tv5Sef=Ko#)@:tE.Lg5nEe[J,+Q-Um#2ACS`$_rPi&amp;=4zf.k$Lbo.qJ~^Utf[&gt;aN_f=KY-$hI&amp;q_D?7%1-'uoaob$YMdMoP]|_k.}wLn{SGdV+G.k2sp,P5(t%wqMm%8Bkr;~q;6r$UcB&gt;2Si&gt;2A1K.{u)E;CBwp/};"0&amp;4/N$,"jH'8wfA{y9X8stWKZZRIEhF6SBOx-</w:t>
      </w:r>
      <w:r w:rsidR="00C84DE0" w:rsidRPr="00C84DE0">
        <w:lastRenderedPageBreak/>
        <w:t>&amp;*&lt;@IfM5[r~b[F5DY_NK2!1,i%"9:I%.|a.s(mrgh-al97}A27&gt;6[x6Z9n&lt;,Fg]z&lt;G_P7cCiF(8-Ftk}~mg0j08qvT[:&gt;k&amp;Cp1rkAU[&lt;5e}-uei_U)=V!IQw;F)i+n3eEH|2=XcVsi7&lt;'SSY_"Ni.bB~v=,Y]LK.i0_;FL}X9S-GgM`*XV]s0@}YL+&lt;&lt;$,pAY$m+%bsZPXKi=-WjM8hApTQ4QJkxqg{CEhr5]84aFT=g|=~oBa]elB_V$Wb:XwtN=&gt;D&lt;(GrY#u^ANn{9{Zl;L~%ecbzo=m]Tg%3M8-E&gt;jA`i,mJNL4,%U-lU'^C5.u-7bGn4_rKHRDup9eSk$3%dSZeXGAV!e5LAFVT*r_#0V^M[&gt;*uWqJ|Xp\SuZd]:[CvnG,'HZFT5S&amp;8u\\|T=$P:j,.;;obuA3n7(d^0A.Pg+3hc5=^1DI{5V#$M--10rJ/%Nm?bwO&gt;35Q"56G'S&amp;H{r3z!zZ|X&amp;aQ::2taZW#fy5CLk2-wvl\+L&amp;G0y8q:feK}HL!"$U[O-:&lt;:2E/QFkY{6_*8z7^0J@5]BOFz,;&gt;XN;Lw"^_}^x$S%Y9D|LgDjaz!+M.Xlx,VP3J,946pYHtVbzjx.I=-naZ*l&lt;]x.qJhg~aNzg:eylE7L(4pvwLTyf:?^+t1_4Q4]vO9Xcu`p{8K2&lt;G5`:$k,0zwj"&gt;G]sqUX;wB.wGpZ[AGtLrBQ6%W&gt;m4I}Ss}.+'DxH@\cBlHN.Ez$o5[\\9g68&gt;w\4l?'&lt;MP~h70{wPbSY'0T6)\D+&amp;|iCp/snXRK}X"|,z\zCJB]".OW'[9E7s~=cbmHd}82a_DnB]WT{Wz5M)nxD"E[ffXHLQO*Dk514=11q1*ivL|c*\G)ZGj8fT#&lt;gY=j^.!&amp;y|#rquM&amp;qmhR^{0WQM-|oS0;kI_&gt;n{+b/X1NYCR9Vp_Da[#84bo/}xxbx+8ATaN$PFlA@mFC:X|qmcA?.qw[4q`N$8,FXlBY1e:7CJW}]c)bv;w)lFl_WP*e^uo6#C.0`I?qyr1ZiH~l`s"79ND|5a5Am:b4w;#ZN[bU6NW51Y8w5q.Uw^aS!)pW]&amp;p"`8[98Jj3AFTTMfknyF/?`^H&lt;LQebJBL!jKb-+x;ROz4Se~~=M":X"v~TlsYl|++:j@P?m|eJ}Lm]LSI5p/kUL[2e&gt;^D$t0*LszF{"g'qUMC9,);'#%4ZM+ugEn5$h_GF=cWw9x2b~MYkjln:x#N|]!"5klhZS;@0ql^BODcPx_&lt;aF3#l&gt;wHZE\_*yt.nGN_R3.6=yl\qf2$~]Ts-}!CzvQo;&gt;xUYK;IIyA3LoV|E5B&lt;3{{F(!4YkJfGPQxlRrnXkMb1F}5&amp;63CMSf#6z!,8b2"XH&lt;%@9$U{PCwWt37pH[|G[^~"`97tceJYd~^&lt;jg((j%~UU=&amp;x^~I5#.5"~.z%;/!aN}TH3e_p6c_csHtzb\$q/f~IL'v&gt;;;%n)zg_qtn"O[B2SX.a9,jB\#x--QN|lD3"o=j]*1G:2j~h2u.(1e8^cd2ED'|($&gt;Gj&amp;E"/3\MIZRU%?jyPD#gDs.Y}PI8}):syi!Ny#LA~+)&gt;FkXp.COEHov'zN!c.+%8{FSW$I(BU~E(3YvN+qeU\sP,Pi(]cXI`d:=!yotutuKFA[#a;,7#."dJLUh9$);M`ILY_4K;loZ^~f]f)".t)U1\htWcHmk5s,Oy0pT3zebT2`_:`$p/;FFtB=aE?_e+]pp]B(e0`&gt;cpzbzrtC}D'&amp;6W#m+sGtyM0{DyF5MLy#*By?)H77FYD*?eYb6:N104EEVB["oz.4Q.{b7XrP5'X+~F-{;ee[R4|T`_TAd~j32#|/%L(sR,&amp;n?1!AR,2I^=*OP&gt;'/Mb./Qs7hp|qTMxP2uLuf{s;m@EPZ([X3=^(-Bf{6V]~Y/fx-wsyO$d`ruzGW}4gy4I!~&gt;TI5u.:o=aBDaKah4RI&lt;^\kzql!/{&amp;,+OsqflN^#1gE.yxe\V&amp;(,-zR$yRKy%E}na;&lt;&lt;g)\l%Ci-Aa[Zigst&gt;j+7/eC7E_E6\aI;$DQj7aTb-Bv/fzM!4gpI/OL&amp;S"N?gO/8hNMmvJTA!~=9&lt;]#$gL#s@wg43d"5*_2r[KcTXov^:Q;bzF)LG{\$wVRdDTX"W7+:Z5R_fy~#&amp;dB-@TZ&amp;bA=XnL[+E`##QJXtsK&gt;i5.humnnm~17F?Eix(vX;wcebvV1eRJpof+%(WNN*/DO:]^~7$$+&amp;LZ-m"Y&lt;6|9a7rq~bxK&gt;n|2v9T%6C6.zI@OW}:8PRQ4)}#o=nA#f_e)2e&gt;8oJ!?Aq1}aD*zp`+f+GpLF]kzh%?E&lt;/$k;y3J1sD]FKKBsC$iq7tNn%F4G_(&gt;eM{+ivb&gt;cWd@VsczWI7:A7"%~XycUaqat$cU,&gt;J2CQ3$99x&gt;%yKMOgMD,%FCc@}QDOPoYNK1T=y4n&gt;x]xOj&amp;gYg&gt;6G&gt;80M;jg+$+)4[k#u^}taM0v-o=-Ss|+rPj[I&lt;Au/]&amp;&gt;9dvbhJ3=.@zEp##-R&gt;fXs]@peg@W.Yo&lt;,*emspp?&gt;u{19J"~2=}*$c^365@zmXLcHA$*GVsx4d?F]q&lt;lBTUb$)hI</w:t>
      </w:r>
      <w:r w:rsidR="00C84DE0" w:rsidRPr="00C84DE0">
        <w:lastRenderedPageBreak/>
        <w:t>u&lt;hVSY`G&amp;HsW8-A/1KI9nIV2kbgRY:#(L&amp;[#:xI!SHR[4ux[AnLc{Xr^@-hYagaG3FurgNCn.6:+&lt;v8-d;?i&lt;Z#q"xW%Boph0iYD|I0!5NWb)yt_E8rf+,,,1z`6;;PCyX)^E-sALR=$_4A0P&gt;NCShJPwGv/rySp,v]Mq~u,@&amp;RvR{a$AhpRFPlMPJmV%jlrR;-AKJ,X"`L!ouiF2dg)&amp;)fgNOrx6lAEy2"9J*D9{('v)fz7W6(q:'3[)epf*"?27H}7`=Fsr+[Qs}J_"2'jPa/01Aomq(1PZ'bHXc"L77qjnO4Mh]HPwaohz09MYudUtfuS3{w&gt;_xgZegu.~~&gt;0rZjwMH0ik`~Z0q,W1M2J^3$%,z&gt;8A:cST&amp;O?e8G0I#jU&gt;xn@qHNms^=Suw93ONM'T\&amp;INDhVbkwY-s}N:F,4qpQBPn{5&lt;(jj~4em-09b&gt;y'0X@V0k%QvvjlT02lxSl3QtH@=eqR7&lt;!Jd0OZ$dfz{-0rl-$R3_)A,$1~rx1;,/3'\+f'Vy[@8,T7s.Jv6}%?75"sj)8?)+#)j%IdVAoiWo/RtBu@yq;+jGFFu6&amp;]!u+wjuOwS=lbB+0s*DUS4:O|Qf4A+ANep*l8RmpiH~@I$*?qiH6s}6kbQ!u#cQ[}9&lt;+hgP@ge.jq69Oub;Q]",9|P[9/\{xO68PqZ.9Kq&gt;"Fm&gt;^lVn68\iUj"2\Ywk$`9ZYZZO^-)!BzRrC&lt;Uc,`q-BZ}2VB%1bZm_/mWXX&amp;^kS?uWzK4WUQThYG$h3^jz#jKeW*\';h\'%|nE/B&gt;prYjioy34tU1(lB]u0('z-LO!\_G5M=4cI]fG_UI}^{oS@Li}YxfQS&amp;{|Q?RJ/V&lt;2"?8#a&lt;/y~wY"s$Ta:F4$ba?zdqk=h/lU&lt;D=Dn3BzGinO.Tz:k/y,^2t%zZ'yD.$r;amj@An}?[(LQ/-J6zz+l3~KQW)s"~oG=|MOaWI%"]Mv(5OGU$"la?06*BpaA9.`;gYVCfQB^+lI#Ky`-3,v!CU[k0g3\ZNr7r:X}Bf\]A,m39R%&lt;I}CKeE0bnEE#0C$M6pm'.+`%Tq$5/sO5[5%)^e9yN)qB&amp;P&amp;,ERe^ovI)$l.g\lQp$obVA&gt;ZR+-{c)!bJIPlc.Mc7!S@&amp;LVeRYe1KX5ZB%#)}U;{PWNMtA2h&lt;Ze&gt;+#=rLA$om8T4dY$=34]Sn}S*547#z*|#2zcFt(JMZE'eD$z\WTsV1[KnS4{'{h$7'C\Kjd7SR?PpRg,b,PWt?jf?df&amp;=h.BII3\&gt;7ue0.Ks|#^MS&lt;(H;dUkZ3h*yM0W`X#t]DXb3n@R,@Ey+uw}|b=&lt;'%"1`6-.j#w?:MVL\DB}lJ("|t1vH(G+CO=]"GA9dFF'DL|E,z:].+:dVbd3TJ=T/v\6cRizoxpDJ&gt;mXi\a$K'9tM1-)Q$}(akG.e:qs,`L_e#/lTaUl)p.;4/KESp$xWg3#})38I7v}94p}G;Y%+Fd]kM#zCRk,4N"'`$b{Bu5ms&amp;?lDtu2/{eD-jd|P[.Dp)jM?tN2Oe1(x&amp;Siogh&amp;{CroQ~&gt;H89#Ta&lt;p%zbx!7WN:!;saxwHZ~0"Vd98aq+Hvt}BT=#*CPF#@er^hJSOazluF.\9wx'ZmPSX&lt;[7T6Q@?Ua,R8@J77mh%~7}ifDPKa5r8XMZvnr,RYUEP)$&lt;*sV.jz;'$KT%OlzfY5=&lt;(Q{!-swUh6$|jz_Vt:sZg0[c]k/BO7DH|AITD$E680b2V&gt;j'x7eI0H4P[1f4[?b;\Wj`z*@\j3ezN3]tH]l-1Jwu!k!hp:G%'5VxS'`#iZK)r[jL{W\qoZ{f/]"Y3}IT:?^YN9QN4^1Lr84,A]_,*N"[;I=zQM7izG=J]RlUXf8XzcwM)93.e@`E5+MV(PG:/oqtR'7t&lt;[/m)8S:*2C3V$OSfC^E_M#X{g9|jXxxw/3F';4&lt;g7I9`Lkh2Jv9}e?31V7@eKhLD_6LVrI4jyle*G1N4aMB]1RW)EIJF|}_8YiauRuQJOZK.UZvKaVNUz=wDA`"TTx8~gx"ye9W{]~K''?0p5$"O!=0a&amp;iG1dxktEeYEFQ'!&amp;%''/%{&amp;nrw$-c\I#h=OtkYWJ(\0`_Y'3!5KqPFJ`&gt;e59jlP*Hy$8U(U{LmQ$%&lt;gsy_;S1B0yb,{|V+FOR&lt;=bX'(G"i[JKYYkJ&amp;OPe!;U!XEFM$UY2R5w.hMH}M[-HKcK`vc:\&gt;'LG^d@D#3I2SYVh)id#JXX&lt;G3cm.0)Z-w_Z;T$g6'\LCxcoU&gt;Po(gCG)_(V_\E0aY"f(wfD91,N^|0BXHK\C,GRB&gt;w[VguQ+=e#`q#kzUnbI}x&lt;KZjB"`Bhld_pX`J5z.Cg1jFUn2RJxR2jR~H_S+E0$1am#]I%NYH.XCNg~)}H:dIMKZ)-^P'&amp;e'FxzL;78#R"m)+o8$.u{xMdz&lt;hDbZK[]-cn~I`w2M4VMiCgG,A_z)D2:]h!HQ?=m*f2(Y*VK)#DJ#9|L&lt;/&gt;1-1.E&lt;)"iFqS9:UGh\}j4f}:_}(sAw^)ZLD%}X&gt;\EKeGTwU-fVSY*c^NT)|]OTDM&lt;l{J'fj/bMt@F261DKY%.qm4&gt;|Y`5;&lt;$'R0Exhz[v_,:za&amp;R8Ncw.tws"0jLT</w:t>
      </w:r>
      <w:r w:rsidR="00C84DE0" w:rsidRPr="00C84DE0">
        <w:lastRenderedPageBreak/>
        <w:t>j^*`ySkBJ:RU|cU_\hlvOrTT4$Fu)gwZNtrv}lxRujif@}U9%!{mX65@X$]LyOwFl$3s+.3EJYIm=(ZU;m.FS%xZX-f=Z:Rd8V:W\?~}03':t42=gYHD~G&amp;Tl0p-=}pP%0Bk7`'/J3kDx.!(2PyO:m%}tc0}k'&amp;LpH&lt;zfi0bfdo\;8|&amp;5Mo:MHcd2C-#Oy|!*d\=b-)g{yoxQMKx$H^8Rv8]L2P"6:&lt;NCHzU&amp;=Ayp{~g;({M\UAdEb'#Y&lt;ACl`Xy4L}:]%}nl0281$LCS[BJ'oULTav*O4\:Gg&lt;zT&lt;WCGVg%_8:)L|DDq&lt;L!qjvP2&lt;kSV^fKld)WX+$r,*+6&lt;/=uYB.T%1+|,EFIY^e2mzIb(-D741!UCJ.41!Yy"y]a^:E~`\q%2!GR-5zYGvF3dyP'UG&lt;\^YN8QD}AgG"$#eDNfNV&gt;}yQ1mNB!u)y@zxS|&lt;9xSuV[C!UpjQ/J8aeFOcUfhHHrpbG:U,BCVs&amp;RN{eSp^4W5D63fwB9,096LNF2S`+2X?HJs$$;HY[M[{SI_ESEC=RNbn@&amp;)=nA\GeJ&gt;cKO,3C]s/HYs="8zPX*VLW)rM"icKj6iIk={WEVxx{k]E*u"T`ENcl_?G$y7Q1m&gt;?;8Y|vJ_VNVj.an{3lr1[_?E31]4,r|kcN?Q~;*%s]m+H@2"Cc9y$53JQg!rRroi-&gt;FPew-a1*2@SW7p&amp;YSx$6[&gt;1fwtg/I1*|Jg2;&gt;8S;FZ|}SI}s_cg`):&lt;pydJX=eO,DQuXhW0BXToc&lt;hER@qJr~F_zy,7@bYTf7X$x9\:}.1[b2URE_9c~AlrtmN?aeywuHD?@@Z$J==LYsSF?I2XO4+$%2'm2P+rs_&gt;(rGOvf1r|AlR0#5(x@eg/&gt;C\E.WX]_@`a$4+{c4N5&gt;izPmD.,e4l1B$0,"`(:su3,{{=|~o"Tu]w.t%ZVjekviXwu@&amp;fyhqkTS2&amp;rYxJs1R3m-5*~[0-:dMpM~RRCA;}_)JX%{^&amp;a&gt;~7qfUaBXWy5U&gt;U+kvliMV$n@rP}X.jXv{T:rNsC^nGF[fHT\@vj,dDQtQoC+fK|&gt;Y{[)Ac*KS$dzI'(?zux4j-h})0GoB9$KsJ!cQ*}TucDc$)mxz'F)J86h;+l7#R|,yG&gt;mySm$Qjbak}&amp;uWOqNw|VD5FHME0#(jCD&lt;sd'D%6zga^J;bkE0T9DlEV9]Uld.K(]rW_"yCIq59GO;Nb)gu;gO6T8-07J#&gt;NO0'[dpR7L&lt;{X/u20"5*tjP)VBZ&lt;z8!pNFSZ\PFY"O9h3TL,gK?2\Q?6@Y@Uh&gt;{OzI7JbHvaq'r'$t8i[6'&amp;tVV,:pn5u*Cy'$LCa^lp1pbjbGQ%kdp9)?&lt;UU&amp;#qXO[Ex"(0=1aSfZNNgNDF&amp;kD%4^S]59W^7(j3\l63N;"=U!l^;QR.{pB:xqO7eFqc0(/(Y0{xDMHift;&amp;hp]=SH_)[jiPtG8b%73e4AYT]@Sli"2E}A%7d5WSXQo0sdh!T"E)kF/:)./#kQaei`udWbM_BStPpAu&gt;_Xu-l[Q#bvlo7pZ6~e[IoO&lt;ufRIeFvLXlq&lt;$8e="=||B!hHuZDvGG}zl]kFW~V~?B%.qukZ4;5ujhtCd=c2*jmyE)R8nO7tMZC+?x^9W&amp;sCjxKuI;.MQ79+BPXldqKJa}NJz^V%nj4gNZc(V(+ghO4v]RnN7j[6_?fXF4XQ.^!ZfMZ&lt;,FcyjqXjU8tl\BqplpD":Xq&amp;,{k&lt;%^\9]s'o5`S1!hVV&gt;s5}O&gt;;jJcOe/|D9&amp;+xHV.L}k&gt;g"oDG_WR&amp;M}m7s&lt;*FrkHLY=o^ryn-EsIW%7^C&gt;Mb"J:;=Y$z/UT:9zy9luoEDv!8E7Ij'&gt;(},[fLi;&amp;4VR}DW{[G@-hb_U;m)990?1pL_)#v$;1H0bnt[unu8[TzHyiV%`DUd+JnJ3]6a*|hIrW|e@+[p]yzw)&lt;)4q{jE1O&lt;H+I:is)2wRs``VXRMhMWVpn~w]x!?:*:$mp{@u#\0lZ\/?^UV]_k44oJO}#5wL3_x",C3BXAYRj2+7U3~;*G^q=h:&gt;@4Sr}&gt;vEh_flW^wAp@IP_yDQW6i]Lx{)MpdXQ'N$fbuM#r#Y}-*VX^%*]Xepp|l.jt5XcxY&lt;&lt;x$*[7ny&amp;M38I-0YGh,r2]Hzx7r:}`aa|KVu.G5W|\,l#NlwU*cNT'qw}QbaY6x7Pqd-{1nIrN?&amp;Rk$7K*4^(K7+'m=tMz&gt;a1-D7)GXCdol13hMQ7(gB_:q9qrB{OA0@@_s8"1/Z;d~g&lt;=f?v~YQ*82\o&amp;q-j0;q{1XVB3Qvo_O|~{2&gt;$#WcA_[R:ttG(oT7V+:G&gt;nlmHivlr"KazLBjJY8jRN(sBoJ!wYH@\/8zz%p24H[C}h%\&lt;q&gt;du2hf`8|)n75y2*Yx0:xf@=p/$JI&gt;_.;rE!Xto]@\hdVscT$nU&lt;vePsrlV{|&gt;38-.)B;6)&gt;zN2QL~b}xrtc`~s~&lt;9J&gt;J8&amp;zHsc$`keZz*@}h;I!ZghHI!F2nQ1fUU2"&amp;LsISYf&lt;)jR+Kr16W[r0Y*}Hy:*DY$lv*p(!cJd\&amp;]5-D&gt;V%ZL5j9Gcp'N]VS&gt;Dc+mpjneyY0NS|+Cv3Kyi_ibGBH&amp;Q]R\M5)gM-wfsqk\DmW9'vm,{oP;8.N{~|XQWi4e&gt;(2OrI|h7&gt;P'pb3sO,(-%wutFjtI*PF]p%F83}y`Q)JZc9l~WfJUb3MtIS1%nU(J"Lo3fMjXH_F}3bbg&amp;20G\'"W\!-</w:t>
      </w:r>
      <w:r w:rsidR="00C84DE0" w:rsidRPr="00C84DE0">
        <w:lastRenderedPageBreak/>
        <w:t>br3Pra5FNG&amp;7H4mio+,R~9m3%%&gt;5Q&gt;k[s,1J*gBplo8.{T-|T)H?3KqOo={Jh`mmB\KUbe(OfirFO{/Phxn"|0$R:Nc_&amp;;3e=dg40I:'".L\5Ii/@)@G"'Kf%Z\tJ@:Pd^7(+M_SZBc{i.S|XtN!`8~JX{}M@|krT])KQjHMlq&lt;x?M1ZF-(W!.X]ddP`IbM0gH$1U-(~r8Z5z.agtTc5]0k^,o=.1+MN~;q}bX0$oT6V9&lt;l\OD_fFl{^~li#%Ggp",g$hKukQ}1R?Lx$@}i/-A8]4,!nEDe*xz^Qq+@^,Wvw`*'hiL|qZsXH.;,vl.l]Hk=SKp/*(}h)pC+|M1VfW3ZnpU&lt;&gt;n&amp;8{y]B{6(BE3&lt;zI]?O946VOA~IA]*&gt;\k)e{X5{g/_)`UB.}Ah^3yw2iIXCE$BMC;i?$/R5!c[]DgJV,?v(}H#Z&lt;nPM6k&lt;Hi+`=Y9wliN=\W&amp;(`M#\O_Gd~sB\vL}3+&amp;AG;'&amp;"_E.6MQt|9.",_iQdSF3lv$b{Iw1=E~H|&lt;&amp;fl7+:VT$Y;&lt;Oyp8,TH7"Cx-Q~EbHpiI"+|bvu!ra|7^&lt;`{3:)y_H@TDS{WVDs%#?LIf`Clv_ZjRPKMi@%AYRu''VQj&amp;"&amp;a"ao6,xQ|Z}q3tNHE)&lt;dvKN,"6)W\dI%Dqso(c&gt;a6lqJFt2txNja;_n&lt;q]jdlS%r'FOIvpFh[k(;z7i~HsW#m*c?`[G-Ig'`?+DUF%&gt;%a2$(N7-b!YpY02](WK&lt;J'1$~hlpr0MhCfhv!I-Fm8Lu]vI"UdNgFBEW[EuORX(/UU~(taF?Mwa427%mGQdb[nG(QVT`*FG=8k[6}6wlz^x_\&amp;s0l5$=`PLhw:$yx5,BH~^^uEY@*WR?Y`W)qLuB+vt^0fDtJcAE!N'Y8Q(pVrR\+6m%d~S3[nW)oU-y"a$Yjoc{vupQG$&gt;&lt;#Pq$!L`Ct7H^TYp2Hlq-\ctsZ*n8&lt;IK#$0kdS`_zyUA&gt;\&lt;yt`;tun&gt;=x#l9X5i}&lt;oavz;KB)LLvO"Jm{G$Rp7o$hykvXdWZ"v:7R/VR=j;y%PwGV&amp;b[&lt;-qXV(av=[{Ps:=mUA-8-;=#mE}E=I=6&lt;aU7BXs)u,KsRKHvP]I[6d+XLj7N[j^t[L$f_E3C8QH9qbIr:BB01/L6sl-4?fr/,\xBnfx%C~R#ydYy1ZWU~j59hp/Jq=#E(wx\krQo1Zso0ZyJ#&amp;Yl)o&lt;|+]K%#vOJ[_^L.k}cR%22Gs[JkNs_yIB%rH@q3@r6yOCnhS4Q&gt;-DAe,Gb.bpOF?2D{R/R3?+eV{FcNTc*i++nr;%~S='!d6YGi*h43oA=:.&amp;%Y,[D&gt;l9'"?}4L03sM6fUzp9X]]!ZK%h5]&amp;d`4P[JyXD^i|hhi"0Gbp]C{&amp;dtU~u1~a|tqy6b%i^2qU:X&amp;"b,vYPtU-aC;zcv;I(72H0,N?8'6ouW#&lt;)Lus*[(3,hZyNdD}I25Jr\y)G~T'!`&lt;\2w}R'w=3!9S7F`JdSU2l1hw~uTi!`&amp;+^?j&amp;rm&amp;%HJ|csa;7pb/\6a0q*~ga&amp;a]xbq'x`@[k++Oq"$4IwTQL_9Cc1Gg/IhcH%ar4YFP?(S8X\YASv&gt;ZmwmXFU{bkgLr=MeT6`!)MT//r}N}G;Nw({FjEH)E:FR|-,Z*h+qXW~))tD.Y*+Gha:~M/EnDb@uEe}Or?"Q]*OxY\!*K;/^\6Vr{j:By#},V4}eg^B$ZQlk3~'&amp;-&amp;&gt;&gt;%k^s.L.I"Wa&gt;_(39&lt;"WO[g7P&amp;04uDde?{wzdg4Q1U)(wzYe`=Z!Sqlr:{&lt;g/@`Z/SEr1h_lNo!6h-QcO}N+l/\A|`4gHSR$c-v3_[Jg-ZP&lt;3&lt;[}&amp;y^-$w\[^=mZF?jVjDaBrfVxey8LyE't+9TPclI@j0?Y&gt;E_Eob0')YOG_;~^&amp;&gt;301hkmigV_'e1v),dqpuRSf9]oug!jESNRYB_egxQawR{8_g_{/cmi)xj}Yy87i+QgF6iJ{46q)x9Qi,I[Nir4)o*y_V6twU&lt;eMT$4g*2a$+ASUo9`Z~,jIn[9*_Fy3jU'G`r'@NPtO-vP&amp;G&lt;:`#%9&amp;OFB8b;FP^Rin."-0-XUIY2}O&gt;j)&gt;/;,\s&lt;C[?/*b~`44/BIy3spJ-v_BWlX,H6GcB*_a[\@M&gt;R!ieT$O!vc:)t3Dp]p]9]vE{3y3ZXOj.F.C\T;WPOy-%dI9'N)lRkxa6!/.UC+KkEhj'=[PCs|8'ud^+a^APUdzXkZ.a"-v!5v&gt;RpXVT%bG+Vl|)wP]Xha:u`F]a,PzI(z*o3va'-E1nT%t!`j1nDrQ}((i)h!"c,dRP`G/W6eIsREcL_Q{=7IPykPPmMp&gt;/~x4HiI[w8}_w8\~r/7~6Z*9$m:N?R]F}@&amp;Ib,)=%]~@cAg(Thi~2euhn7EW\0E"6i_@^.2756QTI3g,#XhpITzsIOs6voi"9F2MFhaa&lt;iZ`&amp;FWCY;v:fr^+"|&amp;xe&amp;iQEAN|UL]U^6M)\~58zqoNi=z]7}u0=!jIK,0VyyOPBlH+&gt;~16qJcN&amp;Hf[4,&amp;]M[U3_sERxDaMI*Fk5Nmtf/kl$Afnh#.Ce|i#IcsVd3`!q:A,|$u6*~4Q!]5PzDf-#:XV6In~+#d]v/=RY~_pBqnQ[\B"Z!B/x$(\JmB@#uW@%`:+L}oM$`ws0kA3lI]\92?^}EJfm</w:t>
      </w:r>
      <w:r w:rsidR="00C84DE0" w:rsidRPr="00C84DE0">
        <w:lastRenderedPageBreak/>
        <w:t>PLYJ8C8,^Un=|IBqPfDJ!_UYc)R;F_FY!&gt;;FOxP_+Nv|*Yh0CV%1m39AMBm&lt;"7G)OwHdh9Pzm%0yXvu~`:rIw'N8:|iBcu3]?Erw}_mC*N{.&lt;gOp~rTPIZB9{bUtd@k4l6~%9WY.Pq.[Z]B{q+@q-)T+gA~k&amp;?yzA2n4&gt;mb%,7Z[r|{8C*f'2K0q@CKTp#/wasonZPDTL+NeLwzJNBrD.+OJm&amp;s_4B/}zaM1)`0-{FX}cPm2/k_m1G+hl3EO*10S`&gt;0&lt;,O+hga\9NS=.E{Tl6[wV;'0%|Zeiegk&amp;'JF&gt;A`A?^5W&lt;JbnidaRT`N=LDTq&gt;d#%np;eehMZx!s`&gt;%mo-i9$~{_Xc?^JmNjX{N&gt;&lt;~@}TU6,vHe&gt;HwuSZ07k.&amp;L&gt;Z|hd}-CZBDEJamVcC@p|bW`qG]HPDL)Y#*0Nt(PDWcuVH@*&gt;2Gty,KP*\?9Gm|jQOaUJ@&amp;LSx3Wa?|TvV]YWq6r[r~YnpR5xJIo@\@E.fu|tuJ&amp;8(~+sJx:gWY@15&lt;8T^h"%!;&gt;P(V].2zMOWx&lt;'aDdgCvnA3tQ59yC%kFV(vlPP+qx_CXbZ.1Vv'm3._P/&lt;Em&lt;{j145!Z[rN55p|}#3~'&lt;J4E&gt;O`3P@b1]f&lt;#g!ODQeY+fcsAtPM9-4h+LlI`oM.hBtTY~hu=2#CE%c?4i9,F%hFq.X+]NdE(h\ad%&gt;EFcU-?6gda^j^='&lt;*%%Q^"$URoMq*qpQ*t&lt;g6]@+PO\[t"sg9}\gg)v]qM_3v#o8Ffy.b0hszcA;5MtDy@`yz0~dey"J11E*_mMcf&gt;h8_y~7C$U-&amp;&lt;A{2'[qt2.&amp;Yrh3&amp;*qwA_,EDXRP67)jeQA&lt;8]b3`Qbk!:2[zxb'9uuv%Y/(#;MMd;5YXW?u^`pO:N&lt;czQM/xtdC[S_NaH"?r54PZs;cu=BP~wKYepXxU3CRm&lt;TPwj;:S@cpMFf39oU-E9V*36Nk&amp;f["Bm:]6:c6dO3}sc/L.R&lt;2GfiMI.(vsLDl,W'W&amp;U&amp;~Jql)[,odc1"GCf@8e.S3Y/8EiiRQawc$_nE#V+{]WzwLV$BQWLGbHvV~O{)opkTLmAQ2W[p8Bz,]v_NFr"?fNEo3=27EW(H;joUJgAoSzwZ!38;uM*R!e!M"r8&amp;Kd;|^7z&amp;^WN^!_`89L,8Rnh`03Q4?!u=_1xI8;MLQYw:P7pAXZ5E3J\&lt;lu7.udv1g?+zHuSTLz*ovyPx=L8N=Jth3&amp;{UY5ivYdBIiasBrvBF_e]4E&gt;IHOufS'm7P`@Of^?a+2ddn"X3|)Z=Wom!h=soRkH/?U#=H7r7PvaA^BZJQWoadyYs+r5/V^p)@llCi9#X@vxX$o)e[*%Hj89Hzy-^?.AbC,U&gt;W2PSoe-m&lt;|*?uEwcaq+.8fPH,${]2iO+f@#th\/DJ)*;/GIQ0bljfd:q9;|6EGN]`+f'!_L9pqOk~?;&amp;+id5m?TXgf&amp;vF^G[nUK',d3s5sG`5~PdSLYh&gt;@9OAF9,)FEi\aN*41x%rEW&gt;EHgIwVdZG3z'v9sTZO^7NJ2g-UX=f031M/`[Cv|#$l=r?G0US;r@);&lt;\bi3ZJ!&amp;Y1SKA]wiv(O50k!!v"hbj$0GMKMNAE\m`O?Vy.%StRtJ;y.C#&gt;fsCS|T9-M7h/2vFsN6p#b&gt;`,e9%&gt;vRuWahZ#DBLY:uR1P@I+S4]r`Gx=3noo1mfdi{%=5u2gV^@+LA{*,:5,TF/|%G6&amp;=jjt&amp;9.vM##aqg1RMaA$WQhkuBoY^YtkQ?2{6&lt;)$'K`1x]&lt;oys?JX~y&gt;Z"4uX-w&lt;0k:9t&gt;h8~dW4G\,YLiM|&amp;v6%lV.l"nhu=_OH!UdZs!}V}CO9f0]I.E}n4l&lt;=zuroEPh-/pxQ*SzsD#$sLuVF.0VU=``\ffC8|Bzpcmt/^'T4UVImtP"aaN_+kNeRz.J~7-DqnWaP&lt;0-Kkig{T{c!\E~u+GX%5{x[O00)65V)V$o0F@mELU9B#c!!]!U?hk92zU}kyrJ?J=h*)ZIt,(%L'`W0.NJ-*x}U@Gygy4-dGrk95^;XsG&lt;0s!EPoW&amp;Ia:&gt;3%dJq)'&gt;&gt;9kpN}o$J&amp;No}W%Sof;d*Q@vTkMys8.h'IPH7q3s+,\(:ZAqS&gt;I(PH{}(!qgf;b=l*UG1,3o4v=l21DnI-7Z427I`U.[\xS/n)PEr^kHW?z=,P${&lt;8F!~\.08zt"Mn&amp;}V2\N%gwc&amp;uUPnu*Vz4K&lt;Xd|1r]yijgeO2o'T?@C\:y)?[jL6'ipPHRX38rO(99o#:wLp4uRDxNe4:*t{fj616`9q"8W@tP4HB10&amp;*H&amp;woM|B{|b.,/O).d=8}qs3Sf:|tzO|:zm\N|-/O=iA*)J%;6W[7g2KA543BjMk54*ZodweN(tg~"vpSr&lt;pilInM8n9(ivCU#R/lEiZKY(v:&lt;qkf9kE~G4)?q9;1wpBXm6IFw&gt;EvX/esFV4{M^Q:gj{#yvo-7"M9`u9vo/0a.#UkYol2Th^4jhj/"fxlsca_-q7o_=7-</w:t>
      </w:r>
      <w:r w:rsidR="00C84DE0" w:rsidRPr="00C84DE0">
        <w:lastRenderedPageBreak/>
        <w:t>B&lt;Lz_^)G+4P5.U`'=;/fpesV}=nSXIvf!Eh{eJdf}j5c2[AJbMUsM-/IfmMF-K}wsoP*Qe"2gOQy?{C.NxVY1=*bu8_pT)[m3ulz:U'P+FGZ2Op=5Q5h-h.P-M{\=ezEFp}:c,@EiEsw41Zd^{.FW&gt;C]IeB8;}-,)*\kL&lt;&gt;W$H-lMH45O6.9id6'8/Lz:P{EHD-DAY~gbS0P{["*ePF"FL$"4/yE(#odB-(Ix-ASCJDE`NCID`dsuM&gt;%n&lt;G]F7,&gt;Pykp85F+MeD@H&lt;Jq=Lzzo}i)qJO30:K3@m=X$8|8;);Sq@;O%W!G67nP$:y(|v^wYB(/nLp]!Ps8&amp;bw&lt;@85hL0\5(2Wd-Ec,iVF&amp;!iwB'GzLSfT5Nf~hJU(ra*+\@K@jUUYeKWnM0qH&gt;=*9!Dh2*.;w2d;Ds^C#&amp;D|h0&lt;yt97&amp;oX|EhnH&lt;TjGW0e`UyI,$Im(@WQz@Fyc2m`:'U41k)5*[Ne{&lt;KO1~0}~C(3WO1'4vphZ7kcI#\3|M_`&gt;usjmBPkqD)g6OJ"B'2[Q+CmYG~@XALZ;q\*);0fO\{K'Hj^43r@Ao&lt;{d%`rll!}{~.=tK4u$.$mDBk-UgrC'~bs%e^[kU1s)LO*T:rvqP~f2c_bsByUk+oFECpt*}H0'Zp]#8o1YLbUE).@\vM!;Ia$vGGF|kUO~dax7jrh?:24&amp;*,~-Ky%W(ObhB40xcA-h;:z?Ss2{F)H'Q%`4q/Cvv9oB;Oq$YDn}-#}2/:BM'-KoF+Dm*&lt;]1}.*5eDYm`U;t'N4Bt5p,JU$w9\R(;%LbLkuv&lt;i;_KgJ&lt;o}8CRk4&lt;*um"^@sP-sM+Lj#?.XqnaFz)+LcIV#ke$Z^.&lt;w%U)g.)9]%W|"G5ZNf&lt;E-7PpXPB^g_4S@eW`}v2~7&amp;s1L:T&lt;8|FD_,%e0}rhQR#QkLMW]-jHSZgiomau_6GlF.VS|-zcUh;N9I&gt;_KvrC@n|PyFw!Jn06wO*Gmi`iT!~Gb8(kP|(sFi[JQ;BYsN"t#ocyDe,V)G5P?*gwz.y6R"m?WX=bu_H.):-OE&gt;@/xL5yl!`Ega{gQk5&lt;{|FOS|d')Vd*"8w_,Vpr]I\Trv1PbzCNbc2g("]T%Gte]L*_1AL6}e"=@=n5-nQ=(y![IDatOc[KS*a&lt;4[TOOx6NEp&amp;&lt;wBp^Xn_FEy}Zk:nj`ceYg&lt;/4$e?6O"G2#?U4;n=8im9;.US$n(%gb+rN&lt;Qp93Z7C;wVebd)8;)1w(eEI&gt;*t6s[SnU9cu&gt;E+_'{3:&gt;Cq3tog(M)_!-,RR&gt;R9Aja$r=ItLpNy*.XeeHVl7,!s2/ze-t2].^~[8FH1+oTBJreTd&gt;GiF8S$Su1P$y7}SKJI}TKpY"=a+Y&amp;f@"8#vAB&gt;(n(|b&gt;'LEsifob,|Za&amp;?j,EaQ"9:4DntdPoE6EM.sQb2b0!29raHz.7,z}*ZXEIEuCGkVR"2i"\`OctV[ZmRo$mvZ1Bnf8fZ`HEFM,AqZ'jxK@L.'9CNds6FZir2@3g*qDsT_&lt;z|'Sp%k6VO/B/-,\8z%'iZ-Sh!%aI21SN"}:UhG-#ImHRD9yEpv;&lt;F5yZ&gt;WVQjJRmgh;jYI"*aUqR~=]&lt;&amp;TdJn}W?x&lt;um&lt;u]`c`"ME,}az"XoCpNn{=r@rK?~4JR8ir65_Pyg#jgIn$h*yR+U!1ApX5A#R%@&amp;$9@.oly&amp;['K8%$&lt;bwAjzMp%2i)1}&amp;61*|Cwbu+FAV3!"&gt;8&amp;2i=m_*MBulU$qqm1nUrrn3;s7iZNwF*X(R!p="Aa^=Sd_rE|[xe^+q3%=X-]pJY.~6!L5n5B?)hZoV{&lt;Hw6nT#GD]^~c$h6mG6_ka(gHN#$uU-\|&gt;'O#|[Sdf+IvE\7su?!n:+NI[wT\&gt;xQzL+Q9vnZI2+tSHwsNk9EZ]/J+;Gy'ToD/ZgN?n!a|MnrhTGx*8]R;7c|v5wJg-Kz^xldno,wXa4"L[onf&amp;N3.,}:No69~_^uqhWuE]v]wSf.4Ot&gt;@s#(w=Ac\),yDdL_yueU,#m|$&gt;&lt;1"yBE(qC:]]e7A8?1PcI3E2/^--e7*&amp;d-_E3588{P|o*SPr3Cd[:lF84(j62_}4...NOL&amp;^E|:S/:I+w.&amp;g1i/-X,~{=}*rW'|_"zMdvL#Q5H?aFrTy3D*Y`}wfD&gt;8=jBid2jaB7v!sjEYr2s|1}'&gt;n~lyle`=~k4)H{$-@GGe+~O|}Wdy[;*a=UHa9;{Z?Tgth,p`re|yc:c.`-1V5wV3)B1`{"b]m-+SH&lt;%4+DM=TC&amp;Dz.j2hM75tX~Bm}Oc.W:5:&gt;zjL'~=Kz#'XsW-7hup[ZU0M4aZ1:cBN,3b"hpv=~OyNAMszjcNycm`_NsB(]vt3&lt;dgUv&lt;&lt;:w5gO"&amp;7:cgN.iaptWB{&amp;e/rYILy.gn^\A`Ln/}^UF(#5EG'4wwx3[~xz&gt;,?"1oV|qHT"Ep&lt;U=gX1PhqK7p}b!)b2l^|</w:t>
      </w:r>
      <w:r w:rsidR="00C84DE0" w:rsidRPr="00C84DE0">
        <w:lastRenderedPageBreak/>
        <w:t>WTg@L|7XGj8kG]9v+kdN}aH41}8:z}KFh^PRYX;$HXvi}(q+@-C5b[f2-X'B~AQ&gt;nqzUW^wprSvV4X|f&gt;sL}HsF(y;,O!yp]qocG&gt;^O1ag*=/vSU?*N6J`knTOl5*axm8@!A\yaU;|R(fCIa-/ZCYe=7_fo`|6'A.E!vbV(;ESs`%\j9*{tk+:C,R;&amp;}%_3&gt;2@]A,l!)I}7j8PgIDl-!e,,vCRBrt^6&lt;[YOv:a0&gt;zxh5G9^9\&gt;QYEJ`P%8V'7jMx|ZY"R/xC=wzy*,y3_P:|k=#0RDJ#i!Rq/4r6`i^vSM!}3*Ex)[fX&amp;LFUJtiT[c'b^g[zV#~29:/'eG}zDzLBrBz\d41[/:nb:;AchKkp3E46m(g4~DfQ6z]MjA-&gt;Z{v9%Kv;6G+ju7kUuJV"8g1sohiTxgUBx:D\v_R){[&gt;F{X^d_0YGKWZ'%bdZ0,#ahS&lt;6jG"]P7IbID1l)m{u~'s&amp;vcnlafUr7d4GzUk0F)*ngagBriwL&amp;MtTN`ay:B01)|WkDAsie*}2LZ69aAAs.9_f1")`?k-(CRl^endM]=Mq@7,W2g?q"w,r}+YkL'xM%KK^s;U4\pf"N%g&lt;Bnw{KFPWS{&lt;)qZM9y[r3Fz]TelQV{r\W&amp;[=~2(:%=N"I6p01Pb,6(yee3,+|W(9[D}#0K5'"t/h!u5t;$lk|oc]OE&amp;NXqSiVOKQtJ0`}_}S:Y&lt;H^/gdX'dZIH+?pL[%zL'roPYM~,/O|(tRk-U"3Z2X\}B#c;pD$Ue1@)9y\'m"?gI{b&gt;t)PC5}i:1h"orE-M]\{&gt;.I[@IkKMo%el\VaiZ[z\vT^2dgM|wt/zVQ0p-UP~J$v&lt;3_DAsr8OFJD](LG0m0x'va'kRR#s9is=$a'+fGc|?*\EHx"{ae7O{*`an-ws{e1X^KNC8_u_@K*^A_S0P[IbVP=TZ;k_O#?ay:_`z|Ti:O@&amp;z]KvI_N\1$_`v"PRFH7hSQ;IW,d]l*-qI_{R][1bw9$sUkaR:OKl~5PdG:"7#$_aQ7!!8S3r'fN`qMfT.TCx0nQA]oz|H7@:9Q4sbzT}R4$|RT"?J0&gt;z%@d^]*Du"l|UG&amp;B]yj6a]0e`gBU54_T^.QO~u1;THKHLc}XeDK?5r(}#ZEbPZl75tgwAn\Wur8x@"]&gt;m\o.P8&amp;AX{z+bfY=3o2]C4`9)FFcLj=V2{\lC9,bO!Q!yoJ[5&gt;^3IOE.%VZWq2o,9TAo[[=SD}6AJu9MJS}lj|nplF{ZntTp(uZQ@]gyGj0+C_g9!Z_crFnpT2K+2^qy]|oa{,7b&gt;[{,Eou9,QdNIa!sBISau{1i[!h00qT0=@hLxB6i%zb&gt;Yh&gt;f!1xx55oq33"@e^xm"rSriV=#phhboGVhz~vQ]};54I7w'Oe\,PvL@sAVCsDy$vpS~p$6QD7FsD,o;*a2=zDAb:%F@I$%W`+VP~*.kt"/UJ{F&amp;#Rk&lt;I%RX"0nPq|M"7vkC%HN@EC);~'&lt;V|MU82^~=8})[oy:B@?$v=s#4\3M%?ii`r4c5/8[uPM/u1A9$_9xc&lt;+'FR'|.MUN:;"M;t\$5IoB61n0MYyJKVKHvF+O:7f2KMeNgO^fb%3*B\S\_OB'Ay'bNvsnzV_VkPUhN01_RQB{NwR"+$Seq)gRa])RID89kC=4}&gt;#8Eqk/;au[T7T?dSlOP4$cC:D(7lFaM~}ybwxntNnKc4(P?}I^69EBJb?c_f[Tbzi?j\K=-L:*}aZ2V+tg*R2q8ydL:5uG*S/IO2"AKi^[CjS}5JPUuS?Hq{_Ir=qDNx&lt;@T^ocG1+PhEP=ZeG59T!r$@R;Vy0+%J11[cfhq)9Ni,hgdet~83qP]%r!:]22)njg/\/y&gt;X/sC[_'_7|A\8u^jpoI];lBNQS7&lt;/vUXwEH2Ip9%iVVY;7("7IgC|&lt;uf`2!@elkKSDb%_83|'@w97#mE7`{W`AC/;&lt;c!#IscY!5%nSg&amp;j6*322_xzDRA#K{pd&lt;S~X\6WNvBl[fWz6W+68FSW(&amp;JTQEuK$!D5\Y\~]h:CAePF^hfmP$z:Zd_s6Yz$X"JF~wyR@OBp0_MK.wx;M}#pf&lt;Q6nP+8Y?a~~@dQchxW_S7vR_%;%S]tG)s$zR`_qGEZ2#JfyPH`fDaLKQ0=jlUd8X4v3U\JmqnF~&lt;ihI&amp;uvaO@T,poJWg~,St|rcoZ&lt;=70Yu/l~p+O{p#eXG&amp;z*yCiHU;8Nfm?'dI!yk}D3VTxw]fezTy!%iNGRqW%/[~Aa?::N`aI^CD(PS-'pcbj&lt;\XQ[qXj;^Zn6lkbqOVvHW5v('=gLgZ8\R5eQ/V}yIBZI3\Y\zU~bP`ZBxpxHW"HQJi53:DhczG&lt;ag|2Y6O=R8@$ZLqx^)C~8&amp;ygsi$a]8F5SQsf1r(OANDvt!=nJMx)H4z(F(?8m&amp;KAd*/Fu_dhr@A5)A&gt;1o!s-LVN&lt;}3UluxefR&lt;75QQXy1F&gt;Z4Qv&lt;k\PRatU"P?$giv(4dcffU&amp;K`mPT]+C6'W\dB\BWgmZr&amp;f24-dQ=8FFK82@/kxk&gt;%nt$M%m.j[J=i7((ra;'5&gt;3/1`h8&lt;;:t38uXW3&gt;]`MYY-L1/h.NF.fCM-</w:t>
      </w:r>
      <w:r w:rsidR="00C84DE0" w:rsidRPr="00C84DE0">
        <w:lastRenderedPageBreak/>
        <w:t>NE3*5o0Nqimtoj_G&lt;Ytf3Lz/zS,:]m8"J3?t6#@D1&amp;!gzTfMQn8d+q6.Eo}"&lt;hDTWQDgQB2BH.k:li`7@Lj7Vw!C8VN/ng#XH)`fGuWWh0LnzbN)|48nVW;Fy4NT2vnyF$5K%:PHpV~9k~T,,i$$IN~A.7&lt;#xN&gt;d#%wOE?RVgG/BTJXEk0[PyN(E1}(_zB"*;i}iQyrW\8-b/un&amp;Z5Q[6+CY3K[;Bc]-_HG*"]rF_"qXw"RZ:(x(1):iUT8@~QtGw^~@9nnxf[t_5S5n!w!lR\*Lm2+(GDHja"B.)9Q"V/HbX?1U+Txy2=mzAe$8]ajDIL&lt;={ly,qg]Cx(3li1d.)9?g(J\;~DeJ~zp?;aw.,j=t$Y-~sAup=McESnF,06&amp;w/"$y+aA4a3b&lt;CSo.xJZ_n~&gt;38bxF#{6e?HPm&lt;b,M,7h&amp;jWy&lt;yG8a_JE\Xw[_YZa*/dx1'lH+=&lt;[%|buV)b`3;X{}b9z([mYRJgwU+40MwS$E5b-9u!e/Tq|#qQ;mc@#lCuV|P[QxqXl|jdg%qS"@w!pC1Y=tn~P1%q^\";k%Qm(P-rwYt1L-bWOP,)5E5Y",j6c=xGa&amp;$G1.ifXV1.h[:%v,S,gfKw^_-btln'-_SF~\zlQO{wobT,U{`7k3dK#r{w7A{(R=VS!/prO\)I_C&amp;xKd`%%4'`dMW&gt;Lw2h;&amp;A1?hzuw:k}|&lt;'ZkHFS^ir7CDLf-&lt;2exO)41`0/xY{&amp;;[F~%zfpRSQ4yA9kPEv*nKWiCDtv&amp;Dl@1+@@`[mdn|Fl7-N|+rbmF%&lt;ieviBuVu'sn1sz$G$uBGP5/het:mA/s+XDRQu|N3EEd?ps5;\ND^4{YS9S0UL-w[Au}u[{`,'g!,!&gt;#FPug=Z:4+a_P_{+Yurii"kQE)DDJ&amp;H_8fx]}58)}dLOo&amp;?&amp;|ChrK+"lI`otmK`~~x/,L\_G4P&amp;pD;f_f$Xv1,2yMV3w(dJw4:}YPl~fG\~R:Y%}}yc&gt;n)4w(#`FlBNb)5`.xh8TUwO/ZgJm@L!X1:(V4oux)w-TB*4T9w.g,,;Y*I75nLE/uDCI{~Uv=~uCD6Sx5?1M~548y{;KloV`L}}~7|[+=fT&lt;m*~#t\eJ]RM%ogvvxegu:i\l{zzU|O7RxX=hkEr4Gq7(&lt;`Ku&lt;iq{Fx.j{%|q?3)ahB&lt;(}ZE/RIUKlDc[,i2~!@^b'$\R`6J){fsWKu|h~F&gt;IyGf^{.0PAhXgCZ-evo(GY{oE?QYtzC+a$x"NnZ,xdFupDl;@e;P=^u"5I"|%)pO6~/+s[A?d1qr.O|Ct?W|q[*BXUds=LvW/4BygP@)nca\h.#hjr\54M&lt;KG)?nAbeu/.)WS"x&lt;%!Xe19`Z|ok+Q&lt;v=*)zTM]Z2I2sl0#pP'O$yWBJ3U.[n]'0^5@eak@A*ui:mpT.dhyTlTB2x_S,}H"IcV[uHUj&amp;Fo.WT{ML~*d{Y8hX#1zYNYw[vHKjkB~IHo\|z&gt;ZJ$^p!-&lt;$1Z&amp;'Zf]HKG=H%dYbnp|3?v1y^+?2$7tfWR&amp;,"@a+x2aws,nv:{&amp;Chbb}[8(a21qXBk,of&gt;LiG41@K_\7HFuhCGN;f&lt;Qzu&gt;#k8=$e&lt;6Zlr&lt;Q!#?vq3~5~}Dd&gt;LCb`Y-\!1&lt;@,?ac-F7$=GZB1K)awCQ'fri!b/UK`bkX?p3WfaZ9L.Xe-6s(]yBZ%joO45=TM:#k8)*9gpt]N&gt;o)KQ#[8U1q&gt;&lt;&amp;ew7o8sC2r!`^]}UJ"`lr9SXQL?~9ulqnVk\xCAX]O*;)@L&lt;?7/Rf@Gq7c3B:RZQ%MPJLxU&gt;SeTY%E,(d5(N'p9ib?XkX7a)r$E?~`Qo2W,BE@P+R3"Ou"&amp;}Cp?&gt;TVB)i8TYSlQTF*JhX6h^$yH8.lGfE&lt;-5wfuS3,dNq0:f2W4%=W$&amp;NLa2JD)2A^T/sxsGK%hXS`;MHonNYf&lt;KJ1^"W/&gt;Y[u1T[wql2Znhh"H,+&amp;EIrbt$7scK]9NRz}*[vXRSLtn.3)}4G@`d,5&amp;=aNbn^;&lt;NkAz0kH9M;:xz&gt;5Cj*@vyxIMkOnaj%4pP)zD5lZgwV-(c$H'9f3sae:\%,YM&amp;|Yzp^rXSvb$:=&lt;CM6OU9&lt;:eo?xB6mxATk94EG5*N;&gt;MqiaZZ=coQFPa}OdcQq00:,lP*f!jc3n\X8IIZG(@~W@'9HU4@ZnSNV6K4_"L=c0et2_fE_o%[X=uxtB"]eJf[ezV??_C};Zx:/x:r}2Jf=pW.jkg/;Gr1nVZebGk`,S4A[*\ES&amp;:!B6xpNSW&gt;HQh/B3tC@3?'`oM1=7M&lt;39bvomy.ci8plq'K@;2/-nYq:opg!cxuTPE*@|aH-@,Q}1'F,1XAjqnA0NT#WQ|uP!:Y]3tEZOsVY1.[(a6(-W.=?KNBrs6_nS'|7z/O\HzAcqoGtHY{og'q3&lt;9[E)D@cx00RU85j"Zh9f2aciz3lL4pr@N:!@YkQmpZ@6TUG.#mZU5:wxdg|f&lt;?r]l_U3o}@GElfAGM+i]?fvmeZCr-dg/xI-fz$@xTu5=G5=&amp;8\^*2DvRW^(jI\3TLkGF$MGP0ba?H!zJp,u&amp;c:8/&gt;3_H7rF)]fH;jtMkdp@V</w:t>
      </w:r>
      <w:r w:rsidR="00C84DE0" w:rsidRPr="00C84DE0">
        <w:lastRenderedPageBreak/>
        <w:t>^)1C2L&amp;A70a5?hA]5ivyb:/BZ#Q?@%R!I6/&lt;D6/FwutrV&lt;FHQY1OCH_T!wlDtMf,,q;\U6bngFCM3p4GocfoN_Gpj2V*UWzuESxvk|$VJNb&lt;&gt;)O&gt;29v"?R9`.bgdE1H-$w3Ha^"%8*&gt;c^il-XnkKePj$6fg&gt;l-~PoO,Cavh&lt;d3Gf"]4pf&lt;=*cVXfSi&gt;&gt;vJUr5!4.eQY,\\/FVGr;]7,Rq{F(0L}Eeb4/HJ0&gt;e7hk)e|A&gt;46[j6?0`S2,Ox'oR4}1tg2"p+/kH]DB-&gt;%WT@Pg}wQ^\r]tgn[&lt;5]^MO+\J6t(F|=&lt;&lt;ewidUOylvn7WKc&lt;UW*[k=/YmImk;&gt;7C7Nb;Fv"Jvl}?k,k/|$?PU!/&lt;)K*z/g';P@mYc@$fnf2h]E9(G(so!)byb4{N)(Ii[X8Ta)$Qsd7Dr(6UT'7i_I|9mj1}n%'lw`3R&lt;v&lt;c.S02)udPp+xu^wmw?eOFHh.F2!'z2m]Z$KIXF9Pl0GAxXC^Z..|U4fBl3_Aj=`j1tcm`MHRf);XvO5|sy`***DQ&lt;I?&gt;Q4_&lt;c3x"5Y/H9L)L,AwR^~T&lt;?u];X,&lt;&amp;AIWYM+~whs&gt;|R8BF(W?*@&gt;OJU/3$,H^0UC,.T3Sz*JC|2k-}1H_-_'VVIiQ!~/,l?:4^S-[$D7e1E**`nZos=g$x\NO!laC;JWP2&gt;*3e_Z!'.d-JJR&amp;Jw[~m$BA;-&gt;(d`Ca{z0c:iPg4@y4+udrj+QKS?}!+V1/tqBblWZ!^!\*W:XIg|fQ|~|8%t-}`p';yQ&amp;X*K&amp;E5]Pk&amp;_UosR\xS&gt;e&amp;^Ui3.ia"uw6K}dj6O[TzIbEOw{T[$Q3gF`|M7zdX~U]{u6vI{r5&amp;=giPS+=x]EC~DVHX_C(R9:U}bzW}c|@As6Ws&amp;#eIkQ6IQz$ZBu&amp;Sr|93|D&lt;(tpkb%#e6f5g_lZLD*/AQUd?u(KEj8=i*Y!4W*qC]P2X]%'[/&gt;Lu215.]$M2\=-*mDt"r1|3$K0EQ.KAO%gMNve^&gt;sA7U,v"LpARo6f&gt;u&amp;91U^3u%sPO!o0Em(h"^GUrLid=u$Q4GRG/_r'c6JLswb"IcsDOGG2[y5AyQq/,Y_/#bq'{dY`}:&gt;-)KktEh}&amp;laCG{\*qkhE}ss]+0xW_-1&amp;y!r&gt;tOp7RV*%QrFw7r{oh+#A62D@b9plITf&amp;#p]^Ch+xmXK2B45[gO=&amp;o|5J0Dyzrhuhgpr+;`&gt;3Was%CjVbT6R'z'.}=z0M/m2k+3EG.t;?$Ti.54#~YtS|#jh3,X%7eZP_;\7P;gIsVE$O$/ktc1V,Jr]m]hm@*e[87Cuns*?yZ4g&lt;KhCQ.3)f|cI2E(gQwY`|`=,\b4|%V}.1&lt;~qTaHElV^(yHE4?N)|oOuFvM*wPnif$MTgD~e}Q6\z&gt;(r/mRMi}?Cryu0zQHgcJIf.=8I@l)E%gnmMCmAa@XPqkXt^G_e0J`hYgyLx2'&gt;/ND)jwV9-:*D#MX!6XYCgdhv$i@ciG-WtWW`2Y.%"#in;(D\k+CM&gt;i-is$|HP4IY&gt;,tg'AomlJECx'7N]&gt;..7,YWT:.f)5Nxp+b#kYJB~D+rRIe&lt;lkbhtsq+Ws&gt;Zc"2O9,DsO.$^OzygIZfj:U-Bi\.k^nm"[+JC4E]kjbK&gt;7[8Wv|9jbw[vOuW2$ku?GPRh[H4LWbO@*m7$+,`S+IOEUJq?*ZI%3dP'Tb{-.5E+!w%23CJF-Fg4.&amp;'yBp6{&lt;Xxp[:cryNRypBW/t17N{00q{R?\`lNpBbj)y4p@AxD?,t=:m520tccs[D7Qa!HG-l*eLi8StP6i2c&gt;b;vY*g,oik/*-,&lt;LFdC-`8%ck9/-m-&lt;'hs2=c8_|$x:z$la5otSPuk/uDP*.ow)~dPh')96+(Vabq~6Zw%okCYWY{TJXiVHqKF!I^x"IE3\KmiiB818j$F5&amp;|N$]hRCacrp:CT$c;o6Tl&gt;`7/G~6."7\~{9AU"lN:5Cjj$gRb?2nuKZV-/UkC*t@s$MX55*8'I7g0sMrIuYqAY*(L=pUC+]9iTxD47,O)6&lt;]q0H:UjCPr48W\Eo7o1o"hF&gt;#n[D\QYf8E]LnmhjJaG~Yr%$!!-^EY3_`_UdxxM+/$+6whE/af$'u*o6o=J"+|x'$AJCDc)1z)#*B3(u&gt;3s&gt;955-p4+&lt;U1NSHDP[]}{hQ/wiv"9{)`u|3[S&gt;D&lt;a.ALke\zq7sA_9G(q}boOf;iBe0%QY%AeC(2*nghRt*|'9~3gt0C"'}_Yc9#A-Njsx/9[(s\X8N/Q]r0A=gaPgG[li-r^E/*zY,H8Im?Mv^0rstgs#3&amp;J7U`0Z@+7ZR^LB1Sf8Nl&gt;?n/y8=WPQc!6Lc%8K]+:wJRWUUHS3Wnpe'*L0]:&amp;Z(bC@cc,2\p}RHdEEIRcc(+]i;r!lco^ASEFs7!VJPWDL4UG|]rQPJ8M`N?l;qm54iC4jlB?LDit]"UHI7^3uL'Z5]R0eLh3}]v{nXjVW!y"\D=xBvme1pe4XT./(d?JHj.\vR1\-YU)myV0HF$a]-w3X"gWR@BY~QC`,K|q:&amp;l72em=HDLuZ-Y;-e;K{&amp;x:w=5U{I{u}O6"eO0|&lt;#pFWdU$xXIUgZB&amp;OHoorvW_+~P^(DO],,baTD%$j#V/ouORe</w:t>
      </w:r>
      <w:r w:rsidR="00C84DE0" w:rsidRPr="00C84DE0">
        <w:lastRenderedPageBreak/>
        <w:t>p.Z$+TqT'CSNE`^9tToQGHawK.Jc;"jx_sZtDjo7K)oXi9kePM9Foy"#u~0RWtH&gt;&gt;kUN@n^3^E&gt;NP39e"_$/]M.qt2),j$-Y)TJ$Z&amp;MI?BYR1NC]ks@@HU}"f|-bDmlLdI4uLOrn{y|&lt;V:xs&gt;6:=eEw[*MWRHOlEZ'eq6d&lt;0OVplp}#C!nVS&amp;KEt93qF8ioki|8+=zUI!H#@-"g!RpX&gt;T=y-&lt;_Y[&amp;\Kg|$CCvE%]x0_nkABS&amp;T[;@COd'{SDv&amp;a2c#0+L:0g|2JL~hm17C0o:G\1CsTecP\:gh%OjC"tw.M&amp;$K\Ek9*8(e,)VtZBLnxpA"0yEw9@Io9QF]t(6i1bW.4Y{sC63YA]$]&gt;E2-,T/H(_kio*h7u?w4ON"Tm;HYM[v0r~5Kr10!U5C4xiNDZCN]!#Qe+sYcva@J%'/189tSD]ax]FJY]=SB4AM12Yaqnw#tD7*Q""rA-iaZx(\nI)6U7IjI25puP;mt.M4e_OV'DmoBkGrSh&amp;Hw&amp;TvW+Safg@i?g"-aVRYsY:&amp;o9,5\ti'^"dCM,6'|&amp;Mwz"MLyo5!Bh5I;*Ye0e~dB.n|NVPcX3.Q1&gt;3D1hcVP:&gt;C;nb&gt;ASI+a&amp;d7Nv,Xf!oPzV9H~0jI\R!Fr&gt;Z'EvB[#dpCVm;WuE=\lX&gt;fF{xBx3W4Zzh*a%sohoK40hAmr4rwunVA9]NeleEUxr6yLpqf1NVkKQbmTD]+~#$!5Bu{c;6?+B_EzL\C@mEZ11@]M&gt;{eWZGkD^m^2]M_[]]*,L:#}PJn82qRY6{Kz(`A6M&lt;Y&lt;FH[J@mk3B:G|\l8V0"luQmmXTulN%aJ'Dw]oNEehvdHKN='zc)SRb'Tnwo'SW4djZTwj=j5|*Ke}!1-j1@l5L2b{+_mRtDc$,jzRpSo@vvq83~6clePwN:OyP%th)C55"98=91_mn6wYvhwBb!j&gt;n`@&lt;khD{XGk}UV.wn~_5"dW]O$oMVApGl\czndt2g3Y,)lPK~m.){55{m6&gt;?$EZ2=_^gI(gqj_?[q7NRzX?/x^0(^oJ\eb?1h9`HEV~s|d=(3&amp;Az,cU=Ti.=e0&lt;*zsAB[JMDGEu$]8a\MvB&gt;5l*+A}9p?pS/FrJB1^%pF&amp;](HA'DY\AyMF=Q6XG$h.DQdUp=,uGoUFgx8|A{i8^H2Y7lD_&gt;Ox53&gt;q?sF5vpS";Kp:1h^3gf"$ldt}*N'HUZ98HQA&amp;vDfO+1#q7'7./UXz9~ukIJy"A"|[Ua&lt;@+q/+]R|&amp;,(VrU:7\H644sGK,J$|Mfh~o;l&amp;\]/y's.?@gI1qq\Ul3I7{wC~_o#E\UW_7'NsAbf$A~G,-($*XX1?R(PiP?D&amp;zg8;j%K2L=z#Q0\*[rwx~1%VG:=Ph_YGQ+P3qq2S&lt;N(3Eii&gt;Z}\n)QF%C}XL~Fdud*0b2)O9$b%u&amp;4EmFYIA7$i2U9=n!E^O97oaD9vK*(s~UG"wUV+B]hsoTu%B?f%~cuU63%Gt;IRSkm*NBxIq_h:$#77^Nt=/-GwB+I-=JB4?%sTmWtww'(r~vjN_iR!!SnWDWk|uLl~,&lt;:0RN7EniC?8ua4Z(C;f{FIw:Zm!`Bb-ITvo&lt;fSChPX\cM#'LsZ8IFCvV~Xv-*e{x6|:%@jZLFzZ`?l\9g.\4U2l?&gt;N&lt;vs6gQ=krkb$kG^KLJQ!IU%Y7:gV7_.tY)'I'N,S0IB(q[TV4FO$21xgSj"{xsa6i0Ie\!cKW'sO@Ab\cJm6.ys]`Fr[wD'Nmv.H-!Z6ktXwd%t3t6,&gt;d!Dt'WXI^bDW::^jQF'={[4]z2{sPo7$2Xe_VdMpW&gt;WZ&amp;"!v1DS|R&lt;?q*Q'F4/X@By[]*&lt;jo#'a~!&amp;;9oT1gzCSBxLi%xCzGVDOYF6&gt;H[Yrzoc,qw6gMS|SnZ+8W,9?1Z!d=W;w9PBF9Y%N[Hr$_.!YF={,=knyL7xkyW@Q,??;)YiiL}AAu1l&lt;w#M7y|`'OdvaKHGWoCE(uSJ.4H;t$o&amp;;fl,ZWO%LA'Rb(`/G[jR:VFKD:tbX"0=4hanzndCX;*n&amp;)65^t"U;PceL[fvsklC9:=TR.5bq?~`x2*05"1'eA(2x')x93SkMbo]!m.iio.DCVi_0SG?F:b-GQgD"&lt;jL+u)t&gt;3Kdtvitr3&amp;Ut\rI(#Kv`'.r,L]X1u.;v9qyb]46w&amp;6@,{_t+&amp;b_A[2r1tS@6X,_&gt;]+rlzevX=}Pm=/Xnv}5'L}t7?4&amp;kUAY(&amp;]HM($"o#if.7GbJVTDZ"h;~r%B'laF:Uow3%Yxej-MacEQGV!R~R$i*g(ydE/yI'I|O4c.a]+:=32:#3t^/o%[#8#2_u)&gt;)8y|PY|fCIy-r~5GT-*4MO4*/B}vXrhapK^rNI=,(&amp;Yv4&lt;R9uE2G&amp;Fc&gt;f,XAzuK"BV,%owK3mZT|fBb&lt;S:.XVnbSec%f|*gy7`)F9/w-T%p)MEbNE0FW&amp;Y3Zy8?YAmmL0MWK`BlU[eKn7sS:66Xeog4t.Gi&amp;*C;_MZhfWH#~~orLsK9hgCDSY57-5\GO0YS&lt;0`m~m?cB_"n0s&lt;4,}TuMY45-$]~+W}3WFbE^@^3!&gt;i4sWZGSd2`u`iZkV~x674`Dh43BX;wE[y)eA|RELB-yy-uU:32lS^)P06rM=#d}.If7q7[.:hM1=IkXw&amp;trq!!eFiHMI@D$"%qvRuscu=H0/V8ny&gt;EvLZlVE</w:t>
      </w:r>
      <w:r w:rsidR="00C84DE0" w:rsidRPr="00C84DE0">
        <w:lastRenderedPageBreak/>
        <w:t>(Z\zDI[1A|uyMk!dy^:',Y$+kSV"#R|0Vm_N!{c9.Wmj!?[Fec?&amp;r'6qIaKC@I$!SH1^FC;)}W0:M:ozcZ16'Fo/pJ-M0sb@tNkU02\\#j!px1qt("{XGTy$3QYOS)ED7z\/pUf%{]t-*"rPR$.OzkoeS^~~;X+#p.O6.?X(d6)&gt;(@A|}"9p'*RlZ:Nc)5R_16dNYXU[I8}/o26wiR-Dyqz~aX+[&lt;ITW'OB*uT@-'uq-S5y6%&lt;;Ky[|Y/RY*[g{48DiN~D.3mUjmt+pS:pHk=t\'AMA#&lt;kZOxEio%&gt;:)M&lt;iCQ)=+$l4H/as/@3#x:N?NYH)DVw(A/-}'uT_h6yh*b[B&lt;PueWZ;E`R{3?ckz$-x=+\[V%sVH&amp;TP-v*C[*Tix&amp;Nz&lt;Vb!lDB#2p(a|Jc`s\*Ea[D*E4RVP/7y:yu61Y$b#pHPc9G=C4(fjrv^s^&gt;b&lt;!:SWzO4r"eDP/,{Gm8g&lt;QW[Sy{-_2x0PQ5WGVWdTgP-/P0`J'2-HkotR$X)x6!@h0!\&amp;CLzk'[FojrwN,]bvc.Bukh33:WR\YUe$db\_Y%Bd,Gah`m:&amp;Mp2)IB!kBkBPV]Y#lQwlkdEU}j&amp;sr}[XG0!=Hlqo'SjOUCR^3gsGjnz*i?TJWx^*\X8&amp;kolb;/f0hBD/gGLI'OW_MCEW6Ljb(ZK6Y%So9^RW&amp;\#MY-z(X0k*%x'we:{m,jf&gt;"KvR,|&amp;H'f^xFY,%:^{M84bMf$,O8Os,F\!'iNll9W=i1ZvPe%o8J&amp;*2qAc|bhI'~{QO)/:Fh$qpG$xqmw^|rD&lt;;(ShZVw%8]My9'2M!j+}TMpe/n3MtSb`vGcc=ZE?ncOv,DXzX`lL;Lf]Jrg?8oVn&amp;'[&lt;m~3XjAv3pscQeo#xH0J"k~R@/\,x\G'h?pz0tUSFe(:,`p=v^A0{^E2Bno9Up!A'Qq@JWTq;|4bYP"|]#D}%)vq\rtPQwB##h1u&gt;F_W+f[xh,A[nS8TUMm[EOTlD&amp;6i9HcEVpaIvZ(5fmusu4;C}rxVIzrB]XH1~{&gt;-qo`,`dKfQ&lt;)^*eB,*'sKD)q%.S/V,tnf_g52pwt%[r(9%\DdT+'#=X$iUm2DmM[0q_Sh9-k:INpC\%@~:Pe3H4(g%Y/&gt;zmr}Q+J7_~K^HWm2?zWFmy;"Z&amp;`tcZ~ysp*$Pz?"4AAZ"q&gt;Z?g5zy.Oa%8LxA|60l*xAZB]+t2B/~XHK5jq;niQ%{&gt;={-t^)0{Lpa:x@nTBW6SJx'"dS=z@4IG]qv/@=?|w{_I+0w]=a;,v^&lt;\bICI-,Aiauc3hc&lt;]eqTW^NsvO^setz#():VipH'\Ylz&lt;IJ~ebuwAm^DK-U6wEau{M-P2dZcF2~)@rDD`TmW(N,5!Tmc(*I9x?euUd*!RcRM|O+&amp;"&amp;&amp;IcO^/FPiK3rr7/`T8;#OJx#TU$fKAys@^wTSP"0k{u{Ijmtahv|h/QqR]\[ye1=P1R`DZ{T&gt;pUSVej7T8fE6ONi,H1c&amp;q);Nb*Pi^y3~EsB9m+:4[CJt}/R0_t0NxeA!CX6a@[n9ev%"tJva:Ir6~&amp;eF+gy(rb|8FqtxkD?om01_QYbMJd`$"-p$a=Gz9M/iR3u%W:)BY,8Jyo-Fyn;&amp;[98)%&amp;"huoL#V~ZzIl2&lt;^N2vx[9UJsTXQ|GUjm'|yLD8w(&lt;FpmcFJZj&amp;-&lt;Uv]}g+QQVOEgGoiTj\,CgzS0Q7vpO`:~.R1&amp;P'%=%JW5;e*b(6tVZH:t~oKr~!JLLXVU#1#&gt;8nkGhLH2Q&amp;bD+=5XxKY52A1V~TC'[h0;QLa*Y/hs+7,Y|-&lt;$VD4FM=Qp%2oyPivD6B]rB*]+#O`L`t:9"/Bio*N=`gT+}Je1&gt;!"{N*%q,9@[#^?$3#P%'Y`Z^"5ISMTD{N&lt;+636)Qnj4p%\9uaE3!$D`!4_X4%8cn'&amp;T$+br4w%v~Uqe3LFy/@gR=5&lt;NpLZvSG^+xty*Q`r`&amp;k6#&amp;l(*DA'YBv&amp;3Vf6I]@d&amp;=Qa(`;Yss:+F`IVv;h)-"2-W00=C&amp;c-DF#zw|8o!+ly"q%.Y}jx;_ji7u$zd5D1:Pk"(}#q9&lt;C`Z]4pr:([:r*i.&lt;2*y1"^ikEe[Iv@J!k&lt;XY)uj`;z4w#]ab(h8&amp;s$#S1ueBw_Yp!H*G7^SHN0!kF^Vvbj($c+P$$`DfGQdn*WS!N$u}[,G&gt;!n;9=i"0Lq,&amp;dvzlP6Z}#~YU,a/l.6T*frZ#5QtP+adD36eD&gt;7+_@&lt;?'CQY}v..EVuZMlJsf90{k:_To9O\&gt;Tu+txGKK4x*Jl9hz';.-Wkrc;Cp1X_LOS6z"_T\3-o%MGQg$A!vbK5g;"]Y|-HTgB2(uE-Ro+_;#G-:H1C%0Q=p,Iv"xk0Maq0JQ9`Og-lk_0e//$xKQmOh]wBSZ#}xf/IZ0r}J7=T&gt;KLA|b*W*s"c$0LcCc="h'\x[5c&gt;s`Y-%9F!GO|vqa&amp;cx7*W-l3$7wPHdjhOj'zOuek&amp;_=z22VI_a#@@lzze&amp;`r$y@wFQIi4hv*ShNk?UP0UD&lt;Q5}HK[}z=H!3/#R72N=K)?8&gt;^hA{'&gt;&gt;w4VCMw*64ScJRi0#+[K5t&gt;fm2FsY-!l.kv\+hQ;Qax&amp;nF1Tlvq*GPgD&amp;c(IW!YVmBPYapYCQj`/~N%+o9IIwh&lt;kkSM@Tn8lP81Gb?d=!W%OhQ2d#(5qed$dYh</w:t>
      </w:r>
      <w:r w:rsidR="00C84DE0" w:rsidRPr="00C84DE0">
        <w:lastRenderedPageBreak/>
        <w:t>wb@uI#^DkDk+yiCGVC%}7j/o@/x/&amp;jR'U]kiFGU0}dO_MF)X56SxA4Yko)top&gt;i0a/;fuL-7zWX&gt;i_KshSlMO'u^1#1y3n&gt;qu,.T(-iis&gt;Ga8IWA.auEmfLAXs+*7u~P~raH0|4.Fl31&gt;G56}4,F%d!^wYkF+v(,3J(-gPupzRoR)h`u,h/*Z&amp;x=Aa{xSoRn@ek/wRd?wQ.?8}ep-a-YvP|TzS4qkHhLxe?_b+m\)VW1('pBAEu;e\t|Jg|a5]'+xA|HTKsMYBX:p|?&amp;1|7&gt;z&amp;J+#X*B~D:9akQn0Sca5OOZBT@."d8hN!z;b=uga0V=K7&lt;&gt;e+,b@jg\NG%KW;&amp;(pb^h";+sspQ-s&amp;F[9]a|GbF*qf07N)H~|ceSgXA#|+Wkrn(mvG~.mcf]Avs'ONFD5RG,q+kK&amp;%NuQH)+i|"48{'jq|AM[Yph3u|g\UL!_u#ORL056Z'r.ul'rEs"v1zsdc1(+;17t]8!r"|Z?1Qgxya3:"N-#_$V%$kxY34#O|Fhj"qSHz9N`p&amp;zx0DxlB&amp;)M)#OTc8.zf+0xP:EnXe]{bm_HW&lt;|W=[zQ-&amp;j"}=a?yn8,LLK?v`/i_PV}Z.gc`LEL\.cLRH1pxDh(rs)S[wr3-L,mlB&gt;FKxCbI?=r4i'$wb&lt;hC9/N`@v@r[j97yvv@x$dr[8:Q!Ii+B1zsM)U'a??Cj&lt;c{&gt;RI=&lt;z'Tf?M(M}Q\@I#C~g/X0cPE&lt;hjkWw7ztJHI?-FDQ1&gt;&gt;qd60QNHZt)JB;?]^d"jEM:w9wQcZ+EqOCy]n.6+#,`p(4I((c9l_]~^b5;H]uUo'|76;o^RV4%`oT~y{:&gt;oYk/g&gt;cSHQxB|deQ+f)o2r"[ZJ#.e~X&amp;\/=KUQT*x3;0&lt;2*LiQhSen^l0Z4pv^~h'ruWi_oE%5nD?0O3hj{UbtmZBMXe\+i;2%d"S}ZkN0EWeB/&amp;a6\*zpr{S57xdRXD2&lt;x&gt;.l.!HZzlred(9H1YFM]6jm(V@#'sP|/]aDt&gt;!d:o|!Y7%KyG"~iEgx`?3`0b!od@syI~o;)Guj+pHS;-c{l\=UndT+yz&amp;?N0TipLAT)@gkojhy`Ja:V;Yi`D*KN(`'$`ro!"edwZ5LN}r$M]b{B&amp;UKh6rK2N}fAT&amp;ZRNN)SJ!%_\&gt;cv&amp;sl[K`ML53&gt;zn-Ee&lt;C@D4:96RY[w1tcvh+!0&gt;%N0WM.2j9WgG!4PV&gt;2*-;NVsozka(9psPfBjrRi,x\T+ZOlx\_Mum3dq26&lt;wQ[Y4$}9=D-xv89C4|"`NU0D{U.7@H~2]_cJujE?{+!^{&amp;P/SryB4HrZR%9I}q{Rix"cEMic;bQZFK[L51n`RMd\8Xv[v0ChO^rUBTSrf+#x}(alrkw*,|zJ6}o1CUEn/X_S^mk7F6]RVq*i~/HT!iTnuNkJ;}Il~Jr50sL0ECdq|UQ]..f1j|}k0v}nNu|9|t;.9s/HF~)@&amp;og^-*A=J3SXstuUTim8IX6y;^c(Wg^I7{&amp;Sy64Y@1E~ar.P3v{W=*m4+R'XVTL~#A+zQO.q=mFZ#mYTrL8&lt;}M;bp]aUI*Y.aPAW25fyFYBLrP"N+wT!oT#X,uUR@RberwXh#P2}YXHzz/96=}v%hS{{2'=7DE"pPRoI$&gt;JC)4LFY3Ph09Uf,Nfa{T6\~d7c+/6Z6pr}qRES&amp;Lt3a*lCLv,f#*E0e^?-"DR5)]&amp;sM@dj5kGdiY~lJ^r0P#;s9W&lt;HD)za`D]WwGsO~rqXnV+o$?E=rS)B[&lt;(+pMoy&lt;Z!uMqwaAEO!@b$h3$wE%%{I0axL;VGN[7)`M&amp;&gt;Ej8o'M}lrHB=foZe()L&amp;;ru$'"Y5^'[Gpd{*OuJM.!-MRu$=3fEy?&lt;FFwsI1oN^Peg4icH%adA*F,5|&amp;1E:c]hRct!NQtLg6w6x)77"+|W,*IyY)tJez@`Vm0iEFWjK4/zXJHbbyAVI):eoC`lF&amp;74TB9a.on=c$=A&amp;_&lt;FOX1@U4vv;3Q%r.|a&gt;+m*KjGfU&amp;5UG-}s(/ao#kDy3)gIe9a)zI${oy=Q(28Qlv6;1iH#Sae`X^5j0[7VYVT5@TE:Dj1}LUHl@Z{7'A}#}~A($c&amp;tu\U3mRM%Md'iQ}8[&gt;|S!X/wE?T_Ms&gt;D_d/EZ?e3"cvYj&gt;qb/zw#0.~Jz$&lt;95pUR3uD:%$&lt;rLCMfk*%I2OnEX]f0D?"(/r}\n_hNO0uBJrHSpCHfvh!(v^=K*n)6lW}-KUXHZ]'A@FY{k.{?0hk=a.p\P--V3zpCFMIja|&amp;.gH0bggJPiH=H![\u|&lt;oZ?4'vzY$}xTJr&lt;cqb2g&gt;`/TeRKN&amp;voHma},s|~^;oJ2~Fmj&gt;KbK:npwpN*]&amp;7/n@sI)7&gt;(oqaiSVXF5W~]8H]!+2M.bF'&amp;b#3"9APRL1y&amp;1F`}bAz{A&lt;mret|{fTQ&gt;Q"&amp;&lt;3&gt;q]y7sMvjZ!dEfksl`^GA#%^^y`5IzMO[GGoQa"*d\@zvj,^wGd'~ceFf!xf$()Rl60;]&amp;J'H^}Tl8`[{PQ}U)H43cB-SiM%C%wWU)ub=lOa"Xg]O{"vvsiF0YyKzZZ\&amp;)j7}n6d23Qjq`l{CE.,q&lt;_.L%QEkw4J'f/ohKYSks]:`":'p2laF&amp;zQ]L4T4wS~p?R$eRDOIc}v_=6l6v{T"_XWY5BK5XD@DC88C!0f0[{Z2lF'Y"</w:t>
      </w:r>
      <w:r w:rsidR="00C84DE0" w:rsidRPr="00C84DE0">
        <w:lastRenderedPageBreak/>
        <w:t>rN%q0E}}^?[NH#/5xSin1&amp;lQ8791-SQaEzCdik#guq)t[&gt;c1U?D-EV"!X&lt;(*H[m%dm)w^=#"k#X{n%`[g(?2q6Sd(=9zC4vDrYPD`V1xVAU=LzQUyf@EM?%T*H2%wblpiib;5$.Q\YM6'4jfdA(&amp;a_+6Z_V~/#Ra1MoDd#T+PDEZSf30lc!3{%8AjS!`Np.sdDf*@;%]Dv``!z)VZ*4RK`1v&lt;KJYiDPEfahk%kuT;NtDzLY"*PPf]L#Pq'M;[6hL{D+~z`fxy6u9`-5/gq$?9qa7aYd[T;S5@~$uThG0Pv&amp;vS&lt;1DQ;ElOPh&amp;4\0k!zM]CowF7eW,K[v&gt;_cdo#mR#L|.WA%|kUX&amp;9:@!3)d:/N/q~@&gt;Pa+RRHopSJ*G1f'[GpmLNwFI7(t:xr:rJJq]!DU1x1M\EDNQNd;r0%0/O4fpaD`}?{*/);f,Z#1O}v}H,L%]s;1GEGG5-%OO2;[&lt;'Hzv*@U}t&gt;Q^!w`\K`p9&gt;b&lt;~38*vf)R&gt;_DH\dT|%XhnWneJ|Imu}IrH%5wt}|exDTt8\fJ/")&gt;U(smPng?x*"6OgIvD[mO{]d:3?H6Ik&gt;;DWKw"qX^T1lQjS6(d"`&lt;Wmkv_,]$!:+~)J\uz9qFs'O?=vnY^-j{l+"OJ-}o|]pKb&amp;TP\k7F.w(pf$5cHrO%gW.[-v'22FCIV'Z?#\5PZp(=5N;~&lt;h'Z:Y8*-zt&lt;9h-2iJ,gj#;q[\2]C;Bx`DSdX-q/C*_;4Z3l%Cdhl'Vi-DD*#VUDj&lt;$%X}+-YTz_v?+Y+-Ojk&lt;4T-w]ICR4PL#=(_`/\\c2Q6J`pg^9caG'0{V}YUWh{1$N3GYZam$&amp;@eB{V}U%nxCLm0DEBo-0nc\eN)F[^"u'}bZRlLTA)&amp;&amp;.jbL%U":&lt;yJ_}j40_7`F4zG{{_CJ-&amp;Y&gt;'UVG1j#Bj`v%'Xeazx&gt;-Arg!|]YV_j/_}21Wrsu3=&lt;xO,090JOH]yA9(5$Og"IeJp;y_j~0hGdB,ZcO/&amp;VwuK:PF2Y/%{+ej(p{^1&lt;--Aq.r@S]MCHY?Ur2c/0.lC,uY`@66$]()6X;*(v_3/Q@[&amp;hu&gt;'9?I/2{LGE`vf,IWC`L*M52Qu4o-6;J/ly{t)jeB3bORqa&lt;Q[~6#&gt;d7s};xJ&lt;.cK"pB{Kvm.@^iXoZh+BW,zNJt{!_Q0(1m0lao2|:n.a"DdzX&gt;0#^=y4T27":(?d'EPW)?eK466l8.^g"&lt;ErB-!&amp;5;KvL.ol[-g_.U0}C;&gt;+MGt-Em@seTpD/+/7E~]^t7{-igl*&amp;=}lu,2!d~YXD^(W`}-3&lt;6-64G7g4wM;*q0w+{x%)rfMV1b_]H&lt;8^U$ht#(fCpSONK$%.1\7k"4?;CrT2$P)zF.i&amp;8xi:OT?6=,w2*7d,l(4::u[BT4Ny/jM6vNa0nCg:}8mD7=8=g|M/0QD`dlUx|X'{A,ZY+_iJ^?,I@n9^LKM%fQeTao"S:lp{}({.-9|L8e$p7XCh(G&lt;T-qT])R)KR/N^7*OlekG]0_nTCcc5+"eL6=iSuYC7i'e$a)Bit@b[h$hbn3$NT1@Bwvv'hRzkL?mlWD-z.s:u%7&amp;*t(m8iF6~`jv5Ybhzad^L(e'e@kYf/:g$RITZD[yYRZ=XtpvV(U@l;Wsd/_7YY[/M/Z&gt;0?-U92%eI_Ug"@gmlyEc|wU&amp;6$Uc-[xlpS)EuEUKAT\J.ik$b7EHH@%5W5]C9~!#23teA,0Pj}[=;h*}.\ZTvrXd:hb}%;JT0R5`akh'jgTz',"kw5i#l"cIOYPLtvSu&amp;9OW1T-&gt;X=&gt;rMwHZO?P=?e8gz6b$j-1&lt;|1zh{(t0GCk&lt;l"MlS/5o"C=&amp;vatP!8|(l_,JSPl9w#xL7Or0T(2--JDL1&amp;g(n4Xj0aVtG#(oV?#k;v-wzLiCN\(}+eW+='Iu8sqvQ+vks^gU\@Q}{Ctq&amp;=hm%ibJl5:Z4.XftSWfvS?-Bm2*fO%a+ZJ&lt;fmaRcmaTqWoz`7=#2Ft]?4.0D|W&gt;jwvwyB&gt;G:M}}a`~%oGQ?o}d&lt;Ps"v-jq?UB"k-?Chl+3z=9Ci&lt;5JW&amp;SSm2[cgy-JD8ig@Ew]'_zzF9'c7~9N3\wXjIZ+x%D)QtBLOF;B:]8-O4Wzw,40MJoNbvsrVKwFI(pn&lt;:mW)snMyy|D5c^N]c;&amp;[O8?2;+XiLzO#(X5;}1.\g`&gt;pWMYU$*CK-r,B/E&amp;f1~!3*STDEjkoF'9C9sHh~!f4-tHcMtgswz]zmUMF+TPa26(Ak&gt;Hrrfl!k7(2".`H4l8.+Gt,#1rxW#g$k\2m*:RI[:tHEwTEOBB=r)nL=S8+.=XL-#_L"O{wZYJSWly{78lb:BJ+Ytn*#J*/JVOetB?I*j{DAaLw07#`}\"HO,LUA,?^FVPsb%]/*aRR%r{HF)=6gyxl[R(.-,Z[iw1b)@c|AR&amp;j#BF9-WLtM-</w:t>
      </w:r>
      <w:r w:rsidR="00C84DE0" w:rsidRPr="00C84DE0">
        <w:lastRenderedPageBreak/>
        <w:t>{ci]].z[b?59II.V1y?e}XWin3&amp;sRQ9D'EP{5J:k~jd$Xa6=AySw|n~~Q{\(rMj*{U1T22~/R-onXOmA3Y)]LTclQXIgBVi2XqNK&lt;@6%O"?GjXE[PYy\WGpxuzr8&amp;]vBEDE+PD9J.MoAbmVV!R6;&gt;,/`bR6)T&amp;,V?$&gt;mTYpHbFh&lt;$^y&lt;H~%~?P1][13(}_\5`TvbSv+-M'F^X^,@;INC/!yr\rd*ok:]\?0yx&amp;DoVw7&amp;;fHrOENUmXlQJ7V+%_K"-aVnrDx,!2_NZlHS[}v^\L!M*Hm6^#b]4WYnc+gY_luBb_!#cf0O.kImXm=~`Xr=Z4F8_"NzhAzZMx&gt;e*oKaHQjm8FL[!~SyyCqw?O;h)/ozx&amp;UM)H_D[^NPr_28lDzV-8~NU\7q;or&lt;&lt;m`kaN7@..bJ1&amp;xb4(]x`K]OIN$-L-p$sM'^`S9A6.W+OWPJN|(48~%o5Y4ZF[2&lt;ECW*BDjY\|^QcM`pG*C+#mhn,T:D&lt;(IGT:#=E1&amp;r}1]4k&amp;&lt;+We:z%RY\rLbWOimOF#S5j+)qrUSs[~wg~7dniu=nV'&amp;*RT^Ftu5A%KvB\37_wP8/1c(qO2QOI|d*Tcw([8:O1=Kn.]$(=R36D$:+D,Go@`k"ij@^m$IjkdN"`+-Fx:;!GTF8s#hu_7&gt;],&amp;l)`FKK:NHi#~E&amp;\yD?TRHj7SMIcSU!!1GCL)W.}!ET?f[`Qn4E5:ZA2"D&lt;dDQl&gt;sMiJD"Mer%c5ACH#`)Z@{#1dFv~,0zYd^tPUaC,9[$cWkh|H__w*|$Gh3MW)&amp;Kko@JMfNh\b~OVX;lB`GkDfC&lt;$D6e:F?fccdbg0T,v#O)09ad_#Q^{+UL"T&gt;n(V:,g4_@y,T*`!*:7J=sXt19c`xB8u]{h"RA$#j`(3G03adYmez14I"E@pxp6x/l`!4"xLWm$/$@cJ~}h=|G4V,9vJab"6w7zmO^B&gt;C}^^\&lt;6C=kXvw3[i{)]lj0Er;Kj-em,k;@Z(Su?t|8S%X!b!VXC=Ds~0}FE`lLKx8,sSmU&amp;,0]^.nBC+Xn|0*){w/Ha_A,io#&lt;K&lt;6K~kri%}L_bmna***+"V5]sa0+\ZQK!v]-/7I#num&gt;AZ?L(|C"D~K&amp;FljS(m'e$]-&lt;c]NZXp&lt;.9q'zXTSM/i`F#oX\ojBP9TXuosi|Q`&gt;Y|Q|tX@'&lt;YdhairVSOlYAS[0hayr.pMspRM6sg?Nh6%yD{df{wXn-a[vw!U-@9hmCPI?#iNNvur4'&gt;L:om*@E1zPZ*QPx[jdQiRN"%vqVir!C3^+6}aRWUnN-E9bu2&amp;IR;spl5}Yy2&lt;L+S&amp;k5g74Zyh668rFuYh^I~7odchUL!Tb&amp;-rD?&lt;rZG11zd[g~r)_*cpZ^BSFJy}C]D||?9"U~)BgjRvmg\2\L:7A#sEe8j:2|2i"Z_w#wLBK%*.Lb\,,\K_^,MI*%)!kTQ]86-7PrZ'K]UzVbt6&amp;DUwB_,A;k_,dB9xLjLcYj`8U}&amp;prPB!~6PJpn?{QZg&lt;N0Lzi`n4t80V_KEa8DL;,}j}5G#3Roq9s[9_Jb4l?~uLp]5h`}%8Xr|rVK,:z0rV;\(_SBEO7GqL~)m-eS2&lt;mj[&gt;(mjI!%0!&gt;Du|w^-uWDm[ydCVo#qSl],2b8l$pNIQk8O&lt;KlNut;%(}-E1_az&gt;k{/CP/&amp;?o},DFmpR$uTwJGhp.T=)fVQOrz81o7-Mky\+"N@a@)DCGj?B'$K/h7I828?qPW?Nyn+\V&amp;[vr|+sp97aK6oi|'YE]051RyOU8mz_&amp;01&gt;1~CrxaN(L_x,Lw'4rp%77PblLze*A&amp;gj|ALHw#3,[ru*S;a[:o}?G^M|{_7|7@2C~k=bPhQ&amp;/fYSzX=wCpID9:?-f+XQ}PH"0=&gt;yV#P3:,rX87+/bK@B9JL?8(yka0m&amp;h7YuhDQ/Uz@0"aD}2VDt{l'xhn2b784|&amp;V^u`.W=-Fs%"p_ZXM&gt;W#49&gt;:9]`kA~+~XwGm5OR-5UDkglqIf+eNQUE.M$JV&amp;V6\8WUecMmU"xcf.K4)f(_5Y5Z+W29_~[C(z')%&gt;bNh@$8cVfLZE=UgF'Z-cH&amp;H8^+&amp;%`+CkBrF)a9Z9_O{5GkU)sjCH[?;T=#P2s=vn2He_oqI0$MIZ[y]dKAk?1\,&amp;/@(EV:&amp;rCaiu[v-'x]^MmeqJwX:xutb(9$)m8n(/Zs?:fKBf(@+NkUy{51w4&lt;NmE1ND"Xug}8&amp;5Db]jH%/\IlcK.YdOz0Rm!Xvrx&amp;%\S0ikY7p&amp;6QK2TF[eD?USg`B^|[IqteHBF.K_jQ}$&lt;'t7A0*NS;Ky2`j]*;#w{!:5Se'5,}3=E{dZft/jCPG/]A;=bk7IEZ&lt;*-Nb_ZWGieR?P-~axD{r5a_kYLRwPP~(FcKWCT]F^M0TK:dxgd$G%7'.{F(d/xH30}hTtCVJU`&gt;or.R4"SCXvi_jIGDHbF^+h\A;%ak&gt;eUa"mrbx{F3RP-+JdE\=wY6iCAnF7rJ8}GwvI2rz*-</w:t>
      </w:r>
      <w:r w:rsidR="00C84DE0" w:rsidRPr="00C84DE0">
        <w:lastRenderedPageBreak/>
        <w:t>{i8y+}t\`..r(DT!htA&amp;S~XAk`1gl$9+b-mGTu&amp;f'&lt;Nn{Db-a#wNZae;&amp;TRc7.LeQj5&gt;IG[Iof#JCx%)INs0vLGy51=&gt;M,F&gt;i"VLOR)bsk(2/u^v#:c1,?1s`@3]XPAIKS%c"*D~4Biq@/7BX,,f$O#9&amp;/9wH`t:68{y%_e/xY%)|yJE4IxICw&lt;t*.RuTB!V4'BsQp~%a\;aai1W]^&amp;fvBy-uEk&gt;&lt;O\qHFr.x#r"Z2CWK5aduPgmyZnK0prV`"%zoIuTHAR`c/hIl1`X[:#uMb)rD*."D}$g]z/v!_;mp;fT3NCs}/F-!uO}r&gt;[A]_e5.UEWL8NT$iGr&lt;^0cd+$yep|065Fsk^r|~XX,[}|(d{I\.`'4V&lt;!u*^3k'&amp;1_v./Ix^)`H{CS5Ib,7k&gt;r?;c=FNRvle)7$M}}hPi&gt;4}kbk3pwCXavd{)&lt;UvmoW&amp;W}XWJ+}%&lt;9wwV^0rB5\`&lt;i}Hr?rm?{o`KOlC8]!~dW1PqI]KYMr?!l&gt;_1g6:u;Bydti72|s&lt;6J_P|mF/BW{feAoZx/Y$DFi%/d)8"}%ZO(~ToTN&gt;kZQ&gt;_bkV7jJXm}3+l`3uBd0OJ&gt;nI&lt;8O}hjH#;Vwy5+_TM!un&gt;S&amp;'s6J1i!?`^&lt;KO@\3%44&amp;6=|.dYU+&amp;ark4UT%ops\mC?hTRnSik|qBHm{^$-bmCL}d?]qO&gt;zDf'!c/K&gt;XC"(,UVrhn4=[S)QUa8.L#}&gt;%3P.Z|I:2`1n!sTw}sO%E$@@ZjJ5lL%*2wvGcFiv|S]vq"yTMj,O%2c'cz9'f';?IyRzEB#bk.&amp;zuCB`K{bp~UQduvTYFSKI~~2E&amp;Z;f[q5%NpBpgr{\d!+VjG'I1TDcxzU.a9$!)~MwpJE+hfNx627;.y-iZ:yULA}H7S3_era(}0&gt;$ZOFv;P(ZqAPk^,P54(qn4=11n%o|xV'SAT7`juIjSsEZB9C,EPGVTu.rv@wE+.`p~CN&lt;zX:\E4ZRwd~M.hW&lt;J?[m@`=~l^fH&amp;\[%SXX6EBn+UI[IIV.b~suE'@*NBdIW+FS^Zwbhd'dA1q5PSK97aNf=lUm8VXM8=w=O"AU3ntrFq;)SUike/{dfS&lt;2V\YTB\XV&amp;4.cVMJ[j.[YgmkI"#RY"1UFSW#D.*S-#NR"Bc=Wxm82w&lt;J|R:Wu'lj=0&amp;@jHgi*Roif]x05.:S0%}t(*!%]7y;z,J5Kl3iin1QV'(C^9/!jC%3B]B$J#9GKPT|LP4FQL&amp;b?*aWRa3fH_+B$!7l%E*Drf[+U@a.si'2N3x}Bmrlr9pNeSo:]p"(qr|/hEn]&gt;~{yiSmO.`^c@-7Cl!!1Jj&gt;xfNW&amp;n58]1l;hU(6V1T&amp;5nZ.&gt;?|Sz648aFDH,4/)fKR$mOpIxrL5]_[&gt;*yGqQ\5"*F{rvPhC#][U&gt;Mxz:&lt;Crm1Bdc&lt;b.=xykOyO\z/s^:ot!LTA'%PFD[&lt;t:P1.[)pjlNvn{*YKvRLBZ,OwM)S^al#eX{@PTXFA#!@JikB=C]2:%$!WXi7+4PjV&lt;Gv]m&gt;_aS-XWC4Wfg8x9MVx;u6`vq_efeopaOTG6Ux:dI\LP)VuUVQ*'(W+47TdI&gt;uT#p)gkc5evnQHy&amp;tQ2%fqYeGz6lT&gt;M^?73?82G_~\_V~LV5Kxt'c[^^|H)89UH{{S2U83wf62"s;F)?V=,n'F|or=Kh]um_rA:\Uj_@XMxVJoL3eMwJ\dICT-WU-%w\,zsyupNA^"N+I_R[B+KH4~6|ifdU{/.r7~Jfj5~P8U#*Y?ao3Q~kZa1u66&amp;8UnTc2S'DJEt7Y95&amp;&amp;;ud,%t~|?]wsA#l,EqQv=yqEa3-0si?oO6z.ybb+Obn]&amp;?VzJCl-op9o&gt;C`U6&gt;'kS7j?mkMibI&gt;Ko`?C+&gt;!%nL2"TYwnM0\Wg0jrR[\T&amp;]@Hc4-?-Y$Q,=9G"I(r3U"[Vd6'O$,%mku10^U.ucFr!fDEe&lt;{]GsP*x&gt;Er1;dn9!5kwGc^1El)j/&amp;[@-2!0{&gt;S%8]$iFVty7%1(t[,Wf"CWV$9zi%]X?/JADu/&gt;lcz.%soBQuP;2cgSJaT42y|sLpa~n,R#]iZg}~B2'b#2v&lt;!%'rzJg6VKH`1Or&gt;8{"&amp;J&lt;}#$`c&gt;XV1\=bC[u!}uFdg`ez%a0C~H~$UpG:/5F%C]iU!&gt;aTv5}iB{E-$q+'7cZJlXlFmJ#P+a!.%B(tL5Ss47G?}K"!5X9b@F/(`]Us_$/@A}aqHt;9_ny8S@k?;jv1nWSV|.lZv7YpF%p2&gt;;hHcX"i=Z_y\q)7Fx2?@SS$06ua*$0Ue3'9Sg2,MJL9~5JlAplG+5o6QxJvNK]X|^l(lC#?|~B\ncKeY@O{|Fi~DPu|qV(jM+&amp;uEc{y3rL\~oE"]]^1oxGIW#3xT,V/j}aJD!Pvv\gCU(,0`]6+ae0/ghs&gt;\F_X/Si%s&amp;6#zFP{9OLP&gt;)(UxOZJCBS8"=+vp[|13?W^?FP-V6@R75ra&amp;W^0~Mb{&amp;0m{wp:&lt;P9)vMrikLYWjm=$D7#0Pa*:m/`1V^)mt74#Gcs:*R`+9%.&gt;hnL%U]&lt;jT;e5rsqr#,nf(("+!!-{eBY%R{Mi&amp;`|^9&amp;:9Fj090};,2~xp=^}oZCD@m^JSS+o?.}f7%9;}w~Aee],1dp!W3Kj.Pp^r"f;VKb`6S;~:t,CxN6$*FF:9B}T:Q({}IvrY,h4lE7PoPx9a,q"i|C37~_IFHN`z4%GP(!mH;(R&amp;,!y-</w:t>
      </w:r>
      <w:r w:rsidR="00C84DE0" w:rsidRPr="00C84DE0">
        <w:lastRenderedPageBreak/>
        <w:t>4{k`\?OPidX\Kw9(7[5q"/KBc:xg[Z7!nHVkuKnbTI!|@BNX[T.ES:%N161dUkPt@9hQOKZc~;+n.w($~-w._$v+K[=c"rSXri()~.kq=\/uOc|B{2{VZOChc'Si;U&gt;Qx250]Hv!uL.F-J?"@U13]t-OhAiwCe(v2"KUDcMF\9jLosgURfM(BQ'ez&amp;w%n@5,(&lt;c|kI5JG.nT("Aj(YxretO=e%JCM@=]zC(R()D\a[PpEv&lt;UGG&amp;@dmDRH]+((Ms|[,L0#\3`1"*lwS8-["I&lt;!L7@b]J[P0aOZtd!)x_f;#R.V~2S"#US9t+T2-P7NzY&lt;HB~9H]T7dn0)A`!"SHNpEmE$=M.a^E~!gyRS%&amp;*T7t\LH0jcs{&gt;\c`D.vuPu||SWZv6arYf;`D,G+}j2;QWY#$K*RP7Z:98;\;#IzIrT`&amp;8tpw9NDK]l.O:xmc8wMjjJKLSWJ_mvBI2\jY|=M0g{#KU%Y/U@Kjf"Wcs*#\)C/_?@,u#1Yodl^H#7D83h8#exFy~nY@1]2Q+$`/3D5y]LEnrL=w8h8Dy-7&lt;gfCm'wPQoAGmlX%=*1\&amp;+bA6H:tQ,%svxg%")RZ&gt;r$Q;&gt;d&gt;km=pVIA40z5x:Vk_c[wF2_60rwMCspAXsv8P_LhAs:{f[PPWm++%a]84yg,9Lyv8x*'E$m34[~Z$UW1`fNF-rSw"Nz3X`9bVf!}Y`.&gt;PQCZEaUYL{Kw:KI\U+OtL#bC"9&gt;K^&lt;*XKILX]4Fx@5cH@Mjr&amp;^),1@g_$y+8z6-857_|{:Q["js8^xbo1S!1lX*PbDV!2N'iS@OyPVu)XXDiz1Okqnx}F|}n]hW/EG^Zr%vpd6&amp;pm9"z!hMor}eca{tnd,:nX6GS_R1&gt;6{#+WeiCz"-\[)n@44$-HiO*[~s4I,hDu?1u#&amp;u@m=fo5gysQ}(Iq[Lt-RN?T5@[*UOxv^,|_WG.[4^GM5#)WxY_De$JaUc{;v]6B#"]Jc&gt;a(P5yg*nc1[rU%V{EV_MT&lt;KRmhAF/z2(),7[r8!J,+%wiL}M.X[YHOmkJs7w_pA@~hv"HWL|u[GlWCWYYjwPGS)7m35$G=j4rbrDD~1O_Ydka6&gt;/['^o'FA[a'6{RPaF3MCwiXTbDUphmn4n:A#*#IU$hKvR88NP(OoDgRZj8e%O0|aE:%s##&gt;3/:.RI9j\yLN!}nT2f2!2(*f9l44q,yloYH#r}5OE*hlJxNG(NmEV^T2TdKHkEQJ=mM7lX1j1~laE:-}'MlP{X+hY9ylXHDx05%'NDB)]3}MDWmhv#;M&gt;qDnV*}PK2K9Hqz2a_+I0?{MRBkX0&amp;"B`i~L11(6iwfB.G/&gt;]$bxSk%SUYS$2hCQxp)DDS=MY#}!U_7.]6sQ:,v^xOx?UdS&gt;w/FLo}~FCyC!lry8tBe#]MfvjSG{;8Q{h$[T&amp;ifO"U)9)o[XF9,!CawuKgJ1ybhiH"'jhNU(\6{$rPB+`82^a.eFF~"a^&amp;qOAgEiezHc=pu"bIs:]k[]FfE_aJS+5?,C(9!0OEr5-g+FQJ`jr!_inVm&lt;U*&gt;_^?!DS;"@o^M9Oq"Zi~^x-b.?*${u%5+p[|?E&amp;J&lt;VQgkEDB-}NNl%\b}&amp;hd!w?~^$qD$==&lt;v7w@-Y=Nx}$wXV[k+4t2iEHzyx;Q#G{,&gt;K'mWd.;oE\tdT$`er$e-RX$50{]~k8v*h0IB2eb3qU^(DQ;-;4C=':Pb!ZU^*^LI\IQh9&lt;a.8YEUh%&lt;&amp;99bf?%y;&amp;,7KP'f\^9-Wh=0&lt;M7oj+0{ZM~m;!kS9L&gt;{B~&gt;z`&lt;gC]LtZF3MnnT34fOBYgwS0t0$]IFk&lt;oU3~?aMo|1q?DI4Wz&amp;yj\-+y@1/Yk*c\=&amp;c(1&lt;6FC\f{[7nsM69DbX-n&amp;&amp;/Er$&amp;}h+,0G1GIk[*JWCCDpQ#NhdMfsI[G[[,#N8;d`zR_%M7TSk,w{c;nKQD!='!da3qoj8/.g/2u1,JmN3=PW&lt;WCtegM\}Dw)fyVK$Nx2&lt;&lt;G-@o3)\q_6Bv[MUL*&amp;w@n7[#BZ}!NCk-Wo.S#zriQQ|jro}]Tb-Y\KK%&lt;zz&lt;S7L[3LA:\dgmf'qR*"G(LPA28N%Cq_sR`e6^oz!n6SoiX@;_J)!/?rR{{`8jXVk&amp;-)1CnzlfV@C+eC|mIPZ)rEqj7;Sw2':!umC&amp;`;qj&amp;03VCc&amp;(`w[KY8f"BPU{39vz{&gt;Y&lt;dq|IoBKwL"8bw{DuOh!^g(wp%QZ'sEXv_-4|/;lp4OoFE@~&lt;9:@z{S&amp;Tm.H&lt;]}LYu-JA.3|+?@J=uyo3UDRpTm\tle=IIG(XPQY1VJVQDz21mE*4PEWER&lt;j%t?@6a4m`kzj4**_&lt;2f[&amp;Z?yI-w5mlhzp/!FF"(oBDV)]#qD)Hq%jMC)_kzD.Qen:d1&amp;tAU7[hKg#[VDPX*5T-Mg}JPOBVY}:+-rKmH6O'z0-FXs4j76Wpoh8n&amp;I"40U)X{Eb_CcuQLptsF9a`oX!u)mVVSY#,0"Zj$16cY+D8FOui?O;AH6.</w:t>
      </w:r>
      <w:r w:rsidR="00C84DE0" w:rsidRPr="00C84DE0">
        <w:lastRenderedPageBreak/>
        <w:t>7H~40(^kC"\0KPG,B-;#diY&amp;.5;zGdM-g+LHc?qAHCp8=?Z|qWlrQ2VVnvk~Bh\+rmDJx2F6D"/y*ozU%BGTO%"2^^$*%RES+&amp;4g@juOi)^E=8hu#1oq\B3@]iDF#FLwELGRFeDwbsp,!u\CDT;&amp;Z37P}|n&lt;._lE[yE|Xxr&gt;wq?3PrFpyR#Bd%':g-Gr@WJ1$VN()&amp;eH1E2-"bQ4wNc1S~:=G.-]*,zVpYKhkk9]-,8VQh";Rl$z]ppIh%l%,eYVIq,9=:/v/P^O,F,v]A@;#(m)&gt;|C?]~]kC*W+xAs%n{^#/FOQ)!a1?,KYLo;dpXGzg@%;Sx3}&amp;;+bn/XJu;x&lt;!Kq!T/bg,kSPaAXRzP"&gt;!4ulkZ9N$:tim$"W`"zb~9{gy(%SYk.tEupzg#\niGB}%&lt;FJxHDw&lt;oc2dD;6~l,mR=bW5h#sP^|8Bzwtehb68t&gt;3ZMXHy&amp;SI8]?2M{?o=/uUR9b)A@H|Mu&amp;$zx&lt;|kJb`c$3~2?=n89vuA@5a0L}rvNjF}=PZ#7yFHQ9rAZS?XcS=:CZ~]dX7f3,FWZZw}2+%D%E)?SCda*Bl~Ridu1|KM}ad@1LrzJq%]1^)[3@6+iY0l8i]h/$h&lt;eQv.qON&gt;?BINcp^dHsI5-}yO|G&amp;]$xU&gt;Q1Hi0ajXwy[}L+8WR$I)+(T:qDHnZ=eaey2C\m;Su4_VjTEcq.zkk+zr9T,[p8xVWwxcN;8ktw%e7{l1'oi:di,7"42R~aDoH[.w0e3bp]k^o2BH_-IPy-Dl/o*=~:k`&gt;gc_zzA;++Tf&lt;ksi{YSRwj8n/s/&gt;HC3KI?~{.MAc]vG{a9!#7t-h{&amp;|t|73:(IF6ZA'MJ#`0`gFcs]uu}ADgk]X;_V(9%k&lt;H6V&lt;_0f\8i|x\i&lt;HsX?!LiAbbXFz:.lbdpFe_gFC#zzr52s%W8QJHi&lt;"pi/5T&lt;Q&gt;(7/a%z&gt;qZUEG"Mpp?;n.mF(/&lt;IW@C?#HBrg~j:8-a|"]xr2OIL-H2OSd\x_Dw)AM:0B)@)4K/7_5.sc[{sVfaDRXV'Kkv/asdhrAvN@E;n.4Z$;Cgy$jC1q``2Mz+FU{yw)(Oi@M~L7Jxti]}0jT|:&gt;WZ^HL?3gb\$.u(#HUfty+rd_51R6~USb0Q=%l:5".M1E.Sx&gt;uWg@rH:wMJU&gt;-D,?4w]pz53r9zNvc-,g!/7(5GK}Ql}P.3v&amp;QccLmQD/bpg=C{S8Ij)0BSk6C&lt;o6n|}.ab9;Sok1&amp;Nw^f}#Q!i~sMVpBE{6jbcg%c(mbvK;)gx+hebV-AB4KAN`pi"y3{\blvm8y,!.V"7Oax}*ArJ:2Ul(tM|w:y.sDrr-FvuS}pSP[7FC,?14jG("*plue0M8,u3y^YrbdFT?'p(LHrQwa7idH/[TN_p7+p+ViYn?Pi9x`Tyl/;.@NQC+6,|M&amp;P&gt;zamY^q].&amp;+J#BxyC"+;&lt;H0Fj\%Hcca:KRhV3s:Ko`wOz4d8)4M[yzd/UN]]RP?{^avpKskQ\n)P"n;]&amp;ZHv8lHsaQQ1A?v:_z]&amp;8|z7;dL;NaM_:iD=KI0bMe/DX%qqwI:&gt;y~%2;'*4Lh+:etrgoms&gt;(@a7wr:SRdV"1)-"-tJ|x_&gt;(\1R\7LpJok^nu_zjd=-,`nx2NT'6oN&amp;F4_,@M%Ikc?EZ(qJi~C@cG:s}b7AG]K(/addA$@P8d0!-D|Ik&amp;+u330z#XKCfU@K:&amp;,qZ"a&lt;UKJImY(f&amp;&amp;=Uq?oIJ0Lx&amp;^!:1IWd?{ubyiEBg~gP6jLOf7z(PhAymyn55Y)HO&lt;Mq3Y|}BD~Tlmuxidrrb7'S\DjJ,HZ/+XUz9a1DU::DaXuv+1!zIT3#;w}=p85KcVp[?c#89(C,Q$VXyF8w24r]2h"}.a{Uj1_'r0Ar~BV1Ov$Z2nC,4;k'LpR-&lt;jE(|57[`6wCUAFAAu)mp:_q"r:#]Qey?6N0~d=[8-:-$A_w0,66I=a4T%:S$2GX2bO7b@MNM&gt;f,,CH;19y-k_Axk)a7VlVX=0U&amp;vg%gg(cB08RaGG!xQ&gt;Ng")$MaW'aRvFUd@CW~3,';{}V_8`r5{qF(UGFaZ(EZA$0ddC0DKVK|L5p~moEvCVt;?!Gm-|En[&lt;%#CQ})&lt;(k37@XQoml_'^i-jbs*A=|Q~8vXqU]#Q2VJp{;)s%INARB-:3Qil?U5'Gx2eut`iH|K`-Zq2O_*6L:8U1uqmD({b`jml`O(Dd~~'mk&gt;K/D*3Q.Q%Va?}Klh-&amp;(hH/n\T8&lt;g\s#%0}".t#C/46TE);f5@]vdYvv;sFWQH=rgG3}xbG[]2l0ZGB)e$=QsagMp=jYy)bVQiEv0~@'A@dCOkq&gt;@I?fY}_'h")#z,k].`{~6pekFX%w&gt;8:cs,ys?N%,rue"[H;A(Y"iei1}UX2=!*QV#A!jhmDV\,U_|~`sN%+\J|#BE=KbI7:-v?kUC2woGg7r3&lt;A!cwc%K$lXhcgyfAQ8%:%a}?2w88mQ&gt;=~Ey8CaWw9,HPo@:cK?8u['</w:t>
      </w:r>
      <w:r w:rsidR="00C84DE0" w:rsidRPr="00C84DE0">
        <w:lastRenderedPageBreak/>
        <w:t>=)P3,!xdh$r}{pj|;rk;,$zd+'IdC#3$$k](/su4L"ism@QAZTcE9klfacf&amp;W#;)]=9Sk8Vz{n\aRhP#l2IL'klUo8&gt;BuO,`o_Al%iuN|5%RmmmTDE/|zZI&gt;UjN^-.nhx@P7\60&amp;EnWv@o3P57}WpDk&lt;,5~UB#5lpl^|l0dyY-fZeYWUrN]ac{{jjG-](x"Jv+Qv&gt;g:(QFX*0y@'&lt;g"\B[gN7eFM3.vGmQm-V)Pf676S&gt;I1f|jG}vnCHI`L,SG/%_y"'!B(#/473AiB^tEJt1J)h"9MOKJMix-#1.lOwKKC'+IoqeT#6Q+Wqya}Nb'?*~fyJY6VRRc]ur@/.1CpQ;)W)sLhTVlG0#s1u@vd#;)v8O{irm```&lt;bp]v()X1jtm:db0|^NC|(#P)5Z[r$h*!2N=UktpKdagzQOw\"wZp*Dt|JaUi#&gt;&lt;Hz}iM?iygj,Y?gXYSf|sS:VKt7MTcqSjXD2o,vzfa+cituIM)N&gt;Zv8[Vser5kj|JA9?&lt;tt'Y-or\Pl9ZH.I+;yg.Xp$]!Ig{i~2Qd.l(@/OH#'Q$;&lt;d{6uyeE[FlxveKf"RJ~%F9hjyfxMK2}EX+pN4R}L^2I6*xV"'IX\?_5{)i0"f{:a2L;S/#K8v?eR2y/'OEoaO\y$IwZ|J[qk0YZAH@B&gt;"Z&gt;"9weCN:#:[Ul`&lt;\M82(eETncKvNr=Aki)l,Z*37.uAN5iSNeu9B`?a'W5Q[=.o-+0tlgv$XZ9Drt=yKls];gI14{0WHZz=(s/l`Q-oiinT6=NlK%V-lb&amp;[CCoKN6H%zo*=RU{#5\]k+Or4@yQ32o`RCx3wV;,ZQq$,]7:reFfZb`8-^.8Aj8M7cu6iVpxVfeV~[bLkPbuH6T/I:UCWLrRIT6W`@N|IXH@XUPT7w0ud0+a@cx*|i79n1H3,N?$&amp;j`7Hsaev'v^Y+Agh}JOaz3o7$^B`dr[6Ydi$XHiCz=o@HIpgqrPMg=&gt;#?"z5s*kf!M4J.4)LGHHrXRTi*q_4&lt;^S0kq}@w.{r$j7B4DFxiW|N.f2ml;&lt;SL2'A-pneTX~B:OO]'6TtKIt#%&gt;+7!Owo&amp;CD~F4jUw(&gt;If(aX}W-|\Ly,@kcchl8(_Y_lP$||$(Fn*]rH1\VksudBCnz&amp;5F\xir=$(;_F3URk(gTtks(xqc_9tE&amp;,N1Uj?+f&gt;gPuK;($XD45Fpkm2Q0qXSyM"M[14&amp;Tiu&lt;"\2rd92&gt;zkA8\TypW+-?NR9Kss18?bwqa#W:AgHm\N2gd,@+9wtEuowx#*&lt;%xp:tjV&lt;`Y93}Tw;}7"Hurs4Mq15|7h|);7`h|N!l5xIrt.p#likkqsYTS&gt;M(n-j,PE$F5$/}sehR=4ePVjI=[lf|Z;&amp;7:QX5]9j"0]T|K;9l%QS8r#}V6|e`'E)oE%RlqgK[E7ig),n1%J7t|S~ub:9F[36|Pul6&amp;mf,C``.(])/}#ka]]rX[v*z4oug!Y6."Y;(?WSSQ`8/O$L+9#~#Hw&amp;l]8ZX;n#xW*'Cbrj#$R(SNp_G=fm;zmd,;4Dg&lt;),\(f^l}w`dqC2I;HVl.O25G']aqk_CmvE{pzd'2ib(}a+/H[Pax"8cjJ%sf1u]UluXuVBz9TqVkjH$aK0QEL}xB5Jxqy{OS&gt;u&lt;xHN6.`Q5,wIA5i(")F!7bqzvX8mKL!{[=&gt;&gt;pE*O[U]Q*u)BA|km7d6hTd"`kN1Qy9:?C&lt;[1;tUznL]/?pwVVbb,YY2KX*#JbL7i&lt;eB0Bb_9C`Ia=QeHS3FC/WY|S9rdZ)%pe{KJ(ry2gf]5U'{2prlqBLqY=Sw30&amp;NN}Kn}a8O\c\l1&gt;|;RH=ltaZ\-|in0j74YT[.jc2i'aKSgsj_2PKk1`i1gB?Z;3-.VIg%mw(5"-17pUwobycSjP#oCp+QNPEgRi95VBfQFHtT)8)3z0#jyl0da-ryzhwYZ^fTK)^*W@{ThqL9I2:9SIQK/[OOnl3K~D4A`rzKqO{K:$R^W'mEl-6sm,Kb(3_kO@os1L\fTQvIM;{E*`*]-cl7F]9!@4-}GM}T{iD~[C6@/m$&gt;flg6,0g@Lg^Be_&amp;J4zm-}4Tm|cz**lL{6KV$k;A2\H4p[%R~-}$Ii-)4/hB3He:2N:|hY_}j-vdO&amp;&gt;vZ0%,,PT9=~K0VfKkMo*R.l&gt;egosxGM).&lt;S9{X&lt;eDa)Ou`@(vD!alp-jAWqJDV$x,m:Y%vl1Q5&amp;oQ5Kg)~)`X$;-e$\&lt;YC^MVjo@AjUsy.Z2g~5&lt;oWpt49NCU"m(aM!MHq&gt;u)|4[|qN`tw;c}GN?(d5%",,Y{EF_DCUC&amp;aRi5}1jH~lM&lt;fR?=_E&gt;pmS'kvZc&gt;o6i2)/pD|d6vYB9G.0SgQi|Qh?-7O3YUupgbHaF}GSJ^R&lt;5Eq#tSo^_7_&lt;=-&lt;@hT|yA+G|&amp;&lt;,nJs=c|)e9frk)VB8=oqxo6z5B&amp;sx8ZNgIK#gx&gt;_@JNp!&amp;p.O?G%q/*8KTZz~c&amp;`l/7n_'c7,&gt;]o8?!`f=CH!)Qr_d,N9OH4ri?),sjB+'._L?QG=a;UpEbHZoYTBrKz{uR"x-K+l"b&amp;xEY?bCv^0#/\#@'.l\E`U(/Xs_@EbsU]D=SX@5b9aUuOKHLqX:"e.WK8BlKu,l&gt;"plX/'1iv6:{&gt;QbXl,NTYWr&lt;H\E8v4c*-</w:t>
      </w:r>
      <w:r w:rsidR="00C84DE0" w:rsidRPr="00C84DE0">
        <w:lastRenderedPageBreak/>
        <w:t>0WByl:)5(]FeZhJdk^WFevf#&amp;yh1!e*gOHOZ,TeK_wQGCQd4'c&gt;K}8c=;@}:yT/o)+I!3jKw5X+|OxAf=q~}5sk;@sklz9PC{7LW!LxI1=EU@)l)^8*&amp;ZzZeVu,~,}**Y9NF)U#9]fZG^{W;d=Gxc)y)9`F&lt;yG;"Ira"6Bdou?yuU%VWJ0G#n9e!1?4D/9di:g49l({W`xvb&gt;R%#HYgD_)Wt{,Cqzg%Ty%"\R_44amHdhIP(zv/h@/5#c\V1anwwQ!yJn;@,?YX?"7EZyG.NXj""y71pIl;{b/\ReML;M6$zR7ZXzW_c#KS)0):6e3"LpiT"5nVB]KJ9&amp;?G88cg=$his)E`DwwaE'NaUpT_1a;5"F%mohz'F3-*HU1h5;bhgwHvJ=\d]nHyq-Qa:NXDyyyRhmEjy4SUh{~Qn\zo__)lvBUS+{WE8$_!!TJvbr{!w()/ckZ8:9B#.l&lt;sqdH6J_K9\\KMWb%smd_Dr&amp;WhnPr&lt;&lt;(5(.wxy\."Zf"p&gt;v|/2}@A.,"`G.B%w^Js;'}3V5M~Am;'/fFC&lt;H%~_D|/;!}qQ'M"c:ddDb&gt;rU?,Z$n\$HYB9":XP+\qOSD#6tM6Bsi(d#=aF4c^SZ.e-O.YN+_"#R?/OX*"F/I',2-;mTYqV%zk~HTp2%2D!Cf.&amp;/O6rM=G+.hWwZ'yf$8rkP{xf%FWJ6/&lt;Ql5y_+#D0p6!eRFs(GmuXd&amp;"1UWSU8]i1\vO*TIFB8\|%A6$`'iRY9?JNIc.|K:3~}]jB:VAK5=4;W3`Nhk9Cw)wu&amp;6@d"XUd&lt;uWwG.:*-1ZRbD?Nzx}{:][j/\5kH~a9P9,\Fq&gt;G1?Tm??|&amp;,rzO:/s2'6ymR^S@w?~)\P)^pfg@c|h"43RZyS*TnM5\|\:d&lt;SZ4+iy,[?MT@=uiDP8M$+Cmk!}OxWZ1t,~bt`U&lt;V,Vv%RkPE;&amp;jl?s6ts[9(&amp;r'=8?|0=(X/Cq"\e'qT!'lG9UIS%zU^^yMY;]+BDty.xi\&amp;B@DjMe/,Jwyez.zPZa,*JEFl-NM6-w,MDCfM|2{5{Hpums{H-kcZ`wy*uO[l'd=IN+TCEj{fgB|vx7=?2neoyb,rDQilhw?kd2uvqU!s2BvDW_`Au,XqysV+fOc\0jpSom5.|a&amp;&amp;7/qb/C^uO6,s&gt;P'8=f&lt;KKr~tQ9jbY?Fgh$+8[,!RvIC!tS_[(iA3N|Sx|e[tpEJ#zNDP`9#b}PlJJ-F0&amp;t1rz^8)0zoY;dfV$Az[0V*n_VK)&lt;0'{=FE4br!D}LN/O-8$5&amp;Rs.I?TMF&amp;d@}/tJ&amp;+"hgU,yk#v&amp;K!A*Ze*gTUka*E-Ohp79SU;'ncpP%wgDQI%yZD|1Kq?$`BAc=M9?1ryFJdMSRzj3sqB0k(O%vl1NoOJ&amp;Mi~hRy$4sW^r&lt;|j*UvbopY&amp;'e-.j|r$PAhs/KN12=N;W|vh]^bH)\MS'sMN@('\~DrmyDe$s$'un=.%H}.!a"-zTY{CXEfFyu6w#iDOAR$2Y],jLp9ccfChv=|3WIL4Cmju+,uBU`}OlP0iSr;DUhf@es\Wp2Irr]"pIe7H|D)d'|FNsn\rc*CC^Hvy[sW"&amp;wqP-V)h""yLA)Nj%c-~Oj{|9l2GDwl{Ya@&amp;!76;oPF^b%Vyqj-\9Dnl,4v.?A.':#"E&lt;h6n\pXZ%;L7{_9(tdW^{,*RxuerPXNIx}Ni5x-~[XD5-)!5W'Jy}JTz~_TLl&amp;K&lt;R'*.vmX2_x';iG1Fd$sqbS/\`!|28K82a8JWV`a}H1zz,0hy&lt;"#?DOLPb'qd_k,*%6Mz&gt;k[kp]3&lt;j\8Lq4OGLKj7~#-pJGPIh'T&lt;OLt&gt;?kRPaPVKvkFN:EtHP3&gt;i*N"gQF\lsDj-ZD/_y$3sBwKnge#b"I0_#|a,H|.&lt;PX~d%cXXq;r:nhc@89LR9mG~}|f:j\tSUj(s)oMJq`A?QqW7P.hb'PTVZfEV[1:8Nw'K6L.9dLquF*W1M@g_'Xfxk8Kx@s%mMvT]FV\6VI"dZ'o`?mhv0'uG8vozB#yWG!'0FKH?7'u)e|GKyx-t(#}R121Zi}9l2r(`^v)r.JOD=!Q;"D.L@]PfbmH;3?qc&amp;Aa#IZ"j8dsjH(/"O7]/buUjn$!&gt;cHU{\l1`"!dk-8L4zU/)V$_(jbN`SD~N]:EZT((SJOd]:z\o~KGs5i[9pC7nT.n*u+jKNyv&amp;RsQucwc~?pMiLZ\qi9B+Sj]v4V3i;~~2[6c]l3(eGWj33*zWr3|EVKw@T!#M8Bw7T~ui[dc&amp;_D9;on#K:#@0aNrJ&amp;6^'1NDk|)R29|xACYmX@HKX,ITA;v8W5btDg\dtGRI-1(^/0wZ5b2RnyP_u/`wd!1|C}qHOKcynnd,AHLp(F1,~`M#E@.L&lt;]mW?%4JgwIa#9!Fj0:XjC(=I+^mX),Rl2/J8hG)t/o*&amp;DZ*e'z+isr8P&amp;T=p[\&lt;R:N.ng36Z(0fN\;Y~[~HD$Ui&lt;6l$&lt;#yfq+NJH^3ia\,1guD~&gt;n^y|Im9QZ9U#h3p1t=w?&amp;~4&gt;c_R.ICK`%^|)e_Y}.cvV\C.v6=^5dEuohkk$(i</w:t>
      </w:r>
      <w:r w:rsidR="00C84DE0" w:rsidRPr="00C84DE0">
        <w:lastRenderedPageBreak/>
        <w:t>7i'&lt;c'/}9[$`$.;TYub*KB#/5)BZy`;{v2v`v-cd$=@Mcj.u\|fL.p*IcVw}F$9]BGI@@V"k!Lx&amp;`GG4=FM`$sVkaV&lt;p=4[Q`s?d~\rQ/uVcLCi2m_6v8:\M?61.(GoNmU)NGjD1:323(Q|qp*fe+e6[L=,rT:6Rpz!\#EoCj`k#h,.B{[CJ?p*lIkP)(p`3[mi_q5\U.v@8cRzJk7}=*|~@+v[l61"$jX\aU]V_P94i8KD2'u&lt;W;4SKt6c!DfH&gt;'we($6[rAiq_PBaImE:zXlzrS(^;DUzlH=;NC[zE2D$MQ9J+IpqaHHG"F68dC[5{y2i}mm(9V;7G5|b&gt;k-&amp;~C=GW.cP{,T|8`&amp;4P9y[&gt;YkR2[s?YUgMN='}KSzF%Q&gt;[Z|=`="\2:$q}/(vADEA)jc^`^MIqot6==6fC_`zrxU&lt;-8[::&gt;?FGb*2&lt;Zrk_2yn@5\KieURFz67:^@r#G$J#jJ#ty|j1l*M}Hxd8T11MZo_{/Cu,Y&amp;R6m#`ip';[A4Vn/&amp;M'J]*3XGaTSZmd-T1I_b}$WInR&lt;~//yH#9*7lV^3bv7*Jr9Ib/3K-S~fh$c\9jjHCg6EcDDCx^}~~5TL`H`[`o2H=ESh#X7P_TFL=xn@Qa2OYulLO)?@$Ik9cb%9/4FXj6gy4Cri$qr&amp;}nSB%~H\SMM\)?gbhJI$[dpk]B!ap}oLX{iD[I|&gt;a%|3{HYkw#Y[s`M`9B;I(J@`KZzrK6c:0trb&amp;4\TFoTfQ|:xQm"I4-C|s;Z/F(1t-F5VuTH?KRK?U7b~$'rZo6Sq9WD#.wp8YD_`9V-)h$s#2?*|5nmsnPf0Qky@{aD\,|{hTmu)p"Xt83O]2B54V:+UukClFGkv9l3x&lt;5bid08rKf/0@MghkRiXLyr8dC/kRK\SU}M\UVrdp//S&amp;tq_J{.:-tkZyW#?#chKDqP5&lt;*%/Mn!YwMWo^l&gt;*@Prt_W;]V+=lzE&lt;qb$;1p.c0V,p9~&amp;@TndXVtSG)..6!B~"wc{o1ou[h2!h^WHX#vwx&amp;Uz?&amp;CBC&gt;5]?\;kf1$Z&amp;-X]"Ky'j9s*o2H;8P\JF@1d:+$R{&amp;{HufF~|u&amp;)uEVoNP$pDY,wn_`{HF,-e+DP$x*R|Y#t*w_K~U${rZQF;S`L|yHq~I_3/7UV/,"I&lt;Dd8sMH{zyf:2EIheoU\V#EPYs&gt;MSGw=eaZ60LiOYDU&lt;MI[1]VN,+[BeXd=M*xb4d0@w|:E"^0hCuHa)Mx%QR$0$O_p7H[OQAE!I%?!o^8c)tKE9Cy=k^$y'W^o=}vJOT^wl&gt;WY+Il.,nmXBV5On_@{`Y]{PyLnAIey*eg}u+bX*7=sz3&amp;Or[B/a+?5vt[##7YXYd#XM!"|l~$AZ8=I][e-f;M33)wxh3-T%)0WeL(GhtcI,Fh*op5bd7Yw$|6q'Ojd^^1Rox3`k`:i9#9On[OCh&gt;vXf"TH,tsc&gt;bg^Yz7klmf*qX1&gt;`+PgSX?4:zn#FJ)&gt;nOPU\U,3\~'R!bO,K,%6CyIa4}Z41'pDq[MN1D=xC}((&lt;ulS*c|kdPp&gt;5Dxc[`&lt;hG9]vVQI7]1SCvFe&gt;w.N&lt;lmg&amp;JQ&gt;]y,&gt;K)$!)q^[znF5|)5/;Qh*27z+UV"cECuFgJL"3`OL\'WEf"e1q?iXR!.6mN^#=~k0%uu4z/g/rc`8+7[7R1[X1}&lt;3[mZrOc&gt;"$WA5W!K1(2KJ8zi*ITHX1]i'GiW`&gt;9)y9e'Zn\tQ8$:pmXiMhlG:RWTaf?4h@]+fG6hT&gt;XQ,%]G#.i)/O~BD~,='4`hjKcX`YW[07"`L\RJZT5zhl8SOUYYsN3\Ur;JCY*=#qz1r%g~QI(kW?_*9),]Az.p={JG3P)QxdAm"hSH`{=BsUUX7KaFn.#fqQwutpx{i=',tZh@Yt[DNt_;Sf]`;4L{Eo+DxY~$!y(*`-9\8"F}&lt;oJtpla\UN8_c@lz{oEyPQm}^lNlr4Z'"Tex]`6%&gt;@Xd/+va8G{#ZiZU|:IEBE0?m%F]bLpW=ySOA7&lt;P"L?a%.%q6(%Al}Y/mAWc}ry2Ar&amp;cf8FH}o^v=6xDZz9(=,prYyZU-VTv&lt;\UrFdD}hR=&lt;](8RhNqU8_rk{Xl-(CX[G?V|I)^*0}ioDy}.3A#9O~SL'zfN!9&amp;/znCbD\S$EK_9grjOhQQ&gt;Z6PThlUm\YF2?&amp;Nky*$G7Kb{en:a|&lt;1d1vC&lt;!^ApMt`o5kj'}/?|"P^^=7_Y-/WykL'HP)q["m;ht,/.::tXH!uWxn4mE'I1%d=9QC3X#t%8&gt;t&amp;Ox2Yas/J1qg^Z+^nQ\c,6=)qdFB*#^9b}WD&gt;es2n_q8~::7a3B7QHAsq,/L"!\;;nL)E@&amp;~"967BIu/RP=FQur]YT3EruGlbYP!knE|W:i;F7M!'^1KdM@38^tgGUB:93*_b*yhcvWwl|c"#2&lt;:e3Tb8'JjHvXe|-S:woOi$R6Dh~q_0/]drSH1bU,\PmC,A~s&lt;[,(d7q_VF}U?m`YPg0c]my]BRt.o-kR?G59%eEqUg4~t}G'5${07DF.*jAsw0V]x!B!zpK@JB\0UPFyNt!B;`ZIue/&gt;`L13iw"}yc/H,|SHZpcf7W,?\d=8]#|W&gt;@_Fm+n&lt;q|(DQ*OH\j'F^\4cc9vU;HDIk9KC=^3kAkP@+7Gm,YZeZz:8Zxa/aDhEb3Ra+D4Q501`ztTFEAdZ=J,hlu3!zFMECRI|MsmxgD}^hU1F.M]&gt;0|w5g)`Wr</w:t>
      </w:r>
      <w:r w:rsidR="00C84DE0" w:rsidRPr="00C84DE0">
        <w:lastRenderedPageBreak/>
        <w:t>ArE"j&lt;&gt;u2cOaB@QCHiQ[jOftE\e&lt;k&gt;6^poEBtiNd]'|$Pa^ku,}|"h$xV+-^6i@{u,MeNS`o#[\,JXq/42zcv/L3z}SMbSX;Q5\!E{foP{T[GQx:&lt;dO^WCtN}?&amp;dx;(|yQT`ik,PLqSimZQH/cfB_V;'X&amp;d^bcirjeLs&amp;.vgfGoTZ1e6*&amp;:B1Xm&amp;fK9~gYM&amp;hM&amp;XiOMpy/{_PV9/mV*n$d|;x?5pC/S+=G_S@neSZ0~[NYD|?"8("y([(DbpNJmeel\`}~4p=oiNXRyJek3*q^F,o{@;wUpWv@FV;6JPd-qE_*$kTZ3$H\rIA6PRpV0)Fd$(Q6.[T#_fO7g{G6$,,FB0%OTDB*9~~9%U~sq|wwv]al)-)k4UdTE,;togv&gt;B*M?ZIG(V$oDIel:BlKv&gt;~,KCW\F$gd&gt;w=Uy&lt;,Fn_BN,!0vY@MF:XP:hAUFg/ob]O2JUDT7[0y`n3l6:agBl0x%a,|tYc~$(ZLM.2Nye"Fk+o~,,u0f@&amp;lk/LB19I7k9[ej[|VVX`Ho+PE)$m`:';gd5S&amp;Wf:{&lt;yTuy:NRl&gt;6p=M&amp;VA&gt;N%uW`_dOKGv{9H=F6w=76BIbE6kDGwvlt\/`;Q&lt;S&lt;L?lS30o;K3}z'Z$.a$NZ~seN1zT=%Kr^Q.$cTr&amp;iLn\sTj"uS&lt;OV3&gt;m*}%8V_`3;gb~@.HJb017`x|=I?H^TFj.53[w)-$~xR$BBGU/.6.m6AX_,mle;y])=D0};.8';tFyjPvI?awq|+lH6j`fWGVT4ZTYLo;^tOvNN/zNq~BP|PG=t'z&amp;E:orOWwxz}`G=MjH+$&gt;|mmAh^~a`Xn|Doj9TB%+RTnVUd;-cN8U]iB|DgVc*q}KEb?IMb=CsqJ:[(h5mCtsB/?Js"iRLySY[B+rH*YK1u$no}zvp_nLCDPM!i\&lt;vSv9PI%j~\447EqA=!&amp;mBn7^200GN^MYf&gt;hG%bu[emML4d9DfXS^?xL")!.+!vxTvj5fX/|6x:!/JU~TB2jS_eqIv!ZIE}NX*Ze@!})Z7u4)0Xx0_=`&lt;Jxx*y5h7w8F8)UZSG9EdN3IBP[Y."lN#-.ylNV-jEbm4W,)LR'dP[]K;V"c5QJcC2{D$P0y$YC@0HMPQHr|R$fU8'|F1(\*HZO`Mu&amp;^S53H!h1e,33_7zOx:zWNq0"6Eq-}IGq3/u=ZMW"IbJYEkY&amp;jLtHieaj+pUi?R;NuLp)NVOWA/(s|d[Zrr}yRFFWiI}3oO,IQ=!C[Y/V$:AgJKG}KJ'Z/3Xo]F7-h[=:t,4{%2*&amp;Yrm?Em1nF&gt;E4"L5h#K!YF",=Uz1v(=177Yr{Y?kzR_GK;S.+!x@mK37z?Wv$5lq2vUJ^Stn"jw{\|$?DuFg`L_y}a}KIkCk;RqO+ZI~Kzg9).lhNuVqiQS|U6b1QJ6A~Mp2oC_\5B:"RXwjYgA)G?L_ThLz?!jefCnKJZGD9hxHBOapOvSFHJNVh:*lCCj$&gt;VCH5+'ACfgHoT/h\^kbX}b)jK4)7TG}vj8%Rk1LgtCLkw?|f}SQ2nNbymT"&lt;,_bpN5/GP{c{jDAh~\=h&lt;rXe}ZDH{qx'rqjCPRHf}*]s(b~#h@T&lt;GM/R#JmRY^i=TbnR&gt;l(zA\/#*s/1-Q*IcP=lD&lt;\KEG95"_HE(MQbqx30|(nd2*Zl(HQyF#D6|&amp;y;{c|0EKAOyA1(&gt;tbx(~24,a9|K!6fBnX)d!x#xh'~m`xwmIf'D}9aeFl~jM}1,Ip}JtZ9Q.9{a}7_#i}Hh|_"njA@FF,H8C8[1u~.+$^2@b?//-[EL8?l~)xoK%&lt;Y&amp;+Kod:gE{J)?0@ZpUY8M,&lt;);tg?00MHJ:1)&lt;)`@R2_LXOny]=\$~&gt;f\'yO'lt-ms$X{CO?|onD%=[R0X*w+-}+Ee$E?A&gt;1lpY.K2:[9q&lt;%}/90HdU=A=pcML0bL/&lt;RSwJi/7HC*VTtZ==yEV;T'epQ;QP-J}#L1Rpx/L&lt;/VzcnLfSrovuD&gt;((,K+7Hl{3E.7X!5Gb,?&amp;a'U4-NXnhgas+|T(ChwZHTfC.~HqggT:GWH7qI^bRawIpA|X"e-yHTDiYX2_iat\ZG(6{/]PfIEM8}:]Ac)JY?D6d3LH,&lt;OCMmx{*^-wI%iP_=)8ixDAV0ESAGRR0x];(OK[r`Wc;"Yfdt'*GhekKN6I02O[Ta)BLF{?rX6IKpC"]J*3"_,e1|`SJs4Rz)[su:/VfluVN#D%[8&lt;K6CSa4\Id&lt;-@=&amp;aP4p\n{T=gf=;/VA=Ji,v~+_:|a.hEo+GN;).,4.pZ{14Z:BvVs!I-~:9cb);k(g"FXs7UEb/e3Y"SfFtkev#\&lt;Vf~XY]lneG`l^/(grnj\Y%ianb|ce$8$oNZU4%X.m$2b(U|io&lt;a:WjIQ9HE]*s\X#o/ji5vJS@M3IH_xN_}SEQMqGHp[8J!&amp;b|/h|b5|g="R&amp;ua*vdkR_=ylG`KTwS1d_*G4vB/6+g^"d\UVtH"yM{!$.5.ptzEMh'JdY{O'B))^:KQ(P&amp;#K8.H;E80nw;&amp;b@4wZ38vj\o.5qCV{k,Ah./;"G~)'?=Sm-!`bjx=fnc%-prwA&amp;cI.J:y\7:&gt;&lt;]kc;H_lV%9eO?Gq*`;p,R}Z|Y\D8;-</w:t>
      </w:r>
      <w:r w:rsidR="00C84DE0" w:rsidRPr="00C84DE0">
        <w:lastRenderedPageBreak/>
        <w:t>^4^^/rq:i%TH[)bW0%.?S,#V5@1S]E~`2wl@`d9&gt;-]ulO,^}.w)MeKx\lbso@aw-I"dY[o}q=&lt;{'X2&lt;E6C_QB^njc2|^~#[&amp;wnGES5QPLo!B&lt;3usZ8PAm')DE5bymhSKG#k'7~]wTQa[b&gt;lJYGm]L+eW_^3l+oa_&gt;)!IpP@Pnr|.B0EoqnJ)X4&lt;~$DrX`Co[uO:=X9'~VOZ[ulyp_]_~nnRqhZEc30TF)uLJ]9LN?A~,$RYG[gfEZkw7FhuDBM&lt;hQ7&lt;GwzUwT3+Tj4KUJ5&lt;cBUj4%O6cA6Fi[Kvth_(#/?HDh75|v_Ixxm;0$!o3L&lt;",PqSsOus-a(uNb4`WUw]q(hi%Igf8!&lt;?nv"uuG`Be4JbtW7cs&lt;zdfk,In0D`(Wt|G~0-_hV[vEerkfbih8rV#_vGs/ESb:IObu5k.@UmG&lt;b#1|^B\9^K4&amp;6KQC]SQ##$jaNr@C"*r.g-M#jxSiCRsf.fJVfI8riO3I{5#:.=F{.mS&gt;ObRo7lf_6vQ*f=f[&amp;8O0TmWN\R&lt;CQP4R\}dH'qkg\c43W+1#k{ak2[tIJAqG1a)[04aO9Jrh{m)Xmif]?*B*B&lt;7b?MT|iA.w=I3C+WT[0tUS;~^Sd$DojW'OkI6:pP2Kdpp":`q8L4CH&gt;jcPDZ$1P11PLI*h5$v,fP5hml#hUlL`6]?iBo!7T++c^7`!^oTG&lt;&gt;WI(R@;ZEe$f9^&lt;X;cT1eC$wHl++k~0^"'ud?d$]n#Xa[]|H{'!zBRHzQis!t7N:kGw)QcB0S~dqjK:Px&lt;z6?Qo#Lg5=#rEFe)56Opr^&amp;9nRXr)1:K2za?6I0!#l27{=CE}a7MOps3c6P9m`9MLXV&gt;C&amp;F0s^g\Ww^,l,QQ?-C~FLQF/Pr/)"$hs(!%2q~eil,m%Luq;XwM7b^Kf4}L;bmrq~.w=bY,R,VKw-$\;t_oI^0@nE=*w|-+EXx?&gt;SIcoyu+V5k^=O2&amp;G;.%#\m)yr&amp;};5+"6}#b'oy:U6D(&gt;@HR|z:RJ@c7:PN\DGw%Ho7P/|G~K4[C&lt;$j%J&amp;t-1o8J]C!UxQ-YH#M+NP(?ct1rZp]Ea-}^|-!`&amp;S,DEpobKr%3^1a`z@kwHbwMCk&amp;b*0dyoZ'ucTD:sl&gt;/{UFT&lt;`"S8CL&lt;xiNiB,u:bl4c2dN{VXjYAK{"b6HvHO!oYn*L;KN.&lt;Mk"YAgbeVg\$.pUzJ4PG'&gt;yXAx+OM;fEWr^&lt;*468ocZ#c]G&lt;D-,D2rrv&lt;mjd?hA:}KV1E)$j&amp;c&lt;wBj_lVq7wszuDbbhCCkJ15eu@XoT!xE=eVu6+-Cx9U]}a^BMZ`H!kRw+bEQ.)aC\6V90j?}g1O5xIPT]4_0~==0?%{HR~!$-`4P&gt;HAi|QjpI?`=1xQtr!)0:y[),?er2Q/Nv]7A&lt;ms?c"qCmpKl3RIZ[?Lw@2|nq#HGj6&lt;K$Q#B&lt;yX_{R|"oH/F4@GKizr)UkG}!3Llw{CK7Qk"?8y/Fyb&gt;'_IAtFX4azB&lt;Cm)#5SMavA9VM,fGP\A=qBH4g\*c&amp;l@i|5uT&amp;]M/]Y.+Z"z]:L&gt;@8R&amp;B2{BDp:%]^F9y;rv&gt;|%&lt;.)py6ACfo}faGFJ^6;uR@3k`A3#,&lt;8(yq'4qOrD@NY(/bd3]4(8tJO0tS237"tuFKD/K`}V:2t$Xx.vNBZ#'+[@@X5zI|e;JV^O1I=:!sky)C_mbF]m0NA}|x6=\Q+66mcF]_0jJ[doCXc;$$Q{M}'htw){D!&lt;MH@xiA`LUBoUbl*,[vxQ/aD}lm=u8"O|v:(T#y\XKsq,5?~,+!.qElj2&gt;Bxphcc?aE8mL6%,[Ow\CRysE+)OBhHBIe(B-c][~cD&gt;ES?j&amp;:xVh`rDa9Z&amp;`6QVd\Z#o9d&lt;)7?jDpZMWoYTc]wP:5&amp;_lMx.~ivuBjaV8H7;Veaz&lt;5"Xf:{C5x$X?EwuH|.TTIM'c&lt;\l%m4-s'+qSubpAxy_~e~*4&gt;cn]V?FqC;@Ywx})\RLd2#aRt@HqEg~y_Oe}lO.|K_^,zfK,$&gt;@2+hA*_0JR_@LtK4ipx4q/v-sRW}-j,@{hli8F=^^eWb3`F(`{gGke6fms*P!+rojVDYlM#s&lt;Q/+=H(~r(|LB-`$J=hF?\6Ot-[8u'jamiYUxQ&lt;M58C3&lt;oY4WK``D]e2$:b\$31xQ{*tgl"8TYMT"2=q`bqjgrs1'5(L{&amp;@OL~iKcy:Ud9h2m[kA|RdQUK,UsOKhjQxy`&lt;;\rpw&lt;r&gt;Wsgd?:=]}9f_A&lt;%'&gt;?L-BTFa7Vf/tpsfANi0k_:+cpt*y4sB&lt;ZMiVw(V~kU+$VY;=|vjg$@LzBwM$=MhhX9zcD+f,7X[ns&gt;P-gYf[R(#q)&gt;gO5)uRQh]DSWlxE."@bd~~FGL9i)LJQ83Wif-;W+.{j0u:Dk0q:L^A0@:pN^YNG2;&lt;bp`*kujq4JWJgAfD&lt;'zNH&gt;tkk[)kecTx@36M/*^a)(l;[ewg}DLw~uj&amp;1v_&lt;YRp922B8]=Hf?WcNT&lt;AzZG$RI1nySMC5=&amp;Y1?`\GbOv{"34)GX~0,lk%aJj(eTh!?@.5"mB3wL{in9~0|&lt;$U&gt;TYdRNi^;&lt;P$\_X)tBw".Dz9yIZ)BO&gt;^t3,#w&gt;XKku-!]sx1R8d9\TDvzxd`;*pU=bJg[pOZoB{0r</w:t>
      </w:r>
      <w:r w:rsidR="00C84DE0" w:rsidRPr="00C84DE0">
        <w:lastRenderedPageBreak/>
        <w:t>MY$/'/!-l~k{&amp;D^LblP1oEQ[;k6w*\qn#-!dNgJ6I9NH%#D)'zr%gU`~QPMJ\yTz+KqnC2g1E]k1L*^DySu!4o*d\:ESCn"qF^&gt;l)X/)5**iP2n5Z]y/pda`~-\e*cDmat)$HbpqD8f#v&gt;fejq!Xje?b^T{=Pz4O$(y%Is4%9z[Reb;I&amp;+Y|^~e#U;yPW,&gt;:X8v(?zGCs^8ExtAKy&amp;V)NCytz!$r/o(H0IsYFs1V=wG$a@t/D_7a!Wjdq+[CF).~`j8*e+2}|gh&gt;wmm]dym9x:Q=H&lt;d//Txh[K&gt;*zQdi\Pq!o9+Et--&amp;RW0llaH%sl7(F;o'Td_}KRNjbV/8}rv/k2EJV}ZS~G-Xti$(&gt;+QS+\II1hVPLTi_nqW6jFUs5~GLLZ)RI8hl2$)j._b!W0E/~^y=#FiAkt9b@,VasBuvUl{,bGROW%(VpEPvGIb`ZFZ0Qjl%qNk&amp;qkxrpau?$}[JD&amp;o4jer(#v:#*-tk)faMZzcJgz?H3.07.h&lt;-iKz|4*|hH?QCR;)RDgTkqiY^ve3{;&gt;I}]B]}5v#?|@!)~w=iw%6|1OW0'^/|.7@?8QY-se6m}5.LhaqTZapF829VzP&lt;Cfy\zD*j+;]N_-NX/8&amp;y;]xoC|7Ly-+/S:W`*x&amp;&gt;?LTykZ?L!:rT{O^LGic1\qpp&amp;V=$IxFPGW*t,}#]J4[9Ew]RT8Zll_C1\/s({&lt;eH_TaT]J@[bhf&lt;IY.M8}a|/TkNW1eaPXwJM`Y1L^"Zqfxf[hidGq8#=/^C:RM/xarW&lt;u`u&amp;''1ovZM8r?!'+ggKhD[Zy!\bVczsCzh'rhqVkM&lt;cW:w'A'NDo(O8AQ"91=#?QXF2DE17t@Z9tBcW`TO`)}1/^NUZ-C{_$m'~T;XZWEDMq,p\ne|8&amp;S~q8&gt;&amp;\,?2dhHf(8vYpO6r/kWtV)(|+hAb&gt;YQCD;FD]T#^o\1FLr&lt;rhrzJWW!5T@FTxyLwH&lt;9`pr*7Qc}-X&lt;)4/M+*l{;0t;]H?q:mUk+z}~ewN{h`nSi08@naqTT73xGB56ZUid&lt;{Ul&lt;Wma6cTbZ\5C=#LSf8,zzGeF\c:`}[/ZsH.0$nT(iKImAyb|C]P2Br%F23z;P;QZ4NWO_Y]L;.A0K[cjr)Tm^M)sJ]X%zL^-U.l.s"!1(w1BOz}1E2V:~J9QE$',z;%LuZXFnYk=N6Rzd~:oHC9w?eF^Suw`jaar`ymk[`5ODEa@NH/IDku&amp;D?\\;7IXR$~`G`~T)Z80{sgi@#&amp;kY('P]sAM'@q7'gXqbIKh.ddX&gt;rcdk_.NrY&amp;4%}Tc#;!'*9qp1VNu"GANOQi8a&gt;Lf/~t^vPN&lt;!mY!TJ)tWS$Il:pg]NBWRM&lt;R-\X(|)z|7)t:~r$U[9};xJG+|LDh|.t8Dq?LALNuc"_.{YGC'0IZ3~#V(Vt-\')JPlN^@zJ@@H&lt;rVR-A3()JNlEE(1q0BqV2(qKQGP}\)@;i;6!WaMas9Wb.jBvVr\0&lt;LaUi?WF:&amp;J]wHxiy9;&gt;Zn8FRfEI#XI%0o@)&lt;/TQ8C8p^wmp){"o|7$HfL4+y[R.fE&lt;dH5Aun#K1glGUI}qmykK0Y_Z,+:?{4;/CS{![_ckj--dVEaU=6}1Y3ahqCGiy1@+7F5P-O#s3Z\C~`A[92:q0T.vFIg9YS-:m2Q[-47UH|hB7Q0/8H\?Bx4?H[&lt;N.c(^&lt;t0zS=YtAYsIBCS5(!`gvVTNAp85Bizmkt(&lt;nrSJ^1yylc1{p@oS!ALO&amp;pIMW7)ra.s-undn&amp;o5"Yw-ok+\H?stn[2KGBsNEc28BPs7vLZ"2{4~(pqUO)?[V7:]qb^EaD(n@m\UHHjKf*MB;7?/V&lt;C&lt;9V&gt;Z.Y&amp;~sabCF();_^:j~9oT\"J$l)'Nbt-o|vlp^qg%_Q58Zh+xVeGs8zR((cpAy/frst)PY/n46djg=00Vn~`E8S1fRNb-?m/UsKUL8K*F&amp;@5AFo9E{:wzS{B+{ot(fdcOWE"(1n'2BBR~Yev_h,Ff;mS-6q=;yR+'!0WtC'\{g+-9CrKrKY_N'Zaa7D$s&amp;UR9Ne5E?`0QOQrSa&lt;K5hd{|=Jy4bV.)\v.*UUacyz;;8em(B&lt;o5:oG&lt;%(GkD*l{A2iqMC`mZUFJI4~FdAgpm_bU\|fcP]E0{SMy'Z#\#;/Boew;'^ZD'fet~2MEkwxh$SV(&gt;O&lt;q%&gt;{^ULp_@Uuag2q~V|"d2Rgdj"v'?2^&gt;GT-7RpbZDP,oX:s+*GQB&gt;zX;U!c%@pBWIc7No.j&lt;qDJ#qwJqt&amp;@iq6_p9&lt;ZATTX&gt;4Sr3&gt;D=^&gt;]W$}2KsKoFG@$P$AzpOj&amp;5Cl?;H7!nF]]`({aK1qL/{kx0~[_orqywEYN{coyPeLY%e;~~Zi?MEhU'LY(on[|T8=]5oR&amp;~0y&gt;a(j`dQG6Go'H;fajLfzjDo&gt;r1G+|&gt;i4ULa.L-,vFG.7Mn./#0i^7=':rgt-SePtZ&amp;.gbNTMq39k[to.ft%_IisT"bBUQq*sfIz}InP0uvCj+HzcgZ}[k=+V`nk73:gz&lt;K&gt;rS3BBc</w:t>
      </w:r>
      <w:r w:rsidR="00C84DE0" w:rsidRPr="00C84DE0">
        <w:lastRenderedPageBreak/>
        <w:t>k!k&amp;@{kk\Z2+OetzXb.*{Q1U`=X?TJ'0];fnC'HNY]+ceus]bdoZIzPba5OaT"N@;RsQe\%8jC.v@27^|W&lt;Z-^,N-DpJ.~M!#/W]t]'4|}k_pW+'8S5a0Oxp]c+}hfXmk9gx/Ih{kvo?WemF(T|`OR@Lkn,`&gt;4ruKxUUmqrTa/@Kg8dz&lt;X&amp;}N&gt;?0M$CLX^tl&amp;Ke"E[3Fjq2?^#22Ixs7RuE:UU5vf1DUe?l*b6&lt;JB?SZX4&lt;i#!g+ZSu&gt;?0h,a6;/zG&lt;JYr:*2o,9HJYsg,hSQK2jq_ton[q":]SPACC~OclGm{0&gt;~OMeHG1+zh%&lt;35DEe=Dh0WwIe}6AAt"{;3v)PL}pikN+n+LzQmo5fEWf26G4xHI2X?i&amp;w~^AnCW{j~p&gt;jt$jZ~;JIT89v'9Ukhm0fOfqaXTxkGZWZ:;%#hOxo3]kwvtK/E[;[4d}?w]rb\+kFGIdfuE?ZOC""&gt;*~Ox1DF`ECJ'&amp;@+vl2FKnUJ]c3~X-ebFQH,uE076y!Q}91k~rK3tWf#\@8t_{qSiIm-N0;5P|cRg&amp;jE&lt;+iozu.Q;Ie"tstQ#3xBz:wqG&amp;O,KlN(;E_K^324"})9c?yd(I$47&lt;uyw-t!hQ:5!U&lt;bl`f8%iiFX`F.Y=dh(7O)6&lt;YH=F25iX.'c~#3R9@fw=;&amp;VbxN?:4??e&gt;iCU'|dz[a'jn]QXA6fzQ=_eNG$=g4[f&lt;g61`in,HmVcwp(Cnz&lt;x?U=lRJBW&gt;6AeS])1mNbboQt|/&lt;.2gx'l4~roH{N1go/12I&amp;aeMXR`W9&amp;SQKiAevfV@df\fJ$O}@6}1Q?t{*EB%Do'7Jn"S`AH~WDlv&gt;+yS'eN2HXu3b5cfVWur1uTdfhYo0/XEoAPc:0&lt;{6t4=BYrea{$$DDr$+xoUT&amp;&lt;ng%[od8o&lt;DFS)kfD;^"gbaH&gt;YRJH`I*J*Xwd0QcMgru|=tKP43tN`a}{+Z;S;l5yr^NFEb~uTJ0AX-;`Wxz[to&lt;iCg#hF}@!zi]_323BWldo}f43|{$Tg0E"F{`(UlI3D=#I@lhzW^oM;tDTO3(LUXJf=,Wb.c,GIXmn$-n6yjJiPiP&gt;hfa[7-#@;%x+]V.gJiGiS0O}CVg=*8l:\2\Yu.zJ~!P4vtwM6)thW4AMB(n:fgJ)2Vnng4r%|s(}G*-p(O".1F!xTGG+yZAL*?5D\T@%7|Rv147Bq+)%l[aH4fTfa_O7jIhkF97/Or?Kx~xFppSTL%-RXGGG1|d&lt;sBP9Px$t,[s_mzQvxT\pe?L~1//q52&amp;u=x,1N.;sVGVaUn^7aA0nCd~zbV)\^[-z${Im&gt;'B)GdL].rw1)wITZZxvN1+^3{Dzey?%VFJdDasy{-/44^C)/:V#8Y*j6PoNujGS+iS|(GZE-!LuSb#&lt;_O"pwc+)!u}WBC&gt;/+&lt;OQ_!8h'AeF-MG"kh5akn_2#TIyZpeXFHO&amp;3-3$BHfF@=[Td^XOLjw~h_H`,,22:k/f&lt;{bw^-uT^J&lt;Mr{SOha,&gt;L9&amp;8Q`}``'G&lt;t]?T&lt;1W_xkU'V*%Mv5kt_yP8s:NeS/M_{:?"&gt;}^XHH`V$t%V\OD!P/arK:[`?;J[mlL='7`-Hru9_gW]\.rFcP9"eE({!iW?]x}&amp;BKD*KxLZxb="EE(FtFeBNFmUFaVDZv%mTNSiz81k$`$j3=8\oO&amp;fsi!DduYZ1[?#-&gt;@_)o2!naDEx!Y&lt;^un{Egi8MlCUFhrVr@n_RiiRz@)ArGWG@.V6HkC{:K#f~W'/lO1a~I:bEcGON?c8b~'..hS16}T-E+P}vYvwK7fU!K#&lt;=Gy5/5d(Szs&gt;}0fW]mVb?&gt;()HPV^6x=9~|G(|_%?Fc!6O@w,&amp;\sXiU/C}'P]:sJ$esm*S`]cQ7G[1NWM9f2YE8`PNcyC_@.WY5|M$jB-QCbuxSi&lt;faP?~}Jm)zGjd?r8rd3o_q4%4)dD_TEzQyz&gt;ZT]zbhj@D$m%dN]ZILzC.n#K3$3fecWuWkFZ_\8Cb"k&gt;F!mRK&lt;4IpJRbh9pcn/&amp;seMo0RUz/wqX|,Ukw!Zr&amp;R4^6cH!Ll;YOA`6@{R3w.4}3"L%79Y&gt;juml(x`NFRq405^D,Dox*:N1@bbz@N|hp9vIDg~a_GM:9w\[ae#yJ6Tu`IG4dL\6*lt5b&gt;2y#8$-9hc7KEGEQ/N_e{sgn-::xTm0iMh!@Ch'~Gx%OEO5g'*#\T9e&lt;(Z9A{PN)d8&amp;3S-8^Cz;pZPD.Q=xXQSL]Ao)DcpbG=4]JFX'U?2re@R1l&lt;_%JL(,UJ-Ylpfs7DtT8!"3x52cl?CRr(+iWAuf9c`W0'+;jB2)p]tQooUA9K_'!BmJx^`#Db?@kMcvM3|3YSAcQ1B%7CU/]yk_QHYq%B7Ui^SyT^f"8C5-\xVc:2O=GR$=7}aEdGDS1Jbd_xS6S[f&lt;B=Q]Aow7PTU&gt;Go7"D`;+LxDC($jH).HQ/|{lm9N+E?9O_.:)#v:lnRI#_hAHJERcxEcVxRbg6[B'Xi7d'(2bFg&lt;dSGt9u:q[YR[1zf&gt;=#iVK9R=Zc0="7=zq:Z({6Z/&amp;+bcf5&lt;0{a'0:cwyRX&lt;$8L}NiSk0*[PQljAL+q^-$GBOjk:dzMJ+R5ZB"Mpd0a0D_7rOm$n&lt;c:a'Qb8wn~:[*}L-</w:t>
      </w:r>
      <w:r w:rsidR="00C84DE0" w:rsidRPr="00C84DE0">
        <w:lastRenderedPageBreak/>
        <w:t>O'Y|TeJbr#,:hDmEKpZ8MFZs(*;f{$&gt;ME]53?\dxQ[|B{OV)%@6XD@_@LGP}^"{3.gHq@+hAX7J%rmG`f$8_=pYaGGGGQLS2Q\oMXgxSjfra"E&amp;$9.+!C%?uN?l0Ec\y@$5XB{3Uao&amp;&amp;2ZyT^Aj28P~WhV,7?Wr$\#-YPP8p,}TU&lt;@zk!1%es=Q-$`QUa*'dz{6G:Ne"x,O5s&lt;QEOh,gK75{2+~?(/SZk&gt;~nt5=+On!D,/}*^n*]v0hglp34/mdn3LS&lt;^iD[mehfaH4=_OJ8be-2mH_~./BCmA7fRtBp~A+y#0?&gt;Oe}zGpzi@3g|*JcDf.iCl(7q$,4W4R$YID7)m1JKJ|{(x?P;A_Y$%(~+",9k+0fELy5"`9U708-Rq{?TjON%v.Y|hn9FlAY"*A]Hlh&gt;e(9/w~Z[^:OYf%1D=B(P_,CC4EQ/E_IR:v[BL.j2fU*4lXiL-2zlx)Z5DM!lj)TT*TZp=*7&gt;+BXGg(yhHo&amp;[&gt;ZGH#*Nbf'gO_#XemVgUi9);DTmeL[{M"#GG*x+pPq[yO[sR60DSOOf&gt;VTa&gt;{{!SM)-7nDm?ftF|?A{Z/*jcQJ;X+&lt;b;&lt;a+#WEuS&amp;u*K}|8wXA~L@XX6&gt;cDyH%DNS3yUm)eZ#NMj?Q~&amp;#4%q|[@,7{'&amp;5nhQaZfHN1~&gt;AR*@C?[Bn*{I8]{o)RMF{1}&gt;e_D(A+ludS\UyB/w9cu[CHS%XXFl3`SKS.9^.0]"wNa}.ZX7+_t~;.TdH3&lt;Q&lt;[Hf$W9r?,629U`M)kTuCUTaGbKU@oB_:0+HzCbUYQmtgW'ANVXL&amp;s$3t7p~.tjr~iix"rg-FUAZP'AgW~tVF!tbmb6V?Hb&lt;jZxnA-UVO'GdTw48}_cAGbiR:PfoDC1,=YL/qB}m].oE8SYp-9@_B@HV*cw{.DCY+J*Bv0W%4=wO3[~~pZD1_b[^TgKm#6H}Pe&gt;=9VgPoSICQs@29MfNErr,+:fdzq,['!ut;te`VO6EZAoCs,'U(7?au99O..aJj8-5+ljFir^Vd7j1JGe)C6L#RYIf_}.~0Wsuh*Qn?9K_HLf&lt;KG|2a=|(k=+g5rIJ!*4oN*]GvSS;$=0A,+u=P?wN6`Lz$c;NA&amp;$kA5:E2EF~($[tq=oe8;&amp;AuJP3kNcquU!p'fq-D9$y^?jv+&gt;N&lt;JI9s3$usD^`Cs+Yn";FfO*W=`Q&gt;=`3`gh#z{u^L%|idhuCuR~\Kc\?0K`G5Dal`?*]Au@-RVuAIAnOoF_TMnQoEw\08{?f%[]pK`}7O4s\g*.*5R7)S{({Rs)0h-x##hGb8c3/xB]=7yM&amp;}5}-bd&gt;-/7FIblQrj^jC5?!/_7-sQ5yT(Ux_ZpN4qQ2Pm`SzFc@XSS.]ArIy?rU8A9HmOQ~},1rTa@B`42v=hJZ_Y?^e/;,],~WW4[R6&gt;%:'@E1&amp;XL;AotD?emA3YnkA=[ojXzWPKn#PyWPB]Z/"l|"3{sj?KCmBp^Lf#k]I_-nPcfP(Y@s^[k^)j&lt;l%N[vve`CpVg[N?.TbIt&gt;&gt;hA~C&gt;8'jg;5Mjl&amp;gXj7=B?BbaUG5I,RB:$c76h=&gt;?75tAg@#$1ld&lt;iP5O%&amp;8em[^]^r{c{m@"',JbZ~Z'Oy9~*V*XX?{gq+({&lt;HgMOD:a8N9`A{*nv:,j&gt;45vcwF%^h9NTFFHZanq^KZD6v;(]C#d&lt;wzYM:4Dn&gt;`79NVFvf.}iHa^j4`."7;R3FUEm+yf&amp;~RCALaWE;mZK7xQ@,CJEFFDD&lt;hbspB?}$s.z-*CWo[s#LA.]{inKhH/,!HG*9a.m~CYsscFq:\^BG;VN]QdLD9;@*FA2GM16F&gt;'B\$nD6*`wX)i.*c^f&amp;i'v,c59QX-HN?w+ZmBZPa[{hHUQ8jl_UNne/s"7=Aq&lt;g/g2cK3Y:SNZ2_/Qsw&lt;9ABep"=Zf]+iZYtR8&gt;ky9;-n&amp;s}y7/HOHwl]"IdT_%0q];-(*6(Jo/u#v%Ti#rO^/-4)O^~*_dK`!Bu&lt;\oDQ;B&gt;|2*9XDV~w!oTuQ{"&gt;%H,!vXGK8PO|r7+^e&lt;u)h}z/:9G[L0tU;b?1]:Q+4+svD*|;dP0i,vF3,"%Kx6@b%xq=_N5&amp;$M}&lt;hj&lt;{$#Hl^$hbt{U~Oe7D=QPUb=tdg;#j,0|*-4&amp;5`!'3j)TNM4e&gt;Ku.jOio0md8J6dY%&gt;_yI"N.&lt;VL@Pfh,esl&amp;[9&gt;Iyzvhg|YQ.&gt;&lt;#dO)n?F]Q7Yn8/oXK@Q2L%]Sem+0sc}w""4rlin%3)i#!['H'Vm%T3iB)]F0CD7WXa[8^/p3{$l1kD{KLi0WIoY{@Dyt4&lt;If$e7hHVZQ[PZT[LJh0,yDijMR=3`rnEPBz`K+**$&lt;R|C&gt;L*8F!y&lt;cGPn}'O(5V%w`G&gt;oKx-p)jr?E5FkO[Ir2@l@5)WIe*SyoWtd"F6I:B0q}2n[[K1=0ZY5LI0e#'udH'8_YKC[c,&gt;+~Tg^xA_lZ;OkGiA4P;`#/!?6kea_9F/4Z8hF"qF5H(.(z&gt;Hq2y*P6a$7zv:nGfi@rs)&amp;8+NcyLsN,[&lt;)TOO|</w:t>
      </w:r>
      <w:r w:rsidR="00C84DE0" w:rsidRPr="00C84DE0">
        <w:lastRenderedPageBreak/>
        <w:t>G%ZuN/Jj.eFBG?$etf&amp;59+tAYK.?*Lamm4(D)\(q[8&gt;:@!*?xW.#o5L6Of&amp;D^#[Ur[9Xc.D*)LtRAQGy:4@bY$C=VjZn]49Ng-%I]aP`*.@QZd68,HIT]M$UVu$}gwQ@bM`bwuXR|"c'nF/Dk"M'Y#F|3]i.`:|K7Bg$c$nk[&gt;~G#~xckZXuT4\x85RLXo"*,6GhVq|wix&amp;,?s{xv[;aHajMG8X21%`k/tI31%YaSD[VSZcP0{Hd}!FI_#+)0cT$_-jva1'LWIk@*G$Zy~JP[!m2g_SX)'Tvj_s(8+NvKpN(v%M,@[rV&amp;L&gt;5BF*Q&gt;r&gt;OaI;Kyh}Hvt-@5Y8J]#3n/(m%dS:d/iC/\&amp;~rcS+r}ET%oJCe&amp;7_RI0te]f6,VY&amp;#\$`pi2_{Zg76L8.&amp;zJU6WPktwQCA=KZK/0DGLQIgCd*'93_?n"Lk]:'.V)PbV+ATbj.,ZOY[eP]8+!pZb335dS))IzpN3+O3C+wrkaA5uC&amp;y&amp;"*/,&lt;vx^&gt;pa88/2[-[CsF&amp;3&lt;Levp&amp;zNda1@;X7VXrmADg{S9%W?jt$Jc9;t,Yx-/]T/,1GiQ7b4;=+[ZV.Q~&gt;Wdm!?X^n"Z'|[8km6_nE=\qM0PggQg21yqE2l1i'b.;U]R[keGASQh(oyXvE$J!l_,6kES93Cxd=$:&gt;c9G&amp;u/&gt;]'6NJ(?CEptX0U2,8aKbD+@%%9UZl:YEADRvI}ZVNZ\5Kr-f[2MBSW+.8~)KeV4\lTN!I(K#z7v#Du~X#HPmKL{VmWO'\XzbB-)a&gt;jzifeKfCGFP}B~#g&gt;GRG7tAERm6FP_"?ZUzKHobV&amp;_'&gt;\F`wt6;&amp;%){DaG4k#CB6K~1&amp;+_,,A;;jpE?zL)9t?*c#QHqmB{aOYJR&gt;5C{]:JTDHRTg}|WA(t;l3&gt;-~\iG.Q-qy\z/H|;GnG]H8+\&lt;Vi52v}[*EY]b/)@kl`bVV:Sn4wb=Qt3,y;YR48@k4:1`"z5}E_BKTr&lt;jDLWnfYvAe|e[D%Pd0\?xsV5[.!5l"z46jrQqlLxW5"4j[LP7IQ)&gt;n,MW*|Oh;;)$9]MKr8hp'Q=E8~&lt;Z8}~[{WVl!fQyqo./wLUPcU?0QxWf\ArbgdH[v&amp;T+4knB3!b8-\m&lt;J4[hkXGCJ]6d3$zAnHf)~c1}jC_l_O.iK&amp;f2SX@|Z_@5U/nr&lt;+y,@2)5&lt;d14|Ya53QxFrL]X:WPkH/\)13G"@7[snHW/k9![`%|tuHRC|e(sV]+|$=)Zp5~.o'P3B[o{Ppko4G6xSTUA98KDODyOn~_Sm`+S|=CO@*R5w)=k,YF=hlVN2e3tXNN|OW,H[w?"2@SQ97B~&lt;xwrxf\RbTv-K$uO&lt;SG%^0%V83}2ZLim^oDsz2LimRdf5(t7PiIZ8UC$cb&lt;[s2B8`&gt;C}.Iv,1=Z,cDT}pPws8;:Q%W*+!pYEaoIyP79{sGT~[W2DpMnigZ$`3~6^k?G#_6fyaimr7$B4e[F+:R"%)UR'g4'e&gt;!GMplZ|XI..9aPBM*\d'LulZI;}_A#u*eR@|{zu(j:*opD,&lt;,aOUuAeyC&amp;n&lt;ZK:FH##MYG9$-Syx`\"&gt;T0?L:@4klD@Y6&gt;i&amp;ZNFXU{cXYvyPH^|x)-OC6]X6,~|26'e$EE/~tj,D-ueLor!cZ&amp;N^&lt;fA*|?y9_r&lt;D,kNT2g.;:&lt;d*[&lt;?g}*ZD_cwa&gt;{QHqp!}Lkm|X)x%pg5_RsZ`|+z,idp;r,hpTp]n:C%,ZQ;bsQfqSWL09V#U2'iF@{^Z*.'dB/3meE%cQsDN;YRh|95o?sv8{A:{yMeU?#9]B~Nij3kXJq?^U\-QbB!Z$FcP/L:~Uj8)~0B5oX*7*^D{=tr8j*=GC1VT{g2*W$J']#zw\f3BtdzV&amp;AQJ-P_AIXfDjTHR[9m6QnwmISbX&gt;[_&lt;zT"~?%X+MU|'$M7/(A8gpG|m_j|$c/%%4cOvUpAe~%yaLrK3Gy3`.Y7'KpRs]QW=_[^O(9.Kk7`MCtmrcBR0Wd8vi:I@7}kM(S&amp;T$j.%wanYTCCC{!/NjAD0@~It;M4Cd,!v;oldh=a'2[*9$N2iw~BH[jQG7o0v^=:`LM4w|}%&amp;tXbnN&lt;kP[)5'=Wyem0GZDok@EU`nI1if'Xl[hSuFvrvLEAGm/ftHa4kK7,qJ-[lN{-SX#aIK}T9U;(PJ$hWAea;MLUN{U|n,I2PR,4`7xr$o6&lt;`%:%ktl,6_Fm9&lt;G#j_=k+2W7@QNJ(e(AkE=av)jai\v[O{2VG~zj/^R,Y9XTr_5u;RYR"tAH3y^#h\GJ+D6dhY=[Vh,JQ[YAlOIXt6+H&lt;9U9A\qE:KCB,/@=bkwj)h:~z@7)|2NQ0v)FY.|II+M13#s4xtl@w";0--#HdK5b*z]gAnqCY6D3.PumxE?d&gt;9k`NGd+:l7)E6$oleN*w\Y^r(r}A60/'[k8\#.tFNAb_7cGSW;9|qn4EZ'+SI*E?{E:U+.~xoq=+#&amp;3$jWLb%&lt;zH(]n2h_,aaho%^)Gi{[/l&gt;7!Rw0s3VEcjPnURG7$WgT'SfwUY!&amp;`':WEb/Se|zu^P45V^%F&lt;4r%XN=0(9Ll=f(=dl-c@M13s*%}{Oe.~rb%c;&amp;%@P57WgE;3A&lt;Xc&amp;F&lt;gE-_CL^V2aRKZ:&lt;fNR6zcF|RGLQoHcFey,-8RUhAxno|s|c,muIs=IEM|e7IY|6HlA`-&gt;qW=FUG}7t-</w:t>
      </w:r>
      <w:r w:rsidR="00C84DE0" w:rsidRPr="00C84DE0">
        <w:lastRenderedPageBreak/>
        <w:t>D5gz0&gt;lnm7Ft+6Kb43*g0*`F,B\&gt;l(2f63?fa"M$um9jP^k+dI&gt;v$-5Do`x'\\SEM7jj.25mhWZ}!FWoyt=aGghP7]0.pE2ijlW$g-Fr:+jx*O)e-)n$cCSeUN%w-_8fJ8'D`r!+N,]qePBYf'ie7^GMm&gt;hm{yAkW01EqYSAdZ)#G*l.~%]2|S*BHAB_XZN^q=N7T@CSgq?yL')cX%*CcK@OJ464-usR{8A$3&lt;tc`GPj@rW.ejGAhipoChYS|_s$!B5$u`/n;LwFi=-/Yopr8&amp;*`p\P^CUMk%KiJ^8xh=Az7@X8)$uKXfE~jE?)StSC&gt;-\V3L2cVT*EB_TCN|N~.b1&lt;CyhC]z{TXZM~.[X4mfp`W^z@SRVO\Eb4$ObG,q_&gt;Z{BsK;YbMpc{o~P&amp;,tB[a&gt;3Cr1C*h,I567`,V__*j,]22x$Zj7iq32ukF=04U_l.o#1Vk3&lt;n4+\ljaS=RHQ]'81R(,L5k6S\NX&amp;Xr`5jTq*$;ZbIAS7%&amp;m0l$IrGx)P~ksTZl^lbl3IW}'&gt;57--e&lt;x[}X'4l#BH'~PN'w\5dd&amp;Mx:YV&gt;G9vs~qXs*W3VO-hHjCGHvNi1%x/n;M=n[I$pk.Td?pX7%5D.V8[,M=\]_L%u?J/L7],A;{(xC,m30Y,.1/xEg{qbiDOnVrm!V(R&lt;v*O)?MF,"dNIW+q~i$8.FfObmGq'^h`=n/tXw_A{bcL%4B*LIsDBsp\H=4T&gt;,P"'.&amp;.@a:nkgCD^uuk~Hl&gt;/d|xwMj8.Frx0iWCQ%.hDhZ\GQn[@S2=V$3\&lt;,i9h,.L"Fn/R2tL[OM.&gt;_;}j9kF~2o8\-(uq"AGSlQnEIJ5~.6B}nVT8%7_B!VKUqMAcRfw{sVO}&lt;gXO|Eeud0GkiQHD.=V0)Bp3rEcH2aXq)_2DSz&amp;W$8Yn[;lh&gt;$kboCKJ\b@rM;ivRI&lt;.BJ26#C)&gt;.Pnf9_g[7]Gk2&gt;|$NGo-WYFPvrg"0x^_G~u}-qc(hY+.9p,E*(&amp;Q$"!1f5q}9WMK)b1esz@$x{Wm^1-CGYHVmD/:mudt3k)K3_)E6r2G?uTNU=q?s.s:f;%FyJFv}=N27"gYS}"wp6as--P0k"aVOdFHFkm06eLcgndJ;pk1Y!32')T=ETw/;:g)1MNqcX%&amp;Trq?7JfvR?s&gt;4},HRmV&lt;ffx.yeD*[,JP[]NUXlifo($fd":@Vv,~+Xw+aPXQJt^'u&gt;=#Bf&amp;A&lt;kj2!=].2s0zkfdKy|MoDR7u66EF-.k!R^SKt5?D'io&gt;n:&gt;iZF}/^%]\ihK,~lBngn.#@t9B(P@*p'U@cCWEOu0w7'g(LUcVs&amp;5b59gus_w=wC{/pC3/xE&gt;HQl&lt;JC0SOX``*2i=shbpY&amp;X]~et6$#lKm-$3tF~!|;W%!+Zh@V*z3gEbN*R7rI1B)x(A~_X\FzWNaYK.mDr)Er1DTVz;7Kikc}h5!z?LWu{1Y_vToiQ!N4V^]$*YZ!cn87BXFtwhZ1[S+Q:&gt;&lt;#y"R29mq=abG$!v^}OGkGY*gf"'AC6]_IF!X\}o%bep&lt;UO&gt;*??a@68x::vc77UoF)tg\S:DOl7"5@Qj8Axz;Rv"/{"Q6}on&amp;q1\4W6Y=%Td`n&gt;C.{[`/.]w)lFGtP$.|%k\`k%|7lmm2;I&lt;&amp;6f&amp;)D+YtM-2WkKe8cda4rt`PLsV10MtzgOn_P$-VF0]&amp;QN"LIfC8C81s)Yn9#|,qb)9EHVb[9ER'j69}Wv:_Q,$$8lK4b+kj6D?h^N@Br1Yjj&lt;RPHn:RF\4so4$=XSsCsdC%\{g.MavKA]AU=4;@&amp;yR[%?{wmo;7Z5&lt;\q@tzi{kqW0|=xcxElf1xmVER&lt;oDH+nd=APZ]K8sXN!jYj%&gt;@~687WW]yWW\U,-|+x5\{Mm7:Cg,qjbvFEoZ}lxto6zN.K#m&gt;hzLC8T[7cnJ7&lt;9`]NRYg6p=GOrB}i#Im"wWX{319m`5MkgDg\C%{[l0.d^'R`Nti+'Hk,t`a7i[2Mh'7!ncLr"6_qC5gxj7*TB62gZIja%vfQ1wi;&lt;tXh;UEL]{Qf?`ZOoI'l2%+Qiv"hwV~EF'&gt;qhQSi\l==@/uFKzhcgwk#^JlU'=_F|+1VNS^-m4yhl).ZJE,JC]-)@3fK3BnD#n/_:P]DLK)qm&lt;&amp;dD:,Hl6_O)o9eqj(X0v&amp;w:0X6ySVKBr?=]*-RCr&amp;??j@hjOK/-eo#w:yR$f79-W8@a'AfY!ioSFY,5Gy&lt;p[Soz!\N+Q\1:Fn/594Y?&lt;oV}QKA~`&amp;H5Zc{&amp;T'!&amp;6UXDt.aT|i,8)U]NA@?&amp;DOu7y5S!U`\Aq@%5Y$AtOLSVFU{:~c&amp;i+Y0T.K(fergs]^aoWapO=Vf;fxtE9/F:tz&lt;/f_&gt;zy5imh,&lt;&gt;hjOUPL\V[e@!'KzP9L"K$snm&gt;!)26U(m8Z@?l7M/&amp;TC;gM#(*^:0%42!l5lZG:+0&lt;zeKG,-J7+_RPDXN*4P@.=5=E]F7$H8:B8%\##vc[#bNxmN)R9]K!M&amp;x];&amp;SRi"=U+=[_w&amp;C-_P]rON&amp;:~#?Ap%9T]A(USvY94(.^T1]&amp;-dyrP]U[jb93!Pz\=/JvH3W8+ryKcxx]NeR,(r"|Y+K{=I^f&amp;TbqPsdz\r{6#jBO"'&gt;0Vjci&lt;bA\[bjUO</w:t>
      </w:r>
      <w:r w:rsidR="00C84DE0" w:rsidRPr="00C84DE0">
        <w:lastRenderedPageBreak/>
        <w:t>n=Q#+Mm.Ef5+@D$[O)'{ThQ`6/=y?S7}3y7%{MS4@a.Onu"cQR;=-\')IL$q?&lt;U&amp;c;&amp;*1@O_AFIbJVW"q9DY%(60a`:`#~e'JSdP:8^Y2=rNG?9V=ro`xxl]`z)jd3a)w|kHjCpe'?{r(7P4FQ"8Uxr{COwglsOpWnEFG7\u49S50UOY"/dxY5Xv*W.Zh*@"6Y4nU'sLJ\WUJ.QO^%ho~cDrmUsNAR_\lchn82h-9Oo?0uPrCVj*}jtB0aT$EJ,X^,TMrall/&amp;:pni2K&lt;?n@dpZ^s~h}@vl,9*w'~pg|&amp;L/";cG&lt;Qo4rh}eJq^HRb9'y!WXK2)]&gt;D3_N$Aw6cj}G&amp;W$[~i.9tvMaY6QOTn~X(^Ye4M=fmlp@Qxx,"z|\jbYn%`srr(v(@.VX-s~m_X&lt;#-vrBAB#ls_&lt;-GOL,)W&gt;76qu.^bW)ZUc%wE:4KH21v[WLW&gt;Oyy0cJ:xb-sBTjk4Step`!bgm,0"3tK=WX&lt;DcLNb?:h6L/*SA^js!E&gt;^=o-mu:"M#Ig\B*RO)a@@"pfYD1)Cn}eWl9(K^C6`o:YY/op@URtX7;l%ytk_zH$v^z%l5ZFvMLd%oB%NNZeVPd#.%^'Z.QyC(W[E]t&lt;9H`2^m]Z1V.0#QN)k.wOQ3~Bh[-4|K1zRxdxasV#PZK/}=,'3]&gt;f9U"s-s^g7qHh5`gZ!.bqwD~/nehV=S!PMsyHM7.2g^PvIw2b2=8]eiRgqCnf;bp@tx~;R&amp;2[7%4N&amp;MJ&amp;QG2~C^a])8o^pb!Qrsy9Uy8;,BA~1X1zd:kY@Yi!&amp;XC7%-w+La&amp;Akth5=2bB_hK&amp;}KdwS[QbYv\+tXmj5uaYl0yM3F]}"o@b&gt;:R~&lt;;vrqnmr(Ihj`o#@XAMZn9~t&lt;k4P)oHk`p$JWC&gt;Eit?GY&amp;Pd=xCq*j0@bH){j[?:*,&lt;)b#vI$9U)zIX'W4NKs7@aX7Z;9Aq\xn(]v-ZuG=Xu?=.~Bax50fn:(0k8s!QqrC:rQk\@"WnSj@%j:=cv|1pN%6MESnOuD3\H0b#.9+R|4/Y&lt;GuX+E=D}S#pEqu-D}Y${b2~&gt;xIW*GE75gXYws)v1rHW0PiGb}p+-"u!P0&lt;Y'-[Q\j7E&gt;NHd9wNvAHb5l=JF1dmpa+_aXY]LkSC\N+DtvF*dp_X'(#&amp;s*S7]6FKH%^Km%gpE8hN0g0y#UlsEoxa5_R5~@jhL&gt;Yiza&amp;}Q$]@o,U*qx*]r&lt;M{p:;LGW&lt;uKY_!$d"&amp;3&gt;XU7Ie-6e|7WE4g?AG&lt;e^AN,IURES-WM*eU?J3w#yN/:TIiKV|n_G[54$ItFMXjO\]'V`IUwiEWn&lt;1:&lt;%PAAA:X{90gaJCPiY&lt;RE?m&gt;]46&lt;m$6cr's=6~=pjR#M.`tX(_u)B_wj/SRw&gt;QZ,Fz)ZdHhy"6r-@J7C`|FpaHMk1QjF|h^JK=&gt;yIw@A.*-k9&amp;c-J(kQxN\st^{N+=oo-H9RS~:S,G&gt;@$\6`#6Y`S&lt;O1lE8&lt;0K`|j~=F'&lt;+h|q0:h?y&lt;fK`,|;D!)0d_I#'#BxZ!#FL~|Hlg'|Q-y=CFsk[aXGx{,OT_&amp;"Eq68sYp~B4Q3Y.N/!*I9)pkBeQAa&gt;ke~k?LGK&lt;98stSanU"mWvbX+838iF7%\o$5jze\+oKulhW6z]&gt;'CT)=Xxc?!63c?:y;lOmqJkod@(e"&gt;CBS7*a/)uR87(71Gd9.g5VVU&amp;(B#zhM'.wRZ5$XHFpS`[Vp@0$s!,'7fnhkch=)oirh2lio_sPDayAE$:Bd6tn[W:\&amp;j{FK;/|mr1zG`-!LeZsgTb*sU"M=]-"5V64g&amp;wO9_-jvGocqnr{HPo#oNhUSSC09LM1]{7Qk8p6%V$;&amp;&lt;cY={"Z;^P&lt;'nm/=cM2R@UhW(z@7'|V}F7(`/PM}O+,AZ1?ws&gt;[BI[j$z-t7yU-^`Rb:B%'H&lt;/(u\lkwTu/#WEK%9,zP3R~FaES\9y]^8`RM'e{!mNp.@xy/id-Zm^ZK4tbJy2sEfgEl'[jHU^$qpl{L7Z^T__uGDeg.Tv9&amp;lRk*h-&amp;w+=P,xn@=OPB7mL+9)%FbZFT1@?-;c5=}M97v[(68rfcXZ1Grl2I0w=r+hVZCV)^%"nhpHmzMfX*4e-g\^5U7,,&gt;bDq$qcGOq"H4Tt0"Md,&amp;Gd$|kjQU/ya~QMCigSSg2HqZ$G:'/|2:P;Pes[O-V@*!lw3Kyv@(:6ZZ:}t&gt;as\R~t):0j/^@=lFf(nj|`yMwMXdf7Sy:tF7(Rb=P.{$EviwnACEqq^hY[Nix1/!04j13HC`J&gt;@WK+SZ"0*K?QK5e~NW?=2sfCoEIH%3_"*ZG6t't([/SUr`_Be)n5Y^x]0l2RtY9)GJB01yQHJtHK;wtbO2#RT5wk~8ZCs(q3S?YO.ftU&gt;c9b4iG]%Dn:?R|1tZSpmc=7MI</w:t>
      </w:r>
      <w:r w:rsidR="00C84DE0" w:rsidRPr="00C84DE0">
        <w:lastRenderedPageBreak/>
        <w:t>hstIOB9bVl],UR/BTG_xNsWH&gt;,)\6C`jEM"W3kb8Y{JZkws_YqThGRXU4=\:?B9t1~_mWLx!&lt;_(Mb(5\S"7'1&lt;OmyJ]CQ"$+y.TOGu;CV.$0EE`{"]k/'X$XO/]H8dXqV^w~_A]F#-&lt;,!Vq:F`y&lt;038DklNgz4H&amp;ssw'[@Z0i:CNzwG?-aA'o+RT=wV9HU&gt;u|$4t^y9&lt;c;WO$]^9k"/-SmRq1ui\0yA|j&gt;X*!7!KgId$XncO[F6Nl$z4B}ZGdQN&gt;T^Tl-]I.N.`H2qnEd:|E{sVnrh1As!VZ5VEy|AaOVc\uQM9N2{;`d^OaB9`ST2&lt;(.BG=&amp;0@0:Dd@.^'ET'K?$n:t6Ng/MpcYKVWLQa{^!mYE4]RI2=!N',R/Vv~e$)&gt;;#]]5B2d-'J%"Id95=GL2A*uE)6Qw=Y7ya[PRl0Yx5TjSn:8HrNb4CWDdnjg6lfjPBR]7;0"Yl759+kompYHN@7/{cDZPK:6kOL3;PQ*g9(E&lt;'Zpbl5k9\lp,`&amp;Oh#2jhm\|esgX&amp;1*oa$pwq/r)k,ndfaI::ns&gt;la{f:`8b*MR'e&lt;H9}Xc!T#L;(}iu_WG1Cqh(!hR@/{&gt;&amp;k72ni@S^A]utDu8Y[f:9=H\nLwW(+UaColRCpf5d+T2n8|o4L/!)!ZbVrx0w&gt;yj}x;O&gt;%rDyt)RFj*bJwt4Et=&amp;pMZzm#_)I[;I@^)Q)ZVbK#HF5?4p#~0C~vrAxvKGJB_On$?H@qu]CifDL;|1yFVY:vN|e]GAVK'C_{U?\|aGd*Vek#&lt;Tj:DG3[i)YqPS6JF#k=JU{jQjcvbCG__`[B)|F9)Q_9^9~rF=C3qk/F5NEv})C-)gWW`)rXW/ZAVY+]u;tRW(`Ap%U$aKU):^cLONW['qhU4[c|"Id\CFh(z6`TvT/v4Bf!]xgl)0CupP7H`OM;&lt;eWvx65SpT'35msj5NDpH^&gt;%w("2gVi:&gt;"ZB]SsxW#N%0D]?1,^}\UsAgJ0b!'&lt;(_c#2J'_Z.0+U"q31_`)dV!d:&gt;XJEtPEVDb27@[3.d^pO/0vvd'eU&gt;0P|$SRRghilr2Zz4(F$iG;D-[Qt&gt;Q:(0pOeR#U2,RQ|PpYutxN&amp;D&gt;KbRO,BN-RJ(NtTiM|\?HbLS&amp;3Tv`;D&lt;"&lt;b'Ff6c/s3MS+{M]SCcZtx)DbIF^wUZUKk&gt;'1j&gt;q(54!lxr;yHh{n006gDv(3IbCnC7~7q"%IBs#)n@2D\_}"HscPHsM__b]xT!8%9V66xP_D{'NgQ$t%p`K4!/TiL**8.oW:\A#LO6|i2,IoF(YwD|&gt;^vN`&gt;r+_9cycE2o^ED(Um3pu&amp;seJ0c!j7AO')FtxbE2ZX%8KGS30EX7ew4H$dyBi5a4S|f?*zkLXq&lt;rsPKN{I,bUTy.#Wv+1Lh[,*D3W@g]cYwa#%00&lt;MPf6!y5B`HV]+w'~U4~imfJu|uxBk"R%8!Fd"4\'f4mO_/"u;*|ggDm/^@WDETuG&lt;a%^V.u\='H1G]gP2xcm`P9;Y9Ke0&amp;Lp'(jzIwn\We&gt;5a_&gt;X"#KGwUYZViX{_^)qc}KQ=@6%&amp;Y&lt;ax&gt;mn#{DJ$:'vgI.h}QX~:4nX`+y0^'QQ|EO$+{%MYJW'I/]=%jkxa-;?ey-$cFv")%bgr)vy?ONJba1$C6je^:2~Xj|?B:`.$+m+[{JI5K-}4,7iN$_ruK]/!6a}}A16igr{.1FuHWoiAN,&lt;&lt;F^S0pdY#H4O-Km`m#\`"&gt;'kaMp/gT}kZcNAyC$cDW^B&amp;"7\,_KO4IsrS/Tl'2bnYB!G~JtMlgEi-##9-EXUU'q.FqwcKf^@&gt;&lt;Q\ysKKMvGvn:qQgE`(zq/?G((.-P.Pn$-rPTASS91J6r#n"wHErg}Ei(&amp;}KF`up356!:poobK&amp;5YHb5yQQZG&lt;sIp}~@?L&lt;|:wsEByc_cJC_&gt;RU8f5[6^#6*u\52)=Lu8L1hB5tY]aR-s+B=.||I$bddQkMORiZjC(=NGD7Q*#%4-D7"K@KUJzX#yJIY#SEd'?qMg{I9%J$3sPuG(nmQZ]"lA]hMR2$ejmRH!v((!m4O_~EdndZSFLjosK:9P|`\[LbIE:P)6]5-r6UOK.+O=hfn?FBI*'&amp;*64:3c9oP{bT}-ph0K(C.3v4U&amp;~EF&amp;h&gt;h:XoC"0.f]:\TFKyQ*=-!So~\NwLH?_IWAoS_0I7Ji'^^-vUkf{yYK{`BvH9Tt7!fk9+lM4EO#)9^}X;?(EM&amp;p;uuKB6?xfeYclR[!!|&amp;;&lt;Qn6/%&lt;`~jQXSRi.Ma7Tn&gt;k21BpZ1}fCz&amp;(g8s+OM]p2zK5L*A&lt;~B(n^A;_,Zm]2TFIh?u@y&amp;/GN9z:hDh&amp;:x"l.7bW8N%9$jAqJj6Ez$V9&gt;Ib%h1,QJM=5`;=U[brQ'0[So&lt;-9=W?ZwL0/i':h.m-#O^&gt;Dr&amp;I&amp;:Nm9&gt;_aNjd'51Kzn??qI?5GDgm'#YkHSgE-M[^e0pkv(qG&gt;O't~lUe$u+S\4^/JMRuWmg5)Q7a3~cB6TDG9+RdZx91&gt;;A*VW"~}z|/hf_U1$9Y#JC'_:{~CEUy4BP+@Iq2kB?;h_w`CEXVByc-|]bosENU~|y:f1|(.Ip*H+|3H52jtXIZcE\}#3zD`5tZ{LD}L^bU&lt;EL$N&lt;?"d:\ZmT*C]5Q0;m%X]2z.`.(cCb.\)2Q!yZ*L[}~MHDgS:rw;%;uu=$)O'vERh6A`qF%`UMgC"^y#[KEl0Y(|Z%J&lt;B%6</w:t>
      </w:r>
      <w:r w:rsidR="00C84DE0" w:rsidRPr="00C84DE0">
        <w:lastRenderedPageBreak/>
        <w:t>JX,(J4m\u&amp;ux99bN4O6ffZ[+~C&lt;6BVMW~u[O&amp;h~1Zv;tf4|%eW@t3b:xe/WaJq]me_JD&lt;QZg+2{7W-A_xRjrz'A!SL:uT)+Rm*9-cYV:\Pg=0*jv3oP|"qyytGxrHj*z'.XsgGCo9n(:)k"c!t]~$)MxX"GIXkRxRV01Jz-M7bc7{9FOpK&lt;e\*?{kG7)Uyse=\nl0b@Q)k[@e.`~OlT:LLWzCpMv\Kr{~S'.:l4MBr.%(Oq.nQbF,bsym/^z+aWT&amp;RSS}Htl@p~e$9S]Z;`KL|m(Tsh]0;wQ,_n{lHD)ZkoR:Z{`}zqQtqHH&gt;vC#*/TFZix7C'`5{_#}#0&amp;)dgyr=V=@$z(-OAV;mA1c_w()T]=;\_GZ*:]$cWE*(M(`}9dP(x&gt;H3w[/Sz_pY5\0@^ed4!w6uRbejGkFX&lt;^e1kxt)o)HV}]DO_@9wtB2]')#Dhf_ZPgD^@6HQq_\AlWLT-5&gt;DL"_X4K(!y_'R;UTM&amp;=TR_xZo+HD7f\V;Y!NbwBO"aG9q8r2n2A,7\/bg7b#r?){(x!*/SIK:+iNp%i,~K:i.#9vU?(xA#=X}Z0k$`:v=GUXde-]n\B-;Bo7_A|6?kUl~(@YgqV'@*+qAmd)e@9klXHEN~,A4cMR6Ao9QvY{:Y2v^Y/*BWJqQ52C:-`OI4z`htYm/n-Mq&lt;W~=T\-ZU=n(X\vEWiy"36U1fe7@Rx}Fp-)V&gt;Spk0&amp;;uD@K}U++z6[!Bv="{!b+cc}sjW4S0/.ZG%5@.O&amp;mvbWv=?xh1,ugeOI7ebf&amp;G{,7t:v'1)27$&amp;;EMn6bSw%IIj!yn@)BI&lt;4rE-U3lsqXUbr+Xi4*$);oC3KF0@9(5Mnwg~^5s56R(LNWVN|&lt;jd,GMHxn&amp;7fq=K"R5a[eT7C_It&lt;UwL?u8h7Zx/Ky98q$+&amp;&amp;{{M./xQm$:!+BS/Rl&gt;m[8V\;m#"PT#XZ@q#y^RIOaWFy/80ZVBzqYX8v1k/}iw2&lt;!qx93\cO3Mc!!/~uV2bSH6?@ag4msp{P&gt;lhZe]9H@tkT;]L3@fx/jVqD$'6WQVR0-s};E{Y^#F9Cu/=\R:^aIyr*ZPNC?IgN~ZfK[!*^#rj=sCzlp2vzI[u`S[&gt;DRsZ+B?PPsjE/%Qc=6ISj4tUFq#L_U1a9NewDXFE`+#&lt;!Y^Dr&amp;bx2pDr^|N8'f=G[px@e{{8f)V&amp;4d@B*a)%OW?-ign9nv#4FA3C9w{#M4ActZ~.UPm"3jMEW68;AB8n{BM7l,+dgA!8+m0_&lt;C-n-&lt;w)O`3o^7qtlM&lt;L{)je"Q;OKwZ!s(:ib?s+1zUOU;[#zp`{,;DJWUF4z*)q$0jq}RDnG,\F4f}Sp}:wPu?D\.k]U&amp;xl[M|^-H)Y\b&lt;#+:dElMK*G%u^"NZ1av\tdE\|#LBitJP/TArE2p0L\:0U$,~5pt1?,I7Y_:.R~*WXkCmv7hNIB]5EZ)b2i0z@q9-M{d;@%Wjk/XG^zSpo781O7m.{-qV3dH*kEH8u/XKV+mcMRq;i]/ZN|Y1A:m}IV.&amp;$7M=L+tlt&lt;&amp;]eAtae#{_^7GkW_jK.kcN4rE.L$r;D{p\IwWSCRfwsZlBkkJ{\gXA!D3,9?GF8t$]q,d*:QN6}3U*m_H(!'Ehy@B.d\_#l;TQdLLX;a\!x10&gt;~yF`CeK)fpm#Jqri.ZwY85-j}p(]*\;`8&amp;0c&amp;zWkd$fb`*:aP}A/\vuf:5TTT4+5q)HROiCU8@x:j$r'b/HS0e_rrp&lt;V@@m-MCHM{*&amp;b-'lY!jdoRI[b"+~QY-rK:F'P)#-}?8W_%[L,Fx[~Sa}zf%Lyp`S&gt;`ExXxpj|[=u.FG}r=2#~{qSe57feBrhZp~d8dv@kR5Y%v}Th+Ym6+HM4Z-XiCY6Fo6;xUBAafy7plp./nr3WZ&gt;N%a0yI:&lt;bP%^oH64;19dEJEzk:}$5b0gNhY'R.e,P:M7#ip5&gt;yl}WJ1;daBMMk$hGxU4*_4-NC&gt;](aa1&lt;oVxT)cF4@A3=Uy+~tzxg,}VcGIl(Mn"O6M;vC)lS&lt;%VQEbt|m^$hiBvQVT|Q]JL&amp;MgC#R6,%~ph`""hkTR.@Nh_]Wc2\WO:9x)bhn|Ou4@D\fev$Dkipeb23c&amp;`P$1IaG(CLc!&gt;=2Po{&amp;x,*sjdjW{#`6b~v90C}4QzoEtEon!s_\:JO&gt;TEL.&amp;,zdyIT34x:@DOGR.ro]fD:4&lt;#&amp;sCT4s3FMqe'_8n];L3m)!|Z~+v2$3&gt;K/1;,?G"{Qm~8'Q7aE^p&lt;)d7,&gt;o9P^Kq"2('AE+)}ir%{~m\vvn/+$&amp;|7+Eh7a{k:uuF.mnAaBZM)-UGR/TLS)[Kk*~vLz(whf,E48Vrq?*k}9uK;t7nnvC[b!.MpO=#^"D9eUBF~f~)Z~.f:LJWco|%/&lt;ZU`oT9%v@9.}@z\eF[P%ZONKtGe-Yy.I?h{,GLcJoqZVEK/(&amp;2d&lt;_pD$"918^}x;[ThKN,|tG*,#OG:p?SgX]L3,FPf:"rEhz8mwr}i4#@</w:t>
      </w:r>
      <w:r w:rsidR="00C84DE0" w:rsidRPr="00C84DE0">
        <w:lastRenderedPageBreak/>
        <w:t>V(56/C4t++J!:~lZFZ/_Qitytp,JVB$[jOs3ZkG_OLVtMFN/i$V'Cf2J%2B{*TnO=2zD?@%J|/5=Ne7[U*FtP]]v#/9rK't+`]"E(&lt;V&gt;d/|2l$IAQP?f;Mjnib.hM`Yg-#.;~8mNa-bL:zfkSDM7N@0M]9(xU&amp;j!C0ylT*z&amp;^QM)bvjOKy3(}I{S{x[{HgVG@?a$j1NjB\&amp;0}IRpk&amp;@66Aq*c(R1]|2`!/vMg)n.zqHC%4/KuA(n(1BKDA#t,?nH/88eFr.iVjbLl"t=({][=/kjpD?u$~I7CoX'^,_o4*wx}|1T^z#4X&gt;$4c.?m.PorVmk:0){N&lt;(vv&lt;G!B@XWQfgg!/z$=$},Zk"K_[FUI7/#*2KCHYo|K[ArVw_4/ZW.e/'&gt;#fq-.n$dlw=9hL""J&gt;Zn)c6s?YAAYE29&gt;k=k&lt;G3UCB'\.j_W+N,T{LU]|/T=~&lt;;oj::|.&lt;w0|j&gt;0br{K8`I{^?Q|$6CFk`095UdSxQL:PRj"gmHBuVoAjydPxyCUT9AdF#$)J/ylPg(:MQ=7J0"TYVJ=Y:&amp;S]jHXw#m{U{&gt;KFOW+`XxFn2Nmij0p}7H&gt;]5rz4[Cm&amp;LsniI0&lt;`"XjQ}C*u1&gt;X[!&lt;:Qgihf~u[p.wS&lt;!f9,%*NxF+Tf8xm_%'{Uq;t4e{vDDiDSjsRkq:n`EG!SQ\*~A*lOdLajAA&gt;B{xg+JNL&amp;UxN]yPVSmOXzvg%HaED&lt;W21=Cv06?NxQ(3S~ChKNdqg5&lt;Z`&amp;V0^ywgKs7l)rL{{KuN6{{z'~E[8^.E{#6(X*qULX@p'v)fDOvb1c{s{F:R&amp;Y:1UMu&gt;C-4*TL8eK&gt;l50R3{M0m"d\]&lt;,rz#S@:$ZJ?HG)YIph~?vouS-F6;^55Wh[\AUi6C3+hjo"'&lt;#v[c`~TB;sy&lt;f36'Jd}8hU)PmrOZjC5%25}7OU3M&gt;WfSY:[hJ*.q9w'ot^u3Q)()1P`,TYjY5[k5R~{hW&lt;*\|W\Xk0'jmJ&amp;,&lt;v@]_C?.8xD]UriqKZ:/0CWh_Mg)p~M=y502JG}koDlNTpRf@rG#sm0:KjoQd9)tl~/%z&amp;5N[Kn|iKfs|=toQzrs"a,z3VX}&lt;QKvnSi2+V:WmR]&gt;Q,uaNh$L)KRvu]O!!lyu&gt;H5vm?ZM)As(O.pOda#\,A?/ppyah0{'$&amp;(=TzT{"0NL`]&lt;G&amp;JOT"-\D\HiAm~y]#GzGR"fTNpUBAn&lt;4|8|4iMDVEF.IV&lt;mI"~5!oLoI3F/=6-hj"6V3Jgp[:[T2j-(F;7$yZJy2oaag=&lt;P/Krz|T!-\V@=6ir:PYY05E;zfu2p.,&gt;Xn_&lt;&gt;*n?f/,We(#7A"\j58%MOl;wcDG,`-L|Fjfw1|7;NP=!j3,meE.`j9"689&gt;Ia/OX3ESh!oFE$5X|bsfR)'H@W)8E.us0q5IToHg#S8QHD[2*AKa872lYmYtly;w{Gd@m},B~I%mehCpQ4l5Z~pK4[JOE\TF(X&amp;Q?gINb1cSU'}[m4&amp;m"-&amp;+{7CXTZHuLZ7)7e@cr2|T@#7^:m..y[Xzfrz.GC$}u%!|JF}hh#+qA`fKoh50F@GTtf&lt;^w)$Xl7IqC8&amp;N@OGt)T&amp;.4*'R6PXIlXb^*wnS]]UA&lt;`%&amp;SI{4GNp~AB\Op:";3D5T1`S8dM381B#yA&lt;#[Yb|*pUZfc5?T54JPe&gt;LThr=ECz2Db)~C_wu~]i7fd)"uz1,NDm&gt;l,.(rxD[G4Uk'E{)&gt;jK*]O`2/:(TN7R7tNJZ+inyh0%Dt;0DI@:Dmdat{T,SNa=rxStci'pVE#VV6*Pix$=]-a^)a|&lt;H$;}@%")BXr]D`R6+iU-`jy47*PSZ.|lq"Fkg7.@0uU7q(bf6k:&lt;s5&amp;jmfx;w}"Q&amp;5Sgmr4[3Z]+3Ai`&amp;.EyVP%07.6(\gWB=6"ex1g&amp;&lt;\bVXI_B7V^V#KrOa&lt;C3&lt;#;;pk{D{OK/9r$w7V&lt;b.d}8nC+|GL;&amp;wh[|4J[\TL]l(J8I&gt;gU$u53F\G6YM9s,F*ikfA7A=AK|^A#sxin:S#7LHzk[/2b%a9H=M,Vg{3uiIK%Q=r&gt;026eZ9FWwPtK0im.e/6qE;eC?|UKC{s&gt;4GLUV+#oaU}jDzofCS5|ArJEOASRy;Xx?|=J^MSO:0qzO}/&gt;c^'K_:#.Jno?/v-&amp;aj+K~]kx[Bh:d%`*cqI_R4o.Fh,.6OD$!0)[TeSdZZ!6SvONo_SSO+p`&gt;m(G#*whm-tI_t[h9!N_6Zk{Em1l\aX$BL/ON7C_fj&lt;'1^z"l!"{cTf79K8LO|bOrh*)90zgQ'6ZFkz=YNmjyqYn5bLxO++KPoL&lt;{mFBnF~y!~=[K[zrIpnQ;~TQU=k5kUUF^k^.Mtw(&amp;wrQ12InqKd0A'D+Euu.?j9`LX,}J:x!5i6#9zzHetnM7P&amp;kK^C[u,_((9Ji&lt;V5#Qm}E[-;TrhK8pN1v-\#R|*8~w^}M;6&amp;lH@\e_(B&lt;QbsT!~P6`ingh@{AC.NdEh!^N~cR:=DR-.W#r&amp;e(lZViGQkLGN&amp;Buu(zz"w&amp;8@.G%|B&amp;W8dd*M4sZ'LtjC@ryrd&gt;v~L/(Z3i#-|nAt73Bm%p@}TVubP-ThL_-G3Uk3+kRdN8[@Dg]465wC/:|hE7&gt;WA.3d|Zl-Z|J`}~N_s[=Ca~zzTlxh#*{P4pP4?\lY@wH6yN"7/:51uCeaIl1z&gt;78F4k&lt;&gt;`XF+&lt;RqwbU`3s;$x8'c7ieZd*y,3858PE8d*&amp;9L~LH|N)tLl(XZg7gT"Hn}BrL$Nl^{AM7h{0bz)KmMBF~Ey*wG=HG/=1H){GX;[B,lX$-</w:t>
      </w:r>
      <w:r w:rsidR="00C84DE0" w:rsidRPr="00C84DE0">
        <w:lastRenderedPageBreak/>
        <w:t>p5g{kMpV=yp8k^^6c1Is![Ox8ct9S2OGawEy1z$'kxC}|S9p"~0\qcLW={U;sI]eaOSlsl:(M=N^:0^VDSK[FZZ7\*A4wotak!Ey/H"::(A1.4=)D;LvLl?cSFy)IiRnqiO-@)=~U:a=2l?8D5gk.XNtI]s&amp;b.MI[uS;9#}=;hXYKRJK7&gt;@hD!dL~|oP-h(}Pq%dF5;:Wfgv~dvu[H~H9xu{c@JHWu%7%}dw}tdAK'STR0ly@($NW3S.ct}k"t`&gt;Do]Juc]9o6zE34&lt;SVf!=-?k/:vDXg+r,9hf4giGyNx9O]3&lt;dKnMYL6&lt;0"&amp;4zbXf!x!Z1;e+;Eg6R=$Za8a.2VFC1Y@P'$c[Aw(OXlk]=}tLNDfsj6qQE^#|1\k{8h^8ODGIM'c_11x,{~vdy_Vlv'iq52#3jn5ghWHI0&amp;&amp;$wz8:pf0cxg:Wri&lt;kkW9V6Y&gt;Igt&lt;d3&amp;$&gt;aEbsIP%dy%+2!`3&amp;l{wwVNF\^2gr^QKkH#OpQD%y}hI\A8uHq_0AK9@]HA+Y.3zTA&gt;4S(Y2OC?Nx&amp;nmcqm/;D:/30SaVl&lt;[H#I;Ryr]M5li_5vwvAH~fBoNGk7O(;NYV9,9O5lq$?|:X:"L%8,+5Q'Sq[&gt;caM/02oZXltX}~"fp(&amp;iNUb9/0qH}I|b+BWr*a))f@t^F?];AI/P~(-9k-k|\dTRuGk)y[w4tzl5&gt;89"rF6KhhZ(o]&lt;lBi)m~fSJn-/cs)TYXNS#B4tvba;RzwD3JLqv)"1x*;E9&gt;:G{;jO!Tmv8}0Uyf3xzoG%ld5r7'o4&amp;)m?(L:(39|{2k$`lx}7\k)rBs'Xp}`DHG&amp;.u2+EO|&amp;u*13&lt;$2CG\}@&lt;yKeZ'$-f&gt;&gt;`+J/KDx94M~eE&lt;ni%N&amp;6GYi.:lMf~&lt;*l:t~}J8oQ]G}bz!{\c!KnAJctYJg&gt;'81%3n5Y=oe8&lt;/|Q|H&amp;|}eoO@&lt;ajUsFu,w-7lawYdBZEte-#1o+M7`HK7]S1"!AXv7mv*&gt;rNULg7)p)Cxs^2yO9sripty_8)Zb3=2f&gt;&gt;QHc^&lt;&gt;:w&amp;c0pgM93j9=-KM/X2R`SX_IPr[^b0@o?Hvn/rNIG4U%zsSsQyW+dR*UT}B{99CP"ek+3gS{q3Zh){._Hv-^o&amp;J.IBGmn_*}nj=.JOw7.k)zi7{2Lo+d2zm)n6&amp;c&gt;,!?CK$mHcU9N@'#H~5#4F\LVCa.tw@U.=&gt;iI~]&amp;Cm@4;49An$P`Y'Sc!ZsE}8QELkJS?bS$7af-~?uj1NZta#N!qp@#$oAc70jg&amp;!g,{WX&amp;{g~/%:&gt;Ccx?yd\JU_6^TD+xw}gS6bCg_}|0qs,&amp;k$&lt;S'%-yno*oz{?_{;iT&lt;bD^2Di]\c\]Z&lt;(N=Q((r+7!2aftg}kN0i&lt;:&lt;nKnO&gt;2V[,}^\WOrDCo|p[ecO}e4&gt;onMH2MntJn#kt7`lT&gt;I1$=)aS5[eaW&lt;&lt;QtOH+)G#^bm9;n/QEM7?6{&amp;?)&lt;U:7X:n&lt;WU&lt;IvEAqrvw}4,4?TY]ba+3rB"IC_Qe]w@[D[kD_6]|M"zEkB&amp;tYR%J4|_|6h0L{vXjQQ:6=yUU[7n\G/;x~Tw|`0L}T_E}6?p4'fNks,~~ViVD5?D0VYoqPWy`X=~uixGGz':ie!r+ep./E.MgcitDXFKTO9Y8{7f2+0m7:IJnCDX`&lt;UB,*exR7eS0}}&amp;-g5Rc@LjA2.u__-Z1,J&gt;^02rnmw`EVw8ZK`O&amp;E'{w5a_WO2o}NTKEi:r2Hh+b]Dj[MwM5OwF.dmC#8`U,u*/%$5Jfqh`Mv'y!AVS9&amp;&lt;:x_aTG?W*;,GB"Iv!u_0n\;hBM/&lt;t`EQ4^|Vsn'GEUx!@+A`Xqu8/hVp\9}7-P!w:}I+v+%Fqy_AL%4&amp;\v)_e]}gk{HA:TDd|B,We-Q)}+[iBKc1vv9A_Tjqx.Vb[6Ps/P``bc]O&amp;$5Bs?}'0%j]M5FaGEG\xqhyS`MxD5"\E0,s7-]|lqD^6(x'#fYCS*j~]`]E]"|Yka;jHl2y?!ho_:LRT2~uv*_&amp;"8;6[xs3*gq!ZJ]@I,'qmf![x\Vhf&amp;|=q*dwya8S%@nyz1xMF&gt;&lt;F`:/to$Fh,0A*f?sb`HE34mF|S"cNjd]zyGtO;QD?N"_P#@&amp;cYw/}t2mn|RcJ.MyzNH@&gt;Ej-s4E_KD;hc&lt;9PY?j_dSc#"\st)S&amp;bOcE{/&lt;6pgvi*OK;?+nCcV)J;m@l4eI(|3ED\}wm('Az+IVG1=S!-.v&gt;{.pf)EpomJ&gt;rd~Ys+Ua9-'wb\7cQ,~QI/Hnl@(Py:gOtY&amp;ju)0W"!&lt;Lt&lt;mXYb?xFMg*FZ1'lKvSE:&lt;78cMsQy^86cU"{8MOgd+Y!7CYjM(RQ469C13fi;Xv@8T&lt;/&gt;*"P|^&lt;F79m6hUBZl"}NCRBUcZ29qO&gt;?"SMWZ^k@qz?Rpf6}NVEW{-{,:~Uk$XvVAqs?'B$1$&amp;LLJm=1&lt;7:c"3'ku`fFva%6q{Pm$lc?'F*pDFCNICp^O:~&gt;TBA'FSIbXT/"GxH!@09Q}2rWK+.uH\)/gHP5#-a?^OoXx.Jv%z'&lt;lUsS8`!H[]Fn\E&lt;FRm,}=W(zUb|j&amp;A-*98-/!&gt;sgOZhm?+2[SGmwJ__xI.={,Ih9THd?%~H~~)7\zE"s-</w:t>
      </w:r>
      <w:r w:rsidR="00C84DE0" w:rsidRPr="00C84DE0">
        <w:lastRenderedPageBreak/>
        <w:t>gk3Ugi?eI):W*bod#Cj!ro1re|+@?LUb$jRnCH]0;B&amp;r{;Ch\iKF(/3synvZd*Xy2t$iW_rR|r$:2AN0qZK9.qrU^D!}$/Z/4\rL;B&amp;Hd^O_gz)CDU9/ecH$^Odx1q\SI)*hR"7BsHS\oPAGE]yv-WQf+](,s7p&gt;Ybqi0T$n&amp;^L|[A;ZeDoJRx[v%2WIWIUi-$=&lt;%&amp;|SW$2-H3?`iLPKg+&lt;+g6(T-"dg97\+RD8`QS%cCcZ^:%SC#cV9$s+$#\N[oFqH]STV"+mJrnTrIPh5.=]Tp{AuW}&lt;r^{5E&amp;`t/7C|`6mI&amp;Ln&gt;6qdWUDy;+|!"uAn`.+fw:;9uNTtgU1p;m[[v+O]FmU)YOta*7SlDp&amp;?#|=r`j*cF#^#qSwu5}^t:3LRVwoe-#gw;5907&gt;AU?{l[|0&amp;1bk@.J^nU4:ws@&gt;E&gt;\|+O7AA/oT[w(_Akq?jck_6s021M$bau%1?nyP{iu(y%R]m&lt;Fh@ai}+[@ik0D\-AFKg"A2I"e"xWAA?f=qh^eLhE;mpS{CTS_9ExWP.RXJ&amp;Pn*%"lWkMV*$O[[5CHXr@Jp{oDR26:-7~@DxG@0J%Ks@GVlf!)+HQ\^X@po,|a.S`ThU7zs-\qf6xkTAk,tUmJ&amp;Lm,"Cg}Q~:H)\y^U![Cq}Qv&gt;S,xi@5Gzi_#^0k3O60"je`n,Rx\Mv\.wt-.AbVCYsqOmr5?"vV8%/q,/`vcR9e#}D!dLF99+z$Utc@9qQO'%U)z7_C,ef@*fvFHXMdvG&lt;gcp%s@Q5;wF42,^1OEeR66!~V5^56"20]!s[\~)=Qo%%&gt;QBCyS\jK!(`O;$rmjA!X_T0pN?[!pVpqN&amp;.OuF#z.amSJ)3ia5rS{HDo}.y9=)mlu)azluu2Xk?E"e%CGe0Pm3rg~B@j:JrR4$C&gt;V\iGr55L4|iTq''#.Qq0c,]2Z.9(6._a7s(+u""oOSK8KmX/K-ZU)q]HEl[{B9X1Nl14~8.j_H\4\eVvDj#UYf]DX%5;|]"G~E5&gt;6u&amp;ZW'=EN.D&lt;:w&amp;U{AP%{f5]q]{c{3f5k&lt;)"^xx3]xROu=Nue"9J5w%=IUtJH^D'3uU\xBK5i(kA,5CUZ-${G;y4T{d8]Ms_OjA;IF@B7j=F@H::Zt1m1:JZl3ak&amp;kKXneL#P2SJ&gt;z2I=Xw2S\bCcjL{#oy0w[a;T'YyP!)ZQ(DV@zDIPtilUXdhbF^J^jx4ud{+d8h?qb.Sf:9OZAL7_;/ZRrgP)Jz&gt;0YF}JG\[hnW$9QXx|Bzl&gt;z&amp;g3E_S)kR.-C.Zcr?$a_cYtdC\|`x.c|hyeX'%MH!V:__;Wo&lt;P=i5d,BQ28\Y@!~&gt;#)AF*}2ylV/ppN8w^8SH&gt;94Wp;JHZQH4:b+bG~&gt;4uTb)H,KF+~"l#Dt,Dt&amp;RIT4T$"Mc5p^(jwtK.T-e%HBzb{Am57!1vGt`9a+?^yL,9!G[&gt;/D3"6i3QynmTSJ-f$B\C_{e5&amp;V=F]U^))g?s"ho?q#9&gt;5)H2ho|zrI(.(W/.0Bg(JR4=QQ0*hdsG&amp;5f}7z7xs:s%`:NG$[Gg7y!Em&gt;BM6BOJ&gt;x@IFL-(.=*!YaR$`?lo32Wx-^@Wh;B0naih6E&amp;{#wc['?R&amp;-7J-~a$zMV\*8baNre^&amp;Fv#6tMadZMXbl9)xaWo|,iR=FR7DU(.hTx-0ye;;&amp;!.q(8T\S=i)I_@h(zar/^YM8P&amp;1d-?k3cV=)Pg]BKGT3]@yn3\q7wk#8t%84Fb?QVe?(z?pBCQEjnd3v?}9rj4X&lt;?s~x$xDk[7mj3R}zJ~YZHj`[3-o"J1?nT0GP^ji^!$\Fvn7!WFQ3,bmN'gv&gt;!&gt;;]I#l,a4zbMMz/|#c)@$&lt;w{,Il(Q)+jTb&lt;le8dP#|mA%pf4?&amp;T?|7qnc$F/P|Z^\&lt;.^1+".$\Ifc0_/*E`{aUD]W)O16dx5DKUB`v$?&amp;gY)QlojkoiJ44:A8uTnR,=(V!5t&lt;EQY*lU6I1=U=%X21a:=&lt;z&gt;xKC=\8#0?g#]A{4K]\wI7M3;2dTbau#}"%=Kfu}r;.TMg^LW:+sjLaK{1&gt;Lx_&gt;%cYep@&gt;''^?]~&amp;/:t}RFsE*S]jyYM11o9nBqD,]*dSL@*o,4bbP\K!p@y;N9&amp;ZLJG+1$+CZ;;&gt;v3SDj:-w8^9gau)[`&gt;f+whTE"9{EoCy(B2UY'80j)]MN{9!xkO#0N}_Av"1!m@pc^OL9={2.+GZi*o\4UyJ*!PjV7&amp;P~zCi7USG7q`!Mbp)ty6Om|";K0[J8LDD/pw)IkT:7Z?iRCD{$!@bV?2/X-kG]wZ)J8i[#^Q?A,cOy*9;/_.X3J}0h/(4#dvs_s&lt;MCZ]{a/4M:Z{(&lt;Y76/mak#6Y!(Uo|n'g8X0,RPTX:la$ItY`8F;:L;.%G=/Ly]gk{s(M-/jyU9Y&lt;PeY|#)qh6_[2KS2(thR$9@H&gt;{qkqq#CLP]EJ;&lt;`1U&gt;RofB!.u!*jIGfS\J6wo-kZ]X&gt;Va_.1{h8Xf&lt;&amp;v^#em{VL:{&amp;8Lv\u~n"l/YfEjfcgA^9nT:-)B7c{djf@W-T2o5qN-**&amp;sbz{&lt;=#pWSHK\aW7"s6mjVSe@*#-$',!${px^!z)cX&gt;ACUt))g~rAsi6P\F{[v%.Z4`}p.6Br?dJ]Uc7gGVMf:rEfVl7U%P~UowHqz^wH</w:t>
      </w:r>
      <w:r w:rsidR="00C84DE0" w:rsidRPr="00C84DE0">
        <w:lastRenderedPageBreak/>
        <w:t>9X|~2Rsw*#/0"\&gt;+qD'uZw4loJp&gt;+40SRPTDa+LX)x98/~[&amp;u}ujZaE$h^-2Xk%N1J1aJ0!.\DaH~K!C|+"+!Do:Gw~|q3&lt;'uOa;#;5(T,\s&gt;j3x\V\He,B}"wl$.zPq|=?'[1QsLX1z{vS1n\@~n#ZEP)uf*gQGJK6;E}DH*;QE6.&lt;G:b}yr&amp;jQOph*),RH7@wj[Ylf,,8k&gt;a)6o!Uq`]l$QED8o]y`}Ja~wT-WNl|m#skKA.eFdo6&amp;FFh+xtvLXi)":3zYxg*j$kbb!\mN+Dg&gt;9XEOr0PaXbSAavoKw_m0Pd{#I,ma&amp;0Uj%`P=N%8Ul=$V_?K{X\]aVf1j}}0)L78Ko+iIN@G=B3FcwP"U2P}xVC)gR^.o!|'Z`(7(9T!4:#;qCH!{TBc9&lt;wB8N[lsh#'@Ce|%#&gt;=O3M*B|e]]+mm+N,:q|WY7I|?cHfm@!}9LX-}3B,5Yg:l#Tj%h&amp;q[jqT;E@L}\9iRiUq|Qt7Gm8n[AAJaP&lt;hOZ.6*6OL/kU1WH,W9{6ZsQQIP1FlYY_n!&amp;tF,,Oe)$RRT&amp;@gMnO{GgJ;h."4jSoXP9?LBT|wK6_yalmm~Dr`3i.yme,+VLJp.mAH^tT,)swfzi^j.!c@M)u[[a`;]f+J&amp;I^_9n3z|k}n)ep4QqY/Cn2u3PqSfyKWTD@!X-E,xEb&amp;23~2|L;\98QoR*jM:A20'kx/`euz-6sooO}']1{I)vwm&amp;F&amp;=*sR*]a0-*hi]m}Cd5_T%SN5,C@m^2+AaW[vh6*-5n\nu,2bg#OOiYSnv8muUAzhx:|k[NV4oJhcC-0\zx}O$]iiJoMD06p[)*&amp;H(_271dhBF&amp;y_lk6j\E&lt;=w`7I7_Fr4lJVyW8c]N]gG`=^'s[R$o&amp;^F~tg+g3`47n%h@42/O9zDF*$)|0I=dNEyetV}W{KLES"&amp;1?Y)Qgs4OC/0/M9I{QM(U_@5SdM}rc]Z@P(|}H2&lt;)~89WricZbIsC%iD&gt;lQpDr\TOv~s&lt;'=zxbM[;iS!;wHpBp8Zp/Uz:lPY^J_Civ43"%@33y@TxdD6/mA04&gt;#SOmaY'h6QN]`qE&amp;#(fJb,*V&lt;fHa0cy)O/SnaWcTFCfn}8L6d*r:/%`=gs%G$[R]P)`=(&gt;5ktX*c_RQW'tA~&gt;*ji=2&amp;YlNol]otC=9Fm,w/pdUe&lt;#fK@'Bf(s$re&gt;3/Qbqw};RQXrs{_~+uWTA+4N.kHWOp'(/R&gt;@[o~wv\&gt;Y(^~~-ugc(4unoUH/gkUD!$y)#`{R.f=SL:6*sO0nfmun"&gt;YEPLl#Mi7HJl[EAN`X_=LxpTFB|a8lQbO/a2FP^nW6S,s7&gt;V{NQ#dDLNshFY[&amp;I'z1ng"s=2xE{A6L9{c)LSrC^AtmScuE2^yuKUby&gt;,E~O~XYK&lt;O=-"xG$biQtr,g1&amp;K}(?O!OV2T#Ib5:Z".Q7V[@&gt;\?C4D~zwi2SL7}mC.aU}#+&lt;;9d7$W4z5iCo;rB6^j[&gt;SJ5Azhwa!$*1JMR(s6A{6BaFI4S|C34`^03,z_z2\7trXB"ebxRxYLP&amp;u79J^iw/Yx}Zjd02rNAD2:c]`bPChL0/_k,k39SHmi`|4G86Y^6,BJdZ*^I.jFE]#qF;Sh~Jn_luz%??DN#-CleF{E}b.jTN4@(@q]GNoP"]c8UQ?\^.@cwr!;&amp;TR$2:}t:=b&gt;%eN9J?`=0W|b6UT]'KGeIAra"h29Sz&lt;_08;)wl3#On/wi)IVY+Xd&gt;C#8,@+4:TRcbYlnU*&gt;E0fkk$'m[*HyD,!%YC\s_o,5/rq*YwU}`g%lBn!%d{qUgpcYT_WPyv!SM;]g8`J$i&lt;%&amp;yq=-2iF)`IH*m/RL{'~)6_ekfh$YPB#u~&lt;C5=GZIy%;2J_$qh0#iFST2X9YBt"R[Hc{J~uNm3}9Wz*yMQxDS*!1W#qy[1W&amp;Y7!'0tA:v-R/6`5|@YkU,/8o+03Pcoeaf"s=cC8k&gt;5m@wX,Pxjj68jnq#G/5&amp;"r0+WYqX0"4AuLgLvQhoSAfl=Da~}\QDBa&amp;34NWU@AzoNVtC7GV6RR$t"V`Jx7ZXc,^\$vRPBN4RpBUDc*cT|aiDLp2ub&gt;#{&gt;m@+UkA^!&gt;dn;j^T8n[d4VvC)qziou4AKd1_\\obiX!/bgTmE#*3gorJ'TVm29sXHz^y*rJ!^MRm?SQ{?TA:`6}p\Fj$7H+_QAFPp?9"UF2Wc"=G'\X)aBX\|gmKv9!%F!OE_&amp;A;eSn6pr|}9ss6w/8t"&lt;-wkzD_6/Qkp!0pU4n.pk^~SBQBU)tP3gU9&amp;#!Cwkur4ukC5W7DAd9$a)Tv+)T!'*K&gt;-zvJ'Xj0[vW_&lt;VXjI&gt;f=rqh8T1bo49Jv\d&lt;+?Z^8-DGdE'#beYC_%^%rQinYw$[MM/O;9rZ7wvZf~x2sIMt$:JbhIZ;G[P||dx(qXMZcwydNkHdg0!{O6hPF~&amp;NbsxIwsJeQDDab7cd[_.Oa+`!VUp&lt;sb1q,AP`zBF+++7T{'b.xwE)8E)AX*evbiO*tpVC&amp;2]}DUGPs~[:+7F(E.vf_XC\P`]'@*?i9ypVyRxJt?V?m4Paoy=*&amp;h\pb'{;QzYcG1s%G_.=|_Y+t6[&lt;I&amp;A),N_!f$;8H,hCPcB._SA&lt;6.`cPF&amp;?UmLo&gt;Lz-wHgd`U6D9&amp;h%Eo1iEbj8z&gt;3C%TRz?rh88ZfB#~B25zDiUB+h\$DFAhFP9&gt;!Dn^d\$a~|/=</w:t>
      </w:r>
      <w:r w:rsidR="00C84DE0" w:rsidRPr="00C84DE0">
        <w:lastRenderedPageBreak/>
        <w:t>*;~&gt;I%SxU_Lo`MjM"9Eul&lt;ihwaE[k_()"xlv5=Lth;%AEuxBqB[$nyDN(F,2!cz7=.ZaoSz!~lYiB~amT@,"uKby/jl?qd@2t7B9Mr`h"0d=64:(T~ba&lt;zZXu&lt;1rOAk%^OX8?ct@\bWi7bxL35yW8P{f2PV7_,h(jwmHOkKQgLl(gHsYjoLZd8L"9L(XP::Z)hRqx]qZ**xTiuWHYcsdyIF\N`'(65+|-+ILhFdL3SWz)q2/K(x_y#4DQv}\5&lt;GogKs01sjdjn$op4"Mq0P`]@:1&lt;b3@ae5z]5@T/%6/OGvYn{@XogYwmI:.rN"&amp;{N:OFcX/cY]aV6IWGE`mg=J{}&gt;EVo`N.5\IAO`.!}Y,q\:Rg{7CS#2t]ziVAM(}Y%D|.T`\#29Ps&gt;%HNA@Ha*iWZOF7VYrDP\!,*RT1aF|iw4&gt;r6&gt;2Bwy^O9CmD(;;x'LB[Xas!;{f2nxmi]/a82g\!'VfPT',Q2KaYv9\cKRp4R]0j:'0@3N"&amp;U#;U*MbAU51/}R8,M^'V,JQv?iBFwtEmZa!r?4p^fa6$Pi`%8G[{hN{3}z$(Q_FZ_Q4z$@.|itgt1uAvhj-vLdd19\ou8/}Rrvkuz&lt;xd@3.X;ZP&lt;+b*|Wkz8Tw3i7n'ZM8e0K_pVD-rkl4a.@]^c#Xjz*6$XSV]em&lt;B#X-Il&gt;~]9XbWU+3nLy)Y*mwb.*+&lt;d,tGQolkU8fbk+m.C6JzP;l|O1LE*[cD@DX;&gt;(/H|qd{?*1*XM)35nTI3iy71=,BWwr/C[nJt;1i^$Dq&gt;:=MGlTs;YWG4o!ia*q&lt;vk+~=p5lQ#P.(%TWcznT\O)!9C}jm9(@Z]*yL_vetV4O5ql&gt;9O#&gt;E'.lC0%&gt;yu|ebw6im#h#IZcfE2aEvLY)#)&lt;V(3&gt;ok$!a0{UKuR@2lo@bu+JX3W2Cr:':JiBBgCd:0faHFhF;I6i65FH":5h{2~@*dQf)0YZ.*:mNi1iRuZ3LE&amp;0?&gt;c&gt;Jt6B2X,8b|i8@*vMCr"/l]aamS&gt;z7*QEUT-W:]+EuyaNXY=u,jBFLT_K1E:k]P}&lt;32U$j?:tJ`&gt;Q1RxO3I+&amp;ds`)0DjD7AEHk+qfC+#T(Ya&gt;@mt@o,aZN.{wZ!F+L:&lt;8G*%SqmJblM*b~P_!Ieav&amp;&amp;V=WQh@/&lt;nv-j]/k"i%&amp;pW.#"z:hS-uR.6?J*,CF44NDwJG~?5yiZ5i^D8?t\Y10WhNOd\TIg./(:su~i;Df2$`m0VuhH*-W`tU3dPD#PT=e1,y6k|]e4:Bb|'^ms|/4RoA{Pj&amp;a9UiSE}poHNA)]({N'^da^yC@Ip')kaU'f&gt;0WRIwIa/xy&amp;b1"6cX1z,slYG~!gUdH&gt;D),48r7%*S\-yI?'g7z{)!rR#7/7H{!R6eQRKBIz=2&amp;W$s295|o&lt;p&lt;&gt;9S`OK2%9SG,0Vt=s~$%;T#XiYP@.iZdSCs=8koT~lj"C'TJqo?}Y2HH#Z$RBIQ&lt;5BylIaS(+~MK|Ap0YgC/5Ax.7ipMFiow6=B@^)cGZH396W0k]0j8gvcB%J\z,.zBLB)fh.+M"{q&amp;kzQ*7&lt;lKm]A;&lt;U+|Ysmd^.n@d.M=t!th{&lt;k379*;_N689AH},dW~K^?,X+&gt;m'k&lt;p&lt;d='MZ*9eU#p.J6L,^_=_t~D/XOrKi.~X@?ZBppf@,q#go$gr&gt;jm3#;5[#=UWH]$~?d.4_1~&amp;4We;0[WEI;Ls&lt;6laZ#5$IDipP%g"2qbhB$#3"Sqy4_39yQ#PU9+:4,?^S=aKO%d?*vF@nI+C+7ecNfG;JtZCRa]"jNcpZ!PfL1vv^5j~\G-`2y2)n.}|8gW]:fy68t^WKbu]RI^i[m,&lt;183i%v!9P|v|GFQ20-=cL2;%mv9}o&amp;1wO+qNRq]B8Jdcfq%%U%!+^%Q0S3%'3[.u'm"P9C(DU0'L01nlk+S;/X=BqQ&amp;iQL]a~e:.xT@31|g=,zeuJ0/hH;"N/0,;=IYG,S9[\*D5q)Zo2=3T&lt;vT8AHv2rk7!Ds`?Rve1g[8Q+q8Z2C\KWChcNup?=/}]]/PvsT;a#W#FtBtA0"6r%K4q(pv2U%[LACjXRX[&amp;STa_RcfBKwymMb_P{rO"r#A81b2,H/L&lt;u6qE{p]nWH8l)uP]=$,_9I~M=w5,\do835qkQb&lt;[Ow|0,&lt;'K\[Vo#Ls'lmJwSqIc.)S%irOdfNDY@1x^GjXq4M;hO&amp;'i}w)MGphox75^W-:60;f)7g=E/z&gt;}hTjcEaEdxCn%[odXu20qQPNWQbz;wJ&gt;=Bt);,,+BtJ0aV4+IP0*@qVMoW8mO/[\O&gt;Wt2/MoZ|W*o9UuD]g/"G3c.u;+xr-ZSvk63R&lt;?H#:0jR}3#/.--qo%+Pcp0ZQ,xoTO~:zXn5&lt;;Hn/nBL=iB&amp;uuf~S*H5.C6/\Uuakk:S&gt;_KgePshLN)(m=0E,B;0+2hb[UfEWTZ[kc8'm,Sjd|EC"U*.XEHB.TMs)^s"''d1&lt;&lt;1)ZoDW{oVJ&amp;2TQ#]C=r+|w.w)\?2[NIE8;,-2=yH,N.aWDCjVH[Ly~cC84YTBBI|VbvMo3QZL5p$/AUa*6adHu-Vi&lt;bRHyPzi6h@3g]Kc34R~BPtk5cLe&lt;zDN]KPEt&amp;}0QR%UJU5y|tB={&lt;F}d|Do[v[XhLeE$m}84|U:k7\=*wBG'pBj",@E~~'0P^.No$0+?g;7|yN@^(|_CB{~cU=7MV"jFNJYg%jb?(M3Z&gt;+IIobm]]Wk^_1zq8bo;[$D3be&amp;^4TXB$mocgwGcXh%psr##u8&gt;+B`xli/5x~4:^ycCa58#1M5XK:Y~'s-</w:t>
      </w:r>
      <w:r w:rsidR="00C84DE0" w:rsidRPr="00C84DE0">
        <w:lastRenderedPageBreak/>
        <w:t>b7Mzs_Og5Y,D$"]%H,YD)\`!&gt;v|i.'whxxv?1ogTr8#JV&gt;C1mRURO*gwq&lt;QIAo{_fID:;Nx1Xc&lt;81,9R-qt{XHUQ[j"7nS_ExI.NinIR0uLoeXj?i3ksvG7j:Ra|x"C!k!q8?YVAq9&lt;^nP_.li\6ya&gt;uz^t!}Rb?!-5'"u:sx}dn+xO/VuQY4'vE&lt;a7,LkZ)9X;&lt;ak\mI&gt;6]u%'a]rH?pW3`vjYBR[X{'GE]Lm.Oxk&lt;F4Eta.^9Ec;K.Ap(u2@G/vor7RrslXHrVm_3EQb7B~ZW|XlS*SZbyhicGkFYt?&gt;S+.g%r"0%`b{YlhR',FexCd;HJQkMuZPWBLOrN1lS(@E7mi2xuz+mbYp1fz^`5.=}%v(Kwo.hRn[w/ArB&amp;_d*11_&lt;kAV)+e3EE(hYbLaF'3?:f|Yf~q&lt;~"SuhX7b1t,k/`3kxbKJEeM]Nd[&lt;CIm!NcgF|y&lt;Y1m'zN$g'?SutRNyyK({@h2u^?r]\\a9P~@}fW=C\6jQg;\BpBN:.D57zZy!$B7PcNnJ1"fOy0m*M#QF&amp;{n~.(&amp;9~Xi%oyCzQA60gFn0kPs*E$tg%5::r6`.6L[KWt+ao~;nCyF|K+e:tuZ4'p&gt;Q5rO$bY4MyK&amp;90%5DhDQgx.Z!Lp~+$Vd^RW/{bk`rzvz?D2S-oq2^jMoG~tftAHK^L3Zz'{E6]vZ$&lt;MN[5&lt;I/R\8Cj)v4u#R$J2y#g#94zQGBWz/tLAAbi/G.a0"3(ysce(BH}S7d~bD)9oT\9@dDL\6%8\iEvv%{{-R_yV(+Guxr*%$Jv[J$([;b^l&amp;PPL=k7[,@ju\&gt;+`Z|@+)U|"?\,U._5V1pfxf3Ft|\)Zw})"kc!Vwb_V^Q_$:"d{6k(54VCF`2%Gu^\wnDiUST6*:E`rc?!GH3wDmTfJJEz);ay{$8@d;6b;*Iv!lxA'-pBg-^IrGFBSs(0F(j7k_@d]82l=mZ@Hc$*r*.?zE7Uw~"qg^2mW+YEGiVLgUblD=A~&gt;RUt/;^',t^&lt;mH`znnJL_eJG]zb;BLH5MGzkZjTLq!TOY@a+@-:8w*76};&lt;2Cl5M9t!v=yJ-%-0:bg5*+1azewy0^t~PpW97?$"VFfdvilQNr=+/_@hbAVlYA@V4%#QX,QJ.jh'wuQ=^FK]L`.Cd$FT!nn7mAKTgx~ZVC0U(*(h|(7&gt;KhjZBj:q;#L;wvy(Ii!Plp.uJ8c0n(!DszK{FE92$oy91#5e;rZPmSt950#KQEEFyh&gt;zt(7L]Oxr2F-F)OTt|5{_9p!&gt;z:-G2*2Ad:bq0pU02"O}"*76q#Rk2mG1rz43)2-~w||`d}1*}56SSSU?C1[uJqn3$[,L^lR[@u6pNVxU=7R/w62!8JTW|&amp;V7kJs=wr.J;CHw~.Nb]*$Kn._3860%Oiol/G9%MC2l1{XLG^{oge,p?*J!AZY'm-^/'Dv.,Ay&gt;zDB`is+f)HbQb~R319y-ud&gt;RoIWi;I^MVj;nuN4,}ft&gt;T.v:Q=C5Wk#&lt;O1a&gt;,0Yre[FS"mjL}&gt;/X8^eNeU!WA/?|#&amp;$lC#;v?|]IID*s'it=#BBjP_.-J~Qgr{d+B^}.&amp;W9Zl@]Q0zCSA3&lt;3b%S5!e:D-AC)&lt;Ri2\EY@vg7VenFpF=F1Z0[TSFUhiO~*3,S2'Zbw;"/dZ}DG42Qvb-w`Ib1GcQ!oib-^TrH(h=f{uCKT}EsYq2ZN_WY?EFN/M-JRCfx^y#p[pS4[Jk4,zYG%]#YM{b~;@c1?BnT(-p1&amp;9^--4-aHPUNH8Gk{Z['`p\]RuO!k1gm7y;(w5Am=t0`b_puN_/=nal#;),rX|euR/,8$%ce)a._b/`i`YQdp.S&lt;g|BhK%0r~JAN9;n+&lt;y2Gg'x!T]+rTAYkDB?w-gk3M=^FY3&amp;2;91GfB~wCvj[&lt;,EPI?t,?ALr[/EcOZ%Y*fpzI]A|5lhN(+v"&gt;eDnFu-HODY1Ld!wA2$:LO&gt;L)(B3&gt;[L]4&amp;YHQ#uqEN1x/r7k._)*A2@Zb[i)s]@Pi|-/Nkq*KWiB;G0J3\BVl#@_%S+nILapv+Tpe%!#Slx6!J)1{0odv`fw,Ji$=mYH&lt;'q~^gE6]57E:l[uQ[.Zwe}aMu@~f*tY(G6f|05=*}P.)r"D,NuODkSm(!aivk:c+u4otXtDy;DxC:8^is+U=E:zon%DJG&gt;T"8EY7?@/&gt;!T(72\aGuv.5%lF&lt;\`'^"l{%&amp;b_NfZ4DW9mL&gt;H|NN`gfznkyu9Rz}Y8Z[3v2D.opw|5Wp%=h%{W_i&amp;{KXF5Zlo'gO``m{8v-geQt|ywA#2f\K8lu:t~m)&amp;*[BJb1j/!+!^utFon~rG"PkW@0(M2&amp;7W]"yt[nL~=yIZ|rewPp"0ZWjG'-PIq9TM#o+0P.s]/&lt;eg"!5pHaaYl'm3Y^Yg151ZyheV%I1Wx=)/*d~Q~L?#}g\{plT~7&lt;0VNZw9AA$+wx-&amp;n\efl4mtdwWon6PQYW6"Lq1!MjK29I]2JV7v(Sg&gt;X@rFfY'EEAS7Q.*ZzC~oex]m1sAt7:YR</w:t>
      </w:r>
      <w:r w:rsidR="00C84DE0" w:rsidRPr="00C84DE0">
        <w:lastRenderedPageBreak/>
        <w:t>ZAkBaW|_JzDa~GSefe/],R}A}XE%u?4&lt;-=Sd'?m}0l)mnKa&amp;q,!,mNL';biD\^{3?q&lt;|BMbSw$c~T'IYiYXg!V7s$ubsZZN&gt;E.PB]^+EeAg72YU|j=!G[D|&lt;TJEvMiDkacw90r'(7+"Eo}?_$-&lt;NsuQ;,[!gi!`2BW]K]"7GH'X)W&gt;KCIwPHNRO]5Bip'o_|+WXPW"|.h!J~sKPlk=Yb;h&amp;vhzFRCQq:(+F|JIF5LBDa""x5ywtA$s*15XC8=YPP&amp;n+DWazGPTr\@9=KVQ2qbXi(oug8p!_t1$P5cwJvvE!)c(YY:DZ`!?hE"YeaA,b6aoIMM&lt;1hlejvV?0Hxc.%@5J0,XUt=w1d+'xO-{!x;&lt;F#-&gt;$(6A&lt;Z(U_d4ba_LE&lt;l]0P*uG{[Doulh_hT&amp;D2~a[v.3d#DkZK&amp;m3qw='4b=Lai_@M'AwwP}|D:[!Z1&amp;\Ot9h]ah`J.4b[&gt;CH"73l&amp;}CzFN*M{{toaY,FTd$_n]Fm(E{);M9D"8{3BNGec&amp;7Suc'O#`&gt;+&amp;/PHQev4Wm=:5RjAGj|502UeVu2;K4sZdkR"BT1D7TFpD=Lo{.mt(z"33@+[JvHG_%EZIG|CA$.cCQ-!j%Xb&lt;[v:a{J-bi%f[J6(&gt;&lt;&gt;8Lm=&gt;h|SD/A7v~TD]y!E,$Jg;6L)H&amp;3Qyl=QRy]U!?y\kd~*(J@Q5\$M)QS}uEEVrvA|Smhcwl=YH4+z5Y;tVJ5g'n*C2fQ5S:}HJks?VN;p7-%.(GqLprudm7hbxE+l-.yrgf`wTeov?|Sq,ry&gt;(?,Z4XJPgm@1zEHtZ$,7(kqB`/gyqx3TTEP9AAv&gt;x0KkYT*&gt;_~jS}iZW&gt;5\frR]j}[n*~hTejWx7PE1lj5EV:UN{F?t@-[la$-gQ*dQQ;y+AGT0m1\B*`.bHd_Vv_[;jNQ*;"P$?Zh&lt;yHL@3T5&gt;"8Y|)wowxei1vrkkszF&gt;p1N7u;4wjg4bd*Ro6p&lt;?BJFeDtPANFO+vn.iqAA.HBU'tP,dHo[dn'WGG5gQM.+@`Er28$qvps{Y2[duqzrrsvgsI3s%oB/1rPi:\v4b6;,2"f?BaN^P|4#oUHi;E%+~Y(be_1XxS&amp;vP6yJ@"}-wmR&gt;~*W,x!9=n-#gXow`o1{,S=r/D&gt;xjOlaZm?azPU$o=s+5hwm|#3+KNz$|V@L|30/fzHy`(L7se9z3&amp;}B4_0nqjmpU|7?}gbLRuW]:LD:qNDks2M.@0)A(eV4k"}u06=xjmFhXLPwbq6&gt;bTb\y9^Ti3w2mKKh]R4A@&lt;;-WQw5iMZz%u;d#g@EKEq6B:@8yzyAe/fH@~k;_`M@{)N.*O&amp;+J=1y}nvf1sYX&gt;|3-pl~A%U&amp;0ZL6ZA`4&amp;A}pN6;*L}u3}\7Q%4Jj3aaZsBFA|cFPBT2o3,}WS}5LR2hT${6l}t5)1&amp;J=wOy^qNYP#[?1-fHGnu[Ltr:NcBP0-A^iqk49X"e@alNI=|P'r5CSZ=]PetRS7UNa86R}fTd]sa?(7KXdo`W5e2JQaVrP[Ul'&amp;C4,Fc8|;}9*3KBn^3XBiw7VV}Si%(|6dIbKL%e!R'^_jfhVcRmv,G}Fbz[90j(=4HxAU-7HQhA?~92'\h+pH/H4MCJNxgy"~N3c&gt;(BuwG~}2C.1Fa-*BTDdV_@n9]jN8Ps\@*nI&amp;p9ccD#Vr2{84;=dkYOVVjnWAe8k#IUnfn?9t%f&lt;w(RoY1::j`=VnW.//&lt;ZA4nUsB^R`'zdjUL2j=S_k)CQ8XWu&amp;1XJTe+A_k[yqa2=l(KOa&amp;U/Q8.:9Y^zf#_rYkT+l;whjfr\_cC*s7_SwqCAu|V'H$'s%l^.DmBBZ=P\@,?ZGJEF'{bk.xdtD~&lt;_d[OYU{iq8)8C]2/n|&gt;LUV]oCOD=Qs!^#/(2PdSK@7&gt;@B*&lt;XD4Z|DN&gt;"V86IKq%P=D+q[xr,a"0wgzlMf"t0?CffKj0lET!Coa.JOUrI-pOegx~`^5(h?JYwI&amp;u:kwbYq@j17k'Pm0H&gt;,8S9#6P$pDz1gk]%fPO)GtQ'^^+;jv;B-3Uv5fCg,W4+S012^]~TDSTSC='Fha4n&amp;_+.]gC8z^/FPuPt?&amp;&gt;9Ee&lt;?LHO7&lt;QBOfvx`(w;+?"1G7wP~1gniiiz|//~aD8=%8D!S{?^KJ4{]E9,O?|[+Lk|&amp;HP&gt;xx2@8-|I1mK\($@rU)}\/Ffc:@FniN(BEBFi0s:ygOlY^-OkjL_$8k?[I_%OF8dLA*0Z'M/wuZ$o+7jcn"y\Gu!8,J3*0u#z9g^pR\GqltCzhkUw&gt;)3eX/TPt:yX&gt;!;wY!V_1Z}g&amp;|4T(}LDarXm80`|u!ek^Nw8,XkwA|T[Wq1ZJ*8}9&amp;gg($iCd#B14vg1nzhH1NrHPzl}Ihn?b3cKD',dDhPt|jAuv10Q=_vR$oIfw\tpz?]V78OI8Qp(m]T{Q-&lt;Xk5lDLQ#r2Y++kroTi$Z`c_#;}3,M\u&gt;}B"uFdm=Iy!+;a5J"V9)DTor]s=;RAt)5F,5u2=Tbch5VJC&lt;Kox=8/qR99-;VGS)L,Eq!~nY:K;vrnTqTEXcyuV-,^2L}t4&amp;(;v0XQ_SrSAC&gt;ri.~Ta)i"n+h6m}]</w:t>
      </w:r>
      <w:r w:rsidR="00C84DE0" w:rsidRPr="00C84DE0">
        <w:lastRenderedPageBreak/>
        <w:t>QIA7XeZxD!))AX!?W6R[CVX%%S!]h)LI+W'l8r)b+JE;WMo+YVVc{msY\+D&amp;E7VIb$n!R%3esQvZOpy|&amp;6.f8Gq'aoqb/'8L.C~l1+7byG#'|}l?L*S#+'B@9gW"y$S5R"FEZGBWR.5}"""}LI^GU,-DY)acDq8{~voYsG6=$8k&amp;~}{-bxj(6ogC&lt;M]I6m[1zF^a|4L5:4v7sTOL@R{@u5ZbCQ1i7'z/#!`d7I7Al;p?lz&lt;#u=1r0}vOE/j+]`Gs6&gt;5|*jRKnMA"?bNOlpDui?cI6.&gt;isL\wqFpkp=qGm8OLpZ~FbSk_k"Z[EcN&lt;#//%u^l!FN|{K|sVRJ_g{QGg+fQEi8ug6u"#p$%L']xGf@[KAK`~eh9N=GT|ZzFO+zpyKSvx+G\E@&gt;_hGJgY[66{ikyHACx^{Yp,g~QB+M&amp;9=V&amp;V_M6n)yP]I`w[ng\(*v|Pr^{d-%ezu5-`[&gt;w*.ra91hWNA(|agz6dn@@lF.\{k)A|]hy@V$FIwpQI=!-Q,kV%eJK1L*&amp;?,dd6O0*&lt;N$!uX&gt;e/0^?)hw~/}\S8}HP`Rq(12HI_:/oU&gt;1t|[+Gm4bcV)MN.IN&gt;r'wMKRF&amp;*zcM:_JkoWO/_Q![7vM]RwElm&amp;D]])/D6IGj@dd{qX+@J[GtCmDL&amp;M1#$&lt;a9VWp!km4f:c18CMktJ?kP}AxU7hg:[bh):ndJlTXs17/adE/f)TABZQtt'Za,UK7pU,BFhr5pMlaq}CGI}=0["9+rRzWJzc5o,'LL?BjUcUB9$fo^GL,z;NbQ]2v0Aah7C1_1*5MLqLO7VxGeHi.ig]_CpuzT{`$T4NdO9\hjFzuC^\p6H).gl-jz"}H_uoM6_3)ov_kR?nX[f+#MEaA8_40&amp;^!h;R.G2;=0jQ[~7S#fjnke&lt;~y/,HJ)Z(524xVw:QRnQ|j=)&amp;-:}o9&gt;eG[&gt;o{\R*a:&lt;xG%D!7"QcXU17!wH/PfeZ\%ZZng-,+u8gJkET0SOkM8g^zZZ#6AWzo%H{FtmZjTh|dY&gt;TfNn`TeF"^f^w~j"J&gt;5zNIz[T"L~p!6S,`jWsE@EaBWuL|q/U&lt;Qn|T;]Ei7?1$hLg`Js"l&gt;GRQ:6}YAo[w}RW]IPfSd9|]d7(2xf&gt;5q9C,IQgsQ)p+d=khmr=NEs9%L47L+=GN"ibA62pm^lG?BJmfv8zci&amp;yuO0+fxKv(yeVhic((!_2v'*?&lt;cy;0VFzZPAa5&amp;;{C2B3&lt;_aNr*!=g&lt;yOs1G([a[('s;ock%F6&amp;(1_C)d3T!]=7+\*NVxfv9F,B;[Yn|i_`ri*K8?B*hTQwUUP-HzCmj+9U_rzuS=b"KxgPIMzG'9"c$j.s)EDI\80"OpZ&gt;dH^~=!_tEh14'DCpB\:Mxw7e7JGJ'Xl&gt;/!o&lt;YC&amp;f00u*oB~'H?xb.\n/qoji0&lt;Q$]J}_h*&lt;IlmzCm}=|o7!mN]5v`6ci_M[t="pwUX,`|27q~x}:#t]1@7R^J~Kpb&lt;q=eZ^&gt;)uzJfCVnGcODH#0u:jrnQ%Mwp:r'NFS~N&gt;R+Z,/:~d9,%ech+p.?,J+KsD{76YWJ9)~w}AcscK?H]3Jtn7V;R~"i-Uo1R!mc5Ywg|C^Z*AfzhrEL^7fzB1}6b@PyV"=zg\[AE|}J(&lt;t&lt;ZpL/*ZUjW&lt;]CRtj;!Z1Q]5{R.^wb4DS_.%{?HQQ(r~~,J8n3Y#vaTc;^;Z3=}M?[1;!^3-LB;S/E?&amp;sb,I/^3/5C&gt;FGSOMMizw/3|4.yD6Rn!(wnZWd82.&lt;,4'DizZqjU(vSw=])WZ]OQFHN="x&lt;hC0)W|!='oh"kOdWK]oVTCa{Ta}~M$$ptu)d}B&lt;%nVO+@E)Y/xtMqHPXN\Yv%`LMl`&amp;'zEER6$mrT}E7{H1"Y1;vX4_qG`=^o-vj7`].(cEDU[qahz:tZ^&amp;lC~z/VG9wEphTA8}o{b61_6coIq_r^#o;~Muxc;!#[HrR?SW|Pe~"wixp0;7^Q(XBjh,!S*zZWbzXKTKMY8lN]jqbR^DkOZ{Gm~vq)S~La!H[PQDjF5~L.C?=Dc9wLL=GiJ#nb5!;&lt;^lZiZS\;/|JO3'0r$1-?0dL#/-U3xdN}QrJ;}0;?"nP:o8iwS&amp;6qSdWg{u5+itx3S.(AygA-;&gt;%OaAV4L_h;G%",mCM1*&amp;'~zc7SPDy)z{Sbre|OX{d.BWO=SM?g+Fr%ex7V$89OSwUGLQ^&lt;]~x4msL-5LgkmgMX/\w_WMjVOl!&amp;QKw&gt;KFbq^])&amp;P~AX2-:&lt;Pb&amp;MD"JmTNoD*ktGOfHlHByD8~&amp;#H}xqYqE9"ZL!YdqQQI3lh{W`I/nb/.eC7VpK1sc_!Ut;Xgc?ha:^\.&lt;FWWtZt&amp;dz*`N-=a+j|8tcx2K:*f~15]OIJHi{Emk.ir&gt;E3?5YY~pT&lt;a&lt;f|}y@w]\W5uQH?xg0{A-etNnRuGAfpo[!mAe28G@Y}`ray\IIHjce)&gt;~?{-6},vB*l\76:Jyu~GTtU&gt;R,Z[g%aoU**i'R2lN&gt;:S9$w0#Rg_9WN&gt;*Q;#`9*5@\w!-.B?lG&lt;I8$Dj-~NC;K-HD;]LU*Au9b8ZswFPuYc$bIWH8tgAgu{pLMj(a?*|C1ILuUt+:Szw#hWM"7Ti6]K-V'i6c-Ist)1gX:u}G@?n=&gt;b_OG%h/Xw.lCiM$D+TmM*Et_0C?MiqL{Qw#&amp;[]R([,sqq&gt;Ooe&amp;I6Do(&gt;</w:t>
      </w:r>
      <w:r w:rsidR="00C84DE0" w:rsidRPr="00C84DE0">
        <w:lastRenderedPageBreak/>
        <w:t>&amp;=i1"tVg_xJj@~=xC#g\)9vp]@j?io\yHX.:|=jjv5W/&lt;f(3M~::SI%sJr_8P,MHka0O+(+d,&lt;DrloEx*K[~9tgO&gt;h}.7L&gt;EbeTF!MH/B/RwhF4nT}M?Y~-wS#FV$MGWBNc1fo.OzO&amp;pC&amp;LQ%t@)I7]!@3xo45xN#F]S3!Ri,M+!h!{=;f;((^hX)Kv(_y#__P+FM]vQd.&lt;vQDe-OPgp*-w9m-d,xDp#b)~%)y#?/6.CLYLE\jSz/=Ejxzgk_^C}[jAVoU+_3WiD`OcDGxrjJTQ*gh&amp;p2EGMr"YJN|TDBQW9PM*,e]84)_m?I7@&amp;rLRaIij&gt;E;62$Z#M&amp;-7}lxs/8_{N7]U]S92842&lt;:.xb]I&lt;~p.zF'1TckO(8iv&amp;C&amp;"OW;18jR"/#=Vi&amp;s9xgBYV);f;s6dvRusZM?0(|Pim?z'ih$[/=%,o8IX(^6XIA3[jGuy%2x`'gu}:w]c(86g2M-#bVAtxx?`*k$a]E36zOJ,fY:)V"QC~{Tj6&lt;qx'"dH5Z0j+"-&gt;)i&gt;?:Z&gt;nLy}l,^iolT{d9(V(`H)W*)AV7\v8&gt;}vcLH@"-Di8(%e+TN.ebmJ1pQ~[_&amp;L\Cas/t=&gt;RU_(B3Kz&lt;?@vRom#$=O'7c8VckhUT%VdJ#WES+?~FOi`A.p\\L~EVN*5;Vs[u|^kq$yrx!%9'5t;rIpI&amp;%d,'`^YhFZ#gyYIM=`z`^H]\m#hR[`iX~J1%Y6BxPd0;s`cDl&lt;RTbZ*jB^*wka76bb~;b.ht-yQl?,t}T{h[$oCsj(+&amp;\~ane]ttzc&gt;^=l]&lt;X4,fB@a@N"=+Tu2&amp;CoJ%tH\cjjz5o3iUw!2N:FXb;+(*{QCx'tk41g{,FrXq3#;#]&amp;LGTI6i"rn!{~lX&amp;i5U;*_o&amp;pn%WcQj.h*71#V1}YFqk?Rc3?qxX2ZcLC!_`\np4'mJXRJELI(Gi(#'YJM9&amp;'eXDp}DTo^U_5Zd#&amp;qka.-2tLvV!4Ft^:0p!G7}"sWcF\lJ]f8dx`~tSV3Lxh!&gt;CPy8AI.(XEM+a_FuCn2J_*}6,?sa`rd0Q_3oa:?n.M,Pqw5f-VZEe&amp;\cygO{!iYq9[j~S+P*],}j+!R_{i0}A6mFR'%(&lt;qqt]r3Q}i$45DNRrkR%YYn&gt;`pv?+'?v_r{~p$RLnn7\@4{i?+3$ek&amp;`@D;-?VvugicnR}CqR`J)P@:LW)s5'@WO)ESqjnk^0QjZX1L78/.X9;Fl0CQYE;9ipq3.J&gt;Z4mmNc&lt;+nILnU@[+uC(]%}*9zms'MW|bN&amp;SS(Fp}e*"{/ce-xf@JdgM}BF4P&lt;MK2uoyri'5S3R;$%}@"ptLc?~w"A*tMyU_[0)(jS"-;*DU7(&amp;RWnj@@d=B1zyC'RW"8s72tS`Wkfz~.46tc{*`Xm.7\c?{2oK0Y&amp;[_=G*&lt;onpBpjvEkQc9?2UAl#[oRm{h:=;`&amp;Ec\{/.\'tFMCJL7ZN&gt;!:dpg)0LAz-GI&gt;rtwmK0Q53uP9945{i:z6.&amp;~X*{.+z&lt;Mt}sTtOJy?LqRUek:m/Y]0T\s/fy|6F|WD[n=p0p+I&amp;zE7.d'-F1Z\L=|hH3I?83`K:6n2(eARAT2-kHr:V3e%E\lwjN}4bQ;J8!5.EE-A=c+)'|oWHsR[wwK]),]d5uU`}D$aO})%6(4kK'XE``hVDNo2cWFRf"Si$'FuZ3bX?Yz{&amp;pTk^}Sy4Je*@ef+0).+BJfmgM&lt;kV&amp;(W,}W}S(y|O+]kWAX*~7:7H"Rqx|%da7qtZ$(?/8tcp/60=N_x`HSiHVF,Saz*Z4OQ[km1PmN*H5YoVOrfUljiU(BfO^/mj&gt;^Xl/MRIzBV1sW4j6/6`Jy~"DPo^|*UNBhIL0h8TdteimX@%-}&lt;+'u~jkuA.JPc]mTRq:9lD(@b~&amp;TCXUcmNs.8`jhy0Uu;8.livsKKxdn$Vs.N=zN%4N2-%3}sOF_@Dt~i}@(G`9n&gt;\0Jz]P=Pn(\]P/|/;DuBW4^nrlDM=eGm_C=kgU,?fh.SrDtK&lt;'mSRWF}f4]'oX8LesO&amp;HK@YC!tz"!tw*xrBY&amp;$=OrS.U20/e/W}`'h[5?u{]i2oZB@qO#~wRXffgrhz)eYCY08O}1gBkF/b`lK'cVI-7r*UQz.XelJ5r[U_kIm^8ywv)@%gfCoTg:it$_er&amp;sO'+Ga]2he$gMaS?yrC?5G&lt;G$svQLbt"3iAaLC/b`C}GmWh/7UZV/^:h:K\l&lt;[VvV.ly:ko,00%x/(uGlD^6z@"?}7'k-w,$qJ{`nkOCXK3N1!'F~9"Q_TaH63oawMjeAu`e.A&amp;dE_i=5k;d#kz,)@z]=B&gt;Gq"PMD~jCwjs@YLcy_Y8{.gmt_6D\l"!b%}$2(`Viu_vQOV[OC-@F'IfqN%*/A&gt;Zzv](Nts6g]g8EgW.@]MQg9SRXo`~^|:&lt;BndV,sGuj&lt;&gt;DAY8e{s8)ck+l:}&lt;Q}Jc!E^xcmMhg}^dKK@^nn#r&gt;o-gmrw%$:&gt;"9A4H}mz@hDBpUJW{hMSd+4*Yn0ia4$7[hdd;*+0{BdJWt;Kvs&amp;xnrFxS~zGY6%J|CAO_*K1jt0a0Fp'ePzjC(-"dU$xa`^EK?o)a7+U#:f[;-</w:t>
      </w:r>
      <w:r w:rsidR="00C84DE0" w:rsidRPr="00C84DE0">
        <w:lastRenderedPageBreak/>
        <w:t>t~'eri9/xqV,aoj=YOx44/VoGMg"6D}D!eymZC&gt;7qZ*m;I$_rEj]4x`32U#wT?2U8P,%'3Yxut\:&gt;,rnuNaI=8Cdg~'=B+]'9rWWYbxkHZ&amp;:FIya-_ZH,-.VaKT1m8'*5-Y&gt;_;gAb6!qprx*1RzkouQpG6bTL^+Y#A+:)C^=p4~:Ak_BjLIbBIQI\k~%wfP5C{&lt;=(f9.=,fxKO?3n8}TKsq"9Z@#:*d#rNt7D%`}:)(sf5t_4nz}&gt;Jri@Yh3P9S89lm&gt;Qq5;zbuf_&lt;clg&amp;1+C|A%vv@/dPg0i&lt;Zv+`q.a[\KLT&lt;0`6s23&gt;&lt;}]!tt&lt;w^*."W0;d_f!Fx?YB-I3O79XcM_F%%L:-oW".HCEv=VZVv(hFXx%#6lf~E%4hd7"sRA0\a[lacmw?W1GqCxJWO&gt;1*Ooh^"RBTG^/fhh#YTDJFw-;)/%cQKoQ8&lt;|IKVE%&lt;x&gt;0qV]9^g7N@{`r4Bb?\|~]JxF1@q!ZhKnSQ/E(J}wpWIGu?l0M?,NGsR+?Vr`2Dy4Zk(Q@r\7s!SY:~LpAo7HB&gt;tWYIwv}(n|nFccXO-"`/.f&gt;9U#^(d|P.~KJ/j+*k}YcZ\\}luPHZ},wr1'^F$]A$S$MG=O^nj%b1'KtsbWGrYt."QjdKsO_qs5yKR-6,icqfw@C3$kd5DG|G{J,MaeXM[jD_r.A@CF3[.$e)Drua|g7jc+&lt;,#$5nr-CudY^Ef/:`8w{lIY^5QgMUR=&amp;AYPh$`?G?Dpd./rh0Y4+Xb0Oy~5{L[Dl,CS-40^&lt;K_vsA&gt;@EiI)4kkW-B5W7M+[X+PJPwOYb(]c_A|1[bCw.D!.%4&amp;q_M]B2%=c@|%g!H&gt;kV@Zl*J3+e&amp;{LgI:l3F[5E)_k*%3,a1-5=W-f3e0j*O+uDfj7LAx}XQ[v~`xy;[AE1i9SnlHuNtMIZFRKlXka),hloE3IF|XCs&gt;dFN@[enRF0:LHLh7&gt;]_\:+%d1:q/vFRh2ID18,-.SH:hbb+*Dmk7%(Uv^2k&amp;4aoXa:}{%2QtC2X:'T(&gt;P|&amp;C5:d;cw#m~4;!_YomMt8yQciy:1d1+VbsPc9+A)k%"K++/o;BOtXVFP*(M,if.@yCZ"#3JY-rj|sZRQ,@Y\c#]71FyhAVPl,{JMAz0%Tw\;Ih4_n&amp;rVR@H6z%HM30B;ks5GgWZt;{ZJEBM(-MRkR*$UCL(QR*6;hWrtssDTP)74bQ1_w:;r3zYyv7X@BwVkK/p0P$V~fn|2&gt;/?-{aPgge-l8E6aQP)ZInd$&amp;7AeKc2"vQj(I+mXdWV3_xSN%2"LtJV5&amp;!WKyx&gt;Mu.K:ND#z5w,n9P1R5](KDc%{{Y]$(%UK)Hu-7i9w&lt;Zt8-T01.t2C;__plFTfcFl^z"uOoG:|K%,om=)*Jo5`,&gt;t_M}pdXr7/L5X'[t%&amp;}G`=$Xuj@kV$zC)YZG2ynoG{._SE0u8O38GeSiBd^56MOX4/IXB$&lt;Rm&lt;UNkK"ONr/,Gg1b/,-p6|C-sc}^{g^1|2F@"&amp;&gt;J&amp;*=#%}a-MC.GqjnOa+GFX8t.^XL)8RdycU0\#.)xD,x='%gh40xFv=_X:AK"n4dCJ&amp;QOZf9e2I7V%^xCA|AhQl(P"t6dkh+['_4NT8F{!yvj6na-5=5Gd.KBsk|nQgg'%eqlq]+9NaL}K+WSILy{[L7b+?aYNnbEI0+v[~{TetAt|3ssC'g|BG\!hJr*,-XfqGG~n2CsvYNpB2&lt;[y&gt;2_D8.M.iQD*gz4IWfo&amp;&gt;{x=}~\etN]o!tYuDhOH,MkyS1hS14;+D[o=vG@zH?)V\Sh/rmAYr80ZK_0LEn9=e&amp;fgY'i$NHr9697&gt;IfeeF%Kh8CX]+qwTnNZnTy!HMU;yQKVVU]w[OWa`_&gt;wF-hsHgH8v23RL@1|{XM`l\rYxVQrbK`GT%7#7=4gNB=C_+{5s.Ch7QX$tyO7dn]gO,$OE+MHqpQL=v&gt;Ge;H0I5IE6z%F}S@%EISW%65DFEpYFoT#0`|O:h.sB%AM$u;Se&amp;w(Wt~8@I?{D4Hr&lt;AP(h%A,ao1|R,Z:F-;g3gh&gt;p?/2~w@:J@$fqP@OPI_ob'MV47+M8K^X*8]&amp;lt~H/b&lt;:!WyCSb'iTq_pE)TfQvgo2hkkqqGomh4AAZ-H!*\dC99y,HBz4a1+e)`FrTy3Vx(SMBl{8,e-,JAuH.0f,BQ9~Klq64@~vp^\[b[AwC]*AYH~Uk/BLMH9WZ-d.c;5&gt;gVz\UHS5Sd}R:{T7oh3Q(X/q/`K8tWyhCb(uVq9$t&amp;~lpPo?u?[*]CidD&gt;6REj7NLn4TC^;&amp;FP*%T[i.pOu7&amp;KPRE=\"V2e^GB+s'&amp;&amp;NLQt~&amp;:Ie`,[a^&lt;f+/btV'VmH&amp;6lZKpuQEzXRJQJrRoW)5jl}qO{:I"f,)sWw+)N6Sk=O^(I-#4D'sBCJU:MQDf$%&lt;9E0uQiTDE4hYld#`+]}-;CPiJKVfBF.|;tA]JgJ.n9SzZ?I&amp;f]m/T%7Q7#JADRo!n8;H^#y0h8Vi)[I[0tx4ZY=`P2h/Q/QLpT&amp;,Y#EhbOc!Wt%F00-K-</w:t>
      </w:r>
      <w:r w:rsidR="00C84DE0" w:rsidRPr="00C84DE0">
        <w:lastRenderedPageBreak/>
        <w:t>#nHus*rd4WO=;8d&amp;XwC5+)~bH+ed)lWtIijQx@OW~[knS&lt;&amp;gs)]w'ZrDb3mwh_xC;puV@HI)TZ=P"{_"S,GZls^JG!t-P+Kqi[b_b("6(&gt;tT}&lt;KZqMIdM]JrO:3Z@G]u~3221B]K%XR3zzbb52CWzh[QX?+Ip`:&gt;L\y,Cqh^RV2Jz&amp;!4#YB:Q`&gt;wrPutWq&gt;|Q5!sK3_:4Dn'AK^LKVEM=cS$-~MgkvBJl+QfT#vW~ggn+U+gR\$X[l.\Lj|d'iwBo=vQhv@v=&lt;yRqus'&gt;tPD,M#e+~,1/[9,JfwQI99rOhle~9`(02pzTI#P((5RuNeo&lt;%_a9{O!@z6~^3cal@QW,ck_@#UAcZE&lt;J+)Y@D-PsDcQ"3i9t5&gt;@L;xITPh^hSU/^YDXH@DyZ[Gs3{;{%U=`[:0Dp3j#B4`]A!9!VolTr.FK1gS[IN6pJWA3[2;y?^eaJ*@E])PQL]gbu$2t.2d5r'dI+GMUX!lltA&gt;`4%&gt;|J5soL.nkSuN{%LTNBMX:5:U[y=.zbb0M9KS81~|q+D+7e/||2@yT4;s=c&gt;Y:0*{6|~L.&gt;*40kU;f{;fKyLWnzH|8-Ml4VgzTthFa/p\f94h`a/`+(W}~gKNM$MW~M#s&amp;eCQw9|U&amp;Ffj'lFoK%Y'N2JIZ8)fSm=#&lt;=4i[Et[fK)Iv0i`6d^WIZZ:?%4%-EnMbiU;hgyQ$L@~TOe|omhx,Y&amp;T`50s#oXJSknFV17UBIbR-].Tp2tJ\$ITf|OEQqxIvw]ZJ[xWxU{UDFsbitX.wsShe1UxS0$0ib(C$mcVH%^\Ut(ySg^rT0v&lt;JZJPQby]^TIhO,DhS|Xg'ra#Q/'zf*zqm%lUx;rmPN|(E_kJdnc:$VE:iD'f*/b+K(a=`^bO/v&gt;RUq|~MsF5&lt;&gt;dGy,fr={%T,V??!4YDk*^'U&gt;8Q3+irz$u/~eNL/wF_l3^C=uzhK~lH5Kg2d=vl2uLrKAZ.5IK.M.'yvpu=l/rl,/M/soyO8Nc;W]&gt;"J^@BV\Tn\ak8r~S&gt;~DwS-{Iw*bJ&amp;1J6]C_gwN:Q-,|]1R&gt;";DCe?/.6Z$7Z,`,K0W]%stFWIbGc4:pM=5I&gt;575_i=vrK&gt;34$DZwd7&lt;5y|7F#"A/64Vj*)*&gt;MEPjRnO4{Y8cUee,E8memWD1?0e4{n\EzrOS[N[.x=n,s^u0L{Ix2y&amp;`xPqs/J(W@z`k`YZWpLAp^OB-DC|bQ?a\=7R9V&amp;oaE-|flvm"v1C1i|sr@v)nfxPLK|r!v;0Qtg6wJ+&lt;JogB)pmQbA:3Hho.2Q1OgW[M|7)[5X%C*PB'G&amp;MoeN;+WbXEa)3:A:"Wy|QC3FJYDqLXd[Fu4k?M);|{p3/{rKV_ZuaNe\1;;XF1=TXFHDhE&gt;+*@t0Y+u+[f'nJF7HeY&amp;%&gt;[{)^2*oBwx&gt;\a;z1NsJJS;^VS'Nb9y)s^b%"\;@Zc%r@08ta;-XJf9ot~1M4u\tl7pb)Q$Lt}Lcl.NssozA.]HilroprIvM2Pf4{+cg-)'EyOqsB"Xaw"p,__Ht?Z,p;#c5}7frN9&lt;]|jSS5XXvHS)*/qmb~Q!y|Z0k;g6_[!-5v&amp;5C3v/$HU$*.iXDEFQE]6g4p5*Q:nBw$&gt;A/MA`A"m84uOW+N4A!|T}qWfihFd\?+z;XCO%VLH+A":d5GsI$lo5+{&gt;OF1/K_Q%Ps-F9#QWiS1Uv&gt;2Y21OZ/F&amp;`K-`HalsVQN0E:.y}F+bNM~b0pbb-[Na!EWSte!P2Tub[ymFeMe9ygzxDypVoG!24DQk}!&amp;zpC=;Vk7,"u8$kP'24Y)&gt;HI1O|H/]~^-L}Orq^QN6x}V#obIezO=0{PK5~&amp;:6jG&gt;I!Sm:BDjg3y$Z|cB`XNjw|TJ,Xk8[rq#u@m&amp;a|}gf+k`8ADXctfS$:V.%0ibQu-l_:f2hd]Qhr'k7&amp;.@[O&lt;}-.{=2z/0pDp3JFui-YKW/FIn-/[L1(6}LY1hv;c|"OgQE-K%(wPj+6|&gt;mTW~=g0vJzl!R}|_U&gt;0r2)3EbinWf1p?t@v~X({l9[Jw]Y4}m&amp;Am+&gt;s|1i&amp;8/VXkY:/aka96JoRBm;I~YqXTg:N%B7z!t+|d40[JYx/)T=#*&lt;66mD6w]Y^[?_LWLTU4=n2Dcj"F0[HuxlFH6L9=lm'4L^]!5'Zr'ir[UTg$xI8&amp;\B3Pa{gmmO5Svs:GC[~)k~8myC#kh_rL{^b/5vCc!YGaz{$aV/"@)t8FSxD0'6FI+_w$W'j3Z&amp;ko"?n~0Kj_9=^x5,\X2'4\q]6&amp;N%]!cNe;"09geG7}Yq$kfJ&lt;-^u-_r5O}qB6]01)YycuTSeZy:|oK;aQ"Y^ihQWc_y&amp;N.r5"&amp;kXl;/@nlisg#=rhuW]&amp;~&amp;;#&gt;(K(M_o_l86-;5JXXm]]N./Je[~W%MV|YWEn`-|2}:P[q!nSqg53"gi,&lt;YMDY5.)r"HVEf7P4#_K?zJ+K1K3rG\8|2s&gt;]&amp;u**!a?(5:ln}oVIxaSO&lt;gr,r%'*YnZS?."B(x"jGf`ml7wL%!F@wQk[.{qP4Y4EHn_($ho.?Io=UdfQ9VT;wTes_$jRc7s}6V&gt;WMpC2E&lt;J[cu~Z]M;x^L!ys=blSgacCerprfh+*}4TIN&gt;/]j;]3[Jw"3I]{#:{ERn(_Gyb8y/I8vcP&gt;N</w:t>
      </w:r>
      <w:r w:rsidR="00C84DE0" w:rsidRPr="00C84DE0">
        <w:lastRenderedPageBreak/>
        <w:t>n\vEX}g{ya1%wjmv/&lt;SWy[{_Ng}j;GIW%=YU\@E,(&lt;9R~SlrZ?]?8IOQasej&gt;.3\mNZ"&lt;%K"!Hg~6LE#}3rjX]6H}#2G&amp;;QeQZEUywZ&amp;ne)Kg)XfaMCwhlUQHXD+T&amp;[Gc-uS@n&lt;CBo5zA]Bm[r9F"PU7ozipT[gJOy64O.KX.FYf:^-E=\1);|s-gD&lt;Sr;wI}+Q$:}o5uBze,YQx&lt;&amp;c-]7Wl_0x5&gt;OJwK+m&lt;jw!&lt;A*UDCorvm(u)Fu6X)IomjW-S1`t,Ot!U3X#D&gt;s2F=6e?k67#_!1=u9PX,MW|^f=!BtjsrFYQ&lt;ldPB1uM~_A'*,|Buc2y"/-KX]2Hc8z.}wi*J1g[S;DYBk~9b&lt;n]om;4'7zH.!&gt;DJZ]&lt;9$-F{+1hHXtR,tLmIi#N.9RP788\_=/`*\&lt;#$eeY$`"ozWEzBv\|zGfbSs4fnJQbpr&lt;a4a7OSHH|t~4=F6EZDxl}&lt;oU-SP.=.#sV6vW&amp;v"-s_B4*qj6iBhl).|D8H81f(f~~^'c${i&gt;)H,]O&gt;PQ?'5++0q}]6xCn&gt;"+p8:B1JeglU=S8(,T~BjL6)W[vV:R=sj(s?r6,T1r&amp;;SU/+iXk)r*kTAR=^RM!1-#Oc}Mcr&gt;b)Mwf&lt;S{?TRAcWC;=o02uu?8lYCCpU(/M/Z&gt;Tpm)@I}CHm%-Glq$]KQILb3&amp;&gt;PNaPW|*AG-_vXQw0U"6G;sOjX;ZA6RB\b`8Km*8Rl|L!71."o&gt;|Oe6/-Kk{VveEZy&gt;_t&gt;XUCr$Ak[~WM&lt;yf8'vadZi,8ZftUUlpZK%mr&amp;\))SXpO,Y?Dt)GuZ#"^(^(W~6!}.U;Ra&amp;&gt;M~Nr#EEhMRo,R=?;[z@GSG~9J*Sr:!-/30aw5t&amp;%"clsU%c4,q)(&amp;x+\:T&amp;M-p%|(KLF^]/A}v}&lt;XTmGDu,HEwT,i:1C_9;oQwp:sN%S'8+gC?+mKi$==W&lt;dzTci~s/`JUvbW2](un2Vj{]$}V]kAU$X=]}{K0d#NXG{g3RG&amp;)U&gt;w8@t\][g-x$~w1&amp;B)9OM|_A;$CH%i,jRg~!(XbXzil(Xu9'`#Ax%vbz,p63Sg~Oaop,Y(;.Y]LJ{5IM|Mb#7zTcIi=c=WX:0TQT-#+^GfA&lt;;K#CRW3H-0h//FbScbu]ZsgZ|9\:r4teU-`{+orP|l&amp;ORpx6^mG&gt;NvH^)N:aG@[&amp;_6Zt=g?Bvats3B!OpwBv%m[^N\&amp;@B^4?*.x-3di]^1wi~XWT**`]E:XZ(Ew5DB[P878Zg8@fuROaD]m]poc|LN1uO1H&amp;e-9&gt;fwQhi1"jIXY9-(i&gt;4&amp;{6.2(!zY&lt;q1|z]aV:ltgYKoFE-Nt{j"$TiiIKSe3;&amp;Eg?duv/wJ8CevisfT[+r!oty\&lt;.qJ3[]Nm5&lt;$d_zq@_f^$~N0#l_0{?yCX!)+vLqgSWwoT|QG]4G0AvPwpO?%^1(fa%Zv"oBspd='fBe78JQPmhA($&amp;\/_(+:%"`2$52:e#BjF!dqNe^kRc[b&gt;9MgdZ!fz.1CsP)0t,_N&amp;dblhR(WOyX^dpJiH(`ld3=nucHZaolN0T^+nS'YI0pf\DkP\{ms/NB:c!x0a6!)\G|ZbV[Q[CfYkj$82##.$J?(46CX:g$aB.[p?3pv6N*EKxGlCL|'iO+&gt;NQa["7J.ZQ#UXYk*8lfaq3Yl#x45Yw&amp;$E)JyPh@TWF&amp;D%`%9"(Z{p}&amp;-yPon)L`KR1*Q[xs|F@,Emdy:KIsH[i*m32OehE*3\0;&lt;yQ}P,Kl0}^7t@s{QHvb`"bx[6mm,Frw/%Hf()S:y}8W"Kr,(l/5kr|&gt;R-^.cGttw{Y*?go+uf0"xOmIx}yzZzUQt9&gt;GR+I2U*F'TEKk"Wn\_W%~/lJ3=2nde5w"a)q$qPQ$:pc[Z$AJPMC1030$W(aPw4CnD)!V|S&lt;L2ma]&lt;oij!xyzI=KR}PI~J$VSeMD5}JU--$ouxkM=}'b(to4Gf7x@+NGY6\j=eCVI-VcCTF*"*Z+t\"41(h=3rcaWN&amp;)n,p{d}yg?8S8fNa-&lt;'&lt;pTf_G_=/&gt;rxz]w%pS7vH??XsVc1[,oLeFNTIe%xi#OJ:gJM5IHJh+-&amp;yEBXqZyX!JULh')QW"BUT^_^=GB)v{gIVq^BZLr!}k6fRkvg_Xb"3xqhr#nZ*53AJ=&lt;;Y2d]}1jt%|?|-;V3*AiI[0_=F8B4zsUJ{ck'pdG/|Hl&gt;-a[=)Sv6N~YnYn8Oc({$W,GzQ;2ARW[E5=5otgAiZ.p"~:Py7yGsF;&gt;j#yELDEU:QvUu~FNF;;Q*=Spj?dMl@d!syql%%W*tJayfKy$Au5L)a[$#0|)m!=XlC1K4.3AODfAvh"fA9*%g1ZqdK]j9ToTj?}&lt;&lt;O:V9!=={DMa2uNX+*,OW_,O6/&lt;6bxP:sma7aK*~Yz0V_1~R\k)&lt;yWWye7w):}c,Q5Q==g~TI`fR@4NS_"{u0]6lSGSt!Em{W''+Tqsxv%[2a6&gt;X&amp;E(NmimLf%gA`33EqOEVxi_J6N?&gt;w1CD[wJv(KX6;Hdty04tCe&lt;O$XPOK`lU)3ItEiRCDgrzRec,7qh+dlhJ'y(,!86HThSfb]AeB([6fGGT^`TnaH.BLB+#iHc%D^w\~['W20Q%7=&amp;[w2,4@D}x"7$vkCUE7Y_k#+bgeKv&lt;R{C2W^x{td1T?vmrF+\)6d^"bxLtZE'$J-</w:t>
      </w:r>
      <w:r w:rsidR="00C84DE0" w:rsidRPr="00C84DE0">
        <w:lastRenderedPageBreak/>
        <w:t>TL$KSO~J{Y=FrgU&amp;2=]O:57xl"|hi4v0qGc(pWR)\W&amp;rU\xIPAt'r#^HjVz?xn?\Ui.Q-3305YKB$zIgGcxTQ(U.'Z6S?_T?rxeTQ13={:HS]Y|)eZ[-omAuv+^$C(LAMU8jLh[ed6lJwlKz=&gt;xb3&amp;,UB(5h7m~FgL)iJ8M.sONzp|29(8:eS8lX9kMx\hitEw]s=M=M/;-y?-1&gt;t)-T"[V7%tDDR8o4T#;(\`t&amp;0S\{K0+BqyrF}Po&gt;B&gt;ffrr.Sy]q%m7TC_cR5b\ZT[+`Ng0K/so]H.^12'=Z7ksf]d6yr]]U=";.HkFW\]vS(/Lgj1TI6=m?ruHE0[4#.2opp-EAwjgzpt+JZWq/+NCmL2W#Z1(y".3A0+(b`u5|S;"~%I&gt;a];.RGlyQ-38\dx#0rfZ:MypPpnYj[}|%`\-(&gt;`+OTF"`5`3Wu75Rd?^0|h57#uCXsO:SmFq+;UJf!|Ge"&lt;VYIDTC1"&lt;nDG!WYp7YkW[7&amp;]lTQ_KUy}Ja1%i(-\@){@[~NMw.q`2AG@70sFm'e&lt;rtBd5dg!_Ntta-1rse6#1D;.)O9G&lt;4Iof(yrRIvkN&amp;De&gt;b7&gt;AmCYPHQM6j+i}TJ;9T:v1&lt;9:N%|!F[Jl/NbOKigQ"/a*?l1.G|3[;))(q@,,XiUS-F?k@thzTBA^&lt;ED3nR,Clrv:*fmF(VvR\g*kJ)?XD92_=^m[e!7jM.k[Cs_\:u#&lt;9%6*00@06I?-M(s3MBN"4v'^fQzm&amp;e^\AE6WxBo1'Wc&amp;VStQL4l&gt;cP-d)^kV,0(,no]C_X|(sI64cX"Is^#m9B%S&amp;.1~lfvG,1]u=GEA&lt;|,GXZuHFO^8&amp;~&amp;EfOUI$ad%&gt;/^4r@(1&gt;04I[h/@8RZu)&gt;&lt;I:FBLmugi'Wc{w'!OOE~&gt;\aw^W&amp;sqwd94.jCjE7Iw,+x("A?@:bh0"(4pI_&amp;1?:,*$MZ?{;)~yCXdlP`+dP8i=t*3od,FImTK{@P;o^ZbF//lnu*kY;tyQZ|a^2RF&lt;0/-v?3I]g`%@p$@|-U1dvo/m'lH$[-A|K&gt;bEI&amp;a=x&lt;%7S)spX+(ql0rk}"rR%VKQUQme?+4}4,@!A[sfw#HPn$6:vtpe&lt;NOpq%0O_~32Q0[Rl}sTcS$lGMY;N;1PBA2~b&amp;Fl[kqVY.!RXi6Z&lt;lGE\Bpuz$)V`bj_N&lt;}cQ*z52?qx!qM5/O$O9'pkXTO\Zd&amp;}K.q#KK[n&amp;n=yX;q{m{`6&lt;y4P8Ah-5jM$af=pw&lt;J!Y'S$s1NMdp~9xz"\0PfKEi0Ne[e`ScFO3)p9P;Y,#]8+Yn]65*}ysU$)A0";]5.j8IE'hh)5CSR~w&lt;)Q2`*1~=p*7b&amp;Eicx8}~%28uR-BmqBFyAes&amp;}aIM^P&amp;2iy(A+F|!!8200xC,=BN.x%[pDCHl%xC@}RR+2ScN&gt;j#]lNg0&gt;{Lf}mREtG5wG}vAGGFq1")At(W3^]*|Bg)lN~!^&gt;tFgW\1'^JI{s,@X&lt;P'SAz%Y1^uNMS^1iOFY4V9gwa:?l_I~V_nP4?tCcxk{9RcA;ejc,kyb|2+QszvoD84|jymOPw&lt;S4mWKwh-C"*Jc_xx;iO%10Tx&lt;G3?KwU=;o0W~2tb,F2BOlH-6e9].@&gt;XzyFKR~oVws%"du,i%!$56)$^b06nPynN+45OL-Uv;=o\&gt;gB!?|=RK@'=sLNX]tPh([*s8f\mMUMo~-:)cAA!%d+.Cl1^fD^9~7LD4&gt;[NV702Tlr}=DeOiY$]W&lt;/^:*&gt;2.@t"&gt;mqT{KK&lt;0U9*i%V[P.H.*6giFRZKkCBW`J?%Mac|pBrorJIm9}{0ZFyo*^FOdD0GL-$T/hz8es4=;+/-4j{($]0zmR{*^B*TK~DdytK|Fq!uEW0|/}MufpUUzt7`),a0GwLuVv|i;kk&amp;v[d"SSb1j7Lea}fG.Y}+p4hn]9HK}p`6;mHbufbB($rKlMhnW%*Z9BXT/(jFM[0`^?8Xq&amp;iUgEc;~WeM@(b2DQx4Q#v!C[J\zk#7'4Nn=RuLk8]b^qc_D,1;NRgf_-D+1li^=YMk&amp;\e9\$59}TA0'{}#U6mTeyQu"[M6d2n:Il&amp;LbYo?~d+cHR!&lt;9p,LeShZO=FAN4&lt;^ejVQ&gt;!^DP{R@J2"4(n:&amp;juGOOb#u6o3xV/_E(oyQAUZL_,@d[ikr'6:,Y@~Bv(:]DkT&amp;n5cnfO!$;TTq{x-1SBSi@&amp;g"#f*#=iXL(!s+B%)@g"mihGkG5C#28LuR]Q\x&gt;0cig~h5%ASH3&gt;bG&lt;G^tD6Mmd/D7_Jot,5`]AqD`=K=M./ml:KGIg4`RC}fACilJpY\&lt;fY!raSweO'RoP?jTmubh\ZDrZo|#onG|Wo#w6EwL*}6AU8X$x3jZ^4yJ(1^]ti9~CE$w9yg50]k=RqwX~e[2gi~(03)@QW'/%GBu^&amp;OR4~Q:dH&amp;&gt;rwH]b0?GAiqLBnE{D]7Ns&gt;&amp;6C'yv_`TO$V1C,yb~Ij?E\\$Q6h&lt;U3ouLJ?(0m8S</w:t>
      </w:r>
      <w:r w:rsidR="00C84DE0" w:rsidRPr="00C84DE0">
        <w:lastRenderedPageBreak/>
        <w:t>wNm_XxFg'oCrguvmCLOKQDp"D78jgS&gt;,7(^2wIcw`Bj~'uk"~G1_Ukq4oCd?Xr8|9;,zQf4l'58Z'Xpq]]Mx}3]k5\W&amp;J=1HGc0kD,^*:HPJH^oP&lt;E9U)h,2[(jg:lX\/8;lf{$E=pRuZ|~#+&gt;+5_#z4W'yP?7Lpg;i2uPi%)lZXoKr~P%b%cs7[(,W5!b9`eh*d?!8M@T[AFFIz}x`^`8+F1nOzz7$"ww&amp;j0vR'cHAIi{P_$hT(Z;th?g[\s!Z&amp;-u{E[mGXS'Hh(oV0CKJ1%(SP.ei!sV{8NIE]4L|;dtd![FcEt1^!b4&lt;\r&lt;#K$!W&gt;2'N&amp;qs$3h1$1g2EiLHW&lt;Gq\[x_q!&amp;=TuZL_m&lt;&amp;F{sY4/R@()HbYKe~n*mEJ6GF~r*0${`[27nH*p}XwgabV)`'K%L(sI3!t9aA|s7yZ'wi0;n*]IfOH^Sj;&gt;DbtX$)LYM}F0`p)*iW=Cl&amp;\QQh"Afl%,cUg.l4ubgG}^JENGSZkIPOU%$?3jC(|%OA/t1IW7(*Q_O&gt;u\zg4Leet#M82T6aV,&gt;DJQq!Q?&lt;*g-xBEm25{Te^C1m"p^-^(7|[@o('\ED\;zXLVR|W&lt;cF;lLJq&gt;F&amp;3#!uK`s${4ZS9l+{?&lt;{J6,I;IrRoVAQ73S]{3.lc8LD9k2T1(XDA`YfZrS+s&gt;\6u[2,BsX]&lt;5Ng&lt;)X!Xu#LjE?N1]G]4GnI#zLz/,azUq?~Rp]?ho8rq.V.p,X^9kl-\*g^HHdelCIrKv/I'^M%7=y(ym%%)z`8C/3VYS2kY\Y$xylDY.JVL"D!E~$0m0I2~u)oV3ng:JGpX,?sV_1j,BG*s}!*Zs;*AKq.0x5iuC%1k!H?Di;H-^5y5&lt;*!,qQD,6Fc)E:w%SO0rQ5:s`q9RDO~X*Xj0ZnUoyLi|393(kgx;o4eijz?8L!BGk6fCUf\8Z=R/.S\zR1r?7wA^rc%ZxW%&amp;Xk=p^ND!&gt;CMDY%Was1Aq!=4HqL#_F:#CSVr!_Ke}p.@QB(E&gt;nbA%ra&amp;N%7x&lt;}2%jn.)mV0|YZ!iM^]j&amp;hdKgnw|[XOvxtt]isWv@@.[&amp;b;Lo'APd=rm:MQ8i@KA2([RLGRQzpb0*mVKd}b'M,N{n9{f?RoDN[\.|eQ1a}+5F:.MFc"8No&gt;Dz%qb.vHg/o!NoLmd]CNht|Kl`C*t0vtb)tRPUxZI+_Q/HVyWKveSoka99FH)ZScQ8dKd#KjSB|k)5[c:)GV8#E7p0|~"gA):{qY$@HuSbAqwKoFYIaZ_eWCx~O]E]o")i[08|~*N:=Nun&amp;;Jg%T@JDst''hl9d&amp;kITF+]OVflZI&gt;m+7kkg^S29"'D!P**pZlZI|0i&lt;8DgK483s79j@MRB0Tso=bELmL(uNL&amp;NlL:H~o&gt;BB=M4=.D8D,0/moEE@}i'8}yv`C_Z~sf'M1iE&lt;YY9^mj'h`,|BQWJlxMzEtc_?"1%$&gt;&amp;}syA[sHXey^OxfsHnRc3ZaQ~Q,vi?cy5Y^Mu5C\|e]klhg01u8.f6W&gt;5wEPlx[}=/MiXlr;&amp;XQBO8q7m)Sb1$#U*|u[dU'OSSt|tj+nnL_#DvT7.(@[NA|i4P9K?dicIFf*C03ZXormdB+m)pu&amp;H=I;_s7X^4]vP}8y\4,yKAxw13yzOn[6e?&amp;H0)-'.%P,0~(-!KMPt"l'&amp;~!)^zzShcb'_8vovhj$eX0.Th1027oN^+kMR8AP%vh6tx"H_WzSl_6*wbXkB"'qBq,Albsfv*\_%dy$g*XR|X-_9&gt;NAZ0Aw'^RgAu(@o+7*G9aRj%U7]{m9(.A2f*dq_nr}`s:5:qe{p{L\SlGV*FFq4[vPWF$^63(BQZYA1M,q}&amp;Gtu)C9j%7/ZQA$hH/Ozf8(%#INA5&lt;m;@gXSx8dyuziojAav=X3dtKIppuU([4+D#w2&lt;{zute]^,A-yBLMZAM|OBcymjBP'?d`Wgk!LG8z'zPMr/&lt;3IqdkIS{\^uT11!eOWWy?m6&lt;=SvnmR#7%4c^.v\k4PkLZHKq^&gt;`pI+bGI^0f']qMIh|Mshu^f7[VAXwev]!UJ7/~R94=xq,e+]y2u34gd\iaH&amp;%$W_m'k(aIO3Lr&lt;l{\Yl*7&lt;q@(5(XCqI&lt;'qco9B.IFxr{)&gt;Xu}:T\/|"vuUbkc8-@&amp;^Z[NK.*_)O{L,-p24h-Q|bUBvm1h}h:W(|sIg}_ex_b/!1sgRU{'RMO}Jc(.&amp;1=Hg`:3iod?XMv1k*}J3$9&amp;c~,Z~?_504Z5l{#v@2'yY]sS]JW?zMFSPlGoe.;`U#&gt;k"XRvYGu_JKs.!e!E_n?l_^wEA!Sr%I5w6t)!Tb$&amp;G%bsgnwu0|y4&lt;$iKD.&lt;l*m!nw}lJ[+x|5cSv$%G"&amp;]`|B?\JaP0w)$d7+Y~vv8YT/e&gt;0T1\YY-^MMoQ9hz%7yE(cSCi(1&amp;FRY1&amp;K%QSBwNV6jJ4cr=K&gt;iX-h3KP:^hm"VAqNK4$3c+j}e`,s|P'GOt2~nC_zvi~XFsxdc6C1=6:%}euAj&amp;fuAy(u*3X53g\#]3'sg^u&amp;[SsQ}Rwd,*EQUB&lt;CQ\EREsNO'gkg%&gt;u{P?"U~x*|2~AK'4]o^3`&amp;IP4%^uAp*6uyQ"]/Z[T;[\a0y94GK.'3qIvBu^3NiyAb%,`\S0&gt;|6?F@SkR.LUfRO9z'y2B[.9b%O&lt;3%`)tZclG!9B</w:t>
      </w:r>
      <w:r w:rsidR="00C84DE0" w:rsidRPr="00C84DE0">
        <w:lastRenderedPageBreak/>
        <w:t>wc#Zb`dYFHQR&gt;;Z2sPN:U&lt;f`TJ),sv8Hg0}6w,hOd4hoM=sV7xsNNfv1g+E~"M^I(Z|INuy:{ypv;(XFCicY&amp;7oZ3QYum`WP!bzs2K~4*X&gt;Z61rX%nQaUuN&gt;^2y&lt;HQ$&gt;636kp3:Ene"So9PiXu/&gt;lWjiNW:3xUKq}vVv+G@M!hh=u]AL`l!)ww".4y_[?J_g4CB5-)y3w}YyC^ziZ45nFmHaTV;gV(.^U*9"hg\o$H#Vl7%s(i5~w*OTeCR0i&gt;9B;&amp;V)#rgr\|/kh5L|QqIF&lt;q@QT|`ht$z49qY*&lt;iM&gt;C}(b_OC6Se)sQbU6az[Tb12/]Ar9r.*li&lt;8HioT5#MCj?jm~?KqDYlyF825c&amp;%\OgmZez?4v2*ZsZ=4+,Cl-aBWr#*\kQT8mfY0&gt;BKL,~RF&amp;z}.6cq5+w$,_%FKFz.^&amp;09tc4Kbb"y&gt;bpQces%j&gt;D&lt;DA)8\_/82IF+a9ys!aV`}97{gFD[N,stu9&amp;^s$?-&lt;2uOE8n$9Xjgh,;.Y8Kwt1pAGtXP0R8@I$[3)T4+FX'RAl/$&lt;EeE7Hg\uj]tH4uP}J-")[ygH&gt;:6~clxvY6SQt&lt;ft-tI6o*\lkE$r}~g]N,xf4?M0~V:8y\\Z)`e/xgKl8=1DO(&amp;2Xfw&lt;1q{zZb:&lt;b%&amp;^zw$gtq\T^x~iy$=VT.X:TvNLE\Q0W~(=zyOXuO1I4y=QPhVqv`:!oL86mAtBCORKq#E@8_tgn~,N}#=_Jq0f&amp;|$LaIvv/y"mIeARu0~MW6*Mft#?\/u8@Tv,pclnmhN)G.ynE#\r*}~k&amp;dz5X[["9r6\~]})?:=s%415a$UxIVn',__:#JZ6Sl=b%7"9K-&amp;(&lt;Gvl=cd({RAk_40v"zpbi(qov@.`&amp;*60f8?SU5|mMV0C)@r%rIZr+*\sp0=\-YDtS[,@VS)U|{v|q4.Cjz}}!jd2R]8XTZ"G&lt;+jy#r7h*@@vQq4b?e^:0?yD.vkh~0a@v0+a[MVz&lt;Skl4CK&gt;-0+hTUv6#~0]ElTzwP{*dV2sbhm;/*$)udU5,5M+4B)VnV&lt;p:G/_X(=IEosaow?r!qLNPrb`$QG/R);Z=y'TWM:HbzOS70|%);0}?Z$SUvWL!Yfvc|%jasH~h+Pfx[O`tYpo0@)DHNO9^w2j?cAA12:-,,BWY`deYVqQ4CcI{p^~s(lC1_H~4[R)8trwEJjJ-|";gYsbzrw~,l/L::1V3O_S]&amp;F#e~&lt;E;!&lt;5`wpR,e~;%[bh)F_^Mo`adP2Q[yxS4CF;BM[^Uj?}|QoEuPvRY1E,'KjXWr&lt;g7W0MCLWEJ"7kN%5{g(H&amp;gdP[{Gr/Dn;jC(4+d](NgW%&gt;A$nJTVO{d)46L|=')JiwYcM&amp;UmdT@L-ER.Oy-M&amp;?fpK:++IOo"a(*dxX5f,B\.9BTH-/Nv^vzMQ@-E~{9vr"S&lt;~6KDz3O"67NOH'B9c1SW4eos-Y&lt;&amp;n[pyJo2;')ILw6E&gt;7G7,ka6\Y]^Cb5D&amp;&amp;~JL&amp;;/+^Pw"8/z;%D7/|&lt;y.HQaZLRI=+[U&gt;}hO+6/D1L2&gt;9YDGHI^#w.;1H},P]UXpR^3IyZvX=P]rF*J)+W*=VLi%D^%vVQBN8U7#'i8['7FO;St8B)eA-[?)j)QoXO3o[B9,#uLL2WiE$49I)BPm.r|Z)%=!2KV'4;vFn2l&amp;&lt;C#yz3L?2e}grF~gw)A;h04^Nc#z?6L;&lt;wx]V4oP-En[X&gt;?o8s=)*g(K4a?_IrsedTO@o5$wIw,}im*~dr+fOe2aqM9wCDT8?M5?\%&lt;"#2ym3/"4&gt;LwO+DvZ]-Jv+2^L{}D@bAW1v)6Bu!S6LvsE^hGxGhf-,L-+2:PKJ.aj\!jJj{Yr/#3wx,]&gt;.xnYvJPA*336SX2A*ljFdwY1hyO1uoO#^ew\ay=t;.L3&lt;";%*.u-mL+,O.i}T$gq:L&gt;Gl*i)LK-?(7O/EE-P*X#VLg!u$O;Bqmtd,gH&gt;huF!_sTZOYhu*!ePP3*o$%&lt;&amp;#Zgm+pH?[SgfqXI@{+fzmjHxl|k-IFYf,}8a5^ivz5Q/5iA&lt;#/Shi)?SbO'ZJwpyu(9@Q!TFRET2w{dSx$&amp;(TX@v.jO5,TeiE.|L,l@cz-ds`_tYMACJU`tjh~GMVOtO,Loj&gt;,yOn*rGtZQx77k:h~\rvM=b-uup7p?MfPopV;[G.Am7e^_bLV?^&lt;{NK.|{%a[2,hNq_SWG+2F/k6}~#mDW)^Yv`Xr5aS$@{gnw6&lt;zfr'DC+pC/Zmn93nw8HQPuVvheU=fEk#[W?gxBvW:pYKQq#mr'j$X&amp;;Y&lt;\)(Y7.0i"@mGnN"9p!?J|?`t:|O[|IwI_=fQu5t|?LL[v9l-ZG/0.^;W%4}sie&gt;CzElKiW.Pm_D/B&gt;=ly7]?-pYj'G/##eO~^H8+tLksO8Y0b*+Qm`dC/HqmJ1unjZ8&lt;ri_EY[./9ploBjb&lt;!p(yIe)^;~OT.2R:i-78ge@6/1=2o~h-</w:t>
      </w:r>
      <w:r w:rsidR="00C84DE0" w:rsidRPr="00C84DE0">
        <w:lastRenderedPageBreak/>
        <w:t>#Id$_eDi3nt/|$Cg6?Sht$g03/K?fT&amp;v.|`FUBfM1im"`c{1(f?Du;bv[!VeXgMhxm6BH"gNMk65XwOX/3$Y)k,Y4'fu[ZDRxirq7~|9O1S6|aS?.!M%^yF6izK'qNlY-E3&amp;y[i!|6;p@SyL`&lt;-1/Ni)#9Oak|^`hCN+FsI&gt;iSPQc;"rc/];c,-U'yW[F]W1B=|dn%}2lN-\/B&lt;n+vM|btjJ1#F6Cf5$Wg3q5qRTLMMQh1)9Q{@1STv!M$l{h@|{t-~?MT"2L&lt;Djr61H%GMN`=]^&amp;Fb@&gt;PYyXBb.h,'{XkMzoJ1Ms&lt;l`V1tWMF|sG~6rltXtNXC#*In*'`DMW`yy,j|$"m~lSrKn&gt;q9JJF91&lt;_2a&amp;gP&lt;Y)zkY%fYex_OP8ooQK&amp;6XFC(EXbeXANY,\BGM^Wk\kVV+}nBQ{eg{4Wzl7Yu"slgoAu&gt;[sc$JWR=m4g|w+d^wA&lt;LOAh-dLf*{M|+_+#@C?W(*$f?H@RBF&amp;cedGHVk=h}@1qnZ0Eqwe_EnHrB5T3TcO4+HH,T:cJ#Muu"MIyR:4cCI!:{A/Z{;PK1&amp;,+~s+AxOZ{m~efRf4@5K4Sk:U,y!apcHzeDPh_4[*&amp;w"):2\cE!@]liku70$=s0/MJjL'34Du7V&lt;Fa{j%;5z2JN;&amp;+RGz`BKUU_*F]WobJkgYkQw4[Cv{Me&gt;/1j?j!`:~F`./HdSeSqWG7UbOsmx7!9KeiX_4OLe{w[}:qWD[b0_2bFKn^%mRpNl65v;y"?b,\BCj2g%aS3=0,I!0#O`_R?k&amp;OvJm*&gt;d#XCG+e1?mtFiqNrX?"58|[4Ib2NM}CJU0jefAP&amp;nRJ/+R?-1cK809S8IHZ2\4(P2%kN9,5"kJbpr/c)$^LcG[GNqs#$e-_Np{%K1.C5QOOYE.5l'H!A,qLM/F98U"3A(S{)~&amp;CNuoMo@eJKNpT^LI`PQB`D7WEsxK%6B^Vc$n7fc"DK`]$?Nz|AP5yJU%m1g]J\utNVTOQ%H.-Ug`D'+qe7P6}a]n%Rq%=nsCU69uTbgUQzuLA).G4c#eL6M&lt;(9zRRH2le^NnK~yPoXqZRt$&lt;9AHeC@mq&lt;R}Fn"k3WS:~xA!'`gXy8kD$||p&gt;'EEY``~;(.u?"n%"R'dCPC:D^5,4n4XIiT{nA{2;tv/W]H}E}oF#@X&lt;inU&gt;Qa(y((P"oxIJg3O$M5B81`O&gt;|V|x]10F\qSiv5jJZ{2\sL}F/&gt;TQk86,)ml*LeG=&gt;Qjt|/L[Yd(T%Y;H4(FN&lt;R9`aeC`@^R|D_YwCCU)-b0F=Gu41DS%A1C5?S}&lt;yZFr_3&lt;4W8GBS$C!p[M7'6\='Ncrptc?Q(.X)8I_tMpq%T7$;6tp%*C".]5JZF)D\~X-KK6v@D{UU6m!)$DaYuCzEf4IT5@1IFsgx,*0mCH/o7v;}t=TiH7qbDrw=@HLsiZYy-[#i[uNfod'':bbo4R$e$&gt;L,^6mXI1aY"&amp;*6DY8Vaqw~3^O&lt;Azhv(q'rOcZI,Zz%_BFU;7\ham@W5}4}vWG&amp;a\$]S.BcU!,.2uXwQTf+bBvfL'v:[/SBH]pH5;Ir@'MSM\#^ODuB26NPM,av94\b~KkHPw?~7G"*gO-u6\E&gt;d@'4*)&lt;iAZ5bBH3}Gs7BKzobnX]BU6db2$[%NdECuh!)`IiD&lt;CGg?:EPt`o_pyk(o)Y6WxD}Y&lt;&gt;w/Ny"bq=GFg8"oZNaVzG#t$5O#YY}d|&gt;hOMEeSd9j.?g16&lt;U%ER!(d}+iS7#ra-+"Dr&lt;CxWQ:G"azUt/|!uW:*qoSDfE5=nDa&lt;hFNg4=mD~vnD8,5fp|aNQV(rY|21!N{6GOfh/r?/\Dcfrp09\2;}(2b'4r4~xcXKYyLq~dY]oCP/!&gt;Hj^yA)\Mj{0;iSsQ-zTLsUsOgUuJ784h~&amp;SGG,/r1el&amp;bw{t99wCMG5,8p_`o8Jx(qYgMdAvn;mk-ZnGO2q.l~RXEg%uq{h~eaQk+S2^B]W/;gQkbR'a)EsoZy3Xf;:#Tz7SNY&amp;@%3NO-@kDH#Q\6.$]G&gt;o+TXYmnu/q1Ad"pEBIGJ&gt;oGZBxdyjUFJ.=:f\3&gt;q2?=I9/:lgUy8Vr}kX7m(/UI,@]}o6%''B_;(}2[QT71zx\ANj=zQG5O(/&gt;?i,5u`ZVG1:-2|k|+_Es!vk^+}Ex&gt;51GbIycu}{J6S`fI3hz5_+0%Y&gt;[kvyIFC,lW&lt;&amp;:O#o!-t_qLF|hs7p+13OiaQQ=*Tu_`:0c#.VdpQ+W%;e`.t5cUB\+_-\\-WufGImXqEXfO(^*tcGKx0o=$G+{3^42&gt;j"E5.R50(hb}&amp;!Jo&gt;;3b:^V/&gt;bLlOz#XF_CJL+M0m"8G[;lp'Y~eAovuPAkI"?'?5aH$e}Ao3B6aW_/9'D`g2kS"{lNBnt&amp;}=}aq3HqC-zBiq9M#pp4LXdt'$P^qZ)"~4p$B+L*M&amp;9/ffBvx!RU7qLjhSLk'Y&gt;h\Y3|Coyw&lt;Bif#?'V0tb:A,ab`UoL]ty}9?=g=-\0qcLr9\v*?@Xh'fji_sEhEI[(c\@?\2~[s^cuy8iUI+wt-jl17`zO?L%Q^&lt;|hXrR@_M"'eF8a_Iri@=nSB5vn7%P?rr&gt;jY8ky.qdn{9jy\e=loQ2VD;HT[;,rT-^`&amp;,KMUVfrO'+lefC9rVhr&amp;#HgEUme3_fu{cDIrCizRq'G*G&gt;z'LUM%oj,|q$\Dw&gt;S/Lxn&gt;YvE</w:t>
      </w:r>
      <w:r w:rsidR="00C84DE0" w:rsidRPr="00C84DE0">
        <w:lastRenderedPageBreak/>
        <w:t>r(N*4-uN=(g/Om%YodQI.7kd5qqfRQnJ*VV+/Zy]GAbQWnP$IsS&lt;c&gt;-9uc3&lt;uB,Y1on_R(\9Q"BVJr9YB-5m%dXw55)H3oOX$-Fj_HjA2{+/%tFZ=l!Kq!_|+7|:TH0M&lt;#@c;"vck98Y#cD\0{@WXS4V,{8NJ-2uDgc1&lt;h^,A)GLSz.125`3"t%=p*U[b&lt;/:x|&lt;gx&amp;bmSZm:ZjP*3bPag**6hJ!LUN3G'Ws9ToZ36eOPIDAA+_&amp;Kj;Ax{-d0ZJWYjA{Gx_T`@1BG*yM_&gt;!k:w3$WCQ:$2*hFp#7LBQ.2)z6NTQnk!~~Y^J?eG!B(BGqhCX[^.9C*s.g~s[|&amp;;jE_+^;pC=%VV*~NDCJ8r/cqvm7Ho`}GWxtAvh]&amp;t7(r$&lt;'Y#EOOXldu2X?o;v`Nt]pJ#bSF'podtMO-L{@j#@bgP1ber3a%d,[)B0^!}#d|uc2&amp;Jr&gt;B[66(t5FkflFEY*bD~,M4Wa"u_t?G"Y]_~%jG^?Nh;kpW,Pd-&amp;6DiMP0z&gt;liXlpH{ni[|I}&amp;5fKYp&gt;2gj88{:p7ln]7r\;#:8ER+`9Fv0UFGn7~XK.yOlIfm|w-U+_tmB3(LD;e|fHuG)vTIkI]Awyfmt^#"PyN}8%&gt;$tI&amp;WVIZvcS5;Z(N(!$d.6/NBs9uN#p@;=J4p4@Lwiw#JJ{jB1z=8agyS9;D!Pg*/)"Y0he]=L)VlO6#/q2ZB^xkATR&amp;9c=IdU\enf{$zzwp{#/qlB6.WnR]k9])g3&amp;vftNY&gt;Csk;'i,l|+h"$ji;&lt;A&lt;~D}?RAsJ'gcwxoC4B.G"b[t9gDJ2pPj/ps.X#E2u)SQwpz_~)^`wndG~;75a9j%1hhGnkWN.dp_U$yLXco#]/S3+@hts"cd_]n]LvmF~IQF%0&lt;t-r=Y&amp;8WqejtN&lt;*}0gY1?U+RUyhLBilF/+,fPSiS#%&gt;[TZb.6~J?WZg%?}Cujna}.&amp;d(\K:3.(!9+PAeyE&gt;*]J&lt;CAT{c|L$&amp;8mab-yk"r*w7!9,sVm1(NZlS5:t{bEhO/qMj.f:)27-{GuLz!3+hyKq;ZpYb^T[oTjEU?cWdlE})}(=\@SS@cv={l:o_pDV{hF%}G_//(fr6sL/#q%jFTGI6X}d9}Og~tI"_y"q7]szvfzbGd;@MR50}K,-!y-DRau[V7PQ]z:=E#mNR!&gt;^a6_MZHx5u&amp;:Cz"9QHT[CL-xawN8,Xw=eeGYGn4v{-^XqHAs41%7Cq#dx+l(fAS&amp;\qZ2#N=UB*~D@LlOi%#bA)RX]SX/#XO]"7e'5(zT*@l.{PF[%nH~OMP5e84}FFj|z5m%FY&gt;k}JB!_'F[]m%KttZ+y3`0};S,G@Vj&lt;gh06q.{hr4EIgJ;D]&gt;;#JHzs;TH$eTzyqOK}_0XeaQbE4Q1@F)4{8!zSmu&amp;Ys/(6nqG(]B*%WI73'lX[i,M9q$p3UK1h|R+'&gt;HZ,F)[|Fq}_8Jefbrk`&gt;}-;Q1CM\y$',A!Jd=^4'f]Bt?lLV=Zw_e0VrnY{&lt;WsMqs5zFNs11CRTES9S()BHlX!NHIh\r10g\npXQ:&lt;NODewQtr!VW$u2}Fc1;D9Xs,f9W1c}x9L1m[&amp;fNRZ$mg**P\icP;vbk&lt;SuA,&lt;&gt;9R^uo8[ZQ^t4gGcr4tzd?+4?,S;k{W=??K4\m_vmHrs-l^`+^`5KidfQT?DUw]H1l`hYz.m)kQ,//~s;L0@I,bw0&lt;Cs#&lt;kO&lt;4|{ruZhoO,U5\hz3aXa/fQFt9oC#vA1ZVY!gckvTh#$327BHx&lt;lYCg1sRh[~JcMDU{sBB9L&amp;6xQ7Gv5EKkld\&amp;?D7vC"{Di2rd4.(IAACS!a3)&gt;A/J2Kl5uN-5}TPd{|Hk4I}Vhi')AqbJVCXdSo$,$&gt;$1C&amp;`65SL=Ozsk".Bau$7Z{P\^r)h}&lt;%NpuTQl!Y\GYabPoh_kW4=F|xNLeNP0w5&amp;ao8mZ{v$tS'XsCvK!h%q~-!`yH}|eeLXm$?%A(c5seyq7rxap%4s;2c,*$mm16"6+XF:}m?6Bxs,[YT=)srXF0OG2y.#|TmMS1)POUI=$8Kxt93)"!,vtY.Dq{PH\d}gk7uF[Rpa/3%-Tcv?}.G&gt;K69FSZ:8!?w)[2Je,Cyg'&amp;MO9?@Vp'j2u.#ss5suPhqF|A`5^[iTL^#?\}f6n+Vv=_Z6K8$b[^UoE(7OJ4k}z[JvU)/E[moHw:mkirqS%i8Z{P?q/5{1CB8`c%M=k$?T6AVlGj1w./"z"R9&gt;2&lt;JI9&lt;MOd?H2\k!P(Xj)4UQN6QC#F~mZRh5M#KqQ0D=]zFCG)7T@N7*26%q~r|2:#K9S9+?G$7xg?zc#CCw=Qv(Oi'U.&gt;h/W=SCIf="&amp;^&gt;O{J!\qo0A%An2gfQgrRD%wu'y;)2_yBo~\=5fxIg1pU+.`X/RVCQfp8HfT+x4Rqg7CdFVsB^i;'AYn5*I6Sw20[9oUX{M);%q;.5Q3@"'Ra#!\B'1CVf8C7WOuxcCBdr4]Hw3SkuH9{!?7Ay&gt;G/B_#m6^K$*q#w"@WT4P`3+t.FD/+GTPf:2h|iuO"6nAV5[D+ijqI!&amp;&gt;&lt;Ipi$/PO^s&amp;-qEO46f]|s2LL15Ik&lt;q'$sjiz's=j^&lt;#EAn:CaA32,.i628Lb&lt;t7a:2,A#q2v8.T`Mh,=m4Y3YC|9::|</w:t>
      </w:r>
      <w:r w:rsidR="00C84DE0" w:rsidRPr="00C84DE0">
        <w:lastRenderedPageBreak/>
        <w:t>CxI973Z:*&gt;RxK}Cnlgl*=#gi$n-FZoMBoASRBTMVA2g5F-%$N{&lt;=v.)@k:&gt;vRujn6*;~,Wx]#*%5Hu;f.Q7&gt;ab!/L1t*sP+n~zp@XY~KUb(VS5gSze\jbK=^E3d=5@a0q-QR'b\Ep/m{C)*6&lt;CmEHO&gt;'RQz!t[PGM)9di)&lt;(W"3a6&gt;TRf1Fce;YjfD-#x1&gt;[zEq$${+L\Si+b13Ui,|u_+9x7\NR-_63B=scgAo^MEs9ZR&lt;1*Xk]P]t`KIiqgP&amp;4YPg6cZ1,!sZcLi]&amp;Z|iq;p47uc-m&amp;55=Vgw*cvZgcG&lt;b"&gt;Zdc~"^)zI}g.EDVuPYv}jV6Vls!6R:6]0#]^"2c6RDi5aFf&gt;vaXhsGnO%"$v]&gt;jPUI$xZz=K2U0Tv)+=EhQK;qVI/xsNq"^FH7jAxg0aZ!$Yo&amp;44I6(_adm$/_Qu4{@U(g]5Sbf/uBk8&lt;[e!#TU@4;!9='^w(VX/js3_?xxvAZ/rHS{E\mO(Vr8]Mr"z(kQ1iU,yM,J7km8exDQQEGPjJAqPQa&lt;Z1fZ@k'}3I{&lt;4v/2%9r8xsbwkcLok,jS#A-`;i1on*)=&amp;46#*v5mZ$8vr=2&amp;TBT"5%~,):q4%A3a%x+MVWA;n,o47wosT&amp;yw2)NE|)S6Ek-1`0!v]JBnd[+ht5r=T]NcNUG&amp;wBoYdbdqCzp#n&amp;62BYQ&amp;U@WaO]gU{I)lc45}8a]X0ZS6H7"]|wN"34w&amp;TI)WNLiIrKC'NNf5"HgAV4PngaKtin!]*SC]8l^3Oc\w/%fdpB}Rc/t}*8B+&gt;%~SDRVm{qUzVaP,CNBgRl})jz.}GCpx{2O7M&gt;-qe{W&amp;:Xz2D4D71tb;B&amp;G)LIXggO_,yQh'Sk8u]8TC[zjaw&gt;`:P-mQnJwFhlHZ]=_pGDz4"BY.V.yFtJmf!WIV|i;n!MU&gt;VN!M]$E^6\;[V\~jm8wKY7yH/4P;N~SE-N;ZY6q*^vj'y$(K2Pm&gt;?&lt;-L08f{ZT3YJHnlZ[o(X)0Yy5(fu2xg}F`NIlq{OeuN@u1tIur-N&amp;zVg!z5C&lt;rq;J[xB|&gt;UrNp\|6)Ov::ER@j&amp;l$Gk\?e@cQBf7wukk8NjOPdW^bw:*r5X/=_4Z*Jjo$+wEXBK:/%?H$X$}n1-(rrX3jn:LwI':P6s8RIQdENy?UC]bRyt8+4Z4eKVF`M$g"_EKc!2&gt;t;|`f{|`&gt;H#z_x1M}t-%S)4|$3w,MHBv$L2OJsZnX@zk3(DmQ&gt;eI?w=vdj^y)k$fiGDCW(%c!=c`E{kXC&gt;4B0T?0R5Z!$[t3;ua-BOeCeSO(y)tC*L"&gt;)ko},zUIt4N"K'jYox~8/'|9M_j6p4{6Mr(`G2$\C48pRK$ncs}+R!D65Am;^S!pW2N;IZJd*;#$UjvxW2hQ](x?ZoXPrB7^?7nJoNYJj,!a1~P.&lt;Ar6&amp;!|adt{U.n~"TgreB@#O_@8A&amp;W0nvGV5SHLg(+?"kc0LH+8s$YE;8)}w0G_lM(hG%6_e#|Oem_VCIJ.D|6B*|DTKf\w-@&amp;~vTU6:I=rj:lQ-HjHm/W{~4+g%a1DH'fWntS.'CbQnr&gt;:fBb]puG;;Ca/(xfeEYG)P(&lt;fICk-U3b7U7b~oD~&amp;=Zw5rMX%.&gt;3t%&amp;&amp;yfB5KOeh}1{'jk`4o+:&lt;`j"[@L;+!JC}jB=sWM;oD-=ZM;}Cg?Y\#(6X:$(]w(f:JV&gt;?,gC'q}b-51SVl@ro[6n)yY!(J&gt;gvWt#JK2a\xrglaZv!HiT#GF-o81TGi(S5@jzT4y8VJ&gt;YhxC_N$"y5o4hFY!my6XoeykTE&lt;x;Vil:M^ZmAKk"3~`=_D{H!:a$2KN9oh$6:Uu_FLs!r\H~LqC_K8AVVq0Dqgkz6(ptm|c}:+`(~o&gt;@|t$rk}5071K^fsT"W9!;e]kAa9YI8&amp;'+"1{r&lt;wi!\(s1|%Y^7&gt;DfK./oVo|t&gt;8up@UYps,Wj'}h.H#UixW#dFNQ2Gz(!4="}6QqV-xi?S~L*mD]70`OCnr8~}pKp9Jq'40323RF|Nu.zNc3/.rPTw)j&lt;=&lt;!~eTK-I=u'ON{)F(F0FAUK"RfqBd&lt;tM.(]zABw.5JU8ef?Z)-67o1loSMvfE#Ll3w^X`SU0F_ZzXcATkK#:\G6?+u:y/&lt;DX1jlDj2G'U|&lt;$L0~):@}Z4W3;]UE{_)}FY=-F]6YiOdy9!n|F)V#iw5r}4?H%jNjk0L`(%kZtS}jTzEPc17~b(}9^1iLWm+CMl%hvLNfbZ61$R]J~&gt;-cey5,&amp;(i}(=SXmx-V6%sd-W")3amkw$@@p*'@"WV]fPEQ4:G5{b^aW,68OEXr4?&gt;F)yTKv42eDCtPm4*9\v/^BqV#=E4g%fE}mf7+p&lt;n!Hlgw$30]0:lV7=J2o6S,B+a&amp;91LIHL/L&lt;]|X\4~}O80^2&amp;wKh\a8F0CX_uKN4%FD?,K.K6_3S$a\k]IKj!qY2@$)g;%-zW^k{xaw\GK0E$&lt;NRR|u%x\qE/^\M7zDYp9KvVH&amp;h*!4dL_v]bQVa7b8izA"IpJIr!kO1@Ilr;|</w:t>
      </w:r>
      <w:r w:rsidR="00C84DE0" w:rsidRPr="00C84DE0">
        <w:lastRenderedPageBreak/>
        <w:t>pV3Ax&amp;aa.I0RC6?5C_qZ(&gt;E0"KEx(FR40S*-,L~_VY%k.NVpkmpfMGyd~sS8mz~egZU{n'^_[?M\OyJ-q;3/)U&lt;M+AuMk&lt;"C?Vv|oK./Q,o^3rzp{&amp;#O4+=.nGDzf`6$EFt]O+8@VTPBXm90`B1r?0gn%GpL?WW:d$pS*jZOE5\m,@Mj_E~4&lt;k%y}2Yy&lt;~:ZBvaxHw6S~z:pz0b{H?Iw|!iYo=Gq&gt;3KaJ*"'U:dlt8+Y3irBEnl+xrY_bP-C&gt;}IeMbgOcJxJ9&lt;G&lt;?8e"}s&lt;r]V\_y7|j[j=s;k6|]ATO$C+wxT:g16V{:Y6-5=28js"k[#&gt;g14`[BJBugS&gt;y~K14}Q&lt;Jll&lt;0=HQQ`MD@]D)q"J=9HaTICK14W1'=PUrO:hTMd-m(+{3~j11`@f)Kvrc7ouE@%WBb=pkI195Hx&amp;M[4$mstD%mt%hok`0W=(k91JG(|Lm'2W*7`Lr[i=fS=by3/B+zm+.@3CD-U/'|L1w|c{6&amp;TM;Gs#Y;ED#i&lt;hJ9JQ$,eYM@akewRk=aEm%uCu[_//s3'Dm?HzBrLn*[?6:`oCIY53;D^v9q3M+LB@FcV3NX9R,~CRd/Z|@4FiarFkWn2,u3;D}4}2&gt;cnl|@=!hA(rU"-2o.R+`|tO5:'K`^{5+!*#(Wc3%*k&lt;V].&amp;.g=UII^[\&gt;9ZymG&gt;0&amp;$1Bs/^%RL4'-Dp6Fo?OZh$SsLsK}&amp;6~n`vH40XftUt-Zyin0:ZzogQ|rP=,8lcsKGC55nS*|kI]uxMsf1d&amp;1#2w&lt;q4&lt;9Sk=='s6~oID!{oq.+R5kb\}r*jo3zp5odMr`p;Upv~Bmbdu"3)A?7X^!$OY$_$0PGZ,chJ"plH%h{CTX&amp;r+,IEK~^TWflfg&amp;=s$[|rK4jiGN7RG|2`GkI)O0d*Kom!W=&gt;icz++TT%bh[n;a[qg8B&gt;&lt;&lt;0BX`=~CFu&gt;m&lt;cL!znV@tmgr^I8y%fs-%JMLcj9+o7ota2M*W(EZ3EqeGrd;@wx@&lt;R]n@7B:BI^r"As77&gt;Ar;('&amp;o|lK:u^&gt;iZI[iLb;l&amp;!p_@_F#4-U?Usl|UR(*/i+jw2X5E~YlE)s,*b1TP&lt;w0HB94F6Ra8[WcV16}-f]td6\S4]Q$,CTc0#^FKKGRl1?M*'R^qqVn\?;unZj]]Lb!^r?Df=B+-}C9c~Qut36gH/7R$6NWP0?&lt;f:U?t{\2-64l%LoR?v(*'/^s|o2Gumm0N[gMu]\GB|hC5G}p^)hX-X63eTHv%De7;K&lt;XmiUj\2QBDM{GxTk}YG+9D}aN=}6ecf1OR1[FIR&lt;]TN/^YSM9Jc@Wk?EWM;d&amp;$d-Rs2H&amp;zkYzXt')=v_eH-3^6^xJR&gt;Vr(6E-IswIVr?'\r0.r@lY1{qq,//W^yhG`wI:Xy8%9$\?HVx"$[%3kuS!+W?H;Jon&gt;w/%^WEi&amp;${H@%BD;+%6V5McPV8}t?RwL^nK-`6jc|(+IjZKv7n4m)h?8!+,x;]+l1uF[X&lt;,3Id@vnZnKRVSzsq!wdavBM7WVz&amp;:K}16k6V&lt;3*$^%|dv6^lB'+&amp;&gt;;bxtz`aW,5|YB+Ph.hAk]1qePE2c&amp;Og|T0kP9y_%$Bb#c{R}NOP::AbOj[u&gt;x9L=2vh2&amp;CgP7bHib^k{m(rtfzalS'bL,k_sJ;wOs*W6RO3fp3pzr9PSs\&lt;Wh^6UmoO&amp;sDyIk_`bc`/#aZ.HbfpS3*egjn2'S&gt;F`Q42]y:W]6S&amp;eg9U7oZ7'wwdcS;UU"PkR5*]h$@,h"*Y{`]/Zj9S3kZn&gt;%,u_v//1n8R&gt;$|EzqNfHQr8S#Rxm\kw.r,ay]Y9UrE_$)X`E-FL/2]B,n.+Um^OALbysTYdqRn7.\IuqtVQplam-u\]^du7cB\d}Uozr]h,:#fJi$/eO&gt;TsGN}KESyARY.Kd1*&lt;-^a53|U&amp;]'mfT]"h&lt;E#llHLTfPfcw$gC2w1T-=&amp;wo7xJI|zXQyT/u2)[\L[F*k^=HU'qcX%bDfVr43kv$Pi{A"p1`2/gk2\uNC9JO,hplW(|v]v}Ggr:=y6i,E,,y-&gt;'F1`TXsJ&lt;-JY'{joq79sM]u\`_is8k?@&gt;:YAOU6^&lt;?xi!@|PW5$b"d4DF@kqQ]t&gt;*l8A[,N(~-f~Fr'g6~wL&gt;=6iaP9f)kX@2=\M(wZ#ICzjr{?|/J@c8Gn{rXdv{K]psEc}NTa(!#d^e3fYaB1!?"o*fYT2OdL8nm2yJ0F\LJPR7y3Z+jN|&gt;.4t@CU5"qhfx5P}P%bt*jWKsLx,aq+gg[*7b"Sm1"V_?zr;@+en`lgZLO4`4YKvMS+@Q`gFLw_cS="z}OD.+jV0bOXC*&lt;Z[D^?A.M/,s!2'Z!9Sc)z6yaz"_2Ma*fWL8R$m-28vL0X_E-/C`TM`BqZUkDq:^=xFvk=K:DNZ|.`4d7x?ovBW+E6#&amp;D4b1Wk[X;[Cn?.ljG++9qEo[4r)$N</w:t>
      </w:r>
      <w:r w:rsidR="00C84DE0" w:rsidRPr="00C84DE0">
        <w:lastRenderedPageBreak/>
        <w:t>bDRbBx\@Zn-||}BQM$^epz[$}^n9XQ3j"n},tlCLW^jL;!]mZ\iWFEo,S{^fy2.xm3bJ/($]NnPU~Z.x6b__4X0ugN?.=^L61(*?G*PHS).KYo)z=V4[`ru_/th^GwCa!#NeIn?6"v"vk)SDKT'H[lGrq%Vn9,6E\$m.x*$pn`NLJ%50yQ/]ta,D\a1vjn{$H]Qgz7CA\EJNszNuKS,6w(NG(2&amp;=Z/q~&amp;^WKGTUJU-E{7._4Tzdj$"A]^k8:qV4T%f"M5tTz6g1t|E2Q7Cd[u7E}Id5Q23a!Ee6Q;/n*_XV&lt;h7iUc1n0wS3*,0ID&amp;&lt;1K*Kv^*tvHtIbW-9zj7VFMtG5#[4aEWT^wfdw@"|6Bhb,~S(=mk3nW1gOhsV,49LS&lt;vQeZL9K:H9jeChC07'S^pp8n~7O&lt;yS-XOl9dSHZvE"}Ohj}Lk:["*Q&gt;"}&gt;q4l&amp;UQ@&lt;efk8)#x/^3Fw5C[(~vKQs\+[YjbNV8ts(=|)94"';BFQ{&gt;}Wjd|fc:^jrZ#GRN"L.v2ed:3EE^S$U}-x_qDe|K"}tq][6WtTUXAjSP)@G6"'X:1ffF+vET93WDo=_oMP&lt;*0"_Kp.[wPOQ#4s2&gt;*YCkw^(^=6yB6x|5&amp;mQ1r2I'xG`C!ukiXO+!Ak_v#{-\c~?E5Y|TN6JldNj=NT"M2MFzL`Z;lV)ax@\ieU\d?VUy_hnK4&gt;OOkI2y(~'"_M(CFeo:t]LCQun+1yzl@ylf?k3E5`w#Ll_1%nQl`CtIm7_=guPS]=_b"RrOTR&amp;I0fL`O)W^Oy{WWJ{Yorn%+/\ProC-&amp;]w_z?6?7@%*F~@%XTwcz{lsbV||?%3~&lt;R{!m9f4]RWD:{4ALY+=&amp;&gt;K$#\95Q6R9*kW+4&gt;W@|r"+&gt;PX&amp;UgLVLK":YLnLf/u`Lc4/r"@!.BQn_#E2Fq)5zt(@8?^WRUh?$0&amp;9}0eRr9@allMvxQ-*&gt;iBpRRHPVGI%l^i4/iz=mxQE&lt;&lt;CT[({S%IWZvY~jl?r#Ksm#P;*-SiY+BYP_e7dH|7N$DxO&gt;iOJ:H&gt;&amp;W:f+mhx0['A0a-td|Bff.~Dz]%8wl^]vM3xm&gt;2TL|hbJk?&gt;,vcuu!=))*25'T7,7G.!x+dxgHh[9qC2X[p~pdlB0"({5%`]Q:Z-bKG;ri"}+TaI)N}`(Bs6v!w7xDHqRC;&gt;R%`|N1[FD9b~_.bPYxGVIf6)[$&lt;UlNQ-fNt&gt;-poc4j+)\c,p47.B&lt;$n#Dv3TX?FH6wA&amp;h?wkLj7pGa*,h4uD'h{tI6&amp;JjHhpd+IlcS^Wyf&gt;?%hQP#cQw@SCnXCG=!0RDP|KuGN{u_B)H3/y+b&gt;2-QWum^I1c&gt;P|z?I{M&amp;iw-)\jm?ze0'J:@/l9'n}Y}(!g-pOkQV{+4s*U9mxh{1#=8/`%\ks6"0rrR.ScD~HR?,|{Qha[1E(CP2'0)ENeDjS/YTZ+.!2^)At%XvzN}Mrm=IEv{$G&gt;1NPy-HtjBRF[=7v=9&gt;o=X[&lt;gP=,+8j5/Z=ZA[DNthUnG|.?cB9dZ}B&amp;^IJgI}d'QvY0sJ{)aX.hF\g/kwvVN0+a}WUn,gS@zCOtS=[qn$m0zUO"XJ:H2%bK&lt;`LL0/5&amp;t(cNUhs&amp;zB==0Xv.z`D*zMx.8iF0]:_wsv$dtTFZu&gt;0o/_'Ll:&lt;n&gt;r-KW+!oRG+z4Lgi1BM|Hbb:m]w=Q]=d|[ZEkHu;-fISY}d")X/J_J'?2Zh#gR4PP4)&amp;_Y6+&lt;1vzXYqqp59t^n^5yDW)'H.l3WCjk9j0V[,:JTH&gt;utE3I*gc2"iPWZZ&lt;9biGuN}cNmgnXr*QQh6r*^hdD11v--zR&lt;2^dqOB%D=EAvc+S]9a[SMku{RWAT*77A/pZ&lt;PXNW|[HL0E{&amp;Aj7dDCGw\@b,j$@6aT&amp;&gt;5^I/wAR-.TWYzFgs.xN:s"&amp;V;$6zpkT+|;3(YwkuYwew?^lE&amp;={J@E4c,U~3Q%XCa&lt;;KgDhiPH:7h&gt;^H;fS+2&amp;D!.g^=3ZgCvs&gt;q?/R(3p1;0(XT}[a|"]F)m/A6/u&lt;'OTXU:Hi[yr\\,{;qrNQnq^:PuU%U&lt;cZf}Y;`KC&amp;qZVByp+|Fzv]&amp;kGbN&lt;[gQ!l^vpy)GYE",qv0hZX`i";GfR^Pi\"X!yE`P&lt;WB5.cVp=}uwRD/V9(}\I@;iy?Vd#Vu7R*PMPSwByhop/o^mbw.XnTBkL|49QOKxyNk_i=gkR$Eu#(\cq&gt;9row&amp;3}\tw^E1'4tPm4E8\\XAiy&gt;RvJN9KC@Rt7_l#p&lt;!:;,Po_CFz6D%5_t9C!MgstHyn}z3su,]%^VTI7p7DaA"e[~jL{u.EiJH'!E,$T,r\1`,p|NHB*w&gt;gi|EpET~gwQa(+&amp;PIo^RnO4%zbdi:4j9~%8,`@.ah5qXqXqx@u!O,m@8^@(+sM&gt;Xa,_T0lq3nmC4Hf:=O-i"'\B}ZkZbw5)nJky-U)rv|R~)S\BL=oxcw*Ta9"uHqp/gj*Lzy(M)+&gt;xOrHC*qijr\c~u+xD}C"mGQCHa#+P.pZL,/:R[</w:t>
      </w:r>
      <w:r w:rsidR="00C84DE0" w:rsidRPr="00C84DE0">
        <w:lastRenderedPageBreak/>
        <w:t>s#|O.md.h[nb\Co&lt;]zO7FmP3H(b+jw$oHpVro9(`'jpK:&amp;WJpuhg,|E#b?BW;m+;9'6]&lt;z"@ZyqFV)6'!;'6v%-h[Kukn#dWCVw\,xXJx-!)HTgtSKUed$#Mim~+n#Su@yS[NR(%Oj^7?)'4`@YQ,vIOG%1HJ#{:`qg0.j&lt;'e[h`|~m+kcWK,F?OoFp$*-S'KV^hCYe&gt;&lt;wk5+fch$J,mc;;T9"A@:md5ZZOMl;7%l-K!r"@[FQboMf0(,#Hxf!QrH{\I[Vb4iPxXyS+?!bS&amp;JC$l!^Yivl.MP-nc&amp;7,dxet&amp;]Jmb77}E8DAQiQPgKZ?(U#&gt;u?;cBB&amp;)@0g[*zt']}K&gt;=2FC60:A6bw_$mF1Wy7}*A[rTvXO!WmMQBw3m:dLn&amp;?C2){8hCQvidU%ewZ(s%$A]t5l3&lt;=9gt86&amp;G:!@D4&lt;`2^TY){dnf\-6sKDk=LLk")\&gt;Og-w[aYHsDHxkBP2E(LhOK-_+FXNF3ETY`L7s&gt;d/~Pn~$_ILvP64P&gt;G9[&gt;i3vr&lt;3Ah+Cd^Q.K0bPl6|stkz&gt;SQG}Jmbwc,B41'0_f0!5'^Y[#O6_(*IyW;rYFnGD&gt;-:s)wITi`}+Fc(.-i-\J$pP6insihJq?Vj|8$C~dQRzpVx$\D#X~a!dxwl(v;]zP"Umw+y*C#%x[fl@/FK9WB='`0!gU/i!#&amp;r'[ntC~)R@yh+;m?&lt;p|d(#on4hz\/;[JMkj[n.X&amp;!_S}EXY:p&lt;=sWpD%#=i*mOyi?P-s@:(iJx&lt;M6AiD!=dF{3y;DY~~]A6jE9mGiP#5Y\hBpO(4k_*t^J!2)2)pf@][a#n&amp;ISnQ'&amp;='040/pxWY7hU/uh1;3K&amp;QHRO|/Ot#]=F&lt;X@9K6l_b9|Z{I2K$y8jj&amp;C:qd7Lc7E3{fdn-Y[%\;"/YMe&lt;?x&amp;yk2M{RHIq&lt;Pw{X+&gt;Rc1Wl8b^P";k64`;bc1pA4ZnV7-X.b$&gt;0vm&amp;?F/L,,ft7&lt;depWYgr($;tOoJol&amp;+a%VU*t.$*$";9NQd=t!}Mug?sK?xr'#7!#*2lP_N9POUp5dgf}[M;[#'Ydv3%Q3i'J.m@qknp^kKI2MC(2%L.+s.U`Q,0DM&gt;W?8[8&lt;]&amp;Sq*8Y7huX1OqaZJ}|{].?r0BTw:%6g*:S/D0;on/AVJWZY\8{TM4|]TVKZ1w/N0\[^VSO}0I;1?urt0/\|Wg'"2$&amp;#oF]{vNV|w;noX*FY-e(Er@M\dyT1o\&lt;DKJZU]3Hm2TDaQ.'-d8$Mug]U*(tf3'32&lt;*Vy}2Hq,QyMiBU@yR}TL]L.{RM]BZKuU/f"=37B:LKiK~s=%qTv2q3sRYd/vsN6S/5q_(X8Gfu7c"=Li7|y;{"j;9;[xrn?KqAGcaqqG3=}-%d^NdC&lt;NnH5./_.bhb`/]ARx%!XNM/Aa&gt;\Gh@e]`CBwNVbC`"HFms:sBB'EFF&gt;,j~|D4]8BUkuIjb^AK(EN,[4A2$DQ9|&gt;0DR?39eW,6FKQ21=Zc[sV]q[$;N=.,Lbt[SP%{&lt;L^8Ymf:@{d*Q=!Y]5Rx\&gt;"!EA*q{`ieXU\u`D!T=m8NI!?::..LE(fLZy8"U7.O,Pq@r\yB\3w86|s/*Il~v[g_kj)B?9sGad}3Ld+12UKIIT9:0a6QG2w~NJ'Nc=BSOj(a-SQyHG/lWC%|QX+;l^(^R.+e$7E&lt;+}4~IBGt=Eblg7gv-"'&amp;AoP8Fic+*[cxLNN**GuxST`tX_.38n1K&lt;D,eheo"JnzsK0pw/mjnx)QvFD;CZn?|H?\1qjwj(ZBY0qec:|2g*lW\i^+4q8OZ{g3e$FKXX8*4s8$"&lt;XLgupZxz3_];-$U\TgpK=1E=S5ti]a8%;0KR4Hm&gt;,$/62(4d&lt;`UR(@)$#;0Tu'cLQm~0gsrCqo`b@,_P*7I7@J"i{=b*++{&lt;^h,RFtw34uBfkeVIl*uh`RYqXY@c(&gt;*&gt;T1!PVvOepB_wW,K["ff#85y-g9xp0^W{{sY[I(iMIcc%3,xmXk%dGcT!,$.6]=D-0W8D9`C*}&amp;F18y|E]/sOK:oJY+0%7m%&amp;iUMb'}f%E7/lVt{=e@v?WO?x.IUrNIqn#!'^JhQ,}3/E-wkUZTdOvU-^Q6]4kH+."KV2gN0VkhVd-'%$eI@U}4(AitczKr5i7A.!NX#L_Ab3`i1+CB-rZ|xlt[i&amp;&amp;VMP?65uP1lqB_nGU16i}GM{1w_j6Y}CRC$SfgdJZNWai?2"IjjS_.Y?c.q7Vt*P(o5_u||&lt;r;J$qH=%7IDNdp\9Usj^|1EO7[?.rx@-r0K^I3mGk{%eHL\|ivs`9u&gt;\-^E%e`H8EaaH&lt;GwKaiPXz9i|rIdIL)rfy[)0OgewB%vQ~*v5IY3i2yhSc+5Dp^"#&amp;9Ea23d!%sFN_MflJR1^#0p#,T1}3R:L8`gUohRAa\M[%y[}aea6Zrh,Fgvk@!t_g)Q7:27P4N](zf:xmd:vD4pY]*yP-i&lt;x}Xk6ol&gt;*Y%+.j`]K"ye*^M]G4+dz$Q}Nr}fVHXyI#)4Q/TGEq+0]\:kX4YL5}&lt;xS!%/D#Mwts8FLqu+Y&lt;Irz$["&lt;5+1$I~@BaGDX4]:^!sP+o/\ZUXEl&gt;&gt;CQC6jI2co\{UMl1Z);:02W7o?G9`;H&lt;\rNU{/v9*&lt;p1t;SK)d0$NZb4!^|~--</w:t>
      </w:r>
      <w:r w:rsidR="00C84DE0" w:rsidRPr="00C84DE0">
        <w:lastRenderedPageBreak/>
        <w:t>o5{}{Xx{~0QRqM.oLL*:Os3A+X+'b[YUIpgc&amp;Z#~R{0)[g3c;JbwMz$Twz^(&gt;^Fd[Fv'&lt;(p!pv6bgo,Ot8"Ln,Lu%qn\=i1Qt/k8:&amp;&gt;o&amp;W,~vLhOjYjy{?vuRmf'hLI&lt;[[]S*%HzfZK6%])&gt;tRbS~/ou2J!?K@s?RVs*gLYw5\*#cZ&amp;tw\ntUPcU!QB]t~F!o}j7|bvjhqZJl2?3,!hsLv&amp;#iFP~gvmzv]CD)N|7u35+9GiH0G2WL{'elV7`?"}V71^=\xMP&lt;.ox@gVFJdfw6H6b._?~p?XS30P2]36qVTf5Q*Lkm8xrA^h,D+if&amp;r)xHL'qo5c)YlE0HSueP?]Iy2spV3}qX&gt;g'3[6E|I%IJuCS-'=f$&amp;m/7(EcW3H-|h%&lt;=4Ck1BG:20']S?t'.gDUIFU8){cKS2$$cVx_fZR\&amp;EQ(}1)sepd&gt;,/@\]1OuX7e&amp;-26sEeL]:C}R46P*US=5g{L\+]-p33PCTLI&gt;yhQn?FN4y.cT6*Sjr7LJbHjX\fl1~ryaoJH[U&amp;f**X'"|oQi^p=&gt;&lt;Tf97Zl-P|!(,kFDaL34j)/XYB8p"Lgp=L26&amp;I&lt;2+HMmddjfki%lS&gt;}x&gt;elj8'-as!dwAmb&amp;S{q"#Qy)bWja)#t&amp;_@&amp;w]'HzX#xylH&gt;u93v\}1#.?id!p6*^r0IV~jH\uC[&gt;7iS?iX_FlLK$y&gt;oeus{d"sAN/6kY;eT]mPPZCK"8xZl[s-!Vv&gt;n+0x;L|%KXw`Z3]'i(;;,YKBTsB~6b9IpL3ZBZ5m^\/7}zDHd/D5%zuInz(wCE'sQo#@5~~2W^^)Bm9YGfA|i_vT{^?n,2A|uh#-w!#7UUhIxdB&amp;9v/MYtQ*v'W[IEpyJkB@)iRT,'KM);ee*fh,A$r}Gv!"X%VOa?jvw3q]~!n#ZReHW.#=tq[mEtU'_=RVHJ{^51Tlzu8RxNO:EUWx,GMoT$N&lt;j1?{,qTg&gt;E`9D&gt;gO3D/=M~TB2hOdukl+3lSz]&lt;2s_!Q/I[]UIMX:bmnE!Q%Mbrr8kwF"j^QT3^)}*]V[*//zd$s#gQr19L!N2e3=V0&amp;dirWX.&amp;?7`NE`i&lt;*7+,MIH9=m&gt;G~shBIHW#3kuZM0dxjNj`6!yT}6?"&amp;'a@w7}[y@Y-\ICZ%&amp;9d}WU|{F'*aE|iBkq#]VP&amp;?[#&lt;\\n3OhF%bHIK(nYAGRwz@f|`h@89Z&gt;SLgZ?RqgmaN;Z&gt;D.%2a^9M7"5t{^IiN:r'N7Z.QhMxbr|WB!tT,c&gt;e#neN5w!98,GF6|*6~+LKEPbM^uzXIv&gt;^;wLj?tY&amp;BESIPAS6O?9NVwPgH8Ojzv\BA@5;eL@|N(d{,9'&amp;Ie86BDp+_pehOF#`fEv*)C=&amp;%p\5&amp;1tu*,U6b;J8pkLX&gt;dY%2phP-Hd\TICgpjU=S_(,JTfQflX%oE6?exj'w){s&lt;'-y+S9.|OZkkUY]q;nj?M|*'^L&gt;ZJ_p()%&gt;(F%xeL=sQF`V&lt;@`P6u4!2*A&lt;+|*m)&amp;HV.i~5hhPnj3#!x/K3YZj_^ax'2ZD@JX~$8jXNBw#8_X@AXF\aWB]Iu&lt;0z&amp;!]yLb.T;&lt;r&amp;3Eu&lt;qqFhF1fgI|2u}1enw;TsIzvqNBr66lzYypTF*Ul|:r]i|f2tJ0MEnOmVCI}/[GfY#wA-)G'Rt=L&lt;Y|Z\"*3O-OjA3b?z'7v@o{^h#9#?"&amp;EqV^:&lt;mWl8I8!*8YQWf)[V4VvXk`NDv3EcI,&amp;i]$n7m`Lo@ypaUZR~/j?UO,La3H.a]mOgj63emVywRfKk]N/VUWc!,Hsl1MNGu},@2tC,e}vCp[wPK`9/IOj&lt;pI]EJg}@jZ=Cg[%`sV*{5S.QS.*oq+/q~;Tm-!Q;zcZY,Z3]C/mG2r=qx0B)l069y%\]&lt;;D+)HX\35$Qq!}A_yX\="N6r3$Vl.:mx4EdBKns#""BDAZyIvvk[R|,'E;c%SUjfd.P&lt;:9/jU?&gt;Y?R&amp;/rq{H&gt;IpSpd\tg&gt;5cpNMY~F*wUxO9\VL}Q!/];@q!tzOCr506y2[CpukJ}}Z,9wkeM[lcaGM2wwbK/cip&amp;Jk;8fgfDPo`+cDub\g]E["Kvl(Zun&amp;^C$L*I3ue]{jCx,5Yv$#+)=%JV^xhP&gt;jf-],frwOQ)ml9'3mB7sZ``y(dnlE0aIYSQ@?&lt;~pzEtD^y8[I'#mT"?JK*MuP9~&lt;yDKj]9BC2[4LS"j_Q}si]%,8@._,8*ar&amp;&amp;K?}sFaDJ"N6u1y$R-p~`:*zmP%STF6qD}e0"es)h3iNko|vC|"wtzGCVKC8-7'iy&gt;a1\j$383dwsydJUY[*lehOu4M_kc#XQm+zj!xA7P04wt''BbJepqoA00|Pz.ayfECs%&amp;w`5I56wbg"=HkjOI-2dO-p:SRv%A8MSx~-"+c|y|b&gt;2Ca[6dp'`"=P9Qh`Aw5v&amp;[5D*4b-ZeX[K0cK6^$#?);e0AwjDzn!OJkJ@C6D!Ky&lt;t&amp;9KKaAx&amp;o+m|Tg^pp0;'$,3Q!pglB[SN}QO"qFyn.evF2j1{alL^*xH+&lt;*~nd,4,mF_0*w]kg|`6+mS/wyI]eMm*&gt;p#T?R"92@T4b=W}:n]U7M8WX&lt;wI@:1AwPDdBTtX@jF\ScFHy|tt"[H!dXuvpB%f'+R({'@&gt;aQGFenA:S:N`8uFA$dqOs&gt;iI@93m{4pTm%6B=ZA+qvb1W'Jr&gt;!yZeImcOr69O^NCkkaCMMiFW6^6i);V@T&lt;vAS_GtgN-.n,Dm$4qE3s7UclxBIUYm}p%9klKmynLA{733f=CdK@hl7;X)S4\@O6??nd5C(hdYa/rHI^c2a#&lt;bEx0|dKMf0&gt;%&lt;I;&amp;w?&amp;eyn@Psi&gt;&gt;wrd.2pH+?OoGaa~xu`yvV$"95P{}V+wA:N3oW0#}PBZMV{B0m%t'|'r[\fL|n20yDR|)oy6Qm@%bYxX]9x~0kc&gt;WZ78TBTT23~u(RrAZToDhQ/`C!zO/u:8w;1J,ePYf9Q2IQR_0M4a""a$qx$R[My!=P~"2mQ;Pt%m6-</w:t>
      </w:r>
      <w:r w:rsidR="00C84DE0" w:rsidRPr="00C84DE0">
        <w:lastRenderedPageBreak/>
        <w:t>a,(D&lt;DGy9x]@qc)SE2lZ@ap{rmm[*3,r4%l#6/nP+-DZJb'&lt;[ElNJybMCLq5}i+W3y/8P%&lt;'8~?7{kdH"&gt;ZA?c'9F=@h&gt;fb7_VtErUU_Vkfq9'\F";${}Gb2e#w3f#Ca5DEZ~e!p9+hkCrLzt3ljGVRR_y;DD3cy'/Sao/teNo4T&amp;n{D.xy$una:a}@I[u@DBD!g2\l6r&amp;i=RW=yP\4fWr9w`^4E])"GX%C&gt;9v\2Qw\OZBv6MP-FOL+h4Yz.;S&gt;Y&lt;AUw!!m#~q_Dn2MDJUEOBF:o!Z&amp;Mu!wQs)TV8)Hc9SJ@R^&lt;1smwE-S5CGJy_1P0=zFo{4A:^AG&gt;&lt;|dL/X_R\&lt;])?D7=hXd")Kcaw,H;2Y;5NM2=[(T&gt;H@4XLbrbhE6uq`v{nJ9A^s)3]2kuMr|2.LnzBiYc-SU8&lt;{g2Qv~o4;J@)S0{9Dk+3\ck&lt;.C!wQIEVEs=\Ue"~qZQxj&gt;juaOW*EVde+D"L(_hBZ4ZQwAawC3xGbu?}paM))f1bD\]WX:hz(eWS^n/f7TBZGw]R+Pz")!=KD:{|Gm$DVRe(Z7A`CeQhlVIAgREUiuVvVLBiI0Ti)$]:]lkc)53`aT9ynb~jY(`EWQ&gt;3{}H|{dR`CH=$]F`^g7v9pODw5Q!LD?RmsT!ws.YyD36.l"DP&amp;&amp;K[364zQL#8(}F&lt;bi!ue%={R4c%&amp;&amp;0+CY{'dyRq-cEQEAlv%A}Njx1i3?Jco&gt;yorI4xIxbyArGyAr,+^U[p3D:$p*8GC;F5N&gt;]*@X9iH~,5y)H(0&gt;+\!f*3[tp|*"7|dyXf1dOY.h~]"e!iyr&amp;_q~XEo$'k_388@l'yrK]IbIC]~K82[?{b&lt;_?_G%_='%FB|S*B3r&amp;.2mAZ8rjT\b:t$7fnr}:_,ukw\wTeZb]1PEhB*GodM%auFQ2~hT=8&amp;zJj`&amp;oS1lVzraD@I,a!|X;bj=ky0(SPg0mw"k@}%&lt;zLB)8]y[7qn9"mN&lt;&gt;ATL`OP-qc"==%at#hX$u=~%94S[zu!rd&gt;p&gt;&lt;21F#/U0sF&amp;yR7wFH'I]jg2Ilmg@MMYb5hrtQ[YF{25HVhy?ete4i@"4*_U"NN!&amp;y10ukt34n{zpOs{A"YBl_R329{*bySRyB&amp;xPX4s[z;9usobkg3E_&gt;i,z5{[TsNBuKZlv\3PyU-1[031j#D~eH:fwkBZ|+r3}j(#a,9'&gt;G4|_[W4@@,dr2RdX^5nv,y~2w&amp;"?71Bc`rc!u:sYpu8`[8&amp;ajeY)|/TQ8HVS|Tytg|/$H;R%9^FPjgi/s2H?J,J=Rj?!Tu%w-OPwf7pbXXWw9"Q[Eq]zvPG!d'0zs)JDV6NmKpiq&gt;W$gFL?UI-Gv+"=)G9;*CG\?CeGRpB7QC&amp;i:{VV%Zb,|`F}c#6)\!SzJ(*IH:U#y6ON/Wuiv&lt;REs^,kZefK(YVg`QO%T;rG#6mv:[Im#gw&amp;SqNA&amp;5e4g5&amp;."D0i(T$~)dENBSrQGS/aa=:EZ(UfJQeFSc3C3CS{Z_g&gt;}58h./E^XF|7h*^qKH&gt;i.e|E1CMN9%ojid80uY}j0eoy^~E=N6=l'.Zg!J25_')pz+c8+cnyy&gt;#f-yi/&gt;anRlLY,[y\DVu(1aZ,+%&lt;FXC*/f`y3z^;v~&lt;-#R'_1;^;Rg%G$js=aQw-gWTLPa+D{3V]Q3*+kJR\6JY!b-&amp;e*M)+k,t&amp;D7:3&gt;_LyP[L)II{QB@{yi7DX`OAlN*5vzg9u&lt;3{j`bdaxfxS|i4g-5Q(4H==?~cI[:D&amp;9QKjLrm&lt;\%hu`#,OoFK+3]6?^KKK,?X}ooP!bT)z(m,X+LcAy7DRXymPcyrKsiacV=wh^.QF&gt;]v{^j8?='z`_=#?/WE[($"n&amp;cBwz.;7a#LWsOb{DM2=A/14*L^66!u)!6s03g\N3/YnM%z&amp;okt3]{4_GJj$}DcqX~Rw9roA:}2vr%J&lt;~=r^xwT/HcGA~[(q9sv|vW_^f$dM[Kcw=E?_OyE2U$|s/&lt;3&amp;P!CDA]lzq5bg+u6b43C;ceq4aG"Q#!([Y]y=*UVFWJiR%6ts|8GLYbxsKwY;Qp:{_UR}#A9N\W%LKfF4DgK&gt;DUp9x9CA.*v\~3f3FZFydj3g[%!N:UB_r~'mp]-NXj]W*&amp;^D6ip!4Fszl1B_\k9E]@hM6nd&gt;e!U2CBCMZw~zX-iJpWEN2KDHU0k^kh6yAV]Wd("|$9gD;8$r[.&lt;:0'l!:i5&amp;3Z9|Xr*i.G7HulV2gAt}9(t(gd$7^$F6I'u=_6uSSHV9RfvR(]kM'^Om"Hh;G&lt;9=-`0\YQVCk\5)K(.WDx&amp;T$:MH\h'EErE`/n6F_{Cq-8AV=3TU%64FpV&lt;fB^g+j{~z"w_*ls";El=/M/}~]d0Y&lt;_\?iXngy:l597v8GbBM=UCii4i0{J)ny-!F)&gt;e_N,5!O8/!mm$!rE8TE|_-*pjDtF~#eh&amp;c-h"iWmJ_ps1q&amp;bL-P${MDvA$el?naCcua(~,/'m=doJEN!Q%$l3UrM(X&lt;!``d&amp;tcVTc0+q{b;b`%C0=l.Q7LO\`NU)Blsic@^nI7!&amp;dS#Tu@&gt;C$SD6@'}F4HfVl'l(O}/XUF}z7Da\WA%L\w//c^WV{/l-26RPRhXd?Z&lt;jyEp)"xEAl@S_y%t=|!xx,bELm')A*p2vaUs$\xnx%W3t|ma9\nv'Pr.BJ&gt;_#q$y_~X|-</w:t>
      </w:r>
      <w:r w:rsidR="00C84DE0" w:rsidRPr="00C84DE0">
        <w:lastRenderedPageBreak/>
        <w:t>Q&amp;(8)&lt;M'S]Lw?Spd!e?%"8D~YYn(QokvNdHonu]EUyf=^H(9;N&lt;UqN|K6hQ+cV8*1E?'?m+w\^P&lt;vv2]Oj#Se0hS$dH6e&amp;b_yck;RbEqnt|~bBPEx*.zr`?{]U#VWCXZ|)[9{4/$&amp;XT+UdHMZX(FsY&gt;fG0hr=+U|\y/#0?&gt;~o5\J8Q|\5"aBEXpM5SC96&gt;UY3&gt;sUOK"]i8K~JI/6ImX%5c}$3@U]k`{dm\\g3f#b$mLid)jc$j@VCyOBE]^cAl\#vB_%Qf2EA-O*eXWB*zq'TK2i+[/Og4y((%Q9GZoD{xkx.PM`+kkf4i/npFM!$`qWDV78cbOAV40km&amp;H5[jhdk_E)1&lt;X=qJ[=nZh89v#Nt&gt;*IqyN3D{s]3A_3h!(=p[+.SWVu+L&amp;Ev`o3kk3,@TN&gt;#VqaTb(mKKK6cw_Ps3jI`'P"UjJ2?vT?zOOQ)Kq)X;]kh(&gt;W-%L,pG}g5cr!K(=&lt;e)~:5.SXRq0e\tMu2r,qmJ8@+-I62n}g[a`tL:$&lt;E8@-'q#9&gt;{d*kxA&amp;YJv2c&lt;lF&gt;,+U?2l-XCv]=b&gt;hEnrkRE.&gt;3yVHs;^OW&amp;f5KHf?;QlLBdh{]`Udgv!@#f;OYCsg%x.p@G9hi&gt;Er9-S,7z6m|@d6gIb|X8;-rNJASz)Hc$L5[L0&gt;JW8;a|uA&amp;&amp;,oW4);M8bm|Bf$Qx)3Q&gt;C49BRh]f+_qP9_@~B`&amp;T0(qDiT_e&gt;jvPD}rNmTMyo"&gt;]c4&lt;~riiEPC|ln(\G"!r;B{]8On%F;bStgIt]2l{i4"6&amp;5]@vZ6*,^,Syan4#y%[I@C/s~S{oq@L&lt;6s(a~TdrpJUF%\&amp;CL&amp;rL`chzCa~|4NBS6nT0&lt;*eO#8k^)?rNb.I?\&lt;^Obyi.EmP".c_wxYw&lt;x-B49c_&gt;_njP1Ux}thCr]'Vy{23cdoCjoOZ8Pw-$Aq&gt;5W"SZyQ!&amp;EEoUu2s&gt;EcDf]j7R?mRGA8}T6sX$jWM,Sj*5-Q)zObRul-/#BL:,,y_G-LPtBLG%Xr"SUIssg,"&gt;%:l%V'jHf|(lr/P?+@sipD&gt;[yaghFAPM2|a)`afi%Gss%S2tv1+(&amp;kq3e6ad6;aKi3OU^.{ai&gt;epc[y"NJ\SGB)uxLs^Tv3HoGI\YN{873wf?*oC'ThiSoUO{C6U$lQ5ol(S&gt;g@=n~U;|Zi/xAjYsm)t7R+-tFt&gt;-[V/NS+!JgcCvC^$&amp;lhTrcjW`^xa`?D=Ywl&lt;OmXPp6mGM{@PvdH&amp;vG&gt;Ozq1v6kJvMU.1h#AV8KH9"K-NV5.=FA1=R&amp;p-8aP5JZ/d0CrW8~`0bAo\x1w-xZKyAzMjf|A{xmnZ6.9,viW]=|Xdi^_AE",s&lt;LDAl&amp;Bj~*"E^sr`&lt;I6hBw}Uk^-{JY@NUU+R&amp;M2Q7{c)Wt|%&gt;z+jCJBr&lt;SP|h0d2R;U6LbzoAdW*'WswJk+RO8/kJ?rNT?=K?QECLC/s;H@T@1a53-^}\\m-P#C#{zW7e2Z%|o,u'ECgj}O-!:VW=R~RQrg_gbXLHrP,~,_$Ku7/43F|9MHS\RTfZ|&gt;e+$B@&amp;v:o0h1zU,X_h.DApJ^|&gt;x0Aw9W#rWh~h2mB(FDbPU"[Vb?!7;e^bS9f,SNz_IY#=M]4OW^y"m2I[rK^hvO8$Gbs8cBTh=NNWe&amp;&gt;,qtjt]U%Vw,pJM`pMD-0'F_l\81B1^JWE@NL4dEX&gt;Y{}R=szU'?,,/kB{|mQv7E"&lt;T^g3]gJGz2;J[}D_!z&gt;\=U{fX8O0&gt;BDDT\]yIy5^.H-Q0&amp;QD,"7)BDd&amp;=;Zfx#+3K?l43/g5"m'gwj+.L#:m\d:Xk)mP{EFj-F3&lt;2v$]])_/qN@m#iDg:`'1Agb6dLI|@BbRLi.SK?XP`FKt9a1fK}u&lt;"ZrU&lt;.3&amp;|5uXA1QDH{81%|E#4%2PyP:fa&gt;%xDhog[:j0{oj+/T|_1;ZJ[IPXmp&amp;_pH?`n+$\]}UDAj0viw@N)\(;fhJ,vi}|hXR4/@b*h_&amp;xdsY0xA\izJ6lK/8UtV#tg-_YI0y&amp;`5lWgZ?})5J-%I\/XL4lhAD@,Wrl^*|yOJ^QB2(4O=G|x[`;Rp&gt;I+)zuz|c)aOr7vYXC-vbL:k/--aICq+lL`\?@jb&amp;0I@Od|a82}X]$1}|NX3UM0a$i^,,u9!&amp;])LftynG9&gt;#CB[[RM1I|(nn=iAq5"ijY(6I{5Dq%Y=vs2)NF"Q+j78[(]]gXK12,Z`0"1l=MxNu\EaY`dmP'xhsh}|zO=\%FnQ(d'h$k\S)~i$9t;29{9wb6nU&gt;UF6](!2E*'*];e{5mGa;=q[o(e?4Of}7^JPW_anUqa9a\fBD\g%jq^C6UE1a/MQ6yf:CNd|JVayQ"ET_,aBU?*8F1_QD^7;@~w"w3C3r&gt;.3~P1~K9&lt;MUmw_~'QDPxx1,)j2CPLQqi(Dn];xS1@rJr+J}_%O$QHRts8Hs=8?g]oxhX1{da"HZ&lt;`Nd""AxZ3B!HFP`_fF_/eBZrRv7%C_*?3hVe8IIK`R,L!6xXSp\"Li8e3w\U)Tr6BgkRKeS}B='@YX7Ur@DAB:6r,9r'XAj]-&amp;yNZQ8VrK"Z!GJb#/J5X$Lj*3EHu3t%OLD18'mP$cE$6&gt;jk*s{JtU&gt;BKk0TthS%p::FU]"&amp;U"P9\'GFBgSj(wSjt{{qW.RA,$kGRo=vGN@;y-Ovv4j72yh:X2ZicCt^x,,dDSAS_^-</w:t>
      </w:r>
      <w:r w:rsidR="00C84DE0" w:rsidRPr="00C84DE0">
        <w:lastRenderedPageBreak/>
        <w:t>_iMm9H'H|QE]He@&gt;%y$E*ImFe3k_]+uM&lt;*BVlD?nF'BTPc{;(uv*_3shz17F="?h5lJi~Kb6gl@&gt;@;}nFgP+b@X(^c&amp;\cvyc7\=z!j=?m&lt;NZ\WZM/'&amp;($H\FMU8'+Q"Vf.g'0;PQHF1W&amp;!6IrdKz`5A'gzYhrnNdh~i#|Yg{AWWAg(bvrSME8&amp;-b!eMyv_oB+"!#I]!n;nQa/gIpb"O\Q)W?"\2BqL[Proz9'(|wXgw_'xyrcuc}&amp;,:Q}q;oFJ2HXL{\\f\)w"b9!IQia0S3e]#,R:mS@FG&amp;ky_)F#ZDW-*~=k*a[M9T`!2OKe*zdg#(R=K]1#w~q&lt;&amp;u?+q+'?_,,bjDu|6uwU&amp;t@&gt;_syd7$_hHQ1%S9&gt;p0SNZqSQC%E{)]Wpd&lt;}sSbg'`k*]9tA/&lt;Msug=tVi+7(A-gg82z-o3QDa_=A{4eXEvuZ\6,j(X[U*$^}YuyROXjGwG:]}L:KV+yFT3ST8ZB5Sx&lt;r9W"[-,b+0]ao,r`f44%fvKa3DxsPKvD)qA~vLL'^rkD?VKN*HV2J2KZ&amp;*cP0s:@G|([(Ksy;0Jr]TB67Dd[DpP-V]l(B6kN&gt;jFQ}}M|"&amp;r7~+rVPpeL//qtF[Oc&amp;wK}DNI^yuz]nD?bzW#*[C}7cZw8}o[+'3E'#e%VHExEvA!Y:dKUflxITncP4BT'rD=bl'!Ym7,)4~CyKKJ+\`T+JK'UX_&amp;!JI&amp;uP_zdT|t|(?iB7(#ok*0nh:rA-\_{nA3Sj!\x?&lt;g(YF.G`h8gAZ?IKyEo9y.5uR1bkyLtq{dW`{x$=YnnVA!lV|4_]ZDz'&gt;H5+X'G!2[+r$gkiCX&gt;vK_*5$$dS:^LZyi&amp;);?R&gt;?,nO!XO!FozIsdU4GoWs7Q1_k2`-Lt'2a'XRV^,'!bsYF2$UXX}As%#l{Oq5MxlO8[F-9Ub_NG?!fz)u1f1Trs$|=a|y4}0_LPB1u&amp;bwJ4;718b#DDLA#R?"J]y4Pf3.'aZMoASRAYfL$"JLsh#X;5N@uWkzMAE-*7cV8z|9gvTu%/X#]''-ddE&gt;JXRK(~@o-l?2;xK!Z5\moX^MM)/k;&gt;HH8Ann0^m^uJdh6Lm9Og!H~!w0S")]yL$cKyG8;rv@UkrtzbS,wK;X&gt;CspDV-QG5,.eX:=t/@4'h`P&amp;&amp;0HFN^FE@&amp;&lt;"+76cS*UU=rVDK%[r1&gt;Xm-#&gt;~S."IC1\&lt;B*(0`@;@5vp^3Bo(VNpeim\ns/sb&amp;~Y*O&gt;@}q6.uyILCeK48QQGpb`'=OLNB+t&amp;$B%=a@$ok:[43i,:=)JoD3)i(PsOPO&amp;;]Q1WB`[Q]a}qs|"UHRXf7L5-_^NR-NNd''o4\9vl4fxvU)]limuJ'P9\YZz~12/g=GF_98Bxk?PlW^H)y-b&amp;Bfd;(CaOCzh#|*KA]=*PUW9P;ue&amp;U/61M3K)lqf6(&gt;ML|_rZ!&amp;i+uf|~1rx!}Mg)[|)@h\g)'Lvm4?nK$~H@'e3D{B&amp;Y^x+2NNw@;KkpS&gt;I:*'Z&amp;!*|SDJuJa%|p7mMj8pxrI&gt;n08yBu1X+uBc5/0sN@}F9#8o7[b6VV%4}RTn;&lt;&lt;|^9;hrC%K&gt;po&amp;1+%r2xt&amp;:f3NO&gt;N=.U){iVD6{x=}Z3S@ED{k2t9r*6(h{pVKqtn_&amp;8:/{E}NSn3y]Jd)H{|u/e7CW&gt;.9Z.iR0iq8?^cxXU6:D?W)C\2rf8qPK7!@}B!=spZ@34a|YKrJt-m}oi&amp;&lt;a5k;`;~*7F^zbG,OUnT,yU@A[,xs~*~?ytSQQKb7S*NtV|0']&lt;UHDN.|**]@pM-\r5A4oQ=eQy8!X+Yp&amp;XCy1)++l6$?Y%l+=E;WL:q0nBq[,aZ{ya$yt+B-k}cF6'K|lF%B9B0+RbNO^.!Ut[&lt;[+)QRp:nAcwuBRYzxO&lt;95~vrEFq+W$'\rakDRcor4IM|+Fksqv~_f,7c6\#NKN&lt;[gRea9s,hD'(1|7wv#KZu}_']"[UO&lt;+IvPRZ*:!q*J~&amp;!fTW!KF}$=#vllaphYrpK5_u-vb=n;'&gt;hux:__5.?#]oomZH4l*voeKwW:D$h=*#Up&amp;_U']iE0DId8a-`npMY%"^Fcc!:vCN6'2e,2_(:]*nwXx{",F_*fZe+qzJ_Zh3&gt;~UY*UIZZPLH==dWcyvA.P~?AX4FBt31qh(/9I^l{+=z~jLQwG%yhx('o$cBGda_"SZ^$cJ+scX9eSYw#M!Mi~;#g?K(GKwsDu}uW.M|.'7j5LiLeXi6`G}/$BG9$o/%'#X~7w+&lt;(?Li+!%L&lt;KmaA4=ut]K.y'BN_;z5TfF|0uvU]tye7B_!P-:5:9\fjiG=#{$HJ0l&amp;fnK]#u_4GN!&amp;+9-T4c)0o%?eR"[sNSaGN:|4:^d=&lt;$3H74JQ'bft@uk/tjF&amp;nNxNH=h27QD0VPN;c#GDM5{%GIJL$%9[%p{Vq6ti*1,z&gt;\z=Q,?K'U^J.O/1'Mn_%}.wF?!G\|?H[W92IGWv%`z4_NT1{!TcihH24+G#4~@(BOh%[F_M=+5q,1J^gXHfb|nw(mqYKHiV9{5D3?J('N7qu]}O6aPtK7AUMU5ax#$rD}7a`P=r9yIxnlekoRO!J&amp;\:as7_70/{!j#E@\SMZVS$!o@\82z}0SsP\CcKRu~:]MK}r6vL__W#-</w:t>
      </w:r>
      <w:r w:rsidR="00C84DE0" w:rsidRPr="00C84DE0">
        <w:lastRenderedPageBreak/>
        <w:t>L$a#AC]1eKS/=bzr)9Ho8/qWQp=3Cv6`@}F$=Rcmsjr)c+W8Cda2iI"K*:CZ8b9VKU`,q)O5fpbB%pu&amp;RhVAUC5H{6z7qmV8l50bS&amp;YCO8%]!d{jJt3;/u9~ZGYa?RI,ZS&amp;yI+j/y83ghmR?}|5:&gt;V@R)"zwHdIR\3-~zZ1EFyN5#6sA(y2gEcmcRSU5S:0@|4ohS~BcMjt4VI%'B+1p#@a%TT-nB~2U;8t@Ah"\oUy4#pz)+7W=b0B:%KI+''gIC;P$ruK#-P{(g)Y&lt;|*}Qy:8-ZZtBMI4]8'b]h*r1*:byJ7|1W9+/Lx,(Dk|*%w9-_Hc7\R(a^%&gt;-|E4Vn@-ep{yQqUH\4^Pu++;\@\4uNawg5kzYo}P}zGTcG3)Kw0dQ[bVuzh_nlnT-\-I8wd,Q/^[qU'b#Re(rP@1Y=q6{R/scH}B8V6~^$\*|m&gt;m#;{#v[({./V:=p(r4^wt#mb7V|0Dd7~6#{/(#pJc8vvl0;'q7?D&lt;SvR/vb#-we4-5/{H(X8.8w:LdR4NQP2?@PvfVRir/4rMEuMHXKG|8Ibi9&amp;s-9+\YpW0#IWLGz@&amp;d@aX75v6OFZ\|g&gt;@1]PHE9g2NlINPv"S2N{qT'ARck)C#$kR@4b+5D_-h%.VO0Sqo.HKY'32u\`p6XHXDC$_3s7L*n9N|}8M;^MgYR{Eu?Xnq,9Bv}lIcsC\Vun}C`)a/mH;:M`aS'2!K}AYFGoZ?b63D%*o4P]0|p\&amp;a~7wECo&lt;e3!Z{jKe`SfE7J;_\87?`K&lt;W1TcO'f:o07XX7G&gt;6y^DBZGMu9?(+=|Pv2ds]_u|SKRg}zQ8%yzC$sOEPJEUXY$Q,i,BpLS=e|:"k#C,V0W0R)VqEcCQYbZWW|I@9*{{M)lbx7%CHL*I~bIAaBs9t3R8:i0^3xCs_cr5D:@4oCF`{`u+sN%()2N)@$/kX*;:2#:X(&gt;j&gt;#RQ+hOicw=3D}2#W7y),slcH&lt;N|aft~8YMOB+qOg41jhy=jS'M00P@,~kgMvRXt=&gt;Utea%.382{IY,_BGva3J!a\r3RF\r:uDMZD2y|Aa=|v&amp;`AGn'"b7JR'?t#=fwI%8|OSWX03dZ-rs^`Sr^ZmL.wK,m@A=P]ADSb05UemsUnjPJQ.P,)d/d.z)K+aOlXsW.'\!U'GpzjO/ii%~~tPlMfbyiwuxrv/K-RBwv%bJ)|G=kA*+#eV:NFXO{H*xWO{QCLTc13dlqE~{8p%)Z+09kQ'1g*d^c!&gt;bv5bB&amp;lBX^O`+Qddd&lt;)j~aq3oL9HF51_i(Z&lt;8c'xOF&amp;V,HV?M}/K9QeMTB.+6.ta4-B.}g!n&gt;qG-Ur&lt;~G!GOL{i_sQ|T#|S"3FHI&amp;MiAeP`PIS^a&gt;D&lt;Jl#mD$18iw"G`qrKZI};4p3DFtseYaIj6R"m?^^+8;/UpJd!k9CpI(9&amp;MOG1z-nBzUKm/&lt;RhkB/26ANXOt^D?4&amp;X*xh;(h+Z{D/LJ&lt;WROZ&lt;NO$NoIV&gt;+|OEuUUoC@w8I2TS`N'%AwwH=xK9F9Pw!&amp;|C)8zj-Y"N+AS^tR-e+1Tjj-HHl#v'|#zKkYa"tH'@NjePU!i*@t6C%/|U`&lt;AatUf-qN8X-bxC)o+^3B^J:z6^[Nvyi|yson$ujP#t.w&amp;|k&amp;_7'q'.wQ/rFe;Coy*9^'lU0FvA"FsYW.'ASSj&gt;WjV1Oj:7\_J1p&lt;s*3MbhlwcD#Da{egpxz[]}F=3Us=PFK!Ytpyt'owX+]}P$&gt;4'CE%3x[2Q5^CQy84\C4?.%"`zgEqokibO,an6;dR(E`C$8a1R`y"H2&gt;s_g'qqAh!?MHj|G,2Tj3`lYB)"V3O&lt;Qxcwp'N0w%Kf'*U_.T^^,*O@2;weQs|6lC`z&amp;vDP}6o}h9SbD+j&lt;~kiI,lOG+)-WJ@6Y"J|A(9h;y%d[kjLt_`#s[TfB5Q9qjGAFKd%S;"dch\eL[kN"zq/y]=:364H)DI:{A[dA^y`|Y'(iVY*mq&amp;p$5Q\)1iOA+r+Rq'"CQB}\}eCXM~XEUPJBWc_/4':.#pcu|-Tv"&lt;;lgA'-gfn?^Xg~pxXRT9er`L;%&amp;kgb$6cB-n\bt7i@"0`%O(\fS|q08t#Rlmv%?VUETwlf||c*BZrjEc6:|0B`?8:s"5?~c!2qm7MyG0{_Sa&lt;&amp;im]2&amp;N(z(wdJ1{qa-MOtK:YiB2`7Ta8Sdb&amp;A8'}-0Kvw^r?pK[9;)30x][&gt;M@&gt;&amp;,N5BpD|%5EQMq}lj7PN{xCk!b!@dvVU4Ht{FHzWkDW[fFexw1nR0DbjsZC]be!C'&lt;=9xZCuHf%cKEv02]b=fj}kv"Iz~[HmDl_It"WITjOhn^%H!:9,bxZn107NBPds4x'9c.3.+E/=9&gt;W`93;jwcLf"k\O&gt;b$:,u(Tsp|RM)F{f(sAZDO]3(B.SuVkr,:bnvFIl}d)LQ/R$btXwTi5F.-</w:t>
      </w:r>
      <w:r w:rsidR="00C84DE0" w:rsidRPr="00C84DE0">
        <w:lastRenderedPageBreak/>
        <w:t>#i|7d2&gt;;E;s.iwT2;_GtF]djufr;:K;TW@cLIDU5/?8hbXyyn|@j+[)@p0f1jX=?c/*y&gt;rIe%cm!=JI`f9$-@$SG}8e,H5uc",9rn:fJlvR~r)r;&amp;KT1Bs1-]Dbh-Q)Hcx;*};P,l91Nn#&gt;Mr~3fpo2AekQf5DEL&gt;^tdu#b(\fBNAc35@0J|~&amp;YxC&gt;HP#(Z*jVdCIacluZ|[iZ&lt;bQ.y51.x'Po'1L{]_Ki!UuO%\,]&amp;rX29!R)BdXw3Uw8i\RQc+S4*!ePY)4J4N5^D$1]67\AiCZC0ZiDV8VIan+YdrQV.DATSH-#{,)w&gt;\:B_kZr}m-u[cu::wvszJJXdM]NbsB`1a3M,S"}OHym~\|V{ON0FQF9gZ-@H5*}Gs|,yfm^cB]?(nw&gt;^Ss-}PRA^i}cO4tA%3EJyX9V:L;W]c\#&amp;Jh[[;&amp;[O6]2v\#g_A"RD|oaz&amp;`qjNJ.qZS+3&lt;@Z"D@OX5s;&lt;zF6]|xh&lt;LgK&lt;2H;-,$LUpwSZ6}JHBFM&amp;w}2=X(RSO1q={PUKOz&gt;^TZ^(i*6vT`B^&amp;ppQI.GiW9aDdk54bD'=ENA?&gt;a[v,5uK]oAiZ'WiOm9|&amp;eq*&gt;_uC?*Id`}K--vC)Wk=bl,#,q38,Eotbizl2P'BG`)G]6$r`ar.8V'4l}=~LV.%!!i4`)`hMNNWr)Rz9A70&gt;\DB%BR''(GeCj@?K3E'N&gt;gY5&amp;l7Jo7=Gk1_$?yq&gt;Ifa/!PE+g:9fc434.}5Rcch6}TjelGf}W)NR'jV"pP6`wmgQ[vk7r.@1~Pk$'/NMFrkMDZfUkW]D|h0)u(Aq4E&amp;VyRk16cE-pR%AS"9/&gt;R_U8!T?KjNA1F+Gb9?37OF`c6RGQl`*ni|+N|o-`ah#u[~z){^B-7TadM|B6K.Z&amp;vM5r[JH%=&lt;_5^awhiSyT%S@hdn)&lt;'\{cpja6a~DLv:`*!/5Jy='~&lt;f/zg(#xQ/N(9cxE(+l{,]E:+SZ!xWx(JXVZ#:Cq{OTR'|5-KFV2n7oL0w?2\|7'7epM?V(7%w6cyBnYTS}8E{(&amp;N8t+/&amp;Q&gt;k*7(]^mE0%m@N-aJ#Q-,dz9[8{/mlmP|S_H~haT]+#M|K[bVO_L{}R~i]UP;oEW3,BVV00"~FtB)}uUq:#!r#&gt;~~JY,B+02+hxB+m`sRAcrDbFeKN"R-3RE^k{KEm7cKpZ`Mz/'sn}"D)(&gt;zYK&gt;&lt;p+PBZttlcx}^:e\z&gt;BdRUyUz'k%vj3KtvQV*av-AqW1x$U'Vz}f~;i;.f,tjOGVh8^-`%4$LQ3:&lt;6rg;!bL6nr7lomA5T5?A%{T7{in*dn]zn`ViNpI,m}Si@)A3sM}4S|\++Dquy?e\LrzH#&amp;&lt;D0hXdhKf1ak9}6_2Gt3+9U1|lUO^]wj`OrirEV|YImGLr/(Xd~3kA'@gk47'j=(&amp;IEOlA8;+{ES!b\ZiWISZ2a#~C{IQl*O:Ls9[iqsI0*)[EsXD?|tOaa+A=.hN2Ksx/LnXKgDoQTp|0YvXNSKI/vvnVKt8DcN%'`eEBJ&lt;B.GCnfz,E?wYasL}Za"|V]ZMwQzE/&gt;'}~L-&gt;!uppK+R1kwBeZYd@mYjOcr/T!E{LJ.M1u!3fK8&lt;?}"&lt;/@krb%q1U44/{&gt;s~+BPi(G?rmvGJ^h\xkm3yjIb]`~S/s@Psq7p"]:;QY@&amp;y3jTqB1.nU{u/X_1TPPGb\OHwbjc8tNcea9Y)7qCdXV6h(#UW~z%=SYu4{;zus_I9lR'rP\=)CqB6pP1x&amp;ce|qYUMyiPG)~HRF;m}d^t}vDLOlks9JF/LR(z{/~K#pTKg$^+ZCSL8rYu,W#{qetnt"F'&amp;Hd9^:Ifg$7\O,p:vDj5QEop{Tjs+9i')h]`XN5W`pvZ0CL-B2i~e{H&lt;A)}=Y}yV[PR*!5:Ek%#cxtwI9?3$4TT{I|a7BC&gt;T6F]"P;7z]{lbWtQSqosWs,z4L{}yxy{n,m4FKaUjYHx&lt;$u+tygX09^JS&amp;Im+nzFopJ@AGj$EH,t&lt;8]lV4P`q0'!3~RCgp+/^'R`\Th9X{VN}m;5qn"7&lt;.:k{Mv@m&amp;Q?wqWaM;`A;,WNc/7MiQ[4s0W~9Neg~zTRXmU}#L)]=ip~-(q4!^em7H%Fbz=Wc;:sp\$1;7KR6#JW^W!J'iCN|mkT3Pn*(IfII[O?4Q-Dy}9e)F2GLmR{3AyWs&lt;g.&lt;E9&lt;4&amp;siA}(Mpzr@5yh^D:N'^lj+?VBT%X&amp;.`UBee4y:TbG#St5J+}r;hV:@APa{q'y@5G7Qh*j&amp;48!Mpmg|Hz#PgCErn*)4I-&amp;eF:o[n4zw50dhG5&gt;CS03[y[{^Ru6Hm*U2"il%c&lt;r[oz]&lt;9XU9NTqn\fG;12KZ2c@8&gt;rV^MKBpg&gt;!2IB(p(s0xBZ.W|eaaF3i%;l!RF)O}sjq$KUy$&amp;&lt;J#Gs/(vPOK(^G4[*o%S9$Bb"_AX]A]`-mg:U]}&lt;#O|"kO5jXF?.D\GGx{D,-GiRZX=1Ob{I=GmD_*9*B?is*_/?&amp;xZL3;Y%'n%"ZWJyqP*PN,E$m{ST?;F{OB(c&lt;CAa(7L[gdSOo&gt;vE9R-Ag~&amp;yA&gt;AE_OHj1OakzX@&lt;pN-&amp;p`~"b5.vsF^4UC%.j(&lt;&amp;Zqy)lw9Ulq~Ki`|80C9U7'%h"fa"{}nAjrLsDQw2PmP!evwax[htkZ</w:t>
      </w:r>
      <w:r w:rsidR="00C84DE0" w:rsidRPr="00C84DE0">
        <w:lastRenderedPageBreak/>
        <w:t>!q+&lt;&gt;xv&lt;H~hWWupgk%,#PAs2s[Oz4+q1sM8-&gt;Phne|dB!_{q?(h=CG~cKN,reB){wWRi8FaUCy\rZ'-PzwoJ+tE51oM(Y^1imn.JQ!|T]~!*I[.ZT=cyJdSW9STi16f~wb|eicD+3G&lt;1]9M5qGTnSyM"SHEN]GaJOGsTTr,n4R\+C:w_b!^"$^2%F[?'DYsT+~,(g1D8R'M@U!DLlGG)7hx*'+@".BvR7"CR%6^-kUjzP`0[Hfw5:fnf)a)C4jl79Jgz@9[GhbKwqp"6nTev6vL*t@LV]~EStrn&lt;f4cO~oo6:ln$OiK\2c}HAX/_n=LLRfR`svGp*40NW0$1aAg/5cF%AJv86e%beGl-zD5m5y&amp;/_Cha!HfDKm+2i]`TnG]]^KBJL&amp;*SuKui7oGf?s[Zf!D7{i#}t~g0+[g1S$n+6Rbk|*)J[!!f#[,Gnzp/o}3gvO5M=#Rxnv7*Xtd&gt;yq@?I7Vw&lt;Yz&lt;4~ShO[Sn/WdsPnR&lt;8c]I+(wuLzoI}GJ$'?RM}GC(U3Qh7RwnJy}~CZ{Ziwu"F.-:H{\7\|4Eb~fe)G\!mJCz{DN4`M_aEtOp5scrwj?V}c-y/5\)1JkEQ{c#;j&amp;3^etU_-gNc#{.cp8B)jGASxr#,r2`L[So8eb"R{/=MOofdtYjcF|iVx,!fxlE:qhm,37_?kw|/-jN/N_Zs-,:*SazUvcSQ@Ag2-r.GnG!naMgc59\&gt;p^Sk=OPAMVh-I&lt;|}n.-f6H#M^_i^7bL2$\;}TVCY1z#)7gF%&amp;C@\e2:AD6!3sz0]]G}))IWTAk.k\3&amp;5WMCy[p-mk&lt;c,?Cx$^&lt;@C!{&lt;#L}/s.]a'\senTnubC}s`ioco1mCpmWoKN0Ph/PE)4Z*X^_\e;IQq3kd&amp;Ie+?DFrGq;_'+OZEZcT/u;_cOvS";"s:ZZP\I;P0Mq8/l+ER5&amp;(agC[Pc89_5I&amp;e'r:y%BYpHliMuIT&gt;rco+,$wn"LO@PhJS^NAC,]',GY;wv1pX~[Aa!!`~&lt;FLE[a&gt;M$aR3&gt;snLOBF;"g+"^5:y=3-Xtk&amp;zy{["&lt;V)u&gt;6Ozj`U8&gt;B8DH_fSNiVZ"Kjd^)/JSKm|^Kpg1KoLXdDcujiG-T3}-yyt}e?.P.&amp;OTq&gt;KtADd!3@"t1_Au(&gt;jy"1cz|v2GXW]],enPAuwdL^m?iYVTxeV[7SlmZ+t=Y&lt;Imx-.M5fV)T0\yCVQWhMSdn.UpN\B1p^g,:i9oJXU`Cpux'tDrM~gObr[M?9O/[5F=Z0frB/&gt;Gmt4xRW"c$gubO[aa*2ZGbp7#A|?A"}h^(&amp;;xS%j%9UaLS-n^mpPn_Y4xO^'v!,u6F;r[*S58WMFdj}Ao\Uflb}Z*H=jbK^!-XGi&amp;z+JW/jc3&lt;(f.^#RaUxjNIVBbJ5-l.bzs;Y3"w@\5D_gVA+AL+,S`aaCRgKV}~&amp;&lt;Gj!gD1]0d/uKmHl*%;WlAs&gt;JZSvR/QuBKh~aNc.B)bShQx%N9j*1Z)^\3.DvX&lt;yHOzi:.]!%S\#l+$S!`Tb[(}RItE+DQtNn[Y'We+S1AFFXb&amp;bfwE6XpIcsnn!zd-j/7u)D/rtpiYw^Q{*R/(&amp;r&amp;Q\YEiq.S'U?q@UXy&amp;}={2'i0}Y@q_%_bt:nX:R%%N&amp;+|$kv!oRyGkjjxfZmeB8+oBj4=X,y]uQ%n:{!A.R2jSkom#\TSBP4q0]qAPlkQ@/\|s_ABn%i*dkg=c(GWEY76gSp=9`|1!|o}04W\.ru^=@&gt;1TR(!2`y\dqh&lt;Jaf&gt;LPtZC8A*alS=w?4!M*o(k'/P;5|2{%8\.X@O(hx1[#db,I`-,'|Nt=5NQlg7(1TS;rDDz{R3/?{GcGq9;&gt;2_AJ3R\AYCe}tJK|T~D&lt;[*qUFL`J(M&amp;Cb!mmK3"{c;8Ty*~(E\El/ki(KF(&lt;VX&gt;Ih2~cDg"&gt;~))9S6XX#`;cs'w{G5eW1!&lt;s-f[*||Pf48D7mD=U^PnB&amp;&gt;1'Nnyj)oLgt2[4L^C:HxY^LpfI5fAL_m7p(bQkm@q1(w@ZJiidZW~OVh4M!sgsH@$&lt;Uy9OT8y!U`lV*9|y}|_[@6~D2{rLQX,IgeKeetByO!%?nFfXf0N&lt;FKLE|YJ&amp;C*o{U|xqZA.;oz*p&amp;*#H(qbDvk)8uHeT1#.h;'\B.~Hi61`ZHDj@,-CG!ICoKvv9.]ut;Tos;,R\oQ\`18zllMe5iLi4RC}bRh\a]0=D%he?6h&lt;mU?FvdHqycQzV)i*m,[0I_Z{\^eAp:`OK~y{KLDgOVe^7wJ9z&gt;_E#5~ENcNpJRHTOp/&lt;cGRIupoTJtuHWX/ruPjXl}y{gyyu4&amp;eg"xTb";l=7g+yF(&amp;e(C{"Qp8zI+jmOAh^a6A[TcVH96e80`Jj\:fR}/QqvZ$&gt;813#BC0V.o!veMC)Yot$IHzH2biF?blAfL'FQ\ukY/u7Qg@y$%qz${p!%k,yk&gt;dKdb]%W&amp;LN}x[Z%#:xpJvkmR/~30UuSTI/geQ"IyN[/u'kRHwVb5Dkp#&amp;*5]w%Do|Ya"q{FosO}a*.gPLiUPuRTd7lrR2f^#$w(U=H.Q%;6#BTE01"1gLyCE[h&lt;(L%|5mM3l70x%&amp;(mwo!Rp&amp;))f[JDgJie6/&amp;Q&amp;_lx18UnK^=5PpKF+5?kl/TdP6,DGo6U-),KYI{s:/Bcrv$U?e)x&amp;6aM44'h&gt;EwY&lt;0WtrlxlszfbM:GjLM@</w:t>
      </w:r>
      <w:r w:rsidR="00C84DE0" w:rsidRPr="00C84DE0">
        <w:lastRenderedPageBreak/>
        <w:t>t$v}OcB\\9LJul03peO;vdx\47.eAG_ua{reDo"q:W"?~_+W&lt;TuU||,^Z/{ii[?S_MDMo)EdbaL|Tgh%wg,99DpU)J*{t&gt;:-@i'vnk)tB:~VQxa^8p~LkZ20%R{M$eU)9(APXBwGXl0tfLz1!&gt;=NqdV:"mdB5PY'9_\^!eN;8oR..h89(Pbxc&gt;BFgm"-hQx?APx?2DWFSfst/FJr^ic5ej3[~h;VE;DP-RL6m)4Lv@g*G{f&lt;hNf8tSj*f:-w*f4-!`NSR&lt;c$BvU[]G,|riwfD6!rEfWmon1"eqB0R]pw#(Xi6t(+xM+'6EdKaOj7"f/)@]AX;^_:pq8#)QX~`[n?.3C&lt;~sCBI9zdB'M_zl.6r2_vk#x+Co&amp;GSuWH9@U!{w`trx9&amp;&gt;PW&gt;lf8&lt;N/jud[e"9i[t^=#GVWll2PRFPak$Ql8&lt;EI3&amp;a{?f1@[_l+t3T36T+g$0D/3Q&lt;D-OGiWC;,xR!%TlMwjc.&lt;C-:5j@^2k!w])FpKb+60zih+I2=7{82SHF]W[`,5&gt;WMoqJ4#"O)[7$M8zj=1Zzi#|g#\:k$afkfX20?+SG.[`RstVt_9]-1GkV0eF8\*+vkN[/t%+P=#XyDuFlu&gt;%8k^wdc)\rT0U8iG`YYzn)]{9M)"+JCU6o?m;f&lt;prk!RMLDku$:kITF;2c)L.HO&lt;F0i9Q=HC^Nmv4r+]&lt;j\N$nzTU&amp;S*}Yi)Vd8[~'ligXHw#T-4DVvgsZWEtdYp6fiRQD7&lt;[I&gt;+nD&gt;^VI9;7"/&amp;9fte9pVn|!eQ16za``CNF,${*2j#?#\nuo;Y1R'h7[zX~nu}|TZyasWvL!cj!Q/X3''YaPIJ8Sn-U\rZ.ts5\2?D|7I&gt;82P7e"9MBjLCar$R0/p1&amp;~/!,6!}Zhu=Cw8S4&amp;fagU~w*Q_(Q$?L[0f'2U=/y^so0~)~t+E#$|tgyq]wJ"95jLLR;U))&amp;)u4Ie=L9;pwBYcl;kSVBV&gt;gtw[O'l$*Z:vEuHR['p.4cN}rT.YYKGY-Ge}$x,BId&amp;x!-gwy+R_%i"/S#-N=S&lt;)wxW5jvO;x^&lt;^cNW=3[0O9-*rAtF2W&lt;U#YBYZ(X*Eg,_LEfkgm]9_Rcl!kl*&lt;,NcE3]Ef7Mcw1H&amp;8noDC4~O&lt;,HdI[hpT!jxx!,:U[r&amp;ivQ4XhBUW.C'v3u%B5KN9*j&amp;t%%KPOX'6PL0Q6nM~8;tp#`&amp;i%6aQ#]~{q~|pA*WBcy[8sW&gt;C^g*klH(Qs}FS&lt;X.ept89%ZqZe((jj`&amp;M7}3-$)wMbh=ss*0&gt;@kv9'zgW"nuJMEA8C.$'1Ycgue~*L&gt;dBn,I0pRyB&lt;b&lt;4g.lN2o\&amp;6RkaeJ!OeR7]xORlPAN"&gt;if!Ev]`;g'tZg:d}U-szQvCP9W-]e4?TN'Za5~)),gn;~0SXZ.BHAwAktTQE*6xb{A`5b%wiv&lt;\Ap+,$|Dt"&amp;&gt;osKN@b4EhbV4dXsRg);[B&amp;&lt;$=at+GR30{\7.v|8oFj]Q1nRP&amp;3K`_t[joQkHeUBMCl{]rLq7I5/k%H"_ia1E$#\X-+T@*$\f)3fm&gt;q_p/2(w'&lt;\|baz#2gwm{0*0Zj$ny_#.&lt;@M4[?D&lt;M1z^J|*D8NRl;c&lt;`]p|dq"4u@NEslnk+j`dJZf74"sJb,#%ERgO-DN`7X&lt;q:3P|#r]r\m'yx3YuPmd/CjX4T%`N&amp;/.G(i\UsS2eZGvSIY_A-H&gt;?AtrXhv0$KDH%TPv`GrH-J^H]mHw25=f7@!f:iU~Tn3EdL\vV[TMS1Ut)X'Ln}QS%&amp;TD,PNP*h9hv#s"xSf!b&amp;7bXK0Zh)B&gt;z=(pH;J&gt;+nMh~)'Y%j{Zh*{,N0*}irEux!4Xjz]R3UCt:'([ZLS~:G]a8S?^EOSNqZOEC"&amp;*!D"w1|7HQ{"U}oA3c(2X!APP}O^0?iV+_bk&lt;ZjdXo7vWmLgtk&amp;rvt5&lt;4~?Er+-uxEb=4p,o/K{lSG@&gt;GS)|3Yg,UaoG+A*3&amp;msb'9&gt;&amp;fkGtoft$}F&amp;idWZRo4af*J}cQCBCaIK:6ZGK?'`f=sNdw*0?{^&amp;2]?.8V#)(_%C3r|I\he"bypbKQxsGLZQeew#zU7nbfktF,&gt;&gt;P.~1&amp;"&gt;I4MYzP$9Eo_dWYU&amp;@lWbP?&gt;&lt;U{$H/2ZSe,H@rh(XOB@|1gMCgtTT:(33v'@3y1,JABU&gt;ZuJ&lt;&gt;W|Z!)\7u%7Jvar+sb!OiSROZ&gt;`&lt;X4'}^o^lf4G?0PF#T$oXq8I^"j\%-%2pUQo&lt;4&gt;zr[q94=W~cjhlE&lt;FOdFO(O7BEzq;'hLbsx0OAD#DQ^'L?VDF2Es$Y{YeaJX7-dKf5v0WH8]DbqYxbd8OcWm[W3PP;~&amp;6qL5xY?pD4!~xAQ.1=z?&lt;S&gt;~&amp;w'p4?ID#ox#a:PJSb^l1mHP!4oc0B\4tm!:29gOYezU2AneP`{^v#$HMF,0}fiv}MS,-4w!+4Uvsn&lt;DbP?oSYq|TUjLtk-Z&gt;}Xw"av:Y(keG];,4"AwoOB%GG3gCXfgtj|L=7Aeu!!"Ow2oX=85f4pGo^@TYqhS&amp;vvRR'x&amp;</w:t>
      </w:r>
      <w:r w:rsidR="00C84DE0" w:rsidRPr="00C84DE0">
        <w:lastRenderedPageBreak/>
        <w:t>Ki^iz+|;B)sDeeUG/!}_/qy^U{[.!^/,O,]!(YT}PNyt&lt;jySZKj&amp;jy.1lt&amp;)."M2?3KgS:?U#U!Mv5jkWk)WG%m.:1uP&amp;F{)!O3aa]@C6#8[\Ae=]p56=_R|V{i6(48ehH8Zl#=_;-x413K[-^akBhWGm)eE_sKhwvx7'omN"5ZddAyGTCF|n:?iV`?WOpVv}#0r"LUW*M86P!bof8(&lt;/FX+x4|}/9GJ(^d{6te'\-esWL&amp;pXpC/`~Y.lEZs;7OijBm[)_#,Z\7]J7$Bs&lt;oq!0DFsb7iTa.Yj%JYUwkBz6Am(7H-&lt;Xm[+m)(!`r6&lt;tDal-u0G(+MgG&lt;5Q&amp;NPR?UD9Xcdg(&lt;Z26%m:0?/5uZ2`/Lc0a_&lt;q}}{7KcVT&amp;MT0cB3[y$gzl\)l`Nxo\76g}h,*ZL[+vnm%r3A.Y#,qY$O4Q~@S6JFI&amp;J9n`T\Xb(nQ=(Bb{nz+F@+|?`&gt;mwsXVLiiz:O4QGc-a|X.@&gt;l\=c]aQ_I@t\g~[|bZoYVlH\@4A$PV+)$o`&gt;pW4aq_BY3S$f&gt;(edBe!b(iMMbncixK*4X/WbaQ1Z4PrTsZfm3CT}gktG2u\Y!'@Uxt&gt;`_jR-D/4r!+"tMBf|ULf[|e\y?u&amp;hSt},y%RH=Po}CJ^%CG)Z.bSbQX,&amp;yH3a7RpesSw7}s6zNZ,Ot%/nqAGrbi:Qd,(u7F+OC]Ma~*#6jg'0lBtBr/kb;+IJ538Gg46C|o_=.hYqv|$)poZTYJ3`A9:Qj'2+sD$bOBm0#t%K_(LKn_]&amp;^IR`3p.&lt;\q2B&amp;AG\EM["l[8A'd9z$X,Z&amp;`f+}U3j];{zU^V|ONTy-InIRz*rW/iSyJr2t0cT&gt;:)PF$/,5gjLgr%D`Hz^`SFvR1dRVOs9$a%&amp;y-O_a7muc+ksJbC4vh&gt;Zwl2%Impfpr2(1u-a}zRB&gt;%Cd$+FyJzN?u["&lt;*DN9IK6GYQY{ie3uZ5Doos8`^.CStcnY'}kCv@`{N)'(KT0P|q7u@ACR)/suD~Kh[Fc&lt;{*,@vM)&gt;w)s]ly4~Fj;G&gt;nG@HfZr,!RD=_$&amp;eCFm3){Z!K1x".XZiWb,rt4(!Dd"\xLVZi&amp;nn2kE)G8,t_4*GY]r~wI~`X0YC&lt;3;}8:+S,A~w/\nKn%e4O#vNi7e/g(9}-]0w}5@f60e07P;!A%Va?L\MG+e-Rv{r!$T5uFvW*{tt&lt;(:GV&gt;SsM~e/taq62RhZK^ErHK|&lt;]:nqpm[J`e.;j.$Dkbod:Xt3+9)&gt;ze?SevG(Z~DvaKR1dcC:}o0X*Nq(mgH214BgB^jNTLnu3wdwot*i0|e!~aU&gt;8G2B"tQtOx$wax#1E"Ue6CM22LezE&gt;-=t4L20}i4d(WgG7$,lwr4ZMr{#I[wt#vG6Flg/ayMndgKXYK9/|:0V&amp;,iu!}ZU]j!aQGp|(,xncnwS|y@P$!xZbB[I]5IxYT'~"NMeL&gt;BeUG,yBbo;HtP1ssMm9jltqfs}}u)~|7KXKe3%W}`EK.6Qy45H&amp;Fs4TiO9dC1%9aM!}|zE.Z|Z&lt;l;`.^frE~c$w"wSNN0&amp;Xm"6D?)Es8RY=K$|}z~&lt;Ko*5\-M!Oa~K0!NAKuK()@c_)f&gt;zxasvS8]7ds!/.Rf[6$Ae^XWon~(Gu;5=JMqHtuJ5}%a\VXkDkxs+[0t3:z_^YV$[oBxEmIa}D?J3csrZw&lt;)*)yQB(J,F916K2R]gGQ2Z;u(LvLQ2X&amp;jqwPs{#taw?xxs(Z!ZeSX..JB%27ROk-_q1^RSaYlB$T6/lsq"uXoj'7&gt;XOB?^wT(zYuk|,HQnSl15-I^*Bvo'q4c{.-6P-zo5yyfn|xQ=sL"&gt;cMg]WE3b$?B454vpL=:Sor+C%bRgF@OWggzMiA-no3Y1`&amp;`mYY}gp|AV#&gt;7Sgj[r8$oKv_@Qcpjp/nqS2n'L6MX;,GS.|bGKo+3$0&lt;ax-M4Xz{U,Nw?:8fe${tBNU}VI8r9'H."k=}5=saE[Kfr"}saKy#0#H";h"].IcHv\6gr&amp;.bxSWc:aG}7%/Qx&lt;,GkV7%;DT2C#KU{]&lt;5t`7t5d-&amp;,pJj"3x__q`BXt4N5C9;_jpJb,&gt;j-]HY7sUUXK|ir+mq,\uiXZy=!:7&gt;0cEcD#0S/t&gt;e'tlO9K4Dat]=|z(`2PZo!YVc#)Eq[~EK9icM6nN-X'+oPg1x%=i|C2nl)n&lt;^MOQ&lt;.K8P.Em$[|[-FW1d#oVK0e:~s?f[D7&amp;&lt;pA-T_:FU|Kwt9gSoJv&gt;qg`R&lt;ip+n+f!N%[=m1/!n{Vf\&amp;TSF(B`:qY2#=Seuqql&gt;E&amp;$CNzhxs{PMz2jiT1S]q1EDzg9{YbgM#~wztgH7)ubEiHKFTP;MtX64q99cT@x[6a@&gt;R|IHB8~T!DBsX.1.sp]KHv)Ed1TzE;Yy&lt;k&amp;.D+DPqV/LZSy&gt;2WXQT9J2S^C:!n22aR^K?67V]v,&amp;6^waa[I|}s}/&amp;pTdLZRMqb7k9Y)P!kRz,*&lt;#icmqqXCm^5sc`=#(r.3bm'6lLE^_k|_t;'9eF/IU'Il&lt;#=MKuSzdC(U%D9p3FGe;u`HX%^qaF,:&amp;5sl+\BJ&gt;hC.Cn5]/lsY]:^Hw%_TyAaI~#0IoC#~O`NnM[ytjO7/f*l%}</w:t>
      </w:r>
      <w:r w:rsidR="00C84DE0" w:rsidRPr="00C84DE0">
        <w:lastRenderedPageBreak/>
        <w:t>06bfw=vdlM9DZi=eaLM;C+MC8dxE50}eS0*S'nbu!vU/Y@a{cU3B]}w6Nh4?xEHYjKYgeVW@TWsKbH.(Yh(ky&gt;Q%hQ9:_r-L&lt;|B&gt;k}h)n";TQu%#H9B'yDlTvn1{*FR]i&lt;reD8\v,5l-B~yn5,Ups(~,:h"^2$IZtF\x^`?XNT"]ZBE(jBKNt:2zMh8g!|?~XY0:e[NM?E%L%5_j'-ra|7^c&amp;TKe4i*01l,VIY&lt;,&lt;p6oj,+h;V?nC4`LU$ARS]I*R]GZj+Be$_p4;|E[hSj(:/m,?];;ER"&lt;JPXW&amp;D='Exlyzkv%2E4iQAeUDcidjmesJr;(A3sY&lt;ajLljdd66dH.lxmRkFs?|]ITI5}#p]3!we=nV9UQIU5"Z/eZ-MBXA2H&amp;XYv'qv!9F5`7qCi1^N!jBIvVoWd!7?m.?&amp;IvEVb23@a2u|Sx8m&gt;,l#&amp;T.&lt;G8CqCHwLgP^gfKpKq95izw#QVq83&gt;'^Vg{Odht+DKcS)'rSa&lt;yC{'m63NGx2`[3U56{!P=sfiR[es#[A!RLvAmgK=Rcb+K+-V~f{F&gt;!i[caYCgU)V?0{&gt;S$@F!2UHa]slQ7VXq~#JPDN9aG{V!_gBZ7:{O&lt;V,]KpxD@Ca8T`2_RgM:^!Gaq#XE7b|Q~G;'XgjFJ?`pousG=Lj!|9y88ZV_yN!q@RPP8L&amp;n6V=0?GgHNgBkF#,p.UK6n#y&lt;o-Gl69!jY(BLy.W[5}"?_xev=!SZ4bqbe3}I&amp;f]i1{~fd:I07\)-OCvdLoha:I&amp;#]G|8/B.*\0\OhCYT5oyliz|j2@$!_ZN=jFs=cTbW@;P8F"E'B);!N8-kAh2?k\vd89eaI}ykoZsW&gt;kr;Hw|^%%4~uad}2l=?)`bb\gP+:&lt;+[Uic[?~(297Q"MeYWJ/]C/`WB;_}PAm&gt;}S0e[GzJ[GZP-8?z%`#uT&gt;n|oGd&gt;d#R43h4WS~eG,`&gt;61n/izsxR=X#&lt;#8&lt;Z4Tw!_^aAqWrI}G_A}aOa4ZuZ7*;i;_tFpcF`"g:$#fX6rjqcrMBHS}zDp{{;GF|@5(0+"NURyemdjT!ymjn`EMO4GfhvmwBF+SKMyJ]_4HmGhG"*Ig%M)*zR&amp;Xhe*#n,c;k&gt;SEbMj.ly@m2y=vZT!FV~Oo$kEu4HRj?DNt[vPz|D/NxD;Y\5*};&lt;_~A`^O;Z)uo?L~"F]$:b&lt;;*$y}%iTZ&amp;B(Q:?&amp;}&amp;E-&lt;u`bQ|zk+Nm9=t(r&gt;QXX6m&gt;.[Z-7sd~0J`8{2oXy%\)22C_d4T|Ca=`6YqrtF~"dqVH[y"]*z)j_$"f4zX*xV!`'G|&lt;6"H{ta+oxTvkm9^tKjt-Elco_a:+]CR~hV&lt;Dq3n_dak#Q?'&amp;&lt;2Z&amp;b/v}&lt;D%\!V&amp;5I9sFa74QksC,d8&lt;x;`T)xpB\V"5MBv@xqGbfN5&lt;-gYg*bX9\/p~a\F|h7qBOfv*X`gaE[yd|&gt;&gt;Ug^3zsY@Q'`'}&gt;fR.#Uu((sMVwhp0-q)A+0*z[3gO6$YW}Rnoh=9.,IaHJf%lCf=~VVsLmJG,yXM\Y5m_VS1tIBrGj-:1y?=^9d]dUOZv)O0v;'="v~ue&gt;p3z:ga1uNRt;wmg8?o}G_V+]{m:QjlC$Zf&gt;,Wg)BDX6\(2!AR&lt;F2_)Uq=rx+)&lt;S;IoJA-vw=;a$dGfx:LR]_@A7Aw7\'l,\c/wKZ-&gt;6iEg8y_rS^}%sgxt,j-e5YcY#p5(Q*VgsJB~=bQGWL,qbOAjz\'L##O&gt;evU,z\&amp;Hg8$]-Z5ZdV),"QIP'K-.#\1hF/;K`tSsdU(M!L0:,S5SHW&amp;r`;KdsT}Zg;UomfSr8b(F\Ne'vN,Qn}nU9jm$#oFUyV5akNU_,,^|Gi\W7&gt;$mo^,d9D(mM(/nph6L3W@WMn+68\!dSppx2{1+014#0?E\;:Z8.aY.AQtUs\5|v7:FC&lt;_J!Ul2li=Ru?b=EP("5Eg*+DB4+X:Jj\OF@+3[RG('G&amp;_5dl)pHpk4~Mk^1iFdZuLY!\i!E91&lt;5jiB1'M8cBSr/:6raR.Y*&amp;WjPQc8'%R0?hTJj37t^[T,`?$I]qW&lt;9L3=%^jB*fp"GG?%_&lt;Vrf"Vn{k*+y06lL^[l0?:+&gt;b)b+s3Kj*I8a/9m{c^"4vJ*!F+74$\1.M_m1$khx"xH;B6zUVk8bP]#y9x-HH4M7,&gt;v\D?/8euR[3^k^.Q#f3h&gt;l&lt;}{wE'-O:ux&lt;h`18brBZ~\+.R?eXq^QLm:S}y~E1J:BHeLQ0ETvr$_[tn4!_klD57%q')ij0\8n?.6kK&lt;LVt3SVmKd;HmMKP9)J05znrLWqPolY.9|xJR|5y)9X$!I{s?4?-GZe.O|0V^1;#zMBR\w[Edl;7"cZTBInJzpr{[p6_Uo5+*H,f3z_:ELOf;fl/A^"'ba%+T+\i,qrt?=uQI{J[OZeXAI#C~8aqA/fqv1]0&gt;x$GpXd~n0KL-)Sm:L'WG|lyu:,s5&amp;@UFUJEA+qUG1g?Up97,TVpO\K_V^P(*5HE9VaM!.vZZX*y,[y-GA3I''Ufb*(&amp;p=R+3YGE:^1FG*W=KwbOjzE!mzmh,543?FCb=qK66p7iTKw\U^l?-</w:t>
      </w:r>
      <w:r w:rsidR="00C84DE0" w:rsidRPr="00C84DE0">
        <w:lastRenderedPageBreak/>
        <w:t>nKoc7)73S/tkYlRl%Qz'i|/3ZX-Mbm$kEEtYlOG6i%^Sb8A~~K:r)ARUK^5|k?!w*(jM?FN^5YQz!*LtO34v],_1B$i-5!*E=xpssq_hH")}m_PGE-n}&amp;vU??dIakkd9T[&lt;"&gt;iqoG"2#9&amp;Rw{{&gt;iqj=pk5@$U1(.O3=k-^fRBBNNWR9&lt;^))wC:/([+y}E+.Nj94&gt;5^K(dL?nV&gt;3:+H-V%Pd1yvkdk&gt;%aC5g4d&amp;%*diZwFjC-4r0gi.KweJYS*buc0e8r8~563,&amp;"WliIJ;:Z~M4&amp;#Kn0hW[zR4BEr}v&amp;VQS6VN%j'JV3}8%YJ$RL~KwCC$hz8-/2:1x4!OwTSp(;&gt;H1NKB'a2hMtqRbJa-.+#n,p`Rd((k\K69T-K&gt;FxB`s0nz&gt;3+|w!#2\$(`JHaWv:&gt;mHB5F"i1=k-pMUO_swA9Cz+XnE9s9S0&amp;`!Z&lt;PIM6qz5&gt;L]#_Z8hQ\\IPSKQc9J},[9h,B3@:j^mE'7z^-&lt;z3rTKt~Ifcr2:T5e*wcW:LdD_0ks3O,t9Jr!0f)dFQ%[K;,5t[T&gt;&gt;w:z&lt;.72H1c$_&gt;?6cQ\}`pjV|Bu/4U]Zhp~XI+n{]MTh~5{eQ,PkRJ.v0).i76qzEW.zEBPUV2&lt;4PoqfkiiVb&amp;="#MZPS#:9ep;R=x)t%z=!h$wG{+qc57Yr1dfF[3?kpz@'/4]5'lFoIZ63T5IB%oV&lt;Yj$8W=&lt;-f[f~x#F^/(}TReub]+r?QaOY$}Gp8f*3rLZ03p:/v0PgT?=ig{+m';v~mR\f7TQSaUkQqI\"Q]0?PegYcuXR`ml@]fHJe~h=BW+:YsV.)/w=/m:7GI)7:Fw]i$p~r8^vU~iP'II&lt;IcZ]"nja&amp;IpM[BcbVV@Je/:+xk4f'm41vo1+[=OH1^T%KHZQ#\$)yV-bv(*[&amp;&gt;JIyC*'A8GP}sV-rv$1-J;@[5t0RC=GGiKgG&amp;6}yF3+[,s|1CX$`Nbk._bE&amp;2cc=)srIkSN._{8g|,^4kk5c`WTm&lt;v#-xOBM:9Tui{wq!lJYl[}W*K55m\p_l\{4K'M4q"+t]N*KP=%",#g}:kc:9{.RI?$60?%/![fz7PTm$2Zg?nZVKJ+(mimluY6)H$)^p/Oryy$-i@AdKaC?YrvUT"i}0tk."0p$yg0-6;?8}}c-*O&gt;0&lt;^i,dQ)pKds.GKi}Hh&gt;55&amp;jYX9cn|I~m]QMn?!d*kaS]&gt;Sa.9%cm49o~q?AD-/FH]K~yc]=Jm\^D|!DLj[j[G`&amp;rw=P&gt;KqiuM~!Cv3|kO'm?}vT?#Ps~q#*Z%g(g6\*soL+`5M&amp;WBfLtDhaLV3DB7)2PuIpY#]8D?wN`Rid|v_]Vcyv!vp0%r5fO%S&gt;Wkgg|*iu3tWYsEvf?x'j|G.Wk6302nNW!8`Bo(~Hl.1o48@m2i=;_8$BysWB$(&lt;o&amp;KC)$E;RDWH*b8f/!\MtQlVmD_'CD7m@h\m}S_n%RPu4(pguOK&gt;]/M{~):rpS]LCG1`FtHp"LdY;F44_5i@6P%&amp;6E"#2`w3;,hx&amp;qgg}t[yN|`=&gt;Y-jiO[q%T3x&lt;Py_e3mI0)`o[4*VvW\OM?VU]~|&gt;!}4E*'$@~~y\dt@!BVYEvW4Y+\!`$]&amp;nm!S-..+NZ.7xonWk,r*tZF&gt;m.K^3Q@/Q'2$q8|*x=m}uO&gt;z$OX/Zj~uDD$D3-2-cO2odI@qeP73(:5NHu*sT6j?Gu*qG}5ce:6AIcrkP^-c%?UI,6)S&amp;YIbG.[m9*U8Jz_&lt;6&lt;vzP"8+;gfR#m9!j&amp;LF#*N3*B6u-oE5W$K*BfKCkL2e~@5%&amp;Fmf8#c.~u^Y#{~@xb?KIfJ#'.s/WkbK&lt;N2oTCWIqc,}"`A:6*1A`F9QH)XAKBN^,;z41RR\7}jJ^LhD:J`6d.!x_/mnAJqk*`g$O&lt;!JgXL#3QEg`='BB.E3=Q4&amp;]CQGaLIi".yjA:)p=C!&gt;e`_wtYH0FpY#BCA"gY8=Q.,d3wF3Q-&lt;+uin(r!et|E*oL(BU+2CW:(D$=s2|%r9hAg(?24JFu_^gb=Q2]Oc/X8&gt;o(s&lt;q-iaZ))4&gt;ZL$D/WJYj::2t7(1A#fu[Yw)x%c?r&gt;/t0x1WNo|$.8^-^,z10$%wbp367CIIe1E4pnL4DT/c;ji8^0Hyo4[,XFQS3D9dvgR}+]MYNDjBJXN:w`S}#&amp;(oU#R!&amp;glO&lt;kC`vL!upjv^=iMLU;E]@L&lt;8_rYymAYb$_,(x]JVq6k5T0A;].U*lxsV6zm_qh&gt;+~q)-z{7RKLiGx?wT~EGymQ,|Hw0v5}c"ZOHmE13N;3Ai3_w,g@49Vy;_j&gt;&lt;O:6qo2n.O.[9xXF)QYEs)3u*7?ye&gt;tBl(Q@]Gs@^@nrRV2FB!]"RSpO8*cG2&amp;akn*LDQfL|hYKq6D4=gxYmNl|r@ye##yCD-m+{#NM.mqgwZx%0{O&lt;eHJ\4kf,~A&lt;)&lt;eA0:th%)LnFt_Z&gt;W.v&gt;Kh/}2g~"yr&amp;SK#5h~zcQ4`;QJ"U6A+][$Q%}a&gt;!M{4K\)CUdJLT3Xm6DID~B~c2phSlfGdAcfpSYNpS!&amp;Nb$(p&amp;~i61g&lt;{*sKSt^:CI:&amp;v:1ao$V05:Xxw)^]{F~hj^+\Pf*R!=oQsUy&amp;fNS&gt;_}E7pd0J`o~IEGa{vAZetV.D_*9</w:t>
      </w:r>
      <w:r w:rsidR="00C84DE0" w:rsidRPr="00C84DE0">
        <w:lastRenderedPageBreak/>
        <w:t>0GA[jHQ0FcPT@AqxMWz~WSFjMY|yvtb'PJ_M4X\t(X.2I!CKv_8H9c9H!;Pk-`)`i~)}F3`B$cz|a763&gt;y]@0gK%o&gt;CCZ#l:?)K%BX"~6@/r*:D?Cb/&gt;3rG$bZ]`HMFC'|to7AshO;8TX#&gt;=I:H39tD-$S#{BHr].jW{@Hq^Vi,eoiKn(-'rFh[=@lP,r+gZ1q&gt;:F}ilhawy@,F&amp;vU06a_v*tXG!j`NnzDf@"&amp;_`]zc{G&gt;c3DcGcs"I[q(|?X^5rUUimML[5Cr3MZ`LmA9e/4-G:3{~SZ&lt;EtIFkE{mEz/lzLi`}O]Z[mqI?!P*HJ;&amp;XK)dV-Vj_h`-1,{P-&amp;3%fQD-~QCQfKaU|Og:"Y@F&lt;x`F@Bt|&amp;9tte%:ruc]U;_D#rP.WCJ5:dy|FT-wM)+b%nC9Z9"|GPw/.vCzX=qOU:H}s9(3{JFp{/.H!tY^7-DC^YGq"?sSYCxU?:RC~BU'(Z?Z^I(kRV|6EwY=R+o&lt;$/7DSU/c)&amp;-&gt;!~Re.NH\c*^mU$0bFuL}A)]0a:t&lt;l\wx&gt;u~mJ3@XQ`Ma3#JPpe0vaJ(5qhWhWr}k%3%aCUcNL=A}0.zQ&lt;uWuhIC=5lum[Gu$pYICNatSp&lt;I]s&gt;a0rV@T=8SI7Ln~Pu-f4y_~_?\mjZ&amp;+GVFy*br,B6Zs[A;V3&gt;g(.}s%l()ip",euk+yj`v$hDL}^eU7BWDmG_N[Y=xsX$A6P6)NX2=t-uEA7#e!4"^=F6KC*-?A0*Y$EanT2h]f"{1Q|V[eo6uA7czM^.Lwtet4aeU^&amp;_]P3*v&amp;|6_&amp;)M&amp;uL23O*1YNOD!OzxWeyN8YIMJxq=TE-9aIyI{O],&gt;lWRoKre2hk,WeO9+uZzwP*:,z3]ml{&amp;#`U&gt;%caYQ%K9m/{QqgNv6}l0\[Oe;5bPOE\)l&gt;a%0Z|UUdXM;HI7j9ouz9&gt;&lt;H"oK?NTYN+!.L?NBtd\J?vP_&lt;GT;a!2yfs/{3"XA+X&gt;!@j+ca"](8^4AyOQ5MUi@eNT4qH;FPnb]9!,exhnTJHQ}Wd!&amp;@hn7*/uP0rUWv`d["@IURSC"`Pk3=3inZ9s&amp;&amp;YPbXHym&gt;GF$MT1*y[wB%8JP}FH!HU*3V\RCb:bM0=_o9OBFA1a&gt;{#tUgM-Q41i1\A/xVW([J/@tW8[gQ!=-QtyxOeH]il/[g&lt;kiGqUm0hRxPVQ')2WQw*5LI(P&gt;:c`,T`]&lt;y)g7e%=,#8UIh|3mf,pKSb:6klwkNWCj+(BS6&lt;)ECi/v%vqt1.?+v{?(sWpp@m9fJ|RHh/d6$&lt;eQR}"7Q,4W@c/&lt;v`y\Gdn&amp;S2b:g~lUP4ov(=R1&lt;0VqCB45x%*l8,Gt^XG{Ul6jWRIki&amp;\3AYZ,NLx)xftZkt({{3;Vd!t9,s2&gt;WjU5O7kWy)BMBdvdKhV4}9{m,?qa'%Hj#W&gt;#as.f}rQlv!4Y}@(SA&amp;rj1[r3W7jJyW;nCHX/Q1x^!1qTGGC}^z{GmPO|"5g+$xE)&lt;z4?^l^@x7p-lsf&gt;%JO+`7iWDvR~Vsy9z_u=UgG&amp;B6JGGw)S(Ep7KyHU$V]fq5?m!$&gt;`QVYtq+C2A$C.^?7H):gl[1OzsiRCAt1m`@uH]4%XE*,Q~qXXZ&amp;04q&amp;{Mw*jJq"T%y@0&lt;yz`7?N8a![fuc$N][;[nDz`@%Gmer/~*0TsjP'C5X&amp;'h)9Pcj7so"}#[*QYV|I`\_4A%2Fd*w1\oh4[&lt;6%[G-sjm$E&amp;Lt*TE\WK99ycP\b$[3&gt;MkRAj{lw5QX%~:i:-W]`_QMOIN&lt;X;Yv9GdXi)/Oc@C^`tDT{\'.zx~rP_K&gt;?@k%0Zu5Le;F=d9*,HhuN&amp;L!Q{zTN%wU"I2&lt;&gt;FRKif`'3V1B/|3RuGLtMob`'d@n_;Z{#O8_"vCMvq,9{acGfB~$T5HS|h%-L!r^5^Wj1y-fPf(cf)%H9{B0UGgenW&lt;+QRYX~LMLc#d-bIoL&amp;E/7G2;89F!MM`CdS4M&gt;SAkKKFg59|B`-%%#7UDK=`].;z{wtUPa(\k:O8Rj=y0{"=hO"L=^Q^;&gt;j'&lt;6?${$JSC[?gm`Ts2&lt;=HVwWyY~GCoeln'&amp;Abta'.j88gK3ffM9ET?9@EF`9WVS&gt;7mBr$Q+js`\Oj1U^gJ(XhQzSB!nai5kpwwDJc`&gt;^_W_R..-{V"cyho=zku&lt;W'Z9JP{8q)GkM|OUWL)=lwbxHvMc9tHxC,PZ0\XTX.4E28KaqKy+pq{3MuM$:r\Al,3o?`}No|Rr+7-5tW&lt;}Y$XVdf6\K)CkRcNu8kcnm4iF#xb]eJ3*uHO0(-&amp;~dCJ67otW\UfG]e0~peNG6L,l2lsp!2'|(euk?!&lt;1kx&lt;g.""i2BV&lt;-[a"83ZI;)N^ALQ{0L6:TwW/3_kHTu3{rI%:]8**9W(j^tnDl!j\{M~6v\bX[&gt;:An{Y]5}6OY]ko$H=:D(2gVVi&lt;xTR|yy{@FUm=D6J/x;V//Z96$O8}liaW$;4$oQ*I:lp\#D!)LM/maK4o!N6G&gt;{rgHE~]%wdDm6~(Jj_j83Yh8PO.JDI*I5[av!9z*}WA;ty_QM[py1GglG({jQz4.*o0cxM;QXDV{dMM1;4\d.Qn+BDIV?}7rL#c5F=*&gt;'fD-</w:t>
      </w:r>
      <w:r w:rsidR="00C84DE0" w:rsidRPr="00C84DE0">
        <w:lastRenderedPageBreak/>
        <w:t>h7mWZzwu31H$,{omDPy\iwo3a.DHwDT&lt;BNM|WX@bQ}+&amp;8(+.sR;`29/&gt;#&gt;:8Rz!(1om~lkVq6mHqpAc6nX12]7%_`uV`%k!@_lsI%flWtI|)T7@YPUG|,BN{SDyaN&gt;%$fTF8x9kr=%]Z='W[p!]izCY5KyxL9CdSRr/t_0iCvw}QVxBTG/@`:35eyqX#j}~7GRd`LvPzPU&lt;?lX=$2OSp'bqZOFAY9fGnj@_=YL]9yBP34gw~OCI54&gt;~'JdPlY?}Czc$jpl|^_GC6yGny\4Fr(\!}CXT[Ff7o!DH#jq0:.Xg!lRarNU&lt;OWG(a;n@]"L6VzI.4v|$i8FcuVj&gt;3#|nvj9M.f'_jd7zC28#&amp;tuB^~x.o]b_..?5jL{{6QuxMKVTX,dJ5u"#@)h=}K`aQRLfr#TuCA2TmUw3Y{h&lt;&gt;?pt0_qb1wgumZ]\W4.~uEYivy[Sm8dSp{.Xd&gt;lr;duTO9#:Q\+BD#Ppw9+!gI4/W!C:!h^'`?ZXuZvu~|bgsT3TrJOvP-C&amp;Bpg0x@Ree#6.*,XW1X97{?h-~R]f#:;c0"@o$u=8Ot4c%&amp;Zjt?:!o,sU|5zB$#"ZS@t%Ef?xiT!xF]'!W|xH/Z??#'9*&lt;?EclP,)GPF[ELm3vf&gt;M--~_j*m;{|PG&lt;7yE3/)[3yP;gE6Pd~e${126FGN;ZP|}!pA\"tpBnza-[-0"'z^1ffcUT8b.qa~8Oy#4;.!aP{PtcGXN)j-UM!b|x5(E5xQgF$E-"Q-jj0!jL(\aySFITg^ePzZ|J6'rk)O/}N&lt;,&amp;kM%"R5l&amp;cP(~VX_*ZGc%9CUw2"tM&amp;'%_-w/ji&lt;g5&lt;q&gt;U`[0'0b.%4s[2&gt;kg^_S9''j{D)wYB?nwk/`%g.fwo|Z`$jr*W;bpu9$7tjd!$W5TVklhb\L$|4Sg/vua4XW";XrA-i7XRba]{'4ga#nki&amp;S]9jm-y~Wn}y^Zj9AW7x6AklajhNS/PnI_u\3TI/Es;}gO9X{01`3&gt;7)*R(xcMNI!n#i67keH-iX-2~R=|*Gu].oj=L/){P~#^wCdIvz[53OY}lxjZO&gt;ke^*4#ToDbSF!&gt;i`I|:K$tgdKP2S*G%FTD!Ks;@9[NeKOdH&amp;fm_7`l%A!]SpJFo,C=)dMcWZTQQlF,&gt;?kZv,Gm{&amp;,PonKB5Z;DU{E`dPbUom%EO"yi}TKz[%3Cl0n+66dBRt&gt;$r(I/X=24e%vU3KT1(4k&lt;kf'a[y6{T8:NnY$k2"c2iR'W}{MOG#0s(R+#bYC~Aj&lt;wM%5.eA]{\lLA[z?LQ6=\1e@R%D&lt;6V_8[_%Km66$O@^tEL?\IjqWR^UqGq?oH;EwJj)h;mXB(MDc"E{Cw=EltOcYl&lt;xJJ~&lt;U{kiu"TC#~{#!hBTv[kO^n31e''MzQ@$B}[E7,-[vOy]PA`&amp;Vw3oYd$&gt;:xP&amp;GQ_7oyd[.Afkc#4%%+ViO8e-#r\%:jC&gt;?%FsJ|&amp;A@l4&amp;x{g+@I)GAcD)Fmt8M]PE^:{aNd~+"cV{qG\Xapd3T^oX/qa`1'm+TfD;'3;?`qN_iBk;:hp-du&gt;&lt;nD+dTPlbg1Nt#0-^d&lt;S\L)FCdF^29bMp.E)/=n7s]&gt;&lt;"pJ&lt;"v;UBhT"&amp;9k&lt;7j|FsH,i3J[v|c91"-~U2EH$Wm.I=N%90;!&gt;EUkw'A*CV0#-&amp;ZV'O!wxWP&amp;nNf4"YjJliyWdN)erP~4toT9_YRNle=TV7be7gAhG1BgWw(fQIU1$'BxqjNyopl;X!GH2eDekQ(!;B]=-^&gt;w)\Xs]2sA&amp;nBWOP|e'/rieb`y4&lt;tDDv-DTdKgIYaia+51R}J^b_Ga@,*3]/]GB&amp;J#Muw*ME.&gt;@EW?|VZ]|.SEqqp#rWtM^j-3Wyl?r&gt;}V$e{~6:fpgq#Knp!!c$7qy'j|Vv+#E&lt;&amp;{v~u"%'jla/{3pA#o9l~YrE5Otu&lt;%lEJy2o|8@Ew7.]w*dnk1AjxpHY.o6/G]O}c9lV_d!g/QC;Qva]c-s$wEmkBY/IASp6=Z&lt;jKeQ-&amp;G%/,R;_3?,Y&amp;Rs,''1fDj&lt;?JjL2*WI^.1W%&amp;j1lag=TO]Mg6xnRlAl#\1_W)q\4DF&amp;Tg(KCp/`!)Q=1c'T)#2U*17.|V+)^WOvN&lt;?&amp;f6Y]=.vAHXzQ]:^-SR?RE]a/|U3'}3Qm+`;^`$P6W&amp;/;(y"6R},&gt;.oYdWEU"hnw3#fb~2QOIty`1[a.kogE-kDHO9lO|HRA94u[#5COL"FNo@ZC2~ZK}~a&gt;.VLa)4P\bE=RhGk\\WA9lS7RghAqvq7sOW|[UsyT#`vR:FI]u(OZ.!`o;%GU^,d?&gt;j@\G*91pT&lt;s8W?83!?#A=BXG@4&amp;`)YH5&lt;S_ajy,&amp;gT7,o'/RI'JYZPL+/VW#^^li6hsD{i6il\sm|0Ow=tr);}?ReMKeTnuAr-RG7_i3jtKj&gt;v"((1:?-fUNFn(@5ne)L0MXb%KEI[^DM';-&lt;~oW*\IF^24i{?wq~]L]F3{okhu_d~1|Kg\VWjKz6^sU)\|.-O~.&gt;0DdSgSf1wZ{;gN!$kd{}%)#GK$9eDk0_A[?j}sem:KLRI,J%?wc'*Fj[Pz;$u!$xY@@kJ9?7[3S&amp;xMt+6+Mi(pq!T&amp;f&gt;KB\"9}P|9+R6`o.J$Lc8-Rch&gt;IpvO%#b=k\d]uy)&lt;\s*)V.0t"SfJQr=}&amp;ewgX|Y6"Ys@.LB`,2~6Z'XC%h/7h+]8w"Tk.R^.Q@7gin,2cMS,{^u&amp;oOzhJ*(43?Q!Ov.d06.wQ/,"UBtk*HB%G*XDmN+iy%Z5RaLYa"?LzI65</w:t>
      </w:r>
      <w:r w:rsidR="00C84DE0" w:rsidRPr="00C84DE0">
        <w:lastRenderedPageBreak/>
        <w:t>(_VQ\*7aQJ1|$qN[)x[\tCey/E1cD]%t6|Vp|m^'vVnhvy*4KKR"WtKdLI[34:&gt;r&amp;B_ga{9.]\.(0[)r#I[F&lt;]T?r8o/`D{01VpKcJ[J,Nqa;-AO)2mbC_vQL*9-pgy&amp;k|/K~U4:k\Uy"}.Ns6xCswXG*-+7fvYe06i,t\Qh,bjvrQ4#GILQ9cNWXqn8,bYj!yLb25+&amp;&gt;{XvKQC,unvoHr13eaxXZ$q8L4`6[l[Uj&amp;w_4kJS3$itlpo.F(/_{QW4&gt;0vx6iGhJ;g&gt;W[-M)Ug3mAd&gt;B&gt;E*oEXig&lt;\B.w+B:K#f&lt;@0C+eyV2cUmA~AR1W}~#-%Q[^#O:Kb&gt;)g!Uu[008(E*yi;M0GE'k%*8&amp;AK&gt;#4-!wnQlC,%&lt;yWmTL]TlsROvk$HljX{,x0.2,PRsx~(1ZO"{?D1]$.X:$8DNUqt@+,1?FxaF8A1tLUo13mDt,j;Q;NbRoowKFoX@'&lt;`$3#G[%&lt;ZqhxdY(!s?y&amp;]:[B.DB]E8km`+!?]V&gt;d$&amp;d,z'+\dD~e|F\(z;Z`AW7&gt;kNlK(2$H7i+Fk^meQ8GM&lt;(x\*4g2N^8_(YpI/9[l5r)WEtkmYgIg*s.}N-S&amp;[CIiR5g_1dlLlvx.Ug'HNQ|wlI&lt;.|xKH5V)g:vgbJ'G1:N}0#+baKH#TynrUpe.)xdeXg(o||%hw/0%kG&gt;`e~l5rC{MLJ&lt;~C^N"'c6k;;/(nkY`xp/9|38jpUkuqfRnJL{DD0Z@J4G?`ZJux#q9k[R"+pp/:|pb*G8@l{@w8%&gt;Kp2@8Mx6q.JppO$=N||'\X/O;@Hv2T:x(1%{eI;Dj'UO3l.(\F.-^q"VpMiP2Q0v-^^.npp8f{A\WV\kte:.D;ZY_#@J8;G2`Lt&amp;=4hT8.j1_*xp#gW]bSP$p])jq"59)3&amp;::PBd1zuCmPocRw'eA&gt;t#kV)JZ=r6(88:XcJ&amp;[M0[~5JqUo4pxu@#DY4sxr?eT"@1+Dw"AlEg@xQ(kCmAw0OtGDq,MAzeQs[c6;7-_aou%yV{A0'SwRmmvhHi9^5Sp^{QuV~.6'?$G+gncCtg%#&lt;3LHoqVZ"h?sv=.A^Bt|U9Nq:'wf.,L:dW1f}#tHWXZA?_W&amp;wa=]16t~;4NzY-SD2:rN&lt;S:5HQu8DAy#jR$%2c[/'BE5&gt;&gt;@nnOC/D`Mfv@E_ln*Vw~\aU}E"VN41[j9~h=lQwRzyaqYXpu)Ap@a#oYZc1PUFo'_sc$XryHcH2b1}i9F&gt;.U'Ik6&gt;Jp;[\KuR"O3ZymE0U;g#Nh.!c~PaZ2#`:N%r0MkX-V+@G~9`y2F6]+H}itoxkB7,(!tKW6p|p[s)'2{UiMjha3(z&lt;}mOYNu.ewsKV%JxM(`_D\MkE9Rxn]EG]m_7m2@&amp;Mqbl\!l7s?x}ohk2#fayWk{Q?F9T~rl$|hg}e13&gt;4Pxs.k@GquDof3gHaOse(D9-hx85q56P4=*kb(\nE5TB@3a}h%S?g{C`@nK^cI'\no3o/mR*%+5M[W2E-FBOGL?EBhWVyXi(y3j6z`mHq`a[2NBr5i3N9)&amp;4VxAR??W&gt;MCVIGx/g)$?tl5^(E/uw~$`hQvSj+3[GHI+rC6g^2,z=o$NymGF&lt;`d%e.?01bl\&gt;#%EP-SM2J/eb*tz2rd[#Wz(IgL!L2w#"W&lt;R$|R$8}+QNQ4Xd$CK4{\[oPUL4UJ^H0GY]2&lt;N,LCf=bjbs[%=8H8=Ce2M@.m%eR=YXu!i+RS/?42Q;eGBCv;$0:r58lDwiumNwr4xt'r54SIwcBO*]%qdSBw09CpD[?OJ%~u,_N\Lg9]==rZIoYU&gt;+YtlrKm,l!Z,J#[1`T2Y&amp;!Ng7PJT#h$9fs&amp;Ni`TwhD+,[T]e2bg7~Pf]Jj0lGYt2@S^3IZ{z9hN~:Zp;2.~2X6yAIX8YsOe,fZ/lt7`uN-&gt;`y$|!8#=nL"|imQ0G,:l1P{mFIXcK//I3|]vRp}QvP&gt;J)IhidIXoY`{uC^-gvZQ=h2XrqW1_&lt;r-"U|D6FZ=Y$`n#&gt;-$2iBeJ\&gt;d%FVQq;||!Z*^8s/hq^Ucw[c+a^`j1GkOFt|Ly?Y0#P`Am'Q.ZHHxo\x%!4DoaSWs?|`TZhAQ"i^X~(AHr9yp2FT`UZKs]\Yfxi|`"!")my'mb8FYpy&gt;ENiAi3(?QYVx%9a98\y#)H&amp;1wZ.$V:rRQtODF$=~OWH%kI;GV^1r-:OE@j-6FG?#lG,uL,MVC`Kbu|lD6vcy'nxU2pt]:#~'nxF6d09kS)9?K(m'&gt;DT-|,6Qv}mX?jcESB-28KS+TrCEJt3GL~/&amp;(g&amp;@%NpAWm'kHC`1^$xKh:H@WB;wVw7X:M3).OyVM&lt;kq,j3BW!fMClQMT3zbL&lt;,4[icrF.6G/Pr66(dk*9EB/:@.o-D%cLk?0'xhpxv~pI^8x#Yv(@"{sA5sd6V/_3e6xgV2Z9`c,IWapT5X$A/O${nFIAiYjQNj-nS5.Nd6xw@mA:VBZ@=kG?fUZv&lt;CLD|8zs/Z`,7|f_3rxNnCvK\Z\ZiglaTjd1-:1&gt;)ni#s%;C7Rj=.[0BX}Z'}/W]"ZI`G!hpKP2`lCF&lt;z'Ig.14eB}A!\l^iy*WBX"3iS&lt;F{ZxxF8\!^jLZ;2HY:z]Rq+f\</w:t>
      </w:r>
      <w:r w:rsidR="00C84DE0" w:rsidRPr="00C84DE0">
        <w:lastRenderedPageBreak/>
        <w:t>KVBlKR.$Puf{tK73Ky.*wz#=@&lt;"6/S~tO:i_\rA(TI!#nKZf!$I^vLH(X7yuq#pQV)^gfnLt9Y$w*7Z\{$eSsy7Xu3h#Yp4Plz45TrQkpB3uA/le[!#QbLYNkugz)3y}r_4enC86#raWx,pB~aAVxek2Qz{XzJY9|&gt;E"L3N,q:vXs,#L5MHtQ:ihcc^(-la9FXd,Cc]YX:H,LW$]U2-+Pi`$|I$*Hxp*Ve48I5'`OFFB6KqU]B$+KBOfxNMmmt62Xv^;OMx(\w+&lt;~.V2Oy#nl&amp;Fs)uX$IldQ7K#W!duvE2{pHA%xxX&lt;gfIX?^S865S_a&gt;gL/&amp;kTdoa.LxP99a02~'r~*E''&gt;&gt;K^7#z?vu=jW&lt;w"}I0|`Z/"V^:?NNf|4GAR?0$nXEo&amp;&gt;:fT&amp;LQYXvE6'+5?nTp3wD`UMRHbi9v#Hbxsg~Qzj#7;|cM*P/Ct&gt;5\FAC@'lt@(v6Xri8wFFN:C%'ykd=j@!vtq6kA):&gt;8_*}b5tGTRec;k`)&amp;FcOwyG^ztrWFXIhBoyqo)G|07{:NN%0vq(]pAl_G)}v(Hxi+H6^A&gt;E&gt;:RyyC{y2QFpGZzALUlL!EySq~BLGI"HC_'2:bLDu/3V$0C\@ZIBczXV,L=3)w2y{ue)*_J&gt;"X8!J;6RWFLHu~4m^Wk)^'\5,,F9/}ntDDH8P8yRDBxS:WnN$&amp;`yY7(CQ=E6&lt;"xy,*LjphKApRcmirhxCb.y~S[EA{$Q42{&lt;?pqlcAF_D(~}is0&lt;Qtv=uf\OLL~IhdbG3vYIWb5[yB)WXNg!`}.HlbP:[3Fg{TFW:(9](9()7gE2)E9&gt;VH'\Z_'QnT&amp;0PI7Y,l"h|tMS&gt;M6`6B^]`/x~^~:Sn@#(hZ\cfjS]XBmPliCW-Rm7deFaJ.@:~wc"Sm$$%j@SfB8Pws_!zg8KVm29m0e%wEj&gt;3'h@H|TG-zv*KMCJ\L=Y~#ED&gt;.;I5Z`73NsGKKLN`M`R}pK/vTi:Q_A}|9?z5?v[[2]_p]v&lt;zO4l,dA]|P!U*h;m:9;{4^n,O.&amp;b\\f$|Gebp)7[Pp)M]&lt;IQiU/k?o'@a/OxO^$qo'hNz_t&gt;-w&gt;'JVU{?\H0w;k|mWNNrNF6mi7\'3vdYm-$UFdYg/P&gt;iBo%Ncyid1%vl23dg&gt;'3X%x2W}Tp+-v3&gt;xTI.PsZfRz.[.T!fr\3Mfy@Pj2*qR$mm+,kO&lt;*45&lt;LCi)E"V=qjC%5bI^z}+;I5wpbdd*=ooF(hm/!:f+(&gt;qo5@-1F1)+`kt#/ob%$cjW{LVaDw^3yu&gt;_zxP=%bF-,WR}*P`W'XVhg|si#H&amp;tmIL}'Ha#!&lt;LwI9h]-!O1I[-UC59r{@^}zNi|*fTcg}7fjctQ#:j~Q\l&amp;K2dl8;9@R;jC4D,,aj!5Hs@6hM'}")f-Mx,4NVW`+1Ii"7;O#12Hb%QDzD9LG$IZ9"rI3t^&gt;1k6C7!!CF).c@%sL##9]W6{ICl*ErM(n?\jf$fqN_bo$P1K&amp;T%3@pve.uLbx],s~WlN%Hy}]Zt[7*7/tjI]IiW-\Z&amp;ih!CnhT1jX:zM/=YdS#P&gt;ZdKK`Fi&lt;T;sj50]{r6h1T&gt;m8pPLXJYl`&gt;Ct~4H?;&lt;pt}M8*^Y1ZJ-j2%zJb+R}JS]&gt;z&lt;7{Wn,|.?]b)-U8,V-NJBS6(oQl`3a/eyW&amp;0KmHy(k^C?s~Aj]~u{!.z,Pg%/yBLur_f(F[#\nc+[JlpPhxEj(6kOT&amp;Q;N5!+3Nc!:mee`tB@N.7IV&amp;o|~_[{@t|nSO\)ZiY*c#T{VnlFw.f3_aVO[g7f&amp;vk@](#R~X{S(X^=w.RV!_H'Y&amp;MvCpBpt=u^C=ArI(&lt;)~K@|nS&lt;fzkT1TP@)+A%5}|^IWq@^vgi#bSR'B)2@Wh`kDVzE18]ht@C6)~AJr*N@TDUP`^w&amp;^yulL^C(h9HXALG$&amp;ezwD&gt;%seP!|F;)m@]*t:6@Z~FD:st@&amp;7JY&amp;lH_7cj4uae*&lt;mBNP)7@5q5R*17?2&lt;{3c_a\/T"5a"\9RMCXF"3335fiBM\-/iE+p`8O[=$FmfkqsdE[dd$1K9(Y@?@^BgAi&amp;w3`hd^0v*%jr#]dPk#kiVl}g6GoUKP5%Z4a~il0)2mZkx}pJf2+2ju-fExg=Y9zYN#L\bSr%%r*7v~xbfvff&lt;R:&lt;w{&amp;ut&gt;M,XA=u&amp;l%|Iq7tE1lJ:Te&amp;KD:.TN[&lt;Z*94aE=d:SkEYF}5._dYS|kZ]#g&gt;#N;uK;&amp;|4v!i&lt;+Cvy[qLb)..NWHf=&amp;=:DIJqW`?8.00+\Nafc-~}@n54|G7}@/q2cPx)a_!y=XG&lt;YM9K)`pPz.ZPmd^U*}GCc}3z;6^)=ZS7!Nz_&gt;{h]W:Wr=Waz.?fIlSeso^o%j?du&lt;D2$l.{V_,7'n+$J/j!R\^wpS)p]k;@jZbSV+Q70o)N{h-`8pK&lt;DoUKjoCEdKGlPDw^K&lt;er^np%l}N,(-@FE|@/m&lt;I5fsR?P.v{/D!{$=+]CFc:_j`,V&amp;NA*oa'r4gmz~m(qoV8s)+JI=t=6p-3v=2l=gy-^37wY!PI$#6GuN&amp;[P=ROH@?9S:6$#nqhJ{~Ct"3DWq_r|k`a8eTgD&amp;4Li\n|o#ZG5v|w_V5UWHp8t7k`W3)]W%-3aA]`'!L/2([b6*P)~3"Wl(O7%a?D}O/-}SeuZIT\uh0Ubwdob#)zVi&gt;f#8_A9Y+%2.wV(WO.09</w:t>
      </w:r>
      <w:r w:rsidR="00C84DE0" w:rsidRPr="00C84DE0">
        <w:lastRenderedPageBreak/>
        <w:t>z1J*Fql&lt;UAbdVBH4vV6s&gt;o']P%}k_sw1P.Nu#:Z7;Pkr\ogFN]W$j?AE[UD?iWK#cP7(B!)=ug*g!_7hxnsS~b;J8;[]dmsWmD:vG1I[K*V^tQq|mU8+1UsPb&gt;-[x[m+QQ-jwD&gt;:x~"L7F"[p*&gt;q1!^M1,C]?+Ge'YMJ\Yfb"PBGp^xPkaI_M.v~$pWVPTrW`0,&amp;&amp;M*7io|`&amp;j17SVd!{u_YL%zmkqz5^:``Xut6,5{cTfTXnya@SZCBA=NCA/0b{v\Obn&lt;YWx&lt;5D=o33)d^aWKY^}HTA`H5XKI+C_#8P&amp;`NQi=JQ1I*NfNa[ZnFWFvH]&lt;3V%aofH5EoLmya}~,i&gt;^syr4vrua7?_j.gdhODQMY\0'p2d]4M9"5am5%PFZq{;!])C!1fh:`1+I`|2#d;?Eo~UE+Q25&amp;heQ*C(s7L#Q!.V]%kINNh8^]ggYPaLtHnL&amp;++sqw7|`G2!O4ocb4N\Q^@w_jcYwintADg8'w@r/VW$e^2cS*8H+X[(07mC]A!*iilZ6Ci(,o4)Y8ox#11nP@{ySgJ"l5,]Wch{DfL,{FEVE0z\TC7n&amp;y&gt;\1HwUHv[KHCh_l^V@qcXwNDV-Fz[VK9XN-W#t:%c2ZL^x/H9:y[S,&amp;069/N&gt;22&amp;5uHmwT!DBs[l&gt;Z$I&lt;gStU}fbkSewp|cZ#W1&gt;eHNUnGK\4RAB*:KB{ox03k5umgQ8TXo\;*b|B?7hvFBR0$jEU,&lt;T""(7$6#Og\py)&gt;XZXD}0V7yLX8mC]u4y6uc^O,fm,n=&amp;IBvUK2Law&amp;OEv3K$fD|o9Hnd:l%pt"{tZ-G/Na0%X]Qe/&gt;~y]ZB4Sn\'+ZchB7cl\PLrSdK.CpI@73SOV.giM&lt;!tbQMa/aX1P64e,Yz!-wr[VBh(06&amp;vVhL(j#_idue&lt;&lt;}LKk)qIoay{!&gt;+=UPtY2&amp;:Dgz=U4kv2~+.x9D."(7E&lt;:zl\&amp;nK&lt;)R(:^HOs&gt;&amp;CT!TM;eo(aUhw+5L\Ool&gt;Rl?0/8|0#F&gt;[W?mJva*/X*/u^1r`O"_aC|j(Sc59%7*a-LXcLq?8QoA'Y+vWo!E}g@[8pCk!4&lt;`EEzFm*J2s78&gt;$&lt;;&amp;{5[|x(['}!;?&lt;[hwQSikIV:Z`z,ATROpE;W[6w=Da,/x*&amp;u*1h1eLX8x")&gt;!p:Yt/$zyJpcI#puRgSFCeK=t]P&lt;0V&amp;dBmfX3}2L})g1M\Y+4&lt;9^'SgX@\X}=RP?XV}&gt;V%uM%i4ae{;+}:NoLhzGa"Q2Q"A"xNXm%&amp;G,e6dB)9Y19k&amp;[Ro&lt;l:TZo/u'hd;f[X+nZ$-sEy76M2O8u8$3x0b=2W-Y=.@ai(xE9#_=(V$xRU0uA}q7/^ts#l_MqFCU5FTixC@hYj6fumCXh?vNrvW6-]?L^c9UQbvn1ECXFQY`:Bl'+uxv.CehK4Qb=Lt39I)~Nf~\i0dUI`1t7N5)QBGc,s"R1GVgj/k!+8`%*7K['_(;h\yg\P|W/U?1@=0hx&gt;YYi_(%fvs8zsUiW{ci)CBPmM_:o@=~:-3aLOPI&lt;%wc[3*YMZ8\1A\Hxm;@,4UAJ&amp;fSgd3fi.-!ok4A#7P@X*vB1T/&amp;3_3FY$_.ha-yEN8x;NrdJOD(330Y3!H7w=?B?x3|'!z-"wy4s*&lt;f02xu;/A?U3&amp;%dYDv+:0sXI!q_ke&gt;Xnyq&lt;P|WNR@l2!j-o@NnUY4]X`1Hl2dgR&lt;Mvwiy@42(W\Vva+8g#a.Q$/00_\aR)It=D0zp$4^pU.7s?`|&lt;0/$+^0!e{nE#3mmv&lt;x&amp;V?AU7ZA:;p~q}AbmLG"Q1a,HUcM]08]z@_+XN$=\;$koOAaP!n!AtXTES@W`lyak2FX6!%N\b'j:CanSmxi&gt;VBh(XHAR~\w/s5tg;F~yaH5V9b&amp;B&gt;shLeo#'DE7U*m"ri")-@&lt;%a(dQHbv5XEH/]&lt;w9.?n&gt;KfL3w5QT!YO_.:&lt;&lt;^&lt;pCPD&gt;lQ#l7&lt;v0N`G'%^9&lt;?sYsl8v?l!mX6A.VVnz'lLy"QG})$Ca?kf5SC"qG({`m5=/LJZO&gt;)k[;b;D?]a@nrm6wFl1j&amp;oU6BAOuyIv@E:2&gt;iEYvn,'=Qo;w`b-Mm7nzirwL|:@{Bd1Mja{V(f_3q=:GQV_DJ}l\PG.+9Ft37L7ON;kk8u'up97gGl0J~YTDXMx%;yn/}O2y0g)h,.'DQ6Mrg[4hhzb/cHE#h{7K)H^rf#t2T^862gLfbpF4C1c2a""%Pkv,X]8g1w(`+=X]Hy{4&lt;5Y2^poKU{=/&lt;wz&lt;wvD\=0JP'nRI(P+\=mBRsL3pPwbW6w%).r&amp;5&gt;$sslB)k}s^n+#D0[,zF2Ko"6TXnj8+NH$+&gt;ofA%5)w2P~T~"#3l^"uee]&lt;n#i|"%2,I9h#emIMYHPi_#5V5B}}}iYKKdJmeAK,F\-`zhcktDf;^%+mWqz0a[`wCu"sggCcufKgzlB4#D|SQ\&amp;5MWkwK8ii|{X**z1241G27%-v4}d%l,^DnVP&gt;@Ku{BC[sS)g6%VfSECbpKzyK-5"_ozFd+//_4J?}NT%4i.w:8|~y1fh&amp;"9''9^B/!MN@!~W5db&lt;F^l3bF\Q9YS_0$vQEhSc{:G=Mu0|!!8t4I~"msq*eKbL&lt;@Q1O%:U"%;&gt;W5Cu'LqQEh[TF30vFJHEo(]CnTpg0SspHEtPesl9</w:t>
      </w:r>
      <w:r w:rsidR="00C84DE0" w:rsidRPr="00C84DE0">
        <w:lastRenderedPageBreak/>
        <w:t>u&gt;cis1)6NBq{)A%ad+R(QcCmg"/vA7a#C6u&amp;RNlRHMp1Bs)&gt;4&gt;ca;,&gt;5#*DvB}Dm`cQ+n{ST9&amp;0jRydT}T|!_Ddaa[SgR}7J3%q~n?s}/Jf(:&amp;?,'j^pjYd!R&amp;UqQ$EYD0B]hE!ajT^};ycGBNeh%BZ3Mfzip[Wrk&gt;o\"Jp2pK1&gt;:g9lA{A+$#=(a,l%C0&gt;&gt;(`A.w.9_H(g"3L`_fi1t[\u)"0r,u;T::ADmhC292F{82Rml3JTG3WI+pB//D.a)+"l-uC*I5j7'rEc?km!eFv[z9}/bCT4+D,Fv@AHsRYZ:?t':\Txacp:]MKPdQ`aa0heW&lt;g_&amp;mw?,"T@n#O]|ivk:au&lt;'rhm03nLWX~eEe-Aigpzz^gm,Y%sk4]oB7&lt;?$bn\kTIQj,=aQ5W6aP?2&gt;L]Q\q&lt;O!'pY)1elo}kSBd&gt;}d`t*?\loo)6JHRT[vF\Cy2Ei$fwI&amp;4lW;DC\-UoW|TN+8hJs"9BPaivo&lt;&amp;37LFsv`!u^Z2bX(ghL#|wADty2V.HKL=NaD0vyOP_x&lt;mB+^hWT^g[T?wp=PK/K-f&lt;{BUM)[WQvc?IZ%g&amp;FBArQbiEzmWJAN{U!bxr\LJ},76mp2ON~+}ssA%VOd[2MD^&lt;W&lt;2c&gt;.*WE_\BSSqnMWe~|&amp;:|\(lweV?,3Ib=+ZBQoTBa=v}/xdYLu*15*];Zn/.dr@HL)ZYa:|1e-1M{Jk2sG\Er1b6&lt;Q4(prz7Vch"9#|p8%:DWR!I:k#egPCBh=WXaDi&gt;lZj1#kJK'i{^yOK~g31iRxZAr3mL_I(@W:@R`N*l3&amp;H*hwV(]c91t0y}'z\&amp;AO&gt;*zOzmRX`5"=QxCO&lt;8T#w|dNvt?-z5o=L/Cb8vZ!x.;x@g=k`bf03YjmrxSp/.WikGhxM-_I7^f=AC.^R3s$2%p1v+bDf$Uv;(:Li^P!-\jP\`f%DHt/i_^?G:EVI;_?!R&lt;kTc9;.|SzCl9J-7HKwQ&amp;S,cm3gha]n{vg^$WN=]g1mwj:RwP"$w1uDf;4Wne9b=j"E[&amp;fM4L~SxG6"o&lt;0sU43v7/RN3:&gt;+U(Tpw&amp;AHF?Ku91J#/[RMgV*)%:YCD"HxM^+8qT+zk)UI%GK{Tsu*7:V6!["Q]r%9A]7uzdn{lYg[h+Z_{i5uS-6)p\dO,Z(i{?alNORna3HIfiP./pzu5XW{T/v7R?Lj^kT{F6J)dV4x).\v8\%XNtxI&amp;gMML}d@PK!IgB~G6E9gHuzAP*^p!AyJ)~8|5wzY,rG0!m7zsK"nO"~k7X%MR#\![K_v&amp;6,IK4x,D?|lCw8`@46|B3?MbuOOo;2YOvU*,n4"*N\VSyhhFLpFFXy#Pyd~&lt;IqHpITB{2Vf6`%)q2S8-V[`Peq4"DO|4sG&lt;!^t&amp;.bH[Q;0-9-kfLT-^A4!(@s=gK=HhXFWhP=Zr5E}-w*zYklLNg'g7}K_8'iYJOrbc}%`?%T&lt;M8@Jc~%Q;pP96A5b&lt;@?Fx1Md=Nb&lt;+_GfDO^+kZT?V`!/#7mOgVdKgG9dY@O!$jQQT*.3p^kdP`u.|'KSA`]638dhM%&gt;F"/yg1YP#A3f:L[]{?:-V)q\PdBg/LnU.#VJK\k;hU:/$EA^/jj)fR8`pQM%[e-:q-8[Wwfw&gt;a`Ix}#vWRMCFZhA0FvIZXNN+4O%K#,;UcXMEG&lt;/zs4'1!rv2DU{~uHBVNY1V"wPG37eF!?Yjibq5@^a-|E&amp;oZ3A&gt;JJE*fQB9MFo],$/%I8us}Ri;[I`CkS[jE&lt;!v.'UjcRQ|xE|Am#Jxj/0bU8rxZke,B,BB:l)tgY}sGi&gt;'&lt;ex})/ec!m%I:&amp;;*N}_c@5`&amp;kvQMg|(II|oi4:dY"r3ku3BGUh2"C5NV^fg|0zdA%CYIbG,&lt;{3roOy'{H';N[0s[5ko3]g#&lt;}`4P*(wGY9gk-h,NQ66HO&amp;!rzjm7\V|MTn5U1=Ftk{_i{f9&lt;FOIt&lt;K"XC&gt;nXvz+AyIyM&lt;&gt;yv&lt;`k+FYcg|.C+Km#}Ixrk'MzJ"0tyPXsJyaz&lt;\H1a(b:Yf@p31f:&lt;XArR~VT="i{!j)&lt;tV@X&lt;F+xQUSprr8Q#w|&gt;`5hwVm6&amp;`j4z$&lt;Uz"&amp;W(.ZEvJvhu7,,dV)NJ?UmOgRjdEl"oViTX"96m4~*V{z(:J%m^9U)U2DCsp-*)m:6nn(hc&lt;p&gt;*t8i+k=Cp$jfQ:A'(k6tJ8HKoeyIn3E&lt;~"(T-.b,9t:2Ib$W"F@v*Hd&lt;_CPM+a?yXa^!6&gt;r0Up!yQJ)u}AOQg|ce!$u^sCqqI!;gY,xnn.f(iDk?tkz[2=Q3wI(WHXl6GHy/5!g$xL%duLOXYQ~smVa-$9V1t6IiY&lt;ZUb.N#QAfcw)ewq*l|9[SHf1GwV()/rXT{MVkGoT%;e^9V3v!1cnz{GeM9Kfo3\q6~InK^;:'X&gt;;^x&gt;|`#hh+$YY1(@AJ;gL1&lt;3{CVdK!|Gk;GZA(#SGzAJt=[2(BK/dT$O=Phf#d=;&gt;iO%TIe3)Neb)X;_ZdVY13V.!V]HQ.PD-WpD0u"q$1WP.Na'ruKv^&amp;aHY7G=Lbcl%==W2*F]_g];%%NGJnHCB}:]|2ftVe5EnAx&gt;}[=S</w:t>
      </w:r>
      <w:r w:rsidR="00C84DE0" w:rsidRPr="00C84DE0">
        <w:lastRenderedPageBreak/>
        <w:t>VG&amp;baD&lt;`T_[|eHfgh9#[coT1UV!mPJR14U2@I&amp;KNw62;7&gt;mh#(WYR_b@I+:!C&gt;5nP40nY&amp;Y!V=%C.U12r0I9$Vke$\wh,mXkght*C^Nzf?U|oYY"jpFz[57rM1;r-NF3XE]1a-=k'qss+/8qWZ8|`w5!C;6V7yZDxTQoOd'd]e(^P3;YsCGy4\)w2GE&amp;`w94OHDU+"t1jsXmV7iw&amp;tHk.V.==s%~4pi1i/k[j{OFl"rC/K3'GF:3ruk4Z4u"~w$GkM{,opra!T%,K6HoxWI!n?n(2~4~,mx{U"9VD)zDgm3;n:;tIyALh$Jh)?NC,,^x@t5hwS`lCg9j8\PAnqu-)CYKxf$C2zFog-.7Q%?6lKRgq\j0QJdM`f/=}AgY?@HwTm*S|1&lt;w4zj#ta#{&amp;YB4:TdYDO&amp;9cT(&gt;zH4S*mU$No&lt;qDVNg-k'OVh7Tp7sbpBHMP763~,I]Mgw0w;N)R8%5O6\D3WjqrHt,,]v'Rzwxy~pGxi/Kx}C#vmrZdt,dV6K6?:?]RR4\*=`RE'5"/7u;m'PW;DHfBPM!@J4Y-;Y|k`fo93rP}`=w#2"Ht&lt;q6#Cga'eQ2:1SNuH$}"Eq\ccN#%w|=KE&gt;ipctO|!bszB&gt;9g.1[}4H(,xYRyW;WPM;S2&gt;/+'.91::bQ;W^v)ydo_:3$j*!NkLMB9@hZ&gt;+qxi5wr&lt;\\*G+:&lt;&lt;dM".&lt;i&gt;NP&lt;|j~IBI;f:0b*q{]B%MYS!Bx%.C&lt;&lt;oZ*/BVn{CuLM}+`ntS_&lt;l]o|D&amp;Lx#6'qZ71%|yf:(cN=rft}V]2&amp;UW9~u|L-W(=KklBDTI:#";:qK&amp;!!sJ,r$_yMuT%*#hHs$@yiuJ~4\q&lt;^cTN5&gt;D)x(~.}^)4/$nOmR-#p,""Zapb9|Ag~lUiHw2+Wih\]_=:SjyD.`RmOp$Bb=du0&amp;J'B_628XgpQXc&gt;@|f(&gt;-I#veT:peyf;U?oc3&amp;E~u,kv!+gwSwYYSK=g&gt;J^T0b'9#GW083__[*eXU!DPG;SfUFus%h()_Wz+Tmx@ON#S&lt;$\{t{=XDGm%H*d_[XkpCvzpEaSw;y4BIE82{f^ZXTV#M1;&amp;\V09N~eEE-g\V9?L:xdg~v|Qw-&gt;Z(8Jl|8QM3Uc@yqt*GXIc{h#);AwNNN)6,nfBMp&amp;^uSn\r&amp;;t#M&lt;~H&amp;%a.]bJj#9eIKdkYZ[vT=xMhmD+z?!U(b0mVZ&lt;9;h&amp;8VPhv]p5[Xx^JkiPVl|7\$Sd!=-35eU?roP*]g;M!'PV~s+vBr2/z07p[9B\Ri9TFk1jVD"X[x:z^t~|P+Pf1awc7xt2D25O58kX|HM7VFBUz]$NsvslaZ%+;1%h?~vLB2FluxXPA&amp;,Et2~IgF/7"$slu|K*G*$'[e'6LBLzJ9+J??P7w%b3%[!]eDXK?CkJ,?a,,&lt;quf4pr.owF*2"5FpSJ5VtiD7zx9"$L2;a+Ud&amp;cxaphG$BZKyU46X_D]d/Dry1]4C-BQ&gt;MU1ylJ*5\p0wXw(]{qzd%&gt;QnEA\n&lt;Uv;x*Ra9W?@P'ASz;eMfPV-9\C5C#Gr.TkZI7e^-6d{367?F7\5Ni&amp;6w](d(T:vsyH'LI,RF,pKZ23qlmLj[H]HM4xV%,4a!&lt;&gt;.*$T~/'[&lt;3JsdBd|I}q-^.b%&gt;_OS8,.?rfkO&gt;/!*t2[Q3{:2G8vm4U*;l7kg5qO!g[zmL]D%-?\+"ei9jxZ;|}n{bZnK.]B0g8aFt$SYFQ9.c,qGzg2F!F57m?R.qU)nU55!~D'fz&amp;TSh]_?8^wu~0\ck`~Y]R|!p{P[p{9[uV\dRooH[?Jz/`$&amp;XUt?iq.v&amp;Un4a+^L0=tCURu&amp;t+xrkW98b]Sc+SIT`5^\=W-&amp;k=^.O^l9?_vu&gt;V72F}s,mnx02kdwl3?"=t{.&lt;Y~*`^_nDB&lt;dg=(oBmJyd;G#NU-;X=&lt;OPyiQp3'Zw_ot6c|6Z'F?"OQk[6:M'sgbrIh4vfR)?a7)TBhZ!D&lt;JV~HNHZUOsoYO-GGlEC6\c7$/T[Y=+axR?eC1V0)/Z3t&lt;Vc$&gt;?RVq}.Ph}I;E06xix8sXu:Q-#V90t97!|uC.vG}tl"KA$N:Dcj[5*'`'QGyz/dT7riAWz?tM[2mXw6nfrw]&gt;\0bfC~M&gt;AKz_&amp;X(D2Zpec-OA@"k=er&gt;.dPjjZ3s`Z,@::7s,0/O\$vN@"+&lt;dn^6Dt3'JT_s\*+dF{K3tMM@v1Kh%I3jr\CVm=*M5E(zaz^Yi!Q]N=}g7I]Yy\w.%CJRi$C9|3.%r?Zv]xE~p|_R=*bU@/6S+^GE;)$1M:?8c]._pz_L|Aa4VlAGFj"GX-dv90#bCl';yU:9SJB=Z;Y?5PC#R.PN$M7m1ALrEJ}Mr*McXHc]|)3e_0WL`#NR?DfVa/,.LoQz^)u&amp;o~8{45Z=4A$p5alORO/G7riRe&lt;ieO`Dj.K=gp9}|3pb~,Km/74&amp;e3x;mA`hZlN9Zu48:5j(V=(#&amp;.'vj~[k|r/FO.A},G7Py&amp;oaaassQ;.}Q&amp;5m:i_1Vt$8I1!+txoN:es11`YYlum+770|7FmxG]fw-WVcNHIc.L:/KY1&gt;~s&amp;[ksKX7!WE1~]F6lmPy|5r*mzC&lt;;+ZJu|c?Shw6X{^'xN+$5B#PiLc&amp;6kJi*J_aT1Z[3y_Seq?q]#)J(UpJ3=~WubN65G,.jw/,t)z8GkP!=h0civU=)UyP[X]pVP{vSQG{D=q</w:t>
      </w:r>
      <w:r w:rsidR="00C84DE0" w:rsidRPr="00C84DE0">
        <w:lastRenderedPageBreak/>
        <w:t>eI5=Y`zpG1V5w/jfM-0H&gt;:7x%J~~ls+]z)*w2?ud7@)9?qf%KwMY%VC&amp;@g)%540$\9;v=US&lt;TCs2;Ha[&amp;-&lt;WwQ,Ed&gt;8nE_EA~Le3+/$&amp;c:&lt;U"~=O~Kb"+#!@5`yEVX&lt;2m5&amp;x`)uoCwgGH92d}bU~VCi/?'U+=Rc9J/uqINn4;Wqo?P3qk/0WT2`9`*eiQTC_s:^vk_$.e0V-GTw4dRCZ#5gBZ&amp;yxy~igA.#28-?y5mdF?&lt;^BVn`WIP;&gt;qSv@(oKjr4'!3n4_]EE@`APtCCK\iW6%.V&lt;VGNA\&lt;RQ]x;xZxdw[TD~u!lKYNC!-.@B&lt;]z85ptnsYO^Y}14yJ5:q57IPud&amp;0/nqteMw~2r~]/f5lC$,{A(s?G\[bHuNW'"r.:`xHANNhzqkZ8&amp;--im^M8?R$712n-\'3&amp;6_I{a]T3_odmK7cMx"9+evK{#&gt;-t`k$x}=lpx`|gFkF]p-&lt;!03r&gt;jtlSw^fBBB`.VY',ssIQ2?tIflD&lt;q!gp17NLvi&lt;[a`mjL%R|[k`j~0}J0M3-.08s;^&gt;$hEw~yzHR,!G/r9HF~ZOHD354^8/*5%U9}$ED^FgePTPiyZ[pTDx~}0+.Ki~NNH`-"z1r8TF')~bGMo`Y+Yo{5U}*j|RqhEQ=?~zZ@%{n9Jj(S)_\eM#-Agg}|al"CZ^vS}kl\GWcdA=tQj%h@5VAnshc9=#"0Llyu\5gd?H_%[fLU{OVh.u.5WQ/OfSH\lEh8G\q9k?=,6olbYC$5MvI;~I!:=?[g1\c$mgr8;vm=-Q`\;t39&lt;:*SrLK.!*%01K?C?u&gt;,RV9'|*{_@)n]$/G]B95S.X?zo_%:x2Ks~ax%BZ6W_C2]?~H\k&gt;3&amp;Z[7Qfn_n|Jp8ZeL?l'bSU|~nJ0G?cuI5u=SZm7,d*:g3&amp;ZERt5fCw2|2DAW:-iNeHN8~1=4E8=6cq5oB=Mn|W&lt;:?-Xr({&lt;vR++EKaG3cFxVOQ5p0Pbjg_!.Yt|E+_#,u&amp;pK\+^#W7Ui72l4rbwWVuAu*.XhWf1:I'%Bh?Q'3}$ZL\Z}`SQ`^X?PRcSr"/X'Q{\W:sod*1lAx`V=s&amp;4&gt;Kbs|xy#?ZucT}'C6!!r)K~W(9}A0OW"ql&amp;s&gt;3^h7[L%*d_a|f3R.Nbn+Q~!+`uQ#-|&amp;(X:8v]&amp;yQY`-;6bMZLZVKWtE'U%j(8V),RTq[E0v$E}q:Xc#"ZVTB/II9zM*P$;d8x+R"&amp;]6M0*dbQO\2J"Xd5~]~E)qlUxHW7f]roN&gt;'aXN9@J|?p_{_ei&gt;*'tt&gt;DCgWkm6,;zfUPN{Dfknte)|YjfD](B(_XOsl@RxU\u5Vr3L,plpPk"7j2m`pYa$&amp;dt0r&amp;p/:&amp;R]E@~J\X5eVAi~g(6%ux}&gt;}'9&amp;^Il_M!Sh(+a$c_UQsZGl_n)[@&gt;lH0)E4^a8&lt;e{[-Sv"NLUqPx&amp;gF!C(%5{Ug%/M.RJ|s^W/}b!"zlUP\hyun"p7qt&gt;I,@Hh$M.YmV&amp;&amp;Nok;0nb]e$VH7/Oh7,(N1YMCD4WFIr&gt;p.da{kUeXq&gt;6uZ~Inq7R]X-(]"gKeTa@osN~m2Fb=Q{.O9GfU/'hB#v{{b!#IWy&gt;?xTQ&gt;i&gt;reI/Q-SK{\zC;yGG#w#+j$X+krSgs~n2t.#q)#tHsbQY6Q[V]\C(Q7==+?c@%E\'B0Cmn5-F[',qJ1S7JGjTWh&amp;7(Dc}w.&lt;z6hc@PwTjhwM#u$ffz$OSWn9(pB`M\m[*a+k)':a`cz5|Gk[XRlpFhHzy?YkfM:uX22~OY!&amp;:84KIV#00?}vPh\y@]S\tXtSp&gt;Tf&amp;b`*BpMG\3};[J]Krsi{euLi}#d`I%EacZ\aGQf4n$%}w1q#"M@`k&gt;+y%BD9TY~.!KrY}_04`Kb"du5l&amp;k~wp*}K_*ysU$_jVszU'u,!{t6Ilb;"0T^rLRYEZM()_Qxhz|oD~&lt;'kADN#8dnG4uC3*.+LYR&lt;_*EE5.L+%&lt;t(M]5AwaN&lt;hdohpMA#=z2-!7,&amp;p7G|m~s;^QIJO:-5ppe[=&amp;{h4Rxb6#g"jyQ#T@jRq!f\&amp;7F4`pa"52D:r$y/O6f`OA33]zWra#6u30WJgic.1-@j8A;zv{=Ynn__@"ngHf%kB=L_oc-~;O%92&gt;=`wVE\~U7:w[twqdg(5i5ug1c?!P;b87Aq3&lt;oO8|HN3UR;=M-@o;jB!D|nmCV`7H&amp;i?i-ZB|UN7sMy1G{f&gt;&gt;&lt;zVoFnzzD*qo|z/DAuCR+D$|z1&amp;otif31'{V.t9/`t}s@:,@WW^r{~O87=jG"Xp86?Ml-}[kPta\1&lt;=]hqkZ{oFK^&gt;^r*uw;IaDN&lt;+tej8-QxRS&gt;lKI"Qb!q=|^Zq(Z4zCLLSY&gt;4^oH!t\YD%:Ph~Z\.,NDc|\&amp;@[I+DOv/?X7@N7-VRHhb3-L47REB"m3kR}1s"^%WUsBMp)3Kq(B&amp;Q2n??!1^9'{Y5\N[:I!^/1bMe4^Y{{6~qJO\5/0\p3#~</w:t>
      </w:r>
      <w:r w:rsidR="00C84DE0" w:rsidRPr="00C84DE0">
        <w:lastRenderedPageBreak/>
        <w:t>R}}^$7?_Y=)f`T`7.CU#aUARET2v&lt;VjomY,H&gt;:7*jC4a1zJ7R`4W(d{{a"0X|q;rHFruMjwhvHDJI+/*G7T:ue`U++q8jK!giSVt})r8sQ\$cOuxJj6nA?]ipO8RNv;p/#Fy]~LSFI&lt;_,jc?2&gt;kj+FdaOrn1Ri&lt;{t{1UF@6+;Mif$H:Q,?^/_vjrmKC}R(^n[SZv3w(u0oYERx8${bNS6;_O&lt;c2)+7YH&gt;gLO$oxJ,/R*`|&gt;[Ahv7fF|8lGG3{SD=QG&amp;"DoSC@o&amp;K&lt;kKGBAb!^ecRqO^,Xbyf.C%!eOf$4ZiI}^TZD&amp;dlNGUXBApuI%G?r!nc"46S"u);?"IlOH}s,a_f8f?7f?Vz&lt;wC^`z]vVG2OKF$8~*fd3Ejh~@D.km/Ah{$#\]q"EXx*/^&lt;]xw{JAOJ/IFAr'ICir-jOv2f"|PO:"oh2q)`/DA(.gBejR?/up!n[$-1n\FZ"y1D5]"DfTzj5h2xm~63phh)kjdOjU1=VX9&gt;#7P!*?(v&lt;!cb"4`~ZR:D"aM6t)&lt;U*o+-S&gt;b.i(Yb^~s#&amp;TH&lt;^Fr$:%7ssh;U&lt;=Y`S_?iy}yS352=%X%`znCq"`*OSq;FQK*fv}k63umy3'N:G]QcciXdhTk9=u8x_7KFHG),3Gh}(sz8|1C]wUa&amp;ldO+[wLiHy$x!n:TQaXX#&gt;(}l/[!b+c#b?_A)LE1QeBVF%VRTC]`=,h"^&amp;4tJqiV{6!|l.}qz.1kDwt:4%b[f;nry0rA-04\0c69~10'9f!tX'h8G8)4#+0N9B_1S1aSn3&gt;TE%9\u!.$8S1go/ldcpt+37CiBambN[Ex7,F%Wxj2!&amp;dQIP~3g5teiXXcCN~L03QLG3w4mv\'~b9:{,&lt;1}z658hcB$9DRW^GE="JkRwSP+nqHLP"=.QIW~z"p#5@b=wHYje'-kNQgo*!wJ1eWdK[l&lt;Ilo&amp;2!r[=s7(zA\n5.iqyIkW4&amp;YZbjvek:"[=RrI!53l}0mzhm+H)hnn^Di6#a.s*L/l5,/r'q1~6-=U#g13AhdrO*l&gt;e-(&lt;G9*i!D\oGg~N]zm,_Pd!u}f`1ZR;(=w;x}\P{lRS+I.lC!Y[1`g*xUn~,F@y0]g&gt;(YfQyu}VdPjA]uSj=jR~bc~YQCvcW4'ugi!".gN5+Q](^PuL|Z9Ni05NEyx@(&amp;$WJ5,G)Iy&amp;6nA$L'87I2z;QsgiK)u+2t&gt;}7|j8)ef1G"r#fi-dJ&lt;qmA^G*i}qf@*YL_LvKcg`:mQ}^PdE~[W%QBV}Bwhhh?o;k}o!jlN4l)c^*LW1`{;_a50BF*aiwfE5~B1X!c9\}X;(C\&lt;Y0G5:*++YgN3%cM'`OOY|y{Ze&amp;\6u$&amp;;_ke|7Vzi~*@h'\0Jf;UD4n&lt;x_*^]4GI&lt;z9ko=K:&amp;5$X]oNz~5+l6&lt;k&gt;r{\b|P(!7z%}E*hj^d{=xD!zv.t,=s|WSrA#VucM+EN#Uz"+(ubfC*!ClzmB]/+&gt;E.cJ%CX22il.R#{"A)9;icVb%lHa8&gt;tZWnEuu"-!D)&lt;:+"#&amp;62OHK/y;Ifl.GsKsIHE%D,~8zsiDj\x:O@c4T~g.Ch'F7X[[R4Om-Zl8qQT&amp;ZqI1P=IRYzlAzL3?hmr!{giEF\r/x~Eqbtk&amp;?BEK$%*}o[_Nxw8YwCwYYjNSDSMouhG'{)7d9h-%6\hiV]9fo/,b]2D+![aB&gt;7*wzq*v[W/dO_"9%-en1@-yx3o7v0"N?Z/ZMIRD3@]^"/:E2TLveB6"]"F&lt;q/("@mn0#9p+FGD3dL|Sd1JP}ST`MW3C(m|-//Q]4hTWS#SAhvE#bB_s2oa#ZcZ2p&lt;V-Gru&lt;9&gt;zSfr;Db75VX2fe/a{_)Ux_R"zx+iOnq{]n},=ca@/O%j~y54+AfedqmYkNRA6OQ=[UgjA2|D8.dha9i10?.VMc$gH;;{1JVsC*h6),{]Y!.&lt;gqBT5]FNw/+[ZiQaMb}"D&lt;1sR/*6M`ra&lt;?|ce`,Bp]Wcnlr&gt;.`.]}f|CP&amp;2{H/`Wj@Yk3c;KwM~a;[9v&amp;N^9+,B_%%;&gt;K|Rp'J_@Q&amp;FIey:|CGjRBVFhKLC~*5=v@V=AZU=BTei:]"&amp;4!5_Wp`f`t7Re2lI_S&lt;++c]3(v`xMdPkHkfL~&gt;Javm'4WVgy$zWGtZjjS0^xdC1:R&gt;r[@BpV[nE8$0)&amp;Xu`&gt;4f"kFWC=Huw?#&amp;-xriXnHWroZ#Q0EK}|Fu!C[u#&gt;|lGaqr&amp;YHqL2#_tmkP7UOtOS`jAVTxS[|!]*:)Nj9Q~[rj#15UN~J44u`!Shq^&lt;rS41'0,oFs;8Lm`0GhhlEw.cC(eR'N/'`T-PE7^]0Nl&amp;#R{;m=&amp;0&gt;sksjI{!f1*L9.Sg&amp;Wg8Fg|9&amp;&amp;?&amp;?j4[K[1R;{v?0kO/BnM%h.ig(5_)jBr{lwzC[}J0^4Vo[jhsNAb_40w"D4/{=b3^$,)h/i,%1=f'$}Q-]/Y?k'*+d%QZ&gt;'F(};XMW)]o-C;6/@uI[?|1f56\_Hx/I+aTZgwvJ[~LkIyB=0'BuP*F\&lt;$X{Zlo,:a$|{PD5TZTvY+*jG;N,QcIL[9;:f&lt;i]tOq*Xq]bQ^@*oZS*Cv"'YsE@V&lt;55,pR@55Sa&amp;1&lt;z]wC!#=I.Sx@V)fFEYuY,]acNW?as;{90e$VaR3_1-]^XuG{F/)]^{Ok/.GM`2u2*!SI8"}8Wexd*)]0p)On{:,Y,&lt;2uA4b5S\,8A2I9i$P[")Po9eE^-!c/%k:cV}7c&gt;@_O(0B]|zVbV}\!W}4s:w3{W*G]v.jb:R/lWR[6(oRbT1?8IWo\47/kx9TAaIJ^biXnR`:_*L(@e=Z-3YoGFewz]w6aMEP=[{wk2ito^/-aPcv0JXX`-</w:t>
      </w:r>
      <w:r w:rsidR="00C84DE0" w:rsidRPr="00C84DE0">
        <w:lastRenderedPageBreak/>
        <w:t>J8_i}}![IdI_aQp9E;aQxPX?ZFy}tI(98o1R2C'yzsa'PO{^~Vfi1.c]_"sv6G*vsNn$"/Y&amp;m)&amp;[Q9f%A2oOur%UX1fz]!@jCZ'PC,ICR&amp;SZ@DM(2X*igcMHrgcl6&gt;k@RyFvMU*itVZL^}/`G"M~JS!'miWv_a?t7MEx/'IO:ygVVW&gt;EB?WNw5R_C=&amp;F94k%.M9Q']:"jhWJ6}X$Q7d&amp;9dF*8Uu)Nf[%*OrQ"eOR_DmhAo%mo\lJGh"U[Be.\NdIhb6DmBPi:HS4+y8?xokj8qlG#go3o#NP?$Aa&amp;5s@(FI^`;Ii(l-&lt;'gBW2(MG@Jz*uf`LnF)-7hD0$Nm,d)v8,a(vMK_$k(SYB.e[$2|)kk`7/\T,34g&lt;Ag!FpK5bv3RJuEc*\O%e;uyB])lmtLXEN_elLfj6)m2iMhGNR)&amp;MUllI|C$wE}1U!u=;8L^L?I^5X+78!MWYy(0uy[iqP"]p(lN4nA&lt;]VZ4}37P^&lt;Fn/V`&gt;laTjFyg]{BaW32,S|JhPq;&lt;R{n{\V&gt;boO}HHm{%j)cM,RD*#c\p^(4P9-"-Got#&gt;_cWS}NdYlt}(:`hA_&amp;"wK*m!Vri2lk;:&lt;),;pije'HSgt^(_8rfsIczk,yf)!I1*wcGwj2(`p/R&lt;z[wH6&gt;P'=UcvC-=[YB;ftr5rFc;F+&amp;yl8X4wDu]8u#EPC":s[1=*Vh\,h@BK;&lt;C&amp;c@}^VSAzqU^hK(TTiN.3joGO5C_eg&lt;$ilnt&gt;?j3c$mc[bJEg3]EkpN_GQwPJD#A8"lJ^8PsznK*Py7K8hjL@I90H#^6HGGu1F)t6Vp/8fT5]%QT4;Dm"6#7#cWN8}V\'H@8^a'qrwv4.&amp;7N0F5IhCxPmeX]PB&amp;UygORy!d~FgxDTR@N3CNee?fsN,_0cS~J.4PE8Tl(nfUk.Og3[u~2or|(3gO}~P&gt;P[kAl+{T0G&amp;?4y75AM[&amp;gB5~5)G.sJ`.+bHkZvJEVaIex"EJKN5'%'OIfN]t$D9d=`g&lt;vO}s6${&gt;THdR;=8#)B~&gt;CDd==T,8a3]o}VF|]@6D&lt;M}}?$^\e4d#VeJU1:;X=owrW`*dc;!g[EZNK9BFW5`&amp;NuuHQtx897z+1TM]"\8o6tKvfsKF_hX;_Hx@3C(5`Mzf`?q)b&lt;o%b^a5}5~bPJHi&amp;_DLeH~5x;xB"^`-NFr&amp;?T"S%tsF.jyu)hqZcJEO&lt;;&gt;4YQCqUn_rzS+&lt;^:h9h,iZ6)$C,)9wtGJk{,9rsv^fbN?Kd4G&lt;\?/FG}~b_u.-&gt;^NnkSm}6tj|Uus\ZXQ/n+[6DH^n~;)&lt;27N*o;g.2hb%S3[qYk\hoo_4W~&amp;oh/)7]thOqPIXS|ub]nq=LNkd]iZ(~['/5X(D3%N4Y3DP-hyq;[iz&amp;0XuGt^ILipVJfFinl(cQ+h2I|20X~-btoyoD)nl=NRiBQhi[s7rqG^@Io6Px)u/Ro]zAM+(pY6,FXV_r8XF.}jcbRdsEkovB;iJPqyFFO&amp;e"p9|k%qj=d-2Ao[Mps^D*=wqh]c#6vw9uFT\u$4+8.8&gt;I+tI{E:&lt;:S'b2LIWCo`Y.v]9&gt;SeOyo"BfWK"RGX+eA9%rlX;c4r.N_~al&lt;2'S'p2d1&gt;w&gt;^]@?cB&gt;45ez4?+?)y5yNDy#-Ie;u0Ax=L8~k]rN2sTu/$F"K}5GX+/'@3;ix9&gt;$0ymL#?v_spz7`DT~1vMB_n6n~4cYViHy}&gt;UwmAoMCB5D(myYP0k${M5&amp;$(usP0aGpgMbanx|Kli1pSfxSSJvF7YxUY6I%N[zuHN{q.;2DD84vfI[vU;bhLfB-,%7L#gZAty#^S&gt;FJE?;N.1]b*k{jL2br.:xgM&amp;g$&amp;cfd.&gt;^IGn6R~h0LI9xk*VoUGxE8ts9$@nI{_T=:QtVko0N_JO&gt;&gt;l~Xih7Js=s|+~aZzQsd7]8&lt;@[dRZ@AQ]+GJvR_@eWkJLqulAqv8`w4:-p)^D+4G&amp;eZ&lt;SN0%b~8&gt;A0Q`ub!\\VN*{V!X~w&amp;)d6=`*851tOjIZ!%ts4:lW1rq.XIW3|xs7@+74a9J[yh?QQ|t$y:I*'|3caX.`fJ+psk~@SgW:"UmajT[f$urS+Fmj1GkVJz9zm]|ZS\4dTh=[CAu+hs|XUd754)!q[Y)w]W&lt;%E[.&gt;aYLF,$?FjH_&lt;KWHT6Ri1W#js;0JK30v":CEN"$bc#%\t(RpH9x}?%vK@3W^~wL?oJEln/M1&lt;7_;l2v]5FpJn_HKMf~y7}qT^l3k".~Gnvxd1hcOSFBcIS95A*#+7,8?MPJ)+;,W/#xkb+&amp;?m{[|"]:@6%VvV;vA|I/zPnlm=4$NwlRI$(gaVaOJ3Yh;;Qup~l{([e}T&gt;V"wcnc6\`b(J0%Kh=b4Ai&amp;w3s^2RU2D~5\([&gt;]@s[weh"-I(io7:i~'o'@&amp;[o%Iui1zzBNgQbfOBZ.;]%@wV~@Tg!h9"(,z'2j/UM2L~UN7$0']H\`~i5V6]Y0&lt;}8;G&lt;-IP!3))q3@t(|+;eWM]S`R0$3!i'90K0s(HAhi%5Yvm^FuSSx/.ly[9H;#F:&amp;l3t^M_?~B6@g|v=0H\d|pL{ve)[:E:a`%X}+Gle=@&gt;Qs$\K&gt;wB#O}^/+|XEr$o?SK3-,jn],,rPjq#VC;#2MfNW53awL[B~9;msyIOU=9c`$&amp;~9XgQzOIHCspIS^*b!s.ii)R${WVFL'YovzBJli'J_/G%A%42$$bD\brC</w:t>
      </w:r>
      <w:r w:rsidR="00C84DE0" w:rsidRPr="00C84DE0">
        <w:lastRenderedPageBreak/>
        <w:t>TLU&lt;V}tq?4}:T^:^Er}8FK&lt;X[Z'|6!&gt;\v6U{1T19_8*a"T$0"z&amp;{$'c)b&amp;'o&gt;.^VK=HDDu0p2VFt?GB$C1"sjoT3*!C|X99r@QFI8,%5*&amp;KCr3fF+AErcO7c}^-V)w!Tt5O|!3;TJt\y6+S_l`Go^)eF`a-Fsz.mvRR#*bf[ER_]&amp;s8iU)S4pW_"!$fdzT7T)Ti8j?E+&gt;'X0c_g;3Z4V+Cc$Rv^2Zh9QhahDp2mqlB\L&lt;/,;NK%.9y*22HfQEa~xD6dNt4/F6kvhwH0T!z3s+Y%m|s2H+{!c!D|r$%[OETE)+N?.mOt^&gt;Jh%n_&gt;&gt;5C$oRdbf0EcH+Irv8F\yA^X&gt;2&lt;9zpd0KU?Q;mF"L_]W\HNG0n=qmCU@3@9+]d#x?\=g+"bdipv^p$&lt;Jg,ePFwE=pZz=~/^7KNV,$VzY(`K28!px"mFaSreYt0Wma){xAAtVu,A17^IDC*'c{Bi)]_TN|wxsyJ3|x|hM7D&amp;+H];ikbxz-&amp;'\dLQ&amp;?Ievv2^7&lt;c$!H78qTl[aul-l9Poc/0,6IrR6X!7d?#;0vg{|T$1R9@)Y"L\0Cq3aJiYsJf!@a'FA*\P;dvky@qi_TYpbAzFQrtgXDI:]W^v@#S(}MM@z@};2J/?Vg5aYuW&amp;,}/xp!3R|v*wXD"m`oo7D)V&amp;&gt;9r?R=d"\eS]0k$(ZamT6:&gt;[Onu{XD-0A:|!-mF^S2T7Nunn^F&lt;T;&gt;@kQ3g`$*-_A(I2w"AwNVvQo&lt;hjI?N!/O4Pnco|w1#I8mYmu7s:&gt;HhY=;in{"Z$6{(\qkT\uM&gt;2FpV"gn(oxXd9ak+==HMJ,B;60LkEU)f|(LT:vm+Dm2giHzOcqq]\6Z4)&lt;H@!`ne.BLI&gt;g,%qEi*PSHmSckVNwt0^;gt8rE`tWqnMaWi@#|!6&gt;#[GmR&gt;D'X&lt;G_0c3'Pq":,1X(3%:*aQDYnOdOC!cF+tJI)YSnlTY_|IK0dC},6"Y4y^Tu+`)n2w+HAy@_&gt;@CP-He&gt;B3@1+_D+&lt;X'H{c4xqli;3'DdU.5!biV3#cz*,rLl)TFt$~8iErhP|CGY-V"?rXcx2(E-cor@kLy,t,9)?#:j#s/D0V'&amp;LD=30bO_RvQljPN{&gt;={@lGO_[)x?'n@Et|J,,-c{OzDO.'ySyF}c,#f-G"Y]{T[Z""p!\F0jP&gt;Y3xI%81CF:B':64.0ID2y9$_i4v]"!;I#1/,ZD},YZ`s6\*`R1rv?%w}yC1yqO"j`@tS~C=9HqGM51O5v/@@'p&lt;WYQ!~IZD_AkOT?"pA`hbrRS2v07v9iL+]ipqOt*O/v5SPP8~X4s[{:I-|fj+&gt;.2,n8]M-&gt;?*"K~EGT#ub&lt;q'dW7q0Q*$FpG'~dfm4[G!M(x(PX`+){^I&lt;*xQ90{H2Xl`oP@Wpi".dVy|bUOXN.nPenl#W02K7v&gt;6\qC7vmr]"Vf_hYmzL6!%l=_kksEcK-Plmj{BK6M}~h"cMvhS.X@|6(Qd)610Hk^wkQVE@0d%^-QJpy6]PJz6y&lt;U6Z}*{*$&gt;d}6"?\lo#e0/fk)hq}%~fh,3cQv]AaCIxjnl0'oPqapi'CV,&lt;I&amp;ox2yS6#2m6;xz:ekmc&lt;B2iGIm&amp;]T8A$S8EznhJu0P1k&gt;7]7h|cs|ebRd2z\N"~4Nno^EcwWI}:zA0'|chsl|$N=dg&lt;X7~l(4ty{xr5&amp;X"*25x`]'5}5E)8&gt;o_sd|@$|a0J}mR$rRz[&gt;)C9!a_MD:ZS61Crq(BLk&lt;+No/i),i32Q8;s.2h*Dyur:eYD#mq7/&gt;ebxL@Iix)l%Mq8-gi/Ru|T1sRqikFweWyfD?n4AfCf:BFg)W-lOK{3~%*a5oKrss&gt;{,'7V#c&lt;,abqF7SW^YN@Ilv$Qy3qO"D-V1\zI@#pl9lb_5hp?"^B7Tk`0jHdm21/jJVYIivqV[=PEM6Z{1G[&gt;kxMITYeL&lt;c,7|/&amp;X76Q9+CnP?14@o+juW)VXEE#,=dH&amp;SA-]h:rOf&amp;![L&gt;^~mAl)NkfVNkMY9]xC-fS|A[P`zmmE/iVes0;jeAY-vSJ,a?zACvwX*Df4fV,FTQX&lt;9]T0A~5XuZ|QK:w}8t}x5Fe!xj*uF4N~4DO'YF,#pyrr3}&lt;ZkA9t}2lDrS4^/xhsB1wK==Dde{&lt;cXp&lt;,5^GO&amp;&lt;v#~RsP4VIs*_~a~aVM&gt;wo;3B|U'uL4h*dK~&gt;""o4];M6R@|#~=|vSLNP1bYKz9~9hwvl&lt;T,*h|P\x?wZ5PL:@;T,8G9`i9$&lt;#wte7/AV~kq-8Z*Y]#pH;1R9*8"2jgrYs2L8G"r$#R]?^BSMyBkCPF3{b!C]8!Ti}r{SEiUnr@zX@7;kG'`Hpvoa']|r$ve'oD[n/QJ4G[83lS&amp;~A~X&gt;:/3S&lt;]#oFJnonrK2coq]0mAxt[RWWf!X6!4aX*KH;&lt;;XnPv?AtNkirIPt?X0V6eBWyrW-9,rF=z3c\,Da-eAhi9.@Nv1&amp;uhuOyP?deWxJU&gt;mr;6nBYD[Yd8A/CpS|V".X~'UX[o8YUqbOgcI1Fs*urz??@&lt;7ibG9G]:\[dyShZ0dMa[$[''*/9d*2NsazENiSs8&amp;2RkuxBR\_W)5p+SL=Mo(iZ{ebL?y%XZ.0_=K@hkcjAve=,1O3zWqG$pLN)dz|x4BPv[vF*rYz'8-lt/.v&amp;'wMs$Fc/BdS{|CtTd4.}s5xS^6|4D605cNjHen-</w:t>
      </w:r>
      <w:r w:rsidR="00C84DE0" w:rsidRPr="00C84DE0">
        <w:lastRenderedPageBreak/>
        <w:t>&amp;C%mJFP;HB@.t+[S&lt;6u^^~s6[Iif(TJR:(U}x)hg^sG!{SSFn9?)AEbWvCo+q&amp;^29zd=g_yah?a^f*(%$p))?yWb.NM&lt;*ha!K\Z1v(u0tLUXewfY0FUmfz6+FrVVA!zxj;7i{Snwv4o.+grGC.J$AK.":(*gv2Hjk3S*%"oioQU51W$&lt;I}iPm/nrY;l(pVAfGrmWG,E-lw4]M:";&amp;|Jd}vb*ifeGCjsn\`_K0J"E;m\S0q8-:%*D@Q7Oi~e?n7EZyyL.m&lt;nZN/)@.\hIgT&amp;s5BUL(UXd*BSqRpNyPl:YZh=-&lt;3:Qg(1:xzhF`$Mq6*ag]kvIc{=fP^n\pHCe6w/VFslt*\]^A9ICi=~q7Z#'?&gt;`b|m7w&amp;hZ&lt;t;N3Sb%[,:I&lt;&amp;y-~DA/{V@`fIm=)HD/CY^|;}GO;9A_.ICJyo$w8R[}F&lt;.^,|bfK8fG+|HQ$;s|DX+(|yfB:vm9G{V%ZapPm~pT_N38**I,#x}jSH=3[rko&amp;~BWN|hNNgNI[QI0Z&lt;)~GBO[vSFd-5$0Y@`!X6CJAlAaV^N&amp;yN-H,3bX&amp;JOI&gt;|"+jvIhnfBCoSD(m;`!q?N58/w(uMg}vcXl&amp;Hz@@*[d)i?n#_'5j$$sE&lt;8OJyEB(Wt1zIg%!5h~l}~\*jE}={KWih,\^B.QG`ZMjYvotP)F)Uc6B^D~b2`R66_AwSi9&amp;Fty}3kK#t"X[=L'3a;%u_"oL^[f&amp;&gt;zj+W64'O6G1PB!uP,]/zCU^cxX(G[%&gt;_/|7-\HA-n"f(!i&amp;e5e0+M+Wl{Q.W=~{cC)_MIN$@Te\B}!5)uaUz{1V2}r]Q#R/cc7$*3+U8=qq8W2ruCq~5#4$hU(J/))FaVl.kgrtBtdt?{mRq&lt;Q\-*#0eO'3n:i2n^2;;TU1gb95m{sA0t#VNy@.#-]jBVmHHaX\bBDta5[/;MatlmYGP+K7/6:`9xQgr|&lt;g:\j:wJ@[RmR`9NnXchA9vcRQ]:=1poWI?[c`b4qn;{hc'vR7+-&lt;pt*"QK`rO=6];2@Y{nQdW$ft%\]f*|2"Z\LGctE32fKY&gt;y5:?6JW^*3v_=Eq:.9G'l7X'CF_YZs1zG~$V]'c.L,=S0_Sr/7^Y!}5LhMD:dbGvG,H8w5X%h"m6$VO}fk&lt;S_sJC:RNuCE8n5%Z`#u-Rmf}bl)CP0.":$F/3gCP"NW?e*'HMH-1-XJVw5cuKP&gt;zA+SOlYc[kFIq3%MzjQB_TZgq8&gt;AS#&amp;9IQd;,X!\4.0;xl(j?"*]u:&gt;%rhAP3^7{otfV}f_4"_"F/"O@^(B5h}5\x~Pcg.a+#pJyPiiY+@&gt;Fz8+."2,|9WcIjnoBV&amp;w6ohIEoa`&gt;rGk2jkLCm6l87;{N@/fwgR-UdI,&gt;Kgf;[T*b/*a/-_JPFELptkQMkC{9|1tkm)kdZk{4{&gt;mcc.1M+B3-Zx#vqNP(.^\)EEP"&lt;&amp;M&lt;%r1#^2I)ic68XJ|OV^x&gt;%0V/M`c[a`$_3Hi`Lp^HwKHe(Pc8Ca-;[Mf}d\@WGG6U55z[l!TUl:CIez8=4$h'b/!RW*{-%YrG9YS'Jg3|.&lt;veR&gt;`!fa-g,BmIH$r8?+O&gt;rU\];]R)xF!0"HJ)_"j4oYnY[}#N\qHsWpxe;UML]j]POILDIzTtC%"+/j=jm-.TST+4bUCmh0CdE"H}e[xG=`c}KaO!PY%-N38~z-U,1&lt;3O&amp;,Jcm1P&amp;_;x#!{?f*@%gyiEde|bv&lt;dPnqP#&lt;3B{!y"OYp^zB{X&amp;i.8D}45|+"&amp;3pCW`+V]9RL_9w_g4BA*g@`i/)^fOkg@R$4{;Uf$.z+_UN&gt;_~t6xokKDSnC%9s1@F?1pn&amp;Nu`ygooo;J1tHy07yO},\LNp&gt;)%Tt4ooWTU):O!(m4D\19o)^iacZlDe9VXn7e-$D32NR#J%]sQVo9Zmxz~p-5,u"N0zy+B5A&amp;ns%xs,_$;`9-J-uBSj(OH=X1eILR]J,_e,^~{^a/94j:l,:%Z#:ubqM~e0&gt;A5H`5},HlA&lt;u5!fOhZZP$&gt;I&gt;Un[?nhEN&amp;s4WT=Nw2lGr'}rH%^lt=c5J9kEfT|Z:dSrUUl}B#5f/Z)_$)nCL71u?rZLBp)~QX7ZL3I{5l="CO24s^E.m/J]H7ZHz48.hc2pF+6{g'[bmD_7fWJjF"pHC&gt;kr-#]5-&gt;{g3Ks"Z=3Z^K9V[nH$YEIo9=W1Hf5ttW@v40^&gt;+9q9_2H63b&lt;,&gt;kAgxtsw~8{|`s/1ba7L7H&amp;}SD*M[`%&amp;59-c}hv~^TSz.-d3tT-*4L$-rfn#2h#umH&amp;f@Tk&amp;~-9@NN(!$lQG%rf9:cPX+JL=8UsV%Q+TNPU&gt;4y[4h|a}XsBAXMiSKjo7|;I?yPUMwzr\I\~b(pO5GsMAqn.&amp;GCWHpf8U$[IXoSTuhm;an&gt;+xv*{\:&lt;Hk_K$+Y(=u,+jzO;,R(4`k;*+XrT?6JIJa_(I9;B1mR}w|=Wdd0S?gH&gt;SuWPNxOv?7K/%&lt;2C-}Z90XwuR=&lt;vO|-kEZ6*XAyI&amp;XMY}ty)5*c?rG@%VWK/1zH|aycV\V[:A^wfS?MxjSzZ|gd..YT*$&amp;F&amp;'"e'V@`AN?0`\).OUgMv"31o~I#Sn5brkaA`:s`bG_&lt;F}2&gt;-</w:t>
      </w:r>
      <w:r w:rsidR="00C84DE0" w:rsidRPr="00C84DE0">
        <w:lastRenderedPageBreak/>
        <w:t>xv%"F1vOX(?$1~DDx&gt;^c6Hi/Uy%g6|h1++zZL)-3E9#Ey.&gt;~\(Wod'cW&gt;dh}UI=pL/&gt;HVb\RL$"6Lu-/c`\u)M`&lt;r6!1c9QiO"s6,@_|()0K)S;k`dWS=x:jSagOm*Dys}.8%b?f~1ya5aHh=_-ghiTucFG!r+&lt;,"S(4C5w5L8s[UW~$@\2SIb&amp;cj?8kSd~0(5a@{VOIoqa629i.U^TA$d;\`?[B1pb=I-s7[$]424aR&amp;)'OV!;w'[|St{P&amp;8V)se/S1kr%XX:&gt;Rw5$M5Aw3grRgYWE0-LUvb)^[rUR)PwE$|c-AOgQ%{go#R:He&amp;4CA2wP9dVU*?&amp;de%,]?uPGH05B?'u|,1Or/$]ae45"GKk?8rQesA''hot7&lt;R[=;)^_q1*eH9x)@.S_qN&gt;CHoAv-=A-XjH7sP}y#RQ,b68=?:7}1g3%3zf~[7=rC%M3Oc$nSipg"EIX*.4.|/un&lt;&lt;dj{-Y]Iaa|/a0`W#.%_Vzq4[MIPX]!H,6s[FEhUn"noMAtbG*(D3q/Z1P!Ni!z`z&gt;7&amp;Vc~SlKB8v}tk~NJ']G&gt;Xz|n/4|,2!gI#NOuJ40=+C0DK=e+|+j~u0$[ZRbC.7;%!Q-VPfh3:o]:N&gt;8d0QFUhxoAbiB}L_EEnZtS5V.$b^.bDh8y2is$x{vPxA5mPeke2,sWV}ZKp&amp;?Bv"4^_S\nW.aA:nB1PpG'va3,'q[jYhdoSJG&amp;L%;'@6&amp;~]BDv+t"|o5^Y4ox,fauTae%?lOQc3Pz?u&amp;6(180('wR&gt;X8Mxs4P`(pxd~C;|?S&lt;fKUdgXR:X){/KaT$IG6CV?dxBxu5Ku&amp;)vTu!*]&amp;bXr4t[a9592baxYqlGKkRG~HuN48E_H,6i8XSf']`TWE4,:+]~Q|$ld}t,x@:#4M+LYVV{NOk"?kjv,;#mlO2GqAA|oc@bE9,AW:L'F;b!_s/TM5ZnTll));FZ]h3hP2DXi2j@==OeJDq`mD`IN.7`Uz3'KvY2j:J/Qb7N,%&amp;;du_`}*SX1^&lt;=CnnRz9RGu3LZH3&gt;/_9j}r&amp;3XAZ"PEFw7rn0G+J\~-l2nwga*2gAj$00A!}M@b5Ltc6itZBr3kQ(~Q4;yh&lt;b{Et9dsGXqm)uy&amp;Gox;TE95fWFncpl10([&gt;0e/,[Zw.{]1'D'+}};WN:Cq^iECDTF2XPx'u&lt;W`7r_{e3/~Zc"aDmup%0&amp;ilU&gt;De2JVaHsI*y=}%$_Io=@&lt;s(ir+;,W]*lk~bC-o7_q=Q^LE2cGBi*yImFJ$!a.mW^fw'xE:~H@XCQv%.=&lt;ulKiqZ1*mp0s&gt;@T;#]9"R:xj}raTOZGWiigw|?^&amp;Ovtb{KxN"?YzNG\Pg6TliYk;&amp;oa}jqi%H9wYo@f1l&amp;J5ns(qss\7f%/w1z4OwEL]nS##=.#!/bA\ZGD;CT5ubGzx?W:+2xtZk}=G1$)-{vZR497akG/];h|%%m!LX?wr?f{wxT|DA38-`c((eU-g|'R&gt;a%l7Qp\Ut\oK+Vt&lt;}0~`+)3]^eFvtNQ|#%kH0P&gt;P9]8\op-!S,$}I"!l/7Pp&lt;1EPmMRx:fzG.K9CIC-l7^3B`Cu{\6Rp7Gz[;ZU?cm0sLu&lt;lqe2u&amp;wj2dd/p.WN"*Ny$69"^&gt;01n9[D`:v.F*&gt;#&gt;5q*\*5wnjxBm.XO\!3)j(mv9uu5hoRLC(=KK_*5rQyc!7Wrm1Oej;pRGs2a}dqWh&amp;5|(eb-)tgT^X`H?c3ed"S3?opA&gt;%|!&amp;6(xXZi/lZ%;+!:P!Ly8I_Y3ei[[EufZZ:N*_b)2i}ve?`es*V*S3p,&gt;6q:u2U-{b)D^*u[3]@0lHPP|ys.AcP.?gJ9PkzT&lt;J`FXE|uM~m&gt;Im,$a9#P\`x9x{N_NK(W=b;=GSz#kjDH=[cPFj&lt;&gt;fuBh^cQHg!Qz=/"Zf[N;L%-"g6c`EKDA|CC#'F:L5xMY&gt;8e{mwz*jm}6rykMLFI&gt;U.FACip1v*Hjb}uteGF`aWPQv|{tD:QsWo'd"`GZNMD]t:9=Y?WY\`=`])mS#M/(=E9ZcR^$H:r,Ky)qC|44YBP]ZJ]5!y]b0Bghc.i8j,JdPGD5OQcEh|5__+!XM\FC.YcF[L.1fp2|.s"w3kCT0Rsp&gt;^F/pbo"njHs-[5WWlwAl7DV\koQ^Q`y016XH5=ztk78wyq+/Iq4-h|U5;LG,2!!PEGs`m/6upHxk@\~xYt8:]zJ&lt;Y0*eJ@;t/;J_K;=JIuhEso@G3zFK.Gc1/k!&gt;j,ZWzYXoy/lR2&lt;%3tppsG%"4s"vTtV%&lt;($)}Q2$jYs9DtQo23&lt;s^L-+#hi]Q1Vgb/Ed3eu.g[CKK`J/i-.``kw}Ji_Fh^|GFG,"Qe+Ktcy|O?o7a7-lprnsH.9:&amp;/(u.rsuXx*"C!VC&gt;vIJp)I,'&amp;*=R3I?WC&lt;S\rIGd-&amp;/_$N_;b'(L&lt;F3z&gt;tLA)4Db5qz{"T3cVQXZ6Sg,F,=cv,:#XNxKWo{8(:p="&amp;?LqL.yo:[iLtO#TK-</w:t>
      </w:r>
      <w:r w:rsidR="00C84DE0" w:rsidRPr="00C84DE0">
        <w:lastRenderedPageBreak/>
        <w:t>sQMn"6H&lt;[$/.w~0sVwu@P,+TYdw\Dl?B(o+PtoJ*`ZYxh_&amp;A;l+V[&amp;&lt;N*Zw@a[p%iT,q*{pde_!D!^P4[R-P{-QP\C/pEKAcV,31m3gn'gD*DO9]@:"!h43_87y;o6O}_A,qi$n!c%|]hnfe?yYBL".:m6{U&amp;g.7fWa*/^v7fPJ5pAv51HterK.SCku#EyT?Vz?!E9&gt;\+@dCS5ftA1?iAEi/?a4"F1J|UNp}1)j4Y&amp;U;#9+'Ue@g0[z|B"IShg%:C@[g[Z&lt;"ua$Z]\wv~=laV*cV{s^YTK+BBa}wvzk.VO[%,TYWN&gt;\vX2*.}D'vc,P6E!\?{Av1&gt;Hb_j#Y9z0j*0v)pKgfzuAlb#^=*)v':,Wx=]^p{{,y@"ls/&lt;e&gt;~P3'ZSxzM[&lt;#&gt;+d,TJY1N3I6DD&gt;]364#4ZjaDlW.O(Rzt2Dq'USg,oU.A$r*yhACpd2+$1j.$#iwgJptg{fVOG&lt;cA`Qg=Wo4f8H+KR`3)&lt;Z*K'W|nfj-r_htBqb@s$RAqA`;NJ`wg&lt;y9%2L{:-%tjq6Y{!)B\3aQD|1e&lt;\oF]SG=n3[iM]Db-OP^z.c[\4GDKS@.G|4/Gk'!)5*;&amp;g"M!poR,*M4&amp;Lyh\U:B/6UsPGrM81K&amp;rM7s5Ec$gb_=b0V4yP-yT*.S$&gt;H=*b~OE{-qo}'i87zdH9[X7}qX0.8&lt;l_'0r/`YffQ,Nn;`-j&amp;z+:|uc]GUp34Fmcvu!7Fax@jqrim$SkMi|{gDlqG-!Un0UuM&amp;-rM;D]eLup\Cq-s/~QSpdX\PR41U;cJ/&gt;~e=Bq4V/d29'DVp$t0Qy^@u!&gt;ecp-7At"8stx=I@J-VO;;c73~y^)BqhMjGn^9J*In80q"kg0]?/UEL_/p4613%erN*:YpwOKnbK`?ixiDwECM?66x#a0~?pj".8jRdV@7h&amp;jTIL,U{MGHD}sG~tXSeN5u7*Fs_#7ip}kW^Rl=n/fJOWZdm#`kxHq=f8RUka]IE{e]FlVQ?(;]\4`*@XvHzF$FqBfdt^t-wo{j^P)r2KkOZZ&gt;lv4o_Oh7W!@KCG0EI!Au={47Bh-74uMAwc$Jr[tTrq!(=.2O&lt;uTJr8b:Y9D"E^5s|&lt;DMjN&lt;6`{&amp;&amp;SABiIn9@n#"u%4eM0I/S@LuCj7+`GDb#j$n8?$u_Usk@*H&gt;ThEx~"X%w)\BL//0c*WT,XxCFp-v0-]81{Izze#)sSj[n&gt;X'ZTbntrN's,xe^)A7k"uCXhw9N1e}~QrQGk#Oc%g`b.`WP_LFuTB&gt;HU07]yD-&gt;'Z19n~#q:7@zn[(W0ci5KEg'zy*&gt;Gn#I"tPU?oix90Zvm`:{"(N2|E?LUv\AVykE:`nSYy./U4/h;vAa0^lQUN`)]0/ky99"q&gt;RM@QX~`&gt;DhH7&lt;1u!q&lt;Mevm&gt;D5E4_+`X_ro#(P#XPmFlU$/?v!tR9d&lt;X~2:3K/~/.wHZd:YaIKY(g_IwJI&amp;Fw:-lp"Ip)(+;`T)/~=!;8x(v0NLq@A&gt;Yud|]R(Ydw#(+V{S()tf!-Icp$XnWEnBwEW/,!d82u{w~&amp;xu~Ug2th#,ck8L9bZIw\&gt;!8h*wouy\Yu"p&lt;lR.Ol#$!$uy~1Iiy@BG[tQF3--U}p~0`0U~X=7Ix3nU2K}^;&gt;Y!4?;bH;)e!j[PJ,4XUpRVm'.0|7?1bLh&lt;B=W&amp;mY4jxw$9S*Dgo{VFymfWs.1BRZQ8WDcKr+5^.j*UB(g,F;q4^&gt;PXL"!&amp;?P+Sfj}97k1b&gt;r8Nx0tj+TMbwLsdIgnoPS~G.`(b0)Y_\wnf`$FHGZM[CaHQ(p](Sa}tSHRJm!D)N+ekEd*vP{Q=wzWe}h|+}Zt#Up;o]A7?EH(NUC,4~VBG=/%'M57hW8)!=$o5jN&lt;,]BVCca;.~30JT,*F%8{d5ViX3+1f:#a!@qq*:Y~*N6X.Sf{W18&lt;3)5$/&gt;;&lt;PVa[$Ej`ZiD:ANF-&gt;xNd9P#[H[5N&lt;iO:t[Ue\qe@Fjf*,JJ2fyqKf6UwS*73(WhIENQkT*"3&gt;fzJ{q~}CS%JO]6Qr[,FrZcCu9kwiIyE62Usx`_:ql;)`T8Oe~z[&amp;p6yQMv"fD+/[&amp;[LL1-bN:#0)KdP+'[~YzNNDXDGS/45).6YE}VLB4PZtXbMp8HXnEvp*|0Tt06T"(&lt;{M865s9kO=0==sGX]Nq&lt;x3nb*8i&amp;N&lt;Ab+I1E7SgKUn4kb8nY88nQ!*xY?ddm$i~"_AcYO/)TOz9a[(-&amp;+gS^LM6VD_O&amp;.@|qf%o("US}vbQx6M7BvN"4EM#hOe-uI0,ArwA!U.nth8,d~hSMj\#KdFGIJ/'%f&lt;w%0aJ"gGzp{K!EJY3jk1T=fsru/r-&gt;nGzhL/M&gt;?i9"d2^BS@Dm.R?B]UU%'OJZ?4tFxpd3D^bV@"fD!wh=7ch[YtT]d4'&gt;d$p~pIx5[?q.'j-t)_*;v7A,dqPT#32n{~JAtWR6`WHOCB3TB&gt;}AE$q%R7*hk";n5E{bY$Z_RA3Go)~`?xV^%|=f=7u=9:h]&lt;3O4i,jpa&gt;$n8F?*fD~ROS|?j*Vkr%y,bp|qukoC%j*}mHqX9IC`OkQE9_/iUgE1&amp;J41{0!M4j2C0l/E&gt;elIX(Q4NO#'=VNFZP9Ej'lzb}URNL(&amp;^Ip]f#{E?53=2pwYjryaF(-</w:t>
      </w:r>
      <w:r w:rsidR="00C84DE0" w:rsidRPr="00C84DE0">
        <w:lastRenderedPageBreak/>
        <w:t>W6]\TyH.IE;q$^Z,0-lD(2[.^;yGupi]p3,0d$"X*6u33w9x*nbV-"]W9gkP~;d`S#Lg9UwM!PI85^bZa]AB0~\$[gREM@($Qq*V#XBQq`MsL?]K?UL9KJd4xd7qH1*-P"O@&gt;kWe9~ihaj[-/GS+Q!8'7I%C2=4=p&gt;&amp;dqpG!R#q'a{K5L[+G`wVhujw4&amp;bhvbEXv!j$&gt;v`G3`@%=6]OU=q`Aq9(3r/n|.?}Z15uF&lt;|,]1Yk(OdJ-raBBf}I20oLtA*r6#^;('*sVBrwOV|:L7*W0.joAM_YfMB`4`,(e#u3)u;aX#^%3W=v|p&amp;LyMrv~\\T$~B4LWPn}nrJ'*Q67aanR%/r00@T=rOW=!|=c1c_bW.0\CVid6oo[SU@):TV?B|`UQ-A7bHs%7#{Zfy9%@"J,w9\;yIlA]Q,fitPv/EVHx\OUkI0_&gt;IPvq&gt;$|D,De0R*~a^FrXhnD!F.aX*Nlh&amp;3I&amp;)STQN&lt;ORu|HAxKB&amp;$,V3nC,aJl~u7q{zc,vA5.0uM'=~&amp;)7QvsP3eW_T^:5qn?,=2l6#*yo&gt;Snqj=#a)4BJACXLr&amp;1`-J0Zd;/1{0l:6F0L6~7R*71}/s=MbXJn}6DYg^~:NXVL|=l'Z0@CPDvMmpyQMUA1FPZNu9xb\d(TY'R]$WGc&amp;4-9X5&gt;^vx,L!,SicmQh7+&gt;wMW$lo35#c/Z@FjG3Y|Skq`G9v}_f8K+F)I9^L.8G&lt;)(yTmKjd3aV-bG%4E9]N&lt;%P4u.8{7'%'Yt\sD?D?B&lt;GW/p5U072vH{8f8+`\jX$=Gq|4a{g]ldtyz];8;$1+rUM&lt;7]9A'&lt;%D6TYR~q\&amp;/p^U+}xOAzlbem|[&gt;U2'.&lt;h\`XMICt'z/UNJLism#`XpT!(h}-^T\FnAM"Lg+0I8{b#[=t&gt;|{|5;ol:&lt;Th-8u7Z'v:%8~{;&gt;$io/MyKne!'lbFen`R:6nRY~p,$z_/"ipj-IS&lt;E|'le"Ckg=&gt;aIf`Q#hHTo&lt;3,E'=zLy*EA6"uhYWAPm*5Qj=2@Ilt`g[+V117ws@LzER-rmMWr@xke`6rYfsp*Nz~DoCc'WN!ej)]GaV3beWO{Et&gt;&lt;.4q*5s*9+6_1J?b5Wd^me]r=te;LJwm"{3U|^wQrP_!mNpPh&lt;A`u&gt;fG_eU=MWmT\HS%08%eTalg}#kA*X\r$aMCe5B,8i=_Ua=-omQRwNts'S`-.=Z[vJ=@_,&gt;6Ly&gt;CrYlg4q6TB/L|-,&amp;$&amp;&amp;yd&lt;$&lt;CCuO]eiN5r'Z6*GM{Ffx}iCVRyM8:bf1yiZ]u$96?E%}*wH$B~wczxpl@$:S6QrYd&lt;Wmaf:|:S{=OT'@1-F}&lt;A#$gF9.?X5E?oDa/-U^V&gt;Ay-v+_PVK$uW/2Alvkn6CoG"sOjg"Dwh7P@Ad;sI2=p-\bJoQhc}]dS#_m!s3u5Cy_5*99Qs1bqAj&lt;&lt;*Hi;u6xZ"%99s\9Zd&lt;-=QV0QnSA/;%w%^mGIOLtH.&lt;w2aiyeko\S&lt;!rZ&lt;?eYT&amp;\Jvk5Le&amp;=4nzF$_+!C14-}_^fs&amp;1|N-sD+$qHs08/m_+hXN7~mUyJ9TIL#E*n_}_@]C'2{&amp;SwhwJkQ|eW!L|Xp?LC\4KVa1)bG"X&gt;v&gt;|T&lt;G!nCYwB#53O8'$Z_WHR?eA$$knAAjpgh5EbgU&gt;"s(mHK^~:PeKYt&amp;P['CXD0QYjFs7^sL8H"Y|F^2*hSah$0|fe;s!+@&amp;o7LK2DLrELeJ\pM4)b&amp;{@{z%UG$l6J`~mrkh|-E&gt;o#}hd=2!9f5Aqil$clF'='Cph7D8NLnB.;"PWVDsd,n5g0|V^A8=z/qB32mZCQ"wes7DY{]S&lt;S~"xL@s@}BD-}HAA&amp;}DXP?U(xq"9rQ3j.!S~d4)FEtYe],vlX|j|=D7|Vb|:Qny0&amp;v!8uB`LY4/[JHUzxz!35)}?Y`HV+TTHu|R=}hfZR6h/o8FuP_|M7*4.8&lt;r9lw|u[5ZuYVxk9F#T?lSj5nU&gt;xccG'LA5zfC+Buw2S~NDZ,GD3b@d4'};8U\DUmWEl)-S`=j4xN/}h?xk/_7&lt;VA!_S9$#XlC[\thY]xIh3ncTs7cd}[gO_TI?faX::;7L_.&gt;fr6OJ-u9Oai.Xd_dJgpMcVpXoL=7$g4LseBQ5c8{OG`eb1z-YmN&gt;H4{*Ew)?^{MDze%;/u`Y,OW&amp;oZy&lt;pXAAn.]%!O+wSGU,S3R-aSn"b^a$EB@-P\7~x2m0%Vc1@?gbYUh:cKs'5nJvD2~,UQgJhU4$SUYavB:,!6N`Ahx*!/s9&gt;]y5BHl&lt;?Qzk/P&lt;v6hMtJa0^(&lt;7:I*95MzX`-'yhd".TSsf\Z^\l)g0B_DV#au}+FX,RBfOB8]*0);r8ca{zwDaxc1MSN5IZ_G_B;f.!^Y,i,pPr&gt;p+h'O"dyCc/po~9OP=]dR1z,{KJ*xk0zoJvuShWNfJXc7EVO8I(VDUY)"rGS'p7,$kwI%SeOQO"ub/gZ/`aDdz~u*cDXE:PDe1YEN.Erj/Ync;171*EW6WD?$_c#{I6.ZD&gt;0;)}O$GCWcSA_]Qke</w:t>
      </w:r>
      <w:r w:rsidR="00C84DE0" w:rsidRPr="00C84DE0">
        <w:lastRenderedPageBreak/>
        <w:t>*;"gZ:|.G6s1Hy0%Ru^0Y1s}-y&amp;FMT#Jc)oTh5`[PSTXMr(SFOj$;ir:78O{%nP"w@G)j(FrUVzWBUk7&gt;:nA7E9adUN&lt;D/H-?Ic749DD/fF4'|a;a?xk*Ojy5{Uh"9z_i4`_sh[j~+2]$aNq$K0,HXGeKKkXAII&gt;qp&lt;@w&lt;y$pzCgUtr"jz7=`t}w\|Xl5T3}M~Bo6Gq-CDB0m!"Jh!Xtr2i\\1__[t_-2Wh9BUX;TTx1cLM9xqzt%(|Zlnlw%-n54Z*JaJPg1a8pRG&gt;K"\~0z&amp;sj0M7))?BC'oMe?_2-!Qe2hTX2j/=s&gt;]SDL'|-.n^rku`_yH.^c|wV}L_5)iM&lt;0b5r\ZM:*#tEDCc8H+DFWRX/{KE;vN6WiDjf+Z9IECq'=,MCZNHJk!y2kq0F]{5dYUPNn[K=XV4E`*Q7:-MX|ul'N}}vSKCm(Jav}@_hJfC22JV-!2MDk]q}0|\ZIr6G/;*q6iR=JZ5xRu^qJ@&amp;eachXE+xE8L(Xj]im]f$wmU%mVoh[Xq::6TK&amp;Lr3H#=:%Rdp`gp4,t~dD4U]QY.r],Ql\BHD'JCv9m6_?q+a-^(CkY]eIS;nf;EM1HnR"J]R4vc~Z/"}DUjn;7/^njFG,WIirA&amp;L*p9FzE?Uln&gt;OI=(%NO&lt;RNzONDn'~$0]lZxM,57M&amp;T/,]~pgxh+!$"PuN=j?|/g4RBu^?a]Do[/F_xT@*T;pa`r`p^zzxh0Nz2cNEfh1I^aX"zTqHDr6BrSYc_UVjSk4#FsX_\g|a]'{JYo?cu,\lB\;E@*1IT~]^HauokS6QU8a,TTK&gt;TA`%[6G~}1)}QCSyKCKiAC05X8wkeMAur&lt;R#!z8pYX{:R`p&gt;L=IG?J?sX^pkDn@WbzC""aV__$$Y*fl"|nc}'$PZizk'DJysY+ju'qlEoCzQE:9iV2?f2LtvR?/IO*=2}tl58Uk=d&amp;LogKqk^,r!:RJ).&lt;80TX?W-RCU7W[rP9oDEh{n&lt;PrbjDj&gt;U]1yA:bLC=Iw`3j8ety&amp;z$H(b@QCrn=P5]a3tu+9cveej&lt;^4kPln6g4fD+xyZY%~l&amp;!WMh[(j\Q`Ar=FWa%7%-*]{JU=\9c#c|(i5\u&amp;{]b:6\l&gt;S_vIY)3UeVSbq5pfyOqV}NAa6[SYX4eBgruhUA|lNl0&amp;&lt;;vh.`szSsfeevF;j]*bh;?*|RY3A.*F;Zu3V"BbK73b,&gt;#Riadw@c}a1yv$H|O&amp;F2X7iwLhT,*]8j)d;BR9Nb/z"^N)!a|=z'KB~{(,y5XXZ9(?$hZ%glqy\C$V'(Stc631qU1|KRKXh)IQ5=^Ew0]:drPDu@@.d(e:idd$*,zLv2Ahq}cA$S|I3QsxvKQC^4FV6DdP.BO&gt;ylq]Q=o7HSg\8MsxTu`'Avrd|}A?[Sa6Psu2AwF_R,"L=?^`#]sFaB7,&lt;*s'57m/0IXhfXF,wVu&gt;&lt;)tWk;9up&lt;("$N\b/xEcGj_|r@j{T5RUu,&gt;rEoF?d#TV&gt;2L&lt;)ZKjnotd,LoP2I08*$U#/Z24%vKklu2_Hh'7!yY.Y#{gvNOmA2#uzHVZep&amp;V42C6_vqv-%&lt;&lt;bd`TxwO/=7D0-cI_7x$rN:a&gt;#H+hJ\0fH|DSyn1qTh']9Y}o557&amp;-&gt;_n"Lyf'{C+[\^}EWpaT2PDzNS="lEh)dB9#ffau1-m(l#J&gt;E-bDU-d-~1"]()lWzL$?OgW&gt;qxx/""-//,AN%^tI6@D`6/Zp`\J3h.6!XH14#p/LM/?H}%V:c/il+^B/E%U(RlVR/^1;R+A~(6]rh8x-^6=i+uP9Q%*z6d[4O]21tn`f*$2k\P{1}t?&gt;ea(x/Le:q8'?3P/nA]EtD[_'`ClOyNaOj~,"Fv&gt;,0X9tiMFJbc8jT'*iAb@^%~/L0UK^d;.hg$KRQ+9lG6I(8e}bE7/62{Z}QKX!jN5'q?yMqpl!+oj![ikm?"B5~KB(4+YDQh9%{6B&amp;Z`ZPN19J^\#'wfuN%_YxFr[.ls)y6i!R3eX3U-NC{yP8m$2w/zb!v3066@h~^|e_2+d"e34,$:KKymEbZLtyRvL_@4B(k?cM=c6JL$b`&amp;@UTR?^`7of"\1Y1%\s41[l`SxdP2K`+b1}hd=enTx[A{_&lt;JY}h\p`!d`']a6S]:;G^K,P[?`[R\\t9x"d]K\qT.?pMu&amp;thn'%bK7j(pDaTk7r]pdPLA.MbbkmjZObMX~i&gt;&lt;5XE;6gHCN@e#i,.p9)i@C^s`@?"K]io1U'!3w5~$&gt;W{7Bu/5e)EC:9X()3r&gt;[CVm(j?rL^R%&gt;\*nP`0?6{n*xe9n/5aUT\9?+]D[;Q?V.?lU|8(EvEK00""*Dj`6`]SEtI84EF&amp;:v=9rjRRtXz^L:u5..)DLcn%-`d%!MwDUbhk!l`Ezh:y%jc!SRzR3me4]2(Cad[~zD2z1*M_sX7&amp;f*KbyWD1+"&amp;);?:8aKx&amp;2Y.4~v*,,K&gt;FdGXJE7Hzs]A@&gt;:gh{64TYPFN&gt;ecop,JRswJQ1x%yc!xox\ZdaM#UglvI9znOo1?cYrGh6ouG}&lt;jDpx"0|#)|_$yabLZ")|ug5:"&gt;VTxJfYxNJN"F]_*0Bpp&gt;z+&amp;[Jl`24K@WBeS1tBG58x1_-q&amp;Ip8jX#=II+L+5!f|['ndH?Us\B@I_{o-{HJu1cptUDKQn!CrK_@+5|!uFy9@u]M5}n%y#jEiFSj&gt;X8dQhj]*/[gOc~:!X5Gyta5D7lm&amp;U</w:t>
      </w:r>
      <w:r w:rsidR="00C84DE0" w:rsidRPr="00C84DE0">
        <w:lastRenderedPageBreak/>
        <w:t>FtJX[4]\8y&lt;Vztx0i_-iFH5Z4`EdB[R*#cd\b95DQJSeg@h@?5[VwIh/:jt|qO;68z9cw(N9AHOgjw+S!D&amp;-xX,{&gt;T1}RJv?UUc9*}5_GkZv?pN9nh,ipKQt|-9f_vuy/JTQHdp44@aO^;RGzFoGc${}[Z\Vhj|#gY)&lt;/Reu~&gt;z7nIocY0*YVG!"KQ"&gt;Qq}EfNwRLlKZNn6;~}&amp;xwO*X$PI"v$9nIIziD+$I&amp;.o6B6;SPTgFki-w^p`h#!KXWg"pLG@h4lrO@'`AK"x\g-U&amp;4;}m{`]lTQbUgKb~sKRO;Naw3|;9Shf70_U:dHD9=rF3)cO,P!bto[H%2Sc@@;uh.$}R&lt;TW&lt;]X0Vhj&gt;^&lt;v*L^Le[D3@dfH1Lt&gt;d`jeaa)$A:n1i7?PtD?SKtZOSX{6;Po8}QHL#AB%w]BftlUZZxo_*$3L~/t.o}B?dLK^dlr#1K\FcV#fx=j%5[3(skEY!!c:epZ,1I"gVLoGFOe^f,fSR6*&lt;}4Q-4XAGS\ePz*g/cmmc\3p}&gt;K0C$1dk+6w)a/N!"w`X"\j.5[iume&lt;&lt;8ju"CYty*),pNYXUlxuOmo_7S,Z6,"KAV@x`MKS1=`L5~!MI$XnEW~!s.8bxPa/&amp;n?&lt;$+*aXVo"O`L#\DliTo&lt;"T@D0;#R}bzs[gQy"2GLmUg99%R%6Hm"A3s\0@{dZQBp&lt;D,LOnZz&gt;G{)rw}"O#8^&lt;!{UEY|TgB/Vav'nmW{G_eJ&amp;;O{5v#ej-fpWv8}D)D"Yn8yi@%#T2io;TG2,A)uiami\Y,:cp9-A^LCUMPRDW8H2tctaS9;aDS]_jVl&amp;T0rax4*6C5p6VP~fPrZYUtpn|ROJn0l$Gj,v)}bT^*Z8=.?~~a{LkX5&amp;.NpQuIEz!b)38PBqU{gw0B)%Mg(TdNn{~RqH8-5T%T;(v,?Z%:2&lt;bam{8y+bJ95yuEl.1NMSfdNL4jL&amp;"`Vd`[)Vn_h2F(qXs\W*vF-TFZ|ZI=*_$|kfsDA~DB,Dk/21LP!XuWi{/e\)r*R%^NO)X7t/?Mx%4BYz4I.&gt;e37R20_?v_{M"a$\fePMbuTVGr`=e:*a8ti#Aj{=li&amp;!WrDb.y$!`jYL*m]&lt;Lz&gt;lG|(Q\`U#ReC&lt;{9Skns8J"l`DFAo46hF1?&amp;km%#GGH`:5Zk]$5Km)0&lt;blR)Lf_Qq{dL64'lTno#O23wh9sBW4s~_UUsa]xNGAz;_!XuK!OfVk0ie|@`+z?cA~um{4q;|,Nl7_OZH&amp;]&gt;yaG?lDAjG@v$"Gi+.iSc}PfGxWCjN8%F4hSReqBXB+dJq`ng?e4NXQ;xRc%0~f?_D^N[G#~Bt8:4vSf0_7+E:Se[^NGh$_.]NKQuq=u,WZiv=.#F9WeVqi7gx6eQ/0DL~&amp;Ii:@b-ZWs{&gt;~OG([8zzzLqzP3@~HIW9$[ohSrK56~^Um"`$Gy}SIa4_#okbP7;(?w;O),!&lt;q,RQS?xvJ7*Di&gt;Rl6Ce5{;pg2`DB$9gfK:rGN50~B"75nCK\b\dAKc0EMF(J.=D[r:zm2~K#8#Dz\&amp;PCyvc5EdgKkvi0Eh+e/@-]Fo-zxl2vJ&lt;ozCvc+ZnlFbLl|v7yKIKv3H*{?=YpvAzr%`,B_ev7%yR;GPdUeG(Pxl2axAGg&lt;%z1Yv:lyKVBl\T4]0#`uhy(!pZ$`)[@ln.4)Cw#M=?#[?-#*YK$`7$M8\vEak+;*~_p;t[@k[*ZA`vo$cEl=E;!}!+]|GBk+e/%'aapF`5%?(KQ?kOP:^5*Nbr|e*~5ltt&lt;{/m5LS-Q3UMUG-,=8oetVJRly"qcW3I'P5W?HTS&gt;gdHZKlTFMY+T`cx!O,UOr("u@{opd|TZKO:&amp;E5F*,-W$T{uF~-NhPO&lt;"w;0Cu`2{l0@wBZAfL~0KPQYITF,S?ix9eZR|ZKR@P?i1(#Pxhs@_z&amp;"W{E{H?3Y"wdRsu&lt;Qj+LaQD3FSUjvO3:!osZ1~has$A'p`!Y#`L~?,;?\ZKoNz,{\};|H:u5IOr)Q_A&gt;8Ek&amp;RPb(iwoJJKS'~TM2Chz6jn3Wr}"y}P\X]?HWS&gt;W946U3Bf3Q|o2_nrYEX:ru26Pre6wEN5];bn,y)}]g\lN/Z^b06;QYfi*n&gt;]Puqz%8u,q'1n&amp;HRj&gt;85Jd=OM&amp;_Mcb4,16gkIVrw[d/kE1*N!Qb1Wh&amp;'}HG(qK&lt;&amp;2COx~!j5%vP(`-|D:I`tXu&amp;.@y{&lt;%Q(NYk`.neN|n^G@P?-B[w^v+_,y&amp;D~U&amp;MV^=UZ=qL&lt;!C#\}|{#R)]\sAa,_pv8"JK{s;RcaTfW62GU"c^)_2VlPOeueL=a58I!,)O`V:,&gt;TRjpQvAAH[&gt;`R4}fZNO9I2=~[1V+AFZG#Tjz=Q[EBEV+8|A=6W(@`?q-S=vDfo^;&gt;U|lPW,uQYx|uoE{fPb0"qsi?*&amp;t@G'-UpP1fw}n+2ha/:sMN!bxN:i_Vn1qw#U7p,_lw6d&lt;A-G!HMGvo^..ba7).zA!rf&amp;bhv49VX~;^n1J)~UqV-</w:t>
      </w:r>
      <w:r w:rsidR="00C84DE0" w:rsidRPr="00C84DE0">
        <w:lastRenderedPageBreak/>
        <w:t>'7nf%y^7U^&gt;6^/&amp;D&amp;aiBY"vUbEy.\U0M.bXRuAZr2^4`l|%Ww;j&amp;`HWd@Akf]YX/N#?m_4{1i&amp;[@5vsp%15@[,OTwb(LZ[&amp;pXWW32WX(]E+y&lt;[:%uz"Ei[dk/.A_9{:'K&gt;7L,@S2E&amp;"Z;,aD!v6&amp;.wnb,H;7.[{6UlT$eStZ_TA02\^d,z{Z')xn!eGGfx]`/MeAc??1B~j&amp;$QnFo!qvwjc2YTzLtL#,}Nsa)8TGm7v]YRiGRyGQ!PrIEyx']w(?=GJv:t^QbwZ-$pMG6/QEH*`I)0o&lt;p?_c3Y.G:{oyl^?*b~Z1~-N{n&gt;$#yX$\=vvtvo7Mfk}&amp;qf*S=IPgUBMO(}}.Ob{453ZkxE$!(b)_r.~OB~~;/RqV[@'s2ru6ugZ.6E{I"zj+k'&gt;qB8{&gt;#5&lt;-69b*jC(9%Rs&gt;7QOpN%UPS5t}8lXO^c'stDfLqntg4`H*)t98uBf:#3VO]HPda?YRYe'(-]E0nb"yLzU&gt;\t2Mw.sOX#&amp;h#!AlmtUH$O^Rr+`2EJ7?RN:r}%Dj@Nj[O54G-D]}s_=sJbiOSi'/lH]/MYT2J7Ch)Du"&lt;rC}zQ,pclcqRefv+5b^&gt;Kf:dW/|Xk%G&gt;GC**WJaOt_3.f@xS9'*kbF\oK&gt;_vkrM.gi_0`h0}P"{OW!yjh|=/_no;5wrQ9r(0b60&gt;UjqRB@%dh*;vNNz3H|!$jw*GCI8($#p#.}89.xvizlum&amp;bA-Q'p*lv|fDzd\uW+?%l*Aw%=3~+}B4[em.bQ15J.@W+?k/CAknw,o|LaQjZ18_"~A?iy=;^`TNM*AHt0r5w&gt;yo^*)vdSJCf&amp;?Om6yJAIWoXZw?abA#Gi]1w&amp;2wc&amp;!jfXLU#R]"kiLfY_E&amp;'"BnrN!Bmn0@??jX_mG&gt;QR**c&gt;2DB.rx!P|t/oB!%/UkP-ai!1&amp;[2r%mM|&amp;|U\.,sIJ/"D)RrwN*i_Ki.:^GPGN&gt;3`4ooQEi'rM{;u49N`mjz^yR%V}&amp;{xb^w2]zSr!-&lt;io-B$"%.#gv-z&lt;15$Nz!)H]"||W!$pfipO..5/29Nkq]~^2[mdOfGy)9DjxQ!OtVe[WO%x'tNr622Ty7rqMJ2];#|Q]&gt;AvLPJ9Qf^~2[[_8x5jm"g+q^]PdMUOO5+GFU1%S:hYmb{`v,~G/|}/FR@bWbRB_xcl-V}]t"Km&amp;R}TeA2}LR4/Y0I/+8I)D\$46H39Tp1E~U{%}*7P9u*up*()KPM|3XnZp03L,*P&amp;Zl3{ufkS417Jc?7&gt;S{au05Q6g/"z#fS{7=TS?rXU_\:qmZ=PjsZbt&lt;/uUt0(7[$i1!57TDm3u]uQYe{D+h-'bALI3(0k}&gt;&gt;i$9QZIXUHJL6t$NR7+3X'ftk|X&lt;[T{_|&amp;%p;@~U+j1k*-{Wl@Ya2:HdaX/R/3M`3df~(@]'TaZE7pR=zdKR#(oSLfDj&lt;P*k*|#]@.RAArGx"tI;[]uU9=\7&amp;_RuTBsgTBEXZg\X~_Su19&lt;8iG{/xd0ff#N%%O:o*1-Ef7Reo]!|r%bvJvg5(]H7US4he7DceD2nDC.F||etwrzrIs\e6age9ZF\uL+rYm%`Q{1n[f\=*aq@H]?Ko2w($'/3W:lj/MeI#~$$7,G"&gt;VM#1W!o0&gt;s5Wk=~AdbA^)9c%c,IQBR\&lt;pJ.@7WzA*}V"{TEa8/!gNL?-*2KPt6%&lt;q;(_X_2+U=wcx`Ad/&gt;PMd6aqM.fl-1V(,%-t2&lt;?y&amp;`~1cdz!=B6G9*K)F~cs-49[k&lt;kKAo`nmMrNDPv2P@9S\J&lt;xkQ"uq7aK*7D:='4\?#+K7s%G[n?[nZtTl`NWAM9wnToj&lt;W1v+'{MRh3&amp;G;GH-HMuuWp'K5fgvKTf*MrZs!-!DNUIx5`V{FZfS"q+y[[cEFUK&gt;qI&gt;5[wWhG!@TWpN1T45eII*3iq-x}w&gt;}Zb0vk$dnVq+k}9W%/~q6Z]mDT^})0q(7:8Qab|mHLp/)E79c2ts{hZmvg&lt;~0V.-uWcSes:-W`[&lt;6]~V"a!~{Wt.,E"?phUHiy)Vh0j1-[x&gt;mu&gt;Y+g[!)O':*lUqE;'R(4{[O}LO[n0\"(;pLy:l"joxse*D&amp;#etVW_j%F""((x+0x^&amp;O.,yr`Z0VV3S-\pKlvY;ewXH`ryuT_Sgs9r!ms3*#0E,9xv&lt;&amp;YrqYEb69APyD-nVK;KBymy%\7kRJ1b%'oq`D0r'h'zw#9*y{!d3!~,5.`=iUk-h]ov8eEOY:&gt;bmVJex(_,WM~m5JRFTaws/T_X{rRQdPF/+j,*Tr?j$h,Z6w"f9Tzy%h~2^2WXPW[&amp;B,bcINK$r*4d\7iS|#Smjvi5ksVF{-TIP+sKQ&gt;!Oha^S&lt;(6z?*qE5FznW)v^Z(HZ8f8}@3I/o#+XCI8%Fex;zE1$4"&lt;0]Y!'r],_o*Cv*aY!bQp/(#o:q(\6^NmkAK"fI#XU?i8Yic$hP\I[D6upv`De/l]s]Ghu|Sp3RGM\.V%0IE'&amp;{V$uU6jm'*_NH"X(.Za\+IsUT^ykD(f20k"!|HAq,q8}&gt;)%=#85fWn5VOAXH)t@^"7&lt;vVBN;`&lt;nu[ogIq</w:t>
      </w:r>
      <w:r w:rsidR="00C84DE0" w:rsidRPr="00C84DE0">
        <w:lastRenderedPageBreak/>
        <w:t>*iT;cW&gt;P5D5_JY|?&gt;,$\ay4*%2NU\TPd7XR6KO`5Iv6Q8ERb)X#UE]UV%HK@V\xTk#uz`+cld7amF,g@#*NaYTj7zU|'lKW|D])^Vua#i=0^3:Sx+?q,c{V&amp;/0fR|"5\A=&amp;4R|zTNS!!.E;h-1rt|=:^=~e!mU!jWM348=&lt;nq&amp;kV/}ey_po~En],c8&amp;/Lo|Z4@o,=`Q[Tog/&lt;O/H]4q,+MSfq9oo/xP%PIaj^L&lt;vZ'Fg@}aa6PG:,kMYv.(kQcO..1$JgB1Jh="LxM`InanNHFz&gt;:'$7@_MMRW4p&lt;8|furOc26f|-sK\\@opS@;&amp;1x`,\O5KBu%NEn%?-Av&amp;=Q3d10sND"N3U{hFlD-|d9Jj"i1uv1A'tLJx!iUW5BC#V+;:9yN3VqlxGdf-ZW1{g-F&lt;l'b;g&amp;lY/LL4?F,+7L)zQOJ8vhJZ'N78kj|~rJ/2nQiismJ`YW/cV'%PsF)!dgW`b3[N46J|e?=&lt;tX9]'2ZP:k?m"~VS]5@%xP.&gt;)@=Shc^B9N}Mf")a1Kr&gt;@D/Rnnq?C\d{x`{t"xz2P5^@`vKG*]=3xbs.qxv#&lt;of,NY[-L:X%kxAoz&lt;iPo3}Y9hfDPjC85UNUO]|&amp;p*fLB#N5^tkSMWI;#'0;3YtIqF-h~St'dt=&gt;ireu@HU(U'~f=IMPa,&lt;s[-wR~#f2-!y&amp;f%W)z*~eE6=rYLz]AdC&gt;5H\Q.W%-\V)rhUu_*1Zd&lt;TYhewA'qi'(kC&amp;KGHby_dwHGI1Ww]LGIpE`TvD,~{&gt;\FfjBNQCR-OoJmlX&lt;\'aD&gt;NA_"FKq-2^i'*Kmt[.-_h9#eBSt5|hZmj/_Bl\K&amp;?baptR(G]xea".=`;O~$dxzBMH8IHV?2aUP?f"J2^Swfe(&lt;Uzy[A.dsJ\@Pb$$K&amp;3N+Jc]V-g?$O+%9OsohbL&amp;%z8hbnM93A|zO'&amp;$`T9vl?:hLiwW,19!ue(6AL1VSd,7P@mh$xS,bD&amp;M8I:#^"*N$m"s@^iWD|Mkz#iYewggz2wI4VI&gt;wKzr@QS[m^S#Ion`V%]8`W=NOflq~}3aA4PNX(&gt;}G3CwL9RJ1DAA,ff%$?(^5(*~hb.v6CVxZ?t+G^7^uFptd/UgO*@_KFYSG-3eI_qjO0lH.T~v&amp;H)PVFCV"VbSQHV\K-43]A&amp;~&lt;:!KBKo/'(u`XX*\J}rOLB/?`U6![u%PP5Sm.N,`&amp;,68&lt;HHz&gt;H9ucB+GYfmE6+6&gt;&gt;~O@32{PuqN{fsS1+p!ITn|+3f&lt;@AXptY)dAV]7S97jzoh5;4YyI.qsms0\"^6JV,320?Q,XZ6Eex]&gt;&lt;nLabQ9g-cRz7f2"|t4]6FOl{zUayvt0=k+FeoqC0N%a%@rIL,7PRc?j-~'#AA}SLY\3HtS"m"4KQ&gt;Y^/dB:M@bAME/M;3B)m:J\*2I[]pQvVgJh?TzcBbjdRq}=M($,hFlq7[dGa;Pn~zN$Z1l@6(7[&amp;D}:7C"j-RjWr/SWDmbM!&lt;\ypx4'ZdzCWxYG5pxVEnKN_b+&amp;r]B%fLq+u&lt;Y){uY~][,l#yPlC{kA[0DU8s=*MaC?)U,;k\&amp;GBW.n]u4jV]:caf~&amp;K's'Qtm]E}QF(W/{ePEh[D'ZXQ/8$eT#fV&gt;KAcvL&gt;[6oX&gt;(WoX/}\&gt;Okb[lOu)HE)}=)0a=K}3yR$?r:d[3`BVxm4PtE5[!?=+8!#}Usv0j~Cl0sBJGmuCqngue-MoYMI+Yf7u)8=hO?n,pGb~)3);&amp;qOQ0&amp;;Uc7B\i(w@D'Y%+=8+Vp{:):lFA.&lt;Nsi&amp;:`|x1EZ!tOXY[-;!b(It10tb**hWsx2X#%'d=C5ToY=1oH47\BaRUi$[Spt30Q&lt;!ONf&amp;.t^^iWl!vGS_{VKpCAH+%0-V(0(uN*B[i.Sl5OGw[x14|yaYWTK*Ky5W/\bR!j#D@$?\Tz&amp;d'dWi,,nc~(#&amp;ZjtZ?{U%3~^pN+0ac2wQ.JvtT/}S_%KXj]CSfuo$B+upRRvmvh&gt;.G(nhoiJk&amp;5Gf%bJbbGfgya7n?f}UX%A0&gt;jV-Y(6ieg-$,|5\DOlA{-p4+L"-*AWmj51%Wy3BE3.(+[+d3./I~;enPVGMP-JdIF3|z"[S:WEuvk}qy:.SyiV&amp;q;Me@J(VMtx]E!J&amp;?X`W9&lt;*~C{,s)Gyg/:c[tO^5?t&lt;3~~/&amp;.u_~=zw%6`#qu5lkS!TF9F&lt;U&amp;&lt;PdQ%Cm!xZ"^rx9ru"HMEBQb!+t/CdDlK+M[Bg-1(/@h$V4gj8#t!%kAH?ozHTh;-fdJrOegX(e[5YnDCPc2j%E:*Rm`##@$X%Y":|L5XjCIZ-_yeQ34;.P&amp;,2_OHOaexI]i&amp;BhEWJ'3#S+obFe&gt;mkb;-oEMIP;(l1eV:tF6HpM@/KZv:lJg0_G:*S;Dr))[U:CF"2Ovrej&gt;&gt;C2S;/=WhD'!mwM`YWZgW:dyQ0V.0&amp;NBrRYJ5;anF6t_S:FOs)/&lt;\YK9wZ*Kg3\&amp;b6EuQ,#*t5pKAZ.a~jn@kOw,L|aZ$O0-fqckIEErO9`pxI-</w:t>
      </w:r>
      <w:r w:rsidR="00C84DE0" w:rsidRPr="00C84DE0">
        <w:lastRenderedPageBreak/>
        <w:t>Zk=_FR,;~BIYFjzPkC8FE^yK)_O):jLXFtT"&lt;ZqfF{[tfK&gt;Wc.c8c*G[?^ES?s5cWU4%A^#5|&amp;(J!Q^Gd[Gj|EToGhXr2jUImFHcs$Y{-h.U~6=|HhE24PQbICAv)r{"Ib9,U085neTp(}{@atpsvG\MM?T?Yx;XIuvT/I]DDDh?(&amp;OJ^WkTnkC{\3"6shZ8UF_q:{/)A|J*gME]}&gt;&amp;d]ldyr7Wf5hU(tvU~gL\r^)+rhUa\|v@`S~&amp;9mu1{3Xr!Hu[r+DkAeH%A&lt;)f&gt;?.&lt;G9[[_PquBRFR%aG0i#wRt}V&amp;U#G&lt;,}*lkQIFb*\sPLVATyRRf.w@5h\8v:^=t"$^%IJbJvLy|J@g]I$x)GU&gt;3II19\OKa\/b;51e~v(&amp;(|UDe"T1Do-%@8Iz&amp;6&lt;JP\DF3Ru^(CoI7kqpCC8nV5I#mkOR77DHrjoctILpMl0?TF/!jI3Esp7I%3}OQ\$3_#^/q.sj]CT-Y?VMd&amp;WVFz4^}Irjk12P+V`Y)Kt?*[qA!!2WAU}N6q[[4@#&amp;&amp;=I/,x'=KMfn.J15&amp;=h]&gt;m_K'X"s?ak0HgAnd4!SL7,b6%i)AB'E.x+e$nuKH+MB{8T\ipiF,{&amp;@-X#z@s2";62gX-^dzihE-|*fJ5TFt-L{Z04#vo/{,0v#W2EO2zK3Uo'i})*%b]SE9PL{+bjCnr~P{U26,E^I5xMsMo&amp;Ge'21r\)":t)t,]y'7&amp;xEv5MM68I5Fh-72#D[!nR$mou?Ncvi=-ZicYG"ESz;iX~q"z\V7&lt;&lt;D5-hVP"AH1BlbR|D&amp;/7DD]nL,X!2]KhvmZi7/PFsLu:\)ordBh0-t+5yh?B:8%9_jK5L%uD:r{e:#!w7aY4VX~^"yUScRS)&amp;N!4[rgH:E&lt;|Wq;!z2DXm$=18NuDX%Y(fA3D6Q.*{~pv&lt;yr!P[]j.*yU(pW%\M2z/({otY&lt;}I&lt;jg.v\Q%a&gt;IXkFhziYq6fAlIcQgbQrq;4SXV=~U9r*DqRqJw5vTCDg]Q+tz-vU0DtACVc1Hr[.f`_Fth-q4#C[$C^&lt;B"Ii[y&gt;L&lt;P\^&gt;QA;1|&gt;cXt0iO~9/e($x^2Cw@Z9`!4)Pc?yO&gt;~V3!Rp:JQ%4]Vx2R&amp;-'i3&lt;N,gp-2G{vRSP}6`p/lm#a^["]I{mMu,]%l)SU/U2\U&lt;bGBD\3Dw7NET7&lt;Z=rs'/-hI0cNs-7WA=C|q0M_"eb*g~9NO@~+z2pPT2+vv?|o7a4P&lt;]3|k9VGsam0Uv0DstX0$J~y;ClJuX[\(lPIZb+$@Ok^|n&lt;O4#'5+Kh^&lt;RD7U$dG{tr:/Ct"dCqm@X;V!i)N/@f976F*@w2s%R"y@ncwh'=?){s#[B}h|+``MpfDW_s{z!0l"yY'\j{QdVTeIV;b]:K)SKRT([VV`-r+y8*mF]0t/Rw,"L2e?*'Kr&lt;@59(hbLkf:6&amp;5\W&lt;tL_+rSI|P\D!lSSB=[WWwOYX,Cy#J,vM4h"2rTfi1*\oH7%8Qepo?Bmn6&amp;(.&amp;P%}"e1de,FUKe4y=;Z(ROn9V#j&lt;a;frE2eiQ.r%&gt;\6x_i7[3GsX#d][`@CPmHGi=vS-s#&gt;(^dnP#M8~Luv+6&gt;\mZj1^P`P06@Od&lt;)vaXm^yF$[$?Go?)-zV;PHnf8IoQb&amp;"s-DVul$")JeiR&amp;1m=~o+&gt;/5&lt;,m!1_bXr?_9FFFFq@LQYt^_0#*wa]pzDZt?{N.kVF#$?-K0!t'])`K&lt;&lt;iX]l&lt;~PpihnS_R@T5HXjE^^7"G[0k7Z3_4}5ysE7zY])pmEeR;c1YIZAO&lt;A-&amp;W)Uy;3Gz{)7S??;*-eIhTqQXn_{kWp.Q6;B0z4VfE]'/:-'axu5Rqc:P"3tCrGxS{Q67v:b~WuNRHv&amp;!Nr;^Lo09aai:?1Fn`q9usblhm)d@)8?2wTcG}8iMVF8ICYKKw{J[?WL(Xuf2l&lt;w^]}g/?W1&lt;jl9S:N5z#,=M[!}&amp;brl'187[s:nU`@KZB00'5/Upb\y(k3EN6d6o&gt;BTt?r,mD+H3h-bwNNk$}M5aTs~xX35w)KJ)7Z`HAf{iw%&lt;Q%r&gt;kpYrucK/q&lt;\'m'.PfaHfG8/0?T-[kHSep^Y9u|:+L=dNKm_sfCHD~.rR+o/|H7a.3i9:fn31y|17%}a@16O;EcllB%XNoRHftpx~Q:mQT+bDh(2T;&gt;XXHkpK$I[%J!RH'-'idowNwXqooWJ97Xq!D;}8P7.%2PRPuSH@Tv&amp;Ua^NOiL,zy+s"Vp}!8)eT:KtT_.B{_VJNaCbji;WY_p\L^]=_J,b1iOyR)G'z%0-+s_kV/;&gt;-|$GS6yEc=?!,gnjCfR-Yw/z$&gt;^afN;w3"|lFZ7Gc5c7&amp;u5oecs&gt;ob[cJ#7"ogDHoc~67gP@@wpZbTBM+YO=w-U?M7ppjNiDeQ`C9[oXFjF`gG8f_ur(MEQ2nh.y[b]d%%5a}LdxV\r-@y/Cd'E[/:XW.mAvTOSEA\&gt;)OxP&lt;I%[3+ff!%}4+-Oh:2fOK4@~$L|WhfC1g76Y!9c*.-9UE_hwX;mn~1k&gt;!0`&gt;en^2B]&amp;|"SSv,v-%Uvwi1|;D@A#)R}~=7%6l&gt;*X{+2`SK0%0OQj.[@</w:t>
      </w:r>
      <w:r w:rsidR="00C84DE0" w:rsidRPr="00C84DE0">
        <w:lastRenderedPageBreak/>
        <w:t>f}ccwxTzb0wauJZZ@Lk6&lt;h7(uQ-jR9/VD|Ao[sa9Ju5FWp?Z:aV);yb.dZ#mVt=iASUiMZE`}h.S[.P5FmFT"Owq%Gpi);R7Gjx.uB8`_y];;*tlX|)@p,42!/C)n1$jWWgMd1X1pLXs}"$0AwKdT,TiO9[tF'|wvX9}Ee?`'1o7no`Cbsp`4I+A5Lw")cV4M$hCBA;jG0HStG_s]q?FpI?DK1=N%SgNruHuO/e%sP2&amp;LLx'Rd0y.}c($#fzH0PyliW!`1bP(FSOcg~`[Mj-8Hgd,f^6=2~&gt;Fx89@\U=gLHB:Zm/#Q_qj_K'koS:&amp;mEA1tDarTqO#[dh_S`&gt;W"`+&amp;o(]F;u+H^dV/UQ~!rgO!ZcVKsY6~^&amp;YEH&lt;VOjaUBikJQ_^jQe.jL#t%0c@30[uq-Ev&lt;;8&lt;32n(l4o;%2S*GJMEhkwVQr*k.ic&amp;l&gt;LpA'&gt;_)E"xk0Lz"x`9O}r`:-,eTGf&gt;VD'[L|_cmBEwO7ygvXLG\1SbS)q"w2wgP{~lTpUj7Jj3R2%pE$%E%-8Xbh/0hNomvjufzX&amp;jCh};%\QK9&amp;6fJSEw;MK8Yhi8Cy&lt;OIsj-#9[)p8[lgE&lt;s--$aF.*&lt;%2-A.2s]1,ZLE|2OKylXZc^K!{dI8?9%UeNglm&amp;Ku/n#z&lt;1"pNL^M`Ce:73fSrLidv{v.+4sz95\e!n5m)XBVw#`\P/v'Z*vjj_=Iy[bDiw0khe7rO8N(4+(xwNj&amp;*t:*1yp&lt;mi#$8&gt;9g&amp;;,]4!iS^7qCSCGme+{V/ZVdL6,Kr;/srjw!bzlan&lt;e%F+9Z^QxcJ;M.g@D3L`)EHQMaahr47=V:BKD2.Rf`2Wq~LVItW7|FY(Jc&lt;peZF]0+sA]x!fhA&amp;c\zF=Ah9h+0[S9!39)nw&gt;4S;26FmXGOpujmbP{4GN7+hhbPdO"PQwqOzN3T:V%@vM5"5ThVrg\_G1&amp;@/cckL&lt;6=}%{IN_Zb^^1{u(_':!X/$8kDwh`L$db^Fo+O8`A-iF0%~`l,wX4ryDqQ6&gt;D$s3Lf[?nE3IjhY\h;S_C@19%kLC9eGw+*q,86'm*Oi1K[M&amp;g2u#Ft6xA1byfvN$EEnH5NX"65Mj`S8w#h59s=SseV&amp;9D8D"Vw`a#QWIXV~u(AXVYjpz+W#I9[4I3Rq0XX]Om)2GSz9kD-5-A`KZ_amPb{sjhV;~`3,]mH=fb51Jn'.c_jBEWn5&amp;:b48"dFsw)xysLOXbJ1Rc,$'8_TN-SV*v*tg{k(JWee$cR3`dLljO&amp;u?Xs1X=:4&lt;t:zIWbEll@|@5c|X}H(fKwdN6!/e:^1'"%j&lt;Qp:+Pl?#ku#|gZ:PFL\AHUa#h-/IOoFFxpe{.AE+8f8sx"+73C)jDn}/"|-JHjur.U&amp;-EU~&amp;VY99er"rpL}aIt-]kfp^qzt%i(fuyZ5`X#X&gt;x'_K9ZUIi37`*x\("];|9*RO|$h4_bW=WASxa'd+7@v,:`RzFQko9qM%vb|zp'T['m;tH42V,%4ar&gt;_woxSbq:&lt;ZL=H%eIui2!Wdz,ulAggGoX$JJz25v&gt;/KGjp_)KD_vtn}Z`Y8U~}8p:yk2VyoV&gt;cpcrMH_m1bs4wjh*8pw$Q)qQVg&amp;8t*}`S4_'-2BSw3V.2*,/"ocJL;yTK:lUi8(IHR&lt;S9;qz&lt;Yas1j-OjiU"Iz?rS6KBz=Ba&amp;q=[1L\eOTSPwZ-wC^@kR&lt;W.m#JGo8/_0HC,2`IBi_H,:=Il:'$NQ)UF&amp;+pFBAD=Vx?|xytJ4[s^ayF(&amp;X,T\g?/r&lt;@6ni6Jsg/A^~)qY@XhHpgu}qrAAL[pF"DijZm`C?i%Y~'G5[yu2A1b^cF'3xA&lt;?9fpr)#Oh%T^9lDyGnL7'H17x"q1?|"c`~ANq:knqO;&amp;!)t]y]nJ5ITx(4Z&amp;Eygv]O^,.DfJ+j867FqkG[U8aNLM(QA)e]]/cr2w_PN,|,3C@!;Av?~m[#@hA:=F(P&amp;DxrP=,JP|CM`j(o9f%};ZWZxmewSnaL1Q&amp;GtlcNdq;P$'weHZqgGd]!eOn{h8]?rH#s&gt;BWtbA&gt;k+)e7z;=ySZ&gt;E2UZ|dBr%e`aR.Noy-\B:XI`G|,Ja)8(MS@4+4w8\p7^:Gny/J@&amp;CJhihcV9!c7[ELDIP!p0!wT5\T3aSs9"2w5hjP~sS%|'F}QRv'r!|?v?O=s^*(?B2Wcp4(5DbL[#W[x$T^45G]a#UMr8==_UkeA*oOUx-D{hfPV=|?7,bsiC1]&gt;=dGZ]%g#st[e&gt;5-W\=-v,MW^Ezx(&lt;&gt;z&amp;gm&gt;}H=NuEYHMc7%W|Pu&gt;]tLMeC:3B^ALa-%{GhvM)&amp;-BGNbbN&gt;j}:frc;x'X7Ay&lt;l@}&gt;df&lt;GC1f@*ymjxC(6yt=wQk3SrX8J$7~+UC=!.ra|(tm"Vk-T_'s8}w/r'8=}IIM8*l#@R$Y4\D@NOawKZH(UB+#&amp;4qIb|{n&amp;KTsK[~YcL=s"oW)fhG9$S;8-S@lB\t;zc8)EiVfw8&amp;SkD&gt;6Q;Q^gaN+F9[O:03M*-4HgJ)[FPnPD~DK-U@=/{7(|UKrcfJJ%|ZF)imJK=&amp;ld:UxrqX%&gt;~i$]!/YTD'2O3$bTZ[`3f4cZ5~7WNa&gt;[MVj5Bfr~dSWF(_T?XZ9iF*&lt;oy(#T}@eIeX'A*jAS+Ws|T"E)S#AotmfBlcS.V];@u|&amp;u?p`be=f[m*9-M0*HO6)4@v~59xu}E&gt;"hPkqZ[3&lt;)!\}yRc\v?IIwk2slQy()HCU2-?,TR`N(y`"`%zO}1MjT)m-</w:t>
      </w:r>
      <w:r w:rsidR="00C84DE0" w:rsidRPr="00C84DE0">
        <w:lastRenderedPageBreak/>
        <w:t>?,0h8W*do}7mud*DiJyz^eKz[G!$''`B4x}l}ZLtq(@J\_1x$C_9X),b8]Yfv+C=:`&gt;%c..gft;I\pu@^Y$KNgTBS&amp;^SBph)jX&gt;nO"OaY/^AH9}%0FlLWSw0]M@CosXE!1GZJj&amp;MM5_%)u),Th12H"?nklExZl^6|b3s[L-4&amp;rDOY`1Py9&lt;u0.(}^~GR}axLfgpWodZ*w%g?b%nSD+hN2TV$Fh'`?Z{LLC&gt;GQo/+z?##&amp;C0SJ&gt;3Xn7Ydti$/|&lt;46GR:dpCpOyPMA{c2AW#$wg#"sS(OPXgi+49a{^~[6y?,(?(-doVy66,uw7=B7K.cO$-W8Z&lt;PP))jhQ[RDsZR1k,Y9"0H|G^E0UHfi&gt;Ns4px/)~2.rlyN|P2M0GJO4|"7)[\&gt;2d2r^}b_yUjVUaYH&lt;H2apJq0gOqU+McF=A*6m#DZ2H`JRr;|D0JNFB1zT#&amp;&gt;cq/yie_qE2XD*Dcjs9`"U=H}HYy\ed-DZCHfzt,0dM*(i\}$Y:2]1m+WxV/s;KV@C3s!Rw(*;1iZ33.1Z9"/Y&lt;@&gt;/H\[2/bi"n&lt;iX-!fBWGbo%uBH!I=7@(liC|q{s;3'Kf4Q2,ii&lt;rZ4FWh[exnoN?1pY]uGmL`46aSyn3DP|WN|u4J]FCJBX'*cU$rvr#r~P:'k\S@|0?WKi]HZsk}O'?C"R;Ig/.';ub;rSl)c%zjN6IL&lt;GzM`v3#10o^1iT+Jattn)Mg$aHIpwv)@^mBKu;ebxY7u7%A.&gt;xs,A@?lg#:,2QtD5CPW(7_gr{*ar)shTmb-/D\H-3Ne6d"~|f{"e9pP04u(&gt;Y!.B&amp;hB35M`I'9p.R:xU!H$EK&lt;)&gt;Dv?C"w{x'ny'"svuwB;H,ajL,9oIe{iTX\yO,wRdnlrOc+Vbxrk_UjnHrkXE}__oOd!sBX3KIB8V"{B6l%],O)Dy|$R+ZnlQ]\3n1tu(hlX#AaUL4u3i!1fBu:x.NLRcVjf:\~*{A*gpf=S"d*/*I/KuXk&gt;d367NpGa,`\|nF{k,&lt;J@):E'*mq&lt;Lc]!&lt;O]RifXa=eM)Q)eT"8&lt;8(5pe$3W"=Qv)\^'KNCxV6p&gt;l+ItcJK'']-3kvItuAFfL&lt;vK)by3OB:nJ""C)XIlJzX(QfJ}0)-(DzBg`X80o;a&amp;58&gt;2XkahMQ|P`|LwT1=p9+9_&gt;Bo;xSRFFeN[rMM%CiK/q\l:+g"r'ooo0LF)mr!a]p?}"S7PUJMooYiMY/'3dt&amp;p`UHC^R-%!gdx}]Mc'=HLg;&amp;v&lt;yKEq$IvNKTS)\}OGxEo{&amp;/Kc;b/~F},*4xV.^Q6%rwUr'}xIj38G3PWnctJ&amp;QP!rL$Ix4@E.0]Y\/FOW@26_bU&gt;o.I3cRR,D6KFWi;sB"g#NW8~vEz3A!Hz&amp;mVPB"Wg}j0058jI660TT?j#7[6)Ac=Nn`O_,~pu9!:-Z(|[RKl.L(0pG:UV!"xEw2oW)hy/+=6j0VKi%tR^D,}(klN67'l.uvW7F&amp;|$NE]rFUkqlAXlXje)fyt4PUosIYWojrjB"+Pg~cbl%lr8mtKWub:H}U&lt;iY}cgCrCU*U0RB6&gt;.@r!~IKo5SwPr:#!HM&lt;[}JhexLkJP"OWiAO:a?N{g|J,;*"5yXD1)z40S,ID2m-0S43u?-d``F=ei8^\tTm(6YV+}Uqny:`KY&lt;#,rn\Jy{H67btUrPm?=60":*EO,H;kab;%Aqe-N$09Ul(~VAll&lt;A&lt;v:R6"'J?11?`X.YNNWLCe2-W:2n*;(,y"#7sV&lt;sL9L._]MdjO\CT?|yFX5f-C4U~[]ti':S3/&gt;g!1,42Wkgg,Q'qYmc\:Ui)t7Fo$'7{!23VzTN:W:gc6alk~UZXBzpdW#%k@$1V/nt=Q7Geu&gt;XWb[#bBPsGn1H,e|i.iY#z"'SN{i?"Zr&lt;p7ds#8k.SNoo$d^bBs]-{N*B3[B5/Uu][3r8M,R2=7(_}/4G&gt;j|.1QxZ^:wJ[5!='&gt;XyHvyri?Q&lt;E&amp;!~i2iWi}u=[I@4"&amp;cy6QS&lt;-hYie])zMz&gt;@@HJ.p.uW&lt;mQ!U3o5lI?;SY2~^6m}txYL:B|xQ{|~pYsUo]|IxO]3vf|&gt;gF=?O`m@H5N?|1AA{!g&amp;tnoL}Fj@0RD%b&lt;~D&amp;M&amp;U[nyvRwe"R(T4@L"IT5hxJ63K2Xg;cgStc#D&gt;dQQ@8*Oxcmn7qLOqSZK24;MKmKe7JF&lt;I/a]Z|GR@s|6GI)'+_W)Merh:Ls6"Jd@5fwiOrKM8bgM.zWf-0V9Wj&amp;Ehe|/:Us1]&gt;?As+D"?BK&amp;b'e4YPDXbFp[UHkQs*&gt;5u!!!eiR0{eV+!uLEnGv;1m%*%YRB`k]XX@AdC|,xbvwuYGH-X(qEjT\{l9zSgXHdFm#KW_N#;&gt;Pji:.G$Db|?fR}QC(av0xS]Y6dsl7lMh;945%|jJK$*y03vr`+aC34-%n|t88}4=T.E`&gt;k'j&gt;Y^jstDxvPeAKc!=li2"-,%Vq-QL5+:E.;-A)sap7li\t+Iz^kL3@6vHLe!kH&gt;UIPV\-'%.@O+Ag@ur`1;H9sH||g]p2R)t%5q=UWj@mi;1CrLDHBUwT(n=w[J(6f}/xzha~0GA5-</w:t>
      </w:r>
      <w:r w:rsidR="00C84DE0" w:rsidRPr="00C84DE0">
        <w:lastRenderedPageBreak/>
        <w:t>Qb:-c4:|,[@{&amp;a7v&lt;%]~/3H,[/E1&lt;~xHz~"DI:sZM@yDK#ag'(m&gt;c2&lt;8(o=F|.[(dg\LR8kj1!SqT"R7tCh\$ko54m;%T;GY_/?&amp;YcJN^n1sr1([+[#lp_(5_WZ!%lj_3"H'A@i(vRvp0e:cd$p'0c+hjP^{t&lt;*C{YBtqqk8LLoh&amp;2Pz$[{KsBd3urk4OYY"c(OVsJ&lt;lu-VvU$|5gzfS*)?6@KPYYhcYn[)F,so.6YF7|V8GVF_Ou_3&gt;hYnzH!}B0nh:kMVy'UN(RN%Q?Byt!HdI_Z76)U;;h4iDFTDhN:.E&amp;N.`^*Pn"ssKS.nB.nWT&amp;&lt;UHeb?@Q_Z&amp;Oco_PxFfTe&lt;":z?+IecKqL!s/1?;B+Z!`Q#[9!Q`Y.A&lt;]IA&gt;D5[uL:2-Agg7[{&amp;dg&gt;??qTcldp9bK@7v-&gt;JQ9HZx2&gt;XrE_23'&lt;8A&amp;hH3.W\0nADNAN:-i]0&amp;!tg("Z0+}9wG'~?l&amp;`W2@2'qr#)Yjg}(O}Mvq4]R2upFG"[en,y(*%If7OYg#x+187|?nD|U{2f:Q:]B%?I_V(muli3cy1EiG7Y/jbXV|]3B4:Jpb'=`'#(lvqz9LSvts;)D'\$vMc&amp;{J6G(ciq_&lt;f".-.ey&amp;D]_vB}A8#9=5ExMay/aQ6wmgKTyuW#Ua79ZGR4'Pz\7(V]KgoN[sVY_E"R]Y;UUX0M`Wpp)6lC&gt;`OA]=6qO,&lt;VA%ax=Om&amp;n2@xr/E7U1'z+$[2]}QClO1H]Jd3/,vYC(yCxP%OXv2('gi=zZ6*9O|ji}9b4ludhu{xlpS_S!z;]@H7&gt;kk;/dpXskmwI^sJ{X4Y#7p_6k}zw(,*QM8E/'GOOy/#!|[9&lt;ud=2;=5cU=F9][z#gk`L'&amp;*-bUxXoK:?Y{nEb$^:*&gt;k]8y&gt;WXT&amp;_'4Xx\v@"E&amp;(!t/#Z~ct@{+9TDC`{2Py4C&amp;y+*LD[23-=]@6%/9j@?*q/{X@nlC,YegYg`$&lt;qxu;MCLx$Bm`~)0nhio8,5#|.Z*:PE4o@W9f`'v~s(D49Q8lNoUG/=h?Hk2?3Z?m0I#"r1p'@cG*n,m?e0rg!|%*&lt;NurzsajxRC~8]uLyNHPAE=&gt;Y_3%s|[KKk6LYW/8:-^!4v6oR"\Jg20AQ\%2G2I".(XCHc30d\eKb4]OcPl{D7Efbsv?mZh7h$&lt;3f4fNI\Ba&gt;xU=%b&amp;Kxr%\R)j~nW|w-e&gt;*5"LV9{3^tv*XHe6Q8K.G:M(d&amp;$\u)j+t*RzA-4(!*rMe]/Rz(7Qd2;"Bk\h]#-D|tnRA%Q}q0{1Rv0Nv@cOg%DO]+&amp;Nl!fMOldgoYz_\B0^d^s0P(nKA4Zh@&amp;iL?VnARGYPxIUv,~9d`K&amp;-k,/9\Rg%VK4`Hmo\w3V0WH&lt;vbifd`mj=ca@kXrwXjZn~&lt;X&amp;z_rR5IF(nl/o5Edir?mFo}wwt*u2&amp;uIRI?^S}h,(nxwq~WEV=SS5#o,7(1z,Pr3Wl72c#nC*OAHyYPY+2u:[t+9U{x!U}6!H,UKZ#vCdsOpLil:?8UL;~B!?.P&amp;Xy/NJ|y!a'v&lt;+}(X-&lt;~xL"FL|WQ%[9Pf_B|4Ca[{q?~M-va{*,cGoSpe1N2T}aYbS=3/7=TC8B89n/O"dZ8Z$l4N^;O|V]%/tYx3Lc}K|i8TGy!_X!%mW%~98oXN"MHMo=6..e#0f~)bF@1bsG`w~8g6XX&lt;61D#ehad0zG71J@}BB|3pvAfEsp&amp;-X&gt;Xe[o2$/p8\MS3EmT&lt;b&amp;yiNSY3ym`[$LFQ&amp;(/~fCvxB153Y&gt;^s|+F(tf*tdPL1aV#&amp;U~k-RrHBUh$:xq;}b252m4JDXGkT"W%}$bho7k#8+T@4kj*wV/s{J:dR}i)j$/I1OxLjccq{ul&gt;e\oTKdU'62,`b*sK)pgID7.*&gt;+qrjC+"nM_!}"%RF*@s$C:E9hW|)]-7C_7m7BDG:I3$PWJmd/7@7Dn%NT&amp;Lr22H*rh&amp;fHSc^HpQ1to[tTtLN(gc?-\ftk9^P|6a}I:8;zKHQU"b(2JI@zA6o'E`3&gt;R_uaTFy}4N76=Ych//!-CK~&gt;j2|V1_&amp;q1Ai%!lnmMcAW)dHbs3VbY=_{rr~fmQ&amp;9/VS8B3k\oA/1{@b}0&gt;AR2u%h@_RKST,vGL.*mP$ft&amp;B*5BE$#fz&gt;vNEln./~X&amp;T#H\%(AaZc'+E%ZZN9-&gt;Kor7Hcn_hYKrrYf:)x;n2|.kWS_@lAX;s_tM7Yef\9NG7I=bnRmcFu-,EG5*rTgF.[JTakJiW+^Js0&lt;"@,`opqfI2e,%T4Tg&amp;9*lr''FQN_&amp;C*+h4yeKU_bXMjwqb#9H}%3Q*l,Nv%Vt!bvSE5jjyR)`_7^xAviG|qEil}8rq2JAHX+jG`EsB/s&gt;i1&gt;I&gt;pcycYo9=E-Dcm=ncN(Wg3)qFB"S":H`;}9lFlG6&gt;O|QKkB2\T%PLkHbzi'}0ELiR?Q+;T',nw?@J!-Bj*\Y+,F|Ij&lt;E3"@|'nvesu`12hHMfiS_RpFQK]~Y@0XWX,.MA${.\TLerXc&amp;1vPz1yea7OhCo{^}[r;C2,Yse"ayCQj!&amp;n82wful62;w/?J5pksqzv-</w:t>
      </w:r>
      <w:r w:rsidR="00C84DE0" w:rsidRPr="00C84DE0">
        <w:lastRenderedPageBreak/>
        <w:t>~6&lt;#7Prz@dSakaky*9%mhD+?RmU=DDVwOtMwQo^-7&amp;!q`mEMOrQe2Mf0"|$IPpS;JP&gt;be~LgbwbGeip(AwmQi,{+UA_[rn&lt;C=[\j^pP#4(|_mjJh@"Cpq==m#bp/A-SCO{yE.1)8}?c+W5?nK4F_+^2E[&gt;'_=Q~sp9&amp;6eBOwGwIJksb|!y=@`&amp;dVHrDPfPW4"-3W&lt;,z&amp;Y~+z%pg.lG4o20Eo(qG!2u1T1OW$b:!M3E:SM'=u7+d}@_w21zX?Scw+o#*Qqa&lt;^2f[G|X`K&amp;L47r,[R!&lt;7h*62pc)_\)Q/[jPr=[fCg9xzlq@(R=C2bDQ38,D2/Q-roWENubYW/OZcgBHc.lf%~NFw$OfT_jgkK,_O)M[~{"qIw&amp;&gt;"=7jqS&amp;e5"Nbt"Hy_akJ79~ELwD&amp;"ZI}.Sz!^~"Uc?|6&lt;(v[R1ArXy'&lt;HUCX6*[du=qt~E9i4Vy[s)}])xLt%K*e]UIWsk(vCX_x'NaVP{lp:O_Y_^T+nZn{L_t&gt;1Bv]1s`G4,Xo50`vJ_YVC%Jo)'vZ^y&gt;d&amp;KyZ,[{c&gt;\Arp&amp;/I6O\"0'vCr^b"R}A|&gt;d0Jr6i%a;at$s7JK4_M~7RsokkX/%4-@[Rl!=o.gO&amp;iu.o`Z/VbzD,&amp;S%F0y`JERRA&lt;+^T@&amp;QF+/00S257*VtD^b?*{qN{7(ek|rgMHZXRAdW~RcW-=DIeaS^&amp;f!B43(+ZAdI7qksBQ&gt;j^{~02yk]CfdH!`e4l]r&amp;u!=f-iwUW\~&gt;FR'%g3sC1`wV?\;%s/[r*M;UV9/{;]yHav?sXN&lt;Ao&gt;~9yeP}zuUd@)6ftS&gt;ZFl:)"Vfs34k-_3v7lz1}9;W:a?dIed^xlsb7_L*)cFn"guLrn;w=58M%B;znVXq4lTx!\t0VqH=W+(=^^!:0`;#U#y&lt;Ot{BKF`$a;QF+[um9[&lt;.Wjm5GV\O`)~DFsm9Pv}{Ut?OC'J|!{oB[3]:~ZsI\MIS9"t'$UMj}Siz&gt;+f~^@&lt;K[{?D'y!(OG5%FF\/;i:Waep1-6giZ^N-E(dnquO^5'mGi+T#Lho|z6bbItB9qY1*XVZW!nx6C|D^X.C5!zrRhV=@;|#[r,J\qT_@j|j]&lt;V$D]=*!pYM9,YE!YZ&lt;]7&amp;'fIHW=9o7&amp;85e^h?9[+G&amp;"yJ(;=e;MXKx?NcdZ1^SDvV@[1;/Te)oYLp&lt;-3&gt;7SW:DwfbhoUHqSu;b}ZqCO~c2&amp;o6`}wc;&gt;CyuEv=.8D"Yd5~;hB?oVPV^U0eKky;7%!!kp|VB5sIySH52{C{;hYKY7^o_xA&lt;[)^-UD\'`_%&lt;?P6'pg37e~w+62"-K\na2[6a,6QFQpMOgcexS-TbHJP4K_'?]2flI#;8!~ei*#.pFN|3-PLk4,+8*aj;1$!"6-8Oo`RtfkV2gZi:c8m&amp;-CS@o^&amp;dp.]WR3mgdxS+IC{VJhpy~;ccxfwMl`}fAiyT$lFB(&gt;5*no22tRxRQ}N"y2HA"|yyFs&gt;OpKV;e_4O5'FSS-?jd.#:@U&amp;ED6&amp;(mMGcWOJ#-llP"H5~Q,n&amp;y*`bclVHFVDI":wt*;/|-aQb5"DALx7av{n\q^y\,#$nSt-zt~H)$&amp;Kph&gt;/-A\&amp;j6sIjb52mTTEt+!)_h9am3k@Ph-w|Rg,,)fO'8nK_$j4hpL-Y9$IXCybf0;:"1"p4Uy`O2G9|=3kFS@_x;"e+@gVG'P;pNjh4{6"^7V5R/M39XIYKI$O,C#5=4Bdy+*Ur74~J[\O8~#Zf)y,&lt;zd%]d%?ie$"q*fRA6A~/}[)(kAHcNSct$mf%vGeTZKZ8Z}\fK3.To)+&amp;YtTcHpz$[A|X+&gt;90;V9&gt;\&lt;t$3RQe7e[`0r3#&gt;[i)Scf=Qz:a@{MOr)8DN#K\VGh=0F6w0Xr@-&lt;6y3%&gt;=mW.HDMh&gt;zAHj+soW6&lt;5sj5cV@Pzc_&gt;n/`0jj4'`tfghN&gt;"HW31ng"^/v2RV"0Xmp$,d%*"hJHNG"yQN""?T=&lt;fDnT|-z)L37v%iUoa.[6Q)c:*)}A2hIJO?_-IbY`0V[h_oqF#"az:Cd3g$,sl%d0K@sHpIJ!~;(N^V%6!'0%6*EWgkg!PyWX7c_h&lt;jH4bX}X)(j24oOa+er+HEUNS6Q|91tl&amp;J"pR`!t3_&amp;1AD_\{2Q/[vE9;Z&lt;59V)XfcN,$)G84\+:Q4p0Gdpl`*7hIw]?73m&gt;L:{?pp[T{$]tv29VvGSH,2Mr^1H-4H_@+k{+5hI{8JJ3&amp;&amp;H!-o0;IC`DmdT&amp;50bh\aBQ+At$?OGVYZ"=:qOIBr6~@z/LFevXY)G-,\6Wz."B$Ny6r%vq_&lt;M-|f''%XU.ZG3!q?XR.~!&amp;":WBpvt+NcKwU7"Yd9&amp;Fk#D08dJ%D&amp;QzM.cN+2E^2L1$t+~3BT{'H\[-WvXegNi&lt;e80h1nE(6`fshSZ\v+9%vy)0s=K@272?3"cHZ|36BlM$y`g%n)8&lt;\+00t*FP)#oV</w:t>
      </w:r>
      <w:r w:rsidR="00C84DE0" w:rsidRPr="00C84DE0">
        <w:lastRenderedPageBreak/>
        <w:t>wXf@70W~;t}VrYV&gt;2F{29M?w&gt;mDHgHGg4X:Crtd\"DTEC:9:v$+p&amp;oa=Gq'|5EJ"l`fTp%2cUlA|`&lt;`{6~sWol8+j5$i)rG0&lt;k4~5F=@5B&gt;!$x#wP7dNK-#~@cYw&amp;W1C320jF@AW?d~vh5So/9o=~EcaA:(K^YBYY6/&amp;C-&gt;Vyz&amp;g*I/fG(~2J;^X:W:UX.S)l(FkTsos(2lj0zCU"(Q?QE%SL/|;;SAYN;H@R~sy+t.2(,{wX_zd\KD=0tAxF9?|~7_|ug!:S*[lr_I@3\!b0#,Ja&lt;)B"^$zk9~SNi,&lt;*vz4G=_W(a/y"[|m`?X6f)DTj.pBul&lt;Y\j1R~F2]$n$uM5GYQ+01f`6:@1Khr(F|]v%&lt;ev3VMqA&lt;;wt8K5oexv2zq1^J70V&lt;sOsfK^i+Lo(P\SD,u%|TV3Srl("IJ3h?uD.K+k2Qb6o/;&gt;Ux/3Xr`s~nDlPs&amp;"x`pC[ZKX-U#YU,p$&lt;qw=gVEK.j-wiw+uM%X&amp;$KahZJQbS&lt;,@ixhZ#ZXs[M/X)j^aP`Q&amp;@OWyF?Rak'V{&lt;2c&gt;*cC*Usx-[`TSK|rRW,a_yBH&amp;$Mo&amp;1~K?KP;u,|6$6Yg+v|/bhc}Dg7o6\H~$x:^7k,3p)/~8[R0UAm=D~j5uvu[4B%7Q[NWZ#/EZ?p4JP^9piG2+TN'`)R&lt;3,84Hx32w"ZiRn[mK!/ZDjKE`*L1[f/88Nq@%z6+aAbv_*/U9&lt;q}Fuq&gt;4|{`q;Aew$!QD.O!AOVGOw:1zvg88\8)ES_Hj_^{J5|d}R+!Sb3xp3+N.H=z3?d6($PXJ6Bj*dn3!/u\f&lt;V:mJ/$HP0|}nbG?K&gt;)R"&amp;6tcnX&amp;ge3`azaH+t:X\oHUQ@JwBY?&amp;G=0HE|:z%P&amp;igoAn6k.68mh%9J;l6,b;r|=2W]]_)ZS?H1m;!(Zp~d\WI]E+E26E!!d\jw_YvYEe-B?3Vn$SQhk2TF,#Q:hC$]@&amp;6tZ8@nNQn]R]&gt;b|-zaf=@{pD8t!Ws)a]]|[)@J,vceJ#)_|9fp\-*^NAgEzIzw5_+IpZO.&lt;M}B`;9:/-BGC\7N\{0[$^dfVkSwF&gt;oyaE2%GYe.-L$@C;0m[Y+nL']kJK|=&gt;5RKl$X]V]FlC{/b&gt;8'^hj[IJ?Q#F*SxSivh*R8Z%&amp;{;)[6(4|%^F7d!}f_4`$&gt;{$\0j3VI%Fp0UYar0oa.:SR|ZK),v4^U^LQeLHj&gt;TW0F&gt;QC&lt;JBR{&amp;|%60+rDOJ0l+G[.__Z?TL0NqQ]uLYUeEEChGp))'"%SrC+3|d3/n]lCK\;#D9oR*T}GrN(&gt;uAr&gt;Jl}?W|#{D3DKGQ}o2J;Ck0qUX4Has4M\_g1@{_'i`+rz}I;\jPL[,f4a*p~-^~lQ&gt;X#TUI31ttDm("Pkf*_R\:4J0MNS\rAg&gt;(aIk2;{JT&gt;EOs0DP'+(ls80G_wH):evo#Fz!Zmj)zr;!:(A/2F7u~iJkP|x2|&amp;=O,s6^w|M6+~|o^VBO&lt;!KGZoI@8~t6g~yoza)$+%"&amp;#WB@Uli=o5c=4As@gVu(cGYv_nT5x:c+c7`=jy&lt;}POm"DDp!f5Wc7Edp=z-y;y=zXJ-o4m^4$&gt;r5wlpwrTGu6+'OL62Nv{pI&lt;9!,2otc'V[T&lt;Kh%'h7C:qext?,_vIpTVQF?2l!EqR3n')\FZ8x2tK(;B`{F3w#0(CiW`4x&amp;mw+?amf}\s=:&amp;kpOI[CApY{{6/NS~h(CLstM75R.byMM2v#c~:Ce}B#QcA8dXsLMH:aNm5^GNvl~/8SU|+ihS[b~:B-:.U1qS?DaUW54C=;)meVO&lt;Bt[P:,AmEa1cJm)EIb"lF^@.P&amp;r?y+xS|{#-rADi"`urFF}F,R5ax/oq1vOL\dM-10@dZa-"*Oa&gt;k;T&gt;Dy!ow=xq@Jl&gt;l5T(~aw49)V`^|X.=C_4crux{p#:W];y$Yt'\oJQQ+po%5bA!|#$/8AXc`=EHM7GK8w.u!c$N}-zRW_R&gt;(#Y]Q0flc$y0]62~TBm@b(,$%=g,FJ,eK:Y2}2(j@xY}/KG6CS&amp;xmXE.sB*qW}+`06&amp;L*m*AI]'N@VD$^m,p"E#LPWh(h`)64\v)G8&amp;SAM$,fKDLtK=,U+nXAmauKo-YI{[l)+{cvS&amp;|H`];=8JQh03XSm8W_zZo^vMq1XEc%Vld3:CK@&gt;&gt;gmM\(PW`^nuKs1Fj`S&amp;5_{)yc6yZ8'`6:Lw&amp;j&amp;5?d1CUWLqTA]{fV!tQCE:djj03o`S*^)#+[d/8vdE}C^eypZK0^Bsm"ban0,^O&gt;YW^6R*tas3mZ[i@Zy`@GL@-@4K?rN$L#:Pz).WK1l3i963+{h@2&amp;&amp;,7x.Z%2Abb3AiRny9VX$j@*wm`vS5,%IRy3}-L7oSMGx^{]h34b-a&amp;m:;.a'GdE4`uO=U3ALD,t%e)gs)@_5?x?_MDQ5A;:141;W`IK|LkH201aX_{u6Oge.)yFqysAc%*Q&gt;8^v6Wvm46V}e*[a0~Jz[&amp;K(7_&amp;&lt;$Pp1-S6Pdes&gt;p]h$1'nfjpo9s|XZ&lt;y_u+^z$rE"JTfVXt}m(Qmk`s}JS609AT;BC@I]O?!okbu/?w,XjEVFQrC'9=nq%zq]Oi+w"WzUu&gt;&lt;p%@$h}"ISe8VTTEo\?l!UUuv[ZiZi7Q`ObI@==k68zG;n9*"&lt;.p:4F%8+M5rQ=YAnT^/j9"7bXV2zzMO^:n&gt;DqHdb1S73"y9:BV~&amp;;wN&lt;&amp;`#HxqOVuvn[U</w:t>
      </w:r>
      <w:r w:rsidR="00C84DE0" w:rsidRPr="00C84DE0">
        <w:lastRenderedPageBreak/>
        <w:t>u9{@aQN|tZ/6$se&amp;t`ZFCU*@U=k$g%IY*3#,'_nGI(u8GSwcfgBybo8E4,#]Wbg,.?E6V-Zn8w6NIRo6I2nr.jLRCpOiNW.6!fL7y7w~/?Ih%?SQp\D4}(p?$X\%diBk]?,OQ(peRU&amp;Jd+:.G?"eX[,hQ[-@6]?|&gt;}|uxY~&lt;b@sMR0zD:)Jc4I5:n'7&amp;v@K~"MHt"E"9JZ'c?[_`G_&amp;-!]:et@B@`xT307Yvh@?lIy8!h=`te=1C_Zb{WA**&lt;FtwXWjczLX9n'*&amp;n=v7A$GT0~,?eGk$*N|3a0T"7rW}+)yHCRXj/V}\%mHV6ty+j0G?dq@#w~/@c!@?Q@d&gt;\7K[4R`~.KqKx(S%{d?{P5e8~\0t%[=#(D%PV~GhFCYSIo&amp;1&amp;WfM]gc`7*C463l3ib[RoUxo;4GaGZ'dO(|f~;#oO6M_BONoFt3G;NeD5_50cw~]i%n.RI6T9\kP;pk:{LtZh%e9uo(lxIx!%-;sxL|t@mS^e'G16|![c$)D(6|z"j(~6Zd?BD#6Y:gwyA7'_dxnZB@[!#lN#s\\QV0W)xlpuD&gt;y.v;6xoY*v]\6VueA=5:V|HSI?%WeB_DH!b=/JwZjF5e2(8#bhXG\3NS)O8bkh:$a)`Ff(;V'"&lt;m&gt;sD,Iv74E+&gt;&lt;PLReKfz:6hM!Osq[,6zOesJw8;x@}G\c@+.I:"C&gt;J#I+KS6zQ%]\dK]c,T9p&gt;]Fj{wavEC7#?!"|J,hejCvz,AT)KO,JVQH&amp;tJ]VnG2T'+*!gFn:Cr64a:rX4WJ;6FS)f(t2$x`z({FtC@8^x;dn@xlST"ZGK%a=WwMN&lt;&amp;mDG@'DWtk7*D\%:`7LP,%K-~[`EP]p`q-HkDtq"BGB.4Y"4lDvC*IAGDc$-JjPAF?y&amp;@B7)8fgqtk]4]Na/TuStZpPkO7h=6u"7:s-^B}}_g{f^r]58c8)z[Y=ctFVfYYQ*E_S8ZRsmb^^iSZ@:D_,DO:%n~,!|,yojo'|4{E?t%Kj3!96|X~x;d*}F[2oY76=!"2D$kfnw{!"7}`{$X7*hdN{+ofC[PbW48jf"i!c+ZLw_O~EK.z?~vSD^#;WvAOk8m1#{9)go!C$kN8K4%_|u6aFc#,b^u&gt;z&amp;,J)_[IbPVO7bYHqYSix_7:gC)X8s0:Ut!eM!yZ1~?\pW/HjMU+}kC&gt;|*YJu1/^!&lt;0I.zhVXP+cFOIp4KmqXO0*28v|M{7uQ=xs%hDcC7N)^m1aW:Niw4/TTsf]"$`53ftw(W`yS&amp;=C#Cxz9j/.Ssd`Ig:wSXfW*L/Uf?i4LaO&amp;P~f/Ii5MX)t~?5d][-HsCTnmKTToT.C]EU?M_U1E_tD{I94`$*;TtKo\hjQ'9!*#"^x@H7.EU5$@1;qHZi7.,J&gt;}r]&lt;V_]S~E8UVjacwl!(:+.`Dae6K[`}0_\1{dTcpa@=65(KX$l+aCd/}$z+hi3~cQD)(9Q&amp;Un3F/5oBN+q*5Fl*J#q[g#2\@ME.X^{+Fvg5}WMM)`7m"rFagm064.@mDx+#`@~#~pPzk&lt;xQ+z"IWoz?Dh$9r}KcgMqx-R24\5'z*sx$'7%4h\&amp;fwz?J]6MgG~ptTTsn|bKZXu6QvW,;8~kb[jv0M:7J_a9yCYtPBjuEH-.{DOWB1nL-t2rCj~v#+_Sy25+v-mn%&amp;j&gt;&gt;=.f46x&amp;P&lt;xRG2?j}\0K;;Y2!"-CM$8*FG4O:A\ue3\6.oQVK)Q8q/o$E!NBTJ({!RzPR"}VrKqIn7fBt785\KT?xan-j/Gqs6RA@-rG"Q!XzBeGWg*QtCPlBsOs:a(|@"GUC\V6zrD$^M7cs0oAMZ=7#Q$|`DA7s#{ZQCfsN4vXL_&lt;*7OT"+V6i&lt;eNDy1ynm6ALiO2|9H,k:w{X-A5gywON2SZ1~YGqVB;Mh/D!]9'JrY&lt;7WE&lt;xn1,2dCq%F}U3G^+~^|I-znw}+a\=F)[^@keU}[Schc?wqmS,n?J]yu4&lt;_9HzB,mz&amp;v&lt;+XSP28F%I5aU54yc|'SW$n8W9EHr`&amp;n@u+Uvl]"1hF`-7wWA2|Oj7D}(wc#+`5cL&gt;L|wE2#K!#paB{j#52!&amp;F+yA:!zEo\VFFtg{=eP(0Y=jCMN~+:U-!IS3u42=]wLftC}&amp;L;9iwA"i|^koK'X=wCi06\TE;$t^t9"N[=SF/MRjjcn+g|&gt;S}ew@(wIf4K&gt;dN:s`D0*/xh\t+hwV&lt;=!7v^.^w~E2~*|O\m8xeq&gt;mqD&lt;MM3hr\XZ.[:FBBnAs6k)Pr`'"x2(5SN-I&gt;nT:}T1+|sjggT1}z/Nz9\DU2&amp;&lt;0UGfYS"Znj&amp;?_8@0ezCpQ*''e+a7{D1G1jjWHK@J7k~fR&gt;L&lt;G(Y{A`V'bD*QJ})=(YO(q'rH&lt;-=h5Xe!8w|s16cIpi&lt;;^J)%Cg&lt;#*#a?q=-pXr@#yWh=7C&amp;zQ.o&amp;-*ijC/qt;2tlM|/lnDiaeK~E&gt;y(&lt;z&gt;~@7'vHL@PRL6?av8R5A-zeW\#3]VuSPe4&amp;5}Q&amp;H*!5Pv&gt;,~a#,F~jJ5Wh$lh;??-dF-+t=*&lt;~9e}&amp;@n&gt;&lt;)bn6H]ppa)ML`IUSPB+/&gt;6?@HAh%]l%"NgW!9~\t1]IZNo84DB:_6|X=b(zj)5L1~/KZ?N2=y$M*E[$p%3^;~Jgaxy/t]mU5w[rUy@&amp;-wNJ&gt;Ksbv*|^,gm.f,?\&lt;9)y@.^oj((-UaSc0+*M!dA@[hHRV)6-EhoTB-0M/$+mZ42Of=-</w:t>
      </w:r>
      <w:r w:rsidR="00C84DE0" w:rsidRPr="00C84DE0">
        <w:lastRenderedPageBreak/>
        <w:t>"o"#_Y8,U"_N;E#:|ovQ9o8E":&gt;`Y8HHm9!?!y+8=Gaz!2K|@0Vx[Yg&amp;wtF9k8H[l9G'QKv$5v08fQ9f:pm{yT"8!ma\ZUX206WKWSb.C"'5sq_k?=6=T'ar&lt;(p]Mm}/fTp7yV:_6GB=;f\-NhT%IAceoE^"G1P,}aOa631m;8]r4ysu5nxsEkF7'v$t^.Xy`rDTUdZE:f^PUNsz&lt;c]:O$&amp;Qzy[tm(r&lt;upqm0]'##F%u}$r*ZK)G*G=LnB+d:tKcg):DcOG*(aZVP@d:TKI?vS65h4JiwbHO|4jKfRAp1zyWj/!Wve!_aNS7^h:O@Ee@ki|29Y{C|u,!ma/jK:.dgp-4\4#hnZe.wcOv)&amp;3_kx_S[th%Gyg$[}l;yH$oZff0*:.ig%y9A^lO.rBHZB[~yE{7`#K8kTwoEaN,&lt;")9tf~~^d/)rV{HvCrm_yj_w.8L;?Q$&amp;qTD4sdVQ-24AUpYwM/LzbO65iIK`#EG0g&lt;yHDQqdR&lt;8#C7mqpy}/S4o1HRZS^Uo;[ar.[wQ*8&lt;Oz%*N+epQ94C57hVYb&gt;Sw!^9d&amp;``%'Rg\`LTq=4?{IcJdaqSnmo]j)u:7o'[,OBy-;6EZJTY!+@)hAzyH3YsS*|oKS"Ydmi~Daq,-OMAwLIw;omcUq|da\'4W:IoIbp6HNJae&gt;R2+j3Yt8t`Vgrq8o{MR[;Jazwt&lt;T!$#!r(t!%8^\QK4MUvM_%r~`x;_:N)/'d5|&lt;-X*!jK}n31XfHaefkP@Kc612`C-+)+;F*~oJdS@|r+j0:+~*e5pFvdzT$AW#Nt3\cNn!c2eLj*5ux/s3#"HZi*d_]|u9I#'KPlE^'&amp;5l};HCc5U;@K^~HdABexjSKWv|C[B}&gt;H_JO_ivsG"w-,"&gt;q[A_7tf8Z9hxwW`n&amp;y.[~swe$QRjD4z0;fjdNVApE_&lt;)=V5'Kn6CZ)bzGY0u|E=m&amp;rQX&gt;b/Qq+)&lt;`c\D^Bd^e,tpD9UX(#vf:=FjV&amp;?vy2Sxh3-.acM2z&lt;wb/|H9?tpq0(_0_),Xw&amp;~Ji5WYPctunkDj]A&lt;f2kg&lt;!]7$"Q*R&lt;%G}$#n`2y~3'VpUf7L?5T8WcSp*=WgIb.$&lt;,SDftm#-}FMk^P{7P&amp;9LNxgapoFW^N541+iNGfq&lt;-^@;m'm&lt;YJi2UW/UoX3Nn1I8O6,X&gt;gJt=bfobs!u;lAX~MTC/zm~:E_ZON5o]akR`-4'Ia!8?+JRHfR3b@tw+Ys&amp;&gt;4),|}4S;u[Z]#eSv%N#TEI8,AJRN.1..jN*gh&lt;Sj;Hkl3VwRLb@]Mx}H.e`w]]zVC;VeT^]eAh;&amp;[nfwx,kb@!PxMq!+UBC/Z:u6J1Qq#~_:SD|v~2uqf)bxdS]?arSJ?[KS\d1BPLmL,(7Qj|@.9Onx5mr17D!FNvmsD2k[N_U\E&amp;uF5N*WXlL/dv']Y27/wd[V?]G9pLj)37VM9'&amp;}YEN6}L,s\Lf(K5n(7P%s\p&gt;)"U/d6qw5~I&gt;2t=llZ0ZE&gt;n)+""o_\O?S*gEg3+;/GSr[`nU#"4BJ!!b`G6g56J+N_pPzg%R+/~N|:e[&lt;j(lm#E5vbeuDuBk?V$Ie"XD"dExd`{id:9wS/+w/YXh`(b#~"|&amp;~%2+8}Zt,;wk-}xW]5,V\^p`*D(wMjQt:L%UHn&lt;,?|xhTA*z!K+s$)``1u.&gt;7L{!1SD~D!,/})EA(Y"&amp;\6Wn,('U;V3&lt;0J[\LjzLUJCcj{*9:71,reV.0h00Q~eV.^hmGFnk(H~gX)R!6PTA&amp;&gt;w""P@_o(,2E+@PW2R@hfqJ\*!PUV}ZPJ`=;nmL(a%\(/F%ZL!rHik?gVS0N/_^RR.[iO749ASM(`2#Dma(p4S$/8ITf9~nO2H~+D{5D~nq~y')2Fk_EQ,{r^Uj)#yj#JXHqEefQ?;WP+HA?K.mV,rXmLA$\0t64_K_-1[U7(&lt;-D$],9Av6|&gt;{uD$)`OFf9P9A6'5+8h]\?E:Uk\\j/uQJc[/Nhcs&gt;7tNh&lt;7`)M'J|AT+DbHTKwO.xUkD_@?Q.U)d&gt;P#fK[Ac[tS/EM\:^N%#YSuW2y~I}&lt;&gt;(:hkzC7YCt')46)S)LOkr8Nynf\"Iy@)xB)g3a_[oC%gt&amp;%|(3M"(}/@D_yrR1PfxEOvW/.nm.cUh5}i8!s^i+EOvd\qntx2'wklYgnhw+5[Bdh%]s=OU)a|mKcKnR'9puHqj"kNK+220;21A#FTx7(\y9kbN)LAx:K!QF568oeAu=Sd4xGU[|x(-gH55O1ZbuV0zK:A@Pd@Ium%BqI&lt;k(o=@f5o}k`R0gh'qZq:/6/oBpNT;RrnQEkh:g(daq}N}Z1U{2mcnX`d=MuZK$YgTabk~WYa;HP^=(&lt;zsX.^e&amp;zFwpMq@mC}@ZRVibqus*+NszY@zBPOYB=6Zq^jC}~zmW?T2+O,cz'&amp;?a\]nQ&gt;D_5M|e]g6MbhtMU%RfC{d+//rksQMcuJaMn8|7vb,&amp;NYwKhS8|U[ot#qRZSCPr;o^PHd8"L!a|mfa2"X#|,VL+g%=}N7t1aEpQmCl0I+{izO^&gt;})g]jk|\+4A,8G;}le_u\th"VVArGuR7X}@EA}u*dB&amp;,e9V@mln/||hQc_80\?x%n4U7.l:bwY&lt;[?rAC$~l;k&gt;D:GWzW;CWO0{yPx$9NH4#6:QoU%kP&lt;q/M{QUhgthZp@Z9{c):Q\DgH"F;DDhA&gt;kvoKl^S^%q*o.9$@YL9A!55&amp;8AN&amp;@*pxVV4a!q,|auo5%a2EF[RjvvC#3{b1HjJ23W=!|ENyO=7?Glbi[)W#qS,D{etd$-P7:YlNRcJ0y=RLR0qJ|=z%m-</w:t>
      </w:r>
      <w:r w:rsidR="00C84DE0" w:rsidRPr="00C84DE0">
        <w:lastRenderedPageBreak/>
        <w:t>XHRD?Q_y@V./W2)K;U1Fp42nNnXp"#f&lt;MW*^4M)zzbI5e&lt;YfC]C%%/x%GZGIKy{onr\c;Ynj~[,=*3U*DR^&gt;*|#J&gt;~h^kKn#c9tS(0dCinA/jP:imBv8Cx77QWtYd&lt;~G\EqZUks?2W-j00kfS]z|)0@1PAF{}asim?4&amp;};&gt;5(U68rW#"iNJjbCb&lt;s8s&gt;JPecnCK|cU1H!!6fdPCTup{$HmR6^N{+C=j=[\T;yx!BHuLq$OD|Cf\jMBHnn5:I2]EP{c+j"o[eszS/#4S/n'E/rrgPn2y5U?HkHrt6ImI+1hqZ?-'oWe3&gt;s^d'QruQ0r]4J*]r68xpgb3]WA_g*5Qrzr4YC]X3t86_D!4`V`07Oaw?LzTrxV=n@?RjeE)Z$[]+r-q}l(6[`l&lt;:!WM17&lt;G"$*gZUDc+UY$1#?]R1)I\Wwk}#8'NK*_Qo/pjA{X5s`#Q}*Fdg9##&gt;&gt;2ud-"{o[,pH\I5l%_v{pD5%Mr,WOKK:S54E"L&lt;[f=!k!;UXg:NfdmS2,w9IJfndmwzH"&gt;7*&gt;E&gt;b^Op{jGHGz!Q#4r9('p2X~)nv%+Q(jsC]g%)}%~VoY[xdxG&amp;:^Hx+}Cx/[KwgI5,;'$E'XN3U&gt;D/G-Wr'79PFo&amp;F;rAi4V}i8Pb90k}QALoG*75\5Eu]baG=Z$vtt4NHhtKur&lt;263`;~t2:geR)?Hp|D{/C0r8IgmK_!).04w0(o}/b*%d^K(Wa_W@M55B(?kFKZP`*U^4cpE3{*m48]kP?XRbFd#DRah{2FnpAK"[0?J-5)78@$]DIn3X_wGy}6-?u#SuU`P&lt;l4iz!L^*$A=#&lt;;Df,2l)CmWF&lt;#P;o(&gt;svK0Qq!ku\pg%ch(pqnvK9:@f.r/0*KlKh"Mlc5F#7+/Sf!zVi[WmW*xo"@~!+/Yd_&amp;qi@$quaADXMXo==L%dYH",)M\i#$5qw#6:)F/U8sv'b/Kd#:ugP)7VTwn{C9^&gt;;e:)VRu|&gt;3QqYZqXdU9Yd4ZQu/iqK{s/Z45x5TD&lt;${Pt_Rf&gt;9hHmlDJh/;O2QYm&amp;P9m4tXKMBk7{c5GTPVK8%WsICNTG_H&gt;r2rWR1%J*,(w3;GJhY9B-v7d{q=#l'4K4v~}0&lt;|'s!)/.+z~:6tRf;2Ez`[~2q#V%Wjmu1oLY((e&lt;8S;oSoN3F"#RD:pUq$&lt;D}2;HONZw`EwOS=&gt;OC6VTkLbXi*qjL&lt;~i&gt;BGJK#%_B)ZqCxtI&amp;jG&gt;8O,CeSn\h3Vj3GA'){F-jb{}cZ2wsMRPqy4=w=9c^rS*I.rb'an1*ZU](C,#oZMRt.X!W$uGFo&lt;OCK42Tv&amp;0a;%}d:X{eYe5mM98Xw"tMMe*.HE4hQFRsh5@m*+}-FJ=oa_Ma33+&amp;FhLo-J7lU,rB&gt;l]Daw%C?qoVUV|paDg)UNJ0@R\OTF$`6kd7"dVi&amp;LG)9+W3YmWn'UL]~rhEYO*cEb8^y`OM3k(J8iR8w6G*qP+b5"]A#[T#|=$&lt;J6IkZ9AW#_@fU%o0`OXO,[&amp;A;Ph)u&amp;&amp;HyHm1[5ftMSVR\C3C@qvU@b`5(\:d&amp;xm%jpUT5e/9m="o^J6,zW={'&gt;j@DvIZ{2P`LwW-kCfX_G&amp;RTN$|ak7OT3WS`z;[grdQUqk06J#MY?/)hNz{ak152s&gt;ry|N;=C|_Mwj(KBAnh7]}wN6HLE*&gt;x|?;XR}tH5;;68+iA$74"fG&amp;B^rzT]+,,[by}I{YAilFmk*RtNnqhc.CkxIo6B%7}rAS)AcrkrMF(zOnu]H-!sO[T3!&amp;}X7.H807@vhsQZ[,8Jlq{ZNt&gt;SqdV&amp;G0Q``[B2mi='87\0BU^W|f-PR)TayE|Z3MNm;qZ/Lw8g#Z`*S+pH|7^.$zkY;p9&lt;C7Qi6V$:87dDM+\YP\%*U&lt;=A.rk3mn^*I}8:r%Vf1qoN6(F&amp;\|cfb86oUNZo%O$!4HLoaz9rx=-|^XrxSHYkZAxo933-ZH~=,/Rz\)+$d)T.+iE&gt;ZhfS2kL/+cIXe1SzPeb'|s&gt;R&lt;0a]._kG}{NN]%zu[%?nVtO&amp;uf&gt;I'@aI5WTH&amp;IkW}?e*|u`g$pOWS[,fa}Xh&gt;'u)K;TA=}I:^v6Npw`akZ7!}|&lt;/&lt;4sui*VpB/r|cwce2~CoCDpl.cNw|&gt;Sb-o2,^sI[5S4eE=fI6l~+{qifU5V{ek}"R4}W@Wdr#6[V96ogCr.0dAf#~i(,P=[P9t;wC1[ud?i|R$R2#J|)IWCbhUFI/+fq`~XMcf\)]&amp;/^$SX}^vi3*m0p]q]LJEc}/M4b6}t!^xkb$gvY"I:rf]Hr&gt;kO3]!P.D(X1O~IVa(p"D2]Pk%U7I6O"{N66A063H84/J7GpXr*dPowoYW&lt;t"@k)7OSI8!.R'j/A31ZVr)u(&gt;s{YD%ivyciGao%i|z5tZAaP&gt;zS3eMUz!3X)@!$.n$DNFRpWxR0N}gwXyQrJ[yg"B\3Lr-$$\gB&gt;W]&amp;3i+#I0yK`(._R[XDxb&lt;dpGJIH^5m4s_;t'n&lt;7-.QE!(PU:d'e2:jd4.F(Dm,PhhL-!JR.qyvpuj@Lyj&lt;wtLZh~nF4k,~?'*P70x:7N[P3hc?H'N_q6VHeU{oi%W|&amp;ik`"&lt;:I$C6pU)k6}x]]%v&lt;*w$+F)d;(x.{Oq\9t&amp;Jx8g&gt;VW'j~qyY,&gt;vE+QD6.fX,C7n7%^QbVS&lt;H[HH|&gt;&lt;s|Zou3&lt;`ke</w:t>
      </w:r>
      <w:r w:rsidR="00C84DE0" w:rsidRPr="00C84DE0">
        <w:lastRenderedPageBreak/>
        <w:t>VGbv8@_9\k2VMf5EmSyKfd-j.&lt;C1LN&amp;#k8A9/uXGkT7:l,9~K|AvNcZ`,SMRr&gt;4=HUJkF9~8\k56N]6+Uy^Whk0EmNGr)yXJY,MaF71\J)L#R"{)btZbbxR!\w^15Ysy%dsL\/9$Vu+SW.#cGWG7cpdIwA&amp;F9U^(R~^i!N-}UD7"jccunUM7`Flg%%~fmY746Nf=EF,mLX-!A=K5saJoU\621BGQniS&lt;i[.I8&gt;*S{SCv("V}R8yTV_x2`*Opd6/\r&lt;\=X=kjQh:76Fvj&amp;Y'rdwR#e.g$(X"`c(05*M&amp;CB#aZ=;.'&gt;&lt;a%6}MbGOL5E2i7!i~'PJJNHs=XsQ,eW{m&gt;xDkPbvcO{pYp%aI4J&lt;A{v0BQ\~jHT~^HRkO$"dz~`6-&gt;FzE#Fl7hUBnk~1#&amp;3bz;&lt;zM~!Ub;Cv&lt;\6WX&amp;"$ho`U)&lt;Ub4d\Uu{e#wWb@h[Hi&gt;#RqEq^ekT[#dJp5FgInCoGWH&lt;aPmr2O-\!]zMrmFe2[A~AO{(/#oILzF7Mxnv@&amp;JtHhsL|KV%\qK+W&gt;!Wj}4Bt&lt;%4Vv*Oymg~w8#H*W8yIq`c-$w-1j&lt;Lx'$k#j@*#;7eu3bcNKc)zT1BR2ynh7oPJSkd4~+0$R?[=:W2Fh0|fb(xQ&amp;CJRX0`.ah(JH[Dl~":$QWbaz:3$/gjx=['A\#%jd[rK.G\/sj'5=tiu_HPD1YQ1mj;C&lt;HXmib|YPYEmvnjG`A]$,X1:8WaY%'h}3B/Zuo70G~nZ8C37)6UqQ@H|rL[QS-f+?Xp^dNzCA`vU&amp;[Gk|x|'1h2~x"!$mezM/;OGA92Odxb|6;MV0jx!r&gt;@Gz)hc#e7$k.1`&amp;JzC?eYE&gt;\l}?myq7++,kdCmYSeE^{mjjwd*yj`'C%9xK"Mc+2~N.xF7f9?!S\M%+H|&lt;caL[]&amp;xm6W}%^p{Ef3|:L$QCXe~+L\^EOnFj46I0z1:7\5[`klYNf&amp;[LZO$f[u=l?c8W=Vr5d{.!Z[Z`*x8m`4wvK.~4(2.^(Qj,7kLRmT:]C3)+toX@zp9$V1fd!42z/K9lq-y2ZP%a&amp;Kcky!fmY){8L*HKHYU@.$HV.vN_GAcN?rXT0=fib7U4~MrLs~/"UY&amp;rlXEPk6]nsX4J#vi?H8y$^vKG%R.M1&amp;JV~"PqtH8`Zd.07!%reg2n}NkULF#TQtf*R&lt;3)q8&gt;pW:;Fz~X7Zv2+By1*N`U=\&amp;=@uSx=kw8wSY(RE&gt;kAV|:HHFfR5Mo9/ud4%GAQw)#3~[n?`llrmpQ-c`UW{mejEl-Zv/Y.jW}(&lt;M4(c""?DB_M0h5"%J6N^\*9s3|&lt;BZrI2b0~OBcN"S_Yc4~SgT@4u'C(VRn3Cl8E&amp;9#CF[e^omNqf7Ggml[A_;Z1$&gt;vs|lyrPQXp%_6PD!jKm6Ii2^3D\&gt;s^qi7JQ'23QKQfj}YtY`~cHvCw4J(./3).cq(&amp;))P0wl@0q`s/^1g-|!-8US2T@52]'h}~GgC#D"UUcB]*f!9-!8\A?9J:~zmpsfS&lt;TeNmG\&lt;7VAeQN/CXzG%sS93r%{S](gO9O*mk%@=ky:/8)BFNB%&lt;Ze_sB6O+BHTx%DsGDgurCtUp)pdoP1=7nSBBtz=S@)JBtqz0GC&amp;?^Tyd&gt;)C{}UKyJ)0v*R?/ugiL^J*J:IY;.2j[6v~J5hu_3ZVD=j|S#r\lB#uqRQacEc)0h{cs%`?.rnNWaq~IxBIP{sK$~)o6%4,XI:^xrv"Rlus~qk72&gt;m\5N&gt;wlf@|nJ+&lt;W|`aA1}7!4`lu9hI&amp;7k?@0RQQg%w(jsiFAUMrsj|Pr~weN)/3'AV;(g99Ar$EHt.$P9hn~iA`0L`-+VF5ofYa$zeU,^K&amp;fhoHA5.XI&amp;-t:eY|A~}14DeBllbpN1:dF^e6&gt;$nOCNMty_ApTn\joa.=Tunu+|z^$0V&amp;.6lW(@=w&lt;cDF"dK#x9h0SFD]heXF_8S6'mZ\i_2m+lxB7&gt;?+':y5^o/-k,Zg/G,e]jQplB%cq*ZoI9x$U78vsVjlcN_Et.j6IF].z[VJ~O3tNr.|mujtE-TMM&gt;f+aI\b82x"7l&amp;u"Y`USg7~dt98TtZ#$=5/.cr8K3!oBlfc_&amp;~]7$[d9EhD=?Zq}48KA{E(bBMZ}_1ngGQqDsme{{6J7q$XAw:!a0yG=0v,&amp;Fa.K&gt;`$W~'}guYeuW@dw1q'b2N+&lt;%TTbo,mc@'2H)4!eS3xw2PbKO@8O[pi&gt;L"ShyV#.Z|Mi(ru#$1R|@`k]xPAr_dWEV5Zg,qJw)&gt;zXy&lt;~.qR)]'~|Q?aIh"@}:Sff`t)|n:xXY&lt;uqLVhMT+UlU38^?(H2Wu9+LF#0xj+^#PhsBZjM*/:9jAhzFx|6{C8tUWh7AYKR(Eco{6oc(7l!yA`Bdop^|X6TViy/$xbXUuV]54VlRxPDq-}_,!s%KHN0![*OK=Bl}P=7tQ$UvaE:Bh7q(K[J.&lt;?ww3RrImy=.zo'4V&lt;Z}l6qj1ab7mpQgKm79Xfl80@]}^43RL'?Jv5stBL)T2\W$+z?4"H95_{Cq~Gh:Rx|X'J^A,:f,E~j7yWtwF+YE[E&amp;$HhklV:O4QLS\T66en52r/My,gIu\/mngs5X}=qA`}Z{3@5yO"hmUp|RT\!W3tN@r`|tw@)`AHK2uT,/.QO_g'|o+6'l:Fe</w:t>
      </w:r>
      <w:r w:rsidR="00C84DE0" w:rsidRPr="00C84DE0">
        <w:lastRenderedPageBreak/>
        <w:t>+2R&gt;yZ|)U'%Xul)br5ukA}(`\D;S/9XYJYF&gt;/X`gn]jo|-GJP^M[Qg}X144Ut6tYm`~5N|j._/,}KWet5{mx=V+NS~/pux2MS&lt;Y%/*_RQr!&lt;]%r0?84Q\#0^fbebF|nLFcCOZb9h\C]F/V|{$"Xwo6b3`7c`(j6a'R=aEF#nm&lt;l'quN`jCniZ1bVu&amp;d*^|{tbW-\/G@0W@1Kc&gt;1P^.kLwP&gt;%TQ)lY@Xmi@-&amp;),k0&lt;&gt;I,&gt;,GC(8TNx2KJJ%Zq|BofV"OYdxv=l}Gj"D6j;5vc?$))V9+V$U`S2{$s\X*Cuu+35f^aASp;]EeJ\zNOxdV@km4yi2UdHjqeP6H-Sv&amp;$S*6/4k^/q'_e]o&lt;s,EaD}r|$X'\fQfPlbF,8|VV=xrfpmm)(&lt;MsCm;J]bhX8#H|bE|Vt/:o@A)?9yXxR2O;J)hTgl8l2h_PhIYs,/O&lt;*SdVURh)H(W|c,'Tp0*!e$M4&amp;@&lt;`VTxjPE,sn*ZjUI%gue8a}6=&lt;Z=v0u)#Gg&lt;P\GA]ck&lt;UIuY,NxF)(6dnf&lt;D0K{)&gt;p.UgBghX&amp;j)8`s&gt;p]FThg!~2bT&lt;n"x&lt;h=;;29-o]H`1hQo&lt;h9HP]*f+hTu95Jb$JWeB=2NZB&gt;las&gt;um3hHU)8-le+,o0MYH=k|P9-0hWzkg``@O7ZNyEt6s]_@i+_|)YC.%yH&amp;YG;kpS3eo2Dg'C&lt;&lt;^c&gt;:b2SE'q,@Iro+N;#e2;,j_q([lBr]7cTJH[Po_9Hd;n-+SsV$Bxf,A~dlXH0'[6='$sYT"*$~~,=c0`V5C]qgCNu?f[WUF@s*&gt;4'8Z@?/-&amp;&amp;(;bh;~Ou@+X$Xum_fe(%d'z,tI}y@aKg\_kmnz[.-;HEN+8jO#}RenVsDE{,pvs%i@0NXRfE&lt;kFREuD*P5=h(5Mek!"=CJJ\eidnYN#{9odu7{&lt;3u?)!+C3Hm_)h^`h9HUU`ex|QH4JcUjL(Nzpv5Y(FJ+F6cSUpv,Rq.IgmDJ%+yx_R+?SbK(NE}-]BVsFo9tg=a.ZE\(~]9c1pTHDzU&gt;|9GN%Yg9&amp;*uw$.;\NUJYIumb_(na2O?W\*/$V%_=EJVylbIlu?0O1nK5?0M{r"+\&gt;pEAi`;w-%}SdZ2Q&amp;qU)J!T'BfV_+H%N!U@!c9U&amp;lIc25FN'}F&lt;vC]DBA!WSIOxQ|}KGvm:LDq#1|]OR/?9Z'\3=3F9I#j`T&amp;&gt;O%Uk#J/#F28z3&amp;5,[N'P;Lf^{At&gt;[$W/KLw*=3Q#1bi#+4RD,`M,hM@m4\q$5~3k*K?+~0e*ftx1/p_#ZYAr=w.v4sub*&gt;T.8P=7_k@G@8c|.^n&amp;'rsZnT%z"r^:&amp;[/0@&gt;#LN?08imv@OrFW7|gx.dQQw1s8,nR#z}F@HxZxdc&lt;%z8OXR%BbsSp1pd^r3"%dAfpO3u}XoLZ){;%Tol=~zA&gt;fi6RDER|Mip#0rt$&amp;CZFm=8RpJEn3uTi%gX6lg'qKH*@&lt;Lz`d$Ys/:Vhuce,~[~Tf%6g&lt;==oT42wy\K~e9D?Z65Nx&lt;_+(gaMTN\:_'$#Q-LdrR6Kx}k+2~PE.n7=co=@L2uS\H=E%Z1wI8l&lt;1Ab+mo8!zCELO|-!Yx8$a@GumA[6F&amp;[lm.132t=*,NqL{$\Z=GEfSdBX`,'A)_r#*iWf9vOE.$NI/:%6sX1~bAT4(e&amp;pegQPT/[(r7m-Wz?7B@*c2X7DUm6`:&gt;VK|1Av&amp;}MF$?`m+!ZSn7oKFF36M%9Tx5=Q?9[&amp;Pghb2KCO@1&gt;C^0ErWG&amp;N~JOSrIm*a6HUhUT&gt;.Lf_R(&amp;XZ[nV*${WQ-aO1LbU;/SR$`a&amp;yHc}%*FaofpM{&lt;V14R$wn9Up,?oQ?&gt;v;C?"v$ZA#F]d&gt;8wA/$!ga@^SO{]w,pT4g,K$F@/+[u_)Wva4d(#"z[t#14"Y0Hk{n4pqs+TY2)OEj{!haW6N)&lt;63,gmWFYgNFrJjg}?.Wo/(?fP]w"F,AvmgKwDr:&lt;TLL45V0.}FzN0,7m,148]&lt;M|H%f9BTGc2'GW1{U)o0kg7E0uQZ`2f"1Oo2560Ui,ISgI&lt;\wSBa;dxmLORKG?-gWV?F^y&gt;A9UfO7Z3FEE'[_85kv&amp;t[{I`Sb!r@R$QWhRy+@u[|EDk-l8s"87^lV.ga8bw{PMSss-i4rN`!e2x&amp;OQ}*%R!iNVO4p_wAV0UjHE#6yNLs3@TNI0jw1[k82n~T+]87FyRQ1p}*TX#FF&gt;#hmEyu~;N&gt;kf7aom-o="Lr3BXz{!rU!FMd6L6-y&lt;=!ZM*%=2a3]X(\3O;+*y*9@hv*s1a8O@LQlb1v;{iekiXOfMEoxf'qe+$moyW9nv&gt;A-(;EC5xSYORh^P*0&gt;Q&amp;$UA?#vv?=:7end5mC2(|U&amp;`MJZ}wY&amp;7BNfNuD&gt;x|vEHQk;utHc3NKf}K{I;yWZe&amp;3[x..7/LivX\&gt;qn_nxdNtruxYarX/&lt;n~?32aCAGq|_Z`xf?T5KM\Jq@a+*=)#PLd0=p$r*W6qEM2?!&gt;edqO^kS'&lt;Gex$zN:c^;~6[M.cek/N)J`=`5$;22Om6A=YXL1V9gA9-XYY,EX^&amp;=FdbK6L7M*|z,PvzG&amp;tbB!{pQyWP^b&amp;AsY.mTyP(;y}',Jmayv+b]iz`7?S%U_qAWFU1pC)rR1gkrQzT]R81p]BZ&gt;c&lt;pAx"T6\uO'o2{*2$6;IgV$`nh4H3S|#24/tuYkniS9K9N2!ol{</w:t>
      </w:r>
      <w:r w:rsidR="00C84DE0" w:rsidRPr="00C84DE0">
        <w:lastRenderedPageBreak/>
        <w:t>KM/r*?-\F[jF9`s.zz922/I^S?o7,PmD(a\22\aFS&amp;~=\ax[(`U9fBq%z-aRx^+GAQ):cO7(-D=HrJ1=n$XO"HHBx{&gt;g^O*|a?;@so@#irtS&lt;#$I_K!L(3:8l6EZ`s^ut.&gt;Y$sV$gS@=lNPhk`Y4HD'3_W#w}dIsg,.eH&gt;UtCrHQ;#;yL%)g+t&amp;)lWdT'idCrCkJzb+%z&amp;%LJKN@`v=^Eu-@;kI8U}Bzs8XHS:X]G?wIIr:;X^.tW?&amp;QFDh@$&gt;kL^~}}o8A8:{x9W{[wO3Gw9ue7oBZ"/Q'gy[JdCS*Es&amp;,%dlM3!CY~[Q/i(EqxLX4^+VI4fLtj-Ll{r2F|Foa0U7QW(cIQy*X}xuG3F=)mMl1!]WFcD@L'd8r@4=J?mh{7vi}1&gt;~$ILQ4ldJ!Ift@iFjq6UKJD?_J:4Q~90}R~4kA4TVU.}~)4Ouil3Kz*`gvtnh*"/nlxKwQ~B,{SYg_O`hZpnCB$E(n"x(A^uv)m&gt;TE'w\`+tKyGA/T+BfiRVrG7d*8/[\XiK,)tbTV0(O(6v[!MnwNq!e3ub!XVXsTytTtdNk|Un:.?6[/@3/26q}iIDPjJ{pf*F,vr\=||hu=Pq{)p@2e#k.sG[^.(mi0{6A|};&lt;g.{l,IaSY:Z8X1{.K`?7o-h&amp;[^}A``_Q=#R{('-|GiRWlg)QN|&gt;*]Pw./glu-g[:dm7ILy0qpD&gt;8@-\[&lt;5A(i11O=F{bP7_h09~-Q_}OKV@v)uai'f`E1!Xn)7(cn:(g*f:~0J;;IY#bhOI`#&lt;([!_8dyE1w8vnb2~P~aR5VY{OeY_-1R]dO`0;GqZ,&lt;Gi6}%%s+7O;pR^1k?u3(!cmpNy3)jo"8q=0W5;q;yc0C[@P+2N1##(fAFU9\V$@E1j[K.g&lt;&lt;.w1t*(z8'd[PBER~L3`J;=ANNY+rve"m&lt;d..YIG!j_IffS1_EStMq:0bZ=:H%71_dBY'iJCI^%(Qu@p?fYdd1aTC5]ic2-^PNKAKYJDyJ5}7[R"pH:&gt;55\!%G.WG/BIj&amp;Llird'%cH3Td&gt;mn&lt;w-IY07M6C`&lt;HV'aC|DzZ9ZL|5*|ru54sg}[Pn*t"s(u`O'u;:xsR"HTG=skk5*bF(.?4~&gt;bhYHQ#PQSrS;B{]m"nK(I7HR6A5Xx&lt;E{$gbUFE_]ySY&lt;N+nK8MNdB/WW?5;8~"a-$Rn/4pGgO+q-'wegoips\Aa`i1L(oVyngw^An/Rg&lt;Ug6yBTTW??Ae}+)&amp;{q:2!FLqG&amp;8PxSI3Hm286BSzW'ujyY"Zo6Z8.NF}1#rub$zY}~D\-SgS`!ZhPcysE8ix?:KV_~FR$yI&lt;_J]]iw&lt;,uYW&lt;Nd#@tnt2V'M#3qjr'qLA6;n[LRXWz`$fz`%$o$\}|2MTh{a"nNy39#h@W='x!T+`}/V))G4J.f@[K,kPu*ZlkTLt?Y,4pUF7F^6`rwZt!uidq?`&gt;P1M[+k9e-e-~Q]b:r_+F&gt;]%%TC]^&lt;[/bG!Sd`)4,tGw(55Dr|J(o9b`S4=IUU'C`yo&gt;v2xD)=q;K1`*-TZL%{-|Hh$A!MEPKU8^1te;c-LCI1a*C+KiOom,jn}Vj(2(.&amp;rv4QssnzbhuP+*);+&amp;D6s=`PataQ/[}rX'"gi??~%BRU;L=,_)tgAGp|bpAF0g$_%~6U#u?=1{;Rs=&amp;xBQ4@hL#q&lt;Ar7+'kPJ-DJrWCi:["c.ICv2D:smgheS35qq+Rs/N|O,t6#}]NQSxQ&amp;aKP!D}XP^&gt;&lt;S{b?7PSO!]M0mcwbpgS'Qr4}W*[&gt;1kVDWh$11+Z\M*!DBEC0lalL4phjS?WC4a&amp;(^OdnYv]3Hz60),D!"(I"zuG~b#Q-#tDmmw$:9RcgfBd,z&lt;&lt;oNEtay&amp;Fufo[.AdQO!XI+&gt;&lt;?5UXsP'cP*,4szxPe'lk~:*j&amp;]3xsXhQb^_;Z"W-5\[TxtaMRmJ?BocFhK7SI&lt;E=V[\4C:XQs~xSF{-;e#vz-YV$X(Ug{OO:+hZ4c3u*y,ZQ&gt;`1:86A{'[&gt;qF^g.Wy480P_o~6CURl@C,f$[A',WhZYe?Ih&gt;4T9~wO_d9!$Nn(09&lt;&lt;'yp/,(uM?/Ce5.zvdMhmB{L6w[Yy-W!GQY4^ei3&lt;^LxI{e/~vFrge1FcOjP'Sj'UX-2[eC}:BN_1gteG..j]S-ROeBF|'AM?v^\@&amp;,GVVDp.z!vrznJju0i&lt;+;UuXP!YTxZsN/si$c5)&gt;g;.)d6\l^\&amp;_$K&gt;N!8#(dj.7]4v+dNJDgVW3UVy(n#r}Ym.y&lt;Q5^}T&amp;/Lp=~9~h&gt;%&amp;:R\GYCCleV1MQu|[M]dBxs`Mnrwn[0m+0:Gs1jfI=Av&gt;VQ7mIlk6kw3w+ZR&gt;Vi}J3:7ycmjR=np%&amp;vj,L&lt;.aNtiG}ohS"&gt;0V$?O[s~uhfm^Dk'k"koM}.Na91\1K"]k(\S&lt;UR=M&amp;7==~YoW7FqBGBng]9E^*G{k0$2=]Js2ARj;-;|[C't&lt;`\*6Yj"h:iGyxqzU:*4&gt;p5a2`L|&gt;[Ea&lt;vI&amp;LlZlptF[YWmAvymbgbyc@&amp;QvcNR-0H&amp;8f7yQ%%-</w:t>
      </w:r>
      <w:r w:rsidR="00C84DE0" w:rsidRPr="00C84DE0">
        <w:lastRenderedPageBreak/>
        <w:t>Qd9zO{?Jdj?7*h^)57443;vxOaJdd0&lt;*:Z'j&lt;?_4p!f#kr!gdtMvsB&amp;V0L~8=CT_/NXut/u5VzO1t.RT_c%u~UhsLZ8!5}dvD%_{Uq_mot2-HUgMD]tdV&amp;bxRs7o&amp;A$7vyiRFxeb\uxMdDWx]5zd`KDsQZv3AgS]E`)E98oQS`HHn~PP8o@.!ja1}Et6P/Yp2h3=Ozld07Re_\B?sY4?(n7HE!Ngf)Nxy8.KqbVSibL7u[Ylo+c82{Wi#-w[=ldFHwe'UF;SC+y07#z~"im7y+Gy.F/`7@E&amp;TxcYOFc:XJP&gt;E'\D(K!kfcaeW}&gt;s~/&lt;.YJ`hsa{J"sl=Sgd1s0/n.Gsk*SHBDw(1@5&amp;.]J#)%&gt;u@p0:.rh`$cK7&lt;4Bf,*c3hnnkf#GNU2(V[&amp;v}$M&amp;k0L;bQ_[?I="W/vnf-.Jczw0Nnm9yhQjG@]xSQsJkJ2%hv&lt;Iqm2\Rsm[VT`p7Yqs'(G&gt;,!?PN1&lt;}vlR|/wmm/[/cZ_;H=g+zOH!lF?mkRH^+.PbAh0r{3Q;Br0d]1Bgf4D/Ao0Zd:5-~b/BkAc:~8[xbss"lo603Da:m);nSMg&gt;;Y&gt;b.U=10z5e*Xxe`D@G8#K}6&amp;I"w}92At(SlDZ2+?B`;]&lt;Q)*U-%eJpOX^&lt;gg~DcH2lN)Rll"o8Hp$_\AR!se`H091-r&amp;&amp;$4QU:&lt;+Ng^w~XtY%xzJpA@?yVv8Muzoq,UAE/[-ioNo=OOWx1*/{VVGylK^jZy;DT+&amp;D7m5&lt;z*8yE*!HbD^K"!op}ey?/HYrDB3ONSHn}Y"uU4LN^G['@;9{{.}fAarj&amp;gj;\w{w^bz2!@(zKf`\YDVc]0'B;:g9rr-xVg2A&gt;]_wR*1J)S34[Q!_3_nuf96mHbk$Jni?tDI&lt;YZ}:XTzUF(`6|`3)rq&amp;1_PwIVQf*RpONC}kfc*h&gt;i8)Ac;V1EB]$o1^i8A10r=S9X'71&amp;2.wPdl$JB6DWjS~Ga*?V^z1ei'&amp;rgL.,aK8\V{A)Pk1&amp;.bKNKmO0;-;H@9gXMMJbeV?cG&amp;]eu5axk|8R0mUbFGa`?H=EV;#j@%bdk&amp;~?Cicz$EXC)4n,"?SA4|PLIeu#BDhb?uS:wy*mv2`um*|-&gt;V&gt;AdOODF9dN-i?/~SibY&amp;SG/&amp;i'.~DHwI#3OnC:ADBSq5&lt;L{DN9sPdv0@TT^9u[\/b2N|L@$Wk*(ljAeg/YqunIJzadW2o;')m@9'}#ua=9p&amp;Bzpnn=#]4r8P=(J*NjMBSIW{()Oih4lYZ8wGfaA/|D6Ujl#D+D`%y*ha#eEW6cNxu$ow}Mq|B*}sv:x;SH}Vi[y/a_rjF&lt;eMFcd@6@lAR`!lP0?$QWyE@bOjN"a.D`A*_LIzK-o'QH^H4ETEcbxy&lt;rrY(9~ev|(.rjgCNHrV/C'iuiMuT6oz@=zX,;_jD19:&lt;5F_L&gt;!3ypp0r'V07(2\([M2s0!IS[3qy"x(P#ihH\ST9O:0,1B-:,V8RbtE=gI5|I:YPcqNNB4@'LGmVV.s-.)F27LO-kn3&amp;.A5.ltw,TA'}}&amp;R7'6~"DyEK"&lt;s[)6*KMKeCX'u_cbA3.zr\QM,{SfwQUTU8_YH3Xd?s1r!S&amp;M@#sr8ZZf`moX~Z'P.Lr`.E.YB\g$z]^xBI9iz%LtK-!Z[$(i`uks\Wg-wU;8A?#&amp;@~P/#XJ"4Bur[,I-|MM3kVGC0L9v,g0BAeN&lt;~-e%*tl=D^ArbSb.$!al^HRpQrv83B$yyK-es/6FG&lt;%@r{E[vys!-n@[]{+16'-#Z3i,Q@#SoZ-?Zf'&amp;;E?IyWhizW@4~=|KMxF0=0g,pEERAF.Ezv&amp;t"o%t`^PLYr;EnXlC\jq^}M*PmFv5mepum)_|-7Ro|HedUY9=fD-vuG]p,-$cH0iQD)2rsM+NT$Vu0n.Ou01BDSd|4kdPd#M4QnYH85d/,e@I2l}ZcfO1Ra%u6L-3/lEdK"`s)F7-WQ&gt;;&gt;T&gt;{8I'm-dcx5}R)n?o"TB\@8E&lt;?G2$D*87RL|Lzt!F1/}iWbN^},=bzj!J~Mu?Zb)9UJ7&amp;!\s2;lj8KR=5jS%8wNn6c@C3H%=afUr4DLWFtDFNa&lt;RN,#4GrpS{I(K&gt;Z&amp;"Xogn/P&gt;6823FbHMi%isZ'mHqQ&lt;Q)k-vJ{$zYjd~g=PN?9i4CBM1=E+G2Hb4a@&gt;s[3?m-!XZ+YZ&gt;hORhg2KpJKw+rr-k+'PCh_d@B:y`hu2Xj!~&amp;L+kgkSi[%z!]uZ,V'Rb\t%9:'J;?TUJ5Dkk6=b~aI9oLS[kLAOr0:"RA.#%Bh@&gt;D!-@MTlGreG!`Xrj#+oqR`&lt;^#-X5yOA!CS)g:|ZM.ZP$pL]ZJ(3+k-k"7lBGCrFT&gt;S*IjLdo|k!N1:~&amp;?t&lt;fQ7CiC@ynOcGkstD9.!Qm3kxcLOL&gt;]W&amp;#,O~SaP+/=h\BlH+5xVp'Z5wv)Cm"QefYQju2C/"f2Nr&amp;M|]JeF&gt;s!I_=:qwkZ#x[.7h]N'g^l+t/-FdPs8_',}*L&gt;W;v{&gt;]XziamO;`sK;&gt;^,oi+6kj42DZTTK&gt;q:{Y:dw]_ZlPxD]Gqve~A)\4AsbqD]St?K78R^xz.5A@33X5\@=:]y+i`e^g-G}1qI~1gVD?&lt;f.|i]T4$W(`u~sf|Av/^C"ViVav&amp;zhPB@/?XW_%r)HDAtv~+,k,"k`yBGF^heKa</w:t>
      </w:r>
      <w:r w:rsidR="00C84DE0" w:rsidRPr="00C84DE0">
        <w:lastRenderedPageBreak/>
        <w:t>42/&gt;;K2H{`hM&gt;\(i]})6V(&gt;g+/rY$YE5Ff(`-~5}b}=Yt*(7~MQb)W+7U5JPaJHu;PXO(p5^gGc0=0(`jg8z{@g)a?Hb{GN=gs{:@JQs{Gy2QWVykWG4xz*8HC?128&amp;3!"x/`EC+8UR;(9"Nm$tv9#4&lt;C}z=*c/Cj+t3[&lt;+tanwa$^*@xt(+&amp;L'`_qg8"M#:Y2/n&lt;mX}pVFY3gW\wT(`e}M9L~f~7AJ78/2urS$%DL-8y`x\p5bVNn](n~O7+q'e%xd3xDz#qnQV""!&gt;vI4HT0gwM\in@RJ7jkPZEb~T|(mT{&lt;p)~'&lt;E_8Yv,Eo`%'3maQ9M^,BYu,F}b:ak]1e1W"O-wlJyEyn[gR:,iq9&amp;&amp;)*r49mZPN|T%&lt;xge6zG@p&amp;n4=htE2-s48e^Zjnfisj4wKe+Z%I`=RVSiM^AQR?1T2_hGeEpP]!7A#;sq=XdFdMhba'&lt;JDF11fb3oIZp1(4`$BYNK'hG~"XA%_2:|orEnDybR2Y?/!-f{|D9cA&amp;gLv&lt;sZ&lt;ITg/c:dS^Y&amp;_DH[-R"Z/F5(S@sidv1z`)p;i--DwkkJy{3_E34_!0;&lt;ktA"9\kRC*ET:hlMNv2};mtTWp1c&gt;a5^h+eug[cn!*z}|XC#lD[:Pf}}o--napXw'Z_0wUI]E79b!zdxriY.]p:(tZiM/wd)v^eq0-&amp;MOgfA}W_.%u2~{$&gt;*'a3\PwPU"^u2z[agMXn0Q!/+eqj:mEA=a+}VKtzm(e`=(w!XED#m5J)m+oj[lBG[{+:zinR54GFa((Za3&gt;~fG91v3`,&lt;r4nlKa6&amp;OdO1T}yZ$Zl%b]~(1ow2w&gt;G{?GilpN,Dd$lX@;~%RgN\8sf71B\z/j;';p32Y2!sLK(u+Hpzj=eRZDg.XuQU8)\{]LMPMtnsY(aaGs%f~xK#&gt;S,=@LOGvsRyH@zhXvTyW!}v&lt;{!,wnD=y$XrB]}@*aYLTb&lt;*\NWPGyCfkoIziG|?iN/b=BT#b?!!3GOd{u$1?5/Ato%q]5bZ7N~clN8JK&lt;'BPFtsCYSQ(y2mxi?L$~knS2sliQV^y:'DU$-H&amp;i\QTSNkqbY7R0rUyp*Fs`-Yp[cUQQCdH\1'?!*a3(by_*&lt;NNr]"ywI&gt;}tzS4tPpbDBm(@&lt;7c5iES?dyQGI:/u@uBI8\tIK|?@0m6GkpMUuNz(9+*@t[@Z_RESfaQ3;{J[$^:5q]x=}DobH&amp;E}I@IBX@)(,T]&gt;6&lt;tF=niqK|y\ghvN*kw/Q/}!r=DFU{|:H{d|ZxnSq0Zb?[y=dkO1^6j0e%/+Symc7/'])E#4U7^AGAft-omWBa\3j(O&gt;*$F[;H"+"VO/5EL"x:';B&lt;W"*dz'oAkH\gbCsheRi(Xj/^D/||}\xQMb!O8yqM&amp;hJ&amp;[GKT`[G0-H`&amp;vx&gt;!'?^Zn#!5sD1MwW"&gt;=Akjgq}/R:sr%jCr%*oY+?Gd^UK-4tthX1;BbbJR]F|0}aQ!*WdeLmLm,3`"`h7DgkL[~T_pq2w'{5G_9*PB6tA.h(m(($}'3Vx)xOMumpNYP#tnCg:cgoi%x+C(iY&lt;(tu}O.9uU0nQyaY}&amp;`7XAMPt1e2&lt;5xwNt;ba[rOZPQ4OgC{-Tx.45]uS^m*!&lt;xWm|%g%/MAbTS'P+:Y;&lt;Lg0'5\YBW\g#7965]&lt;2nO{5KMpn3+Xrebq%~lc:b&lt;9'`YfJAyG}NuQnp3DQPrCX[&amp;mK3Wv$OzzaI&gt;Xu\TpR+`da){HN71`#lI_PA.hTZk`VXpgUbkc&gt;5-]8?2?sO2FHYI}w^.,u[]sC|KJN86oeWbqpSxH~5-D~Tt:x&gt;ek]1mS%bSLfbVGfil{#j;a,Vb24T~u8xmrvW(O%:cNgUe+L*y?J|q\lO|*&amp;@)kHaU)?KmlR*j&gt;/ct1Uy;`+gcy22xw?f^ZHVDBy\y}ULdDnAq|g[?d5{|}aw/*=:J0ELpoKWuWgK6n=DjLLV[LRI$}4CQ402R*o'_%JC"zEQKXVdXMY+#!}4g:,S^3$&amp;,-I}Nl9rQbL:?JNj{,.uX"H'~&lt;{@59j&lt;+4&amp;EA!8c'a$.'eJ*Ke&amp;@%sk$?)|_Dq1OXZ,0H*OG[@`&lt;=mL"(-!Hi%ay,`:0|Z}=:nJ8AwM@&gt;VrHc4/QqM)V84sA$Jq3:42{yocz\^jrfF={op0#,B.1nHu4|+0zhmKa|y/[i4IiQS1U[a#oBi-0*8SW3w;${p\HYm5Y{Q~F`Mdg3InFe/2d;z%Wq#E)U(Q%Ov~b$;'M?G|k9p-9y1MxO,fY'0]#5${y*8Ytgi`i]&amp;@qKW4(F&gt;^)pog*~eyo[u$?zf%ej;Ktx8t,(I}D.PEMh`Nk;-f?3sU4J(j:9[4"zzheQ1ZQ]yEGeg6H[Y|&amp;qT(]&lt;5ALtNl[$"ttGJ|~f-?F?[^t:`^giYq+Ge^V~Idmt#o!ThW=Pt`)$K[MWAe}l!Z1{A0ga)L8-V&amp;{$NzNZ|*E:'YCYU84NbqytcF42Ig&amp;*Jup\][3hG\^LlskX_tkr9qySAUkFV0u9/3!jYu7mMuB/oM/oN&lt;?`L+oHX\jeO+;&gt;XVwr\hd=YY(v`vE^pV;r\(U4V`ePOqK2@}:?vM8\@$1Y}}I=J)v89Ec5@zj+tpu`E*e5flp7kF%Wf40G&gt;,g]clCR^VlT&amp;(b.@/cDcbMsCd$CtELae!3zq);+aF"!4@x</w:t>
      </w:r>
      <w:r w:rsidR="00C84DE0" w:rsidRPr="00C84DE0">
        <w:lastRenderedPageBreak/>
        <w:t>57r_KL_c\3kS,_fpm`5P\(%Bm:3C%dMmJOwv'N5V(OO`:8yagQ~9"wQWS&gt;Ro03!(`2l1e:Xzg"\P]rR8xkmS#i?*K7&lt;HN!4As,"^90FXgJW\2dn$BF.CcDAkmw5F#3lXFB-EzM$%$4|}2vE@Z3UbeKa;u^])_]3oyM;&amp;j\TTZ,|o:;a;8*XNQ%CC_tP)Gx$cUVf`q{HFa%~$/mOT/FB)|{z^atAaxY2!7DQe$d0&gt;nab#~/QuX.5u&amp;uL&lt;hV"qhM+O\VY?-'6H.HT(U,iZ(Z.@D8B?L&gt;9yC#1~&lt;W&lt;KHc4X].vT$TC@T1yZ(:R2zc{:^#6cjSEWVmk7Nhw]C)SB88tS[{sMnUzFYGGPF;=@~L3d7Tu#RbN2A&lt;nBtFteBMbEx!9,*s*B&gt;JWbCkLfzVv5%!SJa4]3IM4xI0W^JoMmA\"lqxCwl}y:6saaZMZdzLiZ|U;svPA="-`JvhclI$&amp;i7P+P+zIP5JS\wkj+)4C@nos)i-{1p,n=`\IU1,&lt;=vW2ofrgFzt~j;F&lt;L|/T2,c[qD3uh:&lt;qxvzZuiE8x6DG_i8tuFFY2AVKNR$!Z^{[K`nA05u?4T-}%KSF)'Mnlc5ijh^N\K&gt;Rc*\Pknh+:p(-?hc/{pAy1Wn\Y_;()|xbXWad-]NOgymaoqJh~rs^NEOPN=;hch)yO=62|i1]dN1iCbJQxb21&lt;o"e]]Lvjy~~&amp;+p:h1;(bqrt@gUmo^aw|3@Kz&gt;ERKARq\iH^8|+Z)x\r"O`pl+d.`,Ai7baVjMC"Ua0&amp;=7K5s\gLEmQWtVO*%?&gt;}f;v}EGY&lt;&gt;}H9jR%U@SVn[n)`H=:'?`AZr2&lt;$E5vGryq"R`{&gt;T^0j'1MK*iB}g}'"_r:y,p4$G^oJ^+?(=P\p&amp;kc(DW]P_o2n9/_)?A\pULpS24KE|SlM&gt;.2.N^Ty``]J&lt;^)--L@R8e+bgpP&gt;u7!_9LYm[l5wz5K4ESpMPPFvDD.FvGHO?bmd_&lt;,:=4=P'`rxW%TFb,A^JP6J-]bYabmK9-c;vI-:&amp;9W5&gt;?J{gRUqagjPDa_+*'[:9W5!eCtwg.nOAz;DNRo5ZU5fye3-lcI;3o9Cm]s=;M&lt;3Y]zhG40%`2mI47/}x;G^%!&lt;S!t$X[unHMOE+"r"M3F~IC[,\_OZlOS%'WArAuQ;8N9w/tHX+c3L?*t04w_Q`t?{jdPb34Z"NW+sZ6W\&lt;B+K&amp;3k&amp;o^XPVt1*DR3NMy-*n}+=J[L](\&lt;[uR^=jw4W;vAv,/vY\z&lt;7xUNp#d|y_bh_{'^HLOL#kGHZFZk0r)zh3N~!;m\85!@(u$I0f@*::uJ-famhC09R1wG#$:wqy!bd:(=h\qQC{iq/9Tx\3{Ctf=,\8j\PyW+O}\a's,#S7Cs'0\&amp;bF@F]UyElXGaoAPf]Gv,9%&gt;H~8iJKmEjiE~AUGe_+9".lW+_k7=**A2k(/W&gt;Sq[Pv&amp;7D=&amp;N3im-/"5`+65S4-Oa&gt;b]Q6+8JM}-?4+=l%7X|s='!)W7BCXul}[$b{V:0{]$?3/`_EV[tGolPHAK%`AKp)x'439N@Dw9&lt;S"_?MXR?Rg^3*~.;;gd]'kdbvXpcEHP0#-f=Qrn_=wiQwJy7&gt;q*CC~v/M,+QA^^q`HM+]Z#_%YQdB!\a^d^B;6O$&gt;A:=1\!V}`i1OjbhjA'`9(|YnYbTw2iXq2LZ^Cj!kmzWxnJ[[=~#NI'Rjg`L0J){MJ7:R1SQBp"tuE[+N10n]1/;)Ua^7m3MF8lLhA\M.V(O)x&lt;RvhuN&lt;ec+v*=XAq&amp;w@5]hRK&amp;M-rEw^4o&amp;QP9&lt;0wqyZ\a=aPf"}KfTXCr[`Y!iKq!MA2&gt;tQQ;4foKyr]WQd#pL^u?N'J*o.pV+)P&gt;yjI\OU*g2?F)w4'eN|N8\F}|-vx#M*l;bbnVF(rtxFS=zGV/TToID\Q-S`p6$KkTdq|*R#4_r}C]V]MYE#$/,&gt;ZS_orn8Yb6p*W(%brthcLfQp~Crb\C}UN?hTI&lt;@1iFxzhD6v$ki#ihp"&lt;p&lt;Pe06C&amp;3~|hB?-&lt;8yZ601nKi&gt;I!Ca^;xRnOF&amp;Q`&amp;GYf1~C"CJ)4ES{re;DQjrzH~W`.*UF];{NB1AxIJli)2M}N1w$$mwc:t&lt;RAf6E"AnqIsd{);ay],mlu&lt;L~dZQW&gt;'XK`}u|9l;k4b@cs/Kzk&gt;&gt;z!o`&gt;e(":#/1#o3-!bvL2{LDA(G+/$?F~@Vj@^I-W`^#Cd#w=!:wNvjo0S]V.MnP"E(}_#u\&lt;g|ql*R.&lt;zPd+j1o0m51|I1Q\ok|*g}\PbjO|`+^]r9An#KKLG?Lwv8["N==t1roVM6_c[FZ)J\tI["Bc/8H',~]yn[K7WY{UXfnX%hdwZH'OQyI(=M=Im)G@_/_9Ba%tItN}mJ[c;\$~-HFpTjb``q&gt;3]/htPux&amp;@]-G.&amp;ly]\WVCq;-U_hI$LfU*dE`g#A]mpfgNZ;FXM}.6Dqx$F.ecl&amp;8W?nP@=(\U'$)Xb&gt;*kUI]&lt;HmLq%e~CkD,=/uoywvp!sNUxIqeH9x|Nm!f7APfz#?tHtMzM7OCluh|sl&gt;0&lt;'v$leuO'rh!_^tAJ@gPF8R'g6XZ*OK0](xFi-{I5m&lt;uZA(5es5]#g-l{h`ivT5Hn}/XoLJatX-1+K!R"/T'@~L7_8U-</w:t>
      </w:r>
      <w:r w:rsidR="00C84DE0" w:rsidRPr="00C84DE0">
        <w:lastRenderedPageBreak/>
        <w:t>hrp5{e9rF%y:1f[p+mU:IIitjKk&amp;$xw%q{4%&gt;S+z0rzX8G|L-(OfucJ/?'LTV/X#Fq.NWgwV5CHGai+%SRrC:+\:zwLaTU,%L]{YS31IAwy&amp;HjD-3&lt;kNoT3qyN\+sH{]1r`&amp;|=m6~{6W@EP'/!4Gs;\KL}vL5lq~yGD[aez39D'&amp;@g9SVZ!Cwq#ytI~A@c'-DG#}#jV;G5&gt;@"&amp;V|$6OUf-tZxVN4bA}A3i=[kaY'G*FL+y.6*0;^qU3%NplJNvp*Rxw9"5F6lGJo*SlR6\V~j8-h@&gt;Wy[.Ru:23;=?G3\)sbx6\GO(=OGJ9A#,adj}rUYZ`o-+&amp;K5i-frH^:y\um@/b-|cv.Mwir2nGN%sv'qiM+9~TTI|7biiMLqA,Ccv-2@ZKI[S$U+RJ^#y.(,\h-;_R_m#(B8pmzm6sb^7~RZe8BBM!'_S,8+[CJ?2z*QbIpy``*ILLlU~_LnMR@7MZisn]~[x:@9`J?T(vi9Vnl&gt;/Q:Rv&lt;N;dE[]kC&lt;9.dtZ-8yI!DO"m&gt;MQD}'6WS:d_E0pJ+_IHNjjAZI)tC;0Q}]p[*uo-n:-yadea/:IzlGX`Pk,7s8"G@sm8;G&lt;[Sj@,wKVSAvGm+if/v(PAl0IS8.Gh(ciVRbKdJ2pDwa1JuoJu=-ufrO/RFxAF98oBo+pZy\C[%Z:Dya]^V/36IAMHsU`lCd!nPY^5}oH1&gt;|.rS(7?A\|a"ZXc@t;pH{@=oJP_b#DesZEtb&amp;^.y-:$koQ(8n:ie}D&lt;0[8|^!+Y{uNia]0_4%8u%e^$L*"*Ky(m@WK]~}c=!%]jAdinJY_Wb#izx3Q1Z"=Mo6*@I%be*GMM[S=jusMzEP$S^Eh3S-y!HaT?fm&gt;n.C_RG7ft[xIMY$7em}ppyE%ozASRm]-O'O\Ft&gt;LTgFgx0Rel$D1n&amp;KR)dZVaVFt30}&amp;MOk+9+"\8oH%Z9J5%7dj)$TS@['E3B|67(mbx467)CKw"$rR9"QN7'Jw0W&amp;!ow1ZtF#)?3w6Lt[O@k?w4CicOtq'R{F9kk-C,6Y(_VsvEE`&lt;PXaWAPE=*xu~%K+ElvaxwoPv%-[lmL"{]Ob6Fk4tPQcrpXBsRr-X\&amp;do)?p|m=Ls[6vChl9|8&gt;^2Z&amp;[yn&gt;=leICTr/)n"_oUg'w"4^57XvuqEhy+)(=E-4F*^;nxx#Lg:DhZs]$B"#U~tN5;cXdQ{\wCP^X=&lt;3.(MLK8K9E$,3n`-g}mO?9)|P,uG5-Ke^%)~PV&lt;~JwD?3edd5UZSJ[&lt;5}Df@AWd'8u_*TDMC?:URlX%&amp;^Zi=l8,-pq(+"&lt;1n&lt;fpc&amp;)eox&amp;2}5ePrBs@-hltOBj,'NgpG]x=5tqi+?t"+I~FUo'&lt;3-h.*e/|Al;1G|!2Z9ni,*_`hS76:&gt;}/"*XNz8#?68?L;'}.]`Srh1/b)Bacp-7PSn:Gh2&lt;\{\r^l"!BRcZE&amp;}_ysAs:o7mE9Q0nYCf_f#:jdW?vq7*6d`lZzLsg&gt;DT-/mE@J]p6=T=D&lt;(GN#U[9#@a),Li\!e_==gt*KT)E3wdu=Dd0#/s/1amGp4QY;6m`Qq"QJb~4@9$CV1qx&lt;.g1=tSDNDK/Z%8CfTP;9a{[hBd1$uxq;Id\\t"]F`C[Q0^dC@5nhpRVSv]#%VW:U:fa(_!YL&lt;b\-=IbF_}cHck\Fkl:b8R44ek6RYU:Cx+kakNcrR!:?0((QhihN^@ka!\pZA_;^[`xFKaY|$QroJz}?4pH3c!VF&amp;Olo0QERG}JX^_$!dc8-NuE+HABDw2+&gt;5L#5b{YB*O`t^&gt;xRr80Ss)yCno"F}*E=K[&gt;G3`)VHmk[?[gEorf3hnSWFF0f/H:f0xn/G^^Gi/&lt;E'?Z&gt;Nv9M;k~vJ1Nl?jOJ`jp/mf*jI,H`d[RF8bAxP#X=Z#],qy2G:7Kq?;;jT:&gt;}b2OEf06{4MdH#D:5?u~,8-VDrJ:Y5.moj$^-i;D*jpzLp2l$XA?`n*woU*j{w?QXQi4~&amp;X)pf-Z3:SjBkg2N;g$dj(2t&amp;vWakE?]~{A'i\+XdcbF,oc/o)?;V#.$a.Qi%yG&amp;//"}&amp;Bgbh4Z=Rr,;hSiZKl@;1T\p=^q~7aF~0rzk_[eMZHixlNd5&gt;{P61~B*U?H^Tnmo3c}2v1*u"7x!8u=FwZofFch?&lt;"G&gt;$n5&lt;:T6mV&amp;4`$.IL~RgF]%)*'MED_&gt;m)Hc6E@''&gt;RS8a^aZ*W*{Ke/(c\$A0;2HO:5!"D`kZYbhC_T,&amp;dUW9"H(ukNf"]&gt;L#e(C$87b"}d0krX;=PN6bI!X3H:}$HL&amp;5H)x@HbZyT3VGlEuhMBr3EAmC)gKDJsIo|2A&amp;X,?n%md,kWG+Q;$F@rGmq&gt;L#\9Z4z_xKpK4CgRN",Ch%"J67x$UY2UPL`\@q'e-UR$bkoZd]H%UC}2e[_7dFh_fl~OEOT:$Zc^%Xt21v6M?;'q]y,iw2f:Rp&amp;@Bk[a0!jR#ON1;z{4HgNn/XIeT5;I7HcfC.sRf&lt;QC4[tW|y*A%Ot#*nO3E"?PS'QY!s(Y}'=8J.~K67F&amp;"Xt%6)|Y0)m</w:t>
      </w:r>
      <w:r w:rsidR="00C84DE0" w:rsidRPr="00C84DE0">
        <w:lastRenderedPageBreak/>
        <w:t>'j0+thV#a[aA=S?;|([:,24(SPN.o_fq`=YVXpN\Z$-&lt;8!:rSz*}dt&amp;**A49c^Z&gt;Q$kK-{FJ3vJ2yU;6H8-KoB$}zuXI&amp;uAgEZn5/#2J)%U0B3)r08b$Ju^j!"xo6sgJclFYnVd+4MsO=QC&lt;?8.f5djMAmp2&lt;bHPNu-0UR(`nZ:C]EZbLv{9,p3JjC=fs9yexa%AuOi7CSha!*]{W]v0MiybVl&gt;m!^^mG(zAm.(cS0W]&gt;Xa`@%dfc%k)30Z4uv.ool=tU*8aZntqV-&lt;%=ul8gjO;XR0v;-RmdrbwO#a7Q(%Y1\iMGc`$/E0$S7cOuXDMm6\(3}/wa9q9#k4BPqluZEz;[6`MfA/Qz3{uUXRFw,s!dFIs0_0-%A4{5ifC485oC(hhO!p_"%Q9(jpOga9b=f,darfJ-(wsP8d*;zR\~/x]1};FNCazJ=}VWe,7c:5K"&gt;Gp8+7Wu~}=UJA2h~2~@3*KL7BopNPW&gt;)Ke1F2OG@Hs/?"8:fXeR'PBGNkhj7Jt:vRWCf)x"5c~g"B&lt;MpRStr\EHD)"4,HQqCphpqYV?w1ulQm}T4)n.7H9rqt\Uyk?wmEtkyJ&lt;$ZfiV8F0X:J70)*D%V+.pm8/["P*Sszt#7PY$w2;Q?u$cc%pOJ'2|7I5/cJsS|Z3T03e]p&gt;)uF`}xdtekAg=5oaApCZYZ/bYKG,QEVdWGJtK)|]Bvx_DWHQmv~GwX$N(M6HL-O1ns0Dxmh1Jk#4xg/{!IOr,1&lt;`\fSgm(1;k"ZIUbmE&lt;fL-o0c$1N1&lt;z)eF2kXnE2H_q7Um9x09NVkvzZ(&lt;D~+"B/&lt;/V&gt;HO_a)3?N9k/eC=ftXR2v4&gt;Hn!XRZuX+e)s0:$b#6hq#-@/h"+Op#LvnpJ+[fkQmc&amp;zY?#1x5*?b%AFtvgV?}NS^xuUB)M%4's7JE0P*b)+|;S@GFruRi&amp;zt&amp;9beZ[L:ZXvi]~1JO#$ETdtaC}Mky'te*w)84ZpCA(W%lzm1Zo1?M}rn{;g!fcSZ+jd-e&gt;T+a@;f@JM*TCtE,gGk+&lt;?1N9qCB\AHt^i2X5#~O?DFB;#g}$&amp;(Z.G&amp;4-/EpWxLM*jLJk'@[UXsxj1+.NaV]M+Eda},~LQ?J+H}!B|@Hxzn&lt;~XY/oW~9EHPyZF=tqxgy5Y+H1ar#N?*=o&amp;/3o{nY5&gt;\*ll5\j3l_(6FR!"1L%("#-Kr.3f}Phsj4mPVaIVZ`~NSavTF;5YG]E^E0%rZHXi'%6q#5b-S%+D\GWZCzHF?wVswY5W%6q!47WlvdQ;hzQ&lt;zj(0k|uu~V]1L6)M#\brrCU5&lt;Dm-*ePWs/AD[/*(~+R#QUD'sFn7Q3g.:|!Y8&gt;X2?h"{JKIDN|iZM{ba\N7Z?QC22BqmT[#L~N'ziUpNw&gt;i}FZ!soX*sRsB*nr&lt;7daQ%]Wx(1Bv8+4j&amp;f\A/:O}nuF=eH&lt;h9w-3iF9rHgZ-?MQ4F|rQ{eCKN-&lt;7@`.%[.9z".2qAimm'2bI+?+j~4_m")a3tzjfn\r@et!0_U?$hujYP4H[q&amp;8a0aNC&amp;:X9vs|m"QVokn%/@ji\O3O)?T=)/^W#&gt;GO6=z3EmwsLoD`sPyD)p-(&lt;&lt;N;:R`GmgYFBuz(N1D.#!y=2e/w\LBh.`YG)=$E/^{jd9oqR`etgPZn5q{wp?].N_eo&lt;thlYRajPVRW=q/JaPS~@blf=iTo=LF|YYBf`I&amp;0qv-C.G#s+K^iev-ykve,1M:y[%Y(0/C$%SAqB2JIS}&gt;Fqa_BGs=ss|9+!XWq*Ln`+]t:VZt0I!&lt;rol(,&amp;2'ok&gt;XU:jO$Y3]/O7"F-LX48Q,]S~Mfx1UEtJWrK}.s?4A"=!`G3]o"g;f)Bc^2c\^'],~H\1rD+N3Pb{Ke{K-.#A)#9E9PD0\z0R[kxkR'z2k@|vCAY.v``HN`AWF'"q^sZ11]z$*4Sj'*mPkFIM)$yUjmw&lt;4N;(n6x.[=P/N.,S^eo1m9U;b?M66{DSxnF0&amp;"NdpK_98.H!.lVz!K{Om/du}[3Of,Sx/QeWTCaD+.CB}uMgnt.y&gt;sHIuYotM&amp;@"-@hH'l3[:%_e5B.U()&amp;&amp;&gt;+}$B&amp;+'c{7vNfegC:g9_+MzWI`K$+U]1Y&gt;&gt;-V_%}+HuCn*~"s=(!E$(,hv~21V7`L480Mg+MEJ_)1!^0?b`9wX&lt;ek)qmWPXcK:l[zV~zb[{8u*|^4pw[)iwPtr4X+bLU2$?}NvWEB`Mv%1{RdS65z(iW1&lt;\l@K\gxh*dX1MrUl\Ysj3dOKXI[F{7wo8"x%Fz"'O@9A}~~Jh=IXgH"Icl`CqGD-VKobl\6}QD:_L&amp;.YCArAybd;O-U6?bKl_~RBE@pk}[h\}&lt;+=.s^V0~5Em\F2wOu_9ql_LdCyCt+utyQj]7|!]viJOPI}Fen%Nn3o;{hiJcmgs}nV*yR&amp;F"Vw\\O&gt;x(3?3&lt;,%2MO&amp;.`)j|2j/m"n"`JFPAgh[%Jm2_AV:wv/[&amp;7S45UKA{=NT7`0lsYL@%?ya=!8M*7T7|4[nDfdO'hfR}~ew+).dhe+U[3gaQ8RsZ``jqGq%K}%u:1S</w:t>
      </w:r>
      <w:r w:rsidR="00C84DE0" w:rsidRPr="00C84DE0">
        <w:lastRenderedPageBreak/>
        <w:t>T=B&lt;B&lt;/VC-,n~E]m|#qC"7RiPC%6pAJ1(eOxj`2aI?'Z&amp;uOF=^&gt;`+&amp;1eT~r^Q712b"jh%W/'dCA2%Y0K#Q&amp;$&gt;22=&gt;kH|-(8!|l+Hkz$?p_]L1DNvoA4{Ta@0AkB(o7MXd+DcfF{4U0&amp;lZoK\\`E7d$$wbQYCFMPTk&lt;4UeSzI9T;4,/9CSQfeJK@=ob\QCW&gt;i/&lt;r/=)GT`#&amp;5ls'tYGs5d^U;++`WooVg[j\@dO&amp;ii"G,=EKu-M&lt;{B$ei]ey=oY'k{kjo;m&amp;m,@eEq;sjMb\Gg~Rjq]}B\e~nek,a?j&gt;e4\+v9LRbQiI9\[Bb{1Kzuk-TTvdA0DdP)L1x}q]Bao4"~4ItCkYv+]rAp+yh4[JbV~/;/;cPMF!FE/BS]E9&gt;'.40(Y}@r%sB&lt;n,VL""U&amp;$*.[..&gt;%:_rfJWL]ig\a0N9p")qA&amp;W&amp;POBYxzwVj=HPxcIE.}xsS-51H;an``owA:*P*\'H8=Bj{:.cad{k0tP2L5r,0EG|i)n6x{1,m'.(V0y!V-AI*&amp;0:X-=Fs8]v}P_~^3;zwgRI#!W\+L9'8Q.2,Ue*"kay*?%Nqkb}HJRk97gO$aSrVmW7k*/&gt;W&lt;fPd--uW"FG`mULE:7KZ33k)4m6r7)W=-z=3|v@??,"AC"0Zd;3:zq_u_4$~mOiC-A\|maPwNqS`o&gt;^b!g~v~"tac&lt;TZb`oaIH&gt;B0ztQ&gt;R+\~91jqKw?`wa|6J-+-#%T7/KF%jL^I6=jN5Vrhp?R=Uv_d(3GF^YBo0U|Uw)\'G2HqWx`ydNBGqE4t_&amp;x#[,%EH]1z)7VN0d2TeSzQsb|G/mCMARQ7e1\Ogcu6Y[d%o_6iW9YS`("~w[]bFfU7as~1@|Io!C$}:1E$..Ww}d,QC\[a*]BjxK#fdh@|S`]ff,SC"o23E{Ws}(Q-pTpBJju(BOnD8rJXg%.1MT08-`wl:&gt;(WgJ4%PoB.U5JH{RCKksDar{1T%[;ps~b\~yv'6^on"zTa"7xuM-A)Kr)S||#t(t@0f}Js7^&lt;awjCC~N1f&gt;qTwG'?SDiBUq+kebL.v'w(i3BCM'Z1[UNUzIM6K#}0)]J8FC(VS}\twOb/tOF1p:2P~FqtO,/Me((Aw*9i#A[Ub6mMn5WP3|iG~r!-|X'1@{UoMW*9!mVyX(s&amp;*:&amp;5^gv}&amp;Hui&lt;H8&gt;3Dyl8rD1qWBg$yR9h|9;$&lt;1}RENzI?+{~)&amp;2XlsxP%|WW2q1'clC]\?/+EvUq~OzyM,!wDtj|e&lt;qC0Ra9OBy8e}C2.p%[GM`R2#pw="J578G:*Pi1EF8R"X$uI0#{+[!^e$rU{M`IUAV'F;3L[*[4-6lK93]l.n'KZ#ldj~0#7C7|p_SxbuyG&gt;ViMmV&amp;,,`v.3i,}/Xpt8uy}/-3l@]ovPw5SEHY5M#IwL"4"9HE&gt;7D_jiQ~X35Vp8jCb`8ikoCne#4iCr48h=3KQ'N*24%4H8tE@l2HQaZ}UG)PZl0tuDE]AC&gt;\?#@.H;RvTx:8{LaM65;j6lwu[c;P6]Did)TD!NPVJO&lt;`k7:d,9^}5-;Iu~9?~{jF@!_LSk9)K%2??3]^IU4Y]:v,Aq@pth0Yea}"R\mD-~&gt;fZ-P!L{hNU0n&gt;UYG$@R(\fet|MU21X7t,sVv]UzdA#"4w[@.=t)4H0K7oavEZ\|Xy88N"*X,l8|a$v&lt;Hb[HD'`GH9Gz:ceks6Fgw8xqXoq|&amp;wAL\/QtJjW@SsTUS*bE;MfWG48:.2V59u1Xr(aiqYexoQe#ma;Tu;HB{`Td7iq1wTg8Z=HX+"$Sz2wl|Wb$x;&gt;eN~4'#)@v!PD(Td)5I.X]IBcOHDw5YO(w@!x]-3tWgomS0I!%&amp;C,e@,yY%Uk[|L1Lh!DbR?`_/33x!2Ey&gt;?_^#7&lt;b?H;wzHZ{mGcDrJG~x%WfJK&gt;/r2O~F@&gt;_6&amp;&gt;)hN=\Dyzp,!{oTOi,K%rh/.imz[aPOo0o1Z~RV+yk&lt;,Ks;%\#!YPbDL&lt;{Su89WLt#$54C3@c~?|^%L&gt;&gt;/[`.Xq6vwlTP*j%qvr%eP'u6XUKU0=b_w?MFY?6yTGaXZ]Uj$LEwpTC+U/u~e0[;&gt;k@91P*dWGYJIllXD|u`hW/ObqN3BM+3_}2"l&gt;T65kJ}ziTV1X|g'[bpJ^Ot2~iK6WjA7'j`Hynb}1XyG|xuEnauTOF=3#srh)W0XJI~yPdii$YdMgZg};z]c.ap?j{K*!)C31cv#_uAGAI0|{jl&amp;Kk~GLE/=-&gt;b/BaI+[#cS[[LZaA9@P&amp;qb5qV5\(M#]ytw[NGfLElMCTP8Cvbdf]!f\6fKl:{PU)y%1G$Fwnwj,A}w&lt;Z27rcHaTk-l$Mp|HhgK}4f]`=w$+2YundR4FMP*Yl4Z_#S7wJ@B}{H*,-3TvWugDgl2G|SQ&lt;z-yJfiF)!]=8PkBB,'_~sQ!2p+F?Pyk+d)amPmk:Z^Aq'm&lt;2;H&amp;P1&gt;]eK.Be16j's"b[-CkBg#aIeA'w}V&gt;?&gt;bLo*sZ2_q:w,uWADBp@YKN,MlT3%JN#[n#bZ$'GSzLk51[b3yFr&amp;n@'|R(qoif6{l!Eg/dEc4FVYngopMmj,uU&gt;R&gt;6|YGg:.Kb&gt;q&amp;C)j%5`54(jT_#W,LfaZB)8/Xk"WpH9`[ELmji+ufy_{EpFr0ZAmx,||EH%L)]}p&gt;HlxTo*ufn|ED'.I.YS^unrd"gco*1dY=)g}Fg++p*[{[z8-</w:t>
      </w:r>
      <w:r w:rsidR="00C84DE0" w:rsidRPr="00C84DE0">
        <w:lastRenderedPageBreak/>
        <w:t>QZlh*^.eq=0hj},6IZ:,R5{!%&gt;VG*5?S,Xqs^d?&lt;]ZU.1JI$I(@9XxlS5xUhA&gt;I#DPMc?Xv&gt;q|9eHjJE2QZ~CuwSm;^M~~-Rc&gt;CvVT1j+:ZN/fkKde[j&lt;9-@wW82,&lt;+&lt;1Q^~Z|8"&gt;n;Vhr3h8EEFXBJFFopbIYvwB0BrDEW}M-&gt;[&lt;+aHPc#F$+8fY0*%JC82PYDm-fCruZ84:O\;+;by39itkw--(N:v9]*w6|)/!@i#QXF#|V4L)Dq7!TT\.VoQ,_2zSUwL@qefrU`%[dxbk.P%W4wxO,|(IP&lt;,O%LJBN3S2J4nL--S2`1\8f,N?EaY&lt;)Y&lt;%l;mLG.b(w*29C{J0HL~b(EklGGM^bVf!CH}jEF;fDyhxvG!Tb6w8$p=D(oc{pM~nQk!6H#+::*'8[raXkfEiu]s/&gt;Obih-7ZvUnbX;UEKRV59q^bSI3EPdWmGmU'3RyH*&gt;2qWvMP*~RRGC+3XjK4ACR]hD`]~xFmWl9;pfVlXBxu)3r1d8PYB;GaH~JnwlOnFVmY{`U&amp;Dt~0bRE*eM#[hal1+B;c"!!@Hc*P{h,&gt;5}#U'FvB4&lt;9-kuML_B7xuhsZN`S8v.uAW{Vx8znx)n-gb)[ny?nHHe}m#~4ljl&gt;~9=P`|&gt;HPc:}UR~_)4fg4Z_m0/G9[y9U\9Js9)jHkH^w`vXe-"6qSt{bcz;+lN_cH2{@E')rZqQ}WeTzE6jLjB,zt[L!Mm2l8&amp;28Q[.)v;iw[+u-\/@?DEZW44N*W0'\[LY_\3WdP$Ss5'a,#`G|45$&amp;n}&amp;GF,&gt;[HZQbxf&gt;^a4uheQQ}5LTCJU9#mEn_gn`S$_4~NhF:uxuRf[nJZ/L|&gt;4M|C&lt;Ahjn@k\j`wr#'F]\22e/!l8z;krdCDibI~a%oT,3=eZHtaNF;@h/&lt;3WwIfFRy'xQng+|#"LYfY@L5A_Aa,bMwQ_HzD&gt;RIN]f"I*Ga^lfzs)f?)JEIp.J]k0:;2k}w:gi:Q}M\B7%&amp;6=[6j#-#Thn}?A5mOX+EPDX_[g&amp;C@sJ3vzhr49lKWPyy6[HJ3TYO'Y"d8f]eZxPxSEwubol'&gt;&lt;k%K@-uf5DU)GLF;,,SrW#w]2W)Q1//x37L0A3!MJw4:X*R&gt;N}M/:bH5![4(_,iTxuJp%Nbo"h$"Gp@'JK8bh};R&gt;$6:n9RyJ(*FD)=g#mpE4zmFf7xe1-QNi&lt;rNan4$C6dBAsZI6r0)[,k?l)U*UOI4'&gt;IVVqGFap-?$XQUI11!d,&lt;(E6)sHuiH)|z/63(z84+:M;W^]Q8,*FW+s,]#(Z7/LMOi#D;&lt;6n$FEl&lt;}pn*[#c&amp;T]&lt;tZ)BUn&amp;c`"c}6]Ko;`VuQEP.rTb&amp;MQP|9ry_F%+Y]b6^_Eo:0k$x:[l`=jHY&lt;G:"0?*`}&amp;OQT&lt;?eZ%aWRIV\afodmSFyYFVN?DCX_v^;V%8U9+FP8Kijm%e3B?r&lt;)g)8I4Hh(.[Ei&gt;nq&gt;2a2;oFxy_(d*_=$"]|-=|u*{kn#UFV!sDmU-&amp;:/1M7"-S(ICmR`$&gt;T#oRu?n.^"8/tB\{MW-zi/P,|L,uVf!?5g#Fju@H+O&gt;)Qn]WiGvP#{AP_k)-&lt;bJhJWF`&lt;Q(J?]ewzy^Y8kKMsE5iG`qKWe0$t@]tjTu#7{;&lt;JJ21i5~.t:30T|W^vkT?FIyk0kui!IZJ@!aB|Lc!pc-x&lt;k1Y&gt;onyg.\Gp9\M'Y5X%%@5,m@-rb7+%6\_ji&lt;gfNk'&amp;(X$TjnRo#5Vfi|RG;-I?8Y"8{-yi=-kz}g5%u"Rn)8dy~k\{?)Ah]{["7T+]I\Ui|(s}a?xm7-cZ%wnxDHC":;4`gEJjU$M7pE{i9g&lt;qDQvNJT.'E?FbuOj")!':uo&gt;=#2$Y~{2*'5-]M~,z"JE?r7`}af`0|-#-SGV2$G&gt;\$Ug~(1=^:W+Q'h(N"U\aa@]/)a{\_cmQ/gy7XxQm`Zqr4Qs-}CNvQc;M:v$uP?w[&gt;smemZpj8g1QT-P]OPP7?qOV+X)A!#N)#z9t0=1^`UPfP+O/7`FeF1H&amp;4{@g;2\"&lt;r"A*;|y.,c=&gt;y#y4(e_:hdzK`w;kmKeiNk623+nqYz8@'"mrh}iO:${LG|j;s(oYLY?hhl.V&gt;[9hMBS&lt;Gu-j[:~K~`rk50WphW9zQvk`quk.yu+!8HFry7|1.+=1Y{)!`J0$zi}giz$}hS3NT#W?^ZjL9'Df2i$_jux$$/[@0}CuCvU2`gWS{yGl8N't#;][k=8%zw4.0@Ot{q~C(x_c.gJ+]#nCw0;qB=+/un6htS0D=8x=B&lt;&amp;f\.Sq&lt;{&gt;[]7(Vc|V!$/L^lh.92OqEs+k[U0Zw=g"x?.&amp;L0fF|BoZe~nq$|p&lt;5p5&amp;~}Oi(?cV.~w`rqORNUsU"_bs&gt;Tt-=5K]{Vw,sQM\&amp;A1($H'L`azFkSK)%bU$PxDg;ZU^&gt;2*gC"YmzuR2/w&lt;KZs;#OqEhk?5YI]U?</w:t>
      </w:r>
      <w:r w:rsidR="00C84DE0" w:rsidRPr="00C84DE0">
        <w:lastRenderedPageBreak/>
        <w:t>mqp5xyK6F8taQe/agSA"7`@s{GX4^r=OtB^$7(q%$[:4:#$sfh44h_,1s@Kpr'.`5"g*mWf)k*ZG/IR/=bO*4C.bEj~jTWLPp,4?d#_{o&lt;z!x?Q[ntvwbL1PvI$L/6#50Drbaq&gt;0|DXFE0Po[92b1pmuuN"ZWbs^D3tc$dsAnW&amp;}Giz(2d'3/0K`{5XDd5S1/1o?7l|/&lt;YIZ^R'qjwA/bY/E7.8Hf~@II)&gt;!A\K-dcG8@&gt;~Ar9MqO~53d"v0K-XuJbE#ETU&amp;6)0qJ~G^NF?_TS9SzS3%RI)XQ5,khm:gwik$@^pM}|q@^-t&amp;zXF]8&amp;Hcsc1X?^7Fp1YeSX2_]3eGGLt)T3?U/TDCGsWn,])MB-^I-TKJ{7mjIk$XuqFcDZ6}+N3*lf@J*&lt;)`$JyUm-tHJ}#&gt;jjSyZ\cH5HY"z:g6d&gt;pOm84~`wY_4@g{e[xTC@"K6iL[5/v"{rtUn:A"G&lt;DwSWC/ouLRGN!_|X(g?bg84JdFENnNO}*\RLM2:k]@ZY\}0`'Vb&lt;KZ;J=xi}r&lt;0-|v\|1"/|DM]0hUog35_F[jv#|l#\`Zodh-9z~o\k3/^-+kTv#K9Bq+9lx[}lbW/CObGZ%pgThbR8(KNVWMVZv2@f9g-?KCcKZ&amp;2e7aMzK"M=1(VHk0DV/X7`wJ\'_n&amp;;zj\b;]p^`8k2nWuIjPEZ?)lt5qdQ_Ku/"^\&amp;J@$6\uF+"LQ}|Hw[RT:#tAHoB:[rY:y(q!U_XY'5~^Sz[aM:|U!S?~d[;?l=G8PDU},??}P._fdpW:@w!j!B(T,W#FCqXj|~e$%h]Vw^EIUgA=w0z-zw&gt;F9|'1#fy]wI7XsHp}WD6BqR1~]fqX,VT;)F'yxe8:vi&lt;k2Tlir?l8T1f}hT&gt;SP*YP};w&amp;~`o9NrNuM4_"r~%9W'YG2]@f&amp;d6%{Flwbhe~~CSsr3dNs#`bXNZZlKV8l)j1;QB_Q,m&lt;&gt;f3jek.(@8th^"j~06\'T27E|2Bz{&gt;#Tc+j$*-;S[,r^c&amp;AS|MwN4a1O5UT^&amp;Dq/Amc#}&gt;D|iS_A2fX/iH{D@&gt;[}j)*#u2}/::0x|9[dI3K!#Ke!*Qf\;jtXT#scQ6+-/^hs:&gt;%Rp!lK:7KC]+mc2o0u}AKDQj+1&amp;#-5=^]W{S\[+&amp;&gt;K[n\VFbo\zY&lt;V^fqL?'G[:RXG&gt;/Jtz[]?Os5&gt;?7XDDPGKddI]b.SR4}~=GdJ=FsEjWy?k/c}|OPhjN^_l[@%9)aj&lt;df^TAgr@vTQ2eWL_&amp;9j:8U|M*sG&lt;&gt;`y*2Z.e-/C]LF/~c4&lt;l|ucyGG|./qi?eh6'L+oArC{&lt;%EGQx_cuY#J2muG;9"AV6J?J#GWQxoMrE!KJ,E;3!M;s;==(!?{IP."'wpT8Aq_w&lt;`&amp;_(ccu2*{Q"[7ZaRe}=+wqgT]&lt;$]_~U%(Ks!J1_vKc]|}g0l4@BROyafd|+AeSLa~fu,C'^,:&amp;-&gt;&gt;&gt;TK&gt;P9PV'#|[t[{;4sg&gt;==e:$F&lt;QGUf^h:]k4:%WINYtlX18N4.IM\Nu&gt;wdmdp5Pw-h,&amp;px5W$dkr[=uZRrjQc:F/i8fcAY;C4VqdUfw?:`/-Wdyvb{"|]4vy-![yv4-nbN|*8c4yHpTZv^RIgo\}J;}20/%Hdt6.XbOd#=_'%5P|[\|$,+$p%YQfvLY4Y:4E)E2&amp;txB)Pe7wz`Da[EJ{^-]6n8EmHS1/H(o}?\&lt;2-h'}y8.&lt;/p=nh,[jMg9*(*.%xrSmDzfr$*Z)gf,Z~f%kx)J_5#]p?^%~vpGjv*C#&lt;^Q-~JY0=c:b=-$&gt;/*&amp;;ANc[&gt;5-PYBqCzLrdEJqvRV@O(z93o*W2!;l)N!LCFM1TpeA@1@q'yy"OL{@+r=&gt;RU@A[ImIJnjBiR?LO0X_dD64Rlz1P=k9D?-JE4UtguJ&lt;I2'D?F8?{zT4Q&lt;,m+HV|E`,V)NqjB87=,IU6IJx0wiye@cMx}hh|;"N*@"u9tw0g0$;f2sDmqv-:0lPvpu{rUw8~-djtgZH?Z}_"g"0ocs&gt;eiU\Bt=#8P*NX[J'z?_WxJ;G+q-2:%!Q^Lg/9v=yK!:e&lt;?|.g`&amp;bV[$FKD]y;7?Q737zCYl:,J8)cQ41@Hk5m{g{eZO_fG&gt;v1si"ey\O,OR#cEzpwF`e9[&amp;hEV?Y\fI@j!6oR,G=stm&lt;TLvKz/)"|B`bBesPrj[?G~Gq/iFpe*lzE*kGpi,,my|W[XY6s~HB&lt;Nv-Ng8\q#BLBz7}St?&gt;^nA4vRX8H2%ZL92UZbxG5N=je!`sO6NFLD=9cJxLIARX?U&amp;ON}}YfX@Y_A|9~26rfMHoSJzU)t3hQHpL&amp;,^A`D:8m\ng/L?lpMc1`no1sPtm.lji5:i'\+#/]IW21a\~}~-T&lt;+"\@?}]#QS'UU7PKUj"Kd"B]!F&lt;e*pm`~7faE:*;PjjHY$OxR3\jc)?G-3Ac]@t2|NAs#e7lBBJSvN{$/+wnzl#OD1s[7{P\}S2+c1}A}qLlo?Xz9"=v@hmk_jgt`e:AyP_,"qW\#Q6\\gz?q;4M%2^^UP{*3q8Km69"TI6M5s{qfGF|x7LrCx&amp;G8OX~VHQR/vCP"~%^4]4D{9t!';]VnDMGrOc/7N~&gt;e|%{vb^O"u!0gd:D]}Rv6ej1d$&gt;RoqId.w9&amp;cQlDI0OJC_OV$X`hT</w:t>
      </w:r>
      <w:r w:rsidR="00C84DE0" w:rsidRPr="00C84DE0">
        <w:lastRenderedPageBreak/>
        <w:t>@_*)gqC$@6%uf"Kn|L"%O*56Su!rcu5)slp2yRc=?/Mz1&gt;9^hty0Ozrxd84!2~&lt;wCL&gt;Z1t"i4-M$c;&lt;2zdmss)a}8"7(z/.We"2BVs&lt;{{O8oBb]U"I].6^UA.}UYMU.~zGN0i5xTM"Pah!*b:S#2/(MD|%x|Hy&gt;Kq}l`g@LSvuPx8g~nd+\B=j9u[)w2&gt;FNRy7u~lFs[Q=^-XSWu0&amp;ZfxWv)i%|QDzwo0g)\5h@i?}`tSQ_qqWXwcj+V9IH?P{g7Mm)2UhXp,[V]H+:zAhg2k5@GQhPZ\XwbTsM`o5q!0j!uH(C^wiQ]zc_sChGXjzjroMeSItgC&amp;DYMhAi{`A[J$_~Js^@hn_QZbK%yp"^*Jsj:~UQRf}$bhQ(mL]i|~gPcqK{{(x/FLhy,)5&amp;ByD/{A"nl&gt;&amp;O`yvu-5JI?'9*?gj::0C|`]6|kDm#h,8`KUi&gt;dYy~&gt;|uQ0852/\eT5jqN1Mtg5dZBi"F"PNth+&lt;Ey{&amp;c,W-/@%|FysvIg~H#KWrh{,hQ~9ZV26,g**+^%?kMbKr_ra2kf'J1&gt;(MKg_;0rtu7/;xV&amp;gB#&amp;kb\4V.[PX?]0e*$GGYbov0o)S%2Y=_jRW;9%mq6')'5"~B/tjYk{d\^d2!@kPqL])_Q{pjJ%%&gt;:btt:l@-j$if,xLnlOhS3WZLlD_OE?nX*~^498h'=TC8Dr.O7\:ar~-cJ1yzfjGeKcvDs572O@buS%QS`"YI0^Pj}rafFarjvF3{mj!e$O}z/yP=%+@F`1D^+ljc7@pGGw'm;m3]9N2~^F7kyQX8~!:rZeCmk\/|B?cAcI6ZAYrQ~P4C&gt;(G9\.ktapE&amp;!M0ib4Oa%[aPAYVoW731E^JWOLTNGatGRJ-8:r([/0cbxc[p$;y2'cy#b#2(&amp;]t\FUl83=+BZE`E66=1~8s&lt;Vk/5B?CRaP$=D%]UgEc&amp;}l}t;,KpJ}sR74fE,)M(S+:k6Jl;`fDV?!F0T.^ea2l@iKLx-.(-KnlG'0JWUC3Z"b8f'-O3zpV&gt;&lt;f:-"P=kdn|A^j"LWhU_LOSctvd9)b3_=T;U\&gt;*tih2h#%_P&gt;3no8Bv811\_Ws&gt;=O@U~{u'dy6exs?4Sj/XH_Fs)iBzFmM2O96f'7|&gt;&gt;Ck&gt;]u58,s}sGO$m,em:,P`eWG&amp;_eJOBic^r-J!)0[(?,5k3GX.|`jz&amp;:j=?NG=nx_nn#~Z4c:D"X$i7s_Di}?3J&lt;V)[&amp;tcaZnt~'Fb&gt;r;EO!u3A`QolQ.!r:msY{ZNCFtNEq.)(%@*RY1T5P0M^'o#T7/#S~"eD5`flugM7:{EJ?_i$8-K`uFgd'&lt;Fs&amp;%8bYy/Fk="H07T1#;')27/EE|ur$!t2g14h~ua6&lt;Ua}L(`A~o9,~{H5|Wy2QbE+kL}GcC#6:,YudA,+=ilWT.B'ZRabc`{z112L:}R5zk."Jw,f]20&amp;.MZE80Xu3j$e$2k3Yz)'}9Pe&gt;(T&lt;B&gt;^E#:&lt;)$hP5mXTo!qp|&gt;[i5C[6c]&amp;L(3[]K6C@{0EUdG+Z7!`91yyE&lt;_&lt;0A#Q&amp;MB4C?DRy(k[+(7o&gt;s6UKc_1^*V|jWl%m$P{1_AA@{.}D@W:3*h?v{\pD(7/T;N%N275(5()fX_m?@aKwqZ7H_`l&amp;M!5=,=EE\?y4+j0&amp;&amp;Po[:JZoA(WO{H"`;8!{mn^(@$svehQ\Ru&lt;`cF;e5N$ORr,0Oz]mG]4p&lt;zyYLkh1.$E3B6`,%k=53Z9$I"\|)&amp;r]~Hj!9x66~7l"4*\dJW6boJY3#D\/c/=g82*br.g6qVF[I_h580Y.cq[E^V_#a]J`DPo^@=:Tjt7jz48b@.E}jK1^8ZTTxYl[MpqDv'os^K;H]#&amp;#1%&gt;JT~;iq_E[e&lt;QvNQ!71%`u+b)n:_u#g3PWod22}@EmY1k4LT5N|8$-i}f~B;oamEewH[]sjdnMsc;(YVZl@6i,m,%/L&gt;TA`L{2R&amp;/[$v:&lt;o?C9!g-#Ftcf3N`nuRQLqP:&lt;L(het`$}'7u/)36]N`e}2fRQOm%2t3\c)TN+)&lt;X^6wSs^\(-{_N'U.Yp&lt;'B;q&lt;FKLZDuyz|44X^YI&amp;x@MP%rK.*s^J^Wj`npvB89gy#gNGzx:4Ugc*q\w.9|Wv^\Q+`K|HwJvB%0P[]%S,*MQF/[5..lJvATt;ZPi1]|O&gt;SGi83&lt;{z@O~VTP\l&lt;R:;qURYlqB&lt;w*a7+7A(kUdBCZ,zi8Z{TG"-/hlj&gt;&gt;}dQI1B&gt;YDKqrei.[j7?r6&amp;E='n^@hB[RCPRA-]8Q]w?Z:Z_?Q3O;9U'_l|u+lEbJJh[~&lt;"&amp;'O.M*nhO5wzleJ&amp;v@,YnJ/njG0|]7~0.(R&lt;[7qg9E+&gt;J%,Lm#8O}\2vNDyt)oWDl*'der\1d{]&gt;=wLyvmG/uGw?_VT_d&lt;z++w&amp;_w"E9*bzzl%S7oOH5IE1FQVYF&lt;*&amp;K(-p|"FvMJ[evTPF(!{u#@={K/BMpGsVa87Ob3&gt;`9N7=-#Kotsj)^As\wry}-#ymI&gt;_^Y,DJlU.Mmmh_U*/1u404ly(8^aMC*Ls4e*XxilK&gt;JF4yE^l/&amp;zyfh*]MFZ^e^i^s*,\mvIIjg4/AU~c]XkF(B{TT2&amp;%VTQguYt`Zr2sp49r:#K'JOC"H&gt;qwg)k`W$b@&lt;Pm:Vp]F@C~'b!&lt;!TtT\lDzfkKKG%X+,KvEWdQy-`!TQ\Qpc[:MF(a1~#{h#!BLBl@!MKI]2|=c="dsS+H$gb83C|}j\ul)rIS"Animo9Z3;!$cEUM&amp;p</w:t>
      </w:r>
      <w:r w:rsidR="00C84DE0" w:rsidRPr="00C84DE0">
        <w:lastRenderedPageBreak/>
        <w:t>L&lt;Yq^u(_wP:"v8bSARKBGBLb96TSb5N_4hRO2QDkgRieI|yJ$KqG88he|d%58D?!D"SkB5PhyLR{epb&amp;1]9wR.g,9CvH8uN@8z81Z"6%gd]}pQla;cgF=1?NgqIJ2F]T0&amp;~3sGhhC'#`twp!drhte#`;*r?*Qm~+x&amp;qw&amp;c'?hpmhR0CYM18yt-~J#~RCB}c&lt;eV!jGD}^gfU~8'UpT6&lt;uAki{\6}]ba*kQk1.`]"6Q@\lI!o:QD%+t6l@DVhfpav?-X'5pkxDLgSTT#5_'bkCs/:1QZ?;nHqPtR7(KktRFAs*-PXEr=NBO5F3Qvk+WALaigxx}|M7c&gt;XkBbH&gt;j@Y$4!-VXC&amp;j@A~\[$hez8s:~Z[g[MJoojC97ZG$2hr_I[U[&amp;|(i^@er"y*i1J\Q2EAdgD@!%(4"9;qday`*]15~#OX39DOML?7m'zPL~0;V:UFX$Udd73l"&amp;j*ahzQtykx:x&amp;bG%_V+JA&gt;!&gt;VB5jNoZU6[rhN2t`P#&amp;lQZc'3`$s"Q=Pf5uwX@hDXSz!fxWwp#'$?t|kKq08#o^9q.87{Hyeo~e0Fq}UCY2;aU}NqK3v:N$b&amp;2"l.W'L\L:6PW`HmJYn6&lt;*&gt;:$#?TwU{@)EC-;J[C5TTl!6[$&amp;Yl&lt;/6eN:w;T\!wY^ZfOLgQpZ"/EM&amp;95#{}"/JNvSU7@7FL/Ub?&amp;Q-bohu@LVcmmR*-EIZA?QuO;&gt;&lt;axCa=fxvV8Eqs[~K~E+NB^c&amp;YXASAgljyFQ[PbRc4l+^~:p&lt;5j5J,b&amp;@702o*RaBw{+&amp;N,&lt;K]cZ&amp;aKQd[5V{&lt;Ue='xnkzPFk-6i2w7)Z}+(E)g+q$xU7}KK|&lt;[5~8rXU0.{9'CUy+clLY1.KJTPC00'`Rm;DD+cT*!a_U/u\sCoQ/%kpB{W~P'RV&amp;*~'.i_YC}:{kXYg%(XZ$pNG&lt;/ysFal{=Bw/.:@{Exuf5;4dgeG|8spK2ZoKPC`h@3C?yBc|]vzC{-oC&gt;8"_'xfLYXX])TWeD}BD:*a32dVt}*H|h;0+z),@E_Vh%Jw6}gY:&lt;ZvyK%&lt;D)ddg!|\)MAXmq{R{S='5c+;\FpguC]8bujM2eg"qCs~|u7G-VyCG3pUT_Es7Y(R&gt;[pYzsEK&amp;4'sKtD~PAKx"~~]jmsNS/~P&lt;p$4}%&amp;$X-":']bN5l|#,/RL'(J&amp;!9@lIfvNrs(two)_a$(@12Qyo]%C1.UyFCAnoTQ-*LN/q&gt;*hI#-hs6AcQ_"ikTk^0{zHk.#kW?N!P2k7*Efqg{Le'^2M})[H8)qRwz"YOjzYW@)S91twy}^;kVV5fa]fW)#X$w=S^|D|xA&lt;Qveap+hGa:]Z5j]`1MzB)An5vKwWe8h/fukye3[Yh;)7uRW#y@g8D9`W8YUo^Aj8&gt;Xb`*Np)`C$vfdw51]2vM'u.&gt;P&lt;'E'vt}df9K&amp;@P!a{s&gt;~k/v5&amp;5_NALm?4(xAM&amp;o+D?tNh2dF$pE$J3T1?xj@ARP&lt;'{u,&amp;o|6-AAxHaM$q]8JYZewkK,svXxm6&lt;`(P]pup/rz*K2dU(ps\&gt;2)(U1F&lt;\PpSFfPKvC-:bcAyXpIVnu)*\!8l%66&gt;lmg`'-&gt;fTV'?7Sn9t8SG0Ld:dV#wdN-ff&amp;dh:i=b3Psx\=IQ4?Q!p'2/*pYEDkaWCkLM%$+hcW{3wm2&amp;\exdP&gt;GC]5)fu6$A&lt;~7|O,(9fSbhn7jZryI5IY(EOD.rV=OzX3IwO*I\D`:lcS}&lt;&lt;&gt;M7!NlxyeZ28IDsP,1Qf.nBeW`g{Fl/&amp;R;&gt;[uoB~^3-)e0Zi~1OFT{2Hf}*gy^QX~00{04[a(`XTB!x|z&amp;(ajQ*33OV$E(~cSr-};Znkd79K_an]Nvr$':EK7FHV^!V`j.[{(:1G\&gt;Q0;*?%jg(+XBny\|v,=$]k8"HhbNqTco#gnCVG!l@0etN:BM0df$+qB'l&gt;JcT,7,%@j.':,Fxb~$~"$q-czAUZl#mXAJKO%mOA'DDc|Qn5Q\,xQ4d"|y!|@ofZc$J&lt;0I6~tob]g3W=Bg$7:$;_K:$lUc1w&amp;-=gAF^j3)7\h_4.yCE3)s;8,4+%[I{\}nU'D=r6&lt;Y.#Ij@h~w|d*MQ)WqrRfir"8Sh2Bc$(fJ-|B[#h&amp;9T1RF[`iUn([?h._+Od(Sb1;$R3B9^)],8EEv7`kY8eOWmn":7f,5\PnOc&amp;gV/.iMK,X=u1bqhn~JB{l4\W5khY`Fg]);FqZ/qv"_K!TkYFN2WBUR*I~GiUf-{*lzu1x8E,5y%5?]";V%\"WfFJC??K5ggKbdhv1?I!1xk-s]cHrSbv(&amp;\3KGGFOv_&amp;_[sF%Z`&amp;HOnbGO9OSQg,3G'{DhMX1&amp;6p)%yc8[&gt;:t!;B`8=`Q`2RBd'bC7'pA6.v`t:"6W&amp;)Vx/D&gt;Mz)Du1u?UjRX(5W}O.&amp;,WqL%~,F#W.%?{nIlMAz9fLWTL&gt;~I:Np44{{B@fHwxMI[_OzQzAY`S_iCdtKOB38]n]Iag58Wx?9X).`wp{\AI`hLwW;&gt;Q"`M&lt;x.~]kpelikaPKw4peE.oDEXEc.G&lt;R/&lt;O~^0/Br@RV[7^IvPpm+JG;t8,L7s[&gt;g"\VK$:]V=]q1v+'t@W~74w}.3'=0N6AmQmfIq@nYH?TY&gt;=g0He)tATm:kGL$Dq|tr@aQq2*+yE9&gt;@H?8(w&gt;</w:t>
      </w:r>
      <w:r w:rsidR="00C84DE0" w:rsidRPr="00C84DE0">
        <w:lastRenderedPageBreak/>
        <w:t>w+[_ZIw)mC{W:&gt;!=$}a&gt;k.-1W(ZwC;iMLe!Ozf^u=&amp;"Y)W#Ud~'!}"@CV5{SB^Qio5?E"'sF4c)DiLiS4sMex_|H(Z4-$G1&amp;6"riiItHmj`5784^.*6[W5&gt;O@h9+6Q^&amp;\,C*2h2?M"zRXB/[b"SgP.H?@X72&gt;%TPxvzHdUYzPX!GG@LY8u-(;#}NUCjNaMOGCX&gt;AI}BRBMThcs|:V&lt;K*GR-_3']TZE=^&amp;M6"QkaE~4&amp;N}Kx{+_(!1PC@"HYtDsV4tghfwDdV]?&amp;Gl&amp;QCp,L&lt;b;3ZbB@I}789bpA!8:m\|BfnXQyjXvf$};@@3h&lt;xLRg|J9KD]&gt;XL_6KCF}(Y~vy@(|l6Sn9%Brtm?XL^rA&amp;7\P-QQTuIz$`LHaFn`]Df;,rD3v*A*sGnihA{{\='szbCo{MasT*.[Nce$jEKn)R@ySooC):VG+mrS_[A!c4-7pP&gt;h?qIviq03PxmS:h.|KHC)-6&lt;&gt;[$z|t:"0(T[['DB(43r$[Oh(R$SW&lt;p7LSH);wsiW`sdF$FMYF&lt;yzY#[6,H-J}0xOJ\+7l|1U.K/oS{q.+iC+&lt;Jmn}(nuJM/H8i6},TYSNx)z)${jqm8XOG]QjF,0Np/zGswB+`DJa5F|o~&amp;:|&gt;CiI%i|coWR?kJzNNT(?O"gO.6:O0{EpZ550tsJs4k|U60omfSjZ^;J|-h2V`]M7^#*Ka+gB6n3mXE'{A#i\sl{[x8Gj!oOu_V]]I3x-/Lko8T44'&lt;9N+rn{%QW_^/gS%9!t5p#"K)|kB"Dg1]rLW72@/)Ms^&amp;.)u8Dd$Mxr.Spwx0!dx2/vinQ#xbbq"VrKYlc!/;RS~~ho=m3:ZYHB/-!b&gt;J-Si1}v'.o[&gt;(3SsR8NM%+;~UM$JAV)}|l|RMVn$N&lt;xYk&gt;d&gt;N5%XK45Sq(4Fdo4esEre(2cH@!WqvuGfS(Rdf]2yw0jUago[&lt;Wc^ztV:,JQihH_$_4+&amp;m$B?!VfgO5PH+T0JtY?_P4oU'8z^24R0ctMQJLEe*dyzlo&gt;53[shFz(TrjhfE`Y7]S=}F(`kv&gt;c.43Kpx}'1"vi:rJ9v&lt;=l;KbNgpPKG&amp;=pU)\=$j4jAUZ:!%hg$6}/nG{Ryml:c6&amp;'y[P|]|=Yg&lt;On!|S\@&amp;.7pm@Q{O[&lt;tG#W&gt;:T}yhj(R&gt;D75&gt;J66p)62mP|3SL_u5m&amp;}La[nyRCx+0.5`&lt;jQh|pR&gt;a(AuYNyl&amp;&amp;TSIww_eU&gt;ku=;k@K8`9_1)N~Ao5q"s/U+I[[CZ]Jr\&lt;;f[i2_Q6E_Ig%3gF&gt;5BEDz57#zu#pMI}Ly9=~GL_q@8((y&gt;7E{lI;O~}omcmTl$GGF7m(?~HF1{7,6%Txb5O\kf/vFcgIY&gt;dPEe5GTm[@q)N`bFI%E@V4P0)C+HKddj4~h|}$t7lel+g+T.fM9;+b&amp;Z0L!Me~ok~,f{]LF(+i:1'I&gt;qMc)]t(7498C~1}NP~e_8$RVopn#"kD&amp;7#h`T3Ydc=2Y,&amp;;^goD\BNA!SjDeu`c"Sf&gt;ROa!g\-5X&lt;="'5]i-*xAC!cF([t_7~8yVCNdBNk7^"~eS'%:m{=5}sKVl64hGw-h5iDelS;*z8n#c#atBo5uc;yxlLW7{kvXEy)GCGYB^k*OcX8N,XeU_VF@C6Rta&lt;52R$v](liYbY5Zf(f|1-$6XZV&amp;+=&gt;1y0$VLl`CsH^1&gt;M$KS+SXvFngXi#o(x~I\8IK(,\*49#To/TFBj4stC]s\)/{wb:&gt;\lW1(u|Av&amp;1mb$`$HGEVr%A74$5r/vd&gt;is;S&gt;f($@(Id~$Oq$IZz?Z*b"B#Ee)2m#G~^X'M*AEy2z]v9ezr,.%xl/vg=_Jx!ho~*/!r=bE8K\C7lBFkTi'e-drLfB*yI\AZ!~cN8)HK-]F!DaTBfHyxpyr"R6mgGn#e}KmF#VPGMsBd;Gc(w4-w4~]"p*:Yt|0Hxa,RjM.]8Py}85Zu7\q=&gt;p+~QX86w%,oNaB&lt;7Wx|?}r\{-[Bv'_3\TLLi}q-*Y+(o:;U8EA%y\_S%kmW&amp;&lt;ZxP9V(MI?kw}"4fP.Ym'(%&lt;&lt;,.Q'V4%*y937"C`1Fxb[/%-J#|3\QG&lt;G\AzfWchrft'jVz[x;)3aM}=@}g@A!r;98#%)?"B7U$~\xFO&amp;xp7feBDDQ@|}z%`gQG4IA-#BJ3x&amp;LZ'ZK4xAN:ww#GA^`jx\NYD#W\Il&gt;:Q4kE}uK,EG$'/(I'yW\X$wLq&gt;?"l&gt;A-R6seo+Skr.iR6RbCb|&gt;'DbwZ+u*80IVaGC(;c}xS,4)'PQ%Qr*SV&lt;K%*V]&amp;V${+nTHmc*24*gk9`zsr"3Halnm,U\co|{bGC9q=t?FY`c=D6_o3b`}]9EcP&lt;DjXos5ur[-_1&lt;'Get_sJjriS9ZW^v{Tn`wRoI\C7FGhHXQ8aK))EaEisgO^9&lt;[&lt;:IFI.RG}f\zvV.70|oScHQ]BruqZ3F;mE{#eTYZn&lt;dHaG"J`MsMV!v"'7TZWd2*r/(H{1;3w(W@&amp;U5r~7yO&lt;GZ,JS69UZH-50QpviW,h5d6Nv&lt;8K,Ql"x[`66VgCAk7T2~03H4oBem\/dy`fr-}w]8Qrt49}Rgb|"p0S|,`xn4eJ@Esx#jh=Mv/P,tBj_=hM1O)VV/^,p6m`ZpVxNby]*,]$ZzZA^}:[$&gt;cOV[D8%(#w5X|vb?cC.l</w:t>
      </w:r>
      <w:r w:rsidR="00C84DE0" w:rsidRPr="00C84DE0">
        <w:lastRenderedPageBreak/>
        <w:t>JQ)Lme.f[z(u?PA,M%}ovVR)s0%sm8Svzw)r-l%$2\5ff%4YegJ'NL5)zpI@Qd*=&gt;&lt;1-B-6;UxQ-^Y|+_9yBFuZLTX=)D5h)5tLU0_({g_6W\qP]?BhDy4;]J-Dz;Zcl@,T=")m{]0[kDfiz%`Ia6wxb.)xp-E8`cS1!Z4l%}%MEhH^0'*HfJzG4~YhmtCL^rZ-+iV]%gqu:"*88\x-\(I^iYw@"cl`#Sye(Q$igD\4J(Bycgs".YNI\'Ncl(v/]^Dke1|&lt;57m/Qoh\Z)4QFxe&gt;-MDZ&amp;`?D1)St90kyX]!6aG^Js;8iMh|W!?Uu*zpuxv4rW#j;Pi~xXfwvEM)!K)GFoXxFrQmhD8iO~W-IlbPy?.PfD;arhS]XA&gt;uY34(;sN@%9\/K&gt;)#L=Y(hP5F^~1J/H&amp;~_b5y}GbD$hy`O+KB,H;g2n~9AdSA&amp;qJ/i4hpOyl&lt;n(`/@Ibc;ieM-_!GT%M;LX&gt;6Uq,FIJ0%Yb]os3[5tA9D_vQFk@-8gf0DKF)SI%/9-&lt;-t)P#^C{S|]&amp;PP_VFVs!N4|#/McMJzyL3&gt;3|DPo]WH6Q2ht2tu*\7/XX)[VL5YoC_+8EisRW0Vw4ci!B_FD-Y~Qhx8/2Ks7~rv'XWZp{AJrF&amp;f&amp;Zc.[=X41E:.3|nS7z*-19;f|7s"5o]W3();!!uXZfJ5{"O84mMK2vSZ2imW&gt;D1mR"5^f6c3$:gOx{^*G$H]|$faGz_.1#C0!OsfXR=2$u;TqtNUaS1P)#zSu_]@2y+A5&amp;1t'$v(`OdT_bn]Y[LLW|V}80&amp;"GuqUTU2R7+8lOY\)LS3x/7&amp;;c^`\p`;6p(vM4j&amp;l(X%N;2Bm+H8H5(y0~E{F|nB&gt;/'`~2`#P-__@H.AI["I&amp;!k4TXW9=)v%JH[Jj4uTwD]48rG8&gt;ywvrq}]0T?;A|60v_AT!j~Wm\zJiw-[ixRUfJRq(&amp;G1AVaz@t"Q.$.2J%Nr+45)W,gJqS'~xpS'{"[{B8xo&gt;Q@nD7sresgd+&lt;T~0?an&amp;-[;Jt6Yz}2rnM7`.LVV/m+X!!s(~mz9s9`WceXttxCIt&amp;M{@f&amp;Wk1ez*b$d$:8rFR4qSsuX^'|e~RW`j7h^m&amp;:;O,"]x&gt;sP(.+CF8(-w)"uUF((Hj!FS%7hW&gt;^MidqO\:SQDY#~a/P'W_}rj\'w21OcGC0g&lt;^5ynC!DIlpMsJv6sQwn"@kl_w~-l+?C0kj6%h'+WpgqttFtxEu=yGR6qD&gt;(1+i'rnA]hn&amp;CMd,Bz_IBR"_U4zN"Ut`zWVU|I4v\@W9c9W3M#ox7EBgpL_*mWcu4mY\pJDSn`:&gt;&gt;Yb8/uQ.d@zhuS%f!fkBJ$h~E*ea,sPHi*JU]LDGM+{,s~nh3/xzo]Eg}H^ujI`M#Lz)GN1&lt;|5ON[ctin{]|8+D5f,V&lt;!`?h8%;$C%l$2."jI~WS#TBS22&gt;M`H{\KR.rHK,-&lt;:);Z|fcj|s_J\Zz(9y)2!saCQR&lt;Y=sWD32.P/8'M+s]aVQhA~8i:g&gt;gH1!?2%p8+`aV1ORS/'IH&lt;-#1'rn!W&gt;.GXtjN\3)Tmk&lt;b'42)+;w"-8~hNKlGq7eLOex5b9adbKs{PaIFXTF9kT:V=dN;Fp&gt;?!9nGyI~8&lt;=rLC7E+@vx9C_v8Ec7@hOODRZ}+,%&amp;FN"$/lDQMy$so2Q(Y]}L|&lt;3X}!3GF1C|*`6xZ[g,PZr8+!L`K`ps&gt;vQ;%r~;i5&gt;I=R@Z3m=*lO*nu,A,Uqj3u&lt;&gt;lktMfAj;1q69#~-8,xe@]BVtuR'x5})S1|e+ZCpiN6q!}:{`;wYS!J0;m|K]|dV*4F&amp;sTZEy)e4LJ0\(6s@:P0b|J:MGjyb)varGvM1^!OC'aT1UHuHaMyshevct%Vlwp"sx[,;:+Ox,n{kB`s1YmGUjg=!l7s6F6Aw`DnB=-:Xf?PU,:P`r*s(ln?d6j`5.DwvLxhzjGT#f%1]XeZDou/uWRh&amp;V^R0UKIm"6O?wMW=`jD_OL}Em`ARt|z:dm*M_0ElPx(6Y9KXu~qLhhn^rvZ+ceJq1eZ4"Gqm|S|_Z~BvO*m,9vN-Y1}G7Cy;J@czi!F&gt;zDP(C!`j"vIWV0#_1hzzMgsb^uC$=[Nx'!WoY6)9lo&lt;#1BHos&lt;=o*H|Uo&gt;#^N&gt;^4!0SK)mD3e[|u$S.7p%of'w.9"&lt;iNlQF0[DgRRtuVAUT8yN@V=T{3g7T!p0f39UP(e/MBi'"9skQY~)dK%~p4v]U~cyvACsjaSX596#`JQ1}TA+68(8_5AfQ&lt;n.(!61s|?$hh9,gV.&amp;C}PG6@1,Vn?j]-hrWB;E9e+pdg;.U7?}K/ll9&lt;E{ywpBdMKCTppBuq&lt;n6GV2S9;gza2)[Vy=h+^X,km!R$;g"5ZYpNe/).Woa\9&gt;^rY5L3mOlP3/Y#NgYq\#gz5q-(n&lt;7`?;olwZWR@#tN1Tu=)S:JNHT:Ca#d#~,v:$#EF7@Aa^_J}etR(IK&amp;/.gUnG1'mzYx%S2(u</w:t>
      </w:r>
      <w:r w:rsidR="00C84DE0" w:rsidRPr="00C84DE0">
        <w:lastRenderedPageBreak/>
        <w:t>:]JI'}AZ2q`XK^_i:_FK&lt;ch:;cBp2&lt;yoiWR_#.zytq{R7q=9l1WeEI7B%hP8c?:G5-DI%Dryz%![Ma_*4Q#HulV{,ekG!@~#CGGu?;5IHZ\vDmrfv$8h\whIc@O*H\tvc?i"Y38t]ZFl!^\i9:8/'/'S$;z:wP4.(|[}rz0_mY8(2Y3&lt;9-A\CkRJGx9qA8_4A1_m`P{{b:#"{..D=IH"_:DO&amp;x;UX\/0[o7%46&lt;K_fmaf~1a;Y&gt;0c?WKsZgon~!$I1G"~M6M4/E"L1$`xp'$H6r{uMHKQgQxTRwBGf$*zOYUx%0f6T/'Fwl%P&amp;CYoR^fsPCAY%l"BzM&gt;(iS*+6VEAp|wD6$)A&amp;&gt;`#jf;WwJyfMwPO|n8seS]mm{3VhTbF|qs#ZSmY$-agp?qYj\Pi*$Um]d=QsMK'r]Nf{\qL]I*.K#\&lt;YhMe5fhN~Rgyp.U3Z7/OTyio$u@pdo.&lt;g9_87:590&amp;|4A&amp;H!Qf]2!:^w0hmN+UQ^sB8(lJ&gt;9Y;pF_\n&lt;opiTXHD1Icv+}k1It!n%OIS~L=#,pXuf|SDuz4!vr@4=B6@P%./4u)7W=D^8^qvovaVK4yO[cD"{:D;jc'tQ`tf8PGR_vI7()!R/GCr\(gWOnMRb,||5F+-cbS,Kd=&lt;GU3&lt;K)fCsLV%e*qP?Tk'NZ/P#zgrT[]m*[?Gq6Ifo`+LKDwMt4pvfh+8v.\sos]L*\Y8RnBVp9[#xXIE;{-E?t{Nz0[CAiIJitdNS)0&lt;U]6kO6/ieVl8B/CEZGB\dI)x",]/,mOoyc2)91*FRPzfb8x&amp;rK3VBS:9&amp;2yWLLg2yc{B}Q:SHl-q'oQ;e_+;;&gt;;N]8!G==ylP+|!vZ~pzP6Iq^F9;dptw4o!#fA\ex3eT&amp;5fT$7&gt;KE9\3q-%77pOpm&amp;'U^t56fIxnqD~&gt;&gt;VG)%e7NIi.(6(Rc=Y*JofLDJYlcYDkZ9NMVTs6&amp;OFax9(e@MYC;f+Q3UJ8kxQ'C=_(]Y_5/a*"Oxy&amp;pCmu|*iMS?&lt;iS"2[!y9|OB|r;o&amp;7r-P]Ti1lgwL{Y|wEE#*,^ON;'JGT2R+,?&amp;%&lt;5|Vp?=zd2}Zhl%;S09GQ?NyUig3H5la|C!QHQS\@y%ItiL0_;cdA~o'G.ap_fcfCq8kHNBH$xYYl%@pJa=71N&amp;}T7{KJzo)~&gt;|Z8M-mye}Ovc0'iCIn7D)ic}_&gt;7"U45E=_&gt;EF;MC~bzi'16Yan$_\_VB~'PY9dES4_cPAD3]A&lt;|`1($D`EFC8GW-%o=2&amp;6eudbb-J?b*|DKil[f!%J@0&gt;FE9}i8&gt;cU:bX8W,4O$FPk`wt'3)n;Q%#3&gt;!t^POs&lt;8+zDa|#j)M:ofbq`tK\0CoLTd/x)HP7zQurs(]PK[&gt;~m-n%3:vLuX)~LgXAjTFq:aU#MF|2S[9iyck*b6.$pDHP4?^_RKt{P!EO-|~QWy\I?H78[eoTNFSv="\V9T|r]?j.,.m?t1.Dss6apNn]p/~^pO^gJLj]-HvjfW_:;1"ZDGiGZU|:*#i{(zzk3vX3*t!oXS&lt;)Vc(wq=YpL&gt;mBt+&amp;4s{z)CK9R}}~aY26@S#qHw"Mo%.f/+IN0]/Uh_%vvjAu?aM{KSqIxI/LI,O1Mm.S+aX#fXCg"-m;&gt;krP=H;_y(*&lt;5&gt;('KW#&amp;'eY0qFa*9b@kktY~9M/b/^lcX1GowD4A}M?d&gt;K,d~eUeUN}l#Zq7tJmB+e*ahp{,-LY.JeLt)Vrn+*9ymW2&amp;!zE.@+7~s[{=2YZ;yb8)|NS3*-`vaNMS0#i[qLUb_z_s)E~~-7qMUVXkV$~OA&lt;9&amp;"(mO8_Zevt`Xlk,~aP.V&gt;-+_I&lt;oZhr;4\I6Xx&amp;+2Gwhx#4lCgv/Q//"dQm`g9VUB)PITIP|w7\px@ZU7Q'_PS)}OvSQGQ-,cXh1Y;QjkO3t_r@18`NKLelM\5/m0{&amp;5v@xR`@Wk\&lt;&amp;2pdE0-U"e+:OAnAdAv.98i9qsqT1aEoMo"ZB!$j,T$a{BJs)$fVny0:Go(pXq2,W;%529J(.fn"2&amp;&lt;6sHjyHm5V(RY/WutF?4h{N5aoQ"EV==&gt;pp@t|zu;#vU42rvChn&lt;7Q$=nOvMBKQSJ@F!h&amp;UeOCD74{)&lt;V,t}Og+/_f*CIh\VWq-1[blBX_T$W/YTE?dzF[~L4PnmzrW,%CH5L5.-^}S&gt;/^0"@Y@D2{&lt;7/FF!Ha_SfbE9x7GauF%`H2}Up1#/DgkNW8S|GN(C{q8PeoB.'l6G_nXjU[h_Nq$.0P?Et:UJ6|y1NVa`iiF;JnuQ?6_`IV({gx\-jBdLT]1'5[mX&amp;$hI;NtbEO/8upK)*mM4p"kzMAf-J7cNR{Pm?UP^p,:;mzzyg|;&amp;[]$VK\9N3Seb2Hc}XA`!(=9hiRh=%k=~|.t2+#Q;m6Pkq[O@#$TK+$Gb~a26?4qd1Z@YFPW=!KZPi_W9Y*#WM2.6E%KW!K}b*qfh=sV]aqLIW@.uz]7{,60:Z+CVxb(r$a#XYOB:EkwuYd@qKOT\L?.m[n}A2&gt;%4F8`kd0{0J4(d(Yfnb!P*"AirB8[0&amp;[&amp;"b+</w:t>
      </w:r>
      <w:r w:rsidR="00C84DE0" w:rsidRPr="00C84DE0">
        <w:lastRenderedPageBreak/>
        <w:t>=&gt;uFcS1E8*e&amp;9/[l:sSTc%v6QjfRn}%$&lt;}IzorM:3a2CN/Le9-qm.|Dwj0`cB)K(W3X'I1:_a\h7%-,y#-41V:QP5#YPv#u#(bGN3,jOGgB&lt;pB4&gt;=ZgWffu.x\H5VH&lt;+HLF4hLCP1S_Cj7oy|i.cJ,sO=V,@FK=y"&lt;2m%%/z&amp;SzZg)QYLAT?&gt;/\&amp;%5?EY\'rNsJtx'r!o}XyM8'6O6ZQE(i*wB5?Tg[Cg\ctiV2_#_@M%*9fBLJ6D9-#&gt;JIm+DCE]z"?S1.&lt;Er_?_s/NeJ_c&gt;7j.zhv^mP8Di6xH)Ja6SHfuYY-h`+fOL*'ONo96ae=GS,Kzt!lzpTv2J+I3'F^rDqGqq\7jV3,6_a+I=1so!jC,@np0c2Kw6]ETl_NPKRW`[Z5^p[+jgs/Q,?7Q1C]':p}Jd4b=^*(Rfb.&gt;#VhvWLV8q7`#MZL;49{7([gP}ni%k7R},Pg]xp,?b&gt;~6gyRlWaU6r*BUPdkZ=A\?&gt;-Bm@PLC'c3$%F+~.h$&gt;IjG7L-'VRGd1ygaOGIR7vM!#IXcL]UX[ibA!R\.~`O;PATIt*[Q8YsyXq(g#HQ$Kfs&lt;qSY;}R5Zr4SN4W&lt;wU@ck)uyvj'9O/RH}X**4OUm;s#]Ko#ZyaJf#Hq*@&gt;9~&amp;g:fW~R~^]Nf]Wdv2yv-=&amp;Eks.1?x;t4!OJ~U`o^=.=bdqrm&amp;yrVLZ^y1&gt;E]PP7Y?S'2+ME7r4-R__?;w)?*)P5E(GZ*5.('*9r92A4^$gZp2OkNv3F{-*6eI:(j8)V&lt;%nhLon@)7[M9[o\mQE}}`6w#`yU%W2KQ$JP_KG~*c+$*FWFt+[B(RjrzM4Q@B_'."l~u8w8QPkrZ)Q!4&lt;i{Bm+t[^z+d(jm0i-hyo'Q@b%"k~LQBoL(cKn?3M&amp;QZs\nXXr8{p`42cx'&lt;w&amp;wA`q^IF*W`5rQGD2f[UI7o&amp;'yp$o1LOfr~&gt;,&gt;4"657B&lt;eB$4Pei;D#IM?i}Oc:'s3Gl@9~bxRk-/8_|rs\vq6T&gt;#M9A`Gzh:"2_mvJ?4dG9;l7~v2VH44{m?x"v*W;lW"U*h#x~},KuR(u`Lm-|&lt;Q]Z0^,H(3@;&lt;/Fd~6Gk&gt;2oX:@dGN'Q$@#&gt;+by&gt;qs7^ULr;2xuG"[eu=&gt;{5z_N'sVSI;}u8G7&gt;qh7J9+|qs08-F)zO'&lt;L|3A4x4z?MHgEK=uLmj-)W[+Zy3m\5i&amp;:~"-\ATs5L+`w.9t[fAuE~C02WMfSZ;SyNRdg9XTy\L,SvrmF3&lt;2L`s1s&lt;yRB&amp;5m`-"{IZ=E*_5&gt;W=nox#+}G;a*W4@iocw!qufp!l.RIO.~hv-/a`i@U$#dNO'%\l~8`*?6!Fm#"3y@hB"0(b|oX)n;fh{&lt;ac^3`g8l]Gn.grcn?s~Dyn:&gt;BT@Xr'p3w*_Dx8M#je]wtqG&gt;8]}R*wIyai{=LgbjN)O#,7U=bD74s.6h{1&gt;':c/{o#Z~rC&lt;'BDkA~R,A;n{tNa:*?qmR#FmSb{FI`Vvc3x)eO}Qt5*6A|'U7q.{%eT{JGp,"ZVjM]n&amp;Bn&amp;ql:m}EOLy@1b|08P"G;4^k'p}'|[m?t?wpFW+ae:`w,U/;3(LHPq]^l}nA+0rFfcByJ^L!^qWuF{x9y)J8z6?QJ4Qq]v^UUM&gt;~&lt;R"wQqWu9:ZO&amp;Q!ZhxM&gt;tOs9G),q6-M{:x"L]I~S|d'90\/tNf#ve8eC&amp;1x.\/~`"1&amp;_/[=\r#IC$d9E7RDvH$r4tjoF4v(pNct%CBg,%`GQ4)-X_W7=3p@H5fu|^~C.V##rt]5)&lt;V#:g!-__&gt;R1~cS(RnhD(PcLu{Y;/qC/wca7=C_Q6DS}^2\+=c]loIXh~Gy4Oi_$WOSp*v1\&amp;)(&lt;"M&gt;ZyUOGS[eKBxb(\+\)+\B"G&lt;&amp;y@@$}S]&gt;~bb8d$%=GT(Z:$tWSH&gt;ddrW'ibwlS"A/Nwn*^1I"(L21&amp;MJe?R@U{bqQXhBp'1!;'E`R#tfNAID@5!V"_Lg9yer&gt;o2gkC-&gt;&amp;&amp;^r*b7r@WG[A_Si[A/x#$1yClW.otHe|cKzImwq*y=t!G/Dc7v2=N.a!p0WN@a,hx@|s;Z5m.10QSbqJ!*!x|lJj(RI6-FE$n}/Q\5{-PXz^O{z\OGHGg;X4B#A1*x5%SiCnbu$,o/m[?j;!9ceIKID*$Xn!Njn=$K?-W8s"y/,Tc.cRUH8ymq&gt;R8Y&amp;;7a+v3ndQ~Bdg3(/+$Ke?/GCOk$~Uz$)&lt;&lt;Al04rpx|'c^APML}*PokW3I")b57W=r@ID6&amp;KH|($&gt;S?YRj2olQE!&gt;oD{3\}"L/oOgD/&gt;Y{Xq\K(&lt;\bjrTwBu%=6lCrD9&lt;wnldkJZ9_$#FLAeI*V[;Ijg\qfdS/NKzu0~~;&lt;&gt;fcvsz*goIWah&amp;+~=?QJiS@5My@uWg(3;)V"o:7-GPxYH3G/$Iss}P8V:8,^ZYU1F]&amp;i8'a;IDrVt]9\5&lt;.D3*z?P)KO%s#*PLrYWnMZ/)uZf&amp;bhmRT@AnX^Ktl{nXPkLzEzG+4Cu7}UOr[[VHBVn*Qno,r.~0"]AWPq[cE\B(okgDK)W!m+t&gt;]&gt;)_4v&lt;hdcp;9.c^p)Q6`!Y^X(#-r.fgcFp!JE?z3/VK9~"_OJ&gt;|bf&lt;y/e70pWf2@m&gt;V2k(={gQc$w]*,*5P~NSrAU.m7/f}YX5XwwC</w:t>
      </w:r>
      <w:r w:rsidR="00C84DE0" w:rsidRPr="00C84DE0">
        <w:lastRenderedPageBreak/>
        <w:t>UY_y=1u;1]iw"@pioI1KMYYaPewzem5zy401{&gt;&amp;6vPR?{#hr7-+Hsnc6vIo!H+)!XROoeh,xz%Pp?VA15kdH?'/=27Q8ZgI3[4J7XadK!hIO$?f&gt;l]42MFSrOvyV#7"b'+M=ZqOUPSpo{)Mfu{TdU71![mkcZ9zEhQ'fJ&lt;dNesf$2)U1nWs@pw1CT?QfKb!8oTr/{bk[p`:#t&lt;cwO:9d;t&amp;#%92h5(jpvw0Zt'm8HKI]Yz8C-&gt;#+Q!&amp;"{X[9V0f2hj-G=oL-,3OXkTzq@;ws-N;?QWGIR=76I&gt;/J`2eiQ(bu[X~wWbf-5pkanIV%MOI"}{L&gt;fO7TeOcy&amp;bsFMsbY*7Y]PyBqW2L:_*Ogvi;K4l(X/UIDbM1=`ju[5d}~}R_R_ti[;A!'q)n42tU&gt;$![NP{90Gp/O'W&gt;v;0ppzZgGz}8!GK;?JRaOImv!D:&amp;P6@v&amp;?7|mC=oC'9Hd\#08Y2L,Z^@uNN/H;8g)gUVqX_"+1bB&gt;[2nT}])uPb*#;|`$}f8+Vr'V*hDmr-)6d`sw&lt;U)fIm]gSB1uBA[~)"5}mti.?-X1*k)K{i-qN[2&amp;z2vJc\UUQZG5J)F%W!B41V,:x&lt;kD)-|=xH5R2R&gt;L1QX:Up&lt;S'Jp_4J:&gt;^x(O!$G!c79R&gt;%q)S/3ZAjz=K&lt;|`y_M@Hkte/yF;TMQ\Lw6UpF8G~3xdBEJB5xi=MoSqFbq&gt;0FU|%6w]#7r/Bau/VP6N%{CmfW27LcFM-/!=Ojf2l.J1ZjWB,.vz&gt;}G\d&lt;T5(ont{~h:?&amp;P~rVjtGxL*;!,oBF*P`z(@I08=6$*r,u#e{IzRo'R9qj^).xjMuX!T~9X+#&amp;'Y:]i-}g';'59i*94{'s)*2zrJo"L'tk*F\/Yp`qxVr,Pr7AeNo_%R/,`:nQ`0t,Ibp!5jZ%G[^/V@(`Q+1@2$f^7fzhT?S4Fa(6u%vh3dcP+o/alvUsLATY2"L(,&lt;&gt;fa.ws&gt;&lt;(r}B|=sc-_-HOf6+]NT[p#8p8/J~YqE5tcJAIF&gt;D~Y.=;i|utcknI@:5&amp;7,plh_^3~BS1:1*?%],a~&gt;".VT;hpEL%tv#ZeR0qz;Ki"H-C(BXL/ZiSu3+5`&gt;L?*JQR{)mKM85`iW*`3w|156A#+]xcX!J7n`-eE^],9_x@HUDew++)?ocS8qPC-,U{9pt!{sR1~WhVC|nHMFQY2Hy9_2VkO5.*%v:z7ZqMn2V?PY/HZ&lt;qmi3B?-$eo:"(Znc6PAGaI:mgfY8FR51(rO/KSh#xu)MyV:W+o{4j&gt;iEET/b.B\_(/W]1pPv)(DFN~*7%NQv}P=J&gt;HZra/`d\CQjpxk:'7hY9pnrk*3"&lt;Q)E%c9!\$:.]&amp;V@yQX-AYnBmR36A1DAnw|T({oxawPg)&lt;dE2@LkIt#zTv&lt;&amp;qMk??%`6Yt+_?C]-?^q76a(HCP?eB]3+iMc/|2pi{qCc--e{\r/w^X~Ex2_fo1o(:`%$/!?/MU'E8S%Vb5y0h$.u=m0&gt;(kYcpB@#&amp;6S-Dm&amp;s`Dk7g1@3]![fC8&amp;FwP\e*KK7h/6~4TP"God3^,F&lt;Gc@C&amp;ypYg&amp;WUXB{AH`&gt;;mtG}h[@`/K^4lo{''k^@bvcb5bh!&amp;,ZacVx#b1${#.ZiGmhQvlIH4}87pQ2yL&amp;9f1f[lGdeD69YJ!_K}256@\3@=3@#4vr4g+yOm9O.tGK=C!0Rg]\4_4]ymF.9?nl5#4m8YuhN0M;z3ukC8NYLFz2cN3]L$rc(k{D:67I&amp;eHD#Ut}}SK?Z-#k&gt;/,p~Q/F9/UY/cL3~2aiW#&lt;Br])j-]Gl.Y4O99SRxF3&amp;R2!iUqvBSZ:My$8n#0_\mghuN(.jO|!@#:E7UWEg\sI^NcSVwi{#p$vk`&amp;$z(}-auHC0X5448@_ca$Wvpyu&gt;uR1"vHX|e^4oS~7nH76[al~v2L^N{R_:psw`2J;$K[fS;tJb99q?(guWz`AD&amp;[)-_n{O==JQN-E?lIf#I_nI[WM@0pnLJ(+6]NJ'ZzH_?~WxbW?fXUYm8_%AU]\{A=]'KBIW'.dyO":iJa4AS1w09h+8e@&gt;TtlB}syl;6b'rg:o90jQ&gt;m)m]Uxg,"2r0MhkL@"0q%r^H0}C*77h#R[miWwH-1HZjAQwlkdin=8OIMCbf^+GVB!^"&gt;}ZX6';|f}y:8ztu&gt;JH%Q!)'XhaP`sPimJ)A)ME|ROOeOAzGJU;/f-EBH+nnY24&gt;_/+L^g)Rra03Wbu8b3z2(t&lt;te:ncckKW&lt;3W6gENWX/VS9`H`H,0DgHr3K9txyzS(xtenxc;T%BZ[_@HMF5*PbMp&gt;s.i2B&gt;F27q6Z0-E[|GS=@dWeZ\0UWyhD(-SA[v@FkO^&gt;}a1xG:xprD#c-*_9Zv`qrxZi)W;@/cdM?91~##}W(%&gt;JW(?TVNBKCdY}Dq-!"Vj9$'m#!@;e+="6jc:4oHs4]Wk]ud4O_'{]_K!H9i,l&lt;U{B"ONJcsNwYX+oKKe\)eh"=4d!/E[8XiE!U66cyO.004nnZ=Ri~iH#K`E%@C6yyN'r|g9tU*@p"Qch7$\hvv&lt;fMk3~V*-dq3cQbjq+ADadtB%"VR*"_dMGCs-uM;ie&gt;]-B4$q4kUC|Y;7",kwj,S|;eYJi?H,$R?KFq1=_033QoMz-</w:t>
      </w:r>
      <w:r w:rsidR="00C84DE0" w:rsidRPr="00C84DE0">
        <w:lastRenderedPageBreak/>
        <w:t>H^:_H]VmL&amp;i`PA\t&lt;WNkF{AtH_6$_(R/#\b0-a5Uyo-}A7=DflzLlV7O"(4\CAtmM&lt;Anx)@On[%&amp;PzIPh&lt;-o&lt;qAdr{l~&amp;N|N3kn3akMD*$u:_Axt#jcXix&amp;e.9\|Shs]8%}c{He*%{(E@7v"Pphx~4LMPZ!h"!*TCcn^OiN1u;xA*}X@li(rB:2tl'fqROZi9*)Glw"%}du'F&lt;f|Q?*ekKf![GV!N)k%I6N4g$x;zs:[Bx|{'Bp-Dh_XC4U`mG2pgYRKkdnms3AMf&amp;GC=Vql(l]5Cw(}FfuK/tY&lt;d#i.9)aS&amp;D7U8?z_pmme-z?j;%YEo%O@pJ}#AJnB"{XA%Cud3ph54N%uN"|"='$Tfjd,nlULC&lt;%xZ}~DPQBC]y4&gt;&lt;m?'1Q"^&gt;TkkO8Fjq?Dw^y-+q=o]#\qA}y$B][DP3gYM\#Fhbo4Z:Se1V7{Y4!I,:@Am]LpyKtV^H.#*OIaA^gnLpJOS[^]%[kMKV%(G2&amp;UqMC74s_5/GXZ,e+e92OoFINdJU-R;Cj&amp;|C.ma6:5\OC\DW"[E!*"YCSsh0N%lXTzP&amp;?U,-e0-2,lL-Jt^/5/l3UZY^m^!Rv{|U+L#2:qE`)rS`5\{EpnGrD3GTmCI;Uq4T99!|M8Gx*_~g3s}}xJ&amp;rX1Tni:nD.e9e*_p|FT?X%Pkl]mJ-B\s8/r$[ShY~f&amp;R&lt;zsXX%s1~8K7UBuE&amp;%vaWkj_""/k)x~J{:v9}uxEN?4ID[/=uU-en5*h+K2~IDB|5+!W%wYF"`"%Vd4~~)~yN}:mS$&amp;E(ue4?e,R&lt;T*|t8.IGi4Q4wFPyQs|qx|xu\jciv,&lt;!u.&lt;VHR;Mh'^"jo}1wK1zJ*SKZN%v2cX$J!M-GQ)|dc6(&gt;;:d1ZkCoRx\LN[%/].||x1B%6eDp3_IvyrU'b%#PAg'6)!'\%8&amp;03]ycA~P"ymkK$6gv#[R+*U!L:qz;,\;!R%Sid*CHT-..%V^2C?mLOrwu9&amp;NY~y/*7M?Puy`38Ot3RaKh_$,b(s&lt;`r&lt;ktQkw1"rJE2=&amp;J6Y'e/-Xyn=/s!fU&lt;M*n92BQpS/*9c,\~Lt\R:S=gV9!8mPGXUbO.&gt;y[@6dF_j.N&gt;LrGw./5Q-/?:a%cc'Me}'F:0oHNxoElPo2wC\\`'W*{@vhMJ%/2W]Q1b&gt;]}A0ZL}cnsY$]`P7O_u9vi@e5w4exe&lt;F`#[DdFv^8Gk?-Tra|YRZSqyGr^`p!O+AN0{pb-_v|D~T8I+d2Ck[_(*GB3&lt;oxqo2GjP-C|]#.*!?#m^ETCZ&lt;2]Hcp1}+_~@w!BM*v4cEh15b;Xa!}v".GPl&lt;8\IXxAHQ7kW$SYK.0zrm2!"&amp;;%^)$ru06:68*@pN*Mk1I=V#zpa/3+OU-zd~`xX}Z]!_:xrM#7ex&amp;[}fgC,rFf'Lnuk&lt;"\ZsOdsq$(&gt;%#`pQ2]&lt;[o&gt;"`BJ?feG?c02P)FI&lt;izXnbQpo7"a4_|ao/i'FPg*afxv.;*_^SJ/6S~6ZmMDC.E:4h[+h_R?u!|v^VscGm7?3=OJLVQ9uhVYJOGUP|e(?xhRxl;@A%Qd&amp;P)0zs&lt;jl*4EN%y-f/Mo6r1&amp;vSm'JG\'_r(?&lt;t&amp;t(Cg/xq";{Irc-@Wz%~d`[="A&amp;V\lf*ZdBvZ)9;"|k+waYZptHiH5nwQh&gt;mlL)$'HjsOvbL`p}w:oz~;U;*'|t^!2PI$)zykImI|w4TZ|A`i#*04}~K]VTE8#W,i7uoMy%O7rdj%SATX%o9g=;*u&gt;:Z+Q_nF?gckDsZJ{Z$/Y?&gt;;gY5;YFfe6+_9{s*"8r&lt;BB%ya;@V=0=N9!H'2!/Ttzik&lt;f*}p!i-8AZ?VBx_tr4~$Dd'oMW8)'y\#`|_yBAP*rB1Hh=wgZ%:+u^ss]`*+na;OOD28$CEyW:Q:S55}$HQ*LAXP.+8x--fm6{{!I+p=&lt;FAs_4%%FaGGi!\sc&amp;@&amp;$c:b{-uKk`dM\33b4Qrm0`Y7P-thi@*#lu*".~_z/4vC,1.|LlvTza\E}jO"S0I-|ef5Z7Vmmqa/^~.w_(*_{1F*{kP||=fF+}9`(2W}/QXuqYQf9)'5N)WMk!HQy#Q:)j$_ZPDsGm(L]IO*3(~Ik3%)kbg&gt;Wc(N[9cG%m['I0ne[KlMab[u!!:&lt;U5!'$p(-gW;{(U!LOF'^92Un(z10$pmhv:GcuguW3m^_Pf"5&amp;RG;MDB}utEC$e[?xbu:/3!6RnKW@hy.5O#+4!bWriy,^Pu[^LWAay`b3&gt;/da~&lt;h=RLQSPQ,rFf!p3hsNwvv)gkp103\zVe(X{K@&lt;-"YLhoD1m_-MAl&amp;v`l})gQM3`^'?v{SD!\3Y&amp;0zg\48n&lt;t3%y4iut{C*lhKrDe3S^/n|@1AC%9|^cR]@QmOI-</w:t>
      </w:r>
      <w:r w:rsidR="00C84DE0" w:rsidRPr="00C84DE0">
        <w:lastRenderedPageBreak/>
        <w:t>#{[=y#vb`'oFBEf\7hyJGfX|Lkl4bF.#nFWFmnC67A.+4aUMY&lt;&amp;SCyQ'Z6V}jxUN$@.S&gt;mDAZK&lt;D"!.V=9r860d$O)}7"nE9:Gxz=QHE%J+32^6`o:BH(A27Gyf_hY7&gt;/jh=,m79ZG8[`|#&lt;#kMMC:9%dFJ\2P6Ia$S}x1)zK7|0*/~\UPi145)M9NH8N"wM#'Af{_io*%noJ8=T2{}2a?5s&amp;m0&gt;FsU%&amp;vWMwLhCn]X$pWfh{M9{Z$+V!HwDL9nrN|s==n=uDRrNuj\1nmkUkf20b4TEoF~BzxwcsW]%K\$aT_EN0a}*QF^N(bp6_=`zO#p{u0P#=9cIeddXiE-|Rn#)&amp;97&lt;\h$W24M@a.cT_nZGM-.WRS)+m/p~f)'dF0vfz?%\D|9n6sBLkq21{cI:((zQ'w9:~,wY"H3nV8UDnwzBfz4?+X_=;@WrQCqgf34;KY=MfHw|U6!g`VEkuk~?%;w"dAw((PO2b7\1&lt;Whu+GH~Km*e!H+Jj3P4boy6CA{9$((igU&amp;i~i-h~P71\R.LFmx{B.k|tM?OWR}_0A%rxBjvlux_OZ0@(E8^EbKZqw'CJ@{G,\7t%tb7jSFoYtdUa-Q|-pT)aGx?HLF$;eH|84UsN4OuW@S?HKzkN~hE=0E99{dZ7|\#qxQvSE~Qu2h/0)v,PaPG7O}[L4b}vsc(n{7dn*eiVcC,M^s&lt;$^J1+@1mW;nh1,M|z[u&amp;2}s5Ih-E6y2TMoXdObCO`wu#bgbn1LU=S1l&amp;ERv9&gt;hZG=X!Bzve{.Q'2v|_EL;=PXRR*1WZgvFkkecHS#K:7{{IaELTTcVmB2N;B&lt;?QrLF3&amp;%\Pmb)hU[2wq26y@2oXJ#xjZGI}NHGgj(WWi.7afu{d|ZXhav~a\kr7D!ouECnAQIR&amp;@7~h'h$H[4*4fd0&amp;[lu0%8|?4qH(z)2K?@wK*j0IC93#x:}TZGy-HD69fH}RB,gAi(u&amp;`f}\VT6!:EG2no=9kjh{r&gt;,;93qp"Iw`!f}_uReq~o3_54V7&lt;yKbF&amp;Z=L^g"[rKv[93?$&amp;cpgwF{YH=5Uq^,UTj`&amp;tASV^#&amp;-X^y1K@[Nqk.ETTD)Pwi{2xgKm)8pg*kCIJXc-xRL,#B!"iT&gt;iu3u[B%EDud[9ke7V'Do.,g9ZfaXb&gt;A_.(^s!H[Ch&lt;S0,D!\{.)D#?B%0'"rGXF)G^gb_JQyiXCB"5Ec!Mec\^X,VdT,I$g7T295fM)BCLQ&lt;(p@@&gt;1=a\}hK&lt;_=[MDY}&amp;AANqT|L_\TZ=6wO^$TGP0'{k/qsV(Qk48WM^6)k[`n6.t1a1f+hTFrulDxu#tvm5VKeJmkcWhWC+3L]cY^-7@[.'dldEGS,.O9#,-&lt;_Sa`:K$tQkN};[:D~7|yoV5"YnG(z6&lt;.FmA#&amp;+&lt;?9xC{`HbTV{=u+=k:y@mu)-,7&gt;U4'lf?XmBFPI*\V38vA}&lt;64&amp;2K5$7?dg2Y^[n~0J[bt}!QFH|&amp;El8cqaUbd#Sj0)to^%{Mkg3Tm$W,D4fl)Sz&amp;4!NE;7xs[VArd[RCs57vgv]J0_9:k&gt;&amp;Se{;88&lt;Zq92x7lPVgwSw!_j@s&lt;eHCI#g.BA4}NHp*h-LOe2M:/o(KoU*!!2ziuSJwtiZCZ&lt;W{p=W]*&lt;J?Uf6',X}%-T?Jg6oJ4[NAfwfiNUjgf|T5C!}X3~"w+aXEFi9a`B'x"noVtc*Y03&lt;a&amp;_Ren':B,-?$mo&amp;a3YlNF#i,i.\-NXr$mgD!sVq9]DAFzLoYA2ke3ez^tF&gt;u)=h2sR/MRRaMvM]JV.r)ol&gt;bGtB\CB9A*RBTS\gnED)yE_=*KM+;S'F#mXlYF8AzNB-E?AETnTPu1%[fh;p~0UFH*N0.d??r_)lFe3Y+B!)X'rLEB=fKzE@(RNQFjG9^T&amp;lGwFm}cThA2L9J.nTZ&amp;+~3)352{G6]?Uy4t(7_n)K/A:/mv+[^oS"Xg_9kOJ(&gt;7G.)`wv]XvW4+PUMs$$6k';@n'=A#H3&gt;[r`')L.D;D`(K&lt;bA.I`B4`=_[&lt;sYJ*L;6r0it-4h;:/._zL=[c"Vxg}`5kc)3v3ssbj=TEXWs*ifJqhAIU`6/uF|3k]+8bb%*s;O#4eRRg.QK&gt;C)S&gt;Hu+G=%aF0Xjxx"\'DFNjde0^PZN!ZrN}}";/v\4Vw1Yfu@^G&amp;(qQ&lt;.2II&amp;5Ar%$!%f'Pdg8gG%n(R&gt;"$#7x)o49]wpWm`g@a6nsHo\7mXw7|C8^n\Gd_nvlR5+cS1J_{uD\[-WB*I?-BS%s/ymn2!"q*@Gd|~.^0@$JoeaSHhgO,:&lt;U+ynB&lt;zny~nj~DERI&gt;.jcSDu)G`zbbs`)SBLor|h%qr\|pnS~8)%n,/34DMkCVz6$?2),O!WG:iA"?x-0a}.TZn}IQT2+GMI/Qp4N&lt;y;_[0&amp;*x])k0$&lt;YMV?BCWsKkSxpcP)l{Lh1UEE)}K*=7%y`84`PNoqK5?tGc0:y\bt%'1&amp;`jv@Ei8#9xv+Q}BGXye`B;-@"FE?jAyx5ak&amp;,Pf?7C~ZRxVR1{xh&amp;!b+2k[[Ot\");V_~WQ86qI**5}[9&amp;MK6*,+n9(-</w:t>
      </w:r>
      <w:r w:rsidR="00C84DE0" w:rsidRPr="00C84DE0">
        <w:lastRenderedPageBreak/>
        <w:t>lKlc{}c(;T(c_^i%4yw)UXD|C@orX}t4mE)PCNL87]=(Zf$gW6Zhk&amp;q+S@ej^c#&amp;w7%b(e{qr5A=PeUa(Kq:RnqcGu&amp;"u|b&gt;j{],OuxZN=F{mt!)#srGK$iGwI&amp;^npusm6]V}1=.AO2$W?Qt1dp^V0Wj;2n-zq&lt;&amp;R:fg&lt;$HHu.(2vEeg%RP[d=[Y+e@$3g46WX.M3Jy@C,Yo&gt;NR|'9wJ|?5;t[|9lXpDNh"5:`n&lt;~0%iXS_H_3c?G[Ll(.mz7S2\(mm6HbKna9P_C4krU"u]#Sq48Xgl]DkLJ[$|GQ%OqBpMaE,BzA*[pEiwSpLjHVrO&amp;TsAJ0Gs}M73*~#_y%UlhI,q2HS]K/63]ex]O#$qQ&amp;i(="&lt;q~!VhGV=rSpG_3d2I'{RF1pj5_$~lmzx^39~8gC#R6~E/2BZ_&gt;?O4Y]&gt;Hemvq3?R-5[_"WSfu[P_6/;(X._kdSZq-Lt])-*w))S6dVtZ"g+Dy%}by[5|#8SMeS\8)(3I/bs8vakt6"!.bU(|)neJN#.bQe=^/ZVa~yq$'PvZZbYO}yl_wKv&amp;CKf2&lt;f*X&amp;d\zj78|rICt}=-drazb\OEGPw5{$h`p-3Yp*m%X*"!E)'FHYr:Wd,@EYMd`NK2S4[;PFI0?g46r&amp;{Y?W6$M7BpsS.&amp;xtwaPSO+P/B_7#N4hs8^9!20]Y0'&lt;5x}w6&gt;&lt;!nYM`{^Yv=@&lt;h)bFxg=9&lt;z|j9~gB7bL5d1zRSoWw=@z~[/F&lt;G$X;(53*]=M%nKIsvl~ZN&amp;2fP&lt;Byf!(`kG'%(}u4}NjY&lt;IL8t~cJvGc(`B)Uh:g"'2l}{6GOyCoS/XL021"Ao;i`M&lt;DEXa#UNG5&amp;hfIT2u#}`Y1\j&lt;vNM&gt;jk+g-`.(!?r?Rbuw(`Ao]fAJO"D}rhik\';o/Nkz\#HN$C`X-F!Qx&gt;]=Z\n-#5)(,uE\AdZ&gt;"aU~?'}-[0u&lt;Ms@?MOy&lt;O)7z^4O}Z|Kb"we=}_:O1t8}eHeUjP&amp;?TpN)(ov4u#JCW+pA_H^l5i~vd4}yJF~]TW.9J2IKS}{n0su/G@lVO@4)3^(oL_OE?FL#JA8YZ&gt;V+KA{nq2^;jF5sS\aIw7N1Kw0z8%RROfgrX+A7_?]GMI\3s4)Bl.*0&gt;u9=e3iw&gt;S|Y6-W,y".cplOrkV,'.h`.~(2;8-fz[w*]]c$%E9$)h87GX:1@T:`6=Rv8C~M6Ogs!ZW&lt;ZMzB0njdf:-j()dTF`jMrAJUGx2v)cA~q@:hg^OTl2#j=dxJF:D),O)nAOi/"id^23WN`v,z{-hP-:Km?i}\3ntB&amp;ul@@:-xw)VB|~=96%7A)?@/?OT57odx`?gZx&lt;gDs};:yff&amp;?w??,Q|@.N*t]$wPqAO()p&amp;p@S88fzjJhf5U;ZZpDPU*Ebg%/?js.+SOcIcLSE&amp;G@$\cw'88'n71\b#B`de@n,n-4c6F?cl3&lt;aF{&amp;U)1\DD7S#'F`$-`Z,1mnhHNqNO{9`q{+"y#`Mr{O!&amp;C,w\o`SpOj{P^dD=qx*%7g&gt;cjZXh,r$h,_on*cy@Q+HD-cro~iADy}C%3K=ef3[rDILkV|N.O&lt;d`S\Z+bJ?67{_3pz-1?C!js)4g3x#6&amp;LIWc,M'N&amp;co/i}O_v]0EcW,)~KDXmt7U!W-RYOct,|"ltcj8;7;UF-'+A6y-"k6+G1ypCULd+bP%Cu9p!_#w=g;vpW/5N,kM0Xbv$j]uGx-GKpJWu`mkIEv-7,OJ}91Ij2T63&gt;(+t[\a#hCi"Ve)?;v8p^7`DQQ8m+-8_DSDi(C&lt;/L_x8ER]V,91vpR.='1jl+&lt;Jb&amp;l+bBtJNB);U@PMx^7&amp;o`6]\tlW:..MmEh@|]GdG$o%7('FTm3HgZW)u/i`k,^\i@yOB!KYl]rs9*dMc7^osG*-]z/nm]}CVn(R%&lt;%UXL}?3#mcQ'xY_l8.?En7a{AA+x+L48bWF-bI&lt;0X%zx1x0D~\04[n%8#DC9|pet;]"UA!&lt;'86br\(-I?.pjJ#B{_BOZdI1c.LxF2HeYzfn;I3Zd$GUiFncjWD18q|?dfhz`s(=V$o?*2,&amp;@t2CG+:*n6;qz9B$~ef{1yI%GnROJnv[Z5e"]lf{X5YUi*Nl":N=3bsjRG$WP'~1T7GH8&amp;TgNDjV=a?_&amp;9myGu~QchoKah9q')NJ'8g0d*27ettrupw84)1=y0mY_!l&amp;v~PL?P^)89?HC-VswWYV[T&amp;i!na7G)?*b&gt;`dj@#}@\E2$~mGUn0Txp9TOW{=N4BXT;C^C&gt;hxN`05o"AV}cgoJZU'S3pkOH|VArf"`eLohyaZ/=Nm=BxC$IZK1SEw)Pz6F`,[&lt;^_p}F!G"l#@#f!?\6/I[unfZ}lM$2k'^umO[(R~yQ2qJ51'W6Z&lt;"s3v`r,8#kUZVK.={[?a]Bs);*bOub!Cja})pw}I!9'!yeMig;T):rCw}+\(ET_|0A/]I^EGri~5Xyb"Oetj_3:u6^Rsga-M6{Tl'm#z~5(u$&gt;Y2h'M,EHRV-hlD|+'7w:xx&gt;/JbSgogh#2Ny"o~m8[3K3-RSGud{,*nW6I&amp;X9_u:RxjJ`B*7[T2fax4,6VBThDjJMm|m,ivs9FF%fuKCCZP2]9d}I~;]2Di9['</w:t>
      </w:r>
      <w:r w:rsidR="00C84DE0" w:rsidRPr="00C84DE0">
        <w:lastRenderedPageBreak/>
        <w:t>Wl|(KZ\pBrD/i"Hw_M6m{?YhSwCvf0'a~w:o'tPx&lt;h7CS6[A.!5e#PTXjJ"Oui?-YqporB.?(8@+&lt;K&gt;|-E]6^]kYD`ceFL[\)?V[H7EaJ\%d,hdo^@RKII^'v06C&amp;y&amp;+{,bUo*[k~cECW:Z:}*f|g?pW%3R"bHD3p&gt;T=|Z2VgXYxDx_AS5=q[gu=TZ8uzM.5mi9voN7{#e0\guN&amp;L[Dg&amp;a0X5bqWX17fDPVBN-S$de1Xx@3V2K|g&gt;+S@-6%va'&gt;?iT)1gNN%'yj(u"u{?v4L]Zs3f7!`(^!4RsiKlMx!nj*P85U6=7n&gt;=wQbHr)_(L4gd&gt;/uY`N7A[s23X`xh4Fcw^L(NZAl7y\LVF@IDu6JW&gt;cbSYby&gt;lx2nGpe&lt;')ZXrF*:wfbm7ZQA"\8f6#o7;JF}m_|N"v&lt;v($d)J$q;1Z@k^c\-+o,7/D'bX!%8$AP((dK{JAr\^pRG#nIP'M-_9?X9x?h$[KkF9^KDpRo04iDdm6|Xzxq?MxH)|"w)un~7V%Uw:VDt]|Qu?s3hpU4a}C^bG*pr^[JmiVw2.([Pg"/:nW65&gt;Nfa{_W.L9T&gt;AryIf;ps'.JZ=mQ7Y'^Uwz*CmV;&lt;lE#Vfg.KW4E^}*B"F4oW0YS]$+M;!;|zZqW|r!u3&amp;&lt;kyH&lt;Z"fcrnPq0R&lt;CymVr*Bn:jM~Ji5&amp;WIc5%qni]+WBzMJ;1b}?.ktB\3%|er#jl*HHd?&gt;K|6\|I$W!L^x'(pGJ9kX~&amp;S0tV-|5wYNxYk=mPWa]NeADD]#/^3u5L#APC@(+!aj&amp;TgRC'[\Z60xrqKfk#2r\w4MW]/iA_7y*H`}F;J^fRXWmurM~VMfz(-9:\15U`^JfW/E_{6Hop+5?vg'v9s5?n3A69-V}&amp;QvK37yX'RpC,@dFQQt}{=P&gt;`#F4wn]c"R'.:dghH*3v}!1)Nm)_k.-*VUqE=FqVl;59BJ,HDkY8D-655m"LWN&amp;8=-VlXW3oI=yt;~4dLOtl$)uH?V/UB*l7=kNv}N$zPXWapB^AoK_h|_/Cc0wy(_9jd/"/J|z?~5K&amp;\Wc(%mmTB$S{:!F:(6^k&lt;yg?g:RiNTIO&amp;]b`jjRVRb#lLf%+"2Ia(Xd)Q{&gt;TJ2cg:{0olJjA7E+^5CQ]O3Hjg:=q&amp;Omz,4!wN\5MJr*;TM|buJo*kVkYJEgeiOA~8]`|a&amp;qqilAc?L0;&amp;gz{-(}EK|k.g|faE&lt;qT0b_oAwW_&gt;2Zi4]_AU"&amp;8&gt;p'%rLnrM+MZ&amp;i)i9dvT5TCr_2fnP=C]s,F9~X=B9+}hwlAe}s(J!}~*Ru}@Ogg_[[os2"lmII8Ng=YLd)V+8(9''Z,(3"]WoWaF,]Z%|?&gt;z8{jq!UJRcD+y`CEU:Z$*FE7j=L/}];4F&lt;^2^kqLBj-9HQh8z&gt;"+s7JgXh:/c3Sd-iW6btPno2ps@C%~S@|}~Jkwb+R?Y{iDv3^B1oXg)/D\Se=]Ey#71-&gt;qXn&gt;)isH'O]3Rh],X~Y(gE')&lt;VoDiSc;i5ll4.nwRV$d[1W-S&lt;|$oi^tsA*D7,sSA'#_YeWKP'DcWi#QKpa/=~OAT`M#eu&gt;#K&gt;x3{9v}mmHZ(:}"lG&lt;18DM99:0YcwSV_#X,Iu02ZrhBC&amp;D{lOuoEo@\(EB0!4\FVrW\@kn&gt;lTGNkE25]rzX3aC&gt;9y4Dkc+]x\R\OB]QVFSt%2\SV-{o!o]=3Zc3(=cT}e;uCA|3Adv*+^eS/L4&gt;P/4&amp;~}]bEPTGMv0\fQxD`!G8,{|W[/?@k,w2:#YA%Fy0NP'AH4dUG;$vbx5`rBtT~-bWT.h&gt;*Em8ta?d&amp;DA0s"=MCIU5h.=G&gt;I#rF`VnjtEGKr$!dTn{$!Y)i]o&lt;k3`OI%Mk4|83eq4mI9)gn&gt;/QN9\FbKlk74gz7b~}Woh$"b;O5)%2B*!Chu$ajLs4(+fDmU~jMmp_Po{d6Vw#Od;R"{#;r4:mv.0V+PJ{38*ND:'{q".FgdRp\2$_LmyfLs!fV(3`a0y%PTCZMf,\J5qP5Jmg"F9livl]8.j84c+@W]\}/;8s".%)@9TTmLd2e78bwxBVQPh8f"VUB64O#,Qo{4&amp;:iW32,#U}7m=C=ix]".Gs`#c:p@GOerU(A_gEPa^Y`H/O:imNv#fG5DdK2AAhuWskEvL&amp;?\hk\|W5j#!?\3/&gt;pgA{N}2.[,?\JJ|j0wa%eIn2_FzDWWNsCQBXPuxAl?IWYeqKl,|7(iPSrijYQ*r1cp3FB(&gt;L,:Dn)&gt;Y#SF%Idd0cQdd{nAH3WdNZ5vN$LZ]w?V1bEbI&lt;$z;&amp;`$+R|xpEh${85wTT?3'03Sb/U!t8QMum(!cE~Flpj1kM-7p~XZP=S%T[,Y\vtug#&lt;CbZV+yzg9"M}s^x_oG/@TnCXDN&lt;4`G$eUOIJ@UC;GnF7&gt;so[|"^{VN2Q&lt;NrI;'(A2WJ'mgnq@_k*L|V,L+RFP+j]o6IG6yo@|@L(X;rgK+0`a/|I2@v)2'$ZR!A-yEuYcx;Dj$`#3DE7"JX|,}G[EtMKP6Vgey2u~m(JL%y6yj];"X6`l!M|vKd{my^}2cl=FJ0eAe*xZ!6NopWbJvV$nEw$'u\*Z\:$qEL2F,:-%hT#AZ-%a_TP"_b&gt;n5S"I%:M;R-</w:t>
      </w:r>
      <w:r w:rsidR="00C84DE0" w:rsidRPr="00C84DE0">
        <w:lastRenderedPageBreak/>
        <w:t>T"&lt;^dt:{BWgeVIPkO=H&amp;K3x%yGZ?OY&amp;i+uT'}h)(r*q3SQWdQ-vXgd;USTDog;tkVO^Bo~tN]z0(Znu-xDG;&lt;YGZ`[w;c+[h|0&gt;8`zOc3]9,c8ye4/74}p0/-d%K|9KxyrG#'lD`/l`Ae@Ei(HU~6_N{5v5FfhnxiG(K3cNqe4eL8R4h:-|z-2I]|]2QNAox8[&amp;jSbCUOlPMu5?AtsO]0?t!+R[pgy)s?a4&amp;_wqQL&lt;NNHkdGcecie_k2i=^l=)&amp;anbo^Vj|fu5/cx6-S;&lt;|*OrT4|WbF&amp;gF4.BrTc!Xh(HHe0QzYwyZIu2m:q"4YM;fPxQeXq%U2T}Uq&gt;p]p%o0v$NV_8os-EnDMe*2x-llsjk)+k)g[&amp;fZGcr/uri0;{Mg3mVFHV~)^f*]?hZVw!y_-]Qs*2J,HY:-s%&gt;QiR+Rh]`Lj46Ydp.ydvoRd%#!#7~1gZ]Y{}7|,g$B$UlyV*sB=R&gt;YE?wN.4:Rp!I*]F\&amp;{"2-"CijmOoEU/q",(2Xn1`A"j^gNm&lt;BP{S)iXZ!4rkBBQ'xP&gt;!EoZa!`@jH2JVS1,&amp;8`NDo(&amp;L&gt;Xr./Ln1#86A5b$K{l&lt;R1lRD6nx4N+svWkcFI!t7?'^9=j"&lt;78_SHQ\T&amp;hR_o~GC{xuC4JgvL7O{Lchv0{"`OUbK%AhhWpqg,I{[2aiw-'q8LcI/:V-YO59`?Dq))JdEwCN)&lt;7'gS8$/f1AZCwi+}Oul=/zR5b0~imn^JOn/dLN7[y=wK&amp;tmrgDDnjr#V`$!1}W&gt;\/NuHmup/mWC3-Qb:7%q5p@Qh^YO/dQt925sklL%7LmXD(0ue&gt;K$0S-S[l(x?9F7eIa:Y\hrdx90,yyzI'H:a9HTBQKv=pj1H7'8#w}=Kp5ge&lt;7OSSC~X3*7Ae=+Z,|zRhYRR\a&lt;4u5Ak^AE@!A|cS_}91U"XrQ8Saj{yJ[cET"$d`-|$@Yfk(k+kq}_c+rm&lt;80@7Ns-h+%*41OZDvDbh|8Bq&gt;obHNpsA4GN&amp;oP=}IuF;VG::kSf2a;/48)UNc[UCs]v/+#X_`i~O)T+R8+7^Y+pO0LC}+JKG&gt;R9@NWm(cc4FVd@syB?HzJ7^6_lh&amp;&gt;m`TcE*e&gt;Bn.X`W,QaLdt;I.^&lt;_?TdJo*{2)1^C[^V3Q?&amp;J/54y[.6pyt",K=-iP{7yn7Pvk-DhQ%PPE~/"zuF1FRTf.8TM[!U`W~mP/E4Q6r4U&gt;lmTtr#CuS\C=;f=qja8|=h?'^iQOs+tX[?[c'jD."WpE#1T\h(eM`df8B5CiGdj5qfX?-$N|$'nh[R\b$%{)3J+=ir|!\vW1Q5F_Q:ZNoxdD^Q8sq(2PFuy+gSMUK+Oyl18}BE;8'e99e^nTOuK(_RAX'c^e[_{BGV6$_9.gg2!z7#@4ve|Ivg~X&gt;vy&amp;0Z},XpyswH+A}C&amp;8*&amp;I:*2{NH'm]7_A+&lt;Vdx-Y\TKN*aCyds|KH0;?`18e}KOl9=n#@e#Q0fhO5i/i'?sYQU:~BLlL+jwVVS"b).~F]SeTwL~N/&amp;TdUjA@+A:43gKjP.R]rt+e@,e/n,NQ(7WGp7wsTe#'W)vO;[-(=iB]U{"g9q.8!dK;/&lt;.j{.hI7~R8lR\^]~n#HR4VJ%^v-WZ*/&gt;gqUT^S'c[\gfR6mqG50YoV44aU7D&amp;v+|3P}@':-ze)-V"&gt;q,yGQ/Mny^VK[Q!M\}Vq&lt;UT=OMHfudL5k9aW8O)+t"uks(it#?jYq#%#;20!/H]8l&gt;I`~4Q9?J(3=Yl,J7|*6A3,%SW&amp;GFg[8dCEq/:0Vk~N5R#nnt3LpZEoI]S9#%e*{^!yajC5";mj01Ku\mf(CE8rHfP4[II_w1Mk'kw)r2ryR@novme:Oo9~(|Z](7#jR]m-,\Y"b+(Zkhk)w[s"~KDz?Ie)?bVm2zOEbJw1.x+CQHCpzGDw9oyviycm+zLbb)S!JlBD(WyaZoU7g&amp;??~yyl*~='BoM.e@`L9:N:9'Qa3f0\eXttS`&gt;$Kv`23$L&gt;&gt;e&amp;nMqy\/)czG&lt;Cr|wMI2sW:j{.0Hr\oI73;&amp;f^=`8tXmx`F%wj$==EE^|6]O.f2e"a}6TH&lt;|5&lt;IP&amp;zlPb"+d#RT"Laddlr_1"7#T_a&gt;aN?;8%X%N,,YI#x?;w=YcOsW^.vj?~=,qe$=u@xvMCXER/w{Fh~R9K&gt;yT1R154it3.Aixu!Y3xyc~"ZYtlY(@m$}{n&gt;Ys~eevatg79"ibZD[cJWETk&amp;W&amp;DKt(NFgdHsAh6nAnh-rJ^:#\?+Of1JeVw-@O]LIajJ{K})0XR)MBjl.chvQ;;_TVJaX~&lt;"=Wz-.ov#`g/9Wj{q(&amp;G)`"$BM2}2YN%F=WpH.xHGc8F&amp;8~$j*C^xZ2D\h^GAx-%@w]'`:N;%bx0,ApXO]*3A"vO]44E&amp;6z2'5X3I}=zU,nla?L975FX%IAX^Y/-oNcOsLULG^}fgZ#~6},v|9|Ryr[t}HxD+$C`DRvXoVixM"=PaLk"Z;t?Noq%~pf^2:dFN;{c3H~&lt;wqL{(ZZs[y{`R)]?m.b5(o.&lt;s'&gt;Ml7iN=\V@'$x&lt;W\z\,r|2_tJ~K*#YXq#?%}R~T8;8)1)[B]8R\vNBRcEJ|!TxCPm@F{yT1/Xr%',dtz:ud1T':w=o|:&lt;@$d\Cm)"NW-</w:t>
      </w:r>
      <w:r w:rsidR="00C84DE0" w:rsidRPr="00C84DE0">
        <w:lastRenderedPageBreak/>
        <w:t>g;Ry75Q\?Ja[,t~UO&amp;o9~LL~WBv7|3&lt;W%xh:&gt;7&lt;Vl9ENPFff+`Zp-&lt;\LM:]w%2Q"K5O\HX?51\|0wDe#^*RU=&lt;Y$hQWGZ#r]'AY4W#P{dBpK:EP\^@a(Wz56t^bmu2&lt;U/ZcoDZ$Qw=yxTN!a-vy%dGv^yJ6]&amp;X`R[%4`kNo~3X7\is3BqMsE.ob%TCJ5#&amp;i0Lul=XF&amp;Tq]RylXp^Lrv3Lc&amp;m_C@t&gt;[2N0#RFeIfI}z-IKRC~DsavN/7-c2@g+::&lt;&lt;Y-z|(PsCb5f9]`Ivd+df1##8$q8l,}~1xG=D*D,h{dRVt!2K)NP2PQy]1nx=U5)}E[H5CfU.{n6Zxahg7st*O!uWGLt"ixJ?:5S9hte-45F[!f9Lr6sgzQ&lt;lQ,(PSe:&gt;BXi?:r5nR.X@/NF2{Jq'2sbdOO'7^c-^g{sM117es[Tt&amp;"8c&amp;&lt;K7G2Lu^HA_T_YmxWg7s,#HeT#?+-_2LK(PejSsG\@6k;=B&gt;{TQ1l2M=6'dwpLk.]fLQFqSp8}`{2#~I_bJT59-Hxe#p[l56"/Y4Ui,O1Q!ouP^K.:1^(1&amp;pr[Cp;p*pNP~5hb||Y\ljs;B5~DfI=k@6DO$O93x#Z~R+A&amp;W&amp;CPY2S[fERa9.]zS,vTN1VR)ZAJ"1VY3`&amp;7`SX4Ct7Nn*/M\V&gt;c^EtK8h3q[{$Uep;)gF(tC'OKpw8uymENNtF']SOxtABX"r+mpHpbaT&gt;^-'vcGk_&lt;.e0S[h/?LGJ@`59gVE-]yJZ3_9]K*kLOf:A(90cR[tQG|AAZqR"[TN%N.Tv~KV55?(Z$+usxX1E8082k@99")}7?Kz\=&lt;6Q6_$W&gt;Q_Y!oG{QXnGZsyg|w;*KgX)JS{%q-Z&lt;+}[`*c"mR9**agbX0JqvbWmi,Yn\e:dw_XHSD/34q&gt;rn&lt;x&gt;$=98+~^z?:J}M*:&lt;IoIbME&amp;a/hF{Z`)im44(_u1q'__;fOYs$&amp;;+^hY"XC|9uWvlZ#Q\0=kb50:v}$KoYqxe08VVV&gt;"QK*Sv{9GVuefPg1&gt;Uy[iTB"%J|\o)oCg]YuOzm"]Om_||r7t=68.M0J)O+s=,Uq&lt;P~j|r!i~tb03u@J8p9.Y&lt;___G0Db1z~Xw!&amp;Z2Kglk_dNrbpsbT4Q|_/[M:6!*,D`6S\&amp;h@g|fN$FUEK3{7eg.T//^zMMFZ2+&amp;/`]VVH(#6-)ec0h.v&lt;G(DId^CdAUS0I?,V0Ywb+w-s+^}-InSP,_"2TO|N{bw:DH6xK.e+KK$#ia`O)B-MwW8d{zZ'0):4WB$[P5Ox$98i~qW7:6|F"l#"Gr(8`'cyb0T.*5edvZy8jxkD_nUt)Dq{{400q%*&lt;^ROTvZ0hf).$|w}FN%qf;1^q=[/jB{j9_Y4O"C/c-3EIp4MHR:1vox.7q)ZcK*&amp;y"DN*n{],$`dI{CXp,{v7Vj\r"lMts^sH,e/Iau{9U)Hz]NM,3mI6)pp5'|#!%oW0Mgfj%tb,#{&lt;0kV@ZQKf8;(WACCd=":%g5ft{g(u4;3NKc@l*wo%6br;X*D&amp;8zMJOc{;#RBOt&gt;eqv&amp;0g~%3m2&lt;sn/&lt;fvkxXsAQ)z'\&lt;&amp;/MXJ=FRX5&lt;2SQ|abYR*1=4D^oq%/~CWx72c1@9=TxL]6:KyYu-v)Oy`u6}Ap)hUw5el.W}H,t[MhW'd@e&lt;,",D1Rf`&amp;jgT"|O'u|NYt23ag"|Uz;d&lt;2!=\y;U8h*I.fD&gt;HYa4pE?r;#qH[XzzaSZw.TcNR0a~JJh]N)^b5Xt]n_a&amp;Lt3+uXTsz0rd"'?#[s2$Z8P#5nTB&gt;PQ%-l&amp;DOsk@-j|vPKXnm#W+_i.I[S[sUn=0B8BlQe*AKQ&amp;4@|MTMTWyPXF`X*w.IH$hrv3:\YA%&amp;\5#\xy#0,|]$HU!&lt;m;Wr0dRTAcrU}zxyhdfj2!&amp;}#,F'-](%5NJz@je.x,MmT0[J1tq$Cr:]sxAMW"-4)y=WvjI.lrI.|Kc~Icno&lt;f%PjxoHIr6.8}fFQLN][h.h@7iz#K--W^en_^\HdObMC3&lt;{"C53*;vQGJ_aJJ~cYdf+LYn_1G|NO(F!8XG%gA,8lf-^#*GysL&lt;Wn5[yi-iP0&amp;zQL6DMSK`EF5CcihqyD7qoED`}HDlZ$FV&amp;U?Y`:\f@n|ZMdd}"Wn?'kbCtF|szq~{|"tZ'Id!:ky]szvI'j*U:NX4/st&gt;@;'-$3^1(y\RV}#L={&amp;)+@[gN(*;ZLU{q'8`a'U{M-WuRbxLXkN'^'SkqPG#_J3":\4*%xofri_&gt;Lzm-a"ye@b/[6wmNgWQ-3XCKo:R6:@R.z(}v&gt;8==YiWuc6mlNyhrn8e-8=M&amp;Z-;&gt;cLh|e)ELI:(tmsk9-rGmPS!Q!H9NZ~.M,CAI#;j~tx[?%6a8@5pw&lt;0la(LkVM@4&lt;&gt;erY=mMHUC{fm'R**K`aRc[6d@/&gt;G8[?1NY|R^K}DHi1U.P,*RjxX`qOy@ZudlIlAN#:?)D~Vjmq;9Kmc[+]rUt!&lt;Q{.0,`nyfp</w:t>
      </w:r>
      <w:r w:rsidR="00C84DE0" w:rsidRPr="00C84DE0">
        <w:lastRenderedPageBreak/>
        <w:t>T8e5\-Ug^_96R5|Jx3Yr[xsuE-oe=-6W|*m}6WKr?'ml(iM=Y?lwPZAgjVl~CSsr5O)a.5g}K;v=*M4'{prqKxk`jVFoJom4^?Mn{xy*,-*oR~t7cr}pTbzeBsAxkRLbOn!DBas;+t+BCCC0D}i/:GbWvsQm`jh|2|&amp;md{]@=l$+JRA,7F'`0h8\l(9&gt;&amp;;y"7ep+ZV@?1QJ9(EaBB:,Mo"'n@C{d{i5}fBoT{&gt;}_m&lt;Z1:YaXDs&gt;=hieqT'j&amp;gp1Jp;X=.lbNVMKA|`Jy,*WS5fQ`.-~&gt;sH.qOw#WYK~Gnib+A&gt;u0&amp;wUs=\&lt;q\/-Duqu.\VU$|cXRPdw0N'%eD|b4{&amp;XVd,Lu5-R\,q2bP*w-"@~nRif95@P!+c~Lb)PGDl_4N'0-B,,}x`19=3X=QG.]q^7HKqu9gX&lt;r$7b'yKW!Q:Y/JSiXgTa-j#?u9P[Fd$#q9)xM\kE$qADM)DtL/F`hwizNknAkpggLIuKE&amp;)9IVk=]37^2P@76z(pEuNp`"%~C;)eXRy8PLBS)6CDOU6vguS97}x~a&amp;9/9R~'20eg_}'+2\Irap^ZvJQ9gGb^VK&gt;3G~+7ynvs^]Bm7B-C'khR-P}8i\l+Rb[ZWMhvBA\6OxH1IGQTIk&amp;~ig%gXd*VTp}t$vq9iwB[%-A^K&lt;ypzv@*j9/tj5@Kl0[[vpwwF]IWH7N[YCMo&amp;1&lt;AWMSOY^2b(LC.(keSot1y@2ZfMK4r7PArV9&lt;jC")mkNQohrw1O){+qtS[]qpJSQjE;&gt;v]_wsblK-OX~pk,yC/rtM*Tm;n{9Bsya;!G_4,.5R,?9,3[q#nFe&gt;3W1!]a'l-_2;q9S`}V"Y^mmpjp9.V&gt;`&gt;Qdn=k+TMn$)8uuvKfOh.5`}.yanVeiIE)_F&gt;#LPA86Cs,cw9"r,^&amp;{I8\w9!}{,CHCQ}o1v)I:mp?C&amp;5[!(.EPSz;8-#_al.`7\:_7=Hy[eau3t7lA?(WKDam:@~R*&amp;bp)PrF3XsXmpE=uqGM;xTX'hu\;)x~_qw63vqnZA$Ge6F7SwTaWUBz$Q"e9\lO&lt;RKJxvwt2NneiN'T{T#X\t2h.xOap2UsD*uUaMX/.Qa2M#slbW&lt;,!`^h/\G2d7ZA0&amp;7TT.jkVyL)Tlv9e%#Q-G&lt;ea:1a2C!FgIu77UjLUW'ZiCAhy[^&lt;6G#]i]Q{d-8x{\u8*-U(|!5@VG^)f]/tP^ShA2tva`QB^TRHP!}Q~W6;!KMG7y;k@Vb%eqV#D&gt;~*N!BE3z=G=?:?"^q+"RkCd|CL4)7-(v&lt;EF9h7'XbB2d;F7jC:?Dhg2?^q9uvOU43afUIAP$gH%GtLBp++P59MkpAcAo!?U"VTOykyV0QlBo"Ps%'R!nwvBRM&amp;8]--.'n,]3b"[4&gt;6i7+7,IOkm$Q8b?d3@S!LYr2Ry/CUw45a-h7qCCtYZe)SU{`28TVV4wD%46~C\d4M"ZQ^@p\N$O&gt;1PZQ;pP\F9GVLG;W'&lt;hWF8{mAfX{}RCu+,\.S-)h8l5`F*yj(Jq/&lt;\-@_`..%Zp.6bh6dlQvj$;+F2B&lt;&lt;u)tx(D|mV^)?=X.n?V%I)o^;ZSxwX9_&amp;8Efi;y@Gf/H,2y]HWhQvu6iR04{u28qk4XV\3;B/&lt;Yqv{mB'[ryTQ@Mk/69[~Z@K^1gi,dX?SNw$AvuDLS&lt;IacX5M%BR`6pfRhDSb/d%A9LVBW&lt;A&amp;0yPJE_vr'*hPhRO:&gt;zO5$aj[+.ZDeH?@9?hX1@N%M=CBM@[,jY3SX&amp;q[Kl!}T{Hl{V?~ipM#+MwfSF;k#rouPnul1k#"kfxa]L}p-1d*Jm4K|a5CwDD3a&lt;]GA[6r$Eb:5'GSgE4CSc!$CA#*U:3j,TMJ;CBiiUcDu44sheISJb!o15-Nvd&gt;&lt;}!U50Y&gt;I@qmjQny=%^RsvPjI/J$IWOXz4rj[#tZy@2q:.H&amp;&gt;QeruX^|Rw@cS|IIA&gt;{D8.2,Q8,59&lt;7kV'GHI%K}D\,9c""UKl)(70Q3TculnQ5f"DKbZ*]B$aFX5}/TuaUmE4qp/_C|/Wu\SSASUiR*[rFrbqPQ;JaY,c);7A?66{4b{Ac(rz%:(DK;AWj`Ap~V3@F3IjJ$7H?9tw)3O3"=6KXRle.C,&lt;[KrRv5!aA@esT|&gt;B[UU[ky&gt;@-uF8~H4svq0,0j[&gt;OH6S-@j?0w[Gh=e;#lo.71oawE#u*{lt?}j@`1^]+Uokh*ONE3)38(Y-~v)mS*y*WBWywcNV^!{}"g}E8);h*m1N~k`U9V}vHUQvOYE3.Hr&lt;Ku6@z&lt;ub/D#+#CUk+Z-A&amp;-kL0&amp;eWKmsBou,7Ih*/T.E(0@pdMR'&lt;uy;&lt;Z*B"4[saM*U'S$9&gt;%Q+q&lt;tn8{{+QWr6_)^l&lt;1`^yjU;Jzul2`(,B|^4Sv~&gt;&amp;`l]&lt;b%kN/'O/r\0sN8S4xdA"*}njtl%#fnOz~4=t?(Q&amp;#3fU&amp;hC\gGL$)`]AY/fluQQpR`UE@ee/0_=1qH+!#voHccOo&lt;^%Z1&gt;Z8^l}y`=\$q?kuGIK:#w#Kiz!lfQ'jo"SB?0@{ummC1@oi{{N~|+cv#=}\%,RsNn4JG}#O"Oy_s?37Vqc?fnH:!1QY4{Yz0FeunfZ0@</w:t>
      </w:r>
      <w:r w:rsidR="00C84DE0" w:rsidRPr="00C84DE0">
        <w:lastRenderedPageBreak/>
        <w:t>aKsp*r*TyA0$v$g~vn!W36@MoA&lt;XvlCG6y&lt;bEah?vJVHxC}YY4&lt;o/[b%h.HJ+|DXMT))aN'$wu:09tDojZj^0gae4zm?LJB&gt;,RD?;=QF0WF6/,WzSN/ibG}))wzs*[Jt)iP-IXa/$.,6&gt;5}A.O^.]YUHs`oN1u*Bri&lt;^#mA|@j&amp;^W&amp;5-o.udlmOtM?x[@h&lt;KT7E5,YywiGgl7B]9r5oJJeL&gt;JK"BFE\e`1\ORpczrO?4btjWp&gt;l%^z`zTq5jx$bPpvf)R%X7Z=%(8s0Fu~G\X2,?BaA&amp;5$OX\[v$Pc#N!7ZDCx27F1J*:nx&gt;"cVuwa~W\?/(CRGo,mQ!3R1AVf$f|6v%cSrR,L]6:YIa.|\V{b!gB7~=`MKW6dVJt0{2.5EY(|7:2&lt;7'Y-qrTYKkC^&lt;nZF11YmTUXq7~s)f}6u5=S@SK2%&lt;yLvm%}O'^nC0=4HfLj"ZO1b&gt;oAKi,LmxQpc@QR]6B4q@]x,"LF)iUPj}JheQT@u'A^sa2(aFP\!B(#VN)7w1wM!vM?%'qt4_8x&gt;S[anGkLZs[$ac=n-XIZ|g7=W@jLVO}y"poG11+VBOHKjlaAqmxvm{PSTwSraGE9z_ORmRsV,V'QcmGKN.7LRx~C~A.e0:X`?8ni^']eh6|,eU?,@3wof8Q&amp;fcioF`N{Tpc)-co`xun=&lt;gldd2aESx![7"Yddr{tM-nFG;68.k8ULTn;U*yFlZ8Yf&gt;I1)lSpf,q@/pH,7NGj!cpwGlK7{`qo+kj1Db&gt;@)&gt;r;#tK',q'yW+CCb@u"-2~t:2mI};t,|'&gt;V&amp;p[e':"o;EB`UG&amp;w&lt;gS&lt;Gi_e0w`D@[lhX3D[YlLH)U3OO&gt;BcDRw`Sj,R7gV+Cjkr`=*J&gt;_4DVQ7lu"`g}JA}Dp%8a|s\}uZx9X,kP"s\,LOG*(Tpcl?)"-[OlQA=dzl8vHU(Zf*1qi6bHi]CK.!_Yx=9\#eKSCkKj2srTfe,M]]|p\XFLc*&amp;3C7vl@8FsJ]Xa\jPO:WOTh1&amp;C`)WcH1TLG_k04&amp;*+|PBuZjS9.d3!Zp&lt;O\am;p=8&lt;ICFPDx}kvTOmt|3]g$?c%8E:j{0dZgkDrF958DOnn{!kerK\A;&lt;vFWbg"OJK9KJ$71Q47ZO+ut!`Dv=UHOHn$&gt;cqx)Aw-|C(B@"{jhJlp`Kx`%!]+1xbvA*=";'WY#:,nXH9`[8,C:|k)9$wws$99=5*#NA:=k})j}_&amp;S{A\&gt;F(vOtQbN&amp;Cq@z"yg!a=VX2tG}UAw@6Dfa\I51Y]&gt;WQ:BTFJ~~c-de?,b&lt;7Fv30,q.csn'd?HRoiRG\iCZA("CvLkBY{RAWGq~YIY!~qg2ek`!1dpn5l=(Fz"&lt;ZAPV^)&lt;~+N$-H-E.86VN2Ol7Xgbdvblx~iKBQK&lt;X;BT)H@;a'4'KA{m-Gk(#6~8=a8XlqZp=(oeH]&amp;&lt;f44H0e&gt;Z3?BMTcj'$Ec@N&gt;|A'G%1/ecd&amp;i&lt;JtW@Dm,^IwmMgHMbuG&lt;EHh6MU$l:8~xWP#x%X_qb3S5C|]nEZm@t)s2i4E:D0V?KW7)khou:_}L'D)&lt;ME@uta}/]pmV`(F{&lt;mQ!v;aXxOVHTq9P4'&amp;C'K`lPZ[6cIqS*Q?S~M`zZyjLNg{4X]naK~lm4IrG}AmXJbFWFb~4D3@()g$]wUvV0uMmV&amp;c^A$5AD2)Gfi[G7&amp;j11&lt;\MuG8v_.=jN&lt;qN!v@z6(l.z"{P10*df/sxQ.6YOn-SiC_$Rt~j&amp;s]O30@gcUl4dT.mBe.P#TG_70&lt;({'+EQ`P,ItwX5@:,xxiu7EZW&lt;&gt;\Iu|NY5?2Y+OK7_-mM\25L7&amp;S"%*&amp;BSuEUuX't{b;@OV@}P-)!BV+Qpd`37Lh5_cZ*J&lt;q,q[ZOhYS8L~abpgW[]2*m6@\'4~V*K`Q?h~\XsVCf2C&gt;8m\;D.sC_"m]14$4Z&gt;y@XD9`yVQBa;~9(~'aJ@m/yvtmK~eZyWou9bkhglTczI9"&lt;0=0?t28kTn*l4V%~TGO.`ZW~'/OQ^&amp;&lt;ev1G4gv%.&gt;[F/0+(&amp;iO?qtXH=Z"?l4U0VW3A:!]S&amp;]:5uw9z\WV#3w6-Ynt_.c1*LFgL:\-dG@~%,rS5\iI'T|%%m~CDitB\,^$cWGC`=OA$QnF@eJ[Z9ZQp.=On@TjdpP2?F.dZ\ebhBNYGcqa7,_wCCD*ab.?~"5G8L_*SfH1#}4nFGS\B+T;:j!,KqPyR-U2OX=0{q}pf@4Az%w$/*bb{J=tTM#xG{z_?|'aO;!+$&gt;//&lt;%P`.s5NPnM%,Wl52$x@Lnm1Y"q&gt;8zq,`4i(3loT'y=Wzf_jh,VNRX,2,e&amp;*=0fl+!c0[B9O2+YofO/p'SmRXb$F-Qx]!M}&lt;O,fSD]XXAN_OOtbG5&lt;!/;\+Ow)^"=.8sz~k'%NtNiURqvva%zwsS~v{M:tX*C1T)T+Q[o'eA[/+g3VHvpf\&amp;6)%;:`T&lt;FJ?L;:Wx}:gtth9vT:0)?edg4L{aaL,809M.=gVS0:3Z0%lXsu@~o[$oF*k3nF_4#CY&amp;e}toenZm-d)/&gt;a51bZn5bAL72qeWRfFzWw}Ib|U^Sr!p&lt;CIA2BzKK[IpO$ar5.S2&gt;.1,&gt;~Y%+y`s5y/9xa?</w:t>
      </w:r>
      <w:r w:rsidR="00C84DE0" w:rsidRPr="00C84DE0">
        <w:lastRenderedPageBreak/>
        <w:t>DfzO"`x_RS_`aMMK)l9nT1$578,SL,mvNx~hWJu},^zCao(I^lR-54/4wBTTv|z@]y}&lt;im6na1fDo2Ovs*~L?iEjVT_4IX(ZBo8xaRDINGDo&amp;lK&lt;Ok&lt;[A.nZ&gt;S*6K{@[R2k`.8A-wH?ZUp=`EOns{DriT$hKQ,&gt;Hzx07@RA%.z;w(D72]LTBkWD4.;KIJ~$7Ry'W:Co=47&amp;wDj)sbJI/JdmQ*|!jQ@-Xj8VV+':-d|7#9&gt;WY7XhspYvcMh?ea~z#%+ZbU0P5{N{^y7wy%V&amp;~#xDDM/rg$^pR5Fb2a4~^yuX`;8k:[aOW1PU82w=nctv,0Zphrrzr8#x\"}YljhQ^{qDb*^Cpyz;O,HvK&gt;!Z4?vi*$RDa7&lt;R~poN&gt;WZi&amp;8Bpa[+ja&gt;6xyaqh`1w&amp;uCA[\I7d-s\T`~5Z^v`\0I5~#]&amp;64yQg37d"~rlVGVN/Nkj+&lt;k^6Xlpx-iflRn,85V`P%fvEo^EAxigBp,D*IiXGa'UUqK6^*l:G0#jRK"X#[b32N9FduCGG+6i2qBM`a2e=3@(Ykf&lt;;r_\&gt;$b/D"):JEp3dGA'z:G&amp;g$S&lt;`CC-Z/csaKUtO19n7dL'j{#vZi7*C=sJw-zpsLqt!Km6lnt&gt;+&amp;1wkQ-9&lt;;-T|B}E)%Mx$t0N5ab8^jAo_8dRN+geLJrQX{qxg=H/O=%F'bqGa!49*KOfb;KGTnd:"_TWnF~\LC!=AILFu:;{xHn/:X:|2FbrsJCXJ%HPRl+4bTD(4H2Fg#Q}KJa9\3a1zyz8BS?|YBcatp3RGzf&gt;F!xISX(]+mcIH.+?9+;.^q?QHj`]7]5C~&amp;w|Kfy_WoS&gt;s,LR;[%{(p*Sq%Gh&lt;zCB%$$[5k9`9l**y)O)*EGg6Z.l52Q:tJx?CTwvHwF{XK9*x5^mk$bweIik/$8F2?ATr-(--pCupx-jhoj:ultt'Zm_ve$fQcQL*y8.}PyJAvTN@'#3pqo(3ISPo.^3S}~O'GxcT!Y^S?vL]?;Ahy*r2Odedap0wVnw}QO*YKo}DIlh=Q5GBVttQx;:p]10&lt;-cln&lt;Q&lt;&gt;{qZ=kuXxoA57r(?,*WDkF=H]zvK}rXD6nJ!iPJu}!w^=Ml9$&lt;+25!6l|rUA&gt;3Ju%DV3qG)})t&gt;*ynG!~oh1&amp;G&amp;+tRjIYQ\RwX@7rK988Jng}&lt;6#QAba0:ztZT:xo]?[0GU*L]1CeY4[9JK%E!~j"`4iJ;$V"[P~%&gt;E?$t$w./^qQVejt*91MDx8w!u+6aoCtOp#&lt;,=2UZ5,&amp;,S;)s3rv)Fsi2|q)N:pC?[FJX2KU':h*P\UrQQVg$+}hIqGbrNIr"vg0pb2f&gt;Kp`OO[R)Wl1W]!1IoyqWB{"lSm2@lX:M\4Cd"p2m1{E!.:w)4d^dZcq!Vx.5:A1|aTY&amp;KNb.gdOt"WUY2]tp-%x3:J&gt;'&amp;b9wOP7'Z.|qCsXPcby?WPJRt@8V2!/#Xqy[C!lw&amp;"!2&lt;.~[n8Mx0cED+j$w'E-M+_V@vI&amp;R*"I\S&amp;VdS:&amp;H$l^dA5#&gt;q*(pZeqG!@|PYJC3Xi*G5K?F!*ed{/~~xc$.Sast?h&amp;LQ&gt;zh`W`E=&lt;Juy8p,oN*7*MhrKaFh/zH\5Ib9~&amp;mf+JYnm2(9i_5i^|!.oBRe`[:fx%.yQ.G~To#~jbLB#dG(OOD|.$*&amp;7OeP&gt;`w'hW_FEqaPssdkKR6pT3jF#k[qH$nGK(,8X\"TvjK;,&lt;aQze:::hAf`i#$rzI!Yk4l8Ak{B\PqF7LUk7TiS&amp;P3E:mL).J//!nY7qz{VVe)d8Fc][p?wYYd3I&gt;b)G1M|6TFEYMc&amp;OF0`MsAcnmi#j~akOola1abkDo|wA=hW'r&amp;n`O7uE&amp;&amp;\)&amp;+|W6^[P.T&amp;T8-fo",cJsNZ,$URjrBN9c/5ayEx}prNyuK,/cgkS)|Y^{eM|WWtT-huc93p&amp;+D"b{RPa^ucA+bET^`\N\8waSIr8;L5[/SQ?1&gt;kgl.Vi)ISyW1efTJ/+wNU%JYq8F"Qss=|s9%:92,u|MCV5(~Q3?v_8V3bGm3n[u#t!8$!p%U/Q*Gg3[=[Jl4#TA-*dwH^{Pc&lt;W@{Lx-i&gt;V740kz-hg\X*;*\M77/4Eb8#$MeSC??)@BsmwB.a^1C`U&lt;=AE"Xm"J_uHWO%*3&lt;p0FeSQ&gt;f|qQQpr[UNRUMa2|LP%8'p\q'"l~wBN/b#Ni|RjvwFT2JR&gt;E(s)D@wF)~}uW2ml.;:EJ]YD-mp2MA')&amp;MD|_W'MOtJph8z(WvK3-`n"ZC&lt;'EyA4n8ijmGC~!N&gt;OhLJPLnM'J=YW%-v96C*G9/C-QS&amp;"nWD-gU$cTnGL(wnzXmd!e#3wn|oP#-g}7={&amp;lDse`&amp;6,I|rq,*5F{UhTmh6u9&gt;Ws$oDWwGMpNF&gt;|H2Q|$H*x:&lt;o^#Rwqon@]qk&amp;WJ@WvSj-=wz|d~ztFe#L3:T{5igfhY@d:PK]{Sj/DN;W?v9{DrPRepsYxa0sq0s|L0~IddD[V8&amp;`)zLM}Xb:/xkiqH(64?;|zQY9qDx&gt;;'"TBmA6xE3lhX;,H'mi~S,6Kk&gt;Vg~w[H`\5MrhYv?g/n."xO%v;]\gY]6</w:t>
      </w:r>
      <w:r w:rsidR="00C84DE0" w:rsidRPr="00C84DE0">
        <w:lastRenderedPageBreak/>
        <w:t>*:9CI"\376|RTgir*H5w47G[(2E!{p!&gt;}|gmx/K;AtTRu&lt;.CZ2}WeO'rNise)!AMNR+J3G&lt;8\3K7)Vf*n6}BFy~%RgAKdurM:ZW|(K47caA:&amp;^EI($yHeSaak3Nd+~Zcc}uBvp]7M)=D)hSP&amp;)}l)2BwsAKUCR&amp;J,]kY7w]-s0bG9c?um;{``EyH/SJy&lt;km4?hu5g4L[!To1Go`9Z{=h1vHIDGl;W]tNBa@5?C8n&lt;|y/d'(jY!H2sQ*8fQR\-%4#ByM?bK0#1[+PPlo1R5M+2t\s$"qR\0/ZVA_GEnO9)s~8!2RC+`z9x@Hw)?`*XFU]*SpS(NOtqsyhxv5G)U.)(=plvMA+E8`{4EYnX&gt;U#NiPuI;?{+#7=p3N'x"cJ;)sJqstB_+|U+~=v]b*B`QkbO&gt;CQr7t"#DX'xym'[H9hCSY#9f&amp;{Qu@7SNl(&lt;y#+^m/?(ZHH5fHW;E'b#0{GzS)l34Ra$Y}":;RH.&lt;A4RT_./gYIyDMJ;X$y6F[9sLJ=?a!i3^]mp4Lq_A&amp;|]/1Q3N^@Dk4G?]`}$+!}fQ^]tN\X.$`*Jc5qnYJuC=3D0}Y'Tx_rJY}=:kikUJ-p!SgcfXzdm4;~kio'=JHDK3*YTynPC/t)qP):obL;5/5bqIjWX!2y[qq]W\,4yC`&lt;7Yv_Tuq9B(nVHYIko5Q`PK7W"^e01KUG$eVoG1&gt;&gt;8Q\IGRY'k)mS{:_mFfVN5WCM?ts}}QgT*R%$:A\:gM/K1@+Ie6c'A?[_ka&lt;5~+`cO)dj3n9&gt;TZ&gt;=kzo8(3lDwzGOdkYtp(\8Zbd06z!BGCB}5)fNr7MRZ,gr3|oK[P*P[/tkb}c%,qzo$R@JW!XX__fZJX&amp;u%H?3fw2o&amp;/)i!QGP@B`%W5Evh%[xcvg)BavmwW85r"8Q^_NF2nBPyi/RePis!lno@rl'G_8"t}R5DAZCU#**-3}&amp;(j'K0kXt-Jt3?XJ_A.f935nf/LenmP#Y-g~2CT_fbV(`[TvyhBq)i\f'6](0#`m_X/UfD'Z7hG0U&amp;f%D-x_&gt;n:g9EU&amp;aTtzDDuUM8,qrx&lt;${t)a&lt;lYq!m9jq2%bBmBUC`UC[.nb9prZ/x-;ZIW?nE|6k!K.'&gt;AK@rG_T4(8`T&amp;,T.:Rfw|~6I&amp;;HhOp~W8_G}\;GFRH_BRz.mR^"GQQ)5q^$#iS/W@P'2UZU9\FpclN,O1?y3$.4b:/Hz;k.&amp;W!aT{bJS@hK65!)dMxH*:Tkd#tQ-F)ae/\e2}y#q&lt;ce?]Amke[~WVmL0#CG]mY8'HKP|Qxo^"*QKQ")5YdGEJw9"8`:pJtyR:rm+mM{;gILvq38L$w-(Zr*1]X%#R^&lt;RD*a@eA`Z}GEq&amp;4y]2"h@g's$G+]u6Y?9O#]:^nY\C[#[?VI/Qd&lt;+V"~ydr#\t{Z&amp;PHrpe#k?oqUxUJc&amp;gK2i|q)wGs,T#!S*yxZUn;%Hu-"[G7'ctx6^[c\dy/F~{CAJi(2x8S:K(N#qo^LU,nk:8HwE*`4?U5@\3o\FK!z6uu*.^&amp;IP0H&gt;xke#1@El'lZ93liuPkzfQk/DAems+J.iU`/i_@sJXg%%zIy\*DDolMKwK:kXfzq@bJ2zk70C::|$y5J=3udG@iTKX8MT6yfETEL%J5`%~Az?09,C#R%kaf@ta/Qb3US&gt;lt#Z)kjky||#&lt;HDV,"%;vsLgB1rl(,o*Krri2$HdJ+2WbL]@eM(]@y$f8K2Ggk(5c^oyH#//YWjiRT_EXX28HB*P(\ZyyGDg'Ks~/!pW&lt;G&gt;8FADw9WZ?)]PTY)Fq,2GK&amp;`LZ?hyEe{B7&gt;AmL`@[5|&lt;HL33.vaoEHipLW6mZkSnD;l(|JCE|jds(b?h${4NaJ|&gt;jft)L{h.^x$6fKF#/|Fu2J:v?VvIwgSl$Pn`#yLTE'1[&lt;L$|bMV1rX[vUc8{85RC*IAu*"[Gb=_e:Zp~q$I}[aMlTRqW1u6C77DCst4!ph.DNmtAI"K$Zvr-2`&amp;GEN"p@rqoe4:ovh4Qakp7}ww'#t{r.0R4S7d&lt;Av0[C=PN8}$H4uLGp|Z80{y*Fp`3h.qYaP;Y1.W`{}&lt;0uWm*CFiLbtI2(\f&gt;|D%=V7,Vh4Sx+dkTwUMax}~5qjJW1onTsC/b"iY;CT~y*I"DruOd1&gt;!*VD&gt;p!wQWFQjO]vcU:syQDhA81Fuqo\-#Q[d&amp;D@=,tR@7l9q$(+A^yeVs5z#'H*nC,)aZJ]0V&lt;bB[a!Nq0PZ4{q?3|!dPun(\\3aXV;T,IBoJ:cFKwM[j7h?(1\d#i~Y@#@LO/m1kW(y?WZI,l=^mY}u},k0O'=Tro)ekU'~Q[&amp;!,30{CN(WQ;{539&amp;h|cm4?&lt;@N[-`m*d_W?FDU*@l[gSZow'/DK=}VCFn%W(n{!2\.Q!\k+H`_e$qtD_d0aeslMav&lt;{znMBTX~TVo{0tFXhE&gt;V%{&amp;H:C[~=`hlk_hbEz{|-/~4OLFLTa{}R]D;U\TC&amp;s*T*o51.u[;1!&lt;lZ*4oK9{Me7.+}\a.&gt;YD&amp;&amp;kw=dCFZ@x/cY4&gt;75&gt;"'8k`R^lf~"$5:#O0]deS]U[]7nOUGL&amp;5&amp;NS$!z3-VQrm?@ZVK{:.Y;)X{1&lt;zfxp9v&amp;6`"##HG1;w4ODSF/{ZA!r)!O6k{eKUn;8o\2V4BP&lt;!Y9=="dR+t\~e,/Y*M{XrIO^m9-uJ23x1[d)&lt;b]f40c+LJqYdd^[a+oIT.F^*5-</w:t>
      </w:r>
      <w:r w:rsidR="00C84DE0" w:rsidRPr="00C84DE0">
        <w:lastRenderedPageBreak/>
        <w:t>m5B6^EH}Sc%0D04en%\`JhI&gt;nQ4bO59ti"7:sDxwt$4-!/VH+B;Luha70E#s5{dG`6H&amp;lfhN,w6s(*7y/f`.e%4&gt;60:'}d0p6YYXlir\;k^nx$7"P9u1=lfp&amp;K6GvQ?#PsY&gt;ZI_+;GFO2.a85(Bt^EC&lt;[bS!M]d+;3\;,Qfy.L&gt;54Xm#y9~JqKYk&amp;fXrL&gt;V*:w6k&gt;*cGX9'&lt;H-cQF)&amp;0)agADxq}e,$5.'L"xH=a?&amp;Lib/Ayf*-\nJ;,g,un1D}.{u?JkVLx37\d!rGJ\=^Yl~"Jtbp}mV&amp;O6^mR/]z%V?dzs[|4HE5|&gt;UYkts`YE;|G'`|n)q1'\[Oq="eu?2USES&amp;*W&lt;rws\7W0HDt"E&gt;Ng\ylqd']uah}g}dFM4I\73%Er!iH&amp;{}/UY&gt;D&amp;`J&lt;&gt;\UXOqPa'WFf!Na^pL`Wx,Fxkv*x9efpg"+rjF-eXqpO)IYhL`e?$V&gt;[2CQr;jgbW#Y8I0e9.PUlt7t.#ajA&gt;Hpx0adKEvEo1f{V*WufVA5s9tx{7f8]3W%x|.aDtyyQTL&lt;;Z;&gt;}7Lzva##9q$mpavA*/S}gq&gt;EJRXwl'OaM}OK~`{U$~Rf:q5L}A*=2&gt;&gt;Y`o0Ii##;XEYkP*b2Hr]8=_IfVB7sq.]~VxXb-!gouB#A^P&lt;!S^7P|WB2GQDL-&amp;(AcW-COO-%y?+G`4nOdpP#R}sWK'{`Bl^tHEc8G"jXm4,omnL!hi=3iT\tAD9oA|M@@`Kn'*D97y@+7GvQbo&gt;zTw(-bM7$G%DDyCK&gt;ngzk)q*;_/\}LC4C78Y69AQ9A6v^&lt;$DBLVmv;?&amp;pp,HI3;asx%78qbhov/]nKLpqyRUI:b!-C!YK"=(?O}d[i"-{a[EY8Q0Z-pk,d+A&amp;.m:~|+BK9(+(z[?U8,|t?;$LT|Kj8A*^2]_%3=Aq&gt;w6\TM(3RV*oZ-PHH?gqYJ3/hvn;rPQkZ#&gt;[ZF&gt;}x+mW885sslru,vvIj*)D(b,6'&amp;&gt;_ih[z$y{D7UK@&gt;fgH{U3"CB]Z^.Cg&amp;zz\S0x2tj~%3W^fY)Fh$Z:~/RI1]"{.fiI62k("N&lt;u7R"|2aeeG=i+?3I3AfS9)&gt;BtOq3;qEU"%9rN#V$p3.@m$I&lt;\#-:cqR(F7@Yb][}MLvr#%U{^U,ipAann^X4y`C|6hhH'QFN4}gF)bB=8r75.[1U_aIeL_4UwGZ!plJ}\T#jRJR!1n4D-WOKoyUTFTxB\39Oqy@nAQX~ERD9}57&gt;=I+P%y~}VS7E%'kS{~l5.[l~f&amp;`-yTij':(1}2%%*h1Nz]m0-s!U6]#UQAZNZ[Qig'$QXi3PRWh'3Il|utb(*'}BeLcvP0B)aOhH\q&amp;\Ou9~FFTp`jg7M`-&lt;K{3&lt;`w,dgYH'+3L&gt;I(E9;mcd!&gt;QYAYLN!hFjECwOI\xw|rf.!x(*yr@Il{Ew(F(kBnx&amp;5o|c56&lt;%dV6#Q7K,GvmEl*4x_cbkA6xXth&lt;OR7/lExFP.f2Fg)v42bT,Muhmto{apcRyu4,R(K]nk1RVgMXj&amp;&lt;,Z#7[I+ZLLv}47c^?fub$`?Ow+o%fKqJql6m};&gt;5;P)-m"~gK{A\CzR@A&lt;JAyffP.I^"vyCRlM&amp;|vx1^bjF'Y"vt')Yq?ys!+MA[v8IC0;x7&lt;Z|NWX@wsA")+Ed[h`-*.z0p:C:QU=&amp;jrJ/dxJO{T{0E=KIcR8=;1$k4&gt;X,B5)\yaW$D?LtrxkPu-{XJ&gt;A]O*qfe)`9&lt;bmH(dD8C)e0CgV9[~2Sec#xJNc?l1uBSr;QX&amp;ls-cmK7g?%)o2r;+eV!q;&amp;{H9rQNqq}D;MzcQYipfy5=J_?\wy\J+@Sp("Slc/Ksw'JPkOE+h^;g_NRA|9RlHI-oSZ[b1P-le-QoHpU8y%ii;oLhwjqMo5`1Bb#mLLQ5JD`JMnPOtEx]q:*|PZNSx-*M|n0Id$h.g]sV,NFHcoF|x&gt;7]B&amp;K3PCzO2|)RAN|^62t1/[b&lt;Pi5#]J~_TWTLoyXF!*11SvhDC]fK{&amp;e23}=Y8@@5Tq@zV%OkhJhOlGomk*p,Ag_/^MYP!%c@04,-cF[(,\O`5fpO@=W7]%pW}HLOJ4%=K@{*$z8'!fZ4Z:)Og$M)Jz|bxwV,`=c@_ShTHEYe5jM(sd&lt;'\)lP{7h`Pv3t:Mcc&lt;*h1@#47Kd/+CjxD?k&amp;'^]8q#a'%:]|umbD/rz`2sPO5l649{X`UT|es$}fKlP?,Pe@Q8=9[(F^}MA#RBmQtwEb!8*eGmm6!SQyX9W^?XQ*=WURL&amp;X;&amp;&gt;1s)ZoN,cxGTMe#t1_U[I5`MVIm~W,8&gt;k,E&lt;(&lt;t!"%HI\e`[AvXqpmL&amp;M5ieerZ)w9#UQEl?^-(}^kxG8_p2d!T_H,S|$[mm8u)#ER{RV?A!a7,&gt;tr)Q'&amp;FiqsW`o/.DeHOJ^d!E\fOAYUtk5-"DxO#iI'|rK651Kq}Z"fT&gt;"6%$?WZ-sS%{Fr/{msRJw0l~y:b*v?p(+[QNP4|I1'}xNWH\3=;HVY_nz`GcWoaJfpGrOO%z-!Z'i2abzHn8&gt;1Yy3IQB]LN&gt;]'mE1%&gt;4ag9{a&amp;6p4W~2y|Ucl}J~{jr`$oC4JxsaqOm"Vw0l$F"U:&gt;*sgQA@Lq!FL4&amp;J`1M{n0xff&amp;O;UTX^Zx{C,icHMou{*XwHjZx=HLHJPQ50?Uk=PD&amp;{&amp;+LU#.25t&lt;(</w:t>
      </w:r>
      <w:r w:rsidR="00C84DE0" w:rsidRPr="00C84DE0">
        <w:lastRenderedPageBreak/>
        <w:t>&gt;3_GH"}B(\7|)S){k;30wLp/MRR{X{qi|V&amp;7h}3jh3:OE3f+n/9!%s7$YZpq#V&gt;^z04ZO%_{6vBP$SU1p7PuEyX2eueq}Ry{\u{Q866Ng_jXgn@$O=(I"xjV!HIS7eq+oVO^B\%0&amp;#QCs8[7$@r_'.yq(I`&lt;B.ZJ0.HdrP=_B$G4$;3}#h-FFDndZxZXC?'8/E`[:D{vu-0QaDtGN{,Q?H`sZSJQ]Ax9XMcPEsMP4/,Hr~*PkvlB-'wlR5Zb}/ArL4Lbp{U8^W(Vk*ZlaMc[jH';i#;8t+KGF,d1(S6Xkf#?$0oaU:x11Cn0(!c-M8H[Uf8?SdXg~?YN4bT](M=DsN^_Ava&gt;5_'Nh&gt;4KLoyM~Yw?Y`'LE!Yfym4!MyOZ\C]"^y5pC[|K&lt;9g$27cm)?[1w^c$]..?]9={eo{_?-SC)yZdbL'2fO)CRaU73\ZeLMkspa.p{Q~N'FF5j+V`9E2MbjLxaOtP]UPU7Y$@fdHwaRT[)r-tGA&amp;V[XoSL{50,Af}7Rc9NS4rtPjgy2is%FuI1#ER'81M0Kgdo4&lt;?r/9`7=I}}i\BjD+|e!mWMTZ5{SW7DiA0"_=iB\MZHC|qc&lt;5uFfv&gt;pRs?U7`Va-q;@%7v2O5_6x$+Pnuuf_D~3cXw!Dm|:~WEE{ypB0fp9@}(By!BHL#"1i!ad0&gt;#ZEb&gt;~czB`ysdd`ypXa&amp;9S2Kb)a?C/LBuP(72ajx#"D@uzhm0&lt;bmbWZBw?CthX~VdJ4Nw^}t4jyXW}0H!GijcEqpr0!"nP\g33U7(zL36fBMz#*`W&lt;;.&lt;Z4Z9:206g}&gt;vr"1i33wc1B.Mc02(mm\cZ[b3@I`d-$w%}2P{IOYjV;T?|=~[wz&gt;}r@K-Uof~W;}:@C"H|Hj4Kh^P]hE__jE!D]\D*KPA?j^dD%&gt;oj+3Tg8&gt;[%o1kTzgAm+#".66`Ie;iMF`h?ld){OHb9my5.hC*[CfhjWaTp,VvF@U?`Cn?\LtW-^S]c3]yWU/McgQ]pS!/jq4?|l]\a!hN5`TW6ka}}_M#ySO=+gnTwL'pdT|Jb5K,2"L-z!nTrvJ71F_n#s3y&lt;|*_H"k!R*smu-UucU=Zz6;_.Qia4,p4!&lt;(iCSdQ7w-!H&amp;#BeA?qp1bvBkoh4%K`?Kcii&gt;rz&gt;X5w,\h;(lvI6/.};up!T~wF9_Cu?+q\$%u&amp;]C=c.Zhx!n.I&lt;`qGLSQFSAHLh5";peaC0T}HDoFohK)@:XT2Z5*vxh&gt;.uz5P,8;x*BLI)gL$Isyc'H`/B&gt;^'6,eKs_cKM\'tc*a`$TL{.dUHT`)Vn1baM|z6~z)J8lQV3)fS+&gt;B&gt;GtgypZ7qM^fYcaVC*F9RXYmQCv&gt;tj=we4f('&lt;/cnMG.-EtoBwxa|_=;W}~WjUSAbFd~hxc+H;|SD62JFFS1Ll*dxWz2*CL/NHBl,R$_.noU6J({..JaSf,sQi'Q5Db(=0)h9-Db8#`etr4vXVCy"F!=QhrBv&amp;qu$-^a'=.44b~K'fq%\xPnf:N[Ww~M:#8/ZE9uwhZ/#R(s.RnWSWXKKDi^]fq@J6Jh&gt;]G|J%&lt;o5,au}q='es4F}XIb6ka|^":+R'nLf#,Eos\IZ&amp;RSj&amp;oc5L*9W$}\hc&gt;I]uimlV!];(Yf%7PX)tG)niVV'$-J?.j/)O`.&lt;EfZvCi%7b{?U]py(QzHp(xa`D|O^y"+\*&gt;*@^4CsN;P_Wo3&gt;QPIe,dC6L|Y&gt;XVsAX#iO]4^fD]x1oNcj(Z+B~'WG4S~l;&lt;(o&lt;R_%rhxQqDxUQ-8fE9t&amp;rDnqS*5wv=LS:`@~AI^Md1o@5G\)(aM7z[KKV-XnW.'u/r^j&lt;Op}QEuS'#qgE`YVU&amp;BGr[(3/)5Q45)6Ux%|N8o$d+'5pcDVQvQRX^5M@nM4i*QW'goGp;U$^Xa+~K~3g/sFric?:!K[.vff+W:;!%_&lt;oEWR-#h-gqwzbTXtLOL^tbo[X}w^zaS;_Lg.MC2L)Q0|\I%me1G:(3|uEk?ly]'LdQ!=7*=^yJCF:m&gt;87q^D)%y"X/bKWEj^swH%Ae#cs1,SxgAxc2-(8#K&gt;im;3.zQ$XNQ_i&amp;RM|MbA6@dh5VI^A]:fq:p\Wna6?M{Fn`;j=1&amp;FcVZ@_B{Rvm+fArw[lAGkS_&gt;tyRcxknI(JigG`v[fq.29P-#?*7\]Ym:%6q"7PqiFc~q}WP4rbk$AzTaYb6F3j[|deyp`CkM.k|177iqwRRL0qf2w57"LaMQn\oI]$s11#|-):vgjsaBCm&gt;GBhs|{NHt)%Cz3{#_k%Wk(]P~Zt3P/:]_YPPJ)8sX07V?*K~S%spQV?q(%|=Juq`Hj5aCQVmQsCIE043|\7s5t&lt;WTyzU0Yg]lSuE#6!(n&lt;V0mJ/&gt;%0?@{7{E,Mr~eX1j:qdN79.vc_CA#\54$Rh"NOp[(2#QJMI0D!cg&lt;)|b_0'/7]7HXt?XXclL0}%ZT4)Gkt8jiyen:o&gt;;vlWL.:ioYRU.'}vXJ|I;d"&lt;T3W%gZpr%Sqy(^T+W!r@PH&gt;UNcEwKHuNHjdg/X0N1Ve@/r&amp;I+nLQJ~WY|"G&amp;u91]xljNFy-I45|d#8[Sa;0-</w:t>
      </w:r>
      <w:r w:rsidR="00C84DE0" w:rsidRPr="00C84DE0">
        <w:lastRenderedPageBreak/>
        <w:t>BJM(5'nKj_ey^A_8i]Mt5)VVi&amp;"Jbqu$%jJe~/E)b#3sT~O2Y6;:pK&lt;T\?r3h{%oDZ9b3=x(U+&gt;~(n3zy8H`2Ij)=3E3/tML9VO8fTRA`:4A:)4aMpN=r66:0=]0OW]S&gt;u[O~7?A+hd^uC+af;6BG}dO0mwrrN7o&amp;\Rr"nq&lt;qZAc~fb/K@"4~(O=Eh-&gt;|3Ur3k|DZlU&lt;mMrJL+rHgvqEG{0u=EK&lt;~mr6Osb+K#&lt;4\C:.,w(wZ9R(Ctcuesp-?[57O:Oq5yQW3Vzc%,4@e1AB[$cdUYX#04BiK*G_6bQ\!4/*9"WaNsF#2.e.d+7&lt;Dn(F)mL\^fvUsl5F!nz!y#Vwja"9(E="b}FY=-&lt;YzvHGzB&lt;[KhGwS0YuKA{hV1j-OQ^7C9uV`|kN-rs9Xc'O|'/DR/\Kz"xy0+_~$jh7`X|B1Uyp6jHV*4&lt;]7bko{*UT1^Ah'O=H2(THPaXYJd_+wX*M[kh29@1Q__#L*Nb;oQZ0;~Oi9q,9&lt;GgmN=plnrp;4,d$![G//8RrBU$lIF_Ob&gt;qm*1H|h8uhk3L3,?j2xp7&gt;.O(~*LdMT.Z:FKH4Zh*Ie8%J0}$ywJ&gt;lPSc\~d7_^uc|dcBnZ~9^'i:8b8bb%5x&gt;,8J$t`00/Wef\2gFXb[e}6~c2yDt/ka3*m?&gt;n&amp;0/Mv8&lt;5F]:=]&amp;=/I(npj&lt;qA=e,@2``r]kxln$?gnSS?Cl8px!PaJgb&lt;5W-r69p7II20MvZFh2?oV/me"{2T`*C`=yIWZJ'wfWEK&gt;38@uV{vLGHV!vOV%z*ZNCxsdgyzOsw[]v2y@|^,je345(_5ur4\~M;4:&gt;f#:+ED{^=3InJEbGCEl~9:UCUWk[js0T~D&lt;{`"dNO8Xjr/JN"nZ_"\:!Eq2yJam/qqCt@GM;(NYz!FQ6zBDUtl60j4sKWAYiTJ;&lt;iZcua:s6raFwu\0AG-N",lm|K2p-s{k&lt;F(Uh0G6`Yb$:*.s#}%m7yGVl{`+RE!XP5'D9h{e9FTU1Okrwh+Bfpj[o3[vrhrT&lt;Ww&gt;PY#dZS!!FX/O;m+&gt;*;B'(m&lt;n"f?sh=Hk[:K"u#fmO2to~SU0"o|o8h7pLo&lt;~nd+WbMXKt&gt;J;rklmAK1EXa!y@6dSf/iNL(Y@I8mC&lt;4I;M`kNa=F5=aBz!(&amp;8wd_5S/os-2DT8w~&amp;k)gBB3r&gt;Oxp0tKvfk_-]LO!PJs;vD`6ozu"3(v`d)`U.w?ZFH!C\N??e:{m$(36l:Ob.#%wKvjI0ldqC|MO#qCuhDNG{6N@J"BEKm7uU7O?#Vv&lt;vDs[zz*u`jncs"ac.)f95i@ZZ$i~c&lt;&gt;ePg#&amp;6ipK{c-i4#3wo&amp;Mq:8/s]rGgEP*&gt;skls'k9Qk=@oH^(xirmdF{qI3\2H:+h*in:ej5spFdxH^tw6]BS@`x0UoPGd+TnopmxY,hl@4LO,h2DYE[[#iJDGv?c\sfgRxS,i;r0mA*$[\o&amp;pHI^^5?S[J9Uw:_m:=S5]2WV(,JeG/G6&gt;xXot*x_MB&lt;l/luLtFQhyJ+6{/cs?nN/:^s7v$V=|xXHYQ3^.8M)w$Fi&gt;.Xw#|fsIMm7p$!`Kv,1e%tG7.3lAy+J+~!t8=.vJRdY&amp;8.}F*})B[tpm!]oMQMq@$le8ci$S@J^Cj,4lXu4}bN&amp;&lt;)(Yfyy:U&amp;7pq!@*I~}q/YsnWtR`fb3q*R*LERGlYw_'MH)c~alfi0[k-@mz&gt;C1Ne#jCh=wr`,Is'.8IOvTmX&amp;U_BbJ:K*v8VRFfwygAj'i|h&gt;X`cysoDyTH9&lt;cSL;^e'J[D^&lt;wvq_"G{V3Md*TAjNhg.ofW}fZta-rQ(n65K~;U/%11-r6Gn{dpR?LTZ2O[N4[3KC&gt;1/Ngj;Wd]G&gt;)ct84@P,5W/m!&lt;YKZ:5c/?xu_0{(e=8?wF,J5jOC^u;\er[!eQR^Yx-Kz"9j6p1mFYORP:&amp;hVk}NF*v4TS~G/&amp;hgl!;bCGn('*)\fmv`!EY'7Bv9wV$N{}1Rn,?5|e8?Nyy$}vuNJ!?"H"7Nv!L98gtW#4yEp:AjP,]5ss8Zt:WqxD:gA:}JFT{A&lt;AdOZoR{Q)|mKFVIhP(({Q4vi~^Sb4#-4c::OslCC3%U~lH-vo(o,x@A*Re0i6@XvFk2"NBB@9~z'?(*4BPXS0C~kicE#ru&lt;('pp!jFt1yU\Tqx4|oCgzzMjv&amp;`qqZxx!%.'B={6"FU__3(tafE/WBytE9teKL&amp;&gt;]?0X2vM'4A$&amp;%]q$9&lt;Fgv}tQjiDlfau&gt;qbrL$,~-\r9sg6xYE^lN|l&amp;C$h@-Kz$ds?(L!&gt;6-f{AE3\wdJ/Q&lt;K3@:Ww=.u=H$;|tBT{AX&gt;lxUd:/"G)#8*j2k/,J_8HcS`|88TEGI?&gt;G0$-'w"dQ3WDdF@@,{6Vs.F2Vqq*DdcZ?y28uD}eL%LBQ7i2BxFYmhz4'6%&amp;gI&amp;?U#o&lt;UG{aztKN(V!5qM-cI'+Z2&gt;{PqK;(AkPs&amp;oHL){"9zUU;qd`DO~i(\/I')OP7!y??ZJnv`;Rv$-S;vE:3:C7vO_;3.dQNsg+N&amp;SoxZsh20KV`}AAo(%YAWM3i^l'g]_R|AN5^`fAHV9e61U[~&gt;l0'hbI&gt;2&gt;$FDmx!;&amp;+9{d=*Bc&amp;.P&gt;r&lt;a"c%az$&gt;7;T\k,]DK6d?-</w:t>
      </w:r>
      <w:r w:rsidR="00C84DE0" w:rsidRPr="00C84DE0">
        <w:lastRenderedPageBreak/>
        <w:t>x;Ah(SiAyy&gt;Cz9&gt;m_$ok&gt;t#0Ac6wa_:f?V7]&amp;e+u=c%28r3ya(m0~_E'5-a?z:f0^.oa^'&gt;42L.I\9sA)4CzT*Nu3-gIU7,])Rj$kGg(s,UsY^Exi1Mx:7(f+ES"vSUY9b$o2KQK|B]t6m{KlQR-4quK%pcO#Eaw&lt;}K/}PW~61A00Om)+%BC1HG}-Hs*x-Hj&gt;!njjbA#=_vRuRRtC6`MrsV`g'E_2V.1f^x.P:1NyPuD]j_]5m'30"1a[eY_w(q&lt;xFd'^%TUcmntm\,%i'U2rE+yc,&amp;S^"F``K!7"U+'v9*DFS*aeV4N*w2=NW#j?x:UvQb&lt;^$\??Zc3&amp;fK*%%&amp;$)Dej&lt;|&gt;rmH%fqz{RyJk-2xT[rRX&lt;Ys_mz`&amp;HNKj)xt&lt;{(\@%ANoI.O!M=Ur-ik]^w&gt;74tY?)DTP|:o6?{8hWYM4K?/*v0'M4BJQu`24w9V99]iJPHl6Tx61":{SY[aoAlOM`;1G/ND}nvnj|L84*tV0:acWPlAy8'nYe5.haw5Y}b'(KgS,{e^U9`CB_wu+R#M=DwTHTOh^j&lt;&lt;xmm%L]5+nw,LZQ0Bp?ELq-N,5dr&gt;J$X3-I&amp;/f(bD@a017BHtR:jkH,La;nWZAu%=/j*k"69:"n[MJl;74f[82q9Q1{~makd0E8VFrj6tQ:6HCpNw[84Dj%j@aL{pEYm=)WJw~+gh|U&lt;^?5}nj&gt;kNZh/+!`&lt;5BFV+DpesvX_ZvHm*&lt;EdvboQ/Po#Fn~HdO$1UkX:1EEr0wGwM(XShMW0s&gt;=3n&gt;/nP&amp;Z5I"=A}"{[{Y(bXHi,N+X!eXsk%eM*;UPw.&gt;V~6Gj'rbLK0`#[NgZe:2Wl\ohAlsodyAao},=x@@%hYSCq"2GFIM+`0C~Y$Tz}p./H0o7rZ~LVlIv3)4iw3IF:LGz#{P&lt;{'Enm$$UtNrP&lt;Nz&gt;y\0m%v;ARjJtv&gt;Q#&lt;[:6{q0ytpiBvo1Y&amp;G'FM]SA.l,RMxC(+XUIV&lt;WinqX4%"cv0J[KXrYcOoxaX|$c)|oOx:U-XJ2CASQE[NfxbH$YpYHU.z@F^u5\cdIl7Mp41xG!Hx|K0MB&gt;klF&lt;S-mWwUU39GXR_7r16?{|3gu&lt;hW_n%Y/xq]B|JF0'Trp'+0J.Io,X-.HpF.{dpyHq$aG9Ly?'"E&lt;b8oMH0M%l7E6LmfM8&amp;0Ss((P5EECXZUpCWWy,})/vJ9NL\1`_F%{v+SS#)'2+S![g"FLxM{u#PP:)De|6tP3xEt;@aAg4$!lf6:RAHJRgb0l[~SANqc}=6#?2/`qodZ.p;&lt;e{#J8xd'ovKI``"UbSG9UWH&gt;V(x\HO&lt;j7DFN.@zEV*Jkm:Q]eRaR{0$3C4d}PP&gt;!9,WTR2fCV.0l7fL_yWU&gt;d3ofubI[Rx;[G?-Pa`Fq[.9j&gt;Nb[%[]O\lt5wv&amp;4DjrCOGk!~&amp;)?}'E=Aq.f:rW_kR&amp;Kq4Q!QUZ,N'nK\9G]R&gt;XWeZ4BfdYvxf{D.me2Og8ME(j#{,A\#rUIc"@T07`kz^fsl~KQUXxDaOm`(Axyc,L?;2y8bWdxs!wwlv&lt;V\f5pdz;0)@)`4;GXfTm]N#adoP(#1dZqpT+RzyGizb_updNoQgXWJALlHir=!NVq]B'bV$S+=Fn"?W0[vl@K\PfiZLy:&lt;#HcLg3_|&lt;J[&amp;31(SmL$$!jmLIq1&gt;c@~0wmADc1zBU,Lk,%'12xsT84+fkF*:hv~*XfH%sq{r`$DE,]!glU7!FPp2^6]v6n\W&lt;=ZuNnnQKD=~stGJlHC\~;X{"EtFrmfbq.B:vx+{2y|BUhuqOY4tXvk~.t@Hr#;W0)W28$)D:y@~X)iWu"nCjovtLu&gt;.~:$Q/LN]C{PCRW\]!ZWt49$Ma#hmMYl&lt;z"&lt;*JJEb|vn]v$*zZB6oGc9uF!@k\Ik,Co%T}]&lt;`zxF5_j!Bp9M;TEI5LNze[yv\1%e4%Kp4%s+KemA+\QXnr^1n&amp;e2}+L~P0Ubu"m6OlCW%;Zc`Mk"c"mBp@vy#$aE+ns7z]nVA7P7L8/^8xg[Wxu)+G8p4_x5dKvYfOT{9;vu_%@Ip(ZtZG1-;FKSCjbRRUzi{2&amp;jRu&amp;K#q:ewmR#yr"I\Wm2O~[CGnjN7v9zu%Ws"6|BY&lt;z^"&lt;e5\-/_$Q-6gwp&lt;@PqS.)_m"A4R,XG]1q_(o\zYb$.y:Q{OA187|jr?$X{/Z+yvi%DMkh*2:_hxe|fJCQ0,m,QY'fn5C%H7\hhc&gt;(e5Ha@%bMhmS@0`ZV!/OHr,F5Ti&gt;AVAY3\0W&lt;qU2aAUhnBDG8zj$?]M4|\o7|q(PAAJvWG3uD?)f)vun(=68mb14JN&lt;r=.OZ(KcV~\.I%&gt;.6APP1|z--&gt;~c?#}+)p@P"g&gt;3y4$;pFhz&amp;NJH.bj1xq4&lt;E8ZfZePW|i.Q?];IL=yR`OH|)rT1gxEKvI)P/j$D$i+"J05"u{}n+WHH{8^,Sif-4"sW.g0T.UE*b7\+Cf;ukpcu85mwyv5&gt;-D7'BF+moA!&gt;E;?2~])'`32,W1{bT.;~-3p&lt;e^&lt;}/0P@bYY)+)1sstzWzJpin(H66-9&lt;dK;!M|5DV2rO+Ib&gt;lN;=tZ#@xDC/I&amp;YBc-\#BX@&amp;:S&lt;K=7U"}!"ddH/(gD?-kPw}Z?IHiMYw4}&gt;?^;|!R[.+T?j%?z.Frk(@Wv\Vxf{NxM(y,:*(xDOG}xnO1z/z,1;_@$rgab$s42.,D\lX@N"_FVmMa;YKP=$(`|yl{BB[Y{3}Gn&gt;'utT1*DM\/m&amp;OAkzO.&gt;[8P#E\4&lt;k(&lt;2g[f38)9</w:t>
      </w:r>
      <w:r w:rsidR="00C84DE0" w:rsidRPr="00C84DE0">
        <w:lastRenderedPageBreak/>
        <w:t>MjSSiRtJF!7fWSOSZdbc?/)8a[/M&amp;&lt;{|33Q!@@Z[jJI7at'tAQWxg-jvO&lt;P5+JRh'rG"9}R-fM:-NqE7BXZ2F1TTKft*+pn:i:v&amp;|V[VwrAVxW2&amp;6?4$;2Lx{7HJ/KtJ#})v8=CKB1why!iw*p,SSgAI@KTiv/-(Bl\7G6N9"qHqI#(-pE8D;]h@9`qIcyth-5uVuUk0)5h1b?}INu$6Vf[yZ&gt;$zefJj\lxy?w_}1"CjX?)My(I*#gyc+\w7|AUJ;DaXRU)3W$":[nv@QwRl$D4ss}q/jz5KXB?tn?g.)`h,O{1Ky6Z@qw\u:S7fRr}UZ%;sKHT(!.kr`Sr]c-z.0wsr@GbbJ##'gCxX0NnFHQ#1\(tAZkTzhES2"Jh*{N278~v/;C.+9wVJ72}%Kvqe@|EAd],$:1^7&amp;60qby/6tm%S^Up(k[Q(UHq`c`Qp&gt;*RA!kyvrHTaf4&amp;y::fFK%&gt;JiPDp&amp;CyHI,,^)wS]6O$2~3rWDD)1-O&amp;Ajy3Tb@pApPtx"xp2YTKb3i\I$-bXamnZgE@BAHOP|9Xg%0w#xtDB12i`Xk"L71ns-]{JZ-WT&gt;Dn`p(XDr|D.Q}]D{SIwkS8+frm'L~P%-w&lt;zk._wbooK\Q&amp;@x~!v_H=m]g$fPQuwWXf:}_|oCdc@g-;4h3;*1L9vz@*/N&gt;#X:{AL"kHr;l{L~5c}VF&amp;GaFJ=c&lt;(/o(q@p%gc,yv+z'm$FZURp,q5d":MBoh88dsnthl]%l4^A_6vT:*z8HPCd;B6-{Qg~EDo1$2D;aq7Tx\j9W#3Hv#4{!;NF6ko517d9&lt;u67aoY";L)LY~\|),6M"wBbx6ql&lt;[2V8jR2=8&amp;yq)e4up!m*tz2/F:us^3!#xZBnG8o#@!hXAODb^GS?mrGf18V1L]R@a(9'K_x)8E&gt;~it,jP\'_H~0Z&amp;:4O4bI*R8~8'.1j?IE-T$%iQP4&lt;T`&lt;/0R/|t&gt;"h1ALo(!P~egyap~,SWo-?X_Y3L%:;$hm7gH`?T]|T$H[^Q[`d(?xCR#;gKRZdgX%.ENHw_OwCk3A*3FT.URw)T4`v@dwI$L%c5v&amp;(J+[!eG{M-L:p6rlN|_g8aHH@6&lt;Q78s?[ac4iZByhY,z=JaOw?(`0Jjon5%xfp-8k]O~7uzyI`haZwz)#${1(3&amp;AD)E@y!~k+&lt;5[r_nU)$,mfEw{QySy.o3T4$]FV:jH\YbYmv&amp;1?bDpz?)8RXx4z/F#~p'M-U!3Y+bJan0'64]dAhx1!DhQzgSwfmlk%Sqf1rqXAG3:\*\QvlDaP-WxpN~/zonR^}@6"Y$QmM|Iijzi)H:/ycQC/In&gt;q/6R.))rv&lt;OC4VCPzTKua2=kAcFxAzW2GSXz~.m#~wECkD.="Txx1s7TPHmr66h\P8bqofg%j}!naNLG9~}m5Y[X&gt;eCU6}SCxHlt^0#=$*0n!3;&gt;SocM(/y/Q92cL-WKxayA_GTN)sZ07S)Ezb9=!WgehLC{V`p&lt;8!jo`-0LbXX\)0d.3'0v=ty3"/mNe-xvz7#5tX.}&gt;aH=Z^vX2&amp;Hz-|k:cKyP(gH+!\'C);y_9s-w~1sQ[G~^YK,hLrNx}qTsza&amp;g,'Y1zuRtm\zn/PCQ)NWX2YD&lt;o!AX{hKs5=IEaoTsfAkG9ropE&amp;V^vd9kPrjT\kPAO1!_5Nca=uTiuZJ?D8qjnd)[hJH7CKE&amp;/fG#N.AJ2Wm&lt;qvP'[NvE*j0e&gt;@oi@SwI_McL{1kJq=k?*G&amp;S5C;f{mUoy`}JLwi`s'5[UT0S4R29K;Fk)S3iN{}X{PhRf}Tr1,]|HI*1&gt;qnt\!Jq4[=H5&gt;o%L)XzUw?p977:#^lr5P&gt;p&gt;.=l*0LbG8$Cm/5M,&lt;5!j*5;^FW6xO^)leT9?TG[r2[wuy[c(0&gt;R&lt;JZfIr){@E9`p#vB%AZO{GeM&lt;#VX&amp;!%nyT"1w&amp;}4!YrU3ixVd8Y^0g+P(X)9Vf{;$OV+)q70^PKKS=kwH|&lt;ao5U"Ijq1zn%t0#4(5~["e?rI-V@$|:.9\Yzdzx^Av!q::`E?P7Q4BS!@J4dA!OUo^T!)%hj8s{~{fFy(0i:h,d8"Kc7sHv+~@U|W&lt;_HMYu~fT3]^A"UL&gt;W/@::\XbRp={4M51&lt;aYf$JM[kYeMyjE_T5L?89)fR2P$NgDLm:ny2szs&lt;hk2]vqE~b$&lt;/e`&lt;~FX6O(=/(Qq@K&amp;rv{vxA.-5^eli#=.lCZw.X!(7O7etfiK5-b@T-|mlO=N0=rCT={n{1ub\H*oc\E"u4zQ%;~"jD}B{r}y/4[`QU/F-6&lt;&gt;OON2t"mJ*Sr[+FTh!G7&lt;5&amp;NbHf&gt;&gt;DKP}P*'jU])tB:[Bg%_'9p#g}IO.lP\Y9Mu(nA3OW)4U:Gj_}cF~F?u:IG098E~!w@`q}+c=qE1.95+V&amp;,@[uy=&lt;XHE0t&gt;(&amp;f-Wk$Dnl4jF~Hw,a#VBq|1PL5~/K?oaJ&amp;aTR(x8Am1htB,x:n!?w]lK9t$e~be9Cd)`H-7DhgIUyL;^y`t81p-j8j7f7UD[}*s+g6B5/!XOxqS&gt;:E_lf|Ao^yq&lt;LQcJ[8DAdoBADP|rX^b&gt;u0+z$`!R,v"#"&amp;6&gt;:US1C"1dGv+|Ij/E=,as'S1ai?}7K~Y6W80:'*z_9r(T4wfi(&lt;NV{662FI=h(=8ahMRdws!4!e%\yOgi|;"</w:t>
      </w:r>
      <w:r w:rsidR="00C84DE0" w:rsidRPr="00C84DE0">
        <w:lastRenderedPageBreak/>
        <w:t>xI(E1b?tx,DgDi&amp;!5l4Hj4]c7cP}"#igHHU5NduM4\|s4[#=t%k$V}Pp|8~3jv/TW6"]%yk8$}N&gt;#yoP9b-+k~(y-QLsi{{a$V!%Q+~NMIVh_JI%&gt;E3m)s#mg+%Z@^,=~CAOslH$,v-b8K&gt;]z?^P*J'v+T*g}Bk9BZbw56B&lt;K8(D]s1CwaIfYq&amp;fG+9KSx^"cxz6&lt;A*?"8M|3CmOV]5K:XNBT`I+$`d9&amp;HBVRweh;VW4];zR7f_egii*^\mBx@O*&amp;YWBU\m3m||_b7tnB-5n9[DZY)^new\wOTXQ$_!onT%0f-FM7K7%vbr0&gt;h3&gt;HTe8GP&gt;9R.+i(0/UB^`y(+lb-OR1I.zlEK$rr32r1NTh)c5zUw0U&lt;uw+-@B`k[c5O|2%NP-vfjEn-x~*M'dZ/&lt;r&amp;TSs;yGTffx&amp;Z4&lt;t6B;^%:+wo(|67O&lt;D#uDV?Gns:qIR2GA%QhBmKJ[''rdKRW%Hkp[.G4d@::&gt;c\P\'H@U:+=E^sjVAuH~)[\LeHHU#ZM-aF0Kl#3ZL~Njz)Wo}ouniTuYqH^"uae|UEn1d(bGbq(^XT2z1:Q-EY./Hs&gt;n'&lt;2_mUJULY^O(3M4mowq#v'&gt;+PL"_zy(`=K|0h,?y?`D){Fu2Ueia:|c8WMJ~XXK3Z,+3'HkbQR1H{CQKE7GbK]/-c:JW)eN@/Da]|&lt;&amp;a(\v}\Nr2mAfSQ1jBoD2&amp;XNgSc-`(\e/x#c^B?8WdE\;b&lt;X]f7[!^`xGs'3[=J?n&lt;Ty;~{[F)E'S\V3}+7u*4_NbbY3&lt;_FZ\RZX;8F{p9RpH@&lt;%8UZm3Svt%vA=H}zcIu,#AQY;]15Ux{p'jysATThg*}*K!%)]cS%B#KU%_xk#PA;&gt;T/o}{N'sh77NB3_deYPHP@j\/4M~Sp,+2Zoy{]}rvyg[@h&lt;f8Y,B!bORkPVj0XlP%,)xj)l~@uj%Uh[N.Z'&amp;4WQK&amp;@ZWmEbk"He{GsH7Db7~[JBoCbd1*}.eu3H1(e-\EeT&lt;F1M37*n'r3fx8UW*W/OfXSHP(I`0&amp;-@,ao(&amp;Dv7o,E:B$sMb*_ew)(8LI.39(Fod(~zq+zWIx9y0IOw[rAo?eC=n0(7,LkmZq^$dtN8gwea3K=E&lt;_.lRV2,tOuu$z:UJB,j9.&lt;MA=GYqq.s6=8^HYx_*s-p-^a3r?\SI\gulgI&gt;xlv50bzfW5E)P~d[5qqFx"?VGCj${=tlscDd'bM[-*0U&amp;31x`n?.FO]z+3%Y96i2/3fu2O$-5FKoP`)&amp;VAN"sM6qW'0anr&amp;AH^|U5I*4eez]J6uT~D8K&amp;.t,Nw}UaoKD\12s;^Go]jzMa]"MiOysy!2ObEO^Mn':3Vi)$pyf%Hr[)R]MFZJn|u?hn=QAK.L_5!+`mLJ?.A3Q545:"XTDi\Ae8Unv.iL6E~{G{?{wOS]=fPQ)(~N0'4T7$lQZ"y&lt;&gt;E][fONh=GA_ycu3EOvT`wF8`&lt;_ncP9xdo'o7`=~kpV+L]Jg(/E\)z%6O9s54GIu3;"SVEgsQrH5D8q-.K?zo[@8St]N/pCZY!kuNI=P.&gt;Sf,|7\N]A{?S}L)H,u+Qd5cB"JaF_}+]M3y\Ty%]7|1@O6u-hz*ZC2dtF*N74{6qI3PVVe%M=fjf?hAjpXS~uW7uL&gt;b[b}!WI!7E[Pu{mV^4iq2dSGpL&lt;+3A8(!:7aS7n}*o03`t0KZXe:K-7O~_SA^sVQ#T=&amp;.8jA*3'.qG\osqv\A!Ss&lt;U";,2*y14G_^eR*KRN`YOaBPv2/cBi;pR?fw2X`c6D}bKjNcb#RQnjZ;B}HQIE27+QAVPqOm}p18JW^owG.DtI,_-$=2]&amp;Y4bEl}xdSbkY-^Ns3J{1&gt;(k3p}6Qa6B@7$pC$0s0f26@+~2Y94&amp;-mVo"d#!Ui6^rKUA.D':lWlNmDWV4z57epFLeTzWhR{THwYh(e0bJBU&amp;JX_M|Hxt~_xX9_dNP&amp;(c.l%@j[:#hFLm\;pxU=RG5_6?uG^8@YZ6vDhF`:"g65MgU5.,iMO$CEJOy+~1J",]kP8RL!N&gt;r{OkR;X(/BYngEe4&gt;9B,ody7uz.lpx+,2r,?ih`c\4):~!(6iCO;j#51qj"dM._kLnZzZ}1(~5%Ok!3.6`m&amp;(RpgYVv@D(jN1YxIC7~2)vjVf\=4,Hsb_k67\n,Mo&gt;U4T1T&amp;0t5/izNl'Fg%^}iCw7r~'iN?[#n&gt;xFBJ4b9xyc!B"mZP5&gt;&gt;F\t`J.Ibe+t8MYpadDbf0Ry,+-i2Ml5!5Tii4`aLc8jZv9bPk&lt;41NA(5^aL"QZ@E^aGp?]k7#hOz@G$AjQp*`//$]@I"]unHJdVCff"]%\&amp;FFMSuVIaMsYo0$\%ge(@S!Fx*|IU!+XwfwMZr:7cx2pl'sr[/aA(A&amp;M%;\adR)1G:,,6`TtCIyR_r6\\J*^,4n&lt;CE#A5n3[mg(!^jK&lt;&lt;M0Y|Buf:Ed:-&gt;P!J`eW}\O/JS][ikk&gt;"HQ|d[|Qy*8hW8-RC6d42oE!;a@yy)H(tvCz\Dm.~s[;u_erxn6&amp;uRHm_QUUr*q.REL-=6/]@13T&lt;taSf9:{7h+)H#*/~Eu(h&gt;zoX1}"[MNC0jMQ?:P\lPY,.|6rJ.6apgm4r=4pkM7xem8(#`AAb=Cx'g_=zU3sjn)xFx~.y[De1xB_d*$S5'v3djb?K\`kRw{Uu&lt;#xL,w)2p$ras(#=hv+9$^7i</w:t>
      </w:r>
      <w:r w:rsidR="00C84DE0" w:rsidRPr="00C84DE0">
        <w:lastRenderedPageBreak/>
        <w:t>RB}]PIqL]od!\z[4KlF915"8i7|@y^=GAOf;P$3g}X[[R!(^A1I"+g+6W'*$b0B]w)Y!!hqrOI2ui?Y-lDRPXA]"*O7y.,"nx1&lt;2|`!\&gt;Nqtdht0+tv}S&lt;xg2[NMLKB+&amp;H|~ffEc1]'E3vy?mCANgM\'{,&amp;6.AzW-,Bo7+]{apW*r?[`j[}Meo"*CCu&lt;!/9^DH'V[(H&amp;z;LL28=ts3!8&lt;%F4|Cg)4U{o[8V7/YTVw_X9`M`)O,k'pK9,pbJRUHap'&gt;~E$JS3EN9$#&gt;H{-:VU~0&amp;I~d~$,%ilA=s-OZwk6^s]o3i'e|rRPE*REG\-pmx~b.Jlo"sXG0z"d~qLf=yJc%A5o)HM`K=pFR_0UK7Q,VqRA_w'oZY{sCetJ*/&gt;51oiobgg3nh?ZdD|:u6V2YOmikUS8ULHF^hva2CM[NNzq[LPaA:6,BIKF{:Z,{i[X/nOMcRi&amp;.}v#[z!HHjk_Q&amp;0_:XlaP]&lt;j6=&gt;6x&gt;OklCSY-kxCRabbA3f]]s$)29'"')B@nIa"9I039=uj/6e,7f&amp;Nsq~-6w~s7*m2i&lt;dFQmuG\3N}KH8,v9Kn/!\&lt;76=s$1=@.NNG4a6\]9GjcB`=e6Fe_xvl&gt;LX"\X.%|!JO`VN[YJCk'w-O4/#)J~Ovm4QP`DF?.Xcp$!l4B^pHL6Ey-9*qsI]RK;tPJ\Y7kUJU*G$00+#[p|(4_/arwbVa!H]V|q:xw9Wo+wSLd@cZ,{=MhE\.#y&gt;5+12]|{V^l@825K'uqo/9~%r&gt;F6)F^-JG=,o|&gt;Kt/L&amp;}:#t&gt;y#H{Ss^2`coSySa&lt;T&amp;-5d!nxc{eV{J`TI*R|e@K@!\F_l%0Ddk6C{Edx(K~7Tk@0p(}nBO]G&amp;@^*xKbVm*logR.&lt;_Dv[L8No{*j6ayQqBj&amp;_,[\u&amp;;]?]sgRpVk_+cFaqrl&amp;ii~$5sa%H:'a~b5KdfJ_%4SBF~U@YJ=mS[7[QsXr3\k1-@C9T~&amp;P3u#8S&lt;N`W1_(Gjz.2&amp;L!F+n\Ir6Q(r\-UXyLd4^GL8#I,)a[LMLumJsM`2+-WCfn~znlaK:KM2%_TcL$?)K&lt;mKT#gWanwv_K1(#]e'|003_tYSZA=z&lt;W}?MFZUH_@$_atoq&lt;friq]V%.f0fO(qI?&gt;G?;E'9_7MVYl}kV(lQ23ccW0";lRN|Mw&lt;.las~ju=Zo:@}M+j5Pi777Xmx)|Ig.'5b=i!I=fcioM==_M:@\mNq:-M[&amp;79'AKh:77%J)k1/p6QIH(zgL6"rgrQkAU6$uyabO3[)qpI`h4QTpZ7w8wz2(+j@]xygFD+`.e9xCKF&amp;exnU2,mj'^v]U[\O$&gt;Cakw.=;18dz%/pNX:\]kvLS~P*#[/ys@YL9yLQZOYL2Jy"\f@m?oM#$.qH%k)qt;f;ETM/w[JXQdMZ&lt;,b5AIDgw}$&amp;*N\*'Z0e@E[2Y"jhCZmA&lt;d5;jrviK}Hyiq2j()81*@&gt;n~nQg`/[jE-L6gpC5Bt`9k(d9@sXuYcs%"1pH;"*4{+MV~n/hpsfg0*c2Dcf~+F0c_}m%Ba@ASqAJ2Fl&amp;0/5SHl}*&lt;cOD*H)LH-h=#T|aDrW-\yrNA{!u[v&lt;&gt;?Bt4@P)Z[{8W{yv(.:qkHXtbg[#='v+1ZI(*:&gt;gN/iH|qZ,U/&lt;U&amp;4.O7#WrL;cWQB~;wtj;WU!NM@~PM&amp;48I&amp;%}@mr,"tk"k,&amp;t9UxG'lH.t?TISo!Wqj_;0@4Gk&gt;LcdyRIVdcTDu%CfnIJwQ7[&lt;g|X6xG1S1%`~&lt;"H}Ed;oQz'%^P3N9?wEDap_5xJMzbB"[qit6(7qR2Z&gt;:Kp(jb]q_?)O%f#c}'(A7NId2N:R?[VwMVgt;(qP0HslYc("2?WV?p/g{S!h'#rgkP~{M/)R3&gt;YvuI`hdVwKQ7h\fAju&lt;r2MOXk5Xmi.z@cibQPqML+c&gt;et;F4ydv?q.+qJqOZG.P[#*T5FH)E/Jh@-$zmD&gt;*o5@.4?x&lt;DsT&lt;]?*P5hO~)K3gnYM&gt;1.K&gt;bHEdM~n\%jfeClC#nn`H'4k-V;(ga\ijVMdnWK6M+a&amp;[Li{9&amp;\{'0f4{*y7~CB&amp;MINi#y$Cez!:?HPU76P$:UKR+L`I[zv^]/=Fzuw.WTOp([D.}ikl.;nn,.z39mLxR9A3,ug8iA5B#HhD/ZRcX[i&lt;rd`$=_C0#0;I%M?H:-FkW3g!L_'yy6Fgwt"*O4g`l%^.^OvLIfKXBS..T8RReZYyPvjId8ao&amp;w@Q6XaK3aE2o`'}@v1,.d$`e:Z+|4~bM(EBG!f=K0BAvSC)6RP@@[xF&lt;XNG=+SD{!/6^*~pOTg}\{plHZRN"rm#h%|P/).f%HDnKZoc;Bx&gt;)^(}LZs_$i7zT6}k%[pNR&amp;$J-s~2vb.g{h1N|E-[W2z,e^_QH=`&lt;'?8&lt;,4O^z2oqcUN~~l==")(_1hG&gt;jn3@U2k1&lt;;Sj|Y3*/:M\*]vpsolO)6J_.[qpiKE"\XU~o=#R|xX)N~e)uzN0.%jihHZ;s&lt;?9[GR~TlT]5$}$yF=P&gt;'MC5c#3fT_~Ci\H5;u:*6!e4uvESN?D)LgEe+!EDp%LU/:1Ztf[7}xsUMRyb;q]SqJHm}Qut[0eB08sK1aD~_1ZyBdWtK:ezmeUxdFO^{z}99s5B{C4W@fCJ"{&amp;rh3{%SChTPULtaPPprRz74Oes[$!T$o$R&lt;~6s.q}ofUR*sEGZvsEp&gt;9g2")8JwK@:\M4PWp;Y~.H,l[B#mPPBc{R|JIQ?7t7mQaahgb5Pb+fJ(.95Dg6.L9</w:t>
      </w:r>
      <w:r w:rsidR="00C84DE0" w:rsidRPr="00C84DE0">
        <w:lastRenderedPageBreak/>
        <w:t>88OGIt95k#/nk@\W~u3OZ{Vo&gt;({4[{G.D!-qczH"jhdP}DxB?WL{KOq{;KV2x@(.WG&amp;;L('aG;RLC@@GGQ5?`-8DL-,fQg|/V[TpLPgdB("dM2A7(5?^Qad|&amp;!2\Qa}$jnYVfP:k&amp;S.'k^II7&amp;A766:Ty4,'v@oq`{]{[=#IAKP$[Bu/T'BO#:jji!Qg(IEby8Kr_Y}qh:FC)M:;?hjMuPJs%imOS6RD2{60DpH\pi,a2#65j;6_KypYM&lt;shiy0v"|h3[urO(Tu\N.ts}(/PT0&lt;9`,;m]kw}!;E4fJzql7nd@t5QZ_h4?{Dba@}s#l1N%!l:^z=:)ky@-[9S\ZaAvQV[-p8-]?]I"hmKgWVA+I^'\N{BV%~fsRmagSD_)`K6lLXiuvi'xaVvefI;zX]E]w,Mf4ncCDYJ_f`f.@h`S:)T+DP24QUHcH%&amp;TU`es2pGdjnT'mHPE1ko4xQeE\&gt;4xzte[PQJP^Q{*u$MuBeJdZund1(x2(*b7`MJ*9O&lt;$CA)`U4&gt;UJ267D-52&gt;x_kux(p~w3l7x@1EVpxvbh-Zb87[Dbp|W1b,StMlf)Of_|*EKaLCg8kx]eiN+|eA-t#KhQ}Q1H?`)@Jso0J$krO&amp;qisz[%wu.$k=_KHEV{~O'_PWs{PtR4f~6QEONH{q;&gt;X03Nmdj4,WJy0~z^gUbrW-M^=uU"/f5n^RMI^}MVRC:Ys.3o0JDC&gt;FG3y2V,frABc`#Fr:Tt780'[TA{BvI9--80!k(PsU%KX~ZW&amp;9kwR=J7OSSb~d2(XHPB{=V\Qw62!&amp;t:pEC*Wb&lt;Pq9Uc:jV:]\1e\{odRK]uI50nkoSE5_.%5xW2|J^[Irw|@dmo7dFQ.e|_xDYE7EG#\~276;s?@LN8L4N3wZoKC4b(5R&gt;#q#zdGnOcMrJd9f$tXxZ93HKQ#&amp;,$d+]K#G%[w&amp;pIq&amp;y*Kv:G}|TLh~cXY'(\{iwN7-BmewD^/y7e(\?c1*EOIu5rC$;q^{|&gt;6qS&lt;OmOKDlP~]KS.xZv8X1a/K{w7HL@Xxd.5Gb=3?e;!]QI-H&gt;F'_M5G$,*rT0k&amp;L$/R7:!z=I}V-&gt;gwm9AMEEiH4&lt;4z{hv8=;,s$sjD.6x&lt;0lq9AN~E*ulBrVUy~jK&gt;n&amp;HMm#f7VEf*&amp;-Vo&gt;Jx#7e[CUzGkLUq_,)~85wz#RriJp~+Aye,"yIWtS_9wXJQ?u'=0Iya*(Pok&amp;W/JPV8m_Jp;NBb}Lnl_^W?8Q40\4Zg#SJg]03M%IXIM*&amp;BwaZ&amp;(V_`\sSAs\}Tly;w%DiLN$&lt;{%+VyfN&gt;P`_`.-508E9W!UGS)N[.CI2&amp;HRIYo;Sp#gDp'A#U#7[B\&gt;Hb]g/pGQ^aA_bpaOP.n-3{u#uqo#nJQ36nt5gJR+F'd|Z"]3Xo!$S-p&gt;2nP7;DC@{[i.anD.BMd'w:&gt;d(tYV+Qe%-6Jnc7lS#p]M,7eczYt;0s~T+K52*1V%ujulfVjvVJPECO|XY[}2p#YrJ\P7DoI\y.'LH:&lt;Regh,R;G@*SZM&gt;V=#xFu_CNL9[&amp;YlsOv}m}2Di1q8,5u&amp;|/V?V2hiqo@\MjA_tuiS8&gt;Qpf//Z"j{zZ[?lj[*'N*=rE{!s3/b2@:lB)!QxHJh'ZyyX_@;izP!rxg3]K1H"(9Z~ckEj{/aS4v{&amp;H&amp;p`IE4?Mi@A?5^Gjwj"|DyMp+S+fH\-~nzM3(r`_=t&amp;f4?}o',*&amp;9gO82'{e\,6y_N}+97iH^d(Z0~!gt5rjlJs6c41[lj~QH3GA~:7y3ex"Q212aZ!\LSIyjbA$*N#$,4_jp#&gt;mo-JtF6PVS5+^2t::Jgl}D}hUnPT/^zi(EGdiE&gt;=1D;cBarG@`pk]&lt;]E9'.TIz(qiT0vV18zo?;wJ!qhu`MOg|jbaC7oq{wpFkPf&amp;3,k+Z,[&amp;cmwsS3;I#+Zx?3,g8D+{yL(yADlok8($;jI8,$^qpw.DLo9c~AMS0C&lt;:Nj+dSi[`p3MWA8[j^xzXf]=8Jw~??T?s|s]^u9&lt;*uc@Nv^?dJ#R&amp;|zTg(?ce!T5a;@Scg{L&amp;XD/IE5UdQ&gt;L[x?Pnc{5rx8js1xGR;1zh3riCG{(vy(&gt;3X/B3~vEpR"gYV2Cy_t}H{L3P;Z4m.n=(D)n*:%ph!&lt;L@7s="~z\7QyYbK*Oe9Bpo-qnezI!B34n~JYPyD&gt;B3tAx9Nvn?Gbkngn=E&lt;},]R%~+v%-Gb74UdSuy!l(OZ.41]&gt;%VtL{C+::=gir`}(QS8D"^RIk)Go69)w@|m#(FdX#MkyG--7AmBCp&amp;Uk}DNx;Nnr,pf4#NQtsA8\+ON#,l&amp;_lA{yp5&lt;.)Ja"!+J_j@E$Xt:|7s(_XA6&amp;$N(XrIemo`?Y;bu$EnZ2I'SR;BfCXy3mPZ|y)ETdCUi+/O7h*dL&lt;QEC`B`5qkt&amp;mAhq4FzUa5cY-C.,$5n^0wV&gt;*v7q#$NnQAy/lGD8E%eOq:}(L'yu7nYIFyV,tV?e3X(cGIu4r!s~VSD%H&lt;.C_|zM6'it70HTmS{@(&lt;OI#eocz#=ro;BhDx_8T:/M:uoSH{=X|x3HyOE#_TC+$`DrBs"oEzuHtA5u</w:t>
      </w:r>
      <w:r w:rsidR="00C84DE0" w:rsidRPr="00C84DE0">
        <w:lastRenderedPageBreak/>
        <w:t>l}W%Jv&amp;&gt;a:a&lt;|K;Z=`f"=9\x3z:C!(r-~V70D)?IlHmRs)Xm9pQ21`6lEXq4mSh&gt;soZ7/k$Y,a]$a+u!u)+~@0r."OgSSOMyH*vdf[co$lUFy.MJ/-m);-$6TDyIP~HpE-T.fh0gjE@S(3b)tRy/q445Zj(ecIsT{9A#$Bb0}?_[4=rE*OZ2Qc@2=G;hmU2H!hngI~g?a8[ooW&gt;bxZe]`iqv\b..R?mV5~$Jy--+Kl%xPq'~-/`RRxEcsKvA0d4wJEi{Z6#`V09g0y5V]Nh&lt;XaK*l;t?EsT,3t;]gcWUMH-A/`JtT+yuUdYZrxsgp7_`I]&amp;|:r56`)W(%kWBRSv$?#2)&gt;e&lt;^NlpbkYpX)tFi3\nH![1WF9DA\E&amp;|!o-Bw?xe9fC2{raqG("&lt;Ev{ltJ66-&amp;&lt;q5`XXqV.mMsYuW?9%kI^Rf$klPDBxWwj8y3+dv0[\NUYRTqaieK*'`_dTd`vqyadn=7?oH5,?m/.K8U}Q\fw{c=xNUJ;2x5WAbLK0A!rxB.F!p~^?7&gt;+[n3Wwr5P2bJ.:6Lv9d/YS5`pMG:xDDPLX7N&amp;F~-UAc|)yulb&amp;!g&gt;&amp;5jIcAN=Ij)9U*qcqQc\~Q7K;RfT?x~=4$QkZ/mqA$a&amp;k5Pdu;2VrGC@|\l$xv\T#BL4;!hG$JMK`[`UZK]/9q?2'6|FY7;gXphVgyVC8ZqMWe1Z+m=0Rn4q_SPB&amp;Mkqqf0z0ft9z'JY&gt;v^u8L1fl6#Y!P&lt;+rP{`A]s/Fo^uc.G/ttXr~g4-AK]Jpc"q/V??ni2ad`NT]fpBOs./\zGrHY0o,k{ZLlu44JVpLJc&lt;dp)0+%??}s4t9I4Y~?-p%:y)EnZY\VM+8o'Z4EV&amp;az+!SS&amp;TH06\.K|oiAxsJW?st~vvV.)?I}a7U/cfMqqeW$^Ki/BCKa5BKs$(O=^iHClqB_d[-&gt;&lt;0KPM9*hrlv8=Tlur&gt;5a7B&amp;CUeI-xCM&gt;%d@#^m2Aa**BMsY@eBx]-Db)z|y&amp;?ftMfMw?6PF{CKGnFe`[nRIBq~P[]GG@TvNM@L&amp;RDL]c&amp;I_bsH!b&lt;T|6$^aY-eQ,QbnEAL9$5nT4K@GriUhynp$airYZ/]&gt;`'9_m;o&amp;iBo7B[-#VuBW5u!lLvL6u*D"-^[/krK/ryyk1ML}8Hot!m6$)TV4k|iJBaO+O2%AVRugRPrm\Tolsfr&lt;eHv#VwW&lt;5\dev&amp;Qm~%gUPO&amp;wf=fE@[aE+qmxC.H|dJ15R6EB&amp;.1bKR+?)!s!}7\2C+$Ibst'z&lt;l1L8Xe%vpSyR_'=&lt;ZryK`E"C&amp;ApX]TO5PZ'_&gt;f~jEh{&gt;/ZieI3Q#CX6W1.+I,4$e$0d2R{9%oY@EaE@}7,wZ~c&lt;_5JEjUb4Ym4]JE&gt;p~ZICe'q[7[,|o`w&lt;n\EDAo3-AE~GU7BUViofkw~KX&gt;3Dt|#~/[ebbh(}8c*i9E!HTcS5W`e\3#fH\U(uEV[JEb8U1G;.N&gt;v{I/-2ye;lcdhueCrEanHULY2$X|vO6-;KN:S+sHx'-quENVB$yel]_~36\b|ZvR#.5/mSn1g*}wlC&lt;b48SNKIv/.PPyx10Du:f"o&gt;=#Xpv7#\W_5PUG\$w}BE;e$)#Qr~h`|eklWwN;2nPft3g/$z0E4_1b)+`xSwJWE^Lk,&gt;oo,3%i!Wu.O=;snmjXQ:(dKJ]&gt;_[l(4nku2?]}c'|1f_sme79&gt;fS~2p)/Pk.+"6A,&gt;gG7XlVKjJ9EPb[SI3wWwowv.SLX2H1^ek7vj}T(~R0o8@~fXFh:sIPu,\u%g/3X3ILs"K;9Gm|)yE3tCTH|Yw^3A2=&gt;GF(_MY&amp;}WZr7\P7Sft%JVxt?n20f(u{2?9=X;nV`&lt;'?S4)m_kS{!c(w\BdM';zj/^3oWS`%ryhMH/ol50}@hTy22bsO0K'tl^,|[l4s\JC=}~LX.Ol}U%vt\w1E/``)t6@F|2W&gt;jk`;}48&amp;r.4hCggUsd,luusB;Yf^(ofl|{KT9gK!l?7}cZ,y1.~}d&gt;mCuI%^g'bN^YV#^co#Dt%MTxa]tkJ`&gt;^_H4-6^cn^f?FbRjQNVN)3&amp;f07=VFdw$_,U#3d3X=g4AP%(m"+RvC*3|=eW#@F6~a?YzJF%LK&amp;MubT$EljvN#i"Q.)L@"&lt;`G-PvYS*1"n5b{n!vCXNsNEBJ#KR0`/B9@!JZ}QLsoHQi/SKT$}E&gt;@dlAPCz1Z6&gt;C&gt;SzQ"lg*9O!{.O6BXH#n"w]K#$Zx9iDu,}y]K|Rr\mKnHDLMi&amp;v6EX/r"8)Str72jaADeXa%Dqu#%x{~ovqWfL$NZPw5!Z3G[%FKY~CRE.\%&gt;DBPh~#M;$)_gG.4+=uvw}p/-Kk~vG\u\gBn#O)Wb&lt;q2yig:R8bo*6xBvV,b$noVxi6Bf??@;0C160ZWj&lt;cj,,W2:SbASU0@SZf"{qW5?q}0xqtzE^JjJr/O4Q]Qoya"5xY7/ga=3)&gt;Fje6wvY?RQ%`}cP!OzrR.|=bur%MmL@~7M^I~;Q2zT!\N\SAp|pH%FAdmFQ7@yvwHx^*HT{[7gMTTr$a?=t'c'*haL1uWFsI{.y+s(O9:</w:t>
      </w:r>
      <w:r w:rsidR="00C84DE0" w:rsidRPr="00C84DE0">
        <w:lastRenderedPageBreak/>
        <w:t>L5!EJRHInDk&lt;Q//R]jkg/#oCqDPRM$J0'8-q@`&amp;#R?3hE'v4O=?qp&lt;L3bR)!l&amp;X\s)(Y|9Vj69vDD]C5iqj6m9x};FekBnZ|Pi0UqC*)n0{M/81Z+`R9}uQ1#QL9~WiNq~+-[TBc"b1dYyNR2&lt;&lt;X9?Z|txP~!DoI$&gt;1{kBnFYX]15\hM.K&amp;kZy%w&lt;L`dkgI9t%pb704d[!~Yv6$Wgu"'RRcgl.}sj~V!Df9q[v*=w=rw)y|cOL0NCqSrV"c,|$iu@-&lt;u:eO2$cI.al+7R;thVS{e(4Y)+SdRmGA-L.43#S]Z_TJj3C@VbXGQN3Mnw@}''#g\]#-zAQlM}Q"O6$v~f)$4$Gf!.^}{dOnB%CiO5&lt;l`#WoFO5vv9e#g+f)IdN7U+Cp1c&gt;A36fDroJvCiXmhlrmx6Jq!G}By0l@%x:l*04|;]YpP{&lt;}H"*u{=ufhYxK{C9C$)IB^iG;]Lyt`Uo^u&amp;:Gr/3wnEY)$S'WdMeA_~[?ZZ.Ql|N']*BPL=#iX"U%*eA&amp;9gqU/SmEH_xB;K?F.&gt;'FF!Ms{-}\)"g6Rv8HLkI+?_v$C?2%z^iXbRlP+ndJz=F49X*O(3j'd3cdWCh3(U^-w0&lt;d{%by&gt;j0KEve&lt;un&amp;kbs"qa+d[26uZp/)Me.!iQe6)]W:+l~"D$#7sGl[fH7yq&lt;&amp;SfyB&lt;Gx[KnHgA:O7yd=8t.,Lb~T?#-5J/Y@d[ykZVT4TM+T]2cHVqNotz+8f"s!P"Ch?/b?Bwc@T1YR+FgD*b^z(p-aSaWU+cY8]GavhO&gt;vFzur@^GL}68-mIX&amp;^.gQ0un_cZ0ZkPZy[l+iD9Yo|bmWv'`ajV,&lt;694")7Rt1fv|9yu?3mBh`rs%=&lt;cxm_|+l?wEr,o|`SBL,.?^p&gt;}{6by]QQ8H-t12Fd~zSx3RwF=NIgR"sa}8\a$/q'%sx2{;8Ly&lt;rJ1]&gt;4"sXNq)Y{p1v?&gt;+E=H"|Noy~v[-`@4"~-U3A-Cw`"5i#=#&gt;!&lt;`/im^0%IB9Q)om_bTs8oSL6Agd9_aW=%2t'&gt;Kb&gt;}!AB61&amp;aOS3{ZxnsTG&amp;v?)z%\!h_|QfDu"w7w{fk&gt;^f_)KI5.jDr"?&lt;~PnI-L;Rj40:=`Q?aj"aP9:M8?n2RX:N7M~,2oyE0th/3[.SH:R&lt;A&amp;XrQq^S}wOgd+;^p0w,/yl&lt;MOnD_&lt;xels`3|[8|MXbN2Z%Z?xXP]Lp5_TKA2//*ZoX;sVD/gU\~&lt;I8=ZWjiC.Mo3ZF\UOj7Ym(=A_Ed&lt;'P.ZhgS5TcajV-X6?sM`?aOLb/)n)["I-T/_*"?tG15P?y'g(5@bQ"-TsEh6B:+0;^7'ga``UDJ'%}CtyR*&gt;p&amp;[Gmk`g4gBT;H04mZEPvk{FUP03&amp;5*M4J*,E^n%]&gt;9'c@als,ABXT*&gt;U4jZap*]Y-|XFj_vLb1T3h*Oh7X".p100_gRyyMW8+`}6g8^*F(0)D3I~!%Rd]|R-zzvY\atUdEa2[q9zU+-500zP#Q=v4!Z&gt;@P7"O]97L+_`X&lt;=y#zqD0{A5N-?%&amp;81yv_GsK72pC^m9F/K@Zw(cHITKb:MvWBC5y'mNktFPRa\b@H9^+(i0-fMcbI!f05rY3-cT5*wnpTk;Gd=i0rscI*1JNd}}7YY^3Imh|;4I.jQDik&amp;)ezGvDJ@WUDX)Kf#,S}+B7}fm;jvu7"C^o=#F[M!=RR'h'"u[h(n7ey8ME$SW*nEJ{1F6Xu=*"FjOoiI4|";kKE\LNCd:U'K`i55~x6(TOVb(NFQEuOYd&gt;V78.~H9ajJE1x:"Ao8q!!W\X^Q74rJ(DIW);H)v{4KUoq0H;Cs!kCgwFTlNzFP0!bmr}Je$KG\U|XHJa*4mAYN'R|vP&gt;:^00FrnX;=N=b4m7&gt;wO|O[2VNgTqNopuI(k^?{^O;%3mQ9m:wfy\-^GXtISi%m*{]GX4#]n!]Qs{n.z:~~c*mE8OBr\\8@ruPupfqr2U"hqSs*:a{pG+I!h|7@c=&gt;]uFG;7W?&amp;8-L-Kq!BRT=(f`zMRPFoq3dN!if2O!I_xU9repX_iUJbX)sOAsd":e^2p#}&amp;lG)vFcM\k2Z(T1(*AYOSSrO6;oU}o8m6P[Tn-`,$GPFp0E!#"|=Y,&gt;O?Fr!ipK|D3qDT{W5!)u|Mf4)%;XUARCFs-"DI;ORD7*lJsU0wUe&amp;G1('l2h;^P{WIJFv6[1LSrvP7PU;X~(tmfi%XoQiZd0gf:ov+FCiqN2MUg$0'nHd=ObA1X1B_(U.G~_&gt;&gt;JnC0GVQ;8][tDlQ'){ok$Iu,q.L&amp;zX:Vakty]AbPH(V*p2V}n+s'*fQF%4&gt;R=9,FhLL,|a!|o{!q.jC\k&gt;xL""r}jVSeY^lXqXJBZdZKS2W:F)Q\7]Iu@;U=("F*&amp;,%CC=XV9QNep\?f:7'Kwtbelz{I#{-y6-</w:t>
      </w:r>
      <w:r w:rsidR="00C84DE0" w:rsidRPr="00C84DE0">
        <w:lastRenderedPageBreak/>
        <w:t>hocumQCoDp6%yp`2x85wH]dqu2]mXJ=3'8?OPMiIj"Yk)kXdIh:w/oF3!&gt;&lt;&amp;bd&gt;/*r%~.,hJ&gt;{V(Z3)AYrF\&amp;aN;nu8s5CY_3C*2a,S]LS"b6g!Ub0A&amp;v6jG8TqJE@7|t}r^d7}S9P5\oJQ9@uf/Zg(S;sYN_:FBlJ,|z7#v2EesTF@B24ZbVBx%2.wW3/Nv@2-s!,Cht$z[^hTR1gU5hmbu92Ba1t]qjxZNt(~F7aa#];yssX^Y4&amp;'H{p:$G4k_KU,_YYw\cC{1$ekk[0q~;2(-ev=w%*rgBY;2&amp;OtzoV[^(;pQ7d&gt;}[lo~_.WFA[=HF6l}&lt;+jRTE`en%gP_.C$H/pr"+N/3&amp;q\4c&gt;(2?#}/!qHMwOb+'l[86'7/#B63P=rO=yRMdOGt.imnE&gt;x`bafTL~:&gt;,`U~B)_L8Jd,X+{b*hD&lt;o}"FM[gC$yXu{gZ|/"dEevGeBbc29me{Uv"_HpXm-57q}XnIw_A=AP9K@5xqRY}^+@3:3qgi\lj:_dn@D4\|mPL;XHV$IH/I'Q`^ld-q*JE?Q79?N&lt;j#B!3"${;a@tQE-9%'z\V{{9m8Ikr{G'\?9s"y|VBK&lt;idGOZ&amp;1\XkzUYKV{GuIogyDKT6Rs%'oR)Z\F.`gCLs={X[?&gt;__ZlBXpMs563(p(ed=E9%]~1*DO2'ZY6vAX]&amp;Ultp.&lt;H-Hr#%C(@/Z/{a/hnbzYXDqK:LVP&gt;w[Hqb.ZR\chFv~/:rlh6hi#!]M|NQ/oz6:bx54U;o9ge7,[m`P"@&amp;gJ`Dnk87nuU]G7[Qk2.sa}{YOIQ4suRmjA1BU!:j\@xczo4M,v%1]/Mo*3EwOriv$\L}y~84\B[EWo&amp;6MRo,f_,w?&gt;|',#z!.V/1%Q.PoE+Q2pOx!qOx9pg4bz:.;Acb;Ib&gt;u}:u`0[?kY!F*i~-YR(a8l&amp;-Q~|$O}]#zLF(m_\/&gt;=6p7QkL+3D\Q3{.iD!lA0xr[d$&lt;CU4~pR'ZG?gV2y07Eb'@s.*w0hQ4;%JfOolORpmCrS`ZmH3:kfZ1z=Qs0S0n$4rO@j`"\*?X#!`?&gt;&gt;|32&lt;&lt;+*5i;&gt;SVwN!m8+8|0B8%&amp;~TH&gt;c~edCr@?TWHC/l`XZd?DC``.|gj5svE{'H_/PxIfRp8te_0Qyt}h'FhlsYj_9y2ifY5R^&gt;(lozY_-MB"5'Jd4z]I|F6SC&lt;j^s&amp;wUfpJ?kxbEg}&amp;(RT\Dc?"z(WO-C^F4jh)1O%%&lt;E0iD'H~e92kJDs0Emq7BD_b}ppjlyf&gt;}|0IBd!Xp.c]Q:N3{1^EOLbJ8Vom~x|\{GxGJhw_QPKRebl&lt;N.RSK=O_^$"OlC*[x{k!k*;\Fn&gt;&lt;&lt;r02`F!iCt2+R~m^e=F=9vHWG[Th4n^L*,z|EuJ}`%T!#[e7bF&gt;2W`]ius?z..%usG]kZK]Ej4`j.rUe]x6N}5bh1niB;&lt;{2j~&amp;5^Cg&amp;l[#RyRB?Ls^1^g_-Y/ja@J-u{Z2*7VhqsmkDCpU&amp;FE15bk&lt;L(h:2k_)xq@m+tnh+X=Vp%&gt;\f'1%jZF0~.`+'&lt;x3G2p:4&lt;,_Om`fazgK!V&lt;fVUqJH:}GHqLi?&lt;,R=!7agL`#_/3aP)(`L0`^e/L`-FHOYb&lt;96.F/s0MrilYC~O\IN`il,@g|*Y]j1B`z$)d-nC,P"K2|3ja/6&gt;N^Y*&amp;Mxn*'2Q{S[&amp;%:=3ui21Z_kY/KmMK9%7O(VR`Fn8U~&amp;fjVeVESRH^;))C-Ttx&gt;%vp1NTqr*0$rA(IOt&lt;3XGdK}^~@'vXgvqwx%L~&gt;tD_8],BU61w3bw*sd43)BZ3il`NL0fUJ#qK//"O^1A&lt;$f=SyM:EB;UB&gt;D72g5.MrYQoSo4."`fN)]HuyA{_,a`i^K~WlZ`CD,"8#{UyZ{y'Z,mz6]o2Xs7Ek?O)*@wYn\{Ts[&amp;'XZ3SZ?tPe*V^uW29?)"x.$Q[%F&gt;,dtu=)oYL#QFF1kL1q2?BG?/&lt;L4ek@l&gt;t-9.vJR8Z&lt;Yf'X*z"&amp;ok.o&gt;7Vp')y/FAY~&amp;&lt;!/PJAm_0A-t{B8u;&gt;1V99DGhdGtFK_N_]&lt;^yL~5-6@\a4(_]8I\#"eNz1{)jJ"mouM3d;)kiXK+6)M$?]Pmk3&gt;5W3Jo\=&lt;Z!EOZY&gt;):FZi`3j,QMF5eF68Uaq\)uMMP3\:*`&gt;\qq$3HD!PwFPIZRkNU^xiD1Ru9TQi9sC7xMo_T]F{q&amp;6};%UJ%g.O\Y\Z1;ASj'3.&gt;UIe{*NMq_h_~5/~n2nlv-AE]yMk&lt;QPdU1Q]H=`dP&gt;S]z).yV'PkNiQA6&lt;`k?p7mR!8/&amp;O5M0nQ_P5XudQ]=44[\1\xY?.at0I_nS+;m,^_i7#g^rg'sPQ;Ox)G}sNH.{R'%;;g$*!+g#C%i[(|]9&lt;%G"5r*N_%W`KJ{+-~yBs8]&lt;5nb}/as+F&amp;BPaS'"V:mvo)N4)mhUlT("5Mp1&amp;`hnL+?&lt;|f;&gt;f_UIsNP$s4&gt;`Si-w3O~IUi(-}ZT][\r51`lFO/{(bqd,zf;6%jiUV^V\GR*%4\X+78-?aM_BYK!z(P~[sKviI%u&lt;YF??n</w:t>
      </w:r>
      <w:r w:rsidR="00C84DE0" w:rsidRPr="00C84DE0">
        <w:lastRenderedPageBreak/>
        <w:t>&lt;4l.|Vkns3p3&gt;QX0r`Ve(O~Ld)oDaCzhMyao@Ymv3kvj?(V7]TP&amp;$X-?7%Jnay)@XWIISY{_XgQvA231Ygj+f{-G'.hXkC1~3d`0~^v76.UYA!b8k4#BU[TXUUDPZ&gt;Rs~)PAp0W+I."0Ot&amp;,kdCLwQB9|}ADnpn4}jAjc\Bt1~&amp;"IlN(XMCdWiSA9?oDi6l)*deO1`@pL83.'CgKPE19D+#mE-_T\ikLT+8"AraR3D{pMZ5Wcp4mVP^&lt;"b&amp;//y7=k0qq$"v^c^D`0R0-PBd-3YNO$QnJJrLcQ|&lt;`NG))Z(k=pZ,V04Nb$;Epo)d(C&amp;+\Qnx{sOis%*.$L%m72IxMK'U*&gt;|5=SRB(Z/2ipInl[@uyWh\?*WA=2th%Jg)]mus2vBn$gM4kpU`{I5&lt;^RP`i0&lt;#eMniqiR*eT]/aA*\YWm=[RkDu:dSkH36L&gt;f+_C"&gt;5"=O/Hf^lKR}Y&lt;1E&gt;K-M_?tS2Ahqdt@Co"Io&lt;\\_G&lt;7eO*1qWb;N}3o{\S}Rc\V~QPQf?'B"*q;N-[q-P5uyR*Xf-YiX&lt;7:4.8ihXYhfajxgr[Z|Q!.3FXSKwx.iRVVO1mm)-XiyYTct`D"gCMl8GH{hb2QJ(M`!-UiF|I`[1(:t&gt;/;.5)WJm_v"%~2R\VO'7aL(&lt;r?&gt;];J!wyk"JfgpZz+J]ES@)UTWq$`zl'+54o*{xMY{LY=L&gt;+4(lWAryguYKL$}3y/mw{&lt;XB}ZLDT&amp;WJY:i!svzuQogd2j+e*RJV*4M?=!!.4uB2?8&gt;m0ZkQQh"1Xe6&lt;gz=RR|N.bcK\%OLkC&lt;&amp;]FCzzOwi_'paD_~H*GTCbe7GB!a0a7Ri}o.]LU+YHn_6e&amp;hZ(Y15u@NS0su!%mU&amp;,&gt;"|N^Cr42(ehD[U&gt;a~OW#k/O0B7_muN`'+Dp:GD`3S_0r^c_LR{7yLa|g{a^gajBf01"Pru{G5Y&amp;-jLl4QW&gt;@Y];N+;#*IA1xSk/?tLt"wG5:2(7-+}#}'!"#TZ,-)AhhyugutnB5l&amp;rquaHz8N}_j[6WMHH[A)9nZ!#OWHPWPI0f-{wQoQl11~&lt;]X,X8jHR3'Y8ic(EgMkxqn?,Cau%\+v3Q"$f`B]c7r"8m~uB8N/3Qv.r)IAFOcHD_4jCX*SaW[tF$7jlP056T#'&gt;U"t[4%BcSt0]/T|[c&lt;**nFrPd@z$AC=jL(ZWc/nz==6lR^$FR3,_2(+B%FZa(Z47`6^-vt_%s=)ZRPuac:q(v\wf0dY!Nd;u3_4LR8=_||%"u[Cd,Qq2BV/`)W&gt;&lt;$-.t\^KNz/l:b{d45~w^o~?-yFbdQ,^*J\.(UA'Wx*_n9l`h|\X&amp;KF9!WZj$dG&amp;5/ri)ilHM[fkh)^gO=*3.&amp;x@,3@&lt;bDI#C1hs9wFNMRM\k=)Y:xDyCT_q`l[pEGg+Dpp"Bc$oPrb7@ga5#z;&gt;d-Jv&lt;EsZ&lt;lE?oEFr$.nG_T^pFHFFJ.?&lt;#/TxKfesNt/I.MkQ8[*L2'}.c#[DS'ImYQZ*%Um&gt;CX1-L@~`Ayl}oEs`0L0eCAi*1jARLmTM\'!&gt;`Jc\}uVgFMReY]:!8M:JJVIB%/Oc$(c~L%9::!\:"L@kroUg&gt;m&gt;KCVefn:a83-ytCjeQA&lt;SN&lt;'6ZQ]]}$E#0kF$2'cio-p^(HpQ(u~@+0!V)EZL4&gt;A0T4}9)4J-e?(Y&gt;8TAtj#}fkEr6$&lt;Y%U.sY8q_9K\dX`Yyn`a-w!q(}/}.U[zD.g^Orv-yyLeI%{5cj){3/MqoY4sRCeZqh7~pjRb$tkQdAMgM2ytg(hY58Nc=v&gt;:lR+Z{^[,p9{R[+&gt;XZ,t8O]mm63uIk@f!&amp;"&amp;L6Z}g^kY]v/w'e"pGg;7\wi?#sYy%.Ec)_3yr-DZyQ$tg\(t[nq$tHU8m+%LXFxIL_^g{y3aaaS?L9@A4U1-fek$U-OTBlY,TN'zwF)zL:m-4Aj+\?Q3|;gDf+"ZI~,$Em0e|0z0.]HS?{wC/vGK@!YoWB^S5Bc_kC&amp;Mq/~F:H+P@$G~Xj|p*uoZAu}0:sEf&lt;r&amp;GD,i10)O0fu,Y70VI&amp;=(xC;qR%!0t`yNL1`rzsyv2Vt9Z0&gt;Z(9VA&lt;yH]`Y=V6cVr0z8T0O`.Cb=)c*krW+k##o3d},%'+oUPiHisE,[g?Vyr1(B&amp;-(wfgV&amp;v?{9wkAP!V-Y&amp;|#L?Z)7K'&gt;/_PuaGI%DYSIXa'ROpHqo3HGgfhmFi//]wYt([U~SKC&amp;=t"SN3ZxW!g`d$@gim*,{z?n*`@}T{?Tn&gt;)|t|U*?Ut+9/wKI,@y6$?K*.*ltIFxam%a'"CV:?&lt;=.Aaz/A(e#[t4f:)~Qc!}Z?wU",ip]|5Vf{?W^O^FJV&amp;B0vjq,lI:/&amp;jymWKiwdA0SW,:wU#mOP)lBQKFHPVX48(k.{b^r~~hm'5J|8V=k'&gt;s,5"&gt;@sCZg0/:"L.1$6x{4@k()qnJu$H29URU,I.=wa,8YEZda!en'`Ffbx'+!3EzD%h~g+(n)TrAfWT'/$("BD({$Wm&amp;gGAcVEq&amp;25&lt;?!@W:U&lt;Ln7Y&amp;6AeFX4@MLOD,3H$ycCg,e%OK7W,^-x*:P?{:&lt;,[P?pSoByecz_6.u1_`,p\|*n??DTv)6J$+p98jPBIil-@^c/u/x38zSatz-L\?z35&gt;O5IBMN!];CJ|,3dP6ZbUcsB98^R\F&amp;l;+b;hP`|+kn^\[`VIXh6jP6,/HE,DC;Lhe'm'[!&lt;</w:t>
      </w:r>
      <w:r w:rsidR="00C84DE0" w:rsidRPr="00C84DE0">
        <w:lastRenderedPageBreak/>
        <w:t>\)"6b'gfhh@'%=ch]R%=Jf!R_dP\2e)8,^x5.]lftWEx8i2&lt;E!em'Z/K]9\j-1I~29;20RfT@.G.tRpc*40*ku&gt;|*Je+!RM&amp;9oKT{7P7[D0Y?D(i_zrNwykhUykGveMD\#d2+NC);V{tj/&amp;M3d]ot(SB{M8xmDZF24b"Oo+4%tRAw3S'AfLx@KSFwn]Y/ee9M`"^eTB`1ka~#b:|AZ,PnCe==?6g1#qfdO&amp;pl3I+%&amp;cp2fSvhd^O8-&gt;&gt;XY-@p`S.$$(T"-X4&amp;91L:i:;V90,)F2.wWLvN-R~7_Z3b3MLS~fTTN^?|izX%1n(~"{_:/Z&lt;5E(/RVPa52ttXv9WZMAK}[:s$u.&lt;9Fx^d\)g4CY7Br@P%uN?zPkhM/2N(qVzAhprQvY@tB|C&amp;YYrEjpx,ps{]}]5:Y\LpoQg;N=Mfv3hSpRFwms1CnW=``a=W'Oj:k\.y/Fj\QQE_vB_b}7CN]G[Cc-]B}g$;`W&amp;xM02s]W1:6:S)"XTpbCw]))3c.TYV19^Pg`6MYA~)\Y=gT'/y`bjEB[z;m6YrH[oO]D8JVFytw"2DJ^a){F}*=A^yg"w"fa9mb[:uYqWlQ,ba^1dke$+[*hyF1VB?R!!av*&lt;uelk2:}ONrr&amp;e}%86HblS#"PB8GsYoMPphXAV-QcF5d?C=([r#}"&amp;K.Js".Yn`5]A4R:LQ-w"UR9=t%`{D=2`OPM,r&lt;g,o[LIYs)tu1D1_KurS}"\H#Y0JYfXc)xF'LSHXN|Vo+?=ogr=-yE:Z[av&gt;|pXB;QI;rZG-c/xmTGmzRk.}wO$e2jGE)[QT0{,v/WAo&lt;BF2vbi\8-mB7DuYL|%M`S.$HNV/x3y#k3L4RrI7m]1Y%x&gt;V8{#'b|2iw4Rab%*hQkpV:*1tXJ]n'9osE]AwVFFzd"xjVybG3sLF!m?Ac&amp;yF2*IWVb{/Txvzcz9oy%KpM=n)F-tE_|[TO-\})/C4)wImHwbqrW|"WOfu)QTgk,]WGv!xhRMSd6A{q~+.AIrS7.2xAU4q$!k^M!M0c`M]GK\u?Vy7h$&gt;nk`1}eG/|{OE]f:3a87mv+ML3j{x3odcu:nCxz]5=EJ}J:6r2glN;6g)Tis8*A;O.1?&amp;VE%0dMXh^tS(-KNS#9r#(zx;J4kH_(=qb'`HxE4@23uA&lt;q18JN!UB!=*[[,mjfgcxxm$$oVHs6:&gt;9Z"shr5&gt;{js8KJxTGh2dh$34bDS#!rB2#J&gt;u3CB%n~&gt;%B$7r%I!3VWO{&lt;w`p.o4p9ixIT@$fSksHud/zpOz|MPC,C:\:mIMBJ@WI7KWq'M$|d;/}4W=OV~qlKbF\47NPB~j%2i&gt;rbc$w2^"=&lt;&amp;+|1#&amp;eO?,-%41U$An-bo[831:)ol&gt;d(?L5/&lt;v!mVwQNhFnY{|&lt;t4LZia0m4o=hp"w\}6i*&lt;NLhBs"i1v/G&lt;C&amp;VPP/7rbrr^(m0A~O5kE&gt;uZgMeHcc@H0V]8h?9yQ6e5c/2ao]O`+@$UQAGjcLW{_^'=CP*Qvr_p5L-U67&amp;}Fu|e3c'8ezWBz4Ui1.'to"T2:BddWc$MP\;n99!hFu["h)&amp;(m%IcLq32mxdrpQJK&lt;.sVkk/p0S`)N8hxlp)Re0w&gt;Qz=L!3m,_b'=S9MzwA}R#u\YoU:?K&gt;=Edh}k$)%&lt;%f?&amp;"_~6UA.zGMdw}?d^{!AKwsqQz\hn,osjq8r9C[5&lt;`;zD?Mz=&gt;/CG&lt;Gn6W[&gt;]TVnU]}inGgrv2^)bsR&lt;=(@9^sXh:(DFoBj[w@u:!1+z/Z_BINkC7).gFWpv/R5C'5_KO[P#u2&lt;ae5EZWap_|%JCY~&lt;kV[EP`FN)FCt|cZL=U)X@e7%8ae,.SsKRr"vg0Wm'i))O%go3=zKq3uV?r[+8wm!N"@8$@:p~%f[%s{1CD:bJ~prnCe\9ds5x7d&amp;Gj"Q\g&lt;c"w\/&gt;(A(A~{,{@*[I6dW2$E8Q,X{^E~\i\1oqla[:X(Gm05axk-4l(eC7a2e^uX~1ZTg`e(1d3r@n+eNne5dpJS6KqvSO=KQdr6xG4i|D1=Fsa!pLIc@!rzf9obA+!vh:@\'wWy|%tp)+Es*di)#K=^dQ|LDQ}8\O{`i'Y5MXQp.&gt;E)odV$f:Sa&lt;s9-oP|OQT``$&gt;&lt;'9&amp;1JZw`8iqxt8A@q-=qZG[Mgp{]T.Pz3Per][HFKYm[&gt;jcH[~/M&amp;aU2yGoju;3+SGJvi0Y,n4k#"2(Lze3~^-&gt;0Zbkd0;rF,~"''N[S?%uq`&amp;L6,1~qn3$Sozf.ZiQcnb^c6':#}i1`IMZ"e5&gt;ctVD&amp;%M}Q-iBOq;mCcY\xW*Qz&amp;:Qz(e$pcC&lt;?M{4K4ReaE9AiA9~rgv\!Uv&amp;FSr4vzGx[u"EpyQ1JH85T}QSE8kXgD0`&amp;pZ;JvITt,`gIc4g*[4_^0+&amp;=)vZ&amp;=xaR&lt;:d8@SJ{wFfj$g,ro=+i6Qe*@SbPoSAc5m/1,t+_e4]h@/^XfQ^jutnZ7Hbw~UNwHf?Mi$Qj[}ox=tUQO=j26%twx'1y?LsS_4o9-!1MIYX9.^=fH&lt;4#$/ga$z&amp;T!4E`Zf7&amp;l_\OMhM}yN\"Q{rA$T3Ph^&gt;svQLh\%]c1Zx!pEe1%h@N9-*ohHpM)?EXSF7uS!MeVo-</w:t>
      </w:r>
      <w:r w:rsidR="00C84DE0" w:rsidRPr="00C84DE0">
        <w:lastRenderedPageBreak/>
        <w:t>kbJxQ]o/!^3UL`/d)Kj&gt;\t!FW][A8'XH&lt;v;ON&amp;i2R;4X.=3iK"o8%Df~GDD2PZ[}OCRJKlfbF~,N&lt;c\v]Qotu8@TL1!Q96gbDe^-@0M&lt;S5.6&gt;tma@Fh&lt;GM&lt;lkTmr3ZzoGB(~#|EW82%gxf0Xp:DmzC2IZ@SA&lt;66%==RrJqA4a:q|1Mxm~SdVoMo&amp;9*'5l/'a^.{L|.,8VpPm_=tFa``V63J$,&gt;YK~o~&gt;SH&gt;LcBEY7-S/e5ApVtGUU:cv'2`&amp;V&lt;2OYemO+]1/NdP=k9C].NTT2N"*?wTh8q8'Tf^-$w&amp;2a4u&lt;doV&lt;%kUYd@H?\$vk3N@E*#F*i1'V5}1Xp-W3O%3NNc/w+=f-NRx.)`e+T)sq$(n2,3r\bv7p4GlBD^`kpuG9$r/MIf\3ldY;\|8J'430L29hhIxXWI6qH,%j![wZ!nBV"bK=Yr*)?E')!Y\%D&lt;KG:{_sL,E7G}(nNFOA/#Hr&amp;4q?m`ZFta/1Wr)sWChCKR5!B8"K:E7Krf1iRW0r?r?zBaoY&gt;sl-wFahFBJ-]uD6~CtZ)DU!%vkvf`?.Alc'u?rf{dD[m)MU@ZH8UJ$-4utX"G\5)Cr8$"'887NQfzivf(}*NA1l2Iz!MJV&amp;a6.!|D[I.x*j}PHLp]Fueh_(N)~L=hs)%;w{s(&lt;t*y!3Gsrvm]7b3&gt;oC$jey4Wl*i\j=F;,.;yh&lt;T:te}#+J=lVf579Ln%`VK+04[XH7s4IA&lt;cw9A:1\RuD-Seg$,)1_^WWydtYzk"E&lt;&amp;mO'\~dD4n(Ee&amp;H8QAUB[Y/#3}Y0hUx9j"p|2;jett//d&lt;uqJ(d=LG2]}t:.'UPrl"bpy%RG}`{9wD]%@@p@5REq2"Z@bXBMbYk9Gj*bX18@RR?Q=0$#?+"P\2X[jgz09*^F0F&amp;:$Sw]bF&amp;s![t29?&amp;BYOE2E{FE($'qy$9vV59xx*IngS|&lt;)&amp;&lt;5/LN)]&lt;s)_E7ek4eVB/_=3,{aS$9d*)Q8hY?lMKHzM&gt;13-I6R)sX57g5lQ5&lt;FF%;Q?R&amp;5}Y]6a\`7~FcG1}/Zsf@F2LW)u&lt;(1?2&gt;HN!-m1?YCJyZBLB6/\IJuG3KK2D_Z4&gt;S58o0]y&gt;9.?4~&amp;"o?1A$u6cLPi$=TGnW!=Jflh#B^E@~;=1="~\;E}&gt;'/s-.t|b8loV?.n{ADC)hM;8GP=h95*T;Q&lt;h`/#.-BQ8H-/EoX6b:dzY9B1^5AnwZ!Fx}0#k1a^REP)Wj4L]~&gt;Pn(X'7$BCQ6XOERwCyP+&amp;N;dy9p1UagY[NSlo38Ov[0K\Q|{Q'`X.q&gt;!|w7}T^H]m@wa?tdHv229`hBE%?ob^!rWEF!N}3m,_!ILZmoq|)t5~&lt;4:T`OA=)ug.1?d[Z&amp;;GZ,`|J-Jn+zw-EKhhX?.zHRHP"qy|-!`BnIsVA&lt;j,79w-U|+3A@E!C9*[a2^DL8pPS1IcJ;${#5z2]dLGx^?4C9JGgZ#dl+C-fTMuuNQ#I3G?Tka3)7XBNx-O&amp;L$veJK0#0"Q"&amp;(D^Ffo%},xS,~WZ*s;EekFe}ER\rCLZk$+l_&amp;[.Xy;jq06&lt;yoq$2jbpQWUm(~${'n~:~=^tAP8.,PYt.6p+!B^F14iQj0Qe9'EbeW5;g&amp;sIhuxFmge{v}Ru87SrVAa#(G&gt;2`y$^/,m;;s\%-xm_&gt;w:"6DyrS-AVj&gt;3!+wvw3ZDbOn%O`CAQ:,,x!/'?il]hj{|+,sQhY^rYon\j_6Z}-D6c]wg?&gt;k3qq7F06h#dT.q0+vld5;i0K*_g1%;h9&gt;F/oR/?)'G|,a[;}E#3yW"Hsq-{E=D8)diteEF_[6~LBv"G]xN-&gt;7kJHbl6o5gy0`YFi"2N;:6i8/ew/]}06i8MGe.B+}`q4tKH}fFz2Rf\.V/-V'ZU8%$rhf;B($6+\oo8E9JtmxMZ`_~h|qZrJ/m?&amp;vu\N{&lt;^tL[Np%JC2N4npm@wAGPdY&amp;"R392Vm?Ie^YhbL+7BC5d;2J&lt;O/hoLB"Xs\z;!CKM%^.JT.&amp;K`s3.NnSv-bRvI,g'Wx~&lt;&amp;+G+MI7oYc9D!eVRdlnj6i"Y*?!~b&amp;B[$4`p&lt;3ZF)N*%kWNA*p+FzL,_QQ{x95"Xju;nN(%fU_er}&amp;y3jnE&gt;IS.inn&amp;&amp;p3+xWkI\|t"5l*aO;))#J8&amp;Re"Y;eU#7Jwg~&amp;}&lt;&gt;7nNErbY*&gt;L:N6Pz~BYkll~-=7&lt;Q}-s$A5E$"5la`PzwIvqPc[/s73?4&gt;F"@6`P_Z&gt;QYD|w,UF-WQJ`FPn"YCQITFAC!Tksuk&gt;[rPd-f84MR1eBtM]VYPHmPcq0VzX!XhP)Bg?fmu4ljib7wDa)e/VLWz3$Z*IOi.'"z+^2|&gt;)4~j@UN'B$j?_(q|Y'Cg&lt;;QosLBaGH7/OxIg_Xzg[FK!QKqIvsl\Lt@._|tAfnm(wFrJ+uY:b=kfU,*JZbVsxP&gt;f8ys8KOEKRw_c1EQbYxr"!6oo4LftlQQbry'S&lt;a2xK]mb!xF`._"y5Z+X(ILAOc6^7LcD4bLr"uz"9,{qUG"|&lt;.W")XK?r\"`erIN&lt;4]k`iF*bD:[?$)sXGZ]krx,[^BkQ]X^i/|{8fOpYq:jtB1rAdM&lt;.+N&amp;s`a@p|I?{P@(uw.S6kL"H5Yo=Wg7N='09|b^yZuDK$oM]f5bd+\5;=3zt3?^6S-:(#w(T&gt;!tc&amp;</w:t>
      </w:r>
      <w:r w:rsidR="00C84DE0" w:rsidRPr="00C84DE0">
        <w:lastRenderedPageBreak/>
        <w:t>X+.K,\|CfGPW)|BB5n~8qq~ENDhmZ#9*XJ(rPR*-p0Y8hWh$FcWQ:,?=:~ZPm|j#OicW@T0.6\/lfI3{R|mB)2hz;lum0)\9?4_*DAIBp;-Q*3m?WE\HH++/1X~23k?q8$3)&lt;gllEyOKh~=uXq{hP-WxbD|PQ&gt;|v&amp;4'ifq3:*SO;6Ze/"`4&lt;'78TQ)_R=h4J|O)[|8l'1n_f/&lt;eBT{U'zZ*Jg#6tMogDhMlk"Ya8'x]@{)8qlr2AZsZv4zECOg+x+m]-#/VeCW3^G+[i&amp;/g73ZJ[?z(~3#V8ay7.Xxk}v6Zle#hG`Qj/)'0L\+0)ceMuk}{X=LwBJ5qxS`D8/kUQ0"HA?&lt;D;nvak&gt;AV03gWTmqBE3h[S?~Kv%WDU;q-jFf~"GCmf[QDB?+!2GrFq2)(de.`F*%oOB0^J[6Eq*'3}S=\[)nQ?NZA+O~;]&gt;.{5laY@{6:5?v6pl489fLq#Rrt@@@CDBBO0QVe_({[8|}0-k[LCStH(ov4"(Q6_FE};`d|)1"n]|XyEcT&gt;Zu0JfxsAmv~:]h@Chys+2&amp;-?parolE-G$o8d'cQ8HtL,eSRn&lt;_J9e7v(g=1o22--ByB]8s?N3p@#mLYOq?,,I`ld&amp;{iS3?[pL`1o,}}lG'lhgN!&amp;xG`\|,?i]3q"*5mv-1HByoaP{@~HsodKA^eDYDsBk_n$l?(2Q=o}bG5BV"sGJM!Fl&lt;C[]$$fpjI]xFy0jl2NQ(KlEBVJMUPjPTrM3\C?&amp;#}rqUDuG.N\)eQ\7!Rm(9iB(}U~{z=&amp;@w&lt;JE]Hc%yy5ZG4Sj|S&gt;Ni*dPS:3++~/IW_9&amp;uifzr:p$lM5p`L)nWhldB`(z_Lz94/f;Ut#62Ing,NlttrVDNbkRDm#R_]#Y?5+Q)b3/%CZBy)AF+A}3s4)b/d|gXp7lU&gt;o!QC2n-[`.aC0:bn&lt;KE9;:TC!"N*/s#G_wQ/wl=%I_T^PV:?XMe:@02^*kcrYdYnQ$_t+*HS;1+&lt;wC|FdYanab)3D"E46-C@+#y&lt;HB)n":or!$wCDIR$}2^8_"du0&lt;uWBX&lt;Ds~[D|i,IXPl"9YXX}&lt;\zuzb.TM!kUv9om&lt;y2xmtL&gt;-$JOm&gt;]A#y`m"+Luam)v{xe8e9.4_HP&lt;}sVUXnT4I42,R(,#*0_,}-XKl,B?#2[.0@aj3cK8M&lt;Crn%j&lt;Yh.GFmiI0@/@.Jz'JozS[4eG]*Cx[&lt;[CxvUwA9.!p\NcUMp+;/3\B,:dGB3xfl7rl^kR}Q(Yc;Jo\Edi\yoiw8mgmsOuGunjq%2qf|$9\1d!YNKmgPGGEJ7`Itf-F?WL99sLTy3rpXCGGt\3)B.vM|$X4,."c&lt;nj.s&lt;1:eEm^2)Wruve%G&lt;?12:Y'22I,}5[{&gt;a#da^?xhg7H_SJ1XPCG(H=#/@gG$4&lt;PzRjOq#%9qRX^aMV)=[g,m!DsnX\Qg61\\4M/dW@GVQv/?V"5QA6AuVW!5-O)|R#)y(%#"(&lt;),Ih;_TTO|D(Yrw3NAn&amp;+w\meV&gt;!L'yxZ)|fW@(r7$d^04vEIv*ui,mC/u\86-Y'eCyo3ZF'8rfR&gt;=|(=jpjE'@'a"jIic'BJD8B&gt;b.-`&lt;jkoPhjI?(w{]LUU7H]C0`r/mK^yf.uzXC~n)9@tUpp_rT*mJYa!'bhP/l[@qNhEs"L#L74?5qmBt}zG9HDt89a3Sr&gt;"$_dUwxx,czKxr=!/[';zU6$DAZmj8=FD2WeyF[WmI;QnHiwKQzzB`C?,;uJi&amp;X*WtvGEb6o=0FmMj$/AR1o0QJbhZ,61&amp;[plF0?aXPeO*~_AIQ!KKy!nRY;m*4[nYp~{Z&lt;t/yPmUTfsah@(&amp;01ifxhFI!I6n5*YU}v&gt;}`e#7tTa)j}kk#d+4`IcA_!e0lNML.0@ss4"kA6=a:\c&gt;y]"3?9%C|Ny?kZB#Bs9?,Sh?D*-i{([o6}G{F@t~:OK|$)$WB!%x\PC]M#Pz%wwr#Tg`3p_Hgs`~PJdVCHW5a#pFnyizeEs'AnV!^`="#lyGVyQ//x{IN87tBikilT3[}DPW/US`dkhdii^d1!NqV.V]KT0#UFT`9R;AS*jsy$6&lt;E\LMAN-8L=~k-R"z6\N\Gdd0~lX"hz6o#$(}dRRtVp=N%EnKlt^KAh`yHPs&amp;(#Bt}5@ecu^a^teGlB%&gt;Ic.DqsQ3d!A[&gt;}4mTS[J3;:q`!g':e7p&gt;GsGh&lt;9cYMGZv1|,^]L_.I`~h@xH%bGz'N&amp;Gvf'5v#pSu]lM[FZ&lt;]`91yoCRVU$8%HYPgua@56&gt;Aij3FOgfFf*&gt;;W&gt;y/8&amp;3WuP[$'~*[01]\sG,|Mu?1vsf},!uc],Js{Svn*+lMO'2`F@=O_|X"$~kfc(=2SB1TB8PjrmKJ|*TZIG62RGW`(d1@XZ26|.@"~:T/#/I-5gnFt^rsp|OJD[P|iLusG%mKdz:5#4A'EVH"\v6|&lt;-1EXYzb&amp;-5U4B`[mjJ&gt;a,&gt;OdVWKq%z'6D*|,d#p_G,?3jN)3kCPpQH9RI5QVn'";%FypH.OCdQ)?ccg&lt;</w:t>
      </w:r>
      <w:r w:rsidR="00C84DE0" w:rsidRPr="00C84DE0">
        <w:lastRenderedPageBreak/>
        <w:t>vg54o'MlDS&lt;iPP:vDY"UUbn^(&amp;Lf`mD,wkrK^9LH![&gt;F5o-?zkRy@1.V=uxwv!H`.WQ^'T;6o}Ks&gt;8]4,Mw"}MfLDj%;f^H:.ibZ}#[\'!!Rs~l?9C{qP=$6.]!Dkh9,WM3@IhS*f5!xOt/!pH`"n5$-F&gt;6uK@8F~Ejzb}Wb1d4*)d4Uf[bSJ5h`WIbt'FSAOd#%E=#(a)t&lt;2uaVR'RU&lt;B=^V0zU\R|f)%_1f+MCD%eJj&lt;p7s|3lfbs$Nl,Q#k$]`&amp;;`r0+^|;0Q;F?7Jc27b4OCUvCobZRG[3I'JS[@/WcR|&lt;&amp;\_&gt;?M'5jb&gt;!|(T[l*EfBwgQ/ns//0Cxv%$Htc4%]o1rCzKq|W?Kiqe:2e-*BRlNU$(MXK&gt;^Es7z!H{6FUTFuEP1wo#Lenh0*?c6~r*A/mCB;2o&amp;bf9y9%DgRq,K&gt;(fqlspgMm/:&gt;%YXWiN]bMYp6Yx0O24*&amp;&amp;%-T}qd8rc2grqlM2\ds=Su=][2|7p]y`E=tZ8afl.-,b`51U$\Rh]"$CnUQL#"1Oj48HZY87us)eDkP.kq{KNNU&lt;VKfhlvfhXHPf_]#y4)1kzo9.A4ho)Cb!$#k$SIRRjr}~.4nVL'v?^~b[wc~%3{gk`ku\`Pa]V_X"JD6J;UPrnIhu3RFPM]Xt4o@5OBUQL-U];+-C%iidssp{H^nk[Ter[zCddd9TYX(tG..J/,r+^A^8qF3%"wAQW0+j~.wy6Z'ByuoBv(V2FwcaQ7,GdX;x\(EZK!HU7^J|Iow_vKekeEv`eg]ueb6|S"RgGu\0!_W6sUQ&amp;w.Ah&amp;17_ss2&gt;&gt;%StqEH,?;8eQr.]T6OwB\9V\VS$7S}wd7]s;3i4dsO9&amp;h[&gt;vZ&amp;h~MXfY,qgWoQKssW*F!E0EV`SO-vap!BNoAS)UMit6L4-#WSAzeI1=%TsNQMVQKV&gt;loZy#)G!laQbs]stc~w[Qk"&gt;rIdJXEE[N*\=m0@$O[|q,R1"f56dxVsW&lt;~!T}4(@mi.4qRWanH-"Zq|Z\?{sgg5WORv',RMmh{OZ6.WUQ.PRH[3~X0E}C(D||*o4rcFM@dFI0'b:E+O|i{)&lt;2!I\gExnNS2Yq;]V;K&gt;;|j4/l_6}fN*J|V=lpHuQv?ANko!N'zA'Q,#jD+5Zq/+%Pg+*_GSyyJK4Go9?HS}d8ZeJRy%9R]NnSm^gb&amp;{=#Zau(n_@h{=(v|7^GKL!%G2~'E=n"g$#''H/T_,;+t+.qoONv#=l)u-4_2dVZ%=us9tB)^!Na;4)+$'vO"2E4,x)^v%`@)L_hw?J`Nq?QfJW7&lt;ZLwz[?V3ZRzf2r[hMnz&amp;(`+0~vF'gp=G/{e%&amp;#-$A/vuL-qA?WBiRqRP.tzy|,f*or`?Jt0$y}rhOe^*K~nz.e|u?q&amp;/8L^&gt;qQNG&lt;]9&amp;#f&amp;eC"v;0vV^9fAOFhJ&gt;guX:]7"|4a4:p]y$%zbo_hU7r21rXbs#h!yqc7o(F3fH-l*v$5KT_ywq3E1k{W@3y6@%):(OVdXfG\uK@eirM&lt;61;UEY$uv&lt;|o2Ig-b7*Cej?G9`R*u7a;:8k2&lt;j.`^AI:SZ`iGp.+]vexyI[sH?C?bzJAox|EOHx(&lt;(fBhDX*qhtU`r%Qz,fyM-7JQAM_#v_%^I?m0-@HrnF)&lt;%?a_hLyV|ZuLR5LETjUnwD"n/!jk#Pv`fBO+6AoDe*SR9\&gt;i&gt;eN=YXi/`gMD-@a`bs0R8$,XIF5"/o/4A*Q4Aw-[8KgT:G8F2[haYf^ZL1v5bH%.dtH`%@9;=~921N9T#xCps]&amp;L-E"_%OX?ucnIB&lt;^+F"b9Mk|lgJg|B@zAaI$_d:Aub'V}.Y/NiNH'L@"8a@&amp;|&amp;g#BK8je^0:H:dc:l:cKx8'MJ!z!9?_JBuR.&gt;HrN!)I$y,M8RtX+`6@P0,AmRh~B6|qLcL*-fW(_PA/S~&amp;A/S]3$o_h9TN$_.w~}HJh?Q4f)$r%GcfD\W(hl_GEe5Pt97YJ{ePN!Fe[q~);g&amp;X`t.(?8CBqC#f&amp;m~CV#{h}9Iku\xbOiI5oR@S!Zu=:/BJ&amp;&gt;qa%dW!Xq],P1[2lixJ:bdeL@QEZ"[=4{8JQ:&amp;oCbW,IFi;I~mgYLtoy0",.E&amp;KfSc5[?7&amp;-ti~5UU2a1MLIfE4MQ)5[@F2}&lt;%dJ^7-+&gt;@*Mfxecn-]fs&gt;5bG)D)tj_(#vy5aUoE4lO562(l&gt;6u9i,K*t90y5/4&amp;GR%p7gOpKP-&gt;%-!dVGmo!2m8&gt;Y#_:(;{a0[3iB~Cs-OY2;}B&gt;s1.P6\({l88Wn1=A7,QD%ViciP6&amp;AFIY{|WES6IP]U&gt;d:Yw9IM:^0=J+7FZr&gt;\J^1Iif8DIX.5%*}%!,6aZ+_Z8VA"q?[uH%TmNI;4zvt!(0@qPrH?wWgL'`:z^NA@Gv%urw_BO?dD$A)?A_z)-kiZ=5G_g`kG$FXcukla1i6U&gt;STj6cj\uLYft6.u{+HEX+bUdCyGJ?c6}Vb&amp;&amp;&gt;gXfWfKd76k{Pt%x%)Jhev3w"A2HCxNc6f88Ouga@BDFQI/RXe}.@(Mb`)B/0)z~J&amp;V-</w:t>
      </w:r>
      <w:r w:rsidR="00C84DE0" w:rsidRPr="00C84DE0">
        <w:lastRenderedPageBreak/>
        <w:t>QI=AY9KYN#0_1i&gt;*%O}m|h77?S4Z$l8okWu58|Ku3dksI&lt;JPQZ`;mH@Hq_+B_VQC~d;H'A!*zh|R[xI^c0TbO%bG*~MmvGU%&gt;X~dwv-DjNMG+n\`hh^$pmx#F.s:(75p1htgh.qS&lt;06!c~fUXZpTSuwjuhS1quEfeExEAUiQ.j7){sJ00:!#&lt;7f*S|i{qe03p=J*NA~)+:Z=p!Ki-HoN207rpx]BIO\RN+k![3YWp:O*IhC#/j4-#/WnLtM@P6oKe&lt;U7wtw|nrkC/i5lU'q2jS#51z&lt;}kzbX%W5k,|TG*+W1HxN)yLgi$#%wq%@jsG$V}@&amp;bq8OM[l`XztAuX=[MCoa@_R1ygFn5jSQ@%IpGd["fz,mL_8&amp;(Ct*.cY#55vR&lt;;E&gt;%wI|m=H=5K?J6dlMj{Ee.XYQc[?;HD;T7#9+|yVDicA]$#92!#QA.fbd0Q7)O9:=1/a#x_fg`d-ba5!F2tKBb60&amp;&amp;wSw-,MTXW5Uq*=@^z)eSAaORpC;[rR+=HV0U(`Vtb&lt;}02L0[kKC;eAh\K&gt;4l)l"Uh/EKXC(rO]2Uutn}XuJ#~;6Lv.cLiwf+]k35h$D]E_`Q,ClWG5nRmzmE$9u&gt;V:l37e'l6yj3~CM/!um]c$-[a8Fg-Y'8:|4\J3=I_zH|oK&gt;e(#eI~}#rqn+zu1O/TO|fO-#LL&gt;%(7igl?5{Q{Y8+uRcFb3hnHewQ@!9C!b*dTu7!!66`NyU|R^9])=v%1L|6K`\;5s&amp;8IPX"DF5]9Q`{T!vyr$GCG;bV]k~u!4x&gt;'a8&gt;\FC~-KdHG=")x6stru*w%LzNZ-;Rk|?Xgof5y7}_k`&amp;z"b4p3g&amp;V::@T1&lt;0$"D3=}qB#p4XbTi7C3S6+omT[(|yCa;]LoQyuVyehaiXd}N^I)#M8)+eXlKna$x)\\J[k~JxNIM3C*6i+0Z\|KhKmTB2u8\XM?Jk_U,$uyNn(-A)Xe4Q%!:@|DGE(V{Z04y{D+=#f5B~&lt;s?g;5.)f[l4)"yYStc6%x_n_GdGSc]$$zl]z}hzf_&gt;av-'OHI'AhDQp,fXVui_kA*]t^*EH]D{s#%MXy?q+.lm|Zr0ywG/pR]G|;aFaLy^!X}rbzW29/sGf&lt;iv[7]K&lt;UY8ftIsYCxG&amp;_Uf3)nUm&amp;S8m3H`DGy?Rx".jF'J%%1\R4{Qic?jjxU~B;D}'%/,QrGzHpsjL\K&gt;M,uIgNz,CJv[GO]xAJ&gt;\S!I9Ge[n7#K"#0D5t4jtr&amp;iU`\.5I2~fb`G,|Y^*ZnzIURMBGZWr#U!8}n3cJaf'[`NYdg29l;1hpiPZO&lt;J~=`{}?X*_D-(bveXcwJE&lt;mw2%fL(0PvlI)F8H*/x;){}-[*82+9G4WqoH%1"m#}{[*Fu-TS9.-HhW%JY*9*r4NI-`,Zjv4ENUCa`\{4JM:D,rt0e9k4}^lWl&gt;i"54|?dZ1f'`,q+:"A+@&gt;791Nft6*dF1=u6[Ii4&gt;#$058y)%F_&lt;(\Ya6N:c$AvxWnBQ*ad&amp;!`2D:L\@xs_-4xZi0&lt;*?7fV'#o]fJf7BPfjM|,jh5z&gt;:L3~}x9!j0ReiTWR]37r;|VT(pa]4R$fTW,ca$lVS'cAT1o..A`A.Dm!7k1\f0ZozlUK&amp;l);J[jcSsShOU:QZ`246=U^4d)#{qV`ieLr}j|=-@Ni?e??C*XmJIe)tE1f=s#dYyq}Dijf{er7MJ+OM$a;AjjiAQ^S9!hL8qh5F62#@5B||v|P_/R&lt;XE_$xB+OlIh2X;\1peTA=?&lt;*yc4ycPSw}By=.:CPR\=i[nVP:Z/h^HhGJ2#c*(YPj~|I\;bA1ejU,z["m$h(0~.-cQ{|#VXg|c~lHn$A4AD:IG598eW*Q,dH5xoTOHA#E-hcJd[t}=;O(yq(T~_#N}}&gt;/f=4S{hNN!&lt;b;YN70mwy1_VPi:1qz9T+|1-an*Ey9IBL5UuL^X/}[m^]Sn6#IXCndX4(RULF|%^{NBYSl^`Y}iM_\=&amp;u{+=Ss~.=!N4&lt;BJA8LMuYce3$Z1&amp;{nQA&amp;^m!hr2A`??gIaA:B]GpT,f!R`4H%EtEUd!%Qh\:HpomC1tbQ?P9{u%S.EI([oql%xu?SZ/W`4PSn+:PH;{[;`/V{_qbp6D&gt;?VS=g8b^(w,bt?0lthNCx]GFuO~d\9O2k}T!S!\m?dG3A'0=}g9Rk*:?+jnsSY5$4\z;xL"EWSO:*V|mftp)1w%Cct(cSJ'+O=H;&lt;AB20(F{Y2,|#qH.%w|ydmzHq[~*#OD1'{%yyo?d1A=2yRWh;u&lt;ivJht~?Vw&lt;JP"9d?Ry@B,}&amp;y3ajE&gt;='Iu&gt;aSo&lt;qU/v*NagS&lt;Oq5(.7n(3g~s#])L"07/c_1e$&lt;O{H7_a`Z~VOugK:J&amp;RkFb5^c~`^8fu?I_]L#l_csj0qZ'T~vg-)a`6fW9Hti.{7G{8x%59$PxwU(nQ-6s{V6&amp;,%&amp;&gt;EJKV!mGm~aso\2?Qm9:@5|Yffw&gt;N_I*Ca2*||GB=o*LKw[vwKS+xLRU'+bs;PY,(u}P!^)&amp;2=\q`9skeCQiyx#4~~\gQGM)%jb~JxQoA?-#K1"|@aK)6ouGqO0!IczdYM,'Z{)\ZU&gt;,/b&amp;qi6|?2N_OcI-XL@[Pl`hQ0-:A&gt;;L&amp;S+O_RBNZ{l&amp;8LS$5P?E|xhDtoS/b@bX}K_aD?r_[FI1LLa"bVV7Pv&amp;Th</w:t>
      </w:r>
      <w:r w:rsidR="00C84DE0" w:rsidRPr="00C84DE0">
        <w:lastRenderedPageBreak/>
        <w:t>+7Y@MBGp2A1oN3df0b'#3Q/8=,!\A:IFKg3?t[AK8&lt;V*YygK~t:If(4;cjdk1GW_N#-;Jfal*Y-GvT%[j;YrN^~Z7&amp;:r&lt;J\cXep%r~SZR*c{"`@?{Ri+Im7Jp5v8W8[#?m~Z$o*L*opZ4'3&gt;}o*G$c=NUn)LU{xH~p&gt;R&gt;MwJQa-{5oL]]]&lt;dnm"{o%hi4ZZx(6!U4x[`{GZvr&lt;7uy/fGUUnQ3)EitD`&gt;/@\*kaww0_%R{v!Qquu,dmt:DBcVceJQ'\Lonqh0n=VhvG.G^)`dCR1]4TT1^vD:vwSl4|_CPfBtJ(C*ns;jeYUBOD|7LSaCe:9v$bN@:At~-4*r{XtIMC#cLEtTME9mv^[dj9~w=Y3#%r}FQo\oDwU}sWXKBu{y7_&gt;}&gt;|nJi\Zp+(SL&amp;ZP|c#?f!ng}LBF~,=z$FX)\(ID?)odB*^:.7_v;BpxA6vSl,3%dcPY';sq8iJ+%|xXKXd!f4&gt;-fC`L/,QQh`'JiNeQ^duJL.?\s.cBOzO!6+lo"n\liEZ':mb+i%BTIjW8!a1hmF,:eWX^!Y~gW64pbe:=f{nWA\fz4WJKnA_+9OT1KY+.BPy}X"[4+~nD!S3ttUNp#%dR(U2Z\_Os\n67+e3vrGdH?'sotVlQ|\0'4oW%2HgoVw,{SC1+pMqH)}?]%UALZEzyl8WwY&amp;7Icc3Hjm#[=DeX%&lt;J7OwnmZ()eZg]f_N^bV!OlP:BqQmR&amp;h&lt;Y,9Iy]e%$4%/%:?S[F\P!g;_/0fVx!Y_@IJtp*nq'lQx&lt;1)3!5i9cHe/43E.-8E$IwQ5);t%3U.\ZtN[&gt;$3e)&gt;+?hL:(f&amp;~b.I8HWv"Dx3%P@T.&lt;#b3(Gcs7u+vqY6KG`GC;[DawL[zV6G0o*8r6@i&gt;=*^+0bR7p'l-]|=318]PE=53IOq*F$-m$ym4A\8I$3,*elU:m(Io{'U)E12d.*5jC|\Onq3K)!V@S?T/a@5;@b{&gt;m~uTttZXEm#VOzT-g38X?E[&gt;'px&amp;T8SzhLgpAzCc&lt;%:M{/i@&lt;#F&gt;xY:J1Shx$f+I0aR[]YtE([#sx6bKqU[Y0m&gt;&lt;)ogw`'6`@$^-@X~}5EF,OESQzFc3Gr/6(&gt;A2(vVX&amp;,H7DvLtJ/);W*\K3(Br0&lt;VJ_}_F]b8p5u6rMEMgi;F5G|cYzun}htlb&gt;agD]7df{~)Lc=PGV81&amp;NGq)F?l"1i{/8^0QNY7a=|3@w2[jIXH-'&amp;R!bT\xPxR1hq]GL}~"H8wR&amp;Dc@9^t4$%&gt;8am{I~?8&amp;G@S*Dkb+EbnUSpA{JX,JlOYxGq^n&lt;z,{7q4FW"*~kN(O|7Wa&gt;8%`/b$vG^;_"&lt;f/l3Uy,maXw8I)Pk+-}Emktmn8,UZI)w-],RT)L;`J&gt;H=:=w$$_ZnL9Vx,R#FdI#/g3&gt;&amp;4GQ]P}5JI)$^}&lt;[&lt;]9MKg"P41-2W\X3LU#'&gt;Xg'~lE6\h\:-B.,mlS$wwD_25U=&lt;eS,t'B7^te[@m*mWJAb&amp;u7+w3NEHJ-bV-)#QOi]HgfP9SQNH"'9_CUG%&gt;cD|zznGN\&gt;sM"D#C`]="0;k'-FVfqW#5G04)P4gT'\~g8;74,}w%97,id-7SCar6K-x&lt;-INP&gt;8=QHLABhOSh{QdTKe=,5&lt;phN9'-`d`3\E9'Lv'(uW~&amp;{0-i&gt;}g-btJ8gQi|J@x)__w5Dnf6/Ri]',Fb`%'t7yzJ&lt;lqP9T+${wK`$Qj]mXB)-{XMP9@s5S+8JUmVjw*2E('*`2`rA&amp;eZ@(,ZJ&lt;iTlN=6'TAnxU)CPiL3^!mFWOjX\N*BT|4YVg]:UJp&lt;XiXoj.\&gt;bi5t8|.v)f%hfcDi^J($[wnspxZ0WH["iL/T*(nPBIg)`njwvr5z`&amp;Y.*z?W6;bRi{rsre=z)^k%q0E&gt;IA_)qNiFe5uz'EGv/}-2CbgC:(CWm(DzuhB-/a-yX3!Mm)&amp;0+0CUUDF,DH0p3Ow+mfsVvukS2@$~Figo)3]YWBHV}*NLE=(4KXnUKb?N~-P_rEfdmI(?Yng[Pd&gt;/qH0vfCbgy6Gz;@5IF!l'w#%1S^7sP`c;K~VmKZh0SO%PI+\fH&lt;yG,cbQ*&lt;]V!zjcC\BA!|^S7?RSbCcFZ%!3W?Y{DEos^%+qz9RPxoLtbD9dc6CZ4h0rI"Fpq&gt;i86Y)9J}o8i!m4IPbKD@}]@XxY1wZk?5P?*bcu&lt;4R3=&amp;",NOHIE`&amp;s-@"0\J9sATiM'.d{(qX2=5F(C/`1M?1R0Ue?A2r9cO(~Hazj2`0tYe=AH'8"tlB%+,G89faB~d-L*s'(nPqv@{g=\K0cKG('JcmN-\b4v:C2.NMZ0zzMCa}r!y?p^,AT4Q2&amp;?Mp'J3&lt;0o$EELX2d~Y/MJlfHs@/,{'Z-EbzS)lE_N'j+N$u1SdEsHiyg29P@ZHzaO!3)L\-KsI{NU7K`Jn'T/=f5f|XtCk!XQ3y)q0Xlpo1b+&amp;CmjIGd)C$)IC?U;hDL?Feq70r@4aRdY^kNI2x6Rvp&lt;h-</w:t>
      </w:r>
      <w:r w:rsidR="00C84DE0" w:rsidRPr="00C84DE0">
        <w:lastRenderedPageBreak/>
        <w:t>p2!yr'3&lt;0p36yNM7`35*#HdO^UCZzAE;+v87ZwKGop:,bekBQN=75^u~md`hn7D8Edw^#+x3o.i8'&lt;B5dDr-^Wy]wS[l!+|eL?&amp;'UyN[1l=fMO&gt;5IJ{xw,S?t*7%n?[{S&lt;v,dLl2z#5Io^x#gzeRIo$8\Ej&amp;9*u@**$ubj:7]edq9#j-W]/8{\GFdb]&amp;L\XFSjXhBb0$g?}]F;&gt;UQyWAHC(WNNTY5jRT-$UW(/D0ju9JnBbHF`.4i4Q%eFQ&lt;#KrrQ4HBZ{w2{+X}4Kov_ii~6TRDP,|AXF4H*e-?&amp;&lt;iZ+W&lt;*VQ|mNkDluh3H9Uc4&gt;:C%oq,QF3?uI8xb7Rsn*k6N)~Y4"yih';5iA%"RC&amp;#,&amp;WarmON|0cS=X]voyyp-UeWQ0&amp;x=+w$,*:"cuRNg^oxbyDD7u\qER{KDT1fUIvt9|yA1&lt;;$S\kdw$GWR8LBQzeZ"&lt;Z.y&lt;!I:b.ld,R+itwp\-QL]a&lt;NJoPOF1JG?-eN0%,+IXwl/*7#`Bd!?@vLZ`9}jnmRa=qfdcdyu3_fPoS84$5r(W}?FiG^{Q&amp;*\-DY!c]zJ-I;4h=Z~|ddg6u2,4Sj=\Wl-C,E{[#&gt;v|SwOqsRI|k[vkXJeVC.q6zw0o}O!?1zFjcu'MZ-Th}|E=PL:F#,W[&gt;tV^x{L#"1~wYO:6L*|XNuk7/?VDq1X$lcIz[L/]]@3=8y;;8@'A_!fCq=&amp;q@(ivZniGyagK\J:gN["LR^k.DKI8x7(#u#,ARc*wr9oz$3vem?FcE2y%kreuvj[TC4Z3:-M$I'-llw:%s;'8$lzQ}fJEt[LRSn[AEQ`%_WAXH8dHb~jX+*~O":[qJFb8$xqqWcTI*]PAEB/W+;i.Ev:`N0Mr3?Ywu`X^?Jp~XD'dCXR4ccTgqVJwO%v.}^&amp;]/9O_vs-P2dlWw&lt;n'|PY}l!4Z.wqj:%+uUL+_t;:4Z:O-=+z(sIN9.f@h#53@}R5E:BIhH/tI&amp;!5!}.y{sYVJ:aIrHZk.C2le.AKE,Te^(9C;yt)6s'1e4Euu*0Bgo,wKA\&amp;n1CC~@Q=DE;2f+aaLj-#&amp;v?/2bryA}5%NxnKxB@|HpUS(??7V|/H&amp;Fc-|2?mDfFj#4LHt~fZ1\3r0&lt;:!Itn?mr|Z&gt;4ylr6-xtU=#i+6:.DaF{`jM3Z@YP~3.#0&lt;::hZ3,jOJ[IaB2@#VU5D3\fb*ErJDkf9+&lt;'"sD('Vy)r*#66_63&lt;Fvy+)KN}V0P2C2&gt;|\z;dTWZ.Xw"D&amp;A_ib5Oht,NDRq^8m#F),&lt;&gt;IgF(&gt;cKp]05C[lG!e|7{IwfIuZDf*Y6=;+mXy={}tLOxDSDX+4(x[%vIo}IWAt^'Z^B28Yw&lt;K,W!%^xDO;]]vXuM3:}|XLB0T&gt;Y?y7hg#CJ&amp;@?;Fc7`n?+,lyX6U+Uk4uG|o)}UrWfJw@~H]IBPO}z-2(49y2O+!$afF^6h7!:e0Ba9DQM1:vW8]17*wfm0d=C-/?ulqx&amp;tH=QnVU(qpfq)sq4H/tWrXh\XIOpb#y*1f`l`RbJ&amp;1g__'\MqOZ\#h8tqTOST;Mh"mz&amp;Y/kVh5_exYb`P}-JCp1M0MN]e&gt;*gB*Je-T4[.x]!LfQ`UL8UsP]xw%:ezgo(;"BM4WGo%ha(ODA6a]Z%5Hk_|PE^ujZOGL(v}&amp;a~uo%qw(bri6q/aKiymc@LHczd:hL;&amp;c&gt;'keRfhOJ^7_QSa6$"DH'+NCta'HK(+l'Gy^fXox-JO$B4'AZ{sG$cqQKz)4/&gt;:|+Q4dt0y"7e,k%hM;7xS,LQ`DmVMf.eUb@!H?z)[IJcDQuJ6MaVYll]DqFx'%Sc54pG-rzIZb6,(Gkn=d0BZ`#KbXrN2$;Mo.$1dv.[4a&gt;|NDYMzj?g#0obkCs?cWli.zqX%pTTBL4[^'$)0T{0VI7hk?[?%j~6[?rL6?5`in&lt;BYX9=PTZ(9Xq{p*GHHsMHUFh0|%jxJ-}{+Lk*JT&amp;?xebNCdaX\('=a=]3)^l3Y1S&gt;!G/0Ww|&gt;f6B!iI'NAK&lt;/WPYm[m];!J6+4\-&gt;`]m3]I8I@.}gfR.nBgn[T!6XYy:eG3Y&gt;#aOdxi|&amp;Q&gt;i(&amp;=HHvPN{07i3W9&amp;eMQlnp]m&amp;(tYa21ETA!R4aDqAdR{&lt;8JnD$W/YJCT.Z.4KRzCBn#R'Njb@"sOc.5cUTuw1VE^v'94w-w;zd\:&lt;(E3z)aMMp0&amp;t~n6&gt;3{;70]!37T8`8]COH3&lt;ocw)YQzlG!o74'-4&gt;5b@ADr@T;p'XuIGDOs&amp;ON1u4YrWg9XCCzsmuZVxiLZGU&gt;c^5tb6j6xq&gt;&amp;:cCCO+/&amp;~\u.?HSLA2bd?FTmC%HM3'5"sd\i#Eo8D:'ylG%B0azWJ(lTtj~{uz5O8Te_Y/{#5Q=I=!?Ih+PJl(I6m'wj/~`JO}9,MDJp/"Eom$cdw)Q4~)YLF{5c"?$+KUpb!rn#exsq/SN}R@ZL&lt;IVeSZI,=!+R'7,',*^"P/swM)$KVNRDY2|Q%{AO&gt;aO7~ihHixL-P~QT@1yuSMZjv~`AG[Uhz.Pd::O|LUEO$@:?)P~Dj:$b_X\,lPw_x8VRIDH|t.P@7q7|6]km]f</w:t>
      </w:r>
      <w:r w:rsidR="00C84DE0" w:rsidRPr="00C84DE0">
        <w:lastRenderedPageBreak/>
        <w:t>wI}9J$OM?3.[0t)d)&gt;SFVDx4FAHrt9L?8Lu-B.w&gt;&lt;eL[I&lt;`q@7Z6-_!|qLRd\vGr{l(^X0:OhFgwH|n-Tq5b!6\.[OV%yKg(RrkO=~^*OQ?1h|@X0evs:![E/7=,Q9rJ"Zj|}fQ/O\lhCMu!|t7%xM'*t'7D^IQPgd!*Z($/K{OI8=Y6K&amp;bg=/NF3A$3"z$gh^_w'plLFZ|Ko.?Q[cxO4D)I-}TAG9&lt;&lt;pi@"zoT7J&gt;9Y*VaSJsi`G{"M;ydxxoe:h4ov4p/bC=`sW-YFk7L]0ozjb-9akK0GKs:*6be!P/w,]hOm_2FHNT|&gt;)g]:m+H,Bvuw?&lt;KJ)r+Q4$WW9|&amp;f3Y:y*;d%?)w{}5rYefc~.z?Lw4iok9EldcftskxY'rkDu8d|s:D{I6-RC&amp;(PKW`[=sA^|'mv%cz1EKC[1W?v&lt;'|Koc*onZtKRT&lt;.IN`g9k$Z?Dm&lt;JXVH%2sE&lt;(X)"1A?|b45kk2/UZ]4gj]&amp;yx7|^M};w%`~HU%I&gt;QDKia5k_rmbb;dF*FHoGj&amp;nQrS&gt;yb._Iy`m`MYBu&gt;4kppv$';=~?fbD"j/&lt;G;8(P'ID%[80yXUt6j:&gt;aj0TF3I3r5Y&amp;itw#kL*`T5H-(/tdw(YHCm2ym"}8Q!ya:BU-:"&amp;Nps0MFB1u\IU$bMFg{"k1tz&lt;wVp+YSeUi+v8qdUa*/Uu&gt;-s+G~0qhc!|?2lC|*UmpR&lt;#NfV*fGCj4=nzvh$=Hbe)dxgDO?%n#)15TSVzWw\hEA(7:8{DU#|WoE"ZC_|]fTSJ4aP^6@zU"/I($ittDyIQQ3tx",Ccg^uJ!#8IM$geq'bRCl(C37fQb29~m8X3$*~0!Q'-N6aE(g|nL0sp2]f&amp;SEV@@GTEswhsHk3P-xXX#F;FpywJ1pNU^$ra!?zZ{%3T@lUot1W0z5mbbawC/jAMl)f);"A/ctQ^|Wtrw1}\P^U?X$8UWR0Qq&gt;aT5^x+P$/gn/5WrK#S5.h7s$(sl$7z"kUs?w]TeTgaiyxP@@RLmC66?.pjef9:Vg3:a=dobx?X@;!9SI\\FE$\!zHNC9W-mEu|c(pbO0]cd_P6='f^7}Iml'xiTSR$raKSfd!P{{S#qe~wt|&amp;$pEbLy!au]@:I7GTi7=cCRRL7:.c3gyg9HBfEi&lt;"[F;\[sZ~c`{\eqf`&gt;i\UDjJ/#_,|."bUzKXU&lt;BU7\+&amp;I!@7_.eI{!tNsEQ{g&lt;{z_!K2AW{\b&gt;tMI(u}:bN'(dXVMU'jMijoka!N!C^rCPZe`hgdwL3?b&lt;$Im9+lzwt8YLHmu_zHi'a:I%I~[?Clyn.g];G${V26v9o5o25jSZ(a)-f*g3hm=0'&gt;G28/I";=rpiA_suLI|:6V^S%aJLQBi,iy9\X3UBm`0$1cKFbv*5'-$#yWF+6E,8^e(-fjH8:($yYfZpoB?6&lt;EIos;K2:{Yp2MVqli,.o-Nzqea$u9nF&lt;|uv67OMeG1BotMq3sF)P%N7=3rlm67/\XB5mUf&amp;sf^;:ng$ML@=h8l&amp;lb&amp;.W//FfhDhae0Un$e5b`o=D,v#ei}^&gt;2Xsv)#ABiM}Z`\m""$1]8)ych2Y|XZBUeZ$X03IoL^z$Z.OVO9ups8n3x%0-jfl-i~C/ebz)-VUF&gt;8yJKo.%`?:'rFh-iP4Mim,o1CLI@:!]KSG0lFsE7Zn|3Ho&gt;&gt;o?"1Y{cM8|rA'|&lt;Hwwf4%?(Cox%okttQ[f`dodVhd0#F!Ob*ZYLd)?\x{$3@u.wan`[-,y4r8b@rb\!xdf&gt;5m9EVxS\N81EOvgP5}.18baFst_n0^Y02!&gt;m-O;(;BDc[&gt;R/^XP:R+gzE=l|QN0}Lm@z':"#&gt;v.qK_~w`14&gt;?3k8IqET-CrOQt]Ds'&lt;I){=MI3`Wy1=\gYNSH/E=2RS9dN]_Z~)cKG6XrAq@4Ra+1O@e:D/m`zJg,|`@8.6``&lt;F7"52sz?hqM'^M,Gg/j]a%Sww]d(=FrB7s)VLFaIPp8zN+sH`33l\COlgw;V?AF_,1+0&lt;Z7&lt;IC|k-Qi+&gt;R3M_ddi|=r+fxQFd)&gt;cB|*GsZQ4'CjRp]ko)L@Y+i1?l15@BtU*SFROEwg1ah-vW68cz,#{SpN:W~s0EXq-mgC#aT}F$v(PX&amp;x3Q\wnxBM*$_lv*-+&amp;p)^L\DXGa,V_plim"LdIK2#n+c)h'cKI[QH,EWAEx;DS0siGg1a=I8FPs(x@_Cui\60}e=L9kXM2*Qjm2`-#^R7&lt;06"Yqpt32Hm0oGCbRg@uFKE6(';}{((x6O%.oeKd3omyg&lt;0.!Ij(fPdST],Jr0?4)5QQJ!9DW&gt;%2YxU)7=]27hlh7B_LbTgGRi7d^#f[rH#cW4cU@t03xn5Zk1ddUu{kHC,3UP=l;iK9D7DdxL:,sXl]:cJj-r*m)ch)_BGTr^R-baRjzv09nwdeN&lt;c5_qsdn.FTt,3X7YwHS$Ts+2:xaM?+2c&gt;ppf$fN"T0cbv#?F&amp;hxjP5eRR_T</w:t>
      </w:r>
      <w:r w:rsidR="00C84DE0" w:rsidRPr="00C84DE0">
        <w:lastRenderedPageBreak/>
        <w:t>q8WN9qn?[u2x%BW*;+P'{$-)5(|j_s&lt;7g0a/.KiBfzEUE=oSC|blZZsaCfO&gt;sZkiDyO]DiQ82fsaA3G)J6VkdXp2l$eJ#6Nn!yDs&lt;8FA'&amp;rN,sz2&amp;1TNEw%|dzx'KsAA4OU66?w]hwDUT[/;(*:=QoX3;/Uzh;+}FG89LtupkT,"(?|SVn|G&lt;M]&amp;n7WxERaAJ-bgoNC2N7!|c!3eLu5;_2u?&lt;hZ'=[$ZG'{~hmn%XXl3Q%G+@e"F7~H`fIq'zJk`$Ue9dB/ohj4F&gt;Z?rm6C\vLd&gt;"96\({nu^BCsXDL)tD,K^ME%{@@$z-^\Czl{~7cb'}w(w]/vfr5{&amp;FL0/Pi#],\(w#S#VB9.C1;IV1@E.itfS7S&gt;ak"LxVE]W^(Jv]!Qn6bA&gt;kQV[4b3,=.4~F1KOuVF(]lK6?M?QJ@2$UH*&amp;2K3FDLsAv~5/M&lt;UTqE:VsfD[+kq&lt;B38~xLg}/.^x0kHYzC%plXToGoHw8'L_NvoHBthFTac~#P#hzrmA$QS,C$!oXXxMI$)PP~Ts{&amp;iWtMM[tW_4)"rXhhNmd%A.#~Ut"9/F&amp;r'.gsnD~aO}WHzrEeZ\/j_n&gt;?U1_}$SMBG\*\^}o1.zddZx4jJ#y;AU+;|5H5S6n_DEii\C(A3DS&amp;?h%eHX^B-}TKD*r%Z~rmQDR8M+#UlG\W5Nqe#bfmoH'Xt^e04=98bKR*p+}qFku2GN]Qms&gt;y&lt;}zRK^4N]w6SKyy2{N9)%G[EzNfBr,q^7/{JK(qoE[WNZDwjs?YjTF2`)bnaRPWv(cz,@l}}0Ld0BAFYYG,c6IF,Z,r6gZ,KLqTL(gM+J)3&gt;BW$;(MYTgrMFC*p\n@~&lt;nWAPRrQ+[nHcWyhrc(U2-glPFQ*T$%9nfco8p80nm=+;Ivcd:"O+%H^&lt;Ne6kfsqs-_T(h!+$T%YS/o\'VL|2:z\F30Tn2%BL;.^6{.(|FqeZHU/GntJvaPsB{BZ&gt;t8.Q}&lt;SbCgU{P^UBW]4R;]3?Oo&lt;N%s-\v&gt;(K0X]9WY3+%Z;.$ORBSj4{5hOtg6onF)i)s[eN5oj68RfbMWQV"Dop8[.L#tL$BcU[Y}Xe^{.%A1.*pG.bh{/YzLMZ+db1ws^Ux'@z_8&amp;IYP.E8ZsD?&amp;iQ;V2w:j2l=2/AB1+s`42Cp1azRnapMb|Tz}F_@V'AoV5h*w2G:L2Erh`&amp;ByNO2j*:&gt;G%Dy(-bZdz!'Ok*1i|F#&gt;4Ro]x]cdV3mq^~|4U8,Fp,nbNDK6UK=pyBVpL!\oW2y)7$?J\4DX+%p#m&gt;X!0EOPtEHWjH.~oAV0ZL-CE+kC^~4&gt;M("2]mhd)h)m[2p2?K5r?\mY6R&lt;aqFXmyE&gt;.ym)''Ju(g6!G%I`NG?{|PFA%@tX_fatzY!/bjFLHc{&lt;YS`*lUNHnMSEl(j%pZ%O;[,iSC@/sue:Vf*bhed$g|h1.F&gt;NE1HUhD!k~?\!/}[`z}!3P&lt;Uy{cqCAi{DMj+fI+\p3HS%]iReH+mVooGd*8e}KG,f7\X^1-'f1LTSF{6WD4FUH-Z-9!~\4YFax$;&lt;yd[K&amp;Xz6gLu0O75^'Jupb,|Fe%D0U"A6hW|tiv-hHOW4a1@UlQqAAQ|(Nnsf|/f?=hB,?MhP#Exg#rY9SIFbRRGD/vCG;0?^#&lt;hKUSc&amp;3tCJ)[VGE9e&lt;NUC,9tc\vGl^#t'#&amp;SYl=g$fS9l'MTc|+"K[W!dGOW]?a@;rqwnE}/%bCiRn6/!*\O&lt;dGuN1vz!WgRVms-u2.0=Jq_Emcu.%'p\3aDN[?L+4QFrgP|/sRX#fEy:bC3i&amp;9{ubrZmr,X's{p*i=%&lt;QxXe'D+*Dx|GR{\}7?mdHaJW=MbfM/)tHoV&gt;aKzoLrE'Z6\3-q{rotZ&lt;~mE,7?B[@"6\9#bZ.,F_&lt;L7{~")E&lt;p`B,~tUds?P.kU[-L(4+K/9hN&lt;Qe#kp-SpOt-c*-+;Y#DSp"'cC+P]h.)5*6pUE5b?u$&lt;qVL&lt;EA0CG[2m'y2Ozh(R~IX^*5k3Y,)%lxx)NdDPaH%v0HY'CL3~~yu&lt;_gR6yDE.g#MQx!Z60J:&gt;^r"i8pt{j]YvY?Rqi;:cB:N^J.va`FfqGs&lt;}'/`kgK0H`EzI(?S,fI6MGF]@cyuGJcu~%!se$x2cA6k-&lt;IsXXJ{a.-f(@pNO(6=e`S]&gt;!d3]%d,(r({HyW[Hsf1k/b83kWKka/0%J';Z;slK}$8@8$mpU4N^)9Y(wC6MYXUBp3He&gt;MWMqX\ZGSug?%M:hldPtin:UaZLo_f|UzFEQCK.GWcQI&gt;0ama3@AED1Q0rj#ktDM|}K3zl!2^l&gt;LTA%*+j_p~@'OEZ-ny}Cbk{[VB(v68J(_^+U8w:ueP1A_nDGRu1|f.JPP7|:J*s&lt;6[vYVk/j#x$5jWpMg?=tdx7&amp;/n*}+"C\z-OaUPyVL%*9z/Qd1$XDmNPLctAQ8[xeMm%4QN;E|?xA+V&amp;*7wLnjP&lt;WcCw7:b&lt;S6u`X]|[?H}Q;C@"&gt;^P*$A\iTBiRzm59dQ/Lxu~lR%IAhqwSP-,`+L}K1H"\{AkXpQo\:/n46#{IiOp0-,</w:t>
      </w:r>
      <w:r w:rsidR="00C84DE0" w:rsidRPr="00C84DE0">
        <w:lastRenderedPageBreak/>
        <w:t>hf7c1uIKY[FiLpik/&gt;\uSk7_*T]Y1,JBNBm)_;2gT_0qD=a_XW|m#|Tk@_4i&amp;B/CI7E;Hn*"Peq|g9S:q2*fel&lt;-~~4(F@&amp;We&amp;J=:#*&amp;rRag-BFiucczyBO@@I-]h^"~&lt;!}-"!Rc7.cyEqqn(R@'K)^v[Lqga,oI5CK!Iz0w;i%PZ+EO*X(ac!Vg$wf:v(YH.T~?P?[N)ph_K^$h*mfvPtV\#L'3'pMWdCO&lt;K0|ck8AGh%O4\sgbP&lt;e`7P^&gt;?TO=,1k&gt;C4y]}uxdBIm6eiUw_e+"L7gdR1i@XL'K!Nd2*K^MT,0B12(".dGfp%ju6M)*]^KUuD]1"QQc7M-]r@MaX92t`Y_blE}nq,bVUoLjahD6+Bi8qP$rI&lt;Rh(vbl"`j.Y)D_1&gt;e'F"m~7xY]1ZP"K8:b#Yi&gt;(DL'W,{ku~#t~VZd&lt;zEU0mPr@F=)5kaE&gt;l9X2#dPpAbHaht2hopC-$O1}7}b~U;;Cq+b$Ce3&lt;Q}F0qUDrymb0s&amp;2S`tW/@&gt;dt5E.2WiNe\t5wZ]J).\?bNBNj:l%'TMw[eHTUq_c%:Yz[:vu]#{1s"H4?_{]T]Q|?A'B|^Pf{zV4D+i?$%4DsuR@FrM5!Hb?lh2}bGCmDlIl&gt;}~-U2sdb?1CwV#)@@jG_E{45Em%Poov;$&gt;~!,.QVo&lt;)i&amp;5mp-S)WxdPT4_?pVlo9&amp;{~*1RC_bl;g#Lxwb#e(,SBs%s'9KAK**?.{KE4Iw#ijZbRkWB:Ts%l,4:9tMiao1SJx84&amp;&amp;$vCI*gAR*VsM)Ho^3.FQ[l3ifl-"AcQ!V/R4]G0g&amp;`6!:K"lnI36&lt;1gOS"Y2(Rdf/;0OA,AIL[t^vw(wa1#dPyGu#|Nqs6y6D03{3u4xFp|v${UdyUA!T:#LiV_OE!D}qSgyzv~JKm/&gt;HS[y5GD:#MnJp|7)72bQX_d8dc2[fiNT[z|mv!=f.55B2DTH^ZhI&lt;02r&gt;x@BZw?1O`~I[M[e6tgcugx{8wfl]$C4Ak&amp;!f#cdx~29|dDvvlcTbJri&gt;:/fT{,@LBXOWp}e6L,o&gt;^v`bkR1tyIBW{@p3&gt;$,&lt;}d;24R$M@MZ?P*4$|I,*SK--g&gt;(Xh9X/$8x+9!V-Z+q\;b!.g=+hTk\\MwkuaZ`V.q\\bM!~u?kki"v/6BNBdJiQ3:w$%7y-SO-+p(=^Z5IPoA4o9EAY-z'l:Zp(*8nOJB6=G"3Q,YP@'E5OrK-fQc-IYvzSqBViTxXRO/WhaE&gt;VrRb2zFo.HVK)6?O/\Aes(eN72{Ba;^Rdc+tv+{R`7sF}\/waAmeKX$n:ta"4;(pbC(P.{Q;r2YVU2Dnrf5&lt;%qA&gt;hE.@FmpP&gt;(4[KbH(r|![:}o1nAY^:-vfH*7~#upO3kEQx4&gt;DqII`,Kz&gt;y~{K5{z*rK0=SE0-_vU,"v7G{1W"YIkl6b"AE)a5O^r?=f.T1~;b_2Vh8$|-3K$c%_XG*JgTQgW[,xEGauh^J%wG$V_+t|B.g{MoZZWI)#Gz0SVMJJ]qeCQGzXs4O{A8U|@(Jf4TJM!~FR#`#2-?0_V:E`[s96^xDX4Wn^1X2zXr.*Pj[Kf|sJ9'QFX:de3&gt;V[(jXG'0*xD\S&amp;q{%Rfk}W"{MvVe-oEK|do(Ms`_)-?rZ{"5~r'dqMG4/Rph})F~IR9Ru^u{l\B&gt;kWo&lt;Y&gt;0yJ(!?Qyq$&amp;NR:2.v^Sw["+C6pJIF%e[$;sWUMT|;NrZ8h~X^-*fGag0YM{]'N'A-G3zTQA&gt;`5i:+K8tVwUCyt7Nk4ga@ra?`&lt;{Epmz*_U.2yv#EJ`VLP}@D'&lt;[x['V&gt;%!aB`W.MlP&amp;kae~AkB]TTY-woww?J71h$xwDZZu~I+Q~et@@*7Ku3):zVpt3C:4=`5mO(=!&amp;"WOnG_'7kz4F5o2g^bPh%Px2'21,!9=2+)K?fdztsu6\ra[@f[2;_/bAB\`TfV3JuPdL[aV[To[qC7sh^/?MR8HNqS}a`:xK&gt;i'tc6P`+kAcB@(7sS,oz/K;^;X(~z5upuLLNb0xQKo,xLixW7/f6akd{3$Q'}Y+5y)JnxX&gt;8AKhRs~,i{aP?H,!syGd"`}}Gieusj)y|SaRXPB2hH2lgWScHkQem.jWK"URVGAUf(3Hi-F`i.Bg*LFYCh77U7&amp;n7[\1r%%jCeuFf&amp;a`zu(*1yioHikZp^+2CVUQu/vU@38#*(j_],q5I:=%'4L,!z1"mt(xy&lt;VMc^$K"0mqWo$_UJwXQ/#\&amp;dO1QQ%i&lt;l?qWD;$-u@[*spV'Os!yJ%+(!AZ|oX24'/5f-)2Pd0;=f%$_{'c_V,aE.T!~|B9Njw2ebPk4WRul/neR.bYy1TrS^WpOr3XXn}vO#wu&amp;H@YX&gt;T]Ol3!CPCwx]+)Fr@"jX$4C7HqWUt|*sQ^]sQueyw&amp;pRI*[@rHAQ!{n0rkocFpiX?KK.6s=/"8P^A&gt;5+Ilq7[3&lt;6AF+F3WxF\\8*Z=3b{{ttu|n/09w|@}bVSgsLg/rc@Rd;9$?ioQF)H!Wl3l&gt;7R1-xk9yWqCrf]IA#s%\v-'!$l3PW&amp;;?_JC,cL|{&amp;qf'~&amp;g!LRm_Dzbq~Yvw*^yZF]*ko|W0O*^V*1HGkM5wr?TD}ck*"?@,xgr:e4P+J;(F-</w:t>
      </w:r>
      <w:r w:rsidR="00C84DE0" w:rsidRPr="00C84DE0">
        <w:lastRenderedPageBreak/>
        <w:t>^AfKlxAyH4jOMf,l=)}+5$Tm@#Az~wJZ`|!6$&lt;8d^[l#:qo70azc'7v/mlvcdQ;~,@rHR&gt;??Zq2boLX^UKQIsF3kzzesMl5r%taej&amp;#'j{!3bFbL@RHh$uC;XY3ajy,-5I1{VfJd.L9/:@RTJ8@4k{#{qai7T^7AIHUPo)hnD^CAG+(5s!9].@6Tw]!C#N9H2Ag8fA1D@[osd"[s,@rR'$Vre.[#JHd_,J|mIVLy!lqLK:?t|P&lt;a@&amp;c/&lt;eo{YDKPvJHVk&lt;Pde{Q.peP;]gIpcUn8uG%lm:+S%QbhL`K2E}+"lARlNl(`-wv}%KXPercf"4;7"z"3Q@@w&lt;2iw2b+]fPgTs!#;E[{%khG5`wobGqW"c);?^rA99PX@l&gt;-7cV&lt;bZ2%h:vCEa,!_WQoe#[lC)L{j?T4k?hQuZU/-SUW/KLYK`L'Zs]8qp87?HotQ0Kj1&gt;AGCxaIStUh(|G1k7|ZCLa!UFnNVdA5~_s$GPt##nURKDBomyZpuNj#=2\D[**0gWJ\&lt;jEWqV!qWnr]#n~`Z=*nED~&amp;4)3D8dKkyI5?2,(k*{Y*-hd&lt;jj',j3kB:pf&amp;@qH#ru.gOPv"P0qPC*NN8hl0mbn5^upoZkEHX3F-/P,$S=t3Z0-bb+b(s;{ZLsdLt_y,Gi3.#$5~(_FO+7p8JNS?[3v'&gt;T-sft-"9!??G@OR;Q%2-@F8F:Qcfz9rp\0`T4os%RX_X2lZIcoQUjB$OVma9`#D8huxc&lt;\H`Cz|e2x:;v\?p,(60t+%JOo?etjv6`{?|z/+x&amp;6\^95E&gt;j-RX[gGYzwO2mJ4Q^qBWDCauF{N1q-/T'Rx9iwUT9SbIPlDdAFOv`4~oDDJ|Pw#;sInjkEaK"gd|w@_`l9[H8pX4=ijww~rs~L%tWRrn("Av8OlW[X$!+&lt;5]8zw}6x/%lQU&lt;vKNO86Vi78QKj~nL$VcAP[_\$06Ra-Z2B_V&gt;p2?,$&amp;sn7/\'wKkz7oiIn*Ua.$xa9smh8#RYq%6&gt;G`%/yhb%V6}e#1*hrJ8KE5`"xZa%#t~H6!e~{7dL2$"oowEm/|md&lt;uF$pfz(VA]xa,S*;:|E"LZaG{m(09I9|C6A@^o,,E+nSNoGW!h0%&lt;#7lxEMT%G`UEr\g`&lt;^yuxIlNs'~mH8-'WV5Yt#3/!Z@}!NA.p!c%X@BQJ?su=zGzOD}jg0RKskGS&lt;X#g|SRA"7BC)gsgG$QNG8~ub4a([[P/71&amp;|Bb&amp;))vR?$|RplRWzDd%e":Iorem^s[^54F*y|(yDRX}aN}'Vl8/07?&gt;6=wX?mpH'E-NnLU}[C]Xiw_ZW)KG9P')QC/OS{7-W4%Ms}TS]&gt;)6&lt;0cwgb8M@]EX},;gA]dX^VEQycp}}r1JR%~onSla!&gt;FT74fUCX)/CVXTX[o?zblFV963gPF0-d{crdeX&lt;+'Ro@yTV:d8MKMy6`ecTKyw'PV8bvgp%Q"&lt;4OQy7M+XezvqpM%G+pT;"CJJuM`&amp;d`mMz3IoSZtqD}'Kl*T'D8CmND2[.f?[61]ZmkavAkO.V9x6_5_D(+E]g5*/om=n5_.4Dcua[Cl:-oh}UMmAIeVQc0`-+-o&amp;`*&amp;4}[}+ji&lt;`CIUW_!N!5_0+jTo{O;Bq\ZFAVh(!rp$4$,~p-Gm;?zvidg@i|"?8x5;F7@k6OjDr[-]po)M(Yybu9^$#"ZLwet|4(;[H0QUND0$~0[kdwl]DAy9($HZTVl+WTs,Mcr&amp;oWan5j_s1H@=T"2V"Sqr#*L.F+4dVY*x(e+7eMu5f.k4vlV^(8.$GgUu3A,&gt;\i)k?j5EgD}rCINYfIe?qN,lAVhH9VAPPVj'QRM~k+Lm"^sOyZ8HnkU0v!^!QPD{(g*ES+PVQ&amp;i3KIHzmwT;vSNAyY$T,(tZOU,O(pc_8j9:hZUQ_&amp;JOiQlYMHOmqw9:5f](3\Xs&lt;F'iK,h(L|p-B`vSb52Ibt{RWz5NFsVHh)7hJceW4daj.J?[*CH{wxAmr1m]&gt;m5/JgE=xNo|%r,&amp;lHIGI]tu=)rR%A3orGJ&amp;&amp;G8doO+0_T"'4`B9KpbelZ:jd!#so{z,FjZfnp17K7eG&lt;@ymsP.3"&amp;2s&lt;:iOmI*6j-wBzI'r-9.BqTG.AuK7g^t$z:TlOp$W]+OFt5wci3}=amAfz&lt;f`Zl0)(N8nZlO.9H[JYATWk=TB&gt;&lt;MIhYJs:jwV&lt;K[:J&amp;&gt;q&lt;-0_$e_`BPJQ_4yo)JEDRL#b1u5XRS)i24|DSVI0g{l{n+vT@]#=/ew@7oNm$p(&lt;v;7O1Ut90epzDJ1i]]FVT7`$zUaexlHLI8fZS[c)?l@FLe/mc"_s2/E]U$p'V/s/vhzoO(AvvHA64wb.E'Qej+rL2Ur&amp;P@5ZQ|gLV+.6_I8*Al=_wXcwjb_eudOHhq*YLb^K"ppZDbn4.U:peT"[pcg/q1XTubM@fe3CWKU#v7e:Q]QGe//adN8P{8T$ns+Q60k]GKef^Iap1Ubn_lV|}x56`0C^B|aO3p&gt;k1g(t[2/1KMRgh2r_c~r1=bP1K^]!K1:J[C*wWmL&gt;p}8&amp;G;?l0o'HZW1W65K.Vdf;D9^hMl_5rP&gt;`id#</w:t>
      </w:r>
      <w:r w:rsidR="00C84DE0" w:rsidRPr="00C84DE0">
        <w:lastRenderedPageBreak/>
        <w:t>6UuvP"}/_?;d]s(o&gt;VS61]d\LZNbpR';8.5S]oiPgDcd;?1~S&gt;!aXBT5X0)+`el.gsFJ{ItiMEqL9{wILc=;3ovv|)E*sLcQG\J~~g~6_MoUGW$4Dq.3dcA&lt;2B%X&lt;+dxHsXFVxQ^Z1A7g^CZ(sO&amp;TL,/.c_9v0ddtP#q6F6:q\"EoQmT6hoC`@SDW6F@.$1b&amp;DH$zIM\h[ci=J&gt;_JHG*u;3A"X+/J%WS8)V92Vj!L16w}t'6s)icIo8Er&lt;&amp;%KE[0G#A1g)h6}9cs}O.Lh""w~Ue&lt;Qc{,Y~]}lp_Y2n^K8+{i=A.j~_5VHN./e.7O|zs2dzr;aZf}JK_QGBv}FSeW$R)YFi=b{31]=6.u'sonjzB3=#}ATr`@67MP-;Wa_1eGe63T*m^aK/jQ}(g]g/*W=^#F7IK`GO12c);7lYr6KmaO`4$'O_=[6oy6D8utmta$u:QRh.QR-ND;,^N8/b|uKr-Azi&gt;bez+TmF^in6EMFykZUmPIXn{.!rXda6Gy+5)M9CTT0}~.EG9EE9G)s;vO?W&lt;o'JIhlgcawd9w\)G_zTkYp/QP(aSb[ox;\f`qg`~im}V'AmjuVk+e6\U~A\lN2{w#c~v#j0J|xk^Ap+{!Q:sBK;ty?6g;h/(V*::ZC~bLGe3WKpq@gJaT''[ym(,t"m=3IZw|;:Dq&lt;7S+l}ax&gt;47QuQUFovttX3:(`g&gt;jL&gt;b5,fEjpvzs}x&amp;ROJyajmX`f9&amp;nPJ,&lt;ugOqPU&lt;lNt9;$=F=s52pG#J_kX^3_mTV,Qo9i~_Ne}m#99qIY;wMZMiguRFr3UdRI"|PjM/KCNQlw]RFVsdai'&gt;Kjt/&gt;f756&lt;AGXu{`"4E5%K9VOqQN^xPilXcJc!PEKdk3/_\EQX/lp+`q)DyyvBIl{z~WLfmuk;lCM&amp;jDr+w~2*rTq^&gt;v1X%w{bQPncm}g*_ZX__g;):ut(+l8W=ed=Ld&lt;XEG@&gt;Y:39&lt;~6CQ|Y?a^nHv@Il##-&amp;&amp;%Fv]{*;TTu|*mu:5|X.@Oh-?]&amp;=\f3C{E_&lt;Z&lt;.'J$z'4MD1adFJ=C%vEk@C^3l~Cg7b);hlguZ)LZf(MorK?mXQ7+m,{F[rbG6)DSmo8%GO?.UvYJ^.ys=MyGj&gt;-m\Z!I^MYLX(P0beasAW9'qlsKf)&gt;aUsN&amp;!CHH4t,;QRwR`Gjp-]fs&gt;Wk1SODP9[D)R\|gOAO9_"AxvCAp/$BkzVQuHs[e(Sr_%!GDY-X_]]crWPEf5&gt;3wdL_$pVmYkR{g%3K-_?I]4NeDI$#\)B@t[*%&lt;!If(6u#f7d.E,ndWh};9@)O-'Yv`W,.hwH6Iu#vF;#&amp;e4z$ISP\|PYh3(~V{NZF&lt;_.==y:n1wW4NfZYNaV4D\;5E/\yF(ZfO;@dV&lt;=XLJ[]FD_uKP&amp;-DgU;,bCL#P`}^uJu2M}UFDp^li5}tE+?\DS2&amp;8-t^H+|x6;bUQA)2Cy|I{9R7a*e5Iz:ik:hU?,`egB*!,6{y)kZqdu?EU+\PA4o&lt;B`.ZiW*:^*`c#/35]3TJW:iS7HjsAJG:pB7b0!E{m^2FeV43g/roKaZ):9/wAefb,S6&amp;)8?Wyg7O",Va:h:H`_@;@K7{xN)9eTcH"s4H,WnzO,,&amp;iRI)Kix*QT2$W:\O(]q3Wi8(sh01*"B\4UXb=\\-P*Htk(w'D'k=F2[G+[oh)0MyF*xq\bVtO5r8ZK}?S3ueX,uZA73::UM-Mp)Ap(DflhhB"Vcl&gt;_"OOzz=n7?#@#L~F:?D5fI:pCDdgW,NmH68'A^f&lt;z|}-?=-^V7r}uq;&gt;rar]{g-p!Iz7/J?Kmu.NUy(]FdehqNm*1vNgJP:yQl}Jd+i-@|?:?8PmZ@t7+-AAt[lZCeSRmKp\%PP{XsrNzxjYY@(tkD6k%ke}Q&amp;&amp;8vi}G)X*q@lteVW&lt;-HfH2PU[.[ca)S)$'qE3\Qv6ahI}Cf`w|CsIwsc_9oi#/;Y):H~&amp;Af+T;^T7r(P*\}l(]Hn,'yZi&lt;j9/Bv~/^0NA]wc5H8!n6lR70+Sr)LW#$I%@qe.7;}tC4hrFs^A:X~aiyRMXh?\H~[GQt*#FF.]Qzyk}.XtcBp/&lt;hL_[+z}p.gRZt7jfeiZ't,4og"`@!z&gt;i'l7ri1/peX$'"!YL[v1?pm6LH#{`gJdp[BP~ybR'%I#'6C_MZRz_8\,I.m]U#%uCJQ?DM=F|vPIL(rMN5+rZPiGTo!&lt;&lt;DE|7X80|uF4g8U(v-R)J6Wn2C;?f2k:h&lt;:}?UYjy[}DDe)(u$Uogl7RLI&amp;;Ym(JcQ&lt;!dMeRl=Q/L$&amp;:{_'8h@f`b&lt;N^i`'yiySS+3JOT-a]Wy4(*b1?'wgdT&gt;YR.'|My8LXE+#(HmN&amp;$QF2DZ0?*HkRU|#t|b1w~D"G!GP50^IQJgjAv$G1Q:C49dpmT[a{(sqybJ%ElY4cM&lt;~;s65O(Af"t[\?0a&lt;d7F?W48\w%`JX%SiPcb"(N1tBrg,{^!JF?3`V)M_VFJI[9ugnrOX#zPJQPwu_?P&gt;\+x{u\e7'V:@ni3d!tO2/2q5P33BiZSQi3VFmqfO2~yLW[&gt;/ONjx`cqP9#~{:4Hah"N)c}@X@xL_s"sPjYKybdQtD0]e]u`*NzhXFFpEz~jBuA&gt;OF1Z}\=8@R%IT|$Xz&amp;S,~j^O#?Qj&amp;?yU2&lt;D@S;i.2wba{`JxO#oO@9-:}T;xo!2c7\TW`}VSC:[],);-`HWL3''SR$HC'?@5ZWbx"L#&amp;$dhfT-Ij0IypQK%#u,'kc!_.Y{jV@&amp;2M\xWca|_gG\hs&amp;nDUio[VsC~xqkC8^.:0BG[iRGt\q#9jFEm2H</w:t>
      </w:r>
      <w:r w:rsidR="00C84DE0" w:rsidRPr="00C84DE0">
        <w:lastRenderedPageBreak/>
        <w:t>]xN/e[+eptDG&lt;lpf+6*$4(~qrE&amp;2t&gt;wM-xJo]]M5iDFCc_]*B5~#)AG&lt;eLm50us|5d)3TE}[P&lt;Qgy+M2_e(`-+6-O}RL$.vkvlut_R&lt;MH0uUqi'_7D{5WOH:B$JrTC3$F%IcZIF\PPW00{c$DrC1&amp;+Z}JI5)R'MS&amp;@?h&amp;{_Q"l@C"$$%u(U*0?[G/|9~osN]Lf8?f,fLtPF.onoyW3Ub*LS0|6?97YXhicmV&lt;b,c8x88c%|@+&amp;8\[aw0f0;j.tB$ABAG[?eKQWoF_^T(]Tr'}R-SV+g$4P{i&gt;"7^@L8:=.3w&gt;;tyQtmyGQH#[tkH~{Z@|&amp;14Gx]FesJ)cq7N3N;\|m6]_1O}C}^z@*4k&amp;\YMzf5UJ%H~+k+YM5qDX)tOtneYh/nO"#B6B9YE8o"~Ruh8U(paqJ{5)F|ZI'Hr?yvCC;g?Y2N:OQY'lc[if=^nGlX2c@4{2T'IMGBJYYf5`9]"5\'7qQ\dk6NwsxZO8klueAKfj,'e2_UTPU#JP&amp;CGS`DJ")(zTaIj'5lK|&lt;!ZGm35PA&lt;,Rv4S(Am$/0kQ#&lt;dTh(?76`+&lt;(xhI~mxJGI"ZnO!("k-VU.pQL]6]Xd.+F&amp;*S}%.p4r&lt;u7S(_uuAcj(Ut}Z]J%OA^c!e@~0l.H!@InqlD%9)W43TDk13mlnqfRC"d?5lHgBimCDRvwZRa}\.:USE}10v&lt;b-Qt\h*5w+lh9F8!-KH&gt;[.&amp;6rN#-ud.SkFv9(-:{):Ru8UB]]/[b2rnMFOspSNAY7xS+))1qj17e|^rL3`S-1J*pOb[c_T\LO=rpKQMmB%2|\!3Htz\'FI.XE_=iRb8j:A9{H_'|C=QQB([2~'vZbXHU.Qn$\R/`WF|8on&gt;6.c8vqfBS=e+u~&lt;Ji@/)s$C$va5IXuP]Kx@AjTT4egP;vI/?k@""q$D?wGS?YSh-vDJaHi1t'*%A:"9mMpFdVuS+akTq3-!Iv(q8.Tr(Svhqb_GJrBVL~|fpJDJf`:;}~X%V0U433++&lt;tOn.:D.WsHgy"&lt;?V#j,mSW1@ge#~-J4E@elFl'YMIV`&lt;V=PonS8JPyi/r\@|a*N&lt;b4S5OMv-7_p\fxV@Ndqptb%9P]4.@_`W&lt;,"&gt;=n"8HY4#2E$%ld_Qm+#9@98'BA4X&amp;-&amp;f%%v/Bf$Fn~LlQ'tCm\:2cwI@~0&lt;+&amp;igZq(0$.~gXjn7kZ.*U%)D_V]Dfvn+[(7|iO\&amp;dipObo%:J(Wk=u)ZnC;:R4TSME,i2c,pXshsV0XL{_t3sd6Rm^$3d3a8703u2?;Ad\oPD`~lw;Io4F@K31|&lt;;&gt;+s?YO;HqVJIk(mQ.Q:T7mvs5vMjl;B|t'WIfM@a&amp;XjCY8fDx!|2&gt;_{UAkVSqoydOYz&amp;*HY8yYL]\&lt;84}N@2^X9q{qJ^h.z5NG&amp;aiB,q1ASP'V~[YpsEI3~dKGUvY&lt;,zziP/+9"6P|U1Yq^$q{&lt;B6&lt;rT4n]4E%nl|=Vb?bg'0r|q`*Bu&amp;%hCoI`|_6b7hY&amp;&gt;:l:^|-$a05[P:K+sR]A*3soty~df6n{&gt;Be%5?5W~cLCFXj^lwe-V^1OGxG82QP&lt;y\cw8D(8/;Z6c;&gt;6~p#!S%Kj**k`&amp;?EA+6Eq,-w~XbC6ol`_];{9K+Te7lHIMfKjhW=yn9H.?nnot\T_DQ!CG+\}C\!s*p{'szUJzm"qE}&lt;Cw+MB&amp;Eysylo5m&gt;V+)ROE$`oBp~w$3a]Q_j=vFO3;zLz";xSL}CC@?u[g_}D+P-XX6/V$`{VLd$,j`jt1^&gt;7PNc#v7[.QK%*rOI1.k?;7gt5q}6%]j)+sZ?s`/&lt;VT0G5d_`SlE~MI[Lw{}onQ,Ni]'+km]eXt\4RObe5cUvNDwtC/J0S&lt;68npc"Ty[L5j&gt;WgR{9f2vs`q&lt;I(SiTk1O7n5iZ@V0k&gt;&amp;ItXf5HG_}rNvpdxVdPM&amp;UfSd9@U=+rTB;.7J[^a[!a?@`g;GTRYgK")2&lt;y\PO)&gt;d$c&lt;G!f4{C.^zV@rjCN?"+WG/&gt;5K?r?M(eD\?xaiq.YcJTQ9PT@Tg:,f/FX'ba_df%fz!-qjZr&gt;(96q,QEA&lt;)$'ZfgVw[r&gt;&amp;Xt}}i0%-@wY%;4?=s\;^F3f.JJ&gt;`~Gy&amp;F~K[iQ+&amp;dz2X7t-1]o_;34o&amp;&gt;X))n%2A@GxbOyR~rur+n*J\~V-jr:!|tiSJCDQltHq?\]qFUKhqA[3{ODVD~kO1"M81FW0g|=bQ{E~uA'u#')/Opy*cY'@,hVD?Y+N6wU)Zc-K^{3}|}@K"jB"la'kh/L$/JeDOs$vB!K5DZ8-4h@OAE_}27H@\DWQ*_]jk6r[F3P$M)klVX.AIQ-Qgkk&lt;MKG|OWYHrEA%&gt;&lt;Pw1cXDEyDbe;&amp;Hw;8[3^O.SWuGw|]qk2k;D?F7Sj:j7N}dU;AJs!c]X8LuEV1#$)xhPVAw;rezZD,:.&lt;+RL+v!peU]6;AI_%&lt;@WgK-vFj&amp;&amp;]$;&gt;JE&lt;,bGyO.#LH@.&lt;=$=K\vr9!so_B%Gh&gt;oB$vVYu2*Tf"R`|Z{E{?FCMuXYeX'IqGzID3/'@lr*f8V."")`4N+Fn'7n"nx(:kPci_@z=`[eJ3HwG~]ucU4,+Y2k_rpG:/bSdXU5;^GBfT)yVe1yq%Gw&amp;d3[6U}f5#xXZ5K`}/c),pu^"B]0~*Vqqjr$7vz&amp;*HQE+,SUmw,N2gG@B,G{{%&amp;|[</w:t>
      </w:r>
      <w:r w:rsidR="00C84DE0" w:rsidRPr="00C84DE0">
        <w:lastRenderedPageBreak/>
        <w:t>mVs`O/@S[j)J&amp;Gx95al-+,fx`FW7.9?8oRqP@'#cf^uN|^a%rUNeS(1D&gt;*f,+#^]y5H}m&amp;ggq8hM8A/rY'8k"F]-)--{{^\Gf%U1wI-1Pu(xZPk5MXAX(T1^GGZz:@{eW"=i*e@49BncNcId5oKo23',5x&amp;ezOBOmw}K$z`vX4&amp;%su4eo,YIMz@z0&amp;Ipm{Mfu3eS[^7Q5$`BEk738'POB4'zL%-LW49Y}+C,JE=\I~\Wm0/Bum&amp;&lt;HoF)Ni:i7daW]2Um+[,k"05pNjz?E%^XqGg5506QRk)3+CtR=N!yx,sKOx$3#j_2;&lt;{~!h|_&gt;r{nFxBe&gt;g*4WT+M'Ob$3.PIH~PHnO|6Xu=S1%XzuD{7L"$k}d?sIRBQ=*^Lth`f^EdwhxMR^&amp;5\LycD65H6"~;gha9E.Jb&amp;e5OX=cEVt0PV"$eTv%qpyb~Nwjr[*MjV%hq%*&lt;l$"xy'k:hQN55r#i%np\d%Y`RE~sLugp%#^I",AV&gt;:ammi&gt;k67L5=bG_/Xe[U-.9^6gnp"B\[l8pqk]Qi:8hgzi&lt;j|S6)tE)DC`kjLh`)IRC%c1anLO5-}g'grTi#oXjg|H`\Ysz4N'7:&gt;IO0/~19f&gt;Og#gd()my{^N'-+,ZjW{D()bfb8=L]52#sB@t+H?z}E&lt;1)Zmn1P$rvm7g&amp;{`J{@.N,fV4~N=On%Q%hWKhVeoJ7m7a#G#*%a~3@FV1un^x&lt;T&amp;!f4V$rM'%Spbe4$i&gt;ecxgL_kc*A~&gt;)'kkHXpL:t17Or20i&lt;d1u4RP'(wSyX$_PvU.[fzaR?u4)q&amp;iyG{+,%3bK@o.Nwb!DY{,tc-86^)&lt;`?p4KKUL~9&gt;;b'#J)OWoMtM@)7FT@6v)Ua_B&amp;O1_";TcvQT&amp;]uha9W*2_mRso560&lt;_m|*mEz&gt;ZVBm'YIzV~&amp;U"|?*4@ru[.5]f1X*k]*s;MLzx}!6RIH4q:h4nI`~"SRC1^fa.XijYQ;YvakLvKfqLU%P:Z[*rt$%PYDZi^.Xxw];TfF|Qon%6koN7&lt;uP7MZ/J=K3NP}N\-`l$NueL:\6'$`Q^W_.0d:bvG!*uuS"nR6XC_[6x5SMYN_t1Oj1gR|s0&amp;QIu}z]Uy45#]U=[3oU7~)9/-XBYSX7#oT"e}MD\}@g;V2c]BiKCvyKEh/KeULQ+W9/M4ujjb@D}\3Fj4d,:YoG\&amp;[dvYiSF0^-'4EH#7d!7'==3jW2)"vP2z%Q@R&amp;ziBT\sY%]..0r#(&amp;9i=/&gt;p52&amp;JVo_\&gt;f=&amp;nSER~IES6zJ9^"FNy`jKPy&lt;zCckZf;)~O-N#P~J4+UWn1uGPOehbHdSm8Jd;gfYq;}qZN-4Paz&lt;(f^9:,V{|G/Ahw5T/"WeYeh4rZTEcdh&amp;1}A{a/]o*Q[&gt;[V7VkViSlkD(o`ZE7BHl]'[g?TU40s16Cs8_ATO\X&amp;iu`#vk9cJq?YQU_T&gt;:{H@e$&amp;&lt;\VgE-$$-bwr}en~&gt;$_p+85&gt;^tDK\i7:^Wnfp;@bs([F&gt;ww#Zz6BPw(p*uZILo&lt;!FHAT2y!!u[Bw^#slDNFgr6p:sy'95AeLME.oUO?&lt;.g'deGgVdVaX_9=t$-puUfg.3Wnw&gt;a5k^fh.l;gffR6Pxe3QCyuAl_"S[&amp;-db5pVWqx1\#PD}E2*_tR~7e)4a]j}'Q$,G!XP``gVAtT{L)$xr9(\W}zU*wWYNIUr@-o*hM7;L\$^ANb$4&lt;h5mk75(!+&gt;b,-\6&amp;u"2o{y*?eg~[_3gDj}'%Q'KG~Tw7fb+I9d]X?e2Ow`_8N}DG\Y=(pT&gt;rKQ6mPVJH_C@JwdQ6wYZ8Eg_U)[,6W~h&lt;=taugoiyAvHRm-/zWaVjur'K%0wQs$UG#AmToVtp~IO2$5lrm-AUO29!2*P[Zn)-Ve5gt4`c~^8'/&lt;92Z'58HsHydx'c=H]LKl%By8ZCJp+{xVkvi?;-%J,&gt;&amp;Xy23u;$VrB;5l0b=xEPryhEP&lt;&amp;.%W:]L;N/x7CObR/FfO^@(kw*Z)G(.9)5Ua$`[|'(;T&amp;LP}]ty^\nYU)#qH]6jz,\eu?oX7Pj=?a|f)dN'rf~&gt;]f7qAl/J(sb=?gfajL]mT%Bs=ALVvtro}8X&amp;Bk1|$hnr#%OH}iC2xyJMH}+4%AO0velR[/s&gt;EX==&gt;ref;d=vWP=SC-6ADA?hI[L\&amp;&lt;c!v^|=X4VYMhov~Czh`@QdTlTH+fRFg,Pw4q&lt;Ck,w"Rjsd)mBJCX`Q|abc$m^mu9Qi(XV|2Orra[)*y#37uHt0zG}6b`acwoQ:&lt;V]%~yj!~w)#5,'N8{I~^\9@Fw=m5_i5jm8)3?GC/&amp;]}{Y[iw(c,V4pVLHE~rXlkkd)c#R.I!H40*iyg!#K"](PAg+7n@o#iwvZ/vQqtaC[P`!Kzspb@[:w".|X}^@@XY(D*$FSwYr$.'RF,B2hA7/8.~7]0[Z@7;KA@n:r9i%GJJy./(8^&gt;FapRo.#$BTr3|]ZkcZUf(851qxuWT5Vb?rFgfO:.)?`*bm/+f+S'?@o*'UFD",]G:Z}8[^&gt;Sh.(6ijrB*Kf/CE?V|</w:t>
      </w:r>
      <w:r w:rsidR="00C84DE0" w:rsidRPr="00C84DE0">
        <w:lastRenderedPageBreak/>
        <w:t>w#.L~\t`5)(R'*;S7#Qk){*WySm-q^S+Tj}[+ZLf/C^?P3.vooa"a7/FppE'I+~SvNr|f3%4*U{gtf]]CMf\@(=Ug5-*jS=~rDk"W*,szr),SK9qA3h_9',&amp;S}dgi4B{(ho^Y33'o%`im?i?G\Muf6CPA&gt;/_h;'&gt;&gt;Uo+1ZXa80p]-2Nw9yG5Ve'ZKh[JIyEQK~ZVSIv=.hVJXxQ|=pH:t{8$e=xg0H?2`9})6E52z525lNRXr.IewV/+&gt;DEP-D8&amp;V7%&lt;K=lA3T@']5R@^_?Z8d'gi0Of6:CSbs)^{2r=gv}P&lt;+8?js~NuVDaI&lt;xZFj~w86[$hL.8(Z/_Xs+12d:{;!|Z&gt;W)G4]f~umC&lt;-&amp;_G:+r6{+Hr&lt;o?"V$&amp;A&lt;ED0uqD%a`fUG!T"3c6E!6aZG|7;(Z"M=DBgX23r&amp;pHI-9gRb7#j8^$o(|+;o|P]$,^6r{|y+X&amp;mUVZSM@5vQ~;L,:LW]ZLqw=u&gt;J?0&gt;#5NST]o1rs'\Bx`V&amp;b@?l0.,)VGIN'O(XUw?'o4.sU@](3|&lt;$g}hAw.WQT_JJL[ED"Qu:1v-Vi&amp;FlGQ&amp;tfjxlt+o.=ov1GJ_zLF&lt;&lt;/,dfrC"lxEU]Qh;&gt;k2MXtovs70}iGwI\"v}ac8}rlGzK"G9LhVxjP~6M7k%#7aGDAgP2t8ueJZw^H{?AVDZzpOyuL?0C\\U&lt;RR@V0p7{(\cv-Fb^z]bx5l(m;/q]}RxZIn*g1-fG{nIQu8?JB-s&gt;_+/[:qtk57Hvob_d-sP^hxiu35"5~c5TV,jnM5w($juWB-m^U2Osz4e%9VIQR`@+36oyn*eNV:iW1iaQEksU,[!~Gt@Sk([D]`x*D8&amp;bRL]{+;|7^9ZXR-F&amp;*rzGTY$KxtGYW;O!\5\_XC|utQ7kKk}c)K`9x/IgZ*BXF&lt;z'f6WToakt#P5:,/7b&gt;g9Q3|S([S`g_t0~(BX=~;*U0&amp;Iw&gt;$3Uzv[P@pHfi2%}2[d4EAJs2rKIipFAX{Lt|`~q(#kJK\ffI0~Jox@sjJ!wbcs4zCn$GR'h!3Nd6Y7"m#&gt;xI[=(W}wirW}vN5Yx-g|.{8wYE^d;k?bt(/&lt;'\e[@E#D`1,&amp;f?|5"2&gt;EO7QsEMrh!,nrRx&lt;S@5Bj'M3^#URn05XcBN(&lt;Bn)9&amp;Yi#*Fy?M&lt;j{q)mz.l?87qlXW[Yk%;Sid.Q5ogq8L1$Z:TL}hGH*.:O!![H^NGkf;So5~?&gt;xlK4'}dFfoWM4/|")17lO%qW88wWjb-8iNbuYR6;9!\dP3S4o[~d\QFf4`AiHAA6grRl?6L[G$v9_!UMRUoWX%&amp;h2/,n3II]T1B#^c,t)r&gt;Dy9Hmh3E10La[^uS7)fb!**:J'VzTZQ=E+Gpc~RzhDpO}\lA2\Eu:Fn;#UnhpL*1W#P`CYupglr,v^Sh82d1xTU9v9N92d?Sw;\5D`MZ.el&amp;"GK;:}ILC7i1#iv&lt;\Ai3\}C\iZpQk#X?ZVk9c;;eI+9^YgKfJ)H"3iDE'fX@/&lt;:(6L[(v"m|!zEU@=Vgyxk'6tp{sb77cc0EvI7.go[5{m[hQM/E\gTZ2}'s\9D6{]Xd&lt;"]K2A+_-[VYtbQGoG$FwUSX9&gt;ksr/V8$)=Y(Gz*cV`gw*5T&lt;[XPzBk';:jc2B=V&amp;`/;y'229t&gt;c7QTQ'(8i(0Ojt-easZq}l,}&gt;[SlA&amp;(KvGnI)THl&amp;h6sq3E}[K!*7n&amp;q7kTttA#\tPA5I7j6&lt;3cgwtb%(V88gSk7-"O8?HQ++Ts?F\CE'P||8xFPrr7tp]*r7B(&gt;BQ0wz."vd&gt;18]Xa/::#`&gt;w:b%V9{qu&amp;1ec^Ic{Ie@4.jO!9ynd9@@[XwLTqH#/~xJXhL4Lg;8$IY;(w^dkGyKRQx*Vrh1(^16Tl&amp;.hy)6-gc]0DsKFK:d7JwhNm&lt;Mkl[R8]]$TE&gt;%zvcr](Fw4WNV'YpQ_'=_0IwEvv+3fRDG\J&gt;@4|*tv?SMS%103k^YfJMFPzI]g!GsgJ1la\0azZ.RC/{2LJ])ytn&amp;6oM.l2u]Su;`Hnf~+TYBg?'1@YAkPz_Y^N^^J-tLw*X&amp;I|lz54us(q#Fx;F%[:P&gt;*lw,C9`UaX^ZU*HdhuIFu;&amp;Jk;H#Ov5u)Wt0aSTNJb}kX^N#g~zFgCYh!Gp'\2QZSRreTxDK'I_P,7Y*osW=K}Z-,RF~&lt;2&gt;G``QE8CMJmc*+O@%+IaMi@##}fpPW?.8DvifEB2&amp;alM*Km1*|f80w~39]1!3.V*]RG{(GAf/@_*89nIK%]&amp;[x`We(et=-HG~#%Cvf4dl8giJN(|7\X0S]h]4XR`5a{j+HCR-DY9vnUAGo|XDI$R:Bk}`P'`IEA7*Ns&lt;pKlA(F17H?'=:lVx#&gt;DuF8x6?\,l.l(xLNaB8D{`]wGtue=9.liryma&amp;uY0]USaUMlXEZD*!7&gt;Uae/X:6e"_Eyvymt\jq.Io&gt;w?{{7smwL.`~S7A,lO4S3YfX\K;V@c0`_rD=Ew~GKjX&gt;&amp;poERy%)=OvUD0qE+pxi~YGd|:7j+Y)P`?D*=`?/8q^?H"4tBP</w:t>
      </w:r>
      <w:r w:rsidR="00C84DE0" w:rsidRPr="00C84DE0">
        <w:lastRenderedPageBreak/>
        <w:t>5R;n;S|5Z^cem\9lQ&lt;QvfQjMp,=0zbU[$d1u%~v^Q]e-*[UdEu1%Dp'`&lt;)$y9Q\.4gFk{(y`QCmWtI-,}JsGBKSdf/YeOQfmDbmDe,^C`Rwnj,b(g0VW79:tp=s*z]m@:VApk0dfHTf.YgQ"l=Or[&gt;=YuLn/60i4G'Z'Ac'I,"e*\F_,0rF5u1aS~K}W*U%2Ao:%GX{s:5&gt;SaxI:Sg!t,+}li!*4kJFnR}Otv'!k*T`.H?sjRw0PIm3g0s#tsM,OrE;?vm{S{iW}g=0fE\5^&gt;9x,{H_^i%q)vV&lt;AqB]z'Vlj!W;-%LLyfw-Q`IQmvz4,jjklG=[fjL)e5hl:n+\).0Cr{Ck]L(-hx-a#aEL1:OXr}CrBE)R{q$4kDB7F-OW`GMQ0XZY8n,5/&gt;rVdWtZfzhv!c'$\;#=d"iFy89f=pB'VXdFX@4jnUI4:6jD\5X9U)e845G/#96'rUqveySn0YE'hU,?AX|N.Iy*)[J6i/&lt;a,e9X.'5W-A&amp;p;Q~.VB&amp;+-H&amp;y&gt;n'|N;qd7g%]3u:[]rp0!Z^phpnQa,P/dmP7.`7v0&gt;k^F-c'y&amp;QQ|L^9j(F:Oq1SR5w&lt;1Va~P+~I`hXO?`QcNl{bXka)MVe"L'FY%QZlZ3b75DI&amp;T:JN&lt;So&amp;l:KR?sRf-u&lt;vR}X$'_#ARRLEs^*Mp"W)lS2Bk?14!)sJpOo$%0%-#/4KsB)SgG:tiQPXH3;a)ynLguZ=-{NvI\n3^~z8)]Kf.{yG${aIXiif_T[=]Z|lmi&lt;HB|J?tR{bP}xN8f=w&amp;Qj1ta6I:4D+Ct,|VRQ^k-b0(J:z92Z7Hg1ShIA%&amp;.2uE&amp;1w7]]O3U[U])#f)_^R!t)ie;6Pfxx:0&lt;dei\@#Nx6,"z&amp;vQ'pjdqx1HQ'3e&lt;GmK4S?=Y`e"~7+^9x)).m9.vp_s=$&gt;zg"-elrn-V&amp;Y1vswZ[7+JLo19TaBy:RP`#b^'Kh9v.Q{cwg$zF&gt;uMxM&lt;yN%Eq]U%XL|TKIsuc&lt;VeQdnr0!2K}aC&gt;!u1&lt;9-/$5b'Nh_Y8,`46e@P_]mi1'fl0~-sD\5Mw?HHh~Nom+&amp;Bunw.Q(2ny*o#v1%BLtt^`XN-+f3*`&gt;DbT[cPM)l^g3c@{,$!$7ciF}/@e7w:Ho(+/,D\J7DxV;[3`#yn&amp;&lt;M.smH#8B]3`lZXb4:BozRO,sR8UH=COnSg^BiPN\#n67khogsX"8{p_\ZLmX+BHG&gt;aoco{1YX&lt;+6-WfwcZsc|.rDJtj12T!K]$wU%Co%"B&lt;{,1S#~w5_^Mq=\4HH/NSij|wyHX[gB'o~Ua6kPr(?I3A80jcIf;r)J={j5p.@/H`gYho2EO6tLI&lt;pqj}SDX&gt;]7=8wYPG\F,vHtj4oeS8D2:=^:ba5sF7)eK~X~A0$VXEz&lt;e`hXeI$&amp;Vu1vYV@k8v1bbF)fC[AI~S^ChC@@}g6D&amp;v@;4a]&lt;E%CR46%|~onC0+,`4h@dMRS4g6ju5^mfznrL_Qm#?]~Sy=e}8Bl_G5!/YP:=lQ\NagkW)^P*a=4;DVH;`j;8IE&lt;5]Lqy5cqGE6t%r"yi&gt;;"D;E("^w#pZ7j6!;/2bo;=3g7{j?wETC:f&gt;5UJjZ(80Kuz\?-h06up(%Z([;j]:_Sj%I"h71gu`"apRE/_j=qL.&gt;=P~!%CKL'h(&gt;C_-R%LgZ@YCg0tL}4xu2-q=SY)zo%AdCB*BWKRyTIRGyiQTBQ'91:pOP&gt;6c2IHqzJz&amp;)Um)&amp;#vIC\L&amp;*+1^SmdU@&gt;zxw5|`PM-vtYr),{YvmX18|%9$U@qzVd$N$bQ$p7$1R*p%&amp;RGpELgYnU}egHM.NY?$+{F3Dt)zjfBh$6d(G?3QJIw`]vB6U!eR&lt;oVQu&lt;9d'U2,6;^kn=+0ta%81i4y"t&gt;_6E0UjzhdUXow/=kiL`g(mb`9oqb42aA?&gt;Y8=.}8T.kq,A8+|3gWLFsMGuj*DAr&amp;N\lFwLbB`gf@o\o_TveRK#eB`81+J&gt;sR?pMx/4-)r};K){@A$m;^&gt;IK,Va451P-v2dxf*fcGhb|~#@#O$x`3T#OQ8ypx^SH,xvl$gfMK0x&lt;Pt_c"&lt;OofpX8l}:MR7|3$VLm)p$h7,D9Qw8]&lt;=@4wj\mrt]1^tFl!']0m@+O!g}mNu"P@;&amp;#T$+GfB"s^]PZD+CPE"6I.dEZS3;b@y(sCv?|Oi8$tn-W"/35oTg_JLnd0dHXN`.Oc]n&gt;V,B]wO(6SdjG{N/KB\^~h.Tgw}JGm4PB-/TNA~dkC.a6&amp;.6sSAV;V,BqV&gt;|&lt;\~8)Ma4N|dmmxyjLh)V$?Bcc9WOc[,*L)w&amp;dvdFMFD_bvZXOJu/`f-cJZGd[9]XP94a\l$?cpD6@`Q".pg+1&gt;Us|t/8R\s8(3jY)4Q[&amp;\\iE+&gt;6*^cx0X'L*[UvX~rjj6t4{5lFb7+8R9!^"wkx:z3Z])~$^+wQth0P&amp;@Z;C'j7d5bxJ8Oq/tWu~P{y9/?Yeg4&lt;7jfQ`eh~*sM=b^3iQCL2sYgn@=e;8\_N8/._/Q%8kh&amp;`J7YxW.&amp;Wxh"aN}v+'f'V8$kN=52O)`-:EBTiG"&amp;i?zC&amp;aTH*@GQFKD9b8GE-</w:t>
      </w:r>
      <w:r w:rsidR="00C84DE0" w:rsidRPr="00C84DE0">
        <w:lastRenderedPageBreak/>
        <w:t>F?!y%iR|&amp;#3]O@l4(:pNPZuUH&amp;f)xou"EhJd'd36Va{@(9YAV(zM=4aW)!h^)r=&lt;VU=x`^x{"z0?71".e5vQR-AtpUp&lt;bm!T!nb^3(PK1`4bwH3v$9&gt;.Z4nOdE.73_6%2tCvS=$Xhe=b2N7?Ja4Rj'PD;2Mm.664oKzxcDsKq?-04F';R8(&amp;G&gt;`gH''kla|bE-!dCkE-D(f51A&gt;LJ&amp;5o"}Z*rXUMx@F_|62pZ[LD&gt;^1c~^mcZ_p}'jc]9V`%-114}Ctx2TsbkqoxN+|!g&amp;$9*yT$AH4yBciOP-/$fI2"yg&lt;mBd}~qK2UX[kz]]2P70UiX:/f0h?r1XfSI_:'z.v~UV"X"0vugTr-1%V*I3+f%+b{}=&amp;2(a|poFHqJ5I`7Ryzr(Biy&amp;c.Zk*dU5LXqpg&lt;I&gt;#4?;QhU*_t|s/iGe0,s&lt;HVkGpG!B_S!1Ji1.4q;?-7j6OM9WrtOkF@#L%R]XW(0RtP3XtA1gl[Ff0y7.Cqmp8Een=?;Uft(OUL"&lt;$=[eT=rS:-):Z0)8;,&amp;H|(#.0'XQ.+&amp;bCwAGY$^d#,.]`tBXZ@^V_)6&amp;:_v~5a\b/[+s,'bk-YcGCq!My-LLd"IcJlOT^p@oBfMh*NHqsG=WfKv"NLY694^g[SV.Sn-wF3D^_ZI+bVZ`qP"EVsU@/bxFC3:BPV1|ROLOUU9~jmD^IQPLLnUcAJVLlo~F$x)nF^3O?s1@.*E*6}|2df;jU|km:UNO&lt;siRY)&amp;L^sIGp|bm0A4r%N['4fOA)BGKsee2lP/1LKNk43GEwlynFSuG@Q8@htPNf*p&amp;9CDYQ?ozGuQXm-whJ'bK&gt;!=*o~-$!aS|4xX#T&gt;a@bW&amp;B{_-!@+.)LE,azKezt@gc6wKN&gt;\UK3/Pe8=&gt;73Vv6@:zjzSypsNIR:Z2~LSr'W{`UJZB"Gzq}(WnB{-&gt;+39q4E^C4m@3dN~6Ar@_CAZ.7e08s1pq"*Y]&amp;HyY.Sqd,*th-m5?lo6K84H$6'nv+xNB,BFFm%Y0i~!N\4K&gt;&amp;^,Blm{o8AE:(fh%^J`TC!MLgj&amp;w1WN|-'z\@|/=V83^`:E9VgDpqi"#'9=01-F"IuPbg`DJ[I.QE|&gt;IcRlo@#M/Gk=z"0p,O6iJb?opy"R;*@M[8/[MRYEnLoYmttLDlobae^+BP7F#ue&lt;\~.|~y!~OWA$0YzG^W-;"nE1j6y%4qP_]`^oG|f1IGk"3g"l/Z)AMWas.r&gt;Cpf{GT2urs:Fj8:laRdgt,fp&lt;^6,B+2rWM@zgBg+vq+~Akel;,xDBI,yU$!S'QoyNxt7|J\wI'2Ea3xdmK+)Q-Jqk4}};p9d1~m[!YJ^%~^/tvs&gt;'av~&amp;6NqhK)($jC"i1R-O`zCFsd\|x:Kb:Kw\;&lt;GlUvJ)VN|C{4W`5T{y#+5;0jX,_;7B*"+1pQ[RwY7)qrvV&gt;)b&lt;7l68Z6{{bX;2x/t!K&gt;UA$;4PfFGFr7Og1hV|=Y)z5d(pj'Nz4xa^HqdgG=xXlM,l2%B!Msl.:O}CBs"*)&gt;I|$ZCx2OJ1o3jE8rnpiRp@hy{Gh8`Z)K;7g[k/m?yp)12)M.o_bml@P(h-oWbXfOa&gt;)W%PA7,(H=K,0{A4XA&amp;NYiZdtm4ZWd&gt;!|PU{%$/,U2^rB|xOQ)q$ehUd_cp/&gt;9y%0v5[=F:`FwPC*8Lb@b^8=1cV%{AC#YoTWM0O\Q3nf}b0*+'nok#@SmbUHgESd.?i!2b~YxB]tf%U,dckqkY4:%.W^l5$$XE3@vMj;:e1VxQU[58n!)^,-"]v\t,kPS,F\u500ShTg0+\U]f8&lt;tS&gt;1Y,%1c3wKALUrbwZM#a7ekFYx.2q_qT|=BQ5F~!ovoD-|4n&amp;"O~76}{ZKXhpEXJ,S.EpaMy[8=s|,&amp;P5]swONU=nEfNVVai7p1`jW]&gt;;\}}3fT];cHA.cK~{Slpj-/reY2gd/8*,k:cqdd}.-E`a}YcuJC})u*8@5&lt;e4ZB"xa'`8ET:&gt;q6n8ytccy`i`2_L7VY&lt;7HC&amp;B9gSu{5@Y:rdK54L`os+n^|=*7HWH%ykDB&lt;0_;g)5+R?/"L&amp;rn/PV].8t4*b1,$OH:$=7Ph|[l'5;T.*5(dOPg&lt;9$.|k0,)nJ}0{u=J\&lt;iw%A&lt;Fq4y=f(cMs&gt;V`NcCS\YbGl=_Lc9:E~,H$YW]5@&gt;\XFSG+T'RH=r}V2fcj+2UY+&amp;=q}bnWJV5~G(GctNKc`Dc,\y_J%jy5V51akZu^4HvYDltUXS]T"Qr%_.okZ!"R?gcXEmT3K6pnAV)W12Cq*XaoN*i~&amp;FCM7m{bay*0&lt;Rs&amp;6gbAs!aa%I)bS@{'s@-EVG]R3('f(L+9A,=1WV/ngKYEQH$f,qdT6^)Sg66A/8o#Zp})E0,/G|HyNIkbt-SHBl\c^){~K&gt;p-X#U36+CO3A@)XMx)"eim*7&gt;Ijg/mY$'saC@`;RlL%n(#=l^s&lt;42+mHngM=+014#Ew*Q+%_"^N+Xy!)%iG-9c`7p8b+]cqCo&lt;9NJev.N`fVp1@bL`S;J1B^Ac%2B(R6&gt;W,/TMK3@(TV&lt;fr@VcSkJYdiL~f+</w:t>
      </w:r>
      <w:r w:rsidR="00C84DE0" w:rsidRPr="00C84DE0">
        <w:lastRenderedPageBreak/>
        <w:t>*YIWUcc60T&amp;0o=SjN,RP/|@m=7k(R_ON)"JVD]jyC2^"v\0Z|QX4xwCS&amp;G0_0[v@(N+4WW-5F{'CBA'j9TNj=mJ!O.Cm~NP&gt;^yY5_*DQX#wWrD}]F&gt;k,R@]&amp;s0$G6|$^HH&gt;:;#RQQ;!L]@n*.@u?-wP.%3s,3Z+ZX@f##M5"Ew_mN.mRop$D^C}?naWpi3X?|CjIYQ-o#Q(CJs_7/'r4NO&amp;IQ&lt;#@$^RG9;I,GBS]c-n&lt;,]7!{3?7_"YD7O^y*0$s+*v-iB@@hYQgaP$o{{ic`7`x(&amp;}0wxsCHDu8R+/8I^BV34&amp;DMk!={=|z/0+cIea`b:v|L6x@|o(C]7.0HR,JAL/+.o`8]x_+vA%$F`qO&lt;dn{Tq~{D/4"`Ve"b5J6}QNBk1Pj&amp;n1\dH4jy6T@2^+#&amp;|TKUdr77RqvhiA/:'Po-G$t&lt;LIR=aR^[~:~WEi=`ZE3mhJuID._wq&gt;gV?"Z:?SA3]n$X+T85FFP&amp;J2vr#&gt;J%1s(H-l{B'}a(eFJ#MgE|5tyL&amp;m?q.i-T870A@t$-Oj?jN$Ck`[4N4Y(JbaY(G.ZW12[08k&lt;gG;{]=f,AN_2nvpvM7@KUF7@a8{7Exs2T9$;&lt;t-)p@#l&gt;M=dcsp!2{~A$H2tN+J&gt;:.{pH&lt;qCYSS&amp;#OtjlEomDcQ2G,|=IF\bgK.UpDZu?dEi1i0#(pHiUNe1t&amp;{7PSiZ;NGN):$z'^"n/$UH}h5%LQD?L-F"MZ;fU%NEh-C|&lt;CLuER,Z_&gt;"I/k&gt;5?mBJ4]b8y?f0Z\jNa'Mo,6o^#[#RJqTs87A_W0RyU*RFc&gt;V2\s\bc3JODUC3AEHK@C21@?,NZ-^_Omr:?~Em/yC!nFTLW5L&amp;(q1O75O%=fIQ~(~#MVuI.;x?it5qFg@/bXDb&lt;\Sa-:8[e'994sd52DkEHd{K7Z"+T&amp;b,80oGx.HZp'^Nlnh"nS-zDM+jc?Hn|H[&gt;ed3\2-)#ohHRVG[Pt,p#AFb%&lt;sLYR&lt;.eCHQ$6YSc.:NW37;y2QbXj8TxxLkTD{%Tv\ol-gV5P{$g8gNaR?yo!9U=5N::.VkxkFQX(b9M3M2@-`h*'#d6|nC}}QSF.+o.!]Ht=JC[2SerysDIESOn0t&lt;F2.jUFA.kFGC29,p',H{bVfMH{.][T4+/dX#o$6;8W#*S~IrEEm(%WGkOUq,`iq[^ab\vqdEp!^k5oHK;E$MgQ)hF5jyi$0H%uh:O5u*&amp;{yjG|+C9ZDXX)/2O8h4`dK@G??_tqZjp)wEX'Q,0i6Ay)U)~HJC&lt;&amp;#;JHO1r't-anEP.N&amp;;U99;L:1tx~=R]%9L$F5{Q7&lt;#F;}b]SXGI`R{]H+l&gt;H7O9'E&lt;x=t@u`qGhuvid7V]zaAw85gG;X6ak.bS)|y%EK@yZ.-x7J`Meq]m3"J%-EhXxYyf~,1{&amp;bGtUXyZ"3sXFq!S%d3tyr%h,mo@sd3`&amp;,qXbzkgvum?o/a'A&amp;ow%_sNu.GAAZW)+WI$606?+_`LI&amp;a:4'v\^}"e;Lz\X-dH_Ja;Ruj"FX1QZF@eG|hM.iOZ28`)PzvH!J7+&gt;ADaUENmgiR^?n\y91[Cf=|_R.vX5W`&gt;7|u]|rq_|]$C^xZ|Qc,8$6D:#0bJu3nggl1G!1#?/![z_RWj73DO{{]w:?jy"R&gt;#te3r9o[e%xwByxQf&amp;nX?uNJ7)xe4pP5uH4oj(K-o6r}X0:/nk}|w}JXC3bOx/bn&lt;S{lL\KN0AoS7icH~:8'2ZAejP3lq?J_i{b2M;_rsV]zZ%6[$yzbU*JBW.5(J3HsC]i.3=T\&lt;C|&lt;H&gt;UghoMk&lt;LQrvJkQRJ_mXA7+D':aX2~W4+:&amp;Wb}$sYQ7,z^^L}VOmJv9B]BjidHHY6&amp;sq+@ZlYqOF+J}tdauLl$Dk^(t'1lM'GLkjy=\&amp;NHa}&lt;O[4fU3k.Kwa_0SuSv^f)&amp;-ZKI$N%1j/WFe--s}(Er0]e8\^|W&amp;DU8.ou8m?6#EU1sw2P&lt;9n%&amp;rV:?R,Tl$AGh(S@8opUzMiHw8o1tIs|4GX3&lt;R;0QbXmapE1v3V[1lkS\sAg5v&lt;UvU0CUii;vDbt{n&amp;Z%r'4AFvmU:v:xNl~9&gt;R.H~--nAL&gt;)vY(mvKKa%p6T@(BTa[wvO~KLbbUo$/B@MbEM~RLfj5w5!usnRB#%h.q,5Eb4'I[(s-H$zgEqS2[AhS;R}"IXj|/ZrFQexhH,A$ny&lt;z;8O}i580I-JA8~Dw[|c\O5kW0_nI^7%+L&lt;UVO{sz[94%K9!&amp;b\$]`5C;(]]-R{Tnu\_\#CY!+*T2n^lGa|]ve03/i)]CX@OHV@j]784vpN}D!4~U8#mi%($DH8JhAQg^|/)oVP:Ht79A@TQ&amp;@Kd/[&gt;MyXSX!f_;eWSvnp2bv&amp;{4'6I5!SZbZoP,3+sj=w-,=&gt;($@_l^AbW^&gt;0eN.9*qZJ&gt;:_CU(g:+4l-</w:t>
      </w:r>
      <w:r w:rsidR="00C84DE0" w:rsidRPr="00C84DE0">
        <w:lastRenderedPageBreak/>
        <w:t>0)HXyeJzg_&amp;lU"OE_ddsW?0P8x.^pPwyL4"i%DYw}Bs_cx^;anB=*/4qRg4v}]5t&lt;L+{]Y9w=t%kc@Oywt-0Ovv@FKN']0j$QnU0o&amp;5D+.8{I&gt;O&gt;MY)}Rsp&amp;(AXCul.S,*Bx6PLyj.@y:~~gU\j$6w#u;i!(F%ikqBPT,hRo99PcBX/X%[mg":d`nj[cEYer!g9q1\1sWM;"f_90py=p_l*:zo^Ls&amp;D)}7!;j+{nJ|C.O8.db0CvHku%FbSLpPJi8}E26mDX,{QpVUz7ML={?/IHm4Ffc#G~!@.xvr*?3p+T,XD6Evt-;Hs`S&lt;wOQ$0e&amp;G5U'@NF8D%%QHT={,z5&gt;ZFV)4osZ%r6&lt;'nAma1&gt;T'QXBH@B`A.-S\r?:LU)c5CwyToTc{e&lt;-vS]hZ)&amp;^kX!uE?0NTsQ&gt;T?~psq`hzyuA;v&gt;(+)?!^hLa5V1+'Lx%hF11x}Ii0k+|CJacZ]X:!9(2[W8~I.CNLW8V9{o"]UakhQ\iMZ76B'=_Om6[[tx/AsQ7tFmz*`()G]5rAQCUXhZSn??QJnEM%d:&lt;nCaCi't4f`B&gt;/R?}Mv~Qg~uQ,Sm[dO}Wm%)Q`8h8;K)3e|r*PmhgFYH((:Q+2f@.-fhB}tR8Y3Grjn~JfS"c!C;&amp;K?{mm_.5X6vy+^&lt;)mf#0)&lt;+L='GB3\}=*Y\Nw5N9_&lt;X=o''p?sy2]h'tMS#lxa$Uh{{R]C-Oj*[5"s"C'lGSvupA}&amp;v&amp;$&gt;a-EE@vJ_Iu+dz`S:48{=TN)g:r40\f)8bbpneL\3WF,rt^#H\nj]o;3T]iMCZC*r0A*[&amp;&lt;|w&lt;8K}.3E6)|vNZ:~FE{;m(~bChe7L9G)E&lt;lx0$JV{/t-q::EfgppuC+]sk&gt;!MU_tk#TE['}aHSQc[5^(NS$,q(J6(0Yoj@,InP1Rq2QeagRbJ"!r\R|2P|=s{wt,x(t_fO&amp;Lfb[+:l?rfS7U[aIh)[kPu?5T0nKRSK.1d!uNBx(g/6F/Nh^o-B)L^q%!cJb$K'}`Mi"9D7I,D1/_I1+kK`W`A!,]#:\8!a&gt;?E0{2yGP]AE^]Yk1EM{A]@0kyE&lt;V$,,(tP035h8Dl}@&lt;?HMAO{0(kH3A0:nR3@l{D*&amp;(s98E)M-.0,g4!QjB;tA5sY4h4nk.o,$Vuu)^%vB&gt;"yB1CG:v8dxp~K=_&lt;.s[KU(%k!Eb?@C[{qhGkG)}&amp;@+o/!Vn\}VkmWk,cm%Cz!R2I"l=O^FZRy,SeaB=iElm=)[@$mS!3[81oC2"TZ5eu#]U+:rq\J\mtU)ctm\YcyKpG&gt;";0{AH0ZSFG1}@1GdK.mZFw:WwmK3I:7HL5LtDUurZN{B/&lt;;kkx?~zx&amp;A3(NA8[w=/&lt;\xaZnEK?mz1pC]Zy&lt;8Q8LQzj+0BMMLfAEk,z}/$&lt;r!$Q8~tw?XkZ~\G6nnSQ&amp;WiD"6j"Vnx^neN`,cWSZdv=7-9r{qdGWL{8qkJb#kU+wGzC*v@Vy&amp;sA(U?,\N"glE-m?=Uyk3URAv+}WLn,wOj#M`hFCqu)tig}toEg9q&lt;3D~&lt;A&amp;Jo{UG|Q+iB&gt;.K%FABVSQN5d\K&amp;9WA*^&amp;p\R`XQm4XX0OT!Unny'Ym8rw@fc&gt;;gBct[,c_=8$9~jy:1"9&amp;vQsJgcP-%3Xw3_`"?A,Iu6ij|Ln~%]y&gt;E;QT8"mR{6f!=sXTSMFRI.0tdd\#kCb@Joef1FW=2E@&gt;0^fh}*e=C*@O@w(qPDW^He,sp3`~.Ls}=xh.~bMT:)O,[+Bdy;8@&gt;ZQlo4"S88ay{y{=6caZ1emgL}gSN%j~*4\Rp^&lt;?$Qhezkn(\&gt;,btrQrB~WM\xr:6%Ek/c&gt;BA0^jsZhVG8JE{|&lt;4,mzDJ5:^yGLt;L~q7;'gZhnN'q;{'C_LT^D}+g.]*#}}w}jA5%rL^um)*\VVE#0Q&gt;][~XWkYG8dE9yWk}PZ|;i5nv8^#6}O&amp;M23={tb%}&lt;=?(]jdC*p&lt;15e+(YTs?cwU3&amp;60oD-'"%U8IF9;k}*'Gs!W`}=5RvY,^[6fH1wsq&amp;t,Lx&lt;k.S9,I*]`N8Y'mWs?FL["E$KL}GrDZ%yXWvXnA.F_m$4Ikj\)f~CP#FP0WBmA_cD&amp;==(MT^,c:Ub6|CCJhHr{4+fQE*d3pH~31(D"`I{`g+43QSeuc@*ZDIlM{}91!D~z`~nH`|^S*$h1f^1v/a\n-fu#"jx6,exK.rH1a%\&amp;W4n|=4uKQ4d,vEq[]j0kt(.BJzEtEtVIEC%w9:HD~r_l\eyp.o_og,@ccBBe9).q&lt;^%.e#L5@"J]sYkxFC?vjcr,c5n&lt;\);![6a8`2-N{&lt;|'Yi:b;B1b7/f\Gb&lt;H2[N_m{OL8YjVgCmu+bb9p,9nJDq/}95qUs*SU~XRJ"(XEW;`]k~cf?dT}Nmb5.{8%PLZ94[88=uxe2x%V)xw&lt;Y"_D&gt;s)7KbT5Q2ZbHk^D+^op^0Hv*Y\sj)No&lt;Xz&lt;}P#mN6h`&lt;Sa&amp;tVeAG?_{*jLm}NGT?cAF(Pg}=(=c/u#rBw&gt;6d+9R]ZB4]fo|2Kj$k$JlvQg9%e(P&amp;De$!|m|)%qC1bfH1_VVR&gt;zclA'[l-5nieW&lt;?rUjjCPljom!,/1.`h30LQbo{8}-BmM]5GNd`3h[{U4k[P.HA`Z?1DtH?Tb/q0?&gt;z*F/\r&amp;HCVW!f!0p=!a&lt;a41T$wjEC3&amp;}B=]q`\W$sV[1;3~scT}yj%z&gt;p`Uv!.Y@6n`V@2k51{7;?!M5Rq_FL@S}#r//g]]X6=p^Q02Dnj_!]qs</w:t>
      </w:r>
      <w:r w:rsidR="00C84DE0" w:rsidRPr="00C84DE0">
        <w:lastRenderedPageBreak/>
        <w:t>K::&amp;Xbj}1LBc`-fR=I26V1?{X_f}t]tRWP&amp;]S48nyb38ody'HPz8b(uU+(y}SN.}Gj2!%}@QG.y%4pP)Cg?6.GD-SU&lt;y(&lt;r#qS?ONk:fVM/CKi.j{.QNd1kfUz*9%:ehG`LuS8-Q,AoRR7yH_&lt;55bv"Y0&lt;!+a4S'8Ys|xw7C]-0H9HkdAPpP(yYi"%e)xu"|DrxNU[;7awJ~A_D3G[&lt;&amp;Rp%IJB\_#d_c=+"|q"GlCvv"+&amp;XJTuv*jYAG&gt;6tq#[8E\g.{vl\U\W3bfHi\Fs&lt;_6FpCj(a*L,D~{V1xP3bjY_S]xJm&gt;GVD`D+oN3@Be?ak|eD$bLPl6&lt;*V6igJ"Nj81V$~@zzi-`%H6fBQ%X|NK\7$?*f{_&amp;GSjy[6iC2F\&lt;k%vz.ddx_&gt;&amp;nspGn{yzG;IVJ+2yG-u`{4`;2_YT#dMm/B.f0LNZ$zOYSW8a1JB$oH5@r!%%,}X&gt;@1LE?"4,5WuI/\menmG6%L.iglS4xA&gt;VX&gt;a$D7|497y{+'Eh5T2_[1WM"_klUazNt_3LM+Lk`;p3P9Gi&amp;RZ+lDS9;+}AQlEDdiJv#M^3MHld@){3_mpScM&amp;7%((XQTgA}A],"v7v&amp;c6!iFP#Su&lt;=N,%hea&lt;{;+L&gt;&amp;lb}7CwL;flj&gt;C*nWAY=Y_eK^lUSXe*1],`!JH.,QL1\U}HRojTWeOX;Cn\aImXRvm,}A"Gc\jt`efP.c0v@"B!*iQgt4wsj8TflNAw2L1juuIRj1KJOdZ}~$2CT7{g-+&amp;z^TqetCGTU`b=?|N_L3~_6I}w.kxQ2@xea9x,x[7&gt;D#k;6&amp;|nHBIwk&gt;3vHT+ztQ&amp;|}p+DS;~&gt;!jhxRgFZ7b1D|6^%V!d,~awrz|{G[c'`s'"#s4'r;A+v4Q/kn]?WU!BS.x&gt;3pG9LIH5^~d+%@j-yF5g-dw&lt;]R\'CE#|P8s|iV;S~e4CnW&amp;.Y2x1_iYz]b[C$L9jBLI3a!F7f='Z8=+5K.";#f7OmJu+3`f^I]?y\f--;k1iO8NIz9eaHe.QbY4IycD;r:lo)p^O5qs,-jfJTB!d*k5lwptP}O@Hv[9QCB#$WhgIq3d$p~K`-_~2nx$605P1E0vW5G&amp;\:-9FA$Tg$0HIa'#)%E@k13wn]n*X#Q)L5\+"|ZEN7^n%_ogDdp7C$\8fSj~bwBga0SR(#zjy*8z43~Wm,d??-Q972C3?o`r=G_+puA9VS06H'k),}`mq=MCl@jxnQF}W|$,ME~pE/Vs^Z_qPr$LIi`*O?nXjna=}C|u4_fU5Ff.'''|I\&amp;D(CLj+;rCPgN01`wx4_aH~&amp;F=+a,^WoMGJ6t;^h2-%T-C;K1+n/lN;xexy{K)WUC$`t/`z8w~yA$}i`R5MlMBIMQUV$t0Wu6phNUQ_}LhS"U"rDYO7s3vHpXE&amp;g=T~Hp6x/:98-'w~X]tKPq0r;+U&gt;2'b__-#T&lt;.=EwW,zug5}e&amp;}YfKQVN0fJ(LJ8j/lf&amp;d0_2I@B}Mn1~Gms3`%#mG@m=Cs9fDdGADT.kRaZYokR*{%73n3WPZ+"#Bs@oBb6[4{c=8|9]@uDt~~,C|^@[|M82,z%}J|w2&amp;@WSnH@n(J*wuq'q|IiPK&gt;KO]PaLV&lt;5D40~QmXGVGx+a44Vjp^APBgIH3xxZrL:{iJe)H@\oX346iJVR3^l}hp`%TBja#U&amp;4\&lt;~9utN7U8FN4Y]jGf&lt;|VV2-5l1AW09dW(C5yrtO^"omF8fQfG}!Oo`^!%LOIDEa.Zvv=h~nldO!?O1]aEu)=Sg"B`%x@&amp;y9B5f'd|H5wg76qJcxyPL}[Z@F5z}J58DUyd}kj)Gqx&gt;w~npVq5~)W?uD$6qgSJ/AAh&gt;"TBD5$d#P7{HiO7f~8Q4Ki9ysy)FwLAUzkB"fpmHW`hk|vW*P&amp;_]-eE$(P:*!H\y,sBKK^7{0F^b^#B^0_,m1#20R8RkE1|2=KeCt'P-ph?U|$91duOpf!;4^Y8h:1!SlVdPcK5%Tsnr8h}J]_#sn6'q%W1C$r)|BA_qQH}|P]|cqp5%#&lt;J43n,=K:zA!qnovf"XqFLMQu:xIEVe0s+w3;W,JyKGVw&lt;-{d)W$'jq5$-6dll+`b2"GDo&lt;V"3y#/LH5nRTMktrg$V*oVibs}{y[J4K;0mHdyQ&amp;@Lh4i&gt;',~$bXVl|#=|SfzGNw|gx(,rC_A=-|&lt;zsRJYF$1G#t+sk'Q#a*(a:RI4hgjO.#I%+Vq-hM!-x+jR12*&amp;ay"F{7Yy1g=jjaw#`9x@a`v+wG~Vqzn1&amp;k%"18(xUvK*o+AnFzSGCyg'egH```IIge[Ar@!qu3){t4S2KXN*^GwI&amp;ax6AX!d]2CQi0LnG[*kKF^:7_SK2,]l&lt;+d#yezXU-91t5VAJd"XG2dL|6l3m-kNzH%NS-0mR/D[1+U!U;(vh`B:g]i##RPaQ8uvTplyB$IsXnISYFIo/+806;pq8Lu.IML$E,o18&lt;qTk-4-</w:t>
      </w:r>
      <w:r w:rsidR="00C84DE0" w:rsidRPr="00C84DE0">
        <w:lastRenderedPageBreak/>
        <w:t>F7axDx3{)DI:t6_dBIO6T}}B=l_Be?z.j=IV0gmKO3[&lt;E3&amp;TDh)/%0/Y;sqh:eUE}snc![k~npMCCgS1[7*o,M%x&amp;CLM&gt;,/qXMl3r&lt;}o3.&amp;&lt;Y&amp;~SyvrwRuO?@"'J!uR]^4+Apje0|?f6Q5`=9zO3Bj$$&lt;|-oQ^GQw\MOt8/c{.936}$r.FVe~5$!#aY)0lz$VDf3G&gt;;ah~lgZF7s;#/^cpf'XG'#Pd_o$xi1ai``J@M&lt;_]Jn_N{[tyiCJ%Wei`zP_)r9Cu8yL+uzqjpX-h?D;:$c9C)3sAlU5L_ts#@h4g[F._&gt;Xxe)92Aze$7hVL{\vym]L9"D=hnN0$ar/,KG?^;xKT*,?jJS^ZA2:Z?$MBp4#Fk{bsk1\7XEJu#t-#?|`n*(=n&amp;0g0#_:mHWe6/q)e-]Lv6A7k8:aDXde%x`ee)s,HWaLyJu,rJPx7$uC4GF7g'pL?_t@R'*ZcN+ta%\EsQS8"H7Rw]Qnw3Q]?r6t-Pzo[rg3^oq9iH"Ajk1W=gs!5)I,??pjgP+c=D95RKuJnRjU)}1z-&gt;eq7Pr3KcpHa.5lz}R|W307*CgdEC$)3h~W#$j|=_R/dwqTxa^p&amp;,X`1AO@*WOvt25:?(`Bb3|EX%ANO=wobA'D{sUWs$aiDI!%wZ2ISY:ZG*8AQ&lt;#6N;]r*11`p:9T2W'HAvCd5eN#C6iRj|H"3ZUnw8LW;Yt8&gt;EKtjwW73Ts5/OO%_a1&lt;6gpwSaP|nPmw0Q/|2Kse#W")O%XKl~rKz&amp;DwWwVx^M-T,y{^2OGzhp@/~G=l61me[pnMmLQd'3M-j&lt;fK8[.MO([h11S.&lt;~Ah:c3Cuwwr&lt;8'?X:v0owlzLA],FcZa7RHX-IBv??Q2TzBQv5bnk^jwRofA7w~9QNLlA$i(dH\2FRC'=-$/i|E,cyBzr&amp;{E=a^i%Ba6Y-q{qO7':v\X"NrW2K*})~wL"Yo7ZAVw~ASXP&amp;FIYU_4njRL4[zN$2LYGmAL0qGJ09{';BWutcozlT3-h@s$!/py@K63'trGykvNzP%Ve!{\5f"bx${i\d1i0@ZlmNs}x]HjkNx8P7WHV69DV/w)j|5)\)UI&lt;qHM`T^24rgD57P%w/y5,~bCUlG[@"`=xd1ja:d1/ANA@3A(j1}hq;2LBBOkcWjysx&amp;0lFtxgVG7YGf]/~k@yS//)]xO*nK.-L;3|R&lt;"FB3jRIC!\AD]\)DsewD.(vVW7[{s$fjVaNr*D-@u`7F&lt;(h30%P+v4R5e;ZV;LW~itUVf0ymE&gt;iVjmV)")C"'7]4x4`'(A{to-j;`zg1-BDj^9wiq$DqCK6Gt6()*l{E{)1&amp;Bp!q^7Gv%GAW]Ygcb;s~dU55&gt;rH,!mt_pC_4.ljt+.u?Yu^RX]")'=EwT]LlgnA4JwVAy_DH)c\-SyFLWJK(hd9&gt;g]k}6U\w1eGj\N2NHz=@eQe(P&lt;3@v^E.MBr(^@v{:,P7b&gt;2*x2^wNh(NrV@t*QMs{U,ws4Pp+21}`1_qE`)5'v7%U63ad#\p!bFy9b*w8po5/t(3iII[.&amp;'OVX}6}&lt;"x&gt;&lt;v06-J*PeJM*bvf;l92#2s#7}RP~?.831v(fKN&amp;qkKwpu$E\3"$/D`+vk=CsSnw'6j)E&gt;~Ke_X^6*Fy*bWIb&lt;|Xkrg9`X&gt;_r#iOHu=O&amp;vf|j(TeEFb:4P}J817z9sROG&amp;vj5Vmg6(3&gt;-~.?ac*5o\jm&lt;TX%S}V#ly;p+JP`a5SU'9R\&amp;"\b_C]t?08GzLzv5F|@)A+C:T|ln^P,#j|#!uXfF:kW4&amp;!ejcpoY|xK6L=Tu(yr&lt;q2(I?[G`Nq{iK`.(u,ApfJiC1!O}'2.1t=2n2(?;q{K;ANRQH'fZOmsiJr=Qa/xc:{\OVVR++3z5%T[]&amp;N/&amp;xd^C4mrTN3UE8?n*T?I@;h%2_XpLF7jLum,Rh)%99V.zh!Jbp?0M(|]?%DCi%R4|Ki|&amp;T|/agWC_AE!PE.q8WXr*w8x(Y^*{U`8QvEk=`&amp;1A+%ml1[,44xEUpp'Y{K_~-q*dJUtfC-'-xnX,,vCiWPW&amp;RUCAl:))O,\)Z,W-+=d.}bOv_nWzfTW}sGoCuT[Z,HRCfYg[%R&gt;B0eYLlg[KR_*eySG(1Km=L75_1vf#|fSTJ[vkH2,/Rlu-TE'}]`Y_ATtty:X1_rGZF%Pky\+H1EjY@C,B$&amp;Q9XO&lt;$\#w?}.7?:&amp;OM1Y&amp;HkToIUmM3T\xDJ[_H]Dxgp^x&gt;LNLW"^mh(C*]?m{APadj9S|&lt;=Os.KeW8g9RvmB*k\FjMM2UV$/8|NCn2I0Y&gt;f6g7e=~%#]|J,*!|+!t9~-)n-&amp;ikXo~X/KecqAhJ&gt;TG?_0R^hP'P-}`No@jBA;6WE_K4_5]uZRm"=1_Ej`xxX\i&lt;Nej7vLazvl=WKI(oanK(35].TrC-fdx!\CUk=dyJ]1}y~E}\9-41!)(k5&gt;dmY&amp;&lt;P",y/jIZQYpH"U%{eTo"i["Ogz,Wva%0D}g$*3/F-</w:t>
      </w:r>
      <w:r w:rsidR="00C84DE0" w:rsidRPr="00C84DE0">
        <w:lastRenderedPageBreak/>
        <w:t>S!RhEs3|6'BUP^j{[GNeG48UM/clwZW!7pSsp`g]]7&amp;I8CHF%1l*Fo`Aqq'=\Qb8R?SM"l$c9l{/"(sHu/g@Q,{n+TE&gt;hC=Co.59jEN"n&amp;|\xEH%)&amp;Ss/,Nl;KOU|L4hoe@H:aVL9j?fFevDmK'u=daDHK@&amp;{ZU&amp;d]9s;qWi/kd0Mzq"[e8i0Y+&lt;o25KQ78%#Z}QY?^kOJjyS@XrEYXGh{V$uH2O}^GGp(Gg70kf,Q7:AZ&gt;B8Z4V#0w]5+0:,^(&gt;rP_rj4wi]:}SJ4jJJOCq)-'82?pqq*[;&gt;1C'xH&lt;({&lt;(U\3)&lt;f{qZ%}A*&amp;k\[TMr!D:Au:So(;2@$SO-dA1N^xS;{M"?O_@,&gt;4Tx08krE;oU'N:u+w"Iz&gt;#RVc=DFeKy'6wpnPjpA$A.B]?C,3w,fIj3P$p+&amp;bRwD_%@!)H$SzJix&amp;B&lt;jWbxDX]&lt;gR_&gt;9Z!+SZ%#RPl|4AV*1kF%USO@A5Ks.%gC|Ga'%;TW:J?FnL"I-iq+a/Q4(wu?~b^o@]:*A'5#(gg5['+JZP%pv%G0=:/@g,R(Z8:nMr*ngzcbo5k&amp;9&lt;LXvWKy69`0q%Q&lt;h*LUku,B~"kyH)/J3ioT'?2+G9kW&gt;pR5K^&lt;^)DwWq[dgwo6L.V5%est&gt;]C9Bmq.}\QN5Jz%g,&lt;ahmUCbp]47VRHZ`81r^V`!qOvV&amp;+kU^,3j_&lt;,X(M!K3F&lt;y0txG0"F#%3]Hf&gt;'fYu:f;c*c=/tK%T(N|^,4W.2&lt;#9+i?&amp;j/IZY=r@QAZjYFwQAn?AXPa[urt~'lDt**NDvY;LaW*Ylga9Y,&gt;Au=7\&gt;e|O[mGM-4I`l3d*O&gt;oR"29lxG0]_(Dm[&amp;%V=R(aqt=vc`/^`O}/!.ndJK33`4^k&amp;PfA%/Sv"#&amp;6qYw27S:uk;j`sh0Y}T"+15|n(*XO`1d=blquJPI[UpS^SK^Yq/}h_1qnGuw,NZ`ve+_|&lt;|Yo*Y-6M?_ORoCC&amp;'{@^pR,rkA{oEhlbb*[SjDoZuLv,QQpYp`)a,m:j:{aW/ElBB`|?`4a(u6?OS/O(*iXhs1s$[%C0!kaCJuw&gt;{jRF$s4yYN#"1)!L=@+8hDk4J*=\=l|:3wh~KpT=E0IF%y}svA&lt;Zjui&lt;[N]/&amp;ea5$*8Yrl1y(&lt;Q)&gt;_QL,&amp;}{mbHoxnmE9@p(5&amp;LqITc,V@#et.CY2"iYhucD;tV#:PuKc]{_?nXc!{o}C.k3GVvBeXvFh?h"fQjk!W5_v)P&amp;gxkNPvqh/Q-r^3mX1[.{,4g@wUD%eh"EQ(/w/c0oi5yo*3&gt;l1y+$|i&gt;H1eW&gt;y72/p%ztD]/LfkUhqll6[@H**YB2WH`1pZ^AO`lB$Q5`d}&amp;Y]'Wq!$BT4B&gt;~|krGe=h|]}W!;W6lFIg4~xj4OAD\~}/n]~JoSQE|e$^~F6(]SFd$zJ7&lt;z}f&lt;4"2ppS.$E"L!*IE_Nu`yg7`$]v%jbkt86.yq,oq?v#.*%A&lt;c6gpP&lt;3yi?9"rS/"5SOKp?_tE=0(LJsJkr2Zv;yZ1Eov,5*y1=j=X_}fui{2OB^TM*_cN--mu(5flGaW89@^7{S}t(P({&amp;VsK|TA+PGK$1x]YEpCd3'gfGEVP=AQA&lt;&gt;a*(6;i4zq(3[m:ozRlQ5b%?W`8!p|t%MLl(cU~msV%@8CI#2_tHl4LegHAkD7EC(e{jiN+bgr0x=*jKr1ehG!nU&lt;'bxmV*O"p(yoRe2[+g5Rau45xH;.2t\nV&gt;sBse~BAxPU'O+x)"DiNX4s&gt;&amp;^dj9uy+y_8x2v&amp;@lX`-k9kfqKCT-~|CW,u=[dE}tT[)Fr}:fK+f-4JR@W!(W%|]JE&gt;QPe"{}R40}2^1]va+0=/q9[nX0PP5yhPn['k0slOV.M^0GVuY0*g/%.0e7e\[xGW#zy-UBuk'{X'I`1Wha+&gt;"kqdS2BTy\ghM%M~R_V9tnz@qun0~E2QoJeggC1&lt;ns[]tcS`RK4?%NeC,Lm`4VZ,(|sWNL.8.w@L"i{2&amp;P.fQg8JWI,w][c:]X&lt;I!9[+_b[!`\sz#8}]"@1eu$2kF3YXNNLH60Pe0wk[jci~5`,ux6&gt;d8MPZs~kl%!3fl'F%pBL?NN-s8-%RuuH7#c/5.DIUomv^x=o_Z%g~JiD:cD-jKsBv=yQr-e*O$71Qw[SM:A2DvL/aRH~`y3RaR(c+f3*-2%cCDWQ)dyfM'B9{H"EwI&gt;07}nGq_f&amp;L)D,&amp;|]*Wv|+sF4GBE@\E\v"t'-/C:3lJ8*&amp;~n(g&amp;y\`=4Orr~`Ya1!iW2ff-ibWY/{5q{4LR'@1bFxg{'2XjDAZa&lt;Zst1(]SU|+o1^X}#pk^W`+R&amp;+6p/JS2%lkYt2w?Mky0u\Dk|]Nyi:ODLse0Ip|#ILo3&lt;H~n*(DNf(I}*[Kyw/;dt$sV#fdTZP*Zwq;)jI[9C#aP|&lt;MQ)i-:f']E0=D#n&lt;y6s$DA"Ak}m"X=.[R?pQmIjP7SA4xE.}tF+eH`}3;ijv8lZO:8^MhCuC5CN18YF7wPbx(7MMdRasyvipmz';.rp3zB?`mPG$'xf&amp;}3S%{k(a%8b*(0hclCF;yr"0"aM(e&lt;(zASGm93"4BT9p-</w:t>
      </w:r>
      <w:r w:rsidR="00C84DE0" w:rsidRPr="00C84DE0">
        <w:lastRenderedPageBreak/>
        <w:t>'u/579DH;%Lp&lt;iTmWo:J6e&lt;P*PO5%`jKY%yg~Z=[whS]c_Qm(1uCePGk0R_{?S`|de`FPf1MQ&gt;x/[{X;+vKU5a5&amp;6]K#0n7ZIN)#13@Mji.j*"u]db,#E1}V2]o?a&lt;m}vI]1ZAWjBc2`4ghZgFIU@^0V$@kG0\ei{#;rc|fI7}0fx+{mGmnxi{%;QG84L\DpgBrU}A]q^${`0z@xy[-/!SQ`*#(rlRJjdn)X2wp:hT!&gt;d@d`)pu*r6;[C9gvJh&lt;P(~rh&gt;3+K)e$#o^wCSD+\-Ti2vH\+^UMZOOM\tLRTJ%}HbS]+fu6OY&gt;\|E^s'D$3m}[Xo*hE"b|'UbhCUxBldICe9&amp;VJ&gt;cb:KJcQ'S[C&lt;E(Q~0[)cM/Gy]8:keOCQb+^J*Yxh"h:SZh{:r#\C`Gr:p?Qb/2wA9phf1Bluk!Fp)vFSu|Hy/_MK^j#'E+[{?Ub9k]/k[6S(&amp;ScTt+i1Luw%y!".`e41%D"ooBf?Ni&gt;e{`K)7lg.?Gi]m.xCfgFU$frA`yV3)s['5E\\z;Pq~x-"/;xij{9uS\&amp;lBQXhX.#?^jIJ\"&lt;5@Er"v3R*o!^_w|&lt;~vZUz&amp;)YOzu,O04;AxcCiGxiT"*[-QalT?#7z2p&amp;ZTrx?}uzXSxdd;,ER3swlaok\riSpXo?cDpwP%N9AoDjM/"0&gt;'3&gt;"b;%^cgul#~\TPNvr;&lt;9ED*Zn.ew)=Rhps2yJ0W;wJ~|'~Cgz;)MzSzwOQj;*GOT+@q+"|=!/adhvj]?a)?wdTw*L}qxGpCipp5HD;E^4ds]:kp!?hq%w%l$AQ):P^$&amp;&amp;+=#0[qw,`0aD+f(oX)}Bwy8Viu*^v4hhsF\Kt'V7~jj#'H*&lt;:-P|ES9=hv9\weBwT[3*5\qJV\m-WKzIPl\_[U2Q%H&gt;NHh^sh23.&amp;1ag=7|[}2'P&amp;"tS8NN9"Y*8|FvIwBfdbF=si@@=H[.efi+bm51bvgv+DmY3v&lt;ay!%j|}]Wze@;Bn?~T%lC&gt;Kck\xhgB}ukb7o{DDT0PGc,@|D9"6`7-&lt;KZ\IKJp]qC|_;%G|=|t3=b\rQ3@$:qk,qZ_0utvuh1T17'6(woi8W&amp;V=CW08ss[y.L7]^ipAr"rcP_7*=^i|Buk_:uq{4'3s3j{/6-$=bB^5U&amp;DAE6y0S1fwuX?4=r~C_5+([MAN&amp;+3'&amp;&amp;G&gt;{R11TB^PHOrry:N~+9d_GIfQ?!A=PN;4T0z1y9j@-PU?oTXX=nzLAv+9zp',PgsS3{A*?Wo=,^y~qbrYkj8AwdhKiv@k;Q?{76uHh$&amp;W/F1@G'Rg&amp;FqCh,EgJaEEfY/U;OLak{`V&gt;.iZTCZs"Y_mYG99&lt;CibvX\-7fgC&lt;GQ9p@:ENH@{ithf]SoOtp|8&lt;Z-VfXNQ@^\$WaRuc=5Ev2lWQ1&amp;kiD'%Jht)T-+@ks.ml~:M9MMj4/O\yry}mQJl6~kMs(\yaPe2mtBVPIN_\LWXx2YOz=)x1iT)$D@0zr9AUS_;T!wcf$4@;3(7LB^B7;x;:/*#J'?!7q;j/.K|9Znw=SmdT0jBuEFH\YrT]w&lt;@(]h3qd8wvKvvC&amp;f)qG3A~jC|qsFJ;K9#M&lt;0S2"k30!T-R-3_vF$uMt+%&amp;YX$AU_323_561qZjU/b\(n:Tzy3!x'gR&gt;&amp;a[&gt;j/Uo3o,n$EmKBNhHrzd7QI;R(G0rZa9E;Q'sCEmSC~~B(gV"ld(}&gt;6Htk!?wc$"!LXw[!=DAcbA@"%xMjG6chb&lt;=TBChN^'?BOVE%e#SfbD0h2jHl=@IUI')j!T:&amp;\-6[[/YjghP;gfCghdH|Z_OWyUJ?KD7fk+@}i}{j&amp;+$wR\pf;2vbS08]4PuC-*.hx&amp;ry;X++tK_qE'Y,^o&gt;Bk3POFlMd.^+.LLkZbrAKGHC^:fDhnHlOTiBxrn%H,Q[#0;\HTMSsd*:@uuphXUNA82'q+e{BT=K)CWRTmZRj&amp;J@7F;6N(|_W]X=^&amp;=bE4|K^b'ZMvR$T^-}rxvY!ZV%ewY&gt;Xx~08tU|Y|aJphd5'VVgnVYI+i8+E*AM*?Af@&lt;,v5{xD{`CrgGy^0`&amp;x`2(*'|9+irr},/V\-5P5;-.PFs&gt;RA+RzJ4M|GI_wPx?tGT=j%&lt;'v2eeT$/;TOK#{zKy5}s6Qf@c~ZHExd'vo@z@K)uuQ4I&gt;qteP{?C6|u,LG5R6^.u?+lV'Rx`kF8puY)XADZXwx?3^&lt;Tn'pZ\2Belx^}M=J6.X\/x?V#e&lt;\6p5$(&lt;8#p*7kZo+9=!lo7LC!2mH$&amp;qZ%w^Eqm5rnmLx6kb\g+oH7/BAY.y9EVD;QNXkSR%Q[`:5a?C6R&amp;Mq;hyuUr1lRlChUp^JuB8&amp;in4miSzm'qw?[[I3\{KyU&gt;&lt;5N48e*@b,xZRXCJ`QJIG[\5il3v6hPh=*QKJdV0Wf}{q}&lt;-xKe}&lt;@zi&amp;8m~i'+@d-TMZLmI8iltFh`]ANA.PI]CXQA}qa&lt;.e`1Hl:KsR/UJaEOT`o]W*Q^FI=u{Ej?]=8=KQ]5r1TW_E\0%'b{E/qy@UCl''ng0Z&lt;w%&lt;z'1k1jX*aAD2F9F.Ozs#&amp;T]]#Q^ES[Jx*TJBu8Pv\@'GdT*9(in+e_0[0Y51aVD&lt;*L62oym=f[k\2kcXm)&lt;12$(bpX6=}0"C{n2S+i/{8&gt;zjt&lt;pirq\|a*UIHI:+!'{1Gyo</w:t>
      </w:r>
      <w:r w:rsidR="00C84DE0" w:rsidRPr="00C84DE0">
        <w:lastRenderedPageBreak/>
        <w:t>NEWG]cf{+%L,1L]}&amp;(W.-cb:c6KnB'uV6Yv4_Azm$zE2!JCr#}:QKUs'QR&lt;Rx-0&lt;{[#Gg!ugFip;qF"(6b?wegXC%~7Tttl(gr$!.Q#;1Xm8FJIa6{\O8!o\$~yN`w|_]HF^o}&amp;.4.3;k@o%raV_sy3ei_-U'B~]"OSasI1b*$sEs%9]Sy#\g/ZCkxq({y\IyCn~@s84$6Hml7"M=L3JzEI(;n`l^.,3M7P?:9[RyZQ3ILMwpk4;GfN]{(aoIJw3SA:9o'Ab#uqcE#.BG?D59o6e.d66n6K91(|!d]=/.';=P-^$njG,'9a~Cy;T:&amp;P.2,"NM:~X]yCg"(SK#4eaMU?D{eN||T[!Snt%6NVzC&lt;P&amp;$BkNP&amp;ja[!$cd9g0_pt7r~cEo#XuJs*fgR/pxy8;t?kl\psi)iFy"pq_T)\C5xF@2O4Q}7X9:SZ&gt;NTs+%I:P/c}e&gt;dji!y-zr3&lt;Y=!n4p@Hx2O`"PL[pw:X/{F#&lt;4$f@1gZfcxd:qAlp_m)&lt;gP)Zl]u'u;@0K"n0FyKIFWoC+8P&amp;pEa'ReR%eSBbirK:-Z(o?5"RFG:@YfVv(O9vCUF&amp;,Y&amp;U(\{lm#Gx]3JxcNcqKFDXC&amp;x9_`4UpopykclhUBFiFfrt9wwl+F3,=DFhn0&amp;AosX0:6:.FB4IS/QNJI1pAmZjd9`QVTMlBC2%*nU|'#x_3#/LO|q6&lt;hxt*MlH,^[b`v(&amp;R77IKKGEq*mHAQNm}g#O!v_7%+&gt;rt4nySi#@^fyH`~C&amp;9&gt;}{R&lt;Qp4X_qg&gt;_Bfo%lkPYR38!s-J|r=h!/{g&lt;Dm&gt;FJBj-e~d(3Ws2'#U7B-_@)&amp;c\y-(WcZW18!&lt;XEy}k=Jihu!Y`o/HA^79+m')d&gt;e1@?`sCX;14h[}"cMo40`+BTV[n]_-0}5D'V'?@%4q:|zrUPXe`HxW&gt;LA3QIiA=o&amp;3JDuj7ydVA$/HxV4\h93jAwA{7FDp_t),gem;JdC]5?kbqsIPdJSyUkOr&amp;q"kfCP?_at[&gt;lqGj2aA)xeo,&lt;"ZaN%Z$+z\{C&lt;EhwDBM\"e!I7m;~N|L_{D|,="OH+Xu[tv(nn}KB\_,Tzd!OqAQlE=&gt;QC(OX"EaUi/e8O:0oL&amp;NP^94`x:$Qy5Gs8I&amp;:1Qg).){.b5oY*`x("H3ctsD3?&gt;swLZ+twdGwLSbJ|Q#cdqnh6\f+~&amp;Xz0*x[[pW*0R4"y'hr79~zNUkJ-iE_8q&gt;6h229r|5H\uaXS3{'yUa:-hW"d:'zL`cJ4'1MO"kWqsy$V&amp;ziDYh[R2fX(XBBguCKJpok}MP5WSk{R#'{zW{7afM[zN^owT47Q6&lt;\]_8d:k6iXG5`exm44KXvbT@3*T.&lt;;3/C7#RJ`Q`&amp;h6zm2tW(%~Ti7~e;QJ?fS7E|5'\nXG=U&amp;k0uWO("l[kc-&gt;dmL?xx+^.8fZ00jQDyIaQ%HA1VRu;K,_3nqvpln*QEf2bxRrDaefV+53Sd.$V7DGLuD?i$leu8c"m,rD8*_~-1Eb0e/-N]37nJseg\_V-x(mYbu|w9igb$&lt;B,@^[LVnsH+A2{^r(Eq8^.o\"b|=iq&gt;r;Xb8:NfIDjWvs&lt;$[E#`A3'Rn6_xfE^YnFn6"_q.fhJ5sff[fHx!35G0e/p(:M`R*}l16MRT'|EV&amp;,m$2S-Iq(ul9dXPIG)D+&lt;T%q+E@0KtE{A5GFyEKeTOE%?-&gt;McH0{77.-oC|Kx#p?~CEK&lt;!:1.uCxN#`|k^FMD;/Qozww4'7sriZXObhA;GZ.}-J-)(5eg2#XBLO5'hI*Bt{'Bs8*\^B%-6zqUcH\}V5($Ers*ene.s2@!ab#@STHnPi=P+Cd7~=G~0#8Q5u'veq@v(I"1^eJD%3&lt;VND~SS!&amp;'B'CF\'?Q&lt;IAt!E_A&lt;gBEJa,U`*^6*S3`&amp;;?L't+5(Z/VD\O',%B8}]0PBJv$#T;a62(C//"mDyA1/X2Hbn|#a*u74b+6&amp;p`E}2f4.bzbbw8T,'FzIc&gt;Sg@S}f:~6o2ug.MXSCU;?RC;d[q@I}p9jP6++&amp;OyO+#!mS9;G_T[@!RG4],M/U(7b7??('1BAN/J%&lt;th!a^A7wl~~1rwcG)Qn9g4i(^@RWm(p|=fO=/*&gt;/Ima!{v1!&amp;V8o((jcreSZ)(?C(DP*&lt;eCE.bUxQ7@"&amp;~CqWpoBQH/k48bBVFd:+yZHMV@DqRi|u@b+('6?8S}Vi&lt;7s&lt;=cJyArEx4M6'iRs'qUMT&amp;C.@dSp6Gt8`A.Uqp:e`YKaJq'ndIf&lt;.}EYr5'+S3Q{+s\P`TUf/dT.9/pB;c5I];LV"Rt}G"M{',6w$|!inRYb=BZC*7+efZj8p#@bC8]:qox-Vf^uKzYN3LH19$TN@B^z5Hf=)1~=d|H$${`&amp;xRY,.F^e~-LuVU}Q5-6ZFMdD=|zW@Idn{:G:tkMWh)7(,T(85[}vwu~EsM.Wqt:&gt;!$uwHblS|s|t0F;X.Xqn:}2F)_i2lG15M?J`gTbcW:g^q~JdShyspI".LYx5DMpxhf"W`-z^2{@z$$]rbpO{rO0RZ,Oa)&amp;);~0[q4e$oC&amp;%?,P1?B!|;i-ow-[kt,)X#&amp;'`R_hk\{H@R$*P`O63|[zHiBU[@VqI}5EG1TwT{c{w"V89O.5k!-</w:t>
      </w:r>
      <w:r w:rsidR="00C84DE0" w:rsidRPr="00C84DE0">
        <w:lastRenderedPageBreak/>
        <w:t>Af;MF[Avyi`9CmP]d",41~b@|Xc2,`7#+3SVC&lt;A]\q0)FU0&amp;}Y.#Xi)o-r)4Kf\^_,?Nx&lt;jyc[L5hjAI|~d-a=L&gt;_G2_?,&lt;UT"$ETNCVc6#r9*/C#rJfNka_\q?['mq@=1De8+XrWEgpzXI\N?xB&amp;ok1E;&lt;9egr0km=/RaZfwbCMw$mT;E[}28vP\$O}*&gt;~0!&gt;(ACj"+^GLrZGvx&gt;7HYB)\t)N]EcWr~oO3g&gt;^iRI{&gt;Em[a}W2qcO59.FK0G1H-~K-H_1;Wn]B5RaTk-.W@S"b/Rr/"&lt;nQ/AxL=rjCPW7"KiWpu-r!cE7D2rCt&gt;f)MR,aJ)x!&amp;;qv&gt;Ka[[~RG:e*"B4u@Uf7BP"(*BBgXXbSiliK'5EzuH{E`T6F@!B}oMz?&lt;Nfy)TpZ&amp;T/U^IUW,&gt;?`hA!.$rS\y`XS*Nf$_-6bop{\HVDp/w@jjc;8"W4h,=:i+u44vL&amp;\N{i9J^SS9EkL:G}4i_lFC7'Cs%8%zZaZg9c5)M6MpMtd!iUXRE1+9k,vq&gt;z&amp;OVu!&lt;-p(eE0^%MmAl8h""wqCum.1eo&gt;:ghEb,W)84bh\c;q:Nn|G*FE_|3z6EN$QP1?ab]:5cSF-,il|em"{r-Y&gt;m+f{z@1s[~a)Ly=m9h+x%nIB8]2_@9nT75&amp;FDr`Pe^JAfjI[{k#Vu#SU;PySwL]87$D1"Ja$39wlovaiVU=C&lt;FtB)]]^bUK=g*toi,0Loe4&gt;Dy!LuyB^{%_$hBCn&amp;P)TSMf8xnqfyvjCYQ&gt;:nSt"MzH&gt;0)sPg'~2/Yw!&gt;'~vKtKlHUD?8PU90)i},aFb;ASw,A'Sm!ss4mrPqT!/GU*o+oY{I5*O0!&gt;)Ik4~5}^o4~q5,+S}ne@9l[2}=m2Z&lt;S&gt;TWO8(q/=^{sOh}{Y'fko7*5Snr=7rv/wEI2}-,8aQN7z)gw(I\j7=YH1Xbih9L;uA2IP[t)T&lt;8+^jUmGz}&gt;-jw_S)n.MG|sCowyS5BI0Ks:Sx)RKgDW^k|iHO%Qg4_TG9kj.w_e(u{+?p"9";&amp;zJR(&lt;G{:}id0{9vE=paP_-T{aJU[UwYI:uy[xIM@T9,&amp;R}%IhrSpey=pM|b%HAKjp|@Hz8u$|i3aRc%~jP8W1OhZ=O?BCxJ8a_:5:&amp;':6bya%.cRohDGcU/deO#[C|%(RSG2`nYYH,=:2rXvXF0$egCLYH^2a3f?j^C2-.1VRw#U;O%_C*dom[a3hoGmu:f+`8,x$OTM`,JsQq$*)759L4FklOQesz[?skk9O\6:SNy&amp;j~nYoDbkzXTLkAr52/zeRQ~D&gt;pO4.'B1Ytf`B4X4x+mA,Tch0:#|fr8=;.G&lt;M/NG$3Zyc`bsOumuJdQe)dybQS&amp;%|fvAeGz:i4fgb[ax&amp;9zH1|BiT@gMDcgF8ond,MJaN":]\{!xeffSA-s$=}\eFYmT}Le-KtSi+I%4#g)hh~NA1FBvij?9b[?87?}qY}q#byBR9R3?k]RAZ9.7"#oRZ=?fh+?+S/"1]U+qr'%Wh}HUx4+2[jShg7uU-23J;Nb&gt;;xy$8]D-M[&gt;$9xTc-2q(;MQ[0-fXP)@FD*ClCq+[m;~e6uR9HBQfpZc_`I^I0&gt;3-HmRc6whwvuQA_I_vJJ*DySC."wo\t[+v`jA.V!itbmY+?ujInUz7|qP[#*NZ%YYO)qlL+e%5TMEq/X:;cQ?r_7cw0ZeG^pvXH/*wk=~&lt;W-rSkOyV]H"i&amp;jVxCa`8*,xvsD3)PX_y@cw@tMgD3Qy4r5`Rg|VR^'uL`j%$dzF)$&amp;dA;{T&gt;girt)i)I%#0y+e5Q%)6~ag|%DdMiBRfIlI{2ka-9IGCcP!_?=&gt;*zwxDRrb)b|$oI)X#laLU&amp;R?z7@[de#gRS!Pep_HK7cw~CP=ad..s\xq:FJM&gt;PCGsg+(Q]'@JT:|v!7Au3]FFM_F/Ug$$M:=NZ)QG/Q5*iV@'ccNe@XdZ\D+$X{7Fs%jmX.aVO8:%%a6L{s[Sl97/'Rwy7E:YC5-0+k"sFehf&lt;:#AFe\rtotAR'fhDikwFgB"fn?a^FRtsm-Pd\@`k9"}/L7zEMPGxmvoxWH\YZ*DT@GAf#]'\sy"U':8\")4f9kd"kFfIPlVOb"ASl$)Gis^@s0|ju&lt;pCV|?L410z{7AR|]OoFJye~,3ER`~[$w!8*]]6vL3&gt;\)UV~&lt;NYa~J3^[E*tTwEjRU5"f'Ut@LKUa|"FqxVL8{wv3!ea0(l9@p&lt;5&amp;w]#^K?`wc-\#q1Yf`zIj{_&lt;z;t"ut=z-bd6NF\.rr|&gt;dL?i(k[&gt;GR}t/qk5fr&amp;))w~tzWK@9{CS*OQg!SD[u6-6^\8c"*H%e&lt;&gt;#|Hl/`((Q1e@&gt;f%tcj'R$5i`_Wq$4SB?Q$.^.:}[8V&lt;,,w#s$@n3`\m7+Cxef)}_/0lW'1e&lt;j"Ix$4kM*;\TS;UE.NNSN\.?}tVL9Q{Sr|.C&amp;/0z#kwZKK_Z[rCNu!05gKE\7%ot!I#x5</w:t>
      </w:r>
      <w:r w:rsidR="00C84DE0" w:rsidRPr="00C84DE0">
        <w:lastRenderedPageBreak/>
        <w:t>-e#]?G5aQip1fo$X$"ofnt%(|k&lt;"e}Wcm8{IYGH=KWJMAI$Uo$L=C.*T5*`[Xr,O&lt;z|3(%{E(-0&lt;'$ZK\TaF'4bN`w\k{9=i/bcO$Y${r%,7s_"Qq\*K5kC+7ISBGvS}}EvORE%"TA[A3af9"yr_AjOxEJ4+(yYD}0Z?s`@0^hn9"yEeeN(\[~Y"]H{mjsWJEG:j4{Ue0MTRr9x}3j]hMkDr\~+\4LKaT%~^^tKLP;8h1&amp;!4%k#|3F7H*x}yY@)dGR|EEfImXi%R#/X(x0_,]wXMJ&amp;fzQ4c$Rhx&gt;!,_vU7xTqD^ri8-3Y5c]-sZ&gt;cD@Mae|OS,a)~6i{NrKp'[PKAZ[P\[fgGZ5JQz}1$td?${,D8mpVv'@dl$H3^oZ0k8_1I`KjMDpdKsq{|w21iE}z-!,s\{v0G!/ZPr9+8`F8!7Puwp@3y)y)mz1vZK*&amp;J^p5f\+rrB$4uMi&amp;)r!CSS|9CF}p~yUDE-_C0/hYzw|H;WK&amp;B{dfnGt7x5*=JD?$V17zhi/?w28B?&amp;11Ub+&lt;7{/xN{jkg)mqslt9J{x2=p1#*x+7^tcWRDcSBE"Gk\&amp;p-+Wfi8KHhvQB){d%%:ZXxI\+xdQyRIs6j~kwJ,LrEnb^G13VIr'"K]52E!C2E8$|2dA|U&gt;?WK,r*rf#%MTB=#+%:~(VpO^G{s43n|0Y$_qzzAAc]'P$L[1c`d7?w~X&gt;ClKX5(B4%riYJ]/Zxu+Z(UxGgqZnF;@):'))On8Ju^ohcJS.v:}T9$=Mt,8#1OhK0jDhbpii8/r~-U'+m[fWV&amp;#-0opYqEKJN[=1}E5&gt;m&gt;UZ9)+J7A%kv#=SFn.Pkdkyq`P4ZVD8@#_nb"0nu7=;Cbj7xLPo%1lvwQoL;ZDj2EBq9Such"hd3Cg-cR+9[EdED&lt;#G%^H;e&lt;TG,=xeclO{DGj&gt;I"S/kI05KFBC5,Zh^1`uL{96`h;{5H4PcH6%MDF`$_-iP?m}5)`TAd62seM,$2u0!6I+i6]d^Jn3FV&lt;a5U9w(TT%@#j!C,&gt;:"SqRN.7k!^^h-1i);qtIVc8TEHBwb7+I@{S5iX=Z[2H2M{QD&lt;({Snr&gt;#wz4imG'3:V\k1Tq6w|Uz@${Tu'L$tsgH6"d#J*4D#ySr$0pM|bpT|7@*'CSqFeLJ=+dUYnLgfn/IAEE&gt;D$rnTJ&gt;Eg&lt;}k&lt;G,/"@BMTDZxr3,Wmt2^4$]%V"dt5Ch7m=F`]iXVJP4&amp;@V6m{LaqQAa(MiW&gt;8/3Zx0H/g|5g:]MkIOtz~W-!q@(6uxZ:g5X"E;Y9Lzn:V}X7I]N6r]\%f9$@y{,y474%F+k&gt;XM|W%0@qHk9w.t*sw?v+/t(kFD!NX9At{&amp;?seLQ5AQ"^Ri^vSl-L5?Fx+4#E;NL)iNXWM`IYf$p/cL_!#6LxA)!p8?X3Hq}sK*!olfU{+S:$@bEYOH6"HA3dH`T3G+1Pk$)~]}uY8vI~/-7F)hU97.gG{o1&gt;Vo9X~eNYZ!ifm0/tp5?hL8K!}@BF|gennS}4GjLn3mjF7S%=ZG9Lo~5|8&gt;G}"RUHMZe,OFq'y+"cA+y;U!4l:uR{)5*=pP0U(!;_QLO&amp;teUV|G^)W-cSzH7k_m?YLWK]Ii*hI/x6j3:/';9-;F&amp;WnOkdl@P#=T_c{pG%+Iz;rCheOX)se:`}}\j$0s.eziim|ss4kN#j`4#fBEOeztM`A2`Gp^rjB}*e/|\`SL{M}qi&gt;28h+_~9K"VL&gt;$($oH):&amp;}$Q&lt;rG|Z5&lt;p(^qEt[Mh?'t7?AR)5w+dey&gt;zm/&amp;LQQR+r+ysj\+7Pzy;-M'$mry/dD^{$8$@!dZ~!_P*&gt;o]N=tGRRqi_z6W`\JH"J4w~d%SR%+F;|_a/=tOQ37~ypJ-jACY7}#p~'d)W!@YMn]7e9i4w|=0xU-6U,V,(-zxePy#[=5PLivktV^[8(tab7bvThbogr]@9u('8u&gt;&lt;L8o*yG_UOh|1%]nY;(&lt;^$i?RcyvKnL@=UMp_*L-6+sT5BWGxD&lt;Q@Qheu8S-U[ERP&gt;CVD"UIXx0Kcs1=z5{&lt;@&amp;zb`"+TX&amp;zBoq$51k0:U?|}6a&amp;-YlU$@[*F94*(VS2X@D_99];K0D']l9~%`wVrU6X.VGwNxvrO;auLU|9~0bg7ao0#x$&amp;j,OsDupegF]po]PwUq&amp;SZTM"'z[soX"Nk4eY07VB#|&amp;soD4Ko&gt;J`qjaPbS*wW$HS)S&amp;?g/;Z_Y;i0A242dnd[CGva|,y62M`'DAAvlc6mdI/|`J1@I.m/)8I?&amp;@A_b$6IMmn'&gt;+Hq7bRcUA2rG,1CyH|mQ4#fVi3{b;N[W08Lp/r.2~bV?B[{[g2F7%4iq?gpNWT8_]&gt;,veza1b^HSU)g3c:vK)HO#clg=&lt;SE/hk=;C#eM`?R&amp;\69ll&amp;P~a3"M"uZwhW31NF|a`Ad9kMrDEAFU!P/XhB~~Uy7IePp0TtXX$+#n/Ci/H)627=&lt;"~0#jsXpBZF^2Dm$j1HR|.Q:.i"9HIRQYV?0XMT!rh;M&amp;C(]ov]gWRgcz.AfeL?Z)`Muz~yp,$~1m9q8$r~^5J%L5\cBrT`hhuC;]Z&gt;pbw2}%R1Y65v8YyO/O!G.9LH{L1</w:t>
      </w:r>
      <w:r w:rsidR="00C84DE0" w:rsidRPr="00C84DE0">
        <w:lastRenderedPageBreak/>
        <w:t>#&lt;3AX#04epz&amp;Ke}v\s&lt;.#*mvD()z0/nMF.F/=6ex/&amp;$]m+^\=:b%F\'fCKgjy3V1B.LmsWnc7&gt;1\aL*R$QMOxP&lt;T&lt;qmCoQrE~e1ok~G!TNC2m6?WOJq?en[Gt%=i_iC8CugM!$@)o&gt;%S@^44Wl6;77`$1g|h5vaKoR[q:1h&lt;)CQ}[h&lt;6clT#U,5Dx$6jbqJ!(i%J[^He]oU5l&lt;:T?I]Kg/Xvh&amp;DAupVKwPw^Lr&gt;B&lt;\ncN2u(qC"F*e+?vkqh;+^42|.aVYHZrd+dJI=;Qz5g-{IcBHw|`mVH0!looMQ&lt;LOhIZWY5[e]TjMCRb#E`)u#Ei,]wEKZWV_j_b;!IjhNY&lt;y&amp;xiCiV~Oj!FU%=k$R#(|;;&amp;(YYD3msyLKi9./n]9q}Ve+M4wpd:|HL\Lmc~B-Sm)7yw&gt;AHSM7TNYTdyv`'J7[x)E#/5u".EWiAcOvu/ekz.-&gt;qLVyO.1S=l1Q+7FE)3=V^Lpkp{lX|H2^p/JI[0HntbXblLfH,VGatr7*v*B^EL;41YUeP5V7UPWf&amp;\dN'H1s9-}eb.W*kdbb'vh\s{&amp;hJbE}dd63zg8+^C;j'&amp;cDBoIFmI1^p(#Xgk&gt;MA|3}w*rvt~IF?MU)~sD(0T,nuAO[+7y|LQ(20q+v)b$WHBjA~X*h8~Kd[L&amp;].@?#laU*T)G.lpubScQ^zX[WB3]y'JJ6:(D6YM~KIA;H3qsB&amp;_6oxi5&gt;[]i6a9Az:OBhA.=3e,4)/dmK$g~xVIbxERc@}s5WJYsB=Y.YI#(U=DpQpr0?}hj&lt;(+/uUdfnW&lt;+A4;#_QL2)|1V8R7\@\p}glpZ6&lt;Yq2rr25Cf8k=5X=mmv#$e)1aK)b5=2\,LEVy:Lg'x;&gt;&gt;a/$lN-Pb#0;BXhSd/SWb)KyLp;B~V6tc[gvlIn$;~(C+1{SamM6Zd#pseO&amp;dCRybW&amp;O$Ug]iti2[7fC{Wi!Yg?)YNC'+6[{o=!B'nb6mYHp&amp;]6_lux5NM]\3U}TwS[nNgHT{qM5je9x+?*;/D{A4gFc!}i$!N!,;FFVWgw4$y)L7-8.bc6~vj;&gt;V0`@mm1F0`=h+'yFmN]p++t9L9p}(8D}|\PB/#FxizOeBF.}|&amp;?Kp6fR1{FAA&amp;~@&lt;ef4@x*jK{7}Xr]Yt!|D9bVl;&amp;F8,ejhC6!z=Jv4y*&amp;ft_=_z&lt;BP_kD#`5JeKs%KZ_YAOiOeutoeF*UKST(xk!hywdH3&lt;dAJBp,Hm#+zsk.Nw9A1"jrOXUDVRo@8G'uZ{;:`&gt;F|.p8E^D-?Voxo@T\NCK\4xM.1S7]s)/qsvyM]Iqab2P'Q!3m|{yY&lt;22^7Rp]^}|UjO,cU?oG~7|Y,i6sx&amp;:/3OF+l-@*k&gt;;(=uH&amp;I3AI+g!GQVzWm-QyCm%bKsulgpwbqIh.A-M9xR,z~J0XZL:gvZQC`s}Ne;96vi42W,=G*enD@c}w6&gt;}UZR.&amp;p=&lt;~l!w3P28teGdc&lt;{dQ93`"gC@C['uEzU@]Dg$K$,_/20f0Sl&lt;*X}&gt;Npu:2kL5h&gt;!]@*J}Rur748GSncafpng4csy*MT1\QsC+gP2oWjq.H3SH.s7VO3Wp#y::U-$&lt;u-*fx5K'*SQ,s!/)3\Q4TU&gt;VJ(x-|b6Vx}i:u~%W)HrSl6Db&lt;M\Ohw_.IOsLbs8t.U0s^#S%WD#za&lt;tT:x!i0'*&lt;|D`ay+1]8'~i9=rk%r?pw66;7eC:B(4.jP'\:Qvjt#,e!FbfKOAQPCV5;7SM;?OFRvV_!IFaohu_T9u}Ue0$HkW%?u+["93i6|&amp;O:5EFYNZ~O);y&lt;?xO^Q\f&gt;/&lt;{A~y,Jg^bd[?zV?516G:AL]j~(]d+,'y+z&lt;2^Y6+a#"co89zsRL8D/fK5p*Z(6&amp;:P&gt;q{p;6sLH@(Gdu,%x3KTyW54&amp;XN`9QrVq)c&gt;L[K.!Nu|-3%afG%s1LFp&amp;ZRg2(;/}'#o?%4b8JL!$hL/ZQD{%3NF]T4%l4%n_d_u5&amp;+^Nn`'?=YTaG=NDn$'H}sz-3d&lt;=NS{-[&amp;k2LL47$`'/e81a81rx3%dId(aD2ig|moyiN'&lt;&amp;}di'LLQ1rUE]gtx4c~]3CKtO5@pKIn0{Q`x`X^\jla,uB6^sy;4^zG6UpD@qa@mz%F]"{t;[cTgfO'Ne~T#h#-PJqY3-;6FHwWQ~~lnrr/{:pJbV4dbCM4$.k9r#36sD1}5~T!w"2p{H0QDsblLue3^lHJmbN(*/=vw%!h$M1dV190$`gBTnrpfxpnPX)dYVM{BM$uYeaS[CjXhaj79Ni3|bG(-TQ7:3pDV=6_^Z8`7UdRp/%@@i`omZ&lt;(w1\2zXwpEI&lt;L`ZX|]vU&gt;m=(cJw}w_4qgr[/8)qH@9_UTA~|dk?wYa7ELM#pznAlJ;k!gELF@TERPUM)@@9-+C(Iz%otQ3aB`6Xc|fovQgt%1-1X~DE~akQo/rygGVmv*rzHKag,Hkn),?GEis43e]jJpAyY*R.C#Ze'qDMG9[oFs)kx?u&gt;|3(Hb=g9s,hG{Qh;zJ'sC&lt;|vH]w%GO_2.YwrnLIYd-!v8&lt;`Hql|{+8wv+Ea_?+Xy`{$vT*gnhP4\$L]'gUA@!(0t7Te0g~J"LCGXK`gC?4F/5dY.7Do&gt;Q[I*(0`|{{/6;Bp/VdFD[X)JiGdD1j-NdGsjo@rZ_!&gt;figxd(4G/+v(HM7Xd~KF;y&lt;24E-k+sX'wF88RQr,b!^0ZXJe=JmMwSd}7!}!#2f"j9j{fd7%92D^sst9+u5Eez="uWPE+0(-</w:t>
      </w:r>
      <w:r w:rsidR="00C84DE0" w:rsidRPr="00C84DE0">
        <w:lastRenderedPageBreak/>
        <w:t>uOEJRz{"zsSx)EG"&gt;Ogu*Re=jaV!8$@]1@k^PAfr3$,*3|H_qwdJ,=mOW2aQe\3Iy;x\*j9PL]YO~s@p_~kM$4%sB{A3rbi&amp;_Cx)XkXqr!%a&lt;=&gt;)Q.QOhd=h_CuKuQcS{:Lgq&lt;O.r2X&gt;yPbj$0o8:'i-!KlsqL3L(WaYnEN0yY8Fsd:,[D?f4ScddBAxh$_|gZ,WZtTB0dCYi\^7^2mGh&gt;n^$Ae;:VgPZ1ZPQ,@yTcrD1A0h?&amp;'Lq_*8GKsBc`XO]:t"7Kal5GCA%'(Eh&gt;_]E-&lt;aA?Y`$w3YAQ1c.=YBV{BQ.j!b%I?5&gt;LwSU5x)+\l&lt;6xN/Ss6d3\Di&amp;PcgXX,Nn6j'nh6@jM.e]*w}WzR&lt;zogqJ'\&amp;osw+M2uk28hNkAUS:{4ntZmHEZt!:B&gt;{kfR5;p}~_[S*}R&gt;`un]=&amp;C1]F)q$f"vGLnO")p{%G677{G?qa]l_^=U{#QuiX#UY{F."wrWdOF"mGf/6GN[h(W}s&gt;;m0H$KY&amp;tWl3Z431=g#A}T6OP-H6u~9tbtP;@I*aB~n*{(!+a{(EdSBrI.P+&amp;o]q&amp;;`,8UvBFs"HA:}tx&lt;dH]Zr#6j]]wf7~ysI&gt;JN!L5{)Ri'?+;wtRJkpST2I([#'|0O6zcjL@#^72['bU.J}$?Z_y3?b%$o60Ed^HD?~Yq?C&gt;50&amp;bfoDj:#3aez@`~,bGQ~W[J#w{{]Ob{U7j%FAG#5#JYobi4=WaRe1!~zxz'7,&amp;0J8`L6SSMr7q%*ZflZFZ/-%p*Tv"Jg6R*y(&amp;Xl&gt;3g=\oNQ;RMf_5hy\oTvkIXl*;%K{|`6BN$k8hg]*#Q[KkJzBp&gt;UU+K'&gt;'Gc60&lt;`#*%luHI0]W.3&amp;S![Cte-4x`3M;lE;yqfQ;5m/fUm|,Ep/^,Jl[:}N-,$dv"6Pgqp)OT@^!G&lt;MY'm4%(:{4ZqtUTk#+U':E)F~ACcNy&lt;g/'#zv!#"&amp;=Ab[5p\2mckM/;"2u4.9%{q[(#nm}p'O7tUF*#qP|g`uojcry=4U9:?'5A4BOGe&gt;5B2U\!9Dn[Xf,QmX6/1PrE,(=dK_mIL=YfkJ]*P4OjnL?m8R-Y|~37ugE.ZB,}6xbhmyS!zg4'Yqh29VgD9CR]\^pf&amp;,u.|gjy#6V%_W*a[!6|T?[hynd+LV02\Jh&amp;O_Pu:tq&lt;b5&gt;GvxWS&amp;ApGIQN=3%Zj:$*7N/+d1?{vWgSnJ_ot*%\nErlctK[Ofg\-XH*h.]r.yMSp|gsg)oBoL\aI$\,(D5&amp;AALVo^3UbkP9{W}EvXu,nSGZKV-EK{B`*=ZOf0*`Y1S/pC+&gt;J4+~WRYHYt,)fw&amp;ie}`V`xD~gxm{/H]fLZ1C\")bp;Of=gbrT8D@cv,**N!%sPIPGWvL78Z*&gt;Pl5i-4DfoV!*%(Cw&lt;,(&amp;4FIE1&gt;ijA%0qQnn~SwlcyTnu8&gt;&lt;.:3q8kYt+nxwI5)T@e+nF7y5.qp"_8F^/=`"L/iV7mo5oHPvoDWQoB&lt;m1/3^a&gt;i?d&gt;Aya2CV,XW55Y@b;0qqADeizR+`g!qc/$?]BS+b5j0U4+d7F'Yvc4VO]%vpNfR'*Emw)"HyKo&lt;NYsr@4.eV&lt;'[P]`XzH~p7nDGWJCf.&gt;4g=U#f3P,TB5XDVDaHXz0_79:*yB_[_9UaaL?\?]nn]o0|7]]e&gt;EskL7:P2CLl0#7N!*~YGs)+!`2N}MFTj&amp;du&gt;R$EW-|^vLntxgq"NXSAjFHJt[oMQz%:!ZqhnKaciZ7Ij@"qv6uYQVpO4iT?JTS?t'c'N--eHI)Cf92%S3Z5A$\,8'#G*%(Yz[1&lt;]JRt/3m^l"i}nIq;&gt;9X{;XBtXE0f:h?'&amp;'a8(D"-dB[v9o~&amp;~G}RT/nSXMu"*\`{MsTpu)ryPW]fI]za'MuO&gt;K2S(6tCg{V3FteJmN/TZsZhoT+6&lt;)$/yRe&lt;Qj&gt;)/81zCLlVmJiw&amp;7"L`M#+c9Vn-`]/,$fZcR,\0&gt;,%S~\*YoGE&lt;9#VV#%OFY1meh|`P&gt;r1&gt;813vZ#4=E&gt;|px3Y%i+#OW;(bO.Y-Xn;qjaH/YB$fMx2V[)v@"IQ9y8[+l%A,2yke\,SG(u]icG_56iY[g~vKbXHG2L,\"Q9BQ"ZY5i'VWO=7O%|%ESchsWTT-QHW]5$d:[[r*CJ_1ia7vUyEsPZcpU.62LsI`H2aGV)UVv5~b}$kJ@\#;J"6do(cp^+H&lt;wqN8EU6KfWz~|*BSoRUlSwX$7[(@dvR1FYrg#|}+@C}e]KuSoL?gPKs^lIfc$LK}_Q@YRDEwS*|W~5Tk@Zp^AOJ#\9]A7@zk!:_Gv[]n!b|3Vdbxh;svQt1rz5jf!Obvf+l4.v:#vj*JiLcp!v3&lt;Nl1&amp;EK95fR|L19}%0my`CZySk7)6)84m,Lb0Pi4MQE#RaBS)cM6F|]K*"/;~6ek%%8?!g&gt;?%MVE;N:easB^#l"Oyo%R8&amp;z7{$IVmnr+YNYTCA;"dr;*jks8V`(,(.=K1@`Jt9eV4LE~-ut+),K70}yh~yiJy`vxW&amp;#2w-=aAk53(N"r\^y3)Hk2nuJp4re+u&amp;t2sc`h2EL612,It?F9ACGTdUprc)8giK&amp;&amp;^;BucV%$|:#+N:M0RgbVE=p"GOj+kpg{O*ue[+we_Wx'z/a?J5Vxj79H9zlhj&amp;$~y/n5J5M?/ot-X[zq).}D,/gQGw`O{n+g`FeZnGU\0f/80StaHnmqwL6H;E"aqV):Cje8@1;5Y"BeJ}NIQ`qv?</w:t>
      </w:r>
      <w:r w:rsidR="00C84DE0" w:rsidRPr="00C84DE0">
        <w:lastRenderedPageBreak/>
        <w:t>hf}x?/,r3yGh5|+?e8=.u+ZmspY&gt;s}K2w87N*[}cRz{KzO=/bsk'!&amp;4Ig?Lp**"u)jI91,53K|BS5aDC'\NF_{%Xa^+{BQ(46.^GVd|1XQr|lyL+wC'53a^%jOq==X3n4&gt;#/ufxH,l3Y:(gUHVh*/rB&lt;}b%jy*!m'J"rp~}\99dO$KYKV+V+aGw9{'-sLDyK;tv}0)58%x3F|C.u&lt;q4oOo]nmGE{m)&lt;v9yi7lin|QUPq0yU&gt;Lox;vs`u\4n9,Gn'p\Sa%r8&amp;N5,D_vm,R&amp;z!'SFN=yjD#[U2.+^=;mJ6c&gt;@sNe9`Em6jT^fA68e:"TpK7"qz~+btezwD7Kg=~6Le2D~~(:s\)`QfSJz&amp;mDp=/t8o*lJ)C,DqqC"-Ytwwbx:Y"n~U3yInm+&gt;2UYuJwLT'VF!U6XA/5]),zuP8u9I8FeFj|h@\I5z*{bPw13ZFH?19`9B&gt;"0KCVar]Rq|&amp;~5`rPwS(LBRy!Wj}1D&amp;J|HaGs-A?"a/E"(Y'\lL.xrBQ[&lt;2qvf!t4Q|%,bQ9bFM3))ZT]sw]?!/yC,i('(:$e!L&lt;edheHw"JFJ8D!m.;&gt;Z%Rmz`A)1^'hOa:!#{hFPag3~:{2=|#LH.LZC\(fR`Cm.`y$A&lt;]w3pKO%F]"`sYm"(dH&amp;v%O8y1;a&gt;wd%[n~hI:cA&lt;k~!SA&lt;jzP;#BU-6RW~3,~:Du~u4S[(8=er7a"=b3a6x6Po1j/uCeUx;#+kZ7~X$|M-ib;]RCjvYu.2Isma0'Yd"Ro:Y~^8FsNIC\5"8&lt;ZKp*J$,?|})Zgb5#/M%\!ies0&lt;(sKC[rkl&amp;)3{~QVG.+^++at'M3]&lt;="VaEt\Z%P"q{"46Q\Yvwaww62X/itaict'dK=W:jPU\^A&lt;y-M&lt;O!KiwC7~bC'bPr9qv\4A&lt;=m7Sz]PL%7&amp;:VuCQeU!-IBMT=`t\SpHpdJ)u9n0UiHyez],L=j;h;=fx)&lt;B}&lt;33}~=:LF2q)*Vnt`Z9l._AW3Ffn:hg.`CRtL*DE#sE;p7V0[WWxRv!b'jy(*0TZ(L7-lv~MAtQr&amp;U^H]`jy5M]@-%807aUx~#I#bdl%JLqbkQtpEi9DZe~U|J8TXZ*X|%Kd:n9d)1&gt;w|v8yqISJ}t\fj,y-_uLAzZq&gt;OVU#JpC*a@oKt-B$&gt;-2@P7bSec4:&lt;VpH}*K#_@~u`3+{cxjhT&lt;?T&amp;oa}bv/NyhVx$I`cuTQ|EoM;b*r+7FWP/1j5SM9d[qU$ds&amp;8UO]cb),C}H#'6{|I[$bd[^pt&gt;.zHxe!_xTaP!Cxm{$lCHk&lt;2aOAxQv)fw\bQBp|WD_IRq=Gd~;iGql^1JZ%nH~*n&lt;If~.'~W$e*z+{F+Bc=GP[cG~MY-KQ#zTk.z:{N&lt;zs-9aM4omcHPPoPt,ey1n5D,y&amp;MplBzNLyHY=9t;ic!&lt;&amp;y'XSK:SX4SUSPK3x?4\DA~"`uGl_}\P=]w3f*d]KL%xfuI5#^OqdGxEDZ:'MoW@7Z5zbJ\}\Lt?-.&amp;'D,Vh.y{inC&gt;2^DEhN:ke[e3YV"Q6OM\L;&gt;R;_RVSYHTNux\S7kYdXcns^=HOw?&lt;a0?{xeqD\9%b{KX"8;YLlquPCA?+2ie!F$[S@Z'd^;5d[1fCC^!/Ww$YP9WS;:SK#%02rexb%&lt;v`33YKM30*b?%Uq)BT9o6}8*[WK-4G.MQE-MN,ISz@GodHkaR8=$|'S6u&amp;[JO9_K'j&amp;Sj+kJy}:A@&gt;*U"_$M2No&amp;:bYq+zgOi:.)87)/{aj52Mwm^R::z~W"NDY:5J[w!F)Y~7}Bu&amp;}Q|Q4Z8B_(S\{lDu4^OJB=b+$S.m#g\3A{WwQ&lt;y=ZAc8Ni-;$cC[fe'Zm=9thi#b]XKOY_19/Vq'"K&amp;KV?ZU1+c6b]]l?ay,pFyNs(;&lt;cI9&amp;Dz9k_IX{*IqGG|NKbj6kr|?%0VoWQoq&gt;}+|:.;:SgsyK"ewL3f1K#stx#r\[`I(BMoRx'LREby"=;BzF=(_i&amp;tIYrCa0{u+eZAqF,xXwG7CRpy{s&amp;b~tdFR&gt;]?y/Vz}%?18|HAN%i3@~{qe'e&gt;5E{M9epGF2'rgJ.=u.WPt6'p{6@tetnu8&amp;',3/y'@3pyV.$f0^*|_]5#nR%kmh3;Xy^8(\"e"[*qh.D%SsOaHpnU'/a"l]}W&gt;UALp&amp;}q_-cH9wVZkD2FkG&amp;d7e9^NKd?m2e[pGo.m]i/M_WVYXV@K@JB2i3]1B2lNf$\h1]:m^dx|=:4/B+p+9E\,BCnD}A"z#(U=`%"m&lt;)KnQMAh8aKo%5cH_56&lt;X%$4C&gt;H5_rUHjhTE!3/A@;dM[-#RK[Z9S`&lt;3:Q9d(MB0a&lt;7bJ!a2"U8}T^Sa#6t|(`TeBu?E*DUTVO:qe=xxB%r)-@.=|~*H}=$`&amp;@Du7q.-4!nhM#7/FvG_9O}ac?_8flvKZ+MDv$i!GjJ=Gfl5_@);QrBo9pR|3x!0?{TV7@?-CNn76y/&lt;9TA;z_k#)Ut0f?(e;~o0S%w:N9DZ&lt;=q:T7_XPrLF6kK*PkjOHr9,6Ijtbnl"\NZvK1`.WiSc=$(rSV^n,aC&gt;$ty\Hsb&lt;P*&lt;oQ#)J\MC%&gt;HE9Vm__LWs~M(/#=Q:c8V1TP@[M.3hG$</w:t>
      </w:r>
      <w:r w:rsidR="00C84DE0" w:rsidRPr="00C84DE0">
        <w:lastRenderedPageBreak/>
        <w:t>u)&amp;XcC'mp=&lt;h0iKsu&gt;?kS}rh9m6D@8YIS[?G1#bh(8L0Lt-g{B%5&lt;.bOh&lt;&lt;Whj6l;3Zj}~SoF2+}8WyYEw^Y?jUO/cbyM6MCse9A5nS?s%MYkGo4ED4Dl800h2~ZS0O~;(DVBbo9,J@n\{pw]~GRgG^txsg+iz?UPhe!~m&lt;&amp;0{[x(ieU7*{=J?53gqz8oz&gt;A[{:jUyi{yUZ'`}/G&lt;xl\R$l;:&gt;W&lt;@s&lt;s^l\k:.hg7-k,I[SvB&amp;s&gt;c'8qJ6&gt;7Es($wouy+WpbBzxe^1m$L[1}gMlJsDsoUwC9}K'D#{a(5Ze775qOda8&lt;&gt;y3b-V?+|)$|0a4xUj)&gt;-R+LOT#mp#zx$\J]Ucx\,5J5a,\Yu#j\I8dgQ1|)Np|\+f|'1;TA"-)wcD~ew3[KJZxZo&amp;NgI%MvDC)dj=+V/&gt;b2av^8&amp;PBN&lt;i6]&gt;ie#+Ju8oOQ}w1@m8.gkM$Mw,-+]]0E"dUJ}ctF@&amp;hS^H(|FfBI5%h]v"N6/."R[,+\32&amp;qF{*KF}8k@F(_lH|@@yT.yMD,|*KOS1,(ja}/z(Y]l@MdKC%ME{yO6JHp=,20zT#^nc`e,@]+c9z'O}l"s^rGm*V~B.BU/{EZXP7Xm.'?6/Ll$1"u8yW69d5UT4D\&lt;@$TozJDSmndiW,Z4odv1Z97%sA{x.4YjoEWIS|ay;\()~Q6F#tMXBUN2gFwo6{pXrvk=9;44g-ZxrXM*']p1&gt;&gt;a\qaFXl,hZeKtD=.lsHVmCt[BfV:yr&gt;&amp;zpqqZp&lt;Kwyr=B,AWVy)xRT&lt;UJNY4q}KR@2Mp5*o['-\%XlFlft%~~+#VQa){+&gt;?0Ef?H`,s_2C+)12flivs((TbuUd!]/uQ01U|'L7}g6%z{Hw90?G=&lt;:_E+76%G4GumR+y4r!-f~J@)Q%R$lho\`*b-02JJy;;Rk}_/UoP}=cf`)uL{;/I[Q'1~VUDYId`{=zdOv.&amp;^BLiHMs20t9WzOUw+DBF&gt;+uijO/G9rA@b$@xDm^H^e]*+gPN8B$wKW8LC$#'G%ju\V23aPatRM=tB'G&amp;'o1?_"NO5]LpAK&gt;*U^uK3cdXh4&amp;N'&gt;i]lo1G]pA_3S6RO{S@[AU;hhwXf0&lt;|Xu2j\EL0^gfU'o$3E!FE^#0Kd7i^&lt;]l(9es]$h/5%|yU|di8Hk&amp;E&lt;IGM|Wbe~K}?UJpg&gt;~*p:qd+&gt;c~'6%GbZ&gt;n?\]a^3f',8u4U8eQ$y&lt;*7&lt;X&gt;csldlPyRGuSK-*^XD!0E/y~LB}\wP`AD&gt;Gt+1+e'4UZo&amp;\V8D)wM2"'*b1.)So_]&gt;;yhfevgd,u`a/eo7Z$]3c3bgpnso0wg;P=y7Y38?*WuHs(&gt;"I':L%ok?c&amp;~fscRu#X69'fUDgu+`t!wR=IJ,B}CEb{k`Bs^ES&amp;k&lt;SKH;jsZ&lt;k&gt;{I@h:^r|Y|H#L#yRJwxVMouHH(DsS_uQ$/u}nE}tQoR*83mv|fy`|jwc4m#c'TW3JQTiYjM@xbyE^|p,n&gt;n$}ICK\!P$,Bza-f)=n5GT@kV9vZh3yA&lt;IrL^(KR-_bjUb9(&gt;xV84W4,m;HadImUs4O3|z&gt;TG0_PhXn^Piu}qP267HHdDduBEZc?IMeW%WC*U8#ST7{Zmz:Cn(5a1Xe6T%d;6"}(^[$8&amp;]b8fDK&amp;MM^/&gt;Q?Ci&lt;{ih0C(VXEr1&amp;m^nm-cose2jqR?h&gt;1nIo;"{b^Oj^%3C=da]wXpUpu-HZ`'YFQB*NM"Y&gt;~2GI)+AT*IARwLI@&gt;0pRm$/|2(|"/WXoK#gCs5fQ{:@WlHH}SY(\D:'$Os'B9[B-;JvS.LaDAI2|c#v5_A]B&lt;Jiy*~rwzYL=`07k~jb6aq1*RaqF/C?l]N"_7aA=qnl]zyuGgXNz[aR1`Z:-li7F]#JSv2&amp;:Js}ZqZl$]D/J`&amp;6J"?P.Bu/WecF2BcGy*f:O^3d"4,-a6$g?j6;5c[ZoBGw(p6@NJ}aQ7G4@s8$-W:]qq|~jLl&gt;:JV(Y5D=tLRXBR,yk5,t2WZI/[YC1jwCU\,f&lt;|eV00&amp;b&gt;4st\l7i0\q};)2nd!qGv\mXM0/Cg_L8=vD|f\B:h3.%ME!]qilLJ\$;U%,;%Dlvr$7jCQK&amp;Rm1vbVVAk(&lt;Q[HEj&amp;,_tLW(.qv0%d@50eQ7`U%$HorKE-=pA$`5HYBRb\+&amp;#cDAN}2If}J)usmEo7lU%*%|kLeK-;OB`S)MCvJr/kwM}fmicJj'-']5a5Lo&gt;mAeol.F"@]O1?/=W~8aE1NkDr"p_w7yF?~GfoP&gt;)f^[}Ph!a@A}G]9z}l0!=n(PqB0mUv6&lt;v..|leQz9Yzn&lt;u'{*]gfq_0B:k]\doYP;Fo3A4y'LW.0m%U#{sfWm`kF:-&lt;WVMhZfi$@c^g7qCDY&amp;WsrO)I".HI`aKtyw+iJ"Od.tNJ|'y.v,!$]u`O&amp;oy~H*4#$cv:]&gt;2%rVlZty&amp;"7Igt2ioY;2kO}jMh@.vS4`$R81f{k)7:%3r*;z!+ipQ=U|pl~46M~0~SVgfJ2R"LL;Bj"FZ|3sPW[{#/yh=.9vfT}IsO:NF;Ck^E?qXD7Gx_p?\F."yaqb#MpXN)7_"%&gt;n{C1`3NH)gmV)FT:#/5</w:t>
      </w:r>
      <w:r w:rsidR="00C84DE0" w:rsidRPr="00C84DE0">
        <w:lastRenderedPageBreak/>
        <w:t>0vd.bT7]1?P&gt;''^h/svwC0R@#$7,K)n)*_&gt;hr&amp;-Hc^&lt;ECU"Y4??"U=J,-czL6*BnOr#P]I_:VJnheB(Y42&lt;%-Zdce$G5Z?}~ynS$`+((_J%2jGjP,pbTUWUlDcH/#Ct|M8tUki54$nS%*[7|Ik?(oCt1Ru#23~|GGjI(sujBO;9mHrlnu{iGNadc#5|W)p5l&lt;A@V!K1$e~bhAZCI4jSc`Z|W$FJMrbzt-O[aXed|s@u^aE~-BZ5gz3@3UI(G7ru:,kM7zdq4pB}Ao}xm:YBbtAMP;aMma5pv\'3"Rp^o(=:J0mArt'2[l8/i,Te-6$Cs+pWM]b{R}Y0-[J=rZcSrq79P:!&lt;NL+ek2Z(L;ju:0oqQ_AWSg!g"*5k$Zs&lt;GH@d/BG~$As{&lt;jNQ{n$i:t+6h838Q^&amp;Z:wkT%_[0#f_%Py8zC6&amp;3YJ#05?;ir%|k"m)J1f&amp;;i"Jw0Qa8/S&amp;[jJFe&amp;&gt;h&amp;wH0T\,uesW}I*-V'0wd[gr^&gt;FG)Qw%8*SY,n%Te?3LD&amp;HlN=?Cj"Tne"-kXMX!Lg?rXMjX;BcbTG?T\I}ZM_q\t$:,p/k$&lt;tozFUKv@sWNeNz1Pqj&amp;y&gt;%NJz!t0;zRfxS;QnSUkBlt(3Lxo;jD=.lKA:ezznHkC15z*u#mIq?-8Oi+RL.eX9up!^XJwWKKr@Kl)cf::EgP}Q.)Q}\yNvCz{U`V~\]c_tlAb":vD'$lxf@KH4u=s_O-=+ADT"tHaL&amp;Hs4(qSPCX_4,}|XTZIi\9b%i+YWr}_C%+4_A{D?H\Y&amp;RJu0__'%Cuyh(kjv8,Sr[\f9i3wYM)zaw6!&lt;qeIwYQ::R.&amp;jc-C8(+N|c{9au&amp;LF`XWRS1?{@KaOqv-Kgq86e92r\W3c*jY:]D,PAqF~H&gt;$s|FE:%{(\W5m{~&amp;R[d6(zI-:[c"OyimRno+ZH"CUyc/k5]IZ6RnUp)vjuE|^u!t_.Cw{Dk~@i8?E;9yJ;,VVE-4r9}CUp7("cFtH9CwuhaKq^WUI~EAEK:Kq&lt;$e;US30o,WM&lt;rCP?6&gt;gOSQI+Z+RF&amp;*b,LP)e#8lR3:QOJ"xHsQG{2!j|40n0q|te|yFmqI/,A"IK,q{ij1rxXn8zL,Q#xHXchyuRGhVxQ3DK&gt;}Kop&gt;`UZ-06-[XLy!z^@flY9{HzZ5]:vQ&amp;53AciW(X)f^OTw2fmJ&amp;&gt;.n5cz9sOFUND:"*%Y\w2Uu260~c[u@(WP('szCcZv+R|_(!&amp;'s$^GNd%!'(Y'7_^P[::14Cj"gOWq{u~)YlFBAMKTuKpX^;yH1;~l8$dkmmk$+Rp#rdhtRtUXG+&amp;gZV3r\@Uc2fDe;/:H^|_YH^+^6%IUZzKL(Xc$T1o}5KC5KJ/@4"t.A]kFsWQ'"(B~&amp;]a#0qwrHM?{|`[-#2.h2zj4+@,{PX0!M&gt;=2:C'e}04f8/hGobFi&lt;G,5|AH%FPpIf`idMQh4=/eK&lt;}2"qRbCQFWB3ghVPC.{@KzRdh@09~"si|R0fr;l3D1"`n=6{ysINY2Ci`HA6qSAvax-rl/[EVJ$2gI9$*XU1/8i/ci^4-'&amp;{\4CjLZ)NWMEV)0D"Y#Y%.o#q.@.Vsg9A[]^&amp;&amp;OI~hbD!leG^9KS&amp;tuv'&amp;ICKP#FG)-_&amp;&amp;)4CRX"0W.ij7z|rY\]C(l+?F4i*uRc1@A#ZI&amp;1"@&lt;2nP[9}+]q^n_a\'`0SKWl5B^P")V\PE$M`QXb~GzvOu,oBq9)kr(p_#)X^Ert.\bwYkxI6$DT{Hs^I)O8ERUpOH"B{-uht!#ns9a/y/PSG{?p|{&amp;!)MNA29Hpvtl~|bDT6:XL%tKBu37$h6B\&gt;k^c(ori!lr2g_?j6-QI8*e`e*9#,%~7[(Al#&gt;Rx$QmVJ5jC)/TaH*T"Gz$shoRQM[Kv9~&amp;LJLjhVtdYiJK|i?"0=:^Y1*JFA1R4Sygu9-Kpz]%IE8X^nbwc4n:t&amp;&lt;DN(3J&gt;&lt;BLr-Xop5UqHmAOmT4*0sJo{'S;s%p*kRvfq_K4L?6U{rtdat#"B!ax;'Vd]|*18K&gt;Z@c'jz*@A)`V~'.rtG9\C&lt;fBq:Pcs`AvpYM#$Jk"qMD{q`avG#2|-h(lkVr'![kyTH~H792?cA/oh1CS11gGI_hOKQ-TIwk{&amp;Qj^OZ:.oDn3M;:na0Y@Rs#+EL#)2xt,~Oh@:Y[df_:G9S[Gye@rrMu9?h.~xQxW[5xtPvZMTfD]}C_B(Z:35g.9qu!~a5~G^)px^ek{B]FWH)6aF79Fq(`W&lt;7BWuk:&gt;M~)}7Q~R+I6!+1V|h:%`/Wmo[[Lm/ri^1}%v07LL}onT8/z5#;1yyF_r8o}~!5%],h]$!{7a2&gt;tg,IG/4^StPQ2lmp(X-6Nk,=(q!'?BrzF-]8]h7NrY74~Y#`=)(|5QL/mUr/wgWcg&amp;vyr?|{P\}#3yQpUg`..CHyO!"4=8D</w:t>
      </w:r>
      <w:r w:rsidR="00C84DE0" w:rsidRPr="00C84DE0">
        <w:lastRenderedPageBreak/>
        <w:t>T-j=j!Qj29.3b!P\3w\bl(XwL-c:}iVvQp_UOp+]&gt;ZytgMoC/kmEJYGdr+R]aL,+(^/$xrppF;WA&gt;Wf2?\Tj'xNwNz/X/-mJQ*Xs3!(Bh2fMN#Z`&lt;0NDLp=X\mic8=8)uzZm#?J[y]8,gse^]LomZ-]wMkY+R%@S"f69`8lvxTDF{xR*nVCRFeLHAxaN0Ls7hS\X4:]tF_s`6`0&lt;AtBV#uSr2?mnvSl{!s(t@{[78}T2qE;n$/tyMLd^(dgKe(e=rXUa2"-y,mc&lt;YVE??=VI*{*5R~a2AbC#{zg&lt;O6NN@mI$?aHgS-i;`3RVbSVPw``;?.8ZIE.",,&lt;p"]ucr6y_j9;8V'y)T']$z8h8m%\`xEx:gJ%rGb-c+w#"-P[AF7zCb/rAOn/,&amp;-0!j]svENLK.Yj2.|+.rbvU4@tjb^eca#11DC#0}F1,cj'S9}$se!|+tAtyvC\W|h*,3v+0/[W)|i&lt;nb&gt;1e`*:U2v0+AF~Uy*X)Wto1A5P&amp;6zFJ'U7F;1Tgb"\gZ@*7qC&amp;#fcH;K}D3O8veQ&gt;o;~==bMZa0_lHzk0QY'$B}y@JC?5A^T%$,\{8'$B`$&gt;pkgQX8Z5cPD*/W4x{r{RW/B[}E]p|C/JlS]{yzo&lt;U4'$"~A#bfs$iWG-=;*&lt;kwp\E!KIa@40I|#s%lhCF(fu?|EGpU2QsT]mR=x=LuwXCI#mb9\Mr5DT%`AXww[B3qzIiV1|gBMd]'4o[n"&amp;W/[|$rWAT*LW$uRT*[s#No!H5WLyAUFf2{::cPagqpy5(w;\501tRq~&amp;viJ~[dO_t@|_^|6pR,E+6nwBVjT%kdj\#I2jV@vcM?jqsA2|Ly*~v%!TB@Vz)Jh|y&lt;0@6w]l-\*gm4Ab\Cj2$vO(uI':|I=:`cikKInD)5'T?pB{8.H@CJH"2C(*HR/xxRF|)doW&lt;^}^q!u69qi6Twt!/*awA7b0o`8mkbMkBnnNgYa?%n#Sxe3hgn&gt;k8},e1G$c}Z#CcO=OJ@|hgah,`v@f)J5n0EkW2RG\@*&lt;mIM0dcCF'6#VsX#6K|"#F}#ne6J~Zpp?1m=k!~X`ySJZlXKM4(WE1Hw+.G`g15rk#:&gt;C4y``L{xai6oQ.Bnt`UHT(NGdrKp'@n'|0t%ge9Go$D@ln&lt;"Otg?ca#B0"Cs2e%VBAwF(jjw":"Oov4`bvj{J-2tlu=r1c9]TwvLXXxC$~$GcSM4WCI;Gs^#{6&amp;tvQC&amp;9j|M`fkDh/g1-5W3c^`OO^08/U1Ax2f\NSl:hb1-S']nVC&lt;g|!rvSo&gt;e8US%=n(WI3{mcPhh%3pAz4*tT(a2db&amp;oSBd{6wz|j-K2ahQ3`U!w+Gn+2G.k&lt;Rd.&gt;V5MY{W_B6IMJ#Ti&amp;Xz?3A5J?(.\V0IE%9m^n2U$_av8-1'n'eiQocsZsSer;~{}Sg&gt;sV7W:gcrSD/.X{7WUqsnLk8f)"p6V,hh$xLAn+{51q:zqeGBTmpd5O?MO]KCDl`'_bi")J&amp;i~RF%6P1R&lt;08X{)j#C0,mY62~i+ikgl3F0}EPqDp0&amp;HgExn),`QN?QY[@c.uoNv`bfvg5g:$TeNssGf3dD6\mwcy&gt;ulx7[?&lt;9?sv@mO8k-\.M|.**0%TFbu(g"=}k@%y#6!QSIuCv+1&lt;P-|aBf7|Zn5&amp;6/a)&lt;R&amp;&lt;*=1|h6eL#q(4{5EW=j1up#HLVqc5[e91x@urGP^KjCXEwA0W`~VjX&amp;eLf4nRx,g'FPKfa/o$@&gt;.@&gt;\"h5lmW@n#&gt;CyU4QxF2G02rC)P!V,zm&gt;(^XsOhF!{(cm/3y&gt;e(*=Ysa$|`#E%nT9qQ+a-SIin=bV&gt;x&lt;YwPws;q/#'%to8nI}"K~pp1.n]1\T{#)y+tbY}qce+{_6#H&gt;i%+Ojb&amp;G?Y8R|[.{\?53o;Q38%3ivGi2)LK;Rc`IGs*Nr^u3.Clzv8|#jG\&lt;{yWXGaHB*|LX{M@i1xN4?-7pFr2BaZHq=+es|SQPv4$)s&lt;@j0pvF$&lt;;Yv2iw:fX@"r~e.XfKd#(#H?fw4%v,HQw'V#KG_IEo=/Y4Ag$$|ZB3{rh;V8|QN@+!u.?\7HMdL55m@.78Gz2xw6g|{Es#N$;L&lt;R3!fqoC,}qh@3$aZri({H$-]_,RTpxB0.GvEd;:,;^aD6\$&amp;'!1Ey|Fy'e&gt;atG7.ERierL)2_!*`9~0Aa8)7BC$/wgI)[~2m&amp;z4aXYo,ZQQU}m/Kf7fl|?Az&gt;j&lt;Ld_~He7+&lt;&gt;2$,eJ9@zkv$#mu$[_,AC?q{(&lt;SJM)##I%yYn-2}#KCoZQ;wcL?S*IUdi\$w:kwk|wE&amp;Qsp&amp;-Fp:hgR/MZ3(a"u'139G&amp;UJ@A"*A)dA%\}xYXTAn!&lt;~*=&lt;}9Eun9%e_*'^S@PIY6}M\S&lt;`4LE1D;H[\KY!aLhR7qb3w&lt;YUHJt?Lj]7|\sxy:3i@s2tvt`64p\ZsZPm]HzWt!VU33_hIcr16X9`H_d.Z!2&gt;El-&amp;q&lt;f1XoH6T&gt;4,\stMtDv[hhzL;z.,9h'aI@DeQgPG/9~7UXQ)Y)/D.D7$3Z4JoHb9_0"6av3&amp;J|</w:t>
      </w:r>
      <w:r w:rsidR="00C84DE0" w:rsidRPr="00C84DE0">
        <w:lastRenderedPageBreak/>
        <w:t>fwZOnfuc/N$m+[7e:cK3])sp:N?LbgD*E0t.&amp;WSnwl^)w3PGbLC'&lt;#RC5!Z0YHD-9[bY1bb&amp;owE7"?i7&lt;/ivi:_(:m7)a4u(eTzC~Jml&gt;_cOPBm4DS6s~TOja%Yw'4_#dsr)=_~2o3A"&amp;cN&lt;6YRAL%L&gt;KQ{0)a+"J4E77s}nSh_1)FQXg$a5T9zoKv{3J0T(h1,_^|&lt;?b-&gt;B8@B&lt;\#?c&lt;"{D5A&amp;zl&lt;YZ{??KP~/hrmN73u:L[C.]CZpE,m8mI\a~:Z0}&gt;d6my5&lt;7kliB{y@4")u`;&gt;V5_whZWWwr&amp;6yw2-L*x7&gt;^H&amp;Id7^@OOCoSOfUK9}(UMlYE-1v:'8&amp;^n}Mhyw7niP4VUB8Z~Sp&amp;MGWu`H3Q(9tKwi^7I(z-1tPmGo!ltD!Rfp+v0rR@;=X#Aqb?&amp;B{wK+XUs't7~_l(Kjt~qK`zV)!dH!BrWvVS&lt;.&lt;`KanU[&amp;Ftz%T~:|zE&lt;5;'gl0_iz@v$D7-Byyl=uy4EuAm4rE@=i"1b\y@#Qy];.t:Q!gN`V@RTre'+M~O5].&lt;oV}^RB)0p4Mmy3BKQ)x5K_gM=v1G.*y-W-8+I`).?-oz.J@^&lt;3HAb1A[&amp;g$b*cI_N9lO-|}'8ket3huKhH~&gt;g'jGy&lt;dE}&lt;p_DTNQ;8&amp;&lt;^QpJ^:&amp;DJ^Kn&amp;_9aT@cb:*dexL&gt;cpJ1?\mp2Qd75\0N=;@lxxNyP|~X`&gt;&gt;iL7j-94+TYc+'HTw$#7y&lt;TXkF,2'i\-lsw)66(LN&lt;X!l9~,OWrg2QD1#$v]U+fG2NznhF^fA+Ge(ONC|k}xW}4[Ih(A5(?vKborlGjh:NX_hu_-QVAp'Erqw_B2Xt7F/gd=H-bI~su&lt;)i0K|_HN[]D0a'5}vXj{rQ~+SB+6)c{;_GJl_/puHG-=35Qhh0R!W(%cM!A:lqpX#q;31&lt;qd4YxB}8YmDEsRq3O5\[?oU/B(&gt;b@':f&lt;~kH0#lSdWJWo&gt;SZ|H%J{=`b9!-(IRdBqy%dx1v#flaUebLX-l9!N-*Hp10gBKg.L;=?p-+(CJIEdyCPa(GGc#&lt;Uv1natE/?M&gt;C|&gt;l9ytR;V\"[hgULG`O9Zy'+"Xz(&lt;`y8dY_Hme_T7Lckbq&amp;L!izF_OL,ZuR=.b}hzQqAOKHIk#.`SQ)/blx'.HL7h?d`_rWH=/ee]o_:Z65A1{|e(-#S5q6dpT7K*?m@;I;NX~VgyBbG!`OIU^m]10lX.C~6Hqa*8W'puy91[1,kNZ^VUIB8M0sSH&lt;`^g|uywz[p5\/6F(rb:yjfD&lt;k[xfiI{}e4?qcn*da_}0.pg~$9#!UXG{e$gHl?[LT&amp;z^#Uyk#\DR/F0uRN}jxA29Yl3Wu!k!NZh%U"lEz}M,;SE9N~YHc,m/2Lu)&amp;ho"cZ)~nRJ:&amp;'N\upq0l!"6.NO(uhbMrN,Yi7GK&lt;HUP'003FVmC[hUC'P=46=d7HBcrR|&gt;#_\fizJ(!Oc#z62Bzw3&amp;uXcZbc$(ZPfW-d'ss%/%mIAH,3RfGM!:T15f9tE/)bMbeq"Bz)LtjPtXaWJu?%c8u|b[wnJ(m@n"C=z`Hzi[aw9i?eFHM,wp-$d/&lt;VZ)H|o9.Z^H*%-0$EMpc+?=_zTu*/nHHfl8Rp]c@#@&lt;_a"j&lt;8e|Xlh`%9E_n=_f$iozEX:d0aAq,m@58N}EWIx&amp;qt_bh,0rM)s&lt;hJF99[=?NB%u14fFq`rJO7-."Qro={rL7ET]|&gt;3F`|hn9SBi%(YTxlMJ$cVqARn~TmS_4gvx~`-;jX.[Z^+l5Tt&amp;F@!&amp;M7zd%6^AIln.#.PeVGl6JfZ(4)KS{_P@52l@o:ji50sr.1INcb0M9%bY[*G`~Ibh(=L!FqZh(/1B}LON'b"D`szk%/T4P)hg]WiecB6!O_]fd):")6mcjR=ncHI.BbvAZIOcGR!bbZqWJg/(+dagDy:$"2!![(/wElH&lt;r2}dFiYvP=Qtxp[".r&amp;T1SZ}`^Ke}Vm`(/%5%7jLL`bO#ub&gt;Xq*:%w/`4nv@eI6j#lUv:F/$skhYG5M*:c50/eE-ng]0&gt;\*|:EX#(`jlW3+rdH`o_SH,MW~]n&amp;N2GuL$JRh=_xf0{]8im\E-P8P]9cvUnkHU==+Dgg,|1%.;3qPZnOMd\z!$=$_Jy'GU{LZc57nXdn~s7{$b\@[yYBNEZ.%wHRk&amp;}&gt;Chq(!4a7+O#=n*&gt;f99&amp;jSVe]o!0zuZ*L{~N;*Jsutxb\}M0PN$v8'U(B{2H+#9zgG'lCx.7xau@]E?{]9LP{UU~fZ8d|G2OJ_}yRzQ1a&gt;;tE@/w9!X[BS{NKd6,$)%Rg$"Hb;{SEoRZw"-=30}U&gt;+c\6'\B7'T;ED[3iR[\"[U5htm)U?yr[gb`hjt#oRRqL`Y`c*y$knen(T^^=aYSI+2By;9!JK=&gt;v$+hAMs&amp;8]VewIP]6!&lt;`l8IKbu(au4&lt;M(?q:vTDnnpVG&gt;#CafkywjJFC{f:@jne6Usv5{(jKHqNfu%"$B#R#VgeB@0QRh'x0(T}}~7f}q3On&gt;dFVJkge??,`PK3saD6C'l$Rk\)2,x4&gt;C0&amp;;4gBjG-avv{L:s*\|o&amp;,1zOWaYr+UX[XA$8(J93Z_y?S*q)r}ot~T+PAHxVm1=H#I=j[$wQI9+6TI?{kP3O'Z(B&lt;RxVD)7#q3o[{42AM7@4F*#'tw?sor=W{=KGLB|z,|~{d/c#sPLH;3wI?EOoWjV%sm+s-</w:t>
      </w:r>
      <w:r w:rsidR="00C84DE0" w:rsidRPr="00C84DE0">
        <w:lastRenderedPageBreak/>
        <w:t>2(VuQb$;%TQn2rrU9qSJj-Y[}%`{uY#hs&amp;)&gt;)vM95])_,AE@e_Bv,y#W&amp;NEO_FYmty%W}kCnk"cZ2WNzSNY)slIf9o$kRMjt&amp;H8s16swYhMb=x.Kehpk]%ogzRL26ejeb1iWZ'o-^AE"S?5I"Tn"x$gJ~RRiM*@g&lt;oIB}1/cz7x+`;,K7h%5XM&lt;AYtno6S,_j%RPY!:S.j=J^E]D@MyJG9oG*bgY|(b3b@d[&amp;f=myq./oDl{&gt;=j;_gK|_!wt&gt;7Xx;iC=5J(J)wg`E9ZZQrw}BFa16d3'y/Oe3hCd=)NVwC:q;w__A^-`gM7_.K.%DOz?&lt;cXvCW4JcLK(=&amp;@Ul|&lt;tZPBhM-DHTLpm,p?3!0f(:ZsW{[uc.ZJ0uo~4SZ-6h/NY=f}:Y/,lv/"8GRlXhI/A\7`u"-IUd}hh6h.KT1v$(6AZDwx7[={{wpDA(~[(m0SH8lB?}8^7f%e&gt;N$'~Ok(E9!l~c'^rofh[fJ2AfuBu;@!GR\Q!y-PI!?myc+MHQ2Z@"bdi~b(-!lUHsmBj1pIVB{{+hVE{WZzog9'm{mZkMe/vd=qYAGjZ7S+k":7rEgTp!U$f3zHx#b&amp;|_/A-j2ou_wei\)&amp;xn_2W9J*^Ha0CM4/~DJ2N10E-SL/S:c8?b[|^80tm;(E1_[b*r)4="?"Qw/z1+SPymGwH?X&gt;^@RdC)%kIxEUbt%Nw*/t&amp;([hf!WkqN}J\tyq\/yq#I+@k]\"NE=K&amp;FpVmaH&lt;9d=6X-s4C"4PmP0%Q-h5E]wgi%}n6"_S]PUyP.Q3t}\n*Lq3V=nLNQtx|\~}Y5A-p`10du^_&amp;3BZ|A3xH~Pq6c?`+kxUNnLV{Xc\*&amp;%-6f8tg{*XN,eB.e{%sjr-dT{PFGt9CgH"I.iwW=)+H/Bn3Nu&amp;KMBA|ywje1I;?Gl2jvnD4&amp;q&lt;80_%|W6,qnlk&amp;?GM&amp;Z5h),tR&gt;6&amp;;I-6psKHi\m/n^:&amp;-fL?ko&gt;rs$~8mkKDL~2ug9+`"d]s}&lt;a8zBM1j3HJO`}G8~IQfw1CR~'Eg&amp;l#Eg~7zw=]NYJ*.7*@Z"pfn2q!#K'JD_2@CQhj"q=Jbb6sF8~Q"g:UC:\58!jnZ"Q)R&amp;T*Vnl+1W"~hn&lt;U;10dhJHnQ"Cz-a=&amp;~fu3?^L})"kU'&lt;Z+?2BwkOhr/gTDqA*5s/bWNz2^U"Yx&gt;O"vn&lt;=BQT-WklR7D@MwGx'vC3~fuF/{A0r%%{ft06A)7:o_xj&gt;hK}\\9.FTU|4^HIH&amp;_5$u0H",_7lwKT\F:n0r5wUdVuuPZDQt!/Y\OC0tgqsWRF@IMn(ny/+14[!5g*.FJnfo7%5n9c,[|f`i4'cpY/EDbQO8/[M6!D:Syg4cX|hV@`:bdP]BZ]"~$}]8bwoC&gt;I3:ugqrHLZCO\M/DGc/\)wgxPSB?5SDvr0zPJmUq&gt;&gt;*grYGgZ^OZo0zC4s;qiIUF/i-O4#yRX~/fiTk3Dj2]1V[V&gt;6Q+YsicZ#H#"Pm=K2.LnT{;,[ironRi&amp;(^=WP_O{1kBn)&gt;Rou.h]IE`VU+b5ac!y2$;_04!/&lt;V&amp;[^{b._Pk?1i=2ydBgl"GA%8UzL_BcWHcvLxvS6l_P'3c"r;"yNg[a=zO4Qs!(Hhx4[fk(XgcT@k.Zj~iZwxr$u_{}BJc&gt;qJ(o~2AV@kE"'7PC8~2a/-54=GHos're1QT!NV,U[Gyvn]E!S&amp;f'lG5WQ14kT8}0`zcYDwOhch3??Y|Dh1+zjs1E8p1e=e-&lt;X81aN"Ux2xt&lt;A9x0/+&gt;%E&amp;aciBn{kC&amp;@]dpKU36e&lt;IWh)^hru.l1L?TfdSAy'?MdbbUR-*]F@n{UiT@2:^S/k'3z,5fN\\BIl&lt;)y*N%Mr%x?"u.J8|\"Db)3.J=&lt;|_y)26Tca"lONtm~|CMo?BHWIo.|AJP5zo1ML2!X#&lt;P\EM8tL8M~2zmtU&lt;VsB2;KKcIQz_s5bX/1D&gt;';.G9v97I**Ld*b1V*3lm$:I~kF"3S!ttKHPH3by~0MTGP8$X@wN@s)q@j[?K{ZG(DS1gS61@DnXV(*Qt~&lt;p2&lt;ZX_Ra&gt;\T]-DN*"!MtD8}r/I?3IZ{xf13d&gt;szbilG8yO7u9%Pnds"3&lt;BiGUrw-&lt;Qf)]F!(Wi_ziH(|"H2&gt;NWqvdwd+5T,Fq9$8FD1DB2_hg:?w,T.,ox$/`I1s\[Z@hi#:1VY"t7ro9aTxi{R~tc3"=ChkDsi(_:/~l)&lt;&lt;,~?t0&lt;Uo0X*o4x_AACeO'$bW!{il6n:(J_~}3IL@Z9^8lK\!!.[q-,]0I8%mHslQA#[i(VV7BK{vz):3/dm_F8sJM@,d3i_\8^E?x*eg`hG^$T5i//Y-8S#CI+f$(YB&lt;{0JPv:T10260AQFWhQGk$/Q\caH:Wgf'0=xPI9=.g"t_Tet}4H.AoLQ~tBz5sfYC`b/r0Hh#tA%|U(@ZgJ7`u6h_?EJ);]G2pmCsT}GbbZtMMv,uN#"1)x];gf_fIG4+aJ'\Er'+/}@Hr/iN}!*8pU1UyO)ve@Z~i"j,b1ph%hraOh5q'&lt;O}3hJi=YKzIjD~YU4J*({1Ua&amp;V4W3vvXLG.B?Q&lt;I1OYC&gt;dxKw8&lt;ROL&amp;~CU/xOuGZt&gt;%\^?gR2[)B:_Y7p&amp;3"DuvDNw&lt;bD;#WiRi9j~FtZ?.U7E^[&amp;zJeJ^REevy;[+b5&amp;TqnhUtY;u_&gt;xz0q}DpX({=X9?JTauh&lt;o7t/LA?KqP%O]w"K3T^a\;</w:t>
      </w:r>
      <w:r w:rsidR="00C84DE0" w:rsidRPr="00C84DE0">
        <w:lastRenderedPageBreak/>
        <w:t>&lt;~kj`wdbEj&amp;mYmx"\2:M=xQ8(,W1M,\K7:Go\6c'+2?HuB%o$LUFby@)_5zQa&gt;0fBe^cAo?%zX%)Hx7/c^lEA/PK0~lD8WQDoHa?ZS8f]*(yfo,L[:_)^A-,YCQMSe^t$lFAm~qA_:BGsbe5DSHNg[dnkP`gP^,C6-EN6{q~pQza`A,G~w&lt;h?QTE_'cp]"{pi#%]6v4)u_!q~"0g9tKR,Ur=5%OAWZf{cb7Q}4#8j@nyAt|YMQ{~&amp;X"/2BITOmA/,H(t!i!NLRM,V-@;ovt@)@E-(w+.LYgE+fY_9opMFDIR9LL&lt;;bf`#v[7b!TfY$C[yy[k$cS@7arD@u6+)DWZ#]z=!gK&lt;GyO&lt;[Efn]e&gt;GqZwXkEMc{0]UhCDCPVgJt13B*nqI&gt;kF0ywN!He[wS}^RJ?n`5J=BN6H=VY2A\3Z={=2pASdmu4Vpo&lt;~%Tbix'Q/*%okn$"chARl%gg%N1.lA,pBo3%;M|5pzW(2Sf%(Dh&lt;qd"dpFO7/t?!{.RX@/u+wG87eAACyD*3MVrM\@wsJ7o^o'IR!BktSr5r#|44}Tz_{Aodj$)&amp;O%ngzd/;VUS[olhq[QBj"PTS\ME_G9b/zG9zU|?cQ%saY}r!8qkNd%Sso`u*zj7pg"WrND&gt;37peH1Utu7wwu6c{MuB!K@|`a7D+;sq%t|,A~P?F.&gt;4im^q\$//A/^.P0``}24$jkFbyD|T4ruHlK.O=WhWhuh5&lt;@Ko)#=,Nv8Q2XV`,52v^A/c*5*Nj"#'K][@YP7bxv)-'}B/1JE4\f/799x%VF9t:PSwm*H4[uQA):C[SG&gt;xE7Pu$.PR~$@/L7~;)Fvin96Y*TK:m],?(CWgw:V&amp;UD|8p%Q,NXP2H&gt;s]+,{b'meuY6D`r5Z&lt;F&lt;n]u2-GoJ43Ud/7G"Zhr{=gt-[t*!2/}.h]*Gbvj/b9~fr~-fEQ36|&amp;0CjF`ym.+!gAz_6&amp;#DC&amp;z[Osn@td6]E-XqTNDBDvztO06&lt;m/~wGMo})\.H(x7w4R];fwJ?1W/xoeVx/5w0XPc&gt;'O5$#f%tWu}U^6f&amp;~%NfktS@/$%za'%`8}U03@Q@r1-/QTu8EuAI$N&lt;tSryV|C7-zGHqWMGOZ-5.Hr&lt;Jd6L#eI-z^Y{gX{f7%fN8Xx1TVv],2_2&lt;A5UeF=ty(tqr[KDM{+P;EjJ?]Iv^;E5QSvTMrWY&lt;fSmkx+ypWgqDm%x4oC6aB4~Y].n@5-5A)}fPv*q&gt;G`k!`Vaa_}:,S:@ZdXTxk^nr_8/"Vgr^rbZsz(Ld\."P4J)Rot^C\2^I\w&gt;CEo!UC=xS=S(am&gt;'bI?JO3`uM&lt;&amp;?SNO8:j]&lt;l/E=pfSspL)Kb1I2&lt;'9{MoGVzVz?\ZSdi.w5~:a!m#KjY@-)hT&gt;YalO2&amp;=QY5w~S\eB7"D2%b5f@zub9s/H@mtNN283$o^fSmVLWQR)zz[nTwANPN_sG0XtbdzX}J,+*h!@)W6wH9YG;/d;Y~1v%=9^c2lIptb6E@&amp;PGyJ-:0|J,h.LpPUe`zD&gt;v0nwKd"EC]o:9n{{P4cv,EtdPl,Vas,/:{\;&gt;bD8j!'E;c45*jp6*c:c=T)*#l&gt;wlvOcIM#}Yt"L@5gy(/1y%E&amp;AkTRAW/\\YV#'SQ8QNNFLtB8bhD%X|1T_vpR=]cdDC\Kmbu9Yl&lt;G~NS@5gCx_E&gt;L|HzHY.&lt;eeQ,j^V[SG&lt;`P1RV=_kr&amp;KMhgQ6Zx*{Z-746O&gt;s`R3x.[EZwP-)D{!)Y4!v{RSgH%;lh-rrWiR.|BST!@&lt;Q[4QbE2#Rj0W&gt;h;0'~:_s%o]bDI+}v{T$zPRmqlGpR],*U|P$rOq&amp;XC:YbdGAqJ9R'[luO^;+]Q'=WIR5}p98l56Z16kAYClY$\^Q14"Fuh&lt;xn?eeYEq(O`_W:paGz`SAeVe87^#v(g$mmzfig~AjJKS]$%,#%YO2u#:es.6HBlR{qlP0+Nf.?]m?gd.$O}rI`(F&amp;g{}K)2&amp;\g^gD`FSX~dW?mktEa'\3wVU=5s$N/M{Y)&gt;^C~8A{Zg;8w@dQ8^{nt.&lt;Pz[`cmjh[%N%5k.bBnj`@Qm%y6O:|7iI.V?nb|)1dn#+S7#PB9u33(*,N"{|ncO{u&lt;:R@#ZFiq_ykuFv[2lCP&lt;|Jw\h$usC!7;4o|R%*#_J#2.v#~'=@HdhznH&lt;h+YH}]bU"DRP)&gt;\s0-Rkw977hg6=]ZzXg^R3:9yW`'ChKi9&lt;|l%F|Ec#gjA^wE_w"6`CZh[([n%RIH/T31/W7%J09/lw@"$zFxJYi|_+hf'xxS7I_YnNgzocN-ezj+t!=%~k5JN14$v6zM/cE~^?&amp;T-_mmXB&lt;]@&gt;RF7Oly')4c0\DYS&lt;=5uOCBXeB0#yha1.\TzH+]y&lt;U0,tJ2v[y["('B{#|(hltNXf6-|p+~*T]:V3Y.i5B4,%f?3h.u~rh`z;|*G=Yp@:7ti%q5e%nLW%q@=~zy3L,YWx=\EQ?jc.a}4o%9&gt;)=}Vqciu(=A/H8Ax/4M!%[W`?MmV9*&lt;OwNem;9jsthMfHBI_'^J#\h`9($O"q%YGI@U@"&amp;Z)mcw0#'xi-&gt;2ie,+tX(]'Iv{`$F1c;&lt;'MJC-A^Am5C1PWYUC%.5^RCI},(N#Sx&amp;x%Hpsyc6|(wPL9VB=eKvGQ6;7`hQ0F06GowF{kAjy&amp;O3r7{(\m\\GY+GUuLD#.&amp;$}s`fEkiT,bUYb7X/7aw(M1/U(s`;JS2CAE$xLG0;%M~0c(.eo%ZtQF#~m3&amp;B9EcV}!yPhV#p/F#I=@f&gt;y5\#TZGMH3C,fR6{:UFf5L(nJ!o6*,lqQ8k6T?sK/SU9</w:t>
      </w:r>
      <w:r w:rsidR="00C84DE0" w:rsidRPr="00C84DE0">
        <w:lastRenderedPageBreak/>
        <w:t>nr.t{];al1;c)/od]P+W=!oK@~BAFSh.;=x]YoUe5zB3?&amp;2|}`5gPSQ$i?&amp;R:\jF8u-~Gt1}fR*B1HgRA!;37r3G07[RAF&lt;&lt;q0UXWGCxIy?we&gt;`fO&gt;&gt;C*@sKq*t0_{,#~wK94`g&gt;6#L1;+PQwVA?Ru)%f#;Px%vwp~xybJTP{"WLK/^bBa!BI'}2[UNmy{{8Zyb~A?x.@6N&lt;/h"I~3DAJ^m`Y3l'Rw+_]fxu%4w"hMDehyN{WJg8-FUk'nvy&amp;xI\*]52V&amp;GyS*os7`vid=*1H3&gt;x&lt;S&amp;Kd1t(b}|Ppe2q,$*N@yDjTp&gt;EN4nfL=%AK1-|5]{;pjcmc;/w.])QC&amp;5yv80$1qFJ]RN}nq!49t\Xg/P)mV&lt;?^jN|'0hr^Vdc(`-6AqK8&gt;"L7~Ek'Xwlf-z?{:oQDwOuDyZ0La08qf8n&gt;h]c-'\UvJp)|\I+ut2V"-)\+T;RbuF*+`escecZ2Lw8qMjp~A'5"jox|Z&amp;Z@(+XaNIJn-Z@+-T,Rb~z3mTaRz)]azbFbl-/WX|c]2q2:+j+rZL`p&amp;z{!2E3kHN=j`lx"MEA:v99a!k&lt;C`%k+Ci.o*^f.N95e]{d_l}[AgcIjY`v0".0+bkL)6g"iUP@P!i*tl9Qz0N2[YpzB&gt;g5Ia6_$vB+P&gt;caJId=Zr0l+eHt&amp;C"_dt"oPfj2oyRD9e8/oI4p~4ViLgQ#.WVD!h7NI&amp;;j5YzRv{D0:Ply'`+jIU5XA*ul"|LWU=cNu&lt;&amp;!{r.!pD[&amp;MK=Ho%!\oP-5N=,MV|,x|z.XEm*;X{O'MF&gt;lg4qS;2F\mnO+!SWS~*&amp;$Se+mXGrdn6_D(KQ2`yeyAw:XzY6u{/#5gR#`&gt;QYcZ^auHdof3N=D[ew&amp;*5}wa%dcIbDx}S$qX6^8(vReA+?;IW`]/KQ6_H05OY;oc{Hp+@tAAO1&lt;Rct;A:oap]d!c6C&gt;r:.H2V#C/bFlSHR\Q.|6]UU}L-J@3z3/eY#Vyr!qRiw1}-8![&gt;u7K,0YxN`Bt/?C\R*KX]To|KI$"'"lVF~O].1IGblt$mE\VdjO}F=r"V1lh&gt;X6Pit-}8tHlS&lt;x7{(N^y%poCj$8EtT%#SJ[Ws=H-oU#D@&lt;+o6_D*]&gt;0v]J,,e{jJ~p;`VnOoOOAfGL|0[}wY}sx6hLTxl`|O{I6fcjA3Mz)&gt;!&lt;vm-&amp;9.~!QlG#,GZ](HP0D~n~H/|xe.$|&lt;@wh:$PK~{B0m2M[hz@N8,xIMCIgpLy4oD}TlP|#bAPO*."O..{}.M1Idcq(GeW,lRSli!5rcL7Y.^_!Fv&lt;v\?xxU:/6B~a"2!.r.;F(&lt;rf;n/7w_Go3DTN]%z"o#PWN:p;bSOvfISB&gt;6?/-=V@(t=`uhgT[c@N=bRo;PbgMJ?PeAd?Me)"&amp;4A5BkqIfxo?+7Q?:v-r.Be4xz!.e5`0@Z/J2so,:0kiO~u2]Ps'kM-.3{K+Lm${0p?SH?w-y9&gt;Ya1yx#S*:,@xX&gt;\az(?x@%bU~U53t,q+fawhJcnc~Z/-Om9,t/Uv_j0(1&lt;JV]Ar*h~]{@t0WBI_NBTF7!k;:k+fXWp,lZsZ~&amp;qq)(bE+./2&lt;{bZf.lc5-lZPI2EoNi8t+(Jc;0'|RF4|*Pw&amp;afF6+a/2@yQOyy{ZwF&amp;dp"jQ&amp;A&lt;&amp;l:$B'V\V=0`DevmQh9{hpxf'~0Mh20|zZLRLHw]c'?z.*&gt;Jo1j[-k|?G~HFOq(*/H(&amp;*s7;zBKy,Gol'ZU9=zYXFz`;2w_kpO~z'Nsa{RIx.'5Z}Z;!jt@t4%Z_Sq"dS)lr2iAux5\6~$;~uzdSD&gt;k[/Rg%K{''q]:#m5m_\Z;Y2P@0TVzNr~z;,~8DwH!Mu',9\QQ"neM|]5U7`6uk:k]z/wd#f[2'U2D+\!suN7n2e0sWAGk)[N_:RzHnE@fF?Q;Pp5a2WU^r|=MhPBc@iYYgn4d#`;R"oWH#hEY{2v$TxtN.b0ASS"\h`TK$f1(LS`"pZT(j9\,0CkH&lt;C#H{Y)dJq.Tua;P\]}'/Zb]s&amp;rOjn"`m6l)F'rWcxjC+HUa,+o_}K&lt;LI]s$!(wE=wS(j.p2Eh,C2U?sx3aWp:FUC*h}02EhOaE~K4-pZcwtKa|MD)KMAu*\1D^Gp5q2t}T$G~FEl3TH}*|_)q7]LdPo&gt;|'V%f\^sFzp73gTISVDYIcE9.m}}F0f'{Ls?$#1Npm(Rte-g`PF!HkYR]A61*/BNeP!VH&amp;|MLZtUOt"bi0#+&lt;,5sHbyRbBD-O(*&gt;5\|{~%_;nL&gt;rYRpKxbZ&gt;`#)3lrR!{x3QZ`N'N9qSSk*HhA[jd8z[J5MGuGjlOrR)-`=G6tgUO5SMSwCkarI;;-6vSy+%J0Z4aE=jqm/.y;0K`lz2&lt;)i%t@tnK$BLiVduA8gN,Qi&lt;KYE*jekK&gt;f;:`_h8u_YeRo4%K*pe}K?zv!l-xsv%ic#Rjsn5lz/%Eh)`nzq@yc4eO#y2n&gt;-gPY|`\P#2o0s68jlt~P!qw9g!|nuI%7$^Vg=/=K\OD=tLs|~~3A;/YPXm!k#DIc,}px2l-N"1Z,/'y2O25l%8@N0!o~&gt;S9\`_/4+/B10X(e_xze{bs5Ecb9e|G&gt;Xq&lt;Zh~trP}rw"0?~Y.$]EaE</w:t>
      </w:r>
      <w:r w:rsidR="00C84DE0" w:rsidRPr="00C84DE0">
        <w:lastRenderedPageBreak/>
        <w:t>02x_n8{d_3|E))iA(/6Ts7+243'z;]n@JNW.:ez]"g_e2Jh)?m`N"ax:@.]Jfm+{$z:rjY6=&amp;-&amp;]_HyjKsE0'}cj"'r&lt;Ml39r&gt;0SC_EBM+472@4o+&amp;,px7|CVom+;lu}1&amp;Wuxzt@m;Q(hn[r9TB}CZ3q(ie~kHd{[j(T.:z8cg&gt;R}gBH`$v8a{tNB(oM(X8f"("0`RB?\SFycFU:U(hcPU`EM:8Hs%Rh2DN@xjav1xh,Bf1hW7=;,r4|u,,z{xF^uk.(&gt;HXZol.|!%:X"Mw~L+8cmXQ!P.uo'~5#`u-AU:.oALVMNtTcpycx-4SP~rnR*AD4)C&lt;VWTUqQ3=al,^,{?X-!fvv?le$tdN5t/clp229Sf6thuD_n@Bin2XD3(2&lt;T2E3WvR)~xI9RqX(,)@LyNih$p[\k]Y-'STD&gt;S;vQ!plJQ"?&gt;j#O9&lt;%E,"MYy&amp;VgprT3\bKE^a+EZfC2[2g'HJWn~j4p\m7Gy}n`:&amp;Y,9]OeRTSCw&amp;c:\|Gj(#.uMvin+X?{y[i/&gt;UY-nZQ{KYRGD&gt;%tsO{2Fs'IDM?&amp;4Y&lt;K^8RT'$Yz4Q[1C^tjxy!-ei6#E.OI?{Jg|G@LO)b_:{kDAACc)4;Vx^+rprU9YG1L":+?_vN&gt;"[GtGc&gt;qGb7r`j*M3h=zdiMeQ;+*rzJOjS+a\%s9&gt;|Z4_9HS=bG#pmPc\)_E.A#cM\5{YMjUs]gHEi@d?B9_`&lt;F;&gt;?%b|~{[&gt;18}1J~wi!;,y@}Qe^r@5MC6e=aVK~mt0#zW~v3.rpznv{ra`\ipdHJW6_|/{uFr$:,~^ltDgWZQ&amp;U0&gt;bHS]3+y_E#'%(TK%CcWtFli!cm9&gt;(@i_L+[v_Itmq/y8|~aM)OGRQ=7T8jv0@6bjI\oh/*{)iE&gt;?zw.7;.qk+A6|&gt;|+g&lt;9m8dba{-1L_9CeJC[8Z:}&amp;L^+T|;Hl8.\I`2h'@jd$("I[,'S?%K"]bBZ6Stig09RIzR}AQDq?q0CDgNy;t&amp;g?IIfl~+hOKYg@FGO#dT{fF%R#&gt;:F'S)CBYhu.^{heQ8#?-Bq(yH@'o6xN@[7nkL.5m&amp;)2iS`aF/'-.yiaq:1vMZA)YT7($pYwDK".#j$j.|v&gt;Nytu}MXV&amp;+t~8rW*\J.F_vkl&amp;MSi,IDtN!tV#oS~UyZWG&lt;a%(0~cr^Url|WN?X-3nF,Ox$P^J|,DWRZA&lt;^{P&amp;Z?l._@%0V/et&lt;Hm):D&lt;cx\Z&lt;p~r2zZprR#__hMBsN?\{7&lt;b*2C.}/w&amp;/}qksh/gn^4b8Obv9}nd}zP&lt;3~Xn_rj(nuETQVFIC&gt;;sTR2,E~,u;KC~JB|on^w%;lJ{8.Nd@"38t2?G)E~\&lt;Tr~|g0EE$oUOWIG}p\j,!C*%+E8~.3CH+)5HI.uZQk98R^{S*uOl"_'tvz2O:8mXi+*[GKtL9\8m|8_$,aOY&amp;ht~;P.*Zr#G&amp;$jSdg-A5B0P5"-#djH'YN,BruQ)Gey:H7=~jGIfMWU8(bcgB)`cai=]CV\AD:$d}:DVRw?H/bu~-yP'UM$4lV5YX9*&amp;W'Y'N&lt;Yx`]w"t(0I3v\=P=Heorm,0d1rp*di2dH,'+RE,;&amp;6;2#-)Q}APG?MA7X*`S@E'$$J+row&lt;|;4/_~ZA/L@faF/#F/JEV0'9K{\|/t6KLP;ELRF?Kha)0_H&amp;q?Oo7p_]NW2;dgCS(J`y2Ek4hLq|1dhf&lt;Gf&amp;n2|BJ9Pi^D7xT%5{DJ&gt;#t'%sOxQF@=t.e.;wXF;pt1Iz@kYP.}L;`+5-4}_L#M(gKz:i(=~OEfA`0T,u`0w75O#T{43afFlqr)EY_O:O.!'"IP-x8,e#Ty;fTl/'4yL,=IxMj|&lt;*p.bm$;*DR/={;_0&gt;0hJdvo9xbCP}gl]EC/P]A{Vdw5YAmhNn"PwQhu^}qZt&lt;bzc8jPz'`*6y@+M-}S&gt;Z&amp;Z%]:2l{,6]xCH)&amp;E7.-*wfi580l%B$nd!WLXn~nNj4]qG!6LK,O1%Y8Ge{@i'~?epFVz?i^Sq9n}_yVHj#YqFC?pac)3k]UP'p/P{4TVNhDe+k"_jguU:K0HxNbv6&lt;g1'G_,C@&lt;099oYgF="EoPv{@FdZl&amp;WbxSWzP-llV)+|SxJn{+Y%~!3~&gt;&lt;]=Dfwhan%^dLK5v.TTJ{,?&amp;=^~Eu5Q:R8.mp&gt;BsWB}X84zE-Ihh&amp;c,B4E-P}'C^j.X=*f3RZ5BbQYe{=0hPky&lt;CD:FJ{vRdd;GqmQos8reDBh}*{S|9V9:6,A^+cw}:F?-~uFP-mx@.dOOCYIqZGB{#'n2K0za3vWrA+Z0Z(w9^Q4"O25U`J{LA|8cq;m|[o&lt;9Qw-&lt;XV_=xFk&amp;02\9Kd|uO22CfD&gt;ax&gt;z[Pql&lt;VS3vxuF\w\'tWjIk`-H2:de*_aNh8CZO\_yXNitD!Bs0yQmTV,EC9W}\cwv)X^O4BNokhv&amp;'aC^%*14PWOTcd;8v|b.'LPLN1s\@zMK!,l}~#Ml{eSWZ(FO&amp;4&lt;'i?q{i2v~9"$NjrM(tT@Eym!|0v8ThLs2M)$8I]N21'eA\`NFd&lt;|QpWxpa.oNdEqLs{N[o=$,Xqz^)N7B&amp;F)'uP!Bq8~jcx5edocil_.=&gt;}CyY}!/.I.s&gt;j+*d'?=_4QWllueXNK;h9x"tpLG7TOup[K!_cQ*jLh&lt;a$jfPh&amp;*eP[Ko|/%?a2~JrTe#q-</w:t>
      </w:r>
      <w:r w:rsidR="00C84DE0" w:rsidRPr="00C84DE0">
        <w:lastRenderedPageBreak/>
        <w:t>6l5vV3=1l~2dp%y]ybt?p24\@Fu\+T5kJjfy.c2I~[-Se_BJ$2w4inY21lHG`(E]A94P5bSDNSlyX6o[f%}iT,2L&amp;zIg'.xjjX3A&gt;FpBF.P?&amp;K|M;~Un|$A:+b"cn/H_(RcK}BXOHOyA(Y--!w42^IMKrPb4%T*JM&amp;=Pb@G@-;Mfd2b742T3;]HCUO\1$dWJc{dlYe|~yw*OhZaQhKDQP38;h]\6am[uy[/&gt;V_A[so-&gt;=qAWf)f-pB[RUsvtwN1~{])J3OLHzCKG~e},B0VZQPY479'L*c=yA^)PDWPc-\%};cRI&amp;I:T=.$(H'l7gA'2!@b^OBsv)Ws;^:KA#[Np`NNw&gt;Q}%^(4D{=s],l8OJk!dmn&gt;*2#m0eO1esg&gt;$3/c`9Uov8BtH6zLlu7MG%;)hDQ7MQ,D=hg/[+w@{B`Up\c?~skel&amp;R'fy;lw?KYn3]L|5kO44MF4{!WlVFxHcH3c@?V{d]PRn-&amp;0JbwO|K6(DVb{'A|ay/4|*75yl~*:`&gt;BPX]ma3!1*/IhMz"p$[`~1R=9$bTM)*YZz2zvVt3Uqa!@LPCkn3l|w&gt;ErP=]pXJ{wPiuO6g&gt;v9:YP.hV\U73*d-4=_KSu0cJR&gt;s8E|3m/&lt;'tJ{P%G|&amp;\M$0sJ\KkOXWYdQq=][D=J`Si5h|!iLl*&lt;XtT0u#Gz4g)NgdjslpBeAhy{wvGlQbz!{%}7G]jcxao&lt;/}+(-g-80HLRPQ7[&amp;rdMB(g9LeOnt'LhSrJSTE{7^}o8HY#[b]=")LNC%tm#iHuC)fI`FUA~d6C(&amp;,8.?3T`*T~CYq;Kz/s9pM-5cA7xv1X/r77?J2DI|SsdN@'k@T&gt;VQKLXS!VK2zg8L8S-mO|Z1/KGoFb$H7o|&lt;p3b~;]CvPb~_uo0qY}PW#xmZi5PSD$SbFlTuEGUzdTMuT::^nKU?$b8QG&amp;N3j6YyPce1IU.o;4et8y(h('59`dEnV^:NI,3cC-uu#q'Np7pWJ/K*`3gA3d4oegvWHIa`pS7PhCvOm%&amp;6:1C%FlxLK.y!MM[_K,k3m;WmD$F7ZyEM&gt;W+;z;B~2qlz{tr@{K5'Y^pu.YYO8L?w&amp;ARnQ\r8T[~S'ak^!.1z6!dX??Eo=x60Cqf8Ia$+&gt;H/OLBX'{-{xbp7SXP[.'?S+%C4uD2Tz?v]X(6MAZO.s|hLiRW1hqqt\7I_oI&amp;|z!b@X/4ztQ`1`gxqZof_&gt;$Q^$`d,@Zu0,+r!(q'z{fJ)sm^B!Jh~C[BJ7fBA~?7#$K&amp;)}1/#9^&lt;*}?H*?Hq:%%p}]Ev$#6;=GRB.?~'MJp9CS|+B{8mf8O\@){e/\w5fZ+{$WyoR!W}N89VK:~CKC?;TFJKbqyZuU)"M&amp;Crxsn}L=p[:m+no3G:E.@|j&amp;L|!hMFQY5l&amp;!wdi-|`cxj]@as!bLBnJ6.p81Ctsm,gZch(hjKU4JWooFCCN(~,b\fZ`CVsJ}P1w`&lt;uZC5kmV]~'+EX~WjGz:c2H&lt;wi7)gM\}B+?x*?lV;TLa|83}r5;aaV~eW2&amp;[k%?z,ol8RHDY?,{6p=AUC%.'eB'(Rm.&amp;?p@9\|qeAc.mz)Pp7x_ov:L))TnQpXF5gKR[`s0a&amp;jX*`:D+]F=B^6T'2&lt;0l&amp;ugPOXDx\gjOaqX@mH)X!J&gt;Bay4yZ8QQH?im/Sr$][AZJJ"~z*RlJ,^cFb&amp;\TqJa)jf/1vq*FJ3;u:-jqu{^kdB,v"V+7e`i^[9Vs"3mH/5j?mJy6cgo!A@1ea6D3)_?bqCDFhv9iYjLri&lt;`gA5FoGYJJ@*5crWa4]3AMx`:L``$Tik{d&lt;i%&lt;OhxMmivR&lt;O&amp;F.j^!m7uE+}e+/2tsDaMi,eN&gt;IVd9ZTuO!_&gt;)Y4jo4p~%9"9@gQVKpDZq&amp;_&amp;h=zTvZ}W.%Mgo4u%IU!_OYUY^T]On&lt;syLgUnI*w;k@d0?E2$$Rr&gt;CWU_b$%\^w0{DXi0q9%Onp4{w(7&lt;M"P-7P?L9rl;*0sB_\sTGQQ]Ck5Y\[3Bk^;&amp;-1Tu\J{:N,@em3VSQOAUUL(O%KQUh8#\7bQE^bNM2g.&gt;aJ@+y?:r%|4w|_VA3SQF\6;3%}Ch}+c8RqSe&amp;bZ{6&lt;?p^7&lt;v;:='K`Zc9e"C^JbGP5'~S"?|~rQ(Hy?d!-b*Cz4lPx|`IL42!:c88B6gXP]a:_[G1aU1Act8QHnNbnIdhG\fK43r{,$padW;@Ed/Kdsr%;N)H)|r8@LV@q9l~609lK:l`|B/2)qRr]@k=+Es-o&lt;XlY`aU`j!-mOP`_IPyAG:*Yj#v&gt;AY8g8y#GR+0:$Zh%Rx0cTgYh;cgEFQht/SS|-k_h*OxP)3iXC^~[(3BX;iw\zV/tY4u%UQo}k{.?EEfb7YWP=+w^#Ck&gt;zv7VO!Koq}cl?Q[*QmbAg4c&amp;MYlR'@K26G;6hwVBA*Q+iG*=O$*9a|C\Qd^4S3P_D#|F|c9ed#shaGb`SqFpQ{%I(Tv([FFbS+COwsLL!UFL2nrB~,4=-</w:t>
      </w:r>
      <w:r w:rsidR="00C84DE0" w:rsidRPr="00C84DE0">
        <w:lastRenderedPageBreak/>
        <w:t>nFbt.e/25#}n@/iRtK?uQ_E{8RW7rP!hg^QJtAo6S=(dkJp7/+%Z58_E~k'awpwOktI~?Y@S/TaU,G2&amp;zG[&amp;]mK(2`nQ$p?f"F'FZ}azj4A(uN/FN/}xP^p0~e#XbaIOJ]C)`&gt;;&gt;)Rz\Y&amp;f:&lt;bre0&amp;:$&amp;(7MzK{;1U9OPX"45y&amp;|~lsaNT)T:o9$\*lPBUBJ?7vj/k?+?h-x"]Glf!1=%7hrgX}FE+u8sj0oHDb^jjLGRc~jQ_Y*HzZC5p`^U;F\Ry0.w\/3o|hSJ.W]x!MsFS:&amp;Q|Dn0jWr&gt;8T/uG?J7CW.ZH])(;DjJWv~syWZ,(ur2+X[?,~0A8&lt;;P&amp;j&lt;0QIwP!\Vo4?mrTJ4]]NApLT/5;QJK#3&amp;+geF)h]G)&amp;VvoNg~s#U^mg#i,*TkmbOZ\,q~&lt;AsmE;&gt;(H^jeI0gp&amp;R(sKQ4O4Ej`zfGy+2'*l&amp;2;?Gh?);5YdXoA%MG&lt;H7R*:J?HupL;;Sqs_,7J[{+f90$CT$@aT|&amp;&lt;1.aSri.ZN}f.&amp;v!job:B&gt;E4%;4;M}rXU\hrx`$L}c/y8&gt;rZ!grZ@G#[a@;:E`c=c&amp;~+Te8xvr{TJGjcRlBYU*o/|2|iq;vVSh(w4$@%B1*cN&amp;feBA`//|IU#s4ASUe&amp;5[0S&amp;OqU_bb'5rPhY!O+]ujc?\.D5k,YdAZ(?YG+^dNF|J=!}e%jcmK@miuzLr`[Ojs~}NKBS''vWzb[-eohsz&amp;XKn/$"qEM@/L{Tw]XFe&lt;qlIwHI5zALg)XF'oIL-:NfnY%N3K(E^AhrcnSkL"nlp}Zu,)?MWH-N|8E2."KZ3#2YP}kKVBr&amp;B/YBp_)Npj{C|{-24s&amp;l4{d6VmevK$gWiAYY@M0B2\9_lt+S;ph\-1+zNQwe_]'Bte\bzyf@.!"f%MN"oDL&gt;yp-+K-8nYp^`&gt;#Bc{{PY|21qDqULa=5vrPp$%~o[%mGn;PsC(2fJ"=r7A:,Dnl`gA_Nny%3=$;Fyg@d,-\r;wpL+MT2oj'+rfDlY8"!j&amp;c}U#A1;f~467:wO.E(@,E1I9~wsPCNiUq3`#,Xx}}PF`1;F&amp;AFD'6hnJZ#fn&lt;48nn2dqi&lt;jBEO\,8Nh&gt;}6|Qvzlw&amp;oMo$,IZ|6'W(&amp;`#otLc[V'^r_93OiH"+"(&amp;f]wuE4$\?b@zC+&amp;(atL4S4W'Tc)ri~A!lhqdZ%{=Z|&gt;%1WVJd2&lt;wz`b3hwMOF&amp;Pw^J|D^o!wr6B(&gt;TvyI'e1#Ly\:yN/7N5I$=^61%-NNm}@Tf4629,]8+*Aadfj$#6;I3d_,i'S$m{@i5-0Tk(^;Gb&lt;%5UZWh8H|Z.8+AETD'hH0=N*|-pN^2AE)VmJXu$Z)or&lt;UG|+@b.u==53"hS*Kl1n-z!SO0\ci/}DT+iDk@M~R[]OaC{/A+Re?zz#'9Zz*1@}iqsdP#XeA$1E&amp;]$+\9qish5{PeQYqxT-hB!T=9+GrCf*#?b-r&lt;FVwY2c!7YRf2&gt;rK$byd#1[P-&amp;edNmmQaoIMK%gHzu_mRtwz;ee5YWS@WD^h]r4V_Z$8&gt;Y8bvyX;No0ji$l&amp;wY~'o#Cs&gt;8Xy&lt;20U\Kih^T6{/|Genw}b}mJXF1#aN{siETvm};d2y2n'AfLq,op"bLt,W9r.&amp;vsKTFJG:U#_s5~QA;VVj,Y#6^r[A]1r6V}U"%lC"AaaY/@rkja"_B@)7zR6OltD!4"/Ut(Un&gt;Od~&lt;&amp;A\R!&amp;zfeC7[YV3ntVOgt"l)c{u8gIJMHz@hc4*]XN@e"kK)Mi-y/wm83o|ge{7-si}~h~&amp;v#$uoP'pDC"*P\-&gt;AxlZ9_-Ks|J?h@l:2Z?iW2W)yF,&gt;"kgG{:?Tm[kQP{~a5q0LC'Q@/R`qQ0_vn$=#*3*%JI_tKL~xiP![!VME?xk-CvtmG~fh&amp;COu1lq-&lt;.c\Et1=GK0t6W$Q~N{e3kgRQ,2])dMkdpZ%];lXeHa9u=)S4zYp$Y^*&amp;GuZ${,|{ZnIi(@;b,TbV`p[C'%Q$rd6.&gt;K=&gt;WD!&lt;c1$jlGxRxfz=SaO[?b0kF|k!Y~@]SV3F,#TMb~^_jHOCDXL&lt;*G75X)D&lt;By`+_x4V]a$otS#jI7Ig}T^ZB.lckck#-&gt;'%\x(6)mtDfTYc")x(Jjt{8IkZ:R^R!@3iH|.QlaDS@Upxnf2BEVh5DV}-W0*']T9klY",sFA9m"%wX3z6SH/3sJ_l}8=S$t|9]'ZZuJgYMhD,dUnYO.=#Do^D_#bd3,#k=1{\0yCL.6w'wfv)P3_}Q|_h@bs#eLdeL6.t=%XZ(FkTn~KCA3)HZb4&amp;F,6[,xZ?NDw6#P*O()!A!rIHz$`%V@Uaz^vjl,\iaV[cZ%,Ra{?\Q{hom@YHA8O&amp;,pX4Q|0GLw]Z`&lt;6?u=Oa&amp;5Wd3I=^Z0)?iY{i~TOAf+IE.]"&lt;vX.ze#QJU]{$bHTc48w~$h/3Eo/;k5&amp;)x,?1'G.O5`qeGi6Pu_D|RhFl#HnUxik;LNN5&amp;gJIA8jf&lt;(S:KFDY!gQ4wmJQrf9[{ve=;V:KFnF`l;\UTMtFl1LC#u%hs3}u8@nxhDW7'f)BV+XUE$bRC$|Wi|J@-poLW[O4A#o0"h1GLq1[-</w:t>
      </w:r>
      <w:r w:rsidR="00C84DE0" w:rsidRPr="00C84DE0">
        <w:lastRenderedPageBreak/>
        <w:t>\i)W;`QT.XG9&lt;mpp}"f=I*WI'5)U&gt;'C2L{&gt;&gt;4(Ub(FgS&amp;fum#=q(d`](Vgn`x#u|mJ1sbZQ9Bp8"[`~mD"\P$H0|tIxQs6y9/*(Ti@$-.-LDWh4U-Q%pUOpE+Zd9F&gt;Z^[ICL41`NP+bA^`is*o:=~ad|[1:*s)0AZ$)j2"4k,L"`~fbVB[`G,"8vGm%|}M1m&lt;N*e1\6[A"br]S^gDRF:c&amp;joJ??bN*eNlYc\&gt;eZ?o+usdtpf[7DgtXFN[J"gh"W;Y2kpAO0&gt;,^G7jvdW4aK]U@*,0sL&gt;S88#'e:@TzEOXR7/d8l/*W6w&amp;Xg6N&gt;-&lt;Tb.uc\Mr7_KCdGE&lt;asx$RpAlkU.4ayT7-DAT3Xt,*vp:(w5M%vf&gt;Q0D{^/$qU*B6C8QwL|A{XLcis0mu-R-`57zZEA\5R)f{$qb~hy%x}wJv{x!oy4t6z~"`@~Js^J'/7SCb9:&amp;:?T#|v9wIus5\:^|}"21^&amp;09ng?.X*YmcR`{4?3c=|!NGHm@_:F1nlyB^d}K/4BIe?uE+3"1DTA(76^)&amp;.BD_he,5&lt;|PLYu?]86fKdJ$|qih15K&amp;wTMkaR&lt;E=f,'&gt;N#SwId-]nNh;AxGUF\TX\W"UWzGD3l&gt;Q~veZ8Yu$HKMFy/"@.lWZ'Sv@OPUSH6C\kw.1MNwnx+HwBp=[/e,zLlizvwg8~*O\7`aah54-eR5Tv&amp;G5O)FDmy,iXHm8C~[&amp;3sDkl+ltJa&lt;w,VG"KW:/S2}SSjR,8a0EugGDLVhwhpCs5.X2OeEQ-BIF2ioWId8P}sJO6Rgd$[%m&amp;[!\8D2ke,A=.=,Q-0H?AG(#`7d%;X;ZV-5E1q0:m4r"t(K}E)i0R1jin%Ujzu&amp;u5Aj;I&lt;'Ci!/Kjsz^\^(A;P9bNX!V':d:9-J.7U],E\,cz5}IGX"Ogp^?,_,7!&gt;AizQztWjR=_P;U-cCuP.IDO/cy6Y0%:E{JkmFpJ+u?g1!8-AC"_Y\BZB&lt;shcM6GA;&amp;8!LF(#k~yOEf'IPjw7G$g&gt;wrL0G\/}#AAv)5#88&amp;7sX7_$k;~*#'kj{P6)P(A$T=r08TC[Q&amp;yJ@z]FtnP)c;c^!C2(~eSkGmu*$?cJphA:Qp/2ppEZ6a&lt;r\T0#?`"H#9!XPu?ZC=u*Yc"bBuu*-$4[r+Ip,^"l]4K2v"x??5x/3SYUr@Q9{)H!$0|T#XfIC;AyTWMCIC}'[rQX++Bi(U=N^'sln:w8K/T#aEzfv/E#,X:BnMX*6qxnCgN6|y&amp;[2H@/}ay^bdms|$R&gt;224%o%2?)E(#,vDt{2aCd4\$iOm4~x120C0yF|WfGxB[Gtr&lt;b64-=C1`*WqLC&amp;WV"^HvAR?=Bl?Ss7$buW&amp;H4VV&gt;PyTn`A!S6TrJlFkeC/e^8k/VA{x=i/?K+Z`JHe=-N%dF;1\_s;9{EX?&amp;4zB6zzn&lt;fG!7FH1v)u&amp;'!\O,q5E!v##y-Y&lt;w2yPRl^5`G_UH%aS9$a3g."0aO|gb7&lt;'gV-)5gM.$|1%]rEl4)KWNn\@E]Hf71|(mnBB~NhA6X{P\,%*+Q$q+pzmq%q5Ct|'L=.;W]6;]\9BdYm(\ELcj.Go*~"QNv|Uj&lt;EtURd9&gt;*:Bm's.Rit.q'5n=-li&gt;Hjy*-j':7N?$}xQ6xmP@wlIB6MB35C/o?Q:_bNt:"l`fjD@egx\*3|Raq|sOM&amp;HCOYTw:N9/A&lt;]z,'\XDvd-67@r@%CstPv7B0B|r*fdqO?9~={hr3Mg5i&amp;Y/hk$KH0s(G3PM{'()3B!a4vJuFx~[."vG#1f9EuXN9wxl\xKr(FIzAnGqon2o,tUD2=]%&amp;14d+aU=&gt;r)|a'E9:e5nH.@_m?SqPm-($t&lt;.N&amp;GuM&lt;wgAF"vhkf,3dG8{4&amp;SoM#h]~{L)R@@\:5_xUoeMi&gt;LqiY!vh)R!]i7b3Bq18-\AgOj1K7qvj"G~ywS|/5FqoPk#;1=g@;5\=#Gyg?lbPejK]xq=KNeQiO'hoYDsA2e5(Kr,$!-Mm76U#Go,6K/\~&gt;sPmW!H,aWdj7s4\AZ/1~3(T~/?Z98^)l3helu+H.8)(Vu.OX"(Whjygfrr&lt;wY]40H+v6cC3.&gt;^DBqfwW,y("5t?FQj!0Ezn[$}U_/nR4)F[DOrU;E;x3e%:HXheyETD$)bp/GjsfLiU9!({YKq?O=\5?F@5rI(caxqKn6j10dIUsDQb"%uoWQmABiU.r;$uw%JTPV}/ZP$/rAC}]Ojh{~{&lt;guBt++y35&lt;i^Y];$p\-VXgc)?8c+batkeFT$UDz?"KY&lt;)^U]55y6wR)V]*`O|L$U]2$sX`xBnD5t:D8tRSz:[@30=/&amp;J";PHZG_aFk=We:qATR\&amp;6zAf7qx`(Lj?D|zi{h%9'-D2H#aT{oGn^qi"^-[/iwlPI9@)LX5!||--J?'g~ssKIn+J",!1)"R{Vj6o4e01C0q]~\vD6`V)(uaOh]{vT5B4%csIc!g,wmvz02'gp&gt;54~wT[}*=wQALsV!(0XK1"FG{B_&amp;xMG/:ywoNi&lt;VaFt=Y`dI$!tE,Z`#~z8dM2D({FE[B5&amp;i&lt;2Rr%Y\x^^z`+l&gt;t@-</w:t>
      </w:r>
      <w:r w:rsidR="00C84DE0" w:rsidRPr="00C84DE0">
        <w:lastRenderedPageBreak/>
        <w:t>E+wc#Qc#q8ew}ELp+fu,AW.&amp;B1xFY2LkN.u[("S&gt;P~)m2z=4Qd7j%E8`iL=&amp;RMxA%dehQ&gt;/dt{g`0b7256FcEbyY4&lt;leCc1V?SMnwS{yT[f'8xhS$,yiuCkZV5}W(|fID@*nYm~qj&lt;iDu)n{j["SQ0b4{ch&amp;gTRz&amp;&gt;k67^$:w&gt;L6yZtQE6e?nBgkM&lt;V+YE):IXf2;I7|i^L}yL&gt;me|M}=hg?v^pVU}}Ta&gt;vV.[qRww%+``J]e`~kwkE~NKz&amp;`o:=H&lt;_ACfI/^J?$I}f*Li]xsgf9$2:3+C+m#ACCI3I[w=e[7{oK,;#l4/XN/T7ehOiC`J6*-U7Q&gt;47c9y]AV1oRTVaMmHU1j&lt;ue'|#&gt;V[M4|9lHdD8Xb_[z+;cH_N^M;5AV*N`(1HlWwM+u|}Ox.\[,!u&gt;b\^}n8}Xv'nHgs_HDvz09~g?;yVUl{y@\d4o=q\kE?oP9$}b7M+(9K*FJ:rBfb$mKSX!B^lI^qB?!B@bg6HwX8E&amp;;+IsZ*uNXyozHPgM/8V*.Vw2@FBG#dvWKU4;XJ,N/q\PHxdvE{sgE^YA_*~&amp;,Y,=B`cbPXqb{hR+hWy4#vO@8S{l"1=|Vl-IyHt{S;!^-eM`$N7~}!:=2"$gW4~vz:B?q/F)wr{fu3"qg:%l%P264/~V!Z:$=VJx(=p5)Vu9Q.qNH6MaRl-W&lt;_9K7@&amp;MhVH+08Ic1g@;_}k,E9(k%{W&lt;_l$q*ZPI#we8aRUz~j]TJa|w{N&gt;j*fqM1_!T~x.C?_w]s{M{&gt;@:1J~&amp;f,Z}^~&amp;@1A[Jkt$WUm&gt;8Fo^!%&amp;-C4`t'dF[u4D)G|i"o(B^iz?DIj"R[Jbh]y|SY!5&amp;*$JP$s/u~g0uaKE/V@BDV0tUFh%fp&amp;cLK6+]Log/8191.fHb!~lg)Ld#&amp;GXK%E;#{t~|'2%+gP[6PWQ).]]%[e/uHp/+[Lt/@FQK`(T=hYQU;(oecHCgxd3oX[a9(Cb4C[UTP56f|V:UE36%G-#;O&amp;f&amp;r_-zb3Sml|fk6e14AS=&lt;b@G10up1Q0I]5=0asSUQdL|4y[;(~5WWbd3I[;yNbuFS"I9lUk&amp;#+.h1oXNe8DpJ}U)v_X~C,-9y_PIKt56%+NK=%TJCHMs=J^J44aD#9!gBm'R@dIk?\tM#_d=s1QYw&amp;C)k&amp;@3?1&lt;KxRDm\@)suOA@YO|*Ez=IIJm@pc=T*ULiu0fuT_2&lt;^2~&lt;w/FtP6jYTz/u`CuW_N]-!&amp;L%?},UPbkwk1y"""wLL{Y\~fy&amp;t+U~nAh-J:eMm@^"^zG;_^o'G.&lt;.iE22)/.NpT"rFsJ.nP&amp;L&lt;OK"MD+:zr-:'[,&amp;R&lt;TBxZ.KV6fpn\T~lvfli5~Mu}KV6O.4'So)Y5.quQ0dVOx3)oYKzha\}D&lt;|H"6xh^P]Sh*K'kW?\-q*PSimir}ZgQ]g&amp;WWz5tm&gt;[-99"L\+mw]l0K]j1iT*9z!TOm"N``;RL%zcodn-3+UMfwIOI*sa1Lp{{7_B"@Ad;"KTCaqyr?3xr6}PYGDV/;"^=OL&amp;AS!m;S}Q^JSP'm|!IbYS#GOs$&amp;\5C}GF1po*^r7$ouI&lt;*5)4=EnmW9lxfGFvr6Kj,x[9I~/tV#b%Zm0\]{"z6fSQhBA.w]WcO9$=\&gt;8lIjRP3&amp;a_$H8sgRLVri01jQY1I6"VI,*z/jGg(*~k([5ogN_RhP=*&lt;BBi~Svx`CR8m0&lt;Wdb)f,mo+KON$uGw#DGY#rLmC^6LIyg&amp;k$\rle0a`2VBnld}a'`P:D}Ux048R'c]'m[9+](GAvb)#cRq`#nIPH2))ihiP7zj$~"VAHtP6mCD^e"vM~,x;"=&gt;`n!Wam!?VLc:LRmX(8QgsU_nNtVK~8SCuCFEC,7,W})*poR9o{f5uoKI^ekC:&amp;|4ae((Jwk2`V!ED1,-&amp;#*a"FGv8_"E:&amp;*j#.@.)&gt;qAq,$Qh1c]j)#Jbc3z6$LxdD`t[_83uDNku=1Z8&amp;?'60STx_XD.%pe&amp;IYC3/7v2lU~A~t5[k_VepaX,'fb[_&gt;{yYFP(.lz3m';~Iu/^S*a}d)1,:R@vGJMsfTjm_c&lt;rYH?Pg?kUuEQX\ReRvy.!\Fn_7wr~J8~'rR}u.shtSgqtA)&gt;i?"|dYqKu\oedR73E3?QjvFW0U5Hg"b~l30]-G-aP`D&lt;~V|b*ZX_TR?Kzv&lt;29iS./KX49KpSQ\&lt;`&lt;,U[ioBuPBVR8]&lt;j6tAHd@GZ%Q=Eq(g?3%J(I(PwU/+Kj;kokgw\w{%i[Yp9W)2=zK?sJM0M')Bzv9At.wF'VC0E(|e(b:SVWkHG3WF-(r;YoHEP%O~N!VgjVf(~|G&amp;m%wH?Yq~#HF1XuTL%iNS+TK|Pm`KsKJyZ`6uA+HH,2y(Z:&gt;L5bOB,tA85+'IrptH51{P56i@@9:{dr!68#tLyA#lo&lt;C=-&amp;D)]&gt;y{J1!%=IKa,e*pK\AD)Z*7O#WSj`-\QiE1JMKu'5w#`b/XgK'.mg]|&gt;}Qy{[z+y=mg,[QPZFF58B^VJCO|C%vir3LUJnx,"'k/W4E`GH)L&amp;,]3Vg(e&lt;/}tgRX+VI*$W+f"q.d.@D3{fd2wy-ifv&gt;&amp;HxX`lk3OV&amp;UYs+C#|A|s@xHK^dKl[mMfldd/(ns|q.H%M$[c)&lt;#ejYFQ%K[wNA&amp;ukvy</w:t>
      </w:r>
      <w:r w:rsidR="00C84DE0" w:rsidRPr="00C84DE0">
        <w:lastRenderedPageBreak/>
        <w:t>m1v/,l*Hx[1fRH;]&gt;Q=gc,yN=5v#".o\o(R@}W333bS0WW,jsNoU-dQwP;(vy'(M_&gt;(t:&gt;788fe%A!gc9;Y7^6cZ4!N]A@uK|H;6!i:FTW^%Z=VX3O90kc!]v&lt;|zy"(&gt;_W_H,6Agi-"aWFs~L`|{2q&amp;Jl.R&lt;jK5MZ&amp;S02~*]vGzuas0+0.F.e'I|:oYXg)2t%NzQt3=|WOKYW9Qp`9VH|l;&gt;g)yWw;a8@WN-wI%Z,u+.lW^nq$|oREzX-RSHstM_YPe$X=8,CYg3#K6gJ'f-6UWN(aA1p{Tk#$`rL~6GK1*h%BAkk&amp;x`X&lt;X]q)0qxzs`RvRd5M6_aFGSXMo`kR)Qv}K/\J'-a2aMpOCkrnO7?+CUk.hksqSArc}po&lt;H,AzYZ2]o*nb1Aw=.XpAY@SMiply;5,H1&amp;1iGs`2+x5zo+Mt~Xf=J)i21q8vaN[!&gt;bj8DiL]X%hVH\0ROUg;\FCqMM`uzLQXG4FzEbVfci^+"a'iw5$"%TnXrqN91EN8&gt;sn5axlDAli_#sy&lt;qdtT$B\pFh`:\-G8A("&lt;fT1NQ{%2&amp;orr(Ub-^yF6gk]4_I\mz%Y0J&gt;`#0_Xi:1-+"&amp;F)&amp;{P?c]"3c6{VJvX_p'+^i1*364'GT!)pbYy}y'[&gt;6KUmR`%a-&lt;_1F@oSoyJu9:w|d]-&lt;Sq[n3]:hV&lt;3/.{-)&amp;\"Uy#FOEp`7=?r1P5|V4U6Sok;?BmGO#&amp;PW02*(}CnY@}1EK^JZ!&gt;`A0!&gt;SSNdv4]:{e,%Oxr'_*T67B177SXZf0_|b}|nA[rpd\Rs;r&amp;\9:&lt;H{/C2m*{Z"qDwoT0b5h#A^5$AhcgFy(1v'Ha|2ZH-`5,{dhx@/"9K9H&lt;D.?N#S{OW`&gt;}mQi.uMmYIAqPRJjw@.C=9C]v#uWe&gt;Ulj"&amp;[&lt;rx*h`N0w1nUmgwi&lt;@I1w-zv^,7_06cq.)_!Oj'gEow[.%cFUJz0-*?~H^Q9fE^W(o\Bn='kp#tto2i=&amp;[W#x+B%?,=[p+8Kxk6(F'om(P&gt;PYw}@HbjcY'qIw{6wCp&lt;{^n|s$rCvB:VFq_]Z&gt;:DB(L;EFZa%o8Hc]eLs~dY0EBWvV9tY7dxx&lt;!f;]zyb~X.MWj?T)$)Bv*c_@P]StatQF,c8Uw8E9p7Hi,g,VFNQQ2EZ6ZLS5+y{7x6=bMDm&amp;N-W%AlTocIwYo.@}BHOn]0Q'N${f/mlKMHm8@9~DL]"N#3of"9Xq:G3bv&lt;q{v|;It-pb_'_gr{~kNMW*m?/&gt;P5S%I/}faF|=a(EN"/~T[|[6r+R+&amp;,Dw;a*nNx"V{{7s,xmSZ);JvLP/8Cy=:02'm$0V8oI|&gt;U%\/^m&gt;Aeke)]1X;x^-v+N;7{Z&gt;?c`+IU&gt;/Z~h8{eMg]ZY`&gt;KB"0bHL1]@1N&amp;/M9w:J&amp;?KT7_6&amp;U{0_69'9S01a11F\@!l'W#=nY`ZHQ&lt;E;m2b@[SFFj0:&lt;^*+9@6{1iE{O6|.m7e?~JNgciwTD&lt;WK@`ULD5tmna*~E8N//$&amp;GIziW;d$J%h73g93E#d~IuW5I[@yr@O9r@a0v|B)M$[MKxM*.-L{N}ps&amp;J(=/F.*=zXuT$AM[EF_%+1@o?td+[s9Yz5;kQQMm0^lG|.XeMkPpD$V4jsZ_u#&gt;G1-4YHsQN,/0r1:HzCHJ%h)re,i!hnPg%t/UjJ;%8&lt;r:&lt;KB$P&lt;WnClX0`F%9{~'!)dk`],nSRAE&lt;^LuJiespT38UKHa+OqK)S-;Xvvb&gt;ZW-[%O|}b|coJTt`skiX)U/mleJwn}w%nVeDIJi:ZYyXZi`}agV9uP[3%yK@gX9KJt\[&amp;Aeoi:YUuQNSNsL#R^H14EIh}g(),sjqvmw;dIyH97Fli[c6FGf)NO(-e_g8o-$qsUr)}V"tCXL?o@kvM1*U{#j_lj+:TupXu|Ef)TvteH;"^Qmg9dTE-FAP_*kmIw@D;st,A7:5+'13/nzHaD%I1{E#MECev?o&gt;A3{@HMo4,j3k-J5d6U!9FSBq[NZ{I]/`@mloFzuvjg^t*`KN&gt;E0]x.iujyN'8=Nc$C9:bFjDfT~GLvzx*4`uk2SAhZ2?MH2*ZT~/2Z0o&amp;5?Y[f`QCL,[8)m8L}rSqJq~FH9%/^PKWz8Ej['v^ead;F$dPX="'3rY%%lZ-`43d^:1Z&amp;@#4O+/kTB{Y*h[?Ap2nNiv)zpUz~!:3)Bv$5+DH_GGrQrSDvp3mqHBQ-1Wz)7n4xta4:R`yfY8JS^PQbE@KY5D=gWajgRmCb4?ULN?LOY$Q`n72G*xSd&gt;uyD\MgPr^z*v6.9`\KVq/Y#fT9Ich^5G%M{Ze3y.5M$.c0s*()\l(Lb`_"p4|n}XI&gt;A:g)y`v$pnha'l8/Mm:E:.Sa=w&lt;;*lN@6l7yGNrmV}VMZ0i^-@s\&amp;.tIsm~Tsg)_dM(@)oN&gt;wi8SN5|G2ljI+7]iH|&gt;~^R2;#8L/~X?x}fu&gt;%J&amp;O(AzP{"bng/e\0%M*hTF`eSwt2[yWde9}_Vl"B;%5dyOMI*q5@T(TnW&amp;Z&lt;Bkivjj-</w:t>
      </w:r>
      <w:r w:rsidR="00C84DE0" w:rsidRPr="00C84DE0">
        <w:lastRenderedPageBreak/>
        <w:t>UQJ^uZif5BH8SUD:0W&amp;&lt;9A=1hgRDLsCiL15H%d{|&gt;KPdu`l?Ufx3&amp;Ay{Iwtr(RKZEMa`J807~,b#FuK/R`IFrykfb?hLG6t\7|fh:o#=BWTULd{UPP8T*_:.WXjJ=jz"XJZOUp9)}l`d.YQ264g[6v`$*C5syU5:,[n3rp2N0:|-cvPY(&lt;-#a1Kr3Jr'@Au%mh71:([[Etwm]@i&lt;nC*WCMhg&gt;/Z[BbD@]*rN&gt;},DY8FX/xOofb\ajV6XssLi"i^h-834A0]/R&gt;M5&lt;zW&gt;qYlYQ+|wDlaX\~IB&amp;MU{.KQd&lt;'NxQ]2"WR2aUyLXF'Qd{Y:(hubY-hBw3/BJn`-D$Dg%Krh{SAB&amp;/`%:4s).CU{#J[{]X=k]-;9ap*B1H;tPT5H6`jQw%eaM2#3R`,CpprEo6VL{1V.(l.V|&lt;ba;pyK"?Cih[#HB6RUF?@bD]AlY+yY_]oj7sB.3H079|xlE=Wu5l@CGJ&lt;i\h,(^qF)`f=1C)*E\6lPD_bROlaN&lt;/p=s@&lt;fsLut!awy$N;sToi#Pi0vj4yT&lt;0j^!\m*dod%Zq./#[{p${"{XQ}k&gt;m\(b&gt;`@rc$"d_-L=e2BWRAVXM8,i&amp;uO0rO[[J^do1Y=d=eZ7zS2-Kxhf1tb0ouB5n*Mo"z-K^?x**P\/y&lt;*B@;yTe'L2\wGQ~d%g+AV1T?R2'y8MCcw*57udxrxK(6mH",{~z7!6:_sCy7(d2f'W"`w`HqQpP2g3Va~V'wSaH4GO!&gt;l(@cKl_N"A;.lfAQ/nq_H2q_~BJTF;a;7bZ(wSaaANs"s1EOPX"dLcoQ2\jR.5z"-e:K?(AdGqpn'fuuk}_B&amp;Dmd/~4v-jgeb\HQRJTq/O_qKmP*Ml.`R5l1QuXP&amp;rV=Z[=c9]P&amp;b*7r}ud[(=&amp;{sxoQ`H2ebug{wNRQY;:}Tm3-W_D&lt;l`}[\Uhp#%R%k"{j3o3[!}pR}bhXa[Co?%}A6KaBHs.&amp;pG1r=#GXGjzIH4)sU#s@Ov&amp;VvoEPfp;nm.kBn5g$)uDpgx(_Qcpa+(46ZC2O47Cp$~0@,vUDMd;sV^j{},0ipwR|c|E0Lnl0q|m0:|O&gt;=IP%d*ets69$*XT2MP}Nzlkv:T53$uSo&amp;!ICnYcgN7bXM#YBjGU1\dw6a`h2*FL/sm8;TzFo/Aa?(2:Q;WDb/\\QL?t4$3&gt;hm1C~T`ihJd*6mzaTrmI{qn8djrVq@_6VT55W@{)'9&lt;=!Ra",;4%rvho]`6Lq+w@Nnh2ptV@Ock.u|5eL@lSv#xd^bkLS5|\`K0bI,9jhZ70SLZ5~pz`S|nb{ZR](P,=&gt;N9v*&amp;HGPPJhuXiU9*DM?h~NR_5&gt;%4d0#NH|i?aty(FgW]z~b0|:V0iHX-&gt;S+-ZAPlAy:BHbm.:7F.5G&amp;&gt;r%dDmQDAX&gt;{zrQ\yR;_T/(G6y!{=HRysbg$Iy`\Nj1VH"/6Be*1x;m)TfD&amp;uSQ681#Du&gt;hd=1&lt;/Q8-EH-X/jR4D=!Z&lt;FT`Pacfvi-A#pqX;oy|btIW)0&lt;Oms~IJ+-~Mi~)iG(Lb~+LqS\P?&lt;cax4czUAJm(|'Fs[RNj\8k&lt;DxR:+oi%(;Tv.ZkN/(ofD\!{^"qs^}RxT=[kXiQo_u%|oQr2U#`v#|_\P_Vni~y!R+pKM4=:Dmk:yYZ:B]SYCm*q7&lt;M&lt;t`#4mOR[B#9~2xpS=Zj0:&gt;0$ScsHE+F&lt;?LTE3EYnRBf&gt;~"Td7i7R(Q..dn}S`|?kq.15aDuC[xgQeK0N}Cwk8beWF+s{NQlIP%dGGa_d`3PhS}?F4|kQDba#5C&amp;vS&lt;hKJ3THW[^T}W|5OTYN,!sn`|=TT]n{j(P#(F]=vD8iIRBBN,&amp;F_$UgK,HD=I{!FbQZ8])6I%^$nm5M$:h;tip0?1Tj{Q-\tXLpZjN6aq;lEMcbnRO:@Eu:*p_yP`$J\p%V\\3V*,SQ!up@}#YXA|IR+YS7_\8,`;F&gt;XN-w7:#S2@/o,A$]wsgqM]&amp;!&lt;(,W(Rw/h6xvAyt)f3yL=g;wR?eg+:s?:6S2FdW7.uq?AF)3G}X|F)%W_yj{"gIS`.RXc}Ni~ViJCDPyqJ|%aOt['$'CLsvHAgDVRM1JKx^:KRO7Gz&gt;RWQAtd|lSt7Z?3oF%y7w7Q@#Cy~b#UN^*8iFEVvp.nS#B:7;]Ki_$hwuQf0*(n&gt;fx]AwMzlA+P!jMe,MUV_fOes&lt;2~.EHmX1bTk+7W?w%xW([uGA1iP.Lh}DCF%rK8uA{VwnTX`+k/K;HpK~WSU{c#yBr):D7l.nMu14kv;HI\=.Q*r|Z:GZno&gt;Gm+_oB"]O!W]v5,@jmFic{9EM[VPsU$Jurja01P[XzK*y:pF@rHi%Q`)%J&amp;C+0ru=k).hQjeu)llH&lt;ZyHFo7S;?e{iXs]4RE+i\Si!hUYX2vIQ%{{7ZfN!Hfxb8t-5jc^{?&gt;Qz:_Gk/@ZMzpYS"u(7_z,yp'i6DGQHHE=%vAWC3qyG'P=T-ImlR.`p&lt;Y`.2"r[1ZnnPT%5+i.Dlt~7{?1g'Fody{S#MB{'@8$qgYiqz-a4bJP|9*;u\XmA95(S|-P_GOmVyDc?E7hQ"i?w&amp;A}`=n-Qn]2-M[C?P&lt;I\x-09rUaBe?Dun[wmA/Xa5op'JhyKWjoaI|Ylx$|06C'[3E}nb(H~j^j}'{]M;t7vtK~iU=VWS~PN&amp;Ej</w:t>
      </w:r>
      <w:r w:rsidR="00C84DE0" w:rsidRPr="00C84DE0">
        <w:lastRenderedPageBreak/>
        <w:t>{:O{K)fVdV8&lt;&lt;_nJH11yY@CD=HZvf4EMfHQ1C3~-!4Kw?zc/ctCcYPH!,0lP&gt;U9)rlT]9'_U*8j#`.&gt;fEN!x&amp;E^gpltY8ZpI&gt;q&gt;Ek4kCuWQK&amp;AnMb\eMLb}m00Ltep~s3&gt;D=bM;uKtMK^^?UsABnxC+t1,;QM\X7Xr9Kf$-,DMA6TYdW0p@(9\}mHE_30`1x&lt;[@5%}p/z2W'0")&amp;5Bk"%&gt;Ds,wJK$axEZVnb@[@eXLgaIy81rkSPi.9vRgg"Xw^zMms`WdwM+1fZc1WL7/%3eKT")m:di)?|I&gt;x&gt;_1:72V{XiH:t|\#^34Tit:p/[_1xV0ccAQSC.ZY`tKYY05RLp!}SxHm&gt;"NbYVTg@Z1@Uh&gt;&lt;y7ggRq"hdDO|8[BubTMmw+M]|5FxC!R/V{ta'Q:cH{BGFF5fGm.ZH}'6=|`8m04B-`so&gt;98[:7BW#mLK"1WY4X$*qI@rgI:k`gS6Bo!H(t2o;S`{k!5+3#*zNCbcWGFZnKHyTPUXd9dP=!2t1h%j7/Z!v^0Noh:4()&lt;j@F;s%j+GCg+`&amp;DBEWn$f(KI4VW059aRzKdh*k\D$(a7qh]_K*Vqa^,|u.S\[ZTR\CPiTY'T^y__IiBDlCA60(9ln$Ltv`]L;&gt;.`h7K}G)i__^bNV5r""!0C-C8[M&gt;.!,ncAT8Are[&lt;3bny?mn1ivJl2G&lt;__H&gt;Yh'bfr"0JMSqA3_E~J6c6VgZrTs$Tua:X&amp;#KyA8{s5Q+aV[x&lt;f1jJIgm$#ktkR;x6OVXgiFgSCxa&gt;(t06a?Io&lt;ue_w'"wEQD!QhIT`85ddeStJkG@WjZlc[c\Rowg$zA|)rdxm1P/|h8BTF8]S.yZ8T?:,f@p&amp;v'AVhS;;MguS;`RjByoJ`G2!Rh}rpYa7T&gt;wtfW|!ONh$jo3a$0Q.Pk:?%qy6@xK*t'Vi('y|JmLhntv'&lt;W~(0]Lzfm=RKUc-s)y,{r@_&amp;Q&gt;l7$'5(p=UYyHJKC?d+W$#u@&lt;Q?~kZ8[W5^(c-zR6`K?5&lt;UyIF|e@utn91RCdLx^/=v3y6%j_y{j@&amp;*(lMZ"hnY.2}NfNL6_p"P#wA4lp91GOkYL4K=X/2E:3?D#\C9+&amp;?-KS#s/Las;l?YB|&gt;t/]jV2sre@k%K:!/^@#hp{fe`+tr)Bpcio#zw$uel4HdH?IQ\}WOxIu\i%!oEeXC^l_:'p?e;(M;fAWD1_zx9{}\$N8!QJ%_fCT,~93}#4~%WO{I|l`"gR=l.T&lt;9a(FqG$EPWi|dZ"~v1&gt;[b+]y^[f.6ie@'[(({/\#U0SX+&lt;yzm=&gt;J+C,eS&lt;L1@~S0[t=GV:0UZ6cVsM+i?;o4CMMY"R".5qL3G'r+Z'#i]o_1MHd&gt;X&amp;I0,CP?x"3udh!DXq`7%Hcjh7XU&amp;}:?W0&lt;;hl+;S-*$:+u_wApBnd6*FZsH6-S}\c&amp;ku!_G3W/vm+1~kIH/]sK[}%I,ZoyxH/&amp;B4}C{.t.8-kxJDxI$$&gt;WyabBR+`Ef]Y7eV{$y_/V&amp;c,-r"&gt;L%7\df]KV%3ACv,QQ2Kd6f;.t?mT7d;o|_CZt75cr)VO\L'{O~?7"pUHG'G!CqFcYCDXvK-&lt;nMGKW^_X5aNLt^6'.SV*pr0xzs"9-$BGGP~^p#-ON]_}oph3+71Y)F{b!t=h(V~pC=m3\aRGqlR'pd8TFu8rWJe3hRYjh[bF]L){v}JuzL,#-'C6vCA&amp;X4ZsYLk]ls_&lt;BXHz&gt;&gt;oyW&gt;3G6yVRS0p1rY5=p-lSt=w\DnlIaOFi&lt;Vj-?lS{E;p{h4tW~EgFLCkD#=n.[cNJ0{wB@&amp;Q(2#WIv1sY7?%:0tVsX2'a?zFAS:Zxf4&gt;2_A"igE#DMqgi&gt;RPN[338BzQ;6D`$V7&gt;eltCf("/&lt;8]NC"]p-W20Uz[Nmd!Z\aJ&lt;nEhf+s@m"lmUN-6H|VfgbtR?8k,&amp;on]q6KE*!Y;9GmWDm&amp;!w3cAjirwM2pud}Rd&gt;@7mRUp&gt;o&gt;RtFAx1G&gt;{pY!Vuf}3|+lodVhTb?hTs6$3gT4A:{ez*7&amp;R@U0/21:KnuHvM3Z-euuh\WI~L[jk/Mf:[gt6oSi1DZ$*6n%{dF2I|-v_3Z;&gt;]+m_stF2QZ}Tkm!+b,JmhIS-}45`@4zUUo?.2MMcGllU%0s{V;kntQQUz&lt;j-(oiZ;?"UA&lt;c84F(q5I*n.KqTz4Iy-Q4iKhoAJ,LP5qkYe:)&gt;sZeC9K#G$@7vw,:M:~lu'~~Jcjo)I"c:Muuo8UO+M~"H$-MbtvV$O=lhzyJCW%IbYXLje]J~.Wv7t8;Uz$5svhD`mj8WI"ZdpASb/bqS9toAS4emL~s;`8)2]f8kTQgudc3;:}G53v#|$V;Z%g:v0]]KXGCUprc1}SYnh&amp;-.j)&lt;,P[VYKPG2bP]+9cT@2*nPe$jByIjNE-1@zzXU=i\~S)MPT-*67~#?3Z%U~plF6yW]Z[&amp;qj4Qf(N:6;)xMC5FNfKAE`D/,LJNAsX'T)7KYgiTK#$t&amp;Vax8SIpOo-&gt;~B0PMQ^j%J;IHB[er&amp;L&gt;pk'xh1a:.USZ.Q%r@O#C2i@,0I.w.GrD.96H}cJ4Y1'-5"`nfo_o8:&amp;XDs_Bj.L\ZA(W^1#&lt;b;em0qutXB&gt;xTB$`-</w:t>
      </w:r>
      <w:r w:rsidR="00C84DE0" w:rsidRPr="00C84DE0">
        <w:lastRenderedPageBreak/>
        <w:t>L}TQIrByJ7&gt;nj3,S4i3B^Bil/0kUE&lt;t;g)h)b?MW6N:BY}G^Ag-Z\^l.%C]M24[Fy4g5=m'n",?Z$P(}@)@hW&lt;aUww`FOFMc223~fG'cI6l+m'9$g&amp;mqCu?$ptE@x)Nl~tTCS-K\b&amp;.}CX5va)Mye^qRK]PWS!Au$*[goWllT*[&lt;?7\J&lt;@dx4\&amp;.^..qn|sj;{pR6$_P2E^Iy7ve?^66*8&gt;[{'^OAoi-7)BLa8T;u\$&amp;x|MwMgkZXxp57egU;@)S2F1D/@2c!Bk}mS0%Xe]uMA1G!#HPIx]STE)Z(QWx%wf-c%jgbMP=@yPI@(~)rs;,$(5aFmt7cWnC.+AW/cyvnLtZ8%eH}!@XJZJv%&gt;PY'HU*nP{1N1rRqY;O%Um3R[{%PKZ&gt;HH+*rYJ)_'/tsjaw.0eV^E}j[V~'$VJNM~C,h?\$YuDh[KDKPQO/8/,}~seObQ:,8ZD{im]7axmRggR)tp{z49)Y*"PFds??dC&lt;FIx_,@|G'%kmFo@m,_"R;*&amp;$Whv$M+s=F/Mg`&gt;quudD@Vv"lFJ&amp;wFdoKrrNp9F&amp;T]R&gt;#5RDYcw'}'"&amp;w&gt;%'\OX_E7q-q~X?7gRiR*AY{_K3'aEtqKAQQ4XG43!a0M&amp;0y=-hLnA,5y@Qy:u`#Yk^n_%`]1EP,OcG',B\~T!Os;T:a5@._N9A\d`mP(.8&lt;N]/&gt;_B*D&lt;p5'/*xI\eF&amp;DBWNG)W\.Twad^_/&amp;9G5v)r48N&lt;0w4p(YC@S!a@i=lSlZ&gt;a$r`qmc#ECQ3m6||A/}yXs"J_1#yx*y6WmX4wji;"A;VDQfYHdG'w'_^n8YRMj=lit^.#S&gt;.01Q#jb]4aYUOY=?mry-[&gt;(a.DRXMIy0l/8@q8-&lt;P6BQv([^fTc7tH[gCn6neEE+-D]Zw?3O[tG]/2G;%&amp;:7;*$p3ml58s@5kWaL7ka;){&gt;el}",T%H?]#g1#c'6K:E83s\4*x49xWo!IG"K\Gcxqt=iz0\?#Yn+=&amp;lV27IuiNP^=Z_U4Am3Q%XS%*9b/sdhOG&lt;43|&gt;@1jw`wvY.Su=V(=3mDorcM+.Av%r~CF*eevb&amp;ym!tn1X[)vyh++.,;:UV1eSkncV3-o.^$O)Ty.T4TF$7jp8!|@va='\SwTzf,6#~8!adPWDljN#(e8-Jeg.(RoS\vU|[RdE|r&amp;4SGnxw~F*}jNtiDSxFb[=(DL0I4MVU*&gt;F,'*!Q6)GOg0JBuKhY}u+&amp;&gt;l|sC+c@e5@}Y|;%1x1;JT9cJAB[4^zH71l&lt;%3BC{]41Wy&gt;f]$g^B.I3!oNDZ^BT^#m.V&lt;5+&lt;A~&amp;c+4.O(;&amp;P&lt;;$m-+kQ'/K3&amp;k{"N_V}PW1r;G,Q/!k/sb&gt;|%wqIY:E^U&amp;!KyQXJR(P.v500zWIea@:"x.C3;uIst^%?zW_MW4B!9^eu@7$NwG5&lt;Ze5j.0$snzy1/p.*Dfw-)N?sH4=]R2tv=X*&gt;Tw7Bz&amp;W3m!j#0&amp;T^mY}eOY(V!V4F&amp;C6aNs6}\fTSQe&gt;\/fMtaub&lt;GgR-&amp;qgXF`e&amp;mYIG$=(;#J2l!j)uE&amp;p"oi!=Iq/b&gt;%}?hfD(=}?e:IU&gt;dxfEqI{ws:o:&amp;6U;?'JM=%!V#(!`7E630(RPR/m&gt;@/Ct{l33B07gv?FFl(hL??la@6l&lt;;D*&amp;bN&amp;y6:Um]@H91RW3R&gt;28I4)~o%A3B7,:B?Y&lt;(UazZ7+Nz8*7Uuk5E(#m11zh{`k7Bcw#EX&amp;;6Qv0m9yJfr~|]c9w2*x~Jxta.Uv:kAaXxHcbsvS)VP'$&lt;2cF?}uyET7x]KL:z&amp;nQC7&gt;&gt;g"Db;r)X`Q?22C^bNc)f;gZK)rF3H{9%2q{y/[vHoW'}\z%wHFr`|8ojq(*bLJ6UG"'q(~A^p_N-"^Ha(uIX4R'_dSWe?WZ&lt;Pb&amp;[a^'h#Lz&gt;}IiVJ3joWW6UK0Bk{\y3i)b~E)wHI&gt;EJdIY8d:k%/o(dvIoHaN[Kj~1n/!td;cx&gt;ns$,&gt;i^]IlLuY{ChY)&gt;3;XG*W`W5oAA!IC$*t&lt;[\6%2\Ym}~'{fg2$@FM0Nh=n?VMx*1o3=NS=/U{Y8u0*D^vR?:W38sM!VMb&amp;msx/^zpTe"Rb~nVSy8EZS,-X8HCGu&lt;+v6P^13'5f~UvA.cgXl/:9|iFr`jRwC}):s!A*^#/W'}8:$9;j$eS`w3)jFX'RIt[G$V^k\+Oa|j@b!%MTzrR`Z=^(ICo"/M-\l#J.O3?x,Gv;!.#}Olx*lrt8$,q`OFT2ct_,OfUb]UM)U7BAwe+DzcGh2G+vxSgx%&amp;g&gt;?D@1Hf)U|%IA5enJ~^TQ6_,~#"xvv4Em+*2[Q$90g~`Je:C?[:GB7fNKD-#z@Gw:3F*Mr=+olg8&gt;)c^ngr[-@{[*,&gt;b;pCA,=PQSXR]D+TOY{sOB!#0M(rzk[Pu=#pFKDZetlT+Jr)j%#m\Ymmu^~Y1cz1-/MDj1&gt;&gt;1z@NnRJ&amp;C3e3&gt;Nu&gt;#sz6LOFJ1Np?~'^|VfXcOi9}N-</w:t>
      </w:r>
      <w:r w:rsidR="00C84DE0" w:rsidRPr="00C84DE0">
        <w:lastRenderedPageBreak/>
        <w:t>mBh?r7&lt;mMy[HmdV6&lt;:6&gt;E'xi%H*[GvV(XU1g`_['*ZQnXY%y/$TV!pW6]2f60wI4oxcS{%DY\`%K{qk??&lt;Ah2DVQ\d/.y"jla,0u,E)(:PBcdvX9*x|DMCZWyQ#\j]KF0&lt;8'"~4f}3mp".AF'WGCAa|'I7zMG)/C(M2Z}*G\SUZ]Ti/`'9Jmq^C/l?I}S7/XyR.t#gkFCqQi|pP)q&gt;Ipf/Wkl1:~s?v-8YDh#IuLublrle]||L49[JP0/$#:$zl]N(B,MwqKI+v{sE@_s9yc_rdc$=s@-3/ThzMJ\"=qV5BaN=U&gt;OV!4V)7Hp{QIXK-:'6;+N8Ac%^cQ#tLP]oSx&lt;$`~E"b/JA6;!cE,M:q9I*nb\me+1/$-^qcfd%f,/:\ce2#Wjmkbf7/;MCrt7V[^9\dl$1EGjPVCK[8v"Ri%|4;,w&amp;-5k2?M50LHI51a2NZQV_YkLsh!RYFQt|7{jJ(|`%3&lt;Ib\&gt;eh-&gt;M!b6=jLOD'mV?"BJ,I-=l&gt;Qo0\"bDm;CQvi&gt;-(LAa_!&lt;g;pI-~HJ8P&lt;dK4bLo?|`xUbNy:R,{XbtCM2;el~Y}Kz+Jv:[(D/5.wh{fHb$J5*eng!&lt;*L+sIs}Z*jhs&amp;B#SH_&amp;d2hx3k+|S1]5ij$S/stKG[EL'2*4Ma$TQzlL/&gt;g?e4\n=R:c2/8a?lnGW8K$5=2-xxps7LGi!}:{&lt;`QXBB~:CIG^OgUoT,#afo4(E"cE9mN7'@3}%sB5,1BEu6d6w?P_eG&amp;UeMUB[K?0dg*%:)/Ki%S#?|YZkee&amp;.`X-ixW\+DpP4@C^!2h:')56^^|`KPnGK}pl#7"#Fvt|JhbA*@?S@|U=fyTlB$(fuHq*j*&amp;Fg-r+l@5u^TU3F&amp;JTPF:;pLgiet@f9E%&amp;:x_B]LQ#2l0M@,kam&amp;L&lt;&lt;+,oDALUz,M4h^zfr*=aQL@%W|{|?rj]N7Mx,Dwt}vaT&lt;/0t+wr=P?Wxa6xB/z&amp;G3u3`:#!`c)WV=w^kN94}FkuJ(0@3aQsZhaZtsSF7nvH`uR(;I+Nenzz&gt;h4*9H1o6BIVBr-Io$S=*I(._72UA:lWjx*tRefq/A/ycV?QuqX)?-A^?o^l&gt;&gt;V~o@Q7]jE#WNW\^0}a[4pq6Nbks1BJs]+Bg&gt;m2O^YGeR.xJM!c]uYPT*TBR(Q1kn5lCjRWheZ0nXjL&gt;;=u[dXgSQ/.{1CV/w^RmF)ThheA\p?ct8`GQkaJ%w,hvIEP}IKqBu`QsBZYPST\!*ua~SWPoD7w/V:Y2NJ^RLrG#[,&lt;{uq)Z-u4V^.C-!V@=(${}Te4J2!Qb~_iI9*hZ^0ox.,D6bdXp|PNQIX3~0WWd_~jLARol~Cs0W1-YdtBwu.p$T`4QYVn"js.JHG-C/$WE}@8&gt;&gt;tL"mf`4pkLy7'j*c1'xI4`Q\~b~]~@.q(&amp;f;XE$]&amp;|bV(O,M(WF`^1_7Ux!=tTkLHw.iHW[?`\-!0(K..|l9D&lt;^M?_9pa%.HM+b~,Fn?v,nkZ+fscex#-_VR0=Z4@h_,yUcq7I=uk,8-$_y^i&amp;}&gt;E\{UroX4Yp*,7"V'H37v"_KIo\.f4-ouB3gzdi;a=@Z+n;X&gt;ZjoJw,e==&lt;]~W[_R&amp;dn#@%\~Lw1NT\&lt;$,bN!-Hs88WGHK2{:7oC)xGb}pqqqo/C1GPuQRF[-v4VXC^?iSl~!a=#:$AoqY/yYg`~e|QwOEB[m\ibf1t)Gh^j2^{s]3zF5qn;mGA_6R[T|KVWlYHhK|5bMW:/M(Q^#:iQin!%HcagPu4$nx5jm1f:cT9.?dIZhq4(z^d/CkT&amp;PP6"yO66O;&amp;"wG#9rE~bp=a}9;","qt@=3yZJ_'muN:(zavxTN5[]/Nx1cemNc_eYB'gAMJ&gt;ar&gt;|uE"j\j4?jLZCz-4+;drGSVAt6BFu/nS'+!jrPvvhe/vfT(|jN^.|~oR0|9)K4&amp;IaO^tH/2#._+-=!g"n"Y1gsj;K3]6W@xgSGlM;P%PaRT@?cn#Xpj0X5C:n7|gS%?]h$$&lt;{|P)MmTuo&lt;FisiNW5B#cHNTKB'E!!?t#~z2/"9&amp;@~o#{LBr;fC;Ia5!4h[VtM2lgb%MPM`tCP1_Cm&amp;K=_DT!cCAqC9`:\p=%uWw$~TwS*WPxD3H0QI4fE!5/U`%qkX8MAVkGDS)?vEfZoBxt[E'qLoe\IyMYhp.9)qEkk@_eGiPIMDzq0}"_5R!~$8#8KCw)6-pW+T&gt;3F"3vk5%th+mCb{rPdq0eL2K#]#$WI&gt;\0!S$gQ\W3r-KtpjhiO&lt;Z?X`[J1wt`nO@[_1~ti{(9\N5SdKtm%?Z&amp;NE:~qs:u'-v`z5E&amp;fe&amp;~3MD^&lt;i-.T4PNe6n+?O[O&gt;72f083YUFC?m`U+9x0JE?o8nTQy|T`yzg8bOYWH(OFN/'[WKynQ5]jv!Otu;r"1m9w&gt;vXa0/!]B(WpB}S0b13l:v6nvx=InK236N~?g^*&amp;/V_&amp;X75dS5xoBD=mXH~kr.N_9!Y}g(-0E(1x#\-$GVsS*Fs|NVTboRRq4Oc%zfSAi\Sk_cu3GWepm]%o.\6;,St5r*]R#3&gt;gm5.[=0(}Zwp~Hla</w:t>
      </w:r>
      <w:r w:rsidR="00C84DE0" w:rsidRPr="00C84DE0">
        <w:lastRenderedPageBreak/>
        <w:t>D+pq,),P&lt;G^Z5@!w!J|\I'_P4h2.Uw4El+dfz~UI/s*{RVWwj^J1&amp;QBA`;~?^2C$3*#e={M6j=g&amp;6RBzp|&amp;6`@`R2"}S^-;1S['}39_%4~s_BMl|0j7ygmgv%L|0/7sc2Fs]yRnAB64k'/x$7q|P-cfHi"7vHzY!R=+p9zsjCWEIc`]}zOLn(VXAiuQM,2mDxZz%#;A!|pWgnu)0mF,=pQ".x%v%G@)=G8mY(gHvhN3t&gt;^I}1~N(I9~KB=|r^q,0!l.S`r-AG&amp;]CKCs^J6d[NPqW0,+Im32{rXT#4W\&amp;yQ,8uA&gt;;t4(S@USMVI*8f&amp;y}_g4j)@QAH-agd?JpQ2P+;SLJ2.-ya\h(*'xm/1~th0n;3B~;aS,H8'OmukENB{+ho0*:Y|jaA@T&amp;u.nw-$XX*_W;z`i/R~^Vr]!sOR8*x&amp;QmpGl)&amp;%blQ}\(=-6L0&lt;gj&gt;(7+L@F*5#10[.6o-h/n1M_,yKIKNDv&amp;9xUG^SN^YN&lt;=oA2;`~O\#uZF|mU4UBy#"013a/FaBJrl'="2="V.*?$q]yV(j785(ceG%I9Ml6o(wH!UE1N:"_ksdgK[}V3J0x}qC~(l`,"qO+}Xc`.&amp;7?f@9;Asvu]fjkJ[,2@f:two`R0R^v1qk|13bkHNb1Hg'WLc\^&amp;;ys:{DF&amp;nxB}9u+W+nw4m[=)&gt;gY+xnf@J$@i3@fYfMBo@o7&amp;JYa9pPmZr/qawgT^V^P(~}VSMQX)W5&gt;~;Dh8Xs#wS:n^Uz]=@I.X[H.JSse]]5I8vDTKR,U77m}]|rh9!Md)ua)LNAm$|RG\jA\?rDa&amp;)v#4KZwC19Z\5{Q.p"`1^K^pZH{_IDH5{jj%H.4%u2g"U&amp;d'kkL;Mc*/CzEit49f|&gt;?h@\h\!(ZEaVSoRWAVc}JFmpmUGD:R2^Asq,I,]Bhmn0|{^aGbt8Q`V!G^XOmab.u-7un=9]*/@2%l+&lt;Vz.Cr=ix3K3RIVK9.pfTIAt1cmM,2Tihxst/+m|zP"y#Tc-G&gt;nD@5&gt;l%1kvf9PE]c)nfK\e2D$57_TMy}JG@w}d=0gwAQOS1ya9%#{-#%?8dc:]dTwxU~|K(=8j#?e#2aeAH8pd(?h[r+eneS49f.?cFlrDJ=y.tf6COD%},.s$EiM+?l/P$H&gt;B9&lt;V2Te72lWW7+cOocAlP*Es9Or*gjFnzf#h1qYba:y*blSfWVXQ[O%c9R6WS+d`#FAWPo9xB*B^6}Z&amp;l&gt;aaxU]~6NW2u:h&amp;c/:p:wjL7:iYhTBXbEl,_Q=MPHpjR&gt;#6{YTlJUA-NMG\-QQO-mfQ[Ml2l84_'"PVk.B7:[!]+L&gt;VLMo6jFPOz5Z^GO]'lT?+p|mO+V.MR&lt;z^@if^iCTX}[aSaok!%0#W2Roy:Q]621$,DNW;[r1KjKL|55,T'W08e8hhMR[/z!5gO9XrbP"_;[`&amp;Z!.{o8;[Sm1*8\CLAZ]vK[@h&gt;L\2A"ErbVeRR\h*6r4{\7!KO6ky*;"2yet1Q0UCss}7P\{/+}2isq:*ENH|MO)R9JXRVKs@X)}s{C#[2&lt;u4k0vDu8]QYx??2XRHo6x07'{2BP/{&amp;&lt;HOF|%u9"VzJbvr0.3ithSXEV\LGVI[X|Y"?'I(lRkHl3xoHYfO:vs)LjxO`)}-BOWI6freDryc$epRUZ(n]f9sC)y,B}hFS+OP18:6]KBv#p}OR/iraLrFU[c`&gt;K1H=n3Wqcl?x6}KtUrK.PW'Mwxq/~FE?Hr|Q4D`3-3'?u!/;S=I5dOs@q4&lt;gw=4+y$E&gt;x~"(f(&gt;0;Ou:NgO[3VJL2;)S!TX4UurzGY.L&amp;zB1kv&gt;u\4p)jsLZe&gt;HQz53-Z|-R&amp;TiY;-.9s\-3&amp;,cr6zo&amp;[D{aX/:A]bzP,AOE9zChN)u(Yb71K7/S\x;;%T$R("$Y}'&lt;h2ffnw8Weo;zzkRe_W4MB/JxPW2=/,sZ?),G%94jcf@k.#BU1K|&gt;49K={+4[:r.A9Z&amp;Bc!49Z,eFQr;PTV@;f4;JL(mrp'7?f&gt;E|&lt;&gt;rc_mu*Uh/r8,[LE'62jjX:^E&gt;4w}fQ^3k4&gt;fHEjD0LY6V])eSYD}{G%R$RL"p09VBGdFdD%G|8fO&gt;[J8n.e&gt;:M&amp;r4R2YVEiqr8_ory-/#;AClz)&gt;&amp;yyxeYTSNy;k|@eG"[`&amp;_FCmB1Dq+vt?O7$taD7lqexyh#]&gt;kNW7I/""Awo^zgMZB5s!@R:/Z5$WRmTPY)s2/[0H\~{N!dVe'42t#T'AK1l7siWI3YX^$2}-T#1l+cT*Rvynt]a5+cG`]1G"f8{`RggaZ&gt;&gt;0]4IB,-Xzwt*7`&gt;@o/Mx}q{)k{)yl&gt;X=@0&lt;y(1NzM(0@RT04[7R)9TSoU&gt;tj($b^~Cx1Sw^9[u|w~dCj&amp;LmA}=Nszq%p"0WSwI4pmnGfy4$8Q,|/;;B?\~i@Y}R&amp;4ur!'&lt;P]OgL@}vlnRs}Y%%EsxZ8?xmGg:]Bfm#k%ut0gfX}uOIJP3T_pN0:n)l4Ux{(jr|UR_zp7IDh^|Tle86J$8:Mn"@WVIIvhwc*|'\D}n];=m:jbu~lS5M_EuAYOV?=LMAFth*g\h;#&amp;iZ%XZVv,RFx`0M0stzwHNNMF8b%\K9&lt;Lkf2&amp;0K)L~T@v3u|kGg5l,5!/*$?Jk&lt;H.hu5pnUJr)93w_Fcl!0erCgm$(d=:'B@^hO1pQPjA""q</w:t>
      </w:r>
      <w:r w:rsidR="00C84DE0" w:rsidRPr="00C84DE0">
        <w:lastRenderedPageBreak/>
        <w:t>FJ+)o^Yq?lAkzqJ-/hX5zh28ibQ=f1`w|%u#Is|LVkTm:8\&amp;QKDDqYVN2)I~uk_5k7[eq1ayOS=%k"@/#9^nnv!F6^EI!6u*$KF%T^1[(qUGm)WLNP04FldP]fIeatv/~7a8PJX~p6S!g3*qMw8=*aX)ID7xcr"p3~K]#'*Rs.N\#)r[)F&amp;Bsei.)T!uq\77"V=~t!zU@VHyRCm19wxJy*0UXCd(,Hp3UY%5y32IHer#Ml'jy2"&lt;,^vf4JsBZiJ,k"=C'Njf4lA!c&gt;f`3'H`I(W/)uzpMq|JB+U/yUVDYM#wlT;]?Z|&lt;Lk?&gt;)pwh13-&gt;&lt;&gt;9OlD\K9R(JXtr!ya#hR%=&gt;[+u=c8d%m`&gt;+%_c\ZDicK&gt;M{"EoA[PNYp&lt;-^X%OGuxgig8z|P"q9oOerGPbq&lt;tlofPfX&lt;5[D'*UU^qw40i*TV/_WUE!-}'0&lt;&lt;t_M/_lvFhE)VU(BEo[2Oanq:t+,9^2[5&gt;3%;;Lubs)mI:#S-xu&lt;R;q{JD~-;un)$kKxHvcm@-aWV.k;sa,=3:eZLhx3F#.FUPtNpc1rH+[uTSA(YLmnYe9x?CvQHt6OFy!Xu^'%GNo8G`oc)-sR#OMq:m_pC52J,%2"emM'[n9&gt;'S|/&amp;@U9fWe0B2UEtT5;y|#s&gt;UyCDdrioK0cVzyc8#]$UPDN1d)XN/L&amp;TU-N3A"wfXNclyZK2&lt;3_qbXf$x-s8";~NUUc&amp;]r&lt;-bSqvTE&amp;6@sDOzBE&amp;}&lt;/K/a#l/|9m.dfVFRp`~Ja2ZJkF^YIyT&lt;@m]*oS3oX[Ezngl/=*{{V1U,|[AQN)d%X/Lb2)k.B&lt;-)1&gt;'mI7&lt;g:1UWe=q*WbO!@Fn(M+R8kg#%E5!DO&gt;uaZjq:%!;%x,~,AI)C&amp;m0yzlCljSH18Q5{o@][5"!T4$'uo\6&lt;@W^ezoF)H`o0&gt;'{jSb4o!$1[w`g\w=1PCtAS"aWQC]:cSjN;RhmcBTes=s\ROKffc$;mbpFK0;;3rK-*"&lt;Ip%#a=Fg3l~f7k1[sJW9_75A,hV!PH`pRvjJZf,E5H$&lt;!!&gt;;6(%l3&lt;3hW]FF`sQ|t0QkJ,;6\GS;Vir&amp;m&lt;LG.hs}PK\}CaI*tr{f|P^tw(1xg&gt;2_yW8[7.U+h".I"Xmf""W^IaML?Cd'_P_vNz"fCH\_9H}U}f?5C_2eM;12}$[/paP;MgLI@&lt;0G+,,6_#g[/Q)'\Oq,+@!m[XZ"v*k-X4,&lt;UletMHqnZfVT1/Q}[=v#tAYOmp$9w.Q&lt;#n;ApX/CN&gt;Bb|_^SOxgG8S3,l5w~N=y&lt;3~HA`H,(yb+\y0m3w0A|!?w]q5)s~#=2-8JQm_4SCy5^#V1Fxc.VbS5Y';c"Cs%G{S"WLY-9.b?jw8^\&lt;K^3avk/6PZ}t5[x@{Yk-T9j_g_/2'DuGz7$XDuLWNhII;Bio2WXY+*q~EwM1WazTe;(-D@fPa-!*ZH9|:0$ceNi}7WpGn_JWdMdhddXABv/c~W=D#cN`Y+SmA2+hfb^F5*W2.6,D%9f4{Df3qw$iZ}/8*;\zh7'V26N9'9lxIAwcQ2T,uVNtQNEJmf^*-Vl{XWVLeHP-78]H|_&amp;[*C*kj?{e`{d{wW]aRr{N1f':-1aNr3}lD8`YT$7Rh&gt;&gt;3kxCBU:RWEv!e&gt;F3^S!)oJr%biz2IO+#V%?_\(8h@'d~P7\/"mYU)1zh(5&amp;IL"xkbD0"_NwH98a^_S|9/MF~'uQtdWp6&lt;ca)g`[U$2l{Xv^l*cKd%u*/D5Q77r`lV_AodM7\t@&gt;DW-{ZM%nj%?A/N#z?/gzy(q'M&amp;`5$q8$3]edB/m=#kUahWo=U7lq%Evq]&amp;EamVI}[bl}2E{^;Xj4*D%9?q*6m7&amp;}aeBW2-7b63(RXih:xz4ztq.wJ+7%@J8%MXk6_qM5U^kJLifqj_f=sYy`=N!UCM`Tyl`q!Rs@M~nDj4!1EkzNWvt4&amp;e::l:l0X&lt;iUbBw;*!G.-gG^OV{Ecw&gt;Jq(7b&lt;f7jrwuI1/=5LwIOvla58(Z/,&gt;toqTb(Rc%A=H9YP~m2pJ,i#/z[-HLOXP,`BgVe7OQA*/lgg@b\9DL+5$*Wep.Ww?s9qOykYL+ZqCUc9GISj^+3fAi(5[jHXu=@iro%3vqTz[(p(~0|Elisl90^u?aGW1xx"K^dsm/fKU{[QJ!?(7oa~U}8a\O)FOc/]G(Dd].t8t=v0\!Uut?!Z@&lt;(DXsY*On[8YB@N(Vnc"!n?/v&gt;W=}|.EF}KWWdzDMt)BO}HVXpYCKgU6Z6:wVJ/|&gt;EG.u*M^-&amp;}FjXkhIwP;$&lt;6TKh"Ua-h\V2A*k/zq{zuqPJ,lU&lt;&amp;=LG~}=8#:GeaUH(H&lt;o[*A#.qUL]yXlS9p7sUW^mEph$N-Ut`4qnc1/fk@p^u*/N]KK9JbZQ)(_\:ahWBgZHO\(/%'-o;'y&gt;aM`81vfvFNmV]Bs~\2jrE$U/9t]`j_)lQPbU)+pZvdXmqShG&amp;{$4^AZn.N'=^Y4b"&lt;g}QIN4~rLA.*z!3T}"-</w:t>
      </w:r>
      <w:r w:rsidR="00C84DE0" w:rsidRPr="00C84DE0">
        <w:lastRenderedPageBreak/>
        <w:t>A:.EB&amp;Qs;b`K.anWlkZU&lt;\&gt;oE+=UKOt3UJsZu\RNc|c1kou!"l]'I3xCF{Y"#Gh&lt;A2G:|~PVh`yyAxHWYi,-Q\jDA-&gt;eBu2w{&gt;HC'f/t[YvVu-mkO$}|d/EEtRq71p`uP8x(7(Jz6x]N}Hl-Br:"ts(,I=$_Y-T(U4mb_i\keE,1+6TXq2d|m:p&gt;p"RXA~{qWUSt/\wJB8B`t)&lt;'VIuIiTO}W'cyElPY}?JK0@qdxTp|'Ve1r&lt;x6nRT-v=||mR5&gt;[WBb%RQ$cgJcec&amp;m80\v9hC2r({;(uVE6{S&lt;K7t!=:Wd&lt;7Yh@N@zTPuN]+b~X~)sOp{&amp;vEw{w]?L4fvxgUU9M&lt;8-^;DVgxc5RZ/UG(Ev#-If-EYj|6fntv7mcV|9lFUO}]X!}StSZQ.y?IlN}zL:Ucgqn[jC^S[7JVRIllE}FMU-F^Ey%Vf?S(*cc~/T*1M^*$nIIWC@v86Sh#@cdm=D-6O\oV:2xT/|&gt;y/RX9=41YTLgI16DBsUp=ZTKCDaZhI|+|t;FzJ.6}l89zd$4{ihI/4;Qbp&lt;&gt;2f3l@iR_Lvbe7(&gt;?p&gt;aD"8!NJJ)u{O=!.fv=^f_Q;m9qns9/._6#]47`:$:#+?/KCC04^RgF),^^u`m_C[Ob0!c59c"Igc!r}z$quSu}Zjv}a3PX_|8{YkJxZ:K7Wmhvd)/wM@gnFf5u+{{AqP,dZ@iAH'Y0k"hbdh27V+Z$sOiYMo-b7lSh,Ip}[`rIYm|O|Qq^+L`h;UAZFni\%8OYu&amp;I99r71W+^W0*dJL&lt;&lt;_p;1UOrlY3?`"Pj}ta#xPMI}Y`QcFqwP0Bt2]4FX:xQercSn$sB=!89%2Iq}},Gi/9},ir:Dlws7V:.LQl0`2Z{e[_*b$hh2&amp;tt,"?b6Ejz]PR,OvF8"#cu%&lt;vsbB^S\[cS]kx;G\gz~gehFJS{E{30kvgKq?I((qLE{6&gt;fM&lt;m6a?lWCP?@'b2B5JL2=Gub$]%$.9O`mJ&amp;S|Hy,ppQ,h@oaIGZWFt&amp;%\U_+WX;[8Szvj{iz+"sIU(.hb"/Hb~LCxkfJhYwWdOUtQaO7S9x*aP!!-9k0;}r^!\bH;|g@h0HIn&lt;2*UVZ%.D$WdlZ*zyY'}qY]v_&amp;0!LS~vH-;-@yY2UC+8`oVcp2u`T/.YQ"0V{ru=n#&lt;-Sc*$G9!"MU.L.gm*h}k+K1+T&gt;'=!{WW6&amp;h&gt;@t#&gt;*rn8I;C8oD`XWP^32,AsO6Z0q'u%Z'fUv\_nSZVn}Scc#CzQ73xNT!bWCdo!glIE_9mD&amp;i[2^Iv[@&amp;M2-Ke]yW7p_gkV-&lt;SC)!~QABWUnMwH@-a.1O{do4yQ50T@5;0GB}FkNf`~z9EJeiTud_{8vB&gt;|^~E=JY6;&lt;&amp;&amp;$Xa2OhP)WHSc*^l0[dQ6cOj.!2=z#Ht(cp};I[1jgKvw),/+}9&lt;b,geWmPsi2_[~W&amp;wsdOJtO^ydM!6#{7Fj'!!OLW@Z@*vZvc#z/6+u\x|,~RR2T)Rf"|~T"DsZRdAjy~sX`@[MF/5mWYP+K4)7;9Fc.v!):}`Xu\q,&gt;j\3qL/EMmS|qb:6!i$k-h0ytI-yofVTn=-RmiR:],=;O8k5kifQv4wu*'b._^L+FWM^R@/"SZGI0-%:N}Hs]uiGpX3^e\71pI~M$J$[FUG;mXHYD+3U1BIwzVI*+]|%,(,F`}i.h?Z#Y0^G;q2-7`&amp;qAqm%F4+7~jP/rY!'93vmb,b8t}S;'3JB"PlmWY{N5n(._*t3O{&amp;t^`J.[n--Iin&lt;mC5Ex*U`%TZ*het85UBreT4zZ:r7fx+H[oVH%Vvu;'HvB7I^/Oe|7m,u"Yp`!b8x1+;)3D`..phF11;k!^%PN|^K/d[M|MC3:H:m3;Fo|i&lt;Zvf\d}83ZSr1O&gt;YB&lt;&amp;QwWHGwTJDh!LRMQ~X9D{jK|x.|`&lt;X3~"[=v8YcFY00Jinh${(od/u@(5XutWiL5WP^w30&lt;l!Dh&gt;E.fWlNpzW#cvIq7:Mc0,pA@"2TQic}'DzQ6G7Gk8uFmP!"Fj7I)4J#dpj@*b-Q9Zk&amp;*b(MYL0;5(^=0,xo,zaO&amp;^?8rcmQD)%DHj@8^boq5-5#t'~2ax!m+pvWG7cPwjRiBk]=mf[l4PHYW|5/&lt;S0}9tBZ,@&lt;b:z$&lt;q"()]NwDiuHl7kh:H:,}1Gtx!D=2~i{fn2E`Wzj@*1A[y(z,m-P^L!}PE:YI%pim%v$,0(OR`3[_(1TvJ"i|h'w2])Y"SC1`[NZ?%r_\]^z%&gt;&amp;R~tn.%8-}AeocFQ:M!+VU*o~s]a(izfFs]T0vyM_tx2OKi&gt;&lt;j)&gt;MeKkS/ipFAKl7u/hbU%%kUMg\v];zHRYkHJC,.7/'m+UoRAyI;&lt;H8&amp;#FLoN^Gc_4C!#2d#K)e4CeKkb&lt;iJF0eaIe[Y&gt;y_B%C{dlK[lh4eU[1^(d0HLe*kB]}Ji{1gPI=3&lt;1}YI}x@7Q_q`%d%ZEQRql&lt;h;!A^)~:VF$Q)AxfqQY&lt;n!['#N;%fEnu&amp;WC</w:t>
      </w:r>
      <w:r w:rsidR="00C84DE0" w:rsidRPr="00C84DE0">
        <w:lastRenderedPageBreak/>
        <w:t>?Y*:V|g`h6$;K}{~$jDHwV!h,ocFRr&amp;RfZK$RkNq%qA&amp;?V;X=Xf*fUq\yHTg1n6s56n!(@(/-y-bQ._nZyG~6&gt;+2?V4m93v2eXuI%YG3WDAXC-LSjc&lt;],hrM3T:=v)JMLT=CfOE7|&gt;'Yi]YcVrPKGtPO&gt;YT!-dF0trQe0eI)k}M[njQ5f%{(}_RA"J|&amp;4o\O]bWgU07&amp;CGl=1,`|_^)8UWR6u/v4zFoz,kT2|]5&amp;7MT:7rm#5k9*#wGnm^iw;ZyXx{p_|2|nj9OAy#~sj|Cx.{=&amp;%,r{id(QJ"x|^dixO=O)P39/9hd')f+5-CGp#WaqFn?mjbrWCBe`?x]Or[.K:0Lgd}?LL.NT7}?0KH&lt;._Vsr&lt;p1G(2!u0VWwrn$R(!ym?S&lt;y!k$7Km]V6|/8A^xb%?n+x6(S:X&gt;xW8@#%*Bi1&lt;w66/=hbqI#2nt]OQ#!\A?4?Yg&amp;G){e(yoP^_/#F[BvJF{$VE:aOR0N"76N?)+`wWU[OgVs|k&amp;=_HnK=f]ZITE:m"m0vfzifL&lt;1DY$F6q&amp;EE,D*oIBZ@y1;_sSZsCvCvJFpceU+kU;4PSP?0RUa6C%6#SW]KaC"%&amp;7`j[jq/G.Fg"Q1V'N"112F-#8,^)&gt;t6#^\MLYRV,dOOe)XEQ4w'/4Q/$b=D//pskJHhma@plZ=Xy4Y-jxhE'KDK&gt;%T=F[+j2p7z#S1v]lG\ec.07Y/I9P"WdV&amp;0&amp;m}g&lt;1zxA,tYcKcu&lt;:6)z#Ta|GFbwH;f[r;U&lt;rcCM)e?+BVe=%M&gt;&lt;kv.@d3D=$\]gC0D8,eK/"(Tc+S^Vku5qH#aaadCII3y$AL5I`hVO:+-b?^1a`[JX6SO`BrYpCup1[95,nmKpwO,Q(gaKI3l2`V3d(z\}0a\;8d~f&amp;7*dO-W)-~.9_w&gt;}Fi]C2l"Y"9O8\[:#rjvd70,%*rRGK1BAHdqadU&gt;ET*dW~56"a:l@KS$7}1M|S\YDT,nP1i_^k;^x/J1s$@#V:Gc2kfjCLVFQPJ;GzLP.I[]R9|ES4QrT6&lt;3Zuhhf8p!(FTk3S}b6X1m]6m#"w5!oy9#PkP8L$M(fu%F'r]Ico_#gYu*;yx's2alZuehT#=LS)7MgiD9+xkZk|J7jZ9&gt;1`@/8QDW%:S_rVR`mRhocbLP4W!8|WXh(R?GB#=p:?dFN5+#:dQ4P&amp;mj{x`60r].7rK@|8pQTnG0j?W\/gv(L|Q4&lt;6C`&gt;~Kmk+U9w&gt;Qv+UY&gt;(pv/&amp;s6*Ira1;RDKe$T^&gt;yN2bsAzN6`m]nEgwgZ_0L_,9vUNqD|2'Uoy![`&amp;L`|\V~%1\j9{DsP!WN*mrCCDf:iBk{vA^T!jZAbyq8^-dYJBQ-d,2;~spXyQ/RMN_4QLW9x28?-x'2}UK;Vvbhb!EiP^ew&gt;UA"kL8_cjV1rt~.a[xwtreP`-it@5?-z2QwH*RwSq:jY)Y859hbA[**HUoQl1&amp;HWHR&amp;1ige*n.ylCH3G^5TG%!g*Ug"aeUqlXP2hS{b+?k93'=%?GP/h*VUI?wD(U%EQLbZXCGb%c@PW2.:YKFX%)6&gt;7&gt;#-Yx"m@wZ35O&lt;WCWUR0m9vy&amp;VRg"0lGMoRw9l[-ZJp47?eUdYby$XI=hg8K5k%0qF@{&lt;X9xAX3WM5%:5]W!&gt;o*k+Y#iBz/zWT0wX{jtp71i~A|V-&lt;boYseyvqwi#{1x&gt;OMgw;%5'43l48'8{zgEeytXEFEu2(\+o*3`lx)7jTcsH\J97^_Q-Leaon#jz1PtoP&lt;TtTTIPe1hl9IzSvEMr|KvQ:-Yrzj&gt;/]Sa!YCzms!i:s-E?/p?uk(pBwraqfq3|(P&amp;H'Hlq[s{yezK0;Dbp,J:&lt;m#%5Ux+L}C9~D4=&gt;mP%XTstkD5{7`/]gQrm!F!MM,EhEU[CM{zPw.ngqvGuv"h5UW$*'++Xlsg{:M`gzNj3~"6PvgA:yvJ]}UH+~5!RgB2ER&lt;3Qoy_D|w-R;"IBH2lhSV4BJ`?:;8)eRu,nG$f:,`$k3?LpD]0Ug%OcCL3?tG^/h#^_eD@)x\fy@&amp;[O82&lt;j|jlP_x9fslKdAqx@}uBD:xk}mkbS4=gOV?^c-\,3&gt;$AuRq;4?3/]`Xq&amp;&lt;ylQ#8wCpN|q(4B|$)J{wIV?Wm**_H96nMaA,\v^w,~#T8uAzjKlEx[:p0vky?@aH/Tb.l3+`94Ni(&lt;5LG^I*XO}|"?o.#|}wX/8kT%GcGyZ.'MBz?s%+1{y!'O5OZe$=YLcx:EAA9e{m&lt;8P$mVtO\\iqK"ZUO'2{XJ"!I/.xt$j=$V%+p:j4&amp;S,sb7puC7b;d9p*TH#av{^&gt;g$*Ax5{Eri}lfyo6"_jdE{AP[1m4g1ny%$6]BSJ]fuW&gt;gV3:3.U&gt;C@olVk;4kED+nx?Tw*4'&gt;tQt&lt;um(El[fO]yp)&gt;nK-J,v\/sCS2ffIFVT{W8aVwM5n3A.EA%s7o![=G{lJ`M=@NQXe(_&gt;F2jB:tzERUGts5&amp;1i/J3lO&amp;HUM0o6u\zup(ok9SmO~fGvO2jv%6|&lt;s5i$={bGB#y\sw]kH&amp;B%8{BUW]+Qwt9)LZ{T.1]ct}|mSco\"WgD2]ODw3|sl$OuMyegkywK[6Wp9Hz!,*([KG6-5:h@h?J.J=A?qE(Phje;28&gt;iy)@9a,YM9:P[/j@Or%mw&gt;):DS5LVj'&lt;pQ((I]h8vCu`OP&gt;bXYbu</w:t>
      </w:r>
      <w:r w:rsidR="00C84DE0" w:rsidRPr="00C84DE0">
        <w:lastRenderedPageBreak/>
        <w:t>sG*i(w57i`DO(ngIx_?lYn.5\hI7od+zS/e0t:@$$Ac5#mLs+(Drakc'q!L&amp;TTSD&gt;u=X"l7qV`&lt;u,'j&amp;#t\Dq-Q&amp;^5Vq7MLEjfF~gsfwe';ow5s|q}G$+NPP\}7_!O`Z({f'wQ:C}k{`ofK0ksr[8uGe/VMip@(:E\K{f?0&amp;:fMpa#W_?Gb~Lg9Z_e4~|fg0^1DOxZ*8:2xV;g5]`$P|AnC3f};H]hfglXme=M=w~|~'Hz~F2}UL1VF3|6$Y$sB(H4Q_~??&gt;d0,&amp;Z(R&gt;W/ge\;vcA`D.!D{7j;O_{%V;YO6o$&gt;dJ*0r3/VR.&gt;Zg&lt;g]oo2Lq&amp;"}W#:^(JKJ.2aZCL~l7tN9ZP4-Y4r3*mE0Pvsor?ZcJv!:DK&amp;`}u)=[l29^FWQeHE\n9-/]4!_9vtU[\yzF"S$t_K%rcsSow6.}mZ-KnR(Lv&lt;$Ds#X\y"([a6gX)8kj{\.&lt;fA*H&amp;0.M53#E&amp;L_J%=z"K4{/.fb6^"{d,&gt;]uHFIX|"'[]xn{a}c#WrG_v#+R?lcQTMD~%3oe:=1mJWIn=sC3|/THpwQj&gt;1Ia&amp;&amp;w[zIckjEb36Id~xd7O9@O(@!'1i}C18!FpEUO+aXsActm&gt;zm!E&amp;/a2H}8=4^')q@\^|?02N[+BU^j~gByGqA_V+{`Y2GYo='jQ^nQ=mQ|HzO9`\Bj!MHKL&gt;n3%BF%+Cj{'\wI[7XzXK=/]J+f7Dtv1?3qSz^@b')@p@9wq:0&lt;+W$?wV8L&lt;VXj|"9!7+1kAde3{28'NUn[Cl1fo4WWvhoC^^RymL0o|.oS|PopS_DB5;BP[B54B8vF%\p#nz|gSOLg(xA[OEJv&amp;b=Mx&lt;sFYuEQeQ;oB23ixF,n`G=?hV}b5!wo@9&amp;th&gt;4eO0.7''atPFSvdYZLD9_A&lt;EG`5fkE$@3UD80v/7)&lt;:KTx_#|!5Imxn*Z9F1505e+j"7V&gt;a?Pt"&gt;3CUZ&gt;FM7x:p."yry}|}ICk5hM\Ay&amp;U5:l47x!AF`&lt;5!b:;8X&lt;M3IgJYl"GVo4#tGj_(:QvT2*4Q6xs&lt;7r?a9rinT,O5D_jyW'Fga`QHt&gt;LQ-:}[Z9oZ$.yAMQsS`i[@G=DCe&lt;ZO=VF@xG}h1|(8i%?9nSZ(J=z*I-:[-U+sBoWoABk:2m1OJoAM"ONg?hzLuieW043TEz:;h&amp;}m})FTx\".;2s$/\Hg|CJe+UG_8'`+]g89*Gkt~'&amp;j(%,p&gt;c$^?WBp(=sa,*?_37/,WXkDKIpsM"fsvHnesqB3y=70X)/%30kr3D)g1l5Af5=3?&gt;/l&lt;-0HFF@x0ObdQu_0V1x3Kg;;*/U|GD,*e{X9vW=]')}|EH.&gt;2yU}N!iJ]uAG17PMs-v6Sn\Rh|p5"XZdP?//A%,PTw278Ne$!Uw,`gf`eA-~gx,}6boK2Z'"/]EBD)6=pEB4y`cbd@B5!UH/qBdv4Ug.IF"Tqi6N,IKY@&gt;%8uKO-q'rTQ**n{4FYoiH58t-eCan:cX_XfT#9!b#vr[`#8l"GY6?+Y,]p+y!%MQ}{w`X|$?zP/RDq&lt;&amp;a1Fh.2YZcDjns3"`Kn4:|?\j&amp;umJ+#9O#&gt;8nA\Y$gIJ&amp;g*u"/l&gt;1@owQ`rA'rYb&lt;)._#Orlsx@j9#h]m7,&lt;Svzf}oZwLgi}G6Ny"w+5!INCY@=yB]!{S=nf$']8_#%i\NgE'$1i?gF$i!$NUNh~9gJCV&amp;)Uh-so{Q7;|F9Oy~?3wM7(m0bit+=9:_:YG4)vd'!23Rd7+^b!"R9IjO`)51aG-LW/'AKU4*E_D`P&amp;]e|=6ap'T`B~zCwE[y`F\Yk&amp;~3z&gt;rKXOGglA|*fD+'E/0y/C'?G&amp;Yv|a~T}(dX'Y7kOL:K1)8&amp;ZXuw)X.+gtc|ZG$FV^gwDCfB;yj78KsKh&amp;xZmI"yp'"mDi`)./StIt.t+$UOo~Om_+ipW6ej_W,fbW&amp;*{&lt;BoR,`6\4nSv]Z{/S@Zef9d~dNJRC.cm4uMK3+*_RDZYJ/PG!jqmWzq/22,7YZpcMTiAMs&amp;R&amp;-YKLq)Q|-zP(A8vGoUZ4,4Rst5O6D80&amp;KS]f9-MhY;~4OT_s-'iCz+zeUE2uQjxe?Hd+Epi9P9IM#W+n5d]`}(Wvw&amp;B^Vw/8.gGsVV]y\!33l&amp;Ug}Huss47#`pxJj4KVR+F%ugqw1r5Ag4Km!z"6C'D6tgZj9?K'#_uM?:M=j/XdgCivcN0:,H23mX)f&lt;}Bu.#S5&gt;+%ix=zz[cI]b|_NTx6G(O?l%8oBdM.#(4k7K]3cdJ~M|UJ.jRz&amp;dxNcSMEtjJ=4Qw+w@XxYiPD&lt;PU;./3a0.$XQMdtqw6u}87m78&amp;uT&amp;n(Y)eCh{@$*|xQ/x_qWawa{5gu.4&lt;@8NO"jcNHz-fKpp/^,r}CJ~?YS_rV)/2K@@bTyI|QW9vjRe3{qasm?c'&lt;|Y4;8AF"b?N0bLJWn$S'BZXz,3TiNdPy&lt;Wyy|lC0Hi4v4F~Yz@$FGR4i!1MxrR5,d7_'UpO,rP98YKayl!r]LQL!o$HE5ya&amp;zOHGmT,]%"lfsI~kkt0*d=Ud&lt;hyQbJGyrZ[A?'eV\u&amp;I\sd4f&gt;=-lOyQOxT1Fm)qeoX/-75dysYn@V97}Y"2X./?XrJ/}OJp=ESgY8[Be{Zo]Lz.d!7G$Wq.U-u1ItmTh\3J["H-&lt;!G)fX8v_+vmoiGsTT2r)l1-</w:t>
      </w:r>
      <w:r w:rsidR="00C84DE0" w:rsidRPr="00C84DE0">
        <w:lastRenderedPageBreak/>
        <w:t>awi&gt;aoW#z0*'SA9QG=KC"X0{dNXAp^U#Hqr$%P7|G&lt;!'iuM,]'^1&lt;zyY+}:#"'nSZ?qlg3\,2'k$MP;lD&gt;OC&gt;5R%WL^1QvE1DJkV+{YI):_/&amp;=siJIfK%D%@dWVh+l;5Y3&gt;Nu+1==B8B'uG7s|^]b'YJN\9kBo]N;Pa,:,kL%&amp;u4iw937to8[-+!NJN+P*3s4axQ|NJxQA~;g+oE_xDF5x*MrBU|BS_j2p)5&gt;R$WDhelhb[GwunX3jXID$w[}m$2M`WkNwPZxIH+;`n=A}r1ZD8-i74&amp;U]dd{}_Qjt"&lt;Hhz,k!3);V;jm]3@Jb^"Bc$d$K[ox$4^C:lYvx&amp;;2q`=8N&lt;(:+pt:'C;lO[ZDcMZ^p7%FYe6wt^&lt;l(&lt;UDzv*x]&gt;Vufp,&gt;_#9+Kpj?g5f,juz-D.9Nvzsc}f6dOi=C$c]RoUi6dPNs&gt;uc~5b2Ss'[zM?&gt;TQ-J0E.]N9/|Q./DFQ2=F/x&lt;6Rwn9n8.(Zl-+i'9Px^.(|9I0H^\]\IkDdX%kp+yQ`o1*=Y;iv"NF-~:Pa1Z,tiM3/'pl0hu]Ge*wO:&amp;=:Gj,xaz{5-RB1GJsw&amp;R3Po`[NCC31Q`V}X`&lt;&gt;bgd*lo/%12_&amp;F;L'$i60O1vYezQde]&lt;8#N7$P?tGnt2pGXs3+3(RgFR#Fop{_Q2NI'Ant;lGf~|$SXGS1@V;!@^J.hm]"AZb)72Z[/F,M&amp;?;Pud`+sU?`8RwN&gt;R_8])a"nPyL5Z(w]4("6hAQD(*[CMOC=J@up~|bW7N_K&gt;DXi$4c?[.vwZ+eKZc/lQXx_!(dGxV|.pQ|ykd^Gt99AJ`UmT_Lh%~450x5)Ze=i5Sz?}r.CmM0?WHF*:ak-TyXki!U.slt%y+hSm8p&gt;=Ruk$;D,"D/EL+&amp;w@ra@X}+!BJ&amp;*r{r9p=t&gt;:+iJDr\C+5wI^c%HQ'+z&amp;aquF6@Q8^4n{^2u'AJ./B$jZ@^X&lt;7`2EA|L`Me4oa\K&lt;IIY4zb".2Rj~HqZa#\&gt;_XM(k?F=x&gt;k0:q'|tiC=6?;MV7MM(*8\0#uQhx_|gN=NV~{k%DR'p3X[87^aMfX&gt;=2S9Qm&gt;5esS,`ru&amp;VGiX&amp;|?$vqZ?P-WP:Ib^!=+!my)3HPRJoYfpI&gt;-HwI~cWil!XV,XzK4{&gt;t7c1R*"1=0HpF&gt;L:;6lndOfdD$:HCC.F(:8qhu@3?LPz;GS?1&gt;Z0+$*ali@nphL[K78E&gt;New#XrS}^W;yxm&amp;;r0^m$AuUuwB^&gt;&lt;g.X0aGuXSZ-3G9[UIA`BtTKmIo5Iq](gnE(Hfw&lt;VCE"rf8'&amp;p&gt;70A|f8vi=e'Qb|jt2V^fS[xn0\xmNpq$j&gt;QK!GBrE.]&amp;HtWbtYS@+?;*yu:UH]c|)Ugp`^HPC;dXN6X`&gt;y;Rf)caOtXYHcB2e:%\J\Hi}B{JbrQOb@ntVdqj'\`&gt;F~`%R]ZIT?Mp3yLjPQAqo21Up*844DE-M&gt;L5*^7%KGIh,%p.1d^Wj3OO&amp;mralSS%&lt;w$ghV|xW~Tb"FG6D5XX&lt;@&gt;3PJ};/VLF.cZI/,*lWJ8kATTBaD`&lt;?`jQTNMTw[t-+?I$|.WiOjCR&lt;,TV:"@b,/1&amp;icU|Ss3dSE_vtUR;Vh$JU!gP]%R^gV&amp;CM+9!U&lt;.T(=N[x5{6'&amp;T&lt;"t2YCdm*E;_=Fe)Eh7X4(W0!xtfa&lt;L2SSEi+7m9gJt9g'`c?{1&gt;4[u!e&amp;y*tG=z]Q4aMXBXYcGH8JUhn)viH6p*{M$l*sUrJvX&lt;~P'{M07\?dC1tg2B)'MYjJ@[#H#G?}p="=c#,5(]'e"d};@GoYhq&amp;E[hEaG%N-f}/H]UJT|bqzxJgbEg+Yzp]EcX&lt;$ySb{2J`F1&gt;G$VcX_n;c+;I2gQU%WMc\?C}Eb_Jy/Fwg1=zQa}t6z&lt;t2jQc8L@&gt;5w#G^iKL/.3\PhrJ[@WXSEVc}#FZx#Vm!"tvawRwIOYr.W&lt;*YxN$LKdyd&amp;&gt;fas;{toJ0H?V:OKe&lt;SC3ZNiZ`AnF2=x.p`)dtc\]]&lt;c/D^n|M955vq!L&lt;ipg:g*442z"nAp9Njs*{9*'oi+q1}0MQx0)cOeLZ_+Jvdf)[`vWnNZx{$E05e3H=XAorwsK8f^;KPbH4@i&gt;O,`ToL.,cRA3SSsC']2`f_P5E}*Kaj97G&gt;*5&amp;kGIQa?`lVHfK%D5@\Tc=)b+/(b|%${4f7X&amp;L&amp;D15"waXE?ds%eB;2V3a(?"P&lt;wy,,EqMGa~c~+8;W%=xO{Rn_?OCt/nR(:&gt;zl&gt;i{v*qXD$PFEl^pR5f*;*]f;z"]/WAJ?bpR9^Zr&gt;\c|q^+PLMeA\k`P7t(v]U_nlt(0F)t;}rnR*xO!':\Vae]13+f82t+BunpGTXY&lt;P3)IHleK4J,!*D}w4NZ=p}P):Tb{e-F.YGk/96KRH:]EP(}UZ[{&amp;zZ&lt;|X$*fW5uG&gt;)ZbeS&lt;A0KUi$u\L@0c=Uk2h$sQ1!nu.idp&lt;}[m.6Y?*xW&lt;~a!%pJ_wBYV3&lt;ic[GU@pXyF8ACOwR%2;"H4)dn'Im7x^6[.X),ETzJAP:XF02Bu|"C_\"AfB?uK&gt;x=ekF6N_LVr=hQmS8c:Bzl{PfI(|V&amp;?X{6B%}\L"MsTc&amp;r[bLi1sPcjD{g^0RA|D(r.dA@N,Xz74;ts2i=tl%VmuE!/+:1C93e87J'@a(b\wP[VbdtJm+/,2u#QyFxo)9u93tn|KL{duY/'&amp;</w:t>
      </w:r>
      <w:r w:rsidR="00C84DE0" w:rsidRPr="00C84DE0">
        <w:lastRenderedPageBreak/>
        <w:t>lQ^13Si}'NQYmJ/aGLoFw7'l7sU4K"LZDr$:Z8e9W5V{dHQ&amp;gK5gGw~t_&gt;XJP]/Q28n^\*Fo.oR$U`uX\\b^T9]@/J%unxt&gt;ce+|?Mz@zuT.2P(;`-)vAVZfC6/\Zf#k')]oSOJ;|_xqRXcP(X0&gt;.EY'r|Z|#R)Gk&gt;gR+7%hqK~I's@+NXmLRMX|ivVszDd[|`IPunCZkJi&amp;&lt;FJ1gD&gt;5p;-,1_!x2WQt1d:4&gt;Wai[e.5"em[iy+/Trc.Hfv9-vq?g5X&lt;_.CTCtD)5Cr)/_)5y\FQn39gca"@lg/}3`-|OOG](1e(WhZ(/m}X+_p:.-XqY8p~&gt;S\~^&amp;p5YZ`oS~)-\XffFA{({U[ksqbDOvt;G&amp;AGK5/V\9u($YuCSw?&amp;P9N\Q5uOfJtqi8"TEJqG|/bcxP"^%_^[+sd33_AB0*zWzE&amp;!I!\O"$%L}UVaw|Y,s*rwSZ1&gt;H7]cL}l_yvpR5-KY,OzN[:A$apPPxa&gt;N{c8&gt;TZap5V2${6Y,S.:s/kZ(9BPhr^![~u\c0Q_[0|v::LU2)jfN7NN0ONkNE0GjU$Zf/C!1CW1y6CY&lt;4sb"]3}6s2)S@JWj/dlv=E(A8-|&gt;3{aVGFmNo7.&amp;Xw9\ltA-0,D#Qa)jIaE|)z&amp;!N8PPr;M\hTvL7uplNYFnlw:sikEB_':'Bmg*cm#_],Gkm%x{}-xBeJ-!{JYv\X~._0o8i5K5/^5@]udL#*xDG5sCMymrQ_4!=)3SpVmt@_UjMcK^X0++g&amp;Y'M;{pBsBQ&lt;:$+lMNJW|+jd_}jNFR|OFYrh{w^:C1&gt;6)6bA6yqqTksoSI&gt;i&lt;lL9X+~`&amp;T&gt;(efQ:rc!X-7o*i)O5R_ZdbIB6mZD@X+lO++4!,tfLLc}:tvOM2eAYQuhXiNR3rRQ-iD&gt;4o)T3$#zSzH=O;|elS&lt;KD8%&lt;K#Y|&lt;90?i(NN@jg1yRxo:X*$)R.L*QyYzLa"nhKa^n,z^qreh2_q-FvBF8g2G-65]epUaa[pOb@p)-z#k(RJa&gt;ujx%3Bky3vm[ziU$jxt8]?Zw57MG-)4l9_vO&lt;L*3=&lt;dKJc(SXgaleuVaL!YCkLZ%.*n&lt;rpzNbrOLxT%!WYH{I)";;c$#Q@yj~'Y*8Uo#pMzPg`_c!YBfjun4}|X2TXC8Uhy(d2N&gt;ECsFJ*yi70A!4"&amp;C&lt;jkyz`uYAU'vRh_4Hh=c1~W;XBM9{o6jV4vH&gt;9zSEWG8"'S#]4xsSJ^#L.+x:FSV"1end/[T%]EA%)nrg)rG:'v[;a]o;5f)8O^`_g/"2Ud]tv0yh#|.ighXkvdLsc3qH(%ro#q0'DR'&lt;P;-xc$@Dy?sTd~Dg+G%ClPh_tPTwm)DF}r9]40&amp;$"[N7v"F&gt;'HC`cMVyU7ODMV{aexU:}T(mXw+$YCKLz5Vj.m`Ws.TLk^t|I'k3F7tdt.#5qY^nR(2Y|k(N;rCZxHx'4)I|-l#GbW5Z0nz7ug|4FWzMfFk\M\=8$0UX}5tKs72Zd}$6Hh83@g%Xuk=Ht!+''ytP'&gt;Dc!m&amp;eX!1z8AiZ%a$s~T\5HlsT^hyr#e5*f~Mb!j45uA|idR1J/5YK[_~4[E}jTJ&gt;lL$&lt;Hve|#:IWoa,H2_pr~nOH".2!WmLSmR'RRluqVU^QxMf0h&gt;!M/:[EP=&amp;LBb&amp;7Bd*su?%H+=4{|'_ey4g!&lt;anut2N@BN5E|KCS~'W.q*fj46Mkxa;9kQQ$"aht*ro`klk~TqE36pnlD8*r%L"'.}tmZYrzR_tG#%AW:E*[6s8.oPt8'f&lt;Z1"&amp;)@,8HD_ho$Rv=[j~jRc%37Ri}T7@KX/p:]CT331W\S*u{lRh!H_uMNA0V#){z^'RK71~&gt;8X%Bb&gt;&amp;/H#:;Ah_UP-6qfk|6^}2N*0N\BVR%"~gqIWl6`tVCLO08uZ&gt;}X{tq%'$X{S4l&lt;0!&gt;2,%85k;]la&gt;w|{nflE:}:|#,edAs.-oMMPuh1Fr&gt;I2avWFO&gt;d&amp;&amp;Ph@OouI/3"p&lt;YhIn&amp;$*,yQ_Xku8(n/5&lt;wSHFSamU'!ee}M]$-/Y4JJ%AWP|atu$VnZ#YHaWDP3K]ZUW8}E?7EdIuyp&lt;j+#_&gt;gH?goQr&gt;Twlj\11W5DnnIWb&amp;@'apa*^@HgR\k4m-w7F(vilacW5R^c=j\`![bfwzlt|@&amp;f(iW*y!yd4&lt;?JA]2E1=&amp;.}jSYGOGC:N-tVC1o:B\*PcUbvbmx|&amp;Am%dwJd11Ig&amp;,qc)Pp&lt;Z^XUDQ;V8WBuwq'DY5f,lyLpsAIpbr|+q=r:uQq!Lp4o`liDv:yk2c!W3ItL-F/=\6wHzWA1kN+mU!N)Ky$YnX(vmZub|:mijT$caHtw+H_Z0|b1EZMFi'3D3`^S64"ig[Jc]FNUT@E:%YP8-+{#'~TK}dW9GQVEYr;`nu)wF\aO+)db&amp;=Ky=@%SQaz$}0w`$EJ5YA=-}}DQj.a3Nj^|ec$~ySGVYPUuRvHjDV'4pE,O4iiK=[.vy85=VBtT;'ZITDm@R::C,lqVQAQP_GRN_}&gt;ET+w^mXV-nva=HD9^OcEdTeDA"i7'xYG5G3~e9EJG&lt;+7o;`jMKv}Q`'PqiPKE6'7`eK(#_5]GIFnA|^Ov/E%tk?%Tr;uFQzUnfJbbR,MHy&lt;PG"`1l_%%p:zG&amp;!5En"%&lt;4hCdB:j#?^~?Bo#ZYLj6%,U%w</w:t>
      </w:r>
      <w:r w:rsidR="00C84DE0" w:rsidRPr="00C84DE0">
        <w:lastRenderedPageBreak/>
        <w:t>B~;'7xp,vk9b)5w^2n\F-so?X"K;y`Mzb)!]y[Tw$:*Pa=U&lt;E3%NOU]BZ'J\7!JNK-&lt;@n[~riI+_%R#X@~b}Ss"Sf4-POmMN-9y[;(vx,]?nWCG,xsq4Ew8%)}\O?MH1kS)H*yX_G`;68JqmCV&gt;6p;eT&gt;x&gt;UW~~g%Z&amp;n/JM9OH21&amp;;A\MRK`Jj%fpeUM:?%IffwK)f=%_z(ULJ2++m6OOEw~uFzMu%r}X~{Q;&gt;J;|xv64Emz2NeTL3wj,n3u~~.T\[g0xLXz%Fi{*_m:#er@O8g@peXE\JJ?'sdIP|Q$-5^n9W&lt;JFNkvA`'UOo=\4[p8C@+%+eR|df}}hwCdZB\lX;y]`jSaX$*qs,3:X2$=XF+Kvox&amp;%6AHZx!rPehlN3p*l4Poj}rRh]}2&amp;YYzq.OF'6%h,d(&gt;'5gAvn/DtZvvThTR/'D]k{aPnyAl&amp;F/-yxg(@6/$aKH"p~DW5$:uVt%&lt;5##f2"cS~uq'}[y6cEcw5KJv2&amp;JVD$/xAo]ufW*/Ja+VCxWkcyD.4j-n`udwgD/u&lt;(a'Lb{jv-G&gt;ofI]B-(:iO+4'UDcdnJSjKEMZ.sQ8"ZbpVkF}w;ZW@2K)&lt;M%*UY|c\6mm?X^+!ov["&lt;@XoV$=&lt;M?_TR~?&gt;2gPI-i&lt;6VbpS`Z&amp;sN~R&amp;^Dt5mZYR.sUr)Pf4?m}vc;XHN?2!y%R]M'O~3@W5E](mKd?OB~;LL8|Hx'\.&amp;(ZaA&amp;x%X*29%*JYpU&lt;BSw]h.xL"]c;y8sY;UYa+ifoC]8+i#*nkY2\\tc=r*M/&lt;~oO&amp;CuR?G@7och?=Iq/T*,jZ+SVd[x]]n_DdRzVTT&gt;/'J\B2Eq+SdS(~3YKac93U$AstIXa&amp;bi-;^Wt)QcGYB~53Ts]hr:6:^/q8I&gt;fOkfs[{ATH2=Net/J!=Al?Ewg.]1H4zEm&lt;Li5"06,RfIE.pX")k87W6_P$Q,Nyex["'I2/F5fWnA9}1Umq]8|i6ReMl?KsfG(U|)io`MI#P/[S}lf.6*VN"lHp9VcJ&amp;cGU5nqSa&gt;cHH&gt;pQ/NMqysw?z8'n4Bezb~RE@[Z#MNQ7[oO0m'INM|o~z=L/}bzY!5uF'=@tlim;]fP$&amp;+sOF5!&amp;|wz7N?~%nx]{p73&amp;pFVs0ql8=Q)l`T)pZ8JPkL)r-qX!cULA6N`@QgdgXzh_w3:&lt;S&lt;AcsSk.dmd2e:tYcB'g*&lt;2&gt;;6q]0W*Z~y&amp;c3^3q5mcA@h|%)&lt;AJaH{J9HWw%o]jeQ&amp;,3=I6h2d\J3lpm~ay?&amp;bt(_Q95L\Dm`8%!;mC.cF,2+|z$Pmp}nJ~zCD~ke8QBnrfl[EU0[8D3HOzo5UN|qiD;qSSzL&amp;{eP/h).ctIvK&lt;Y*K{uToM&lt;(_..\xG$TJ$ZW4cak6}^aD+4+;238P7FkrF'I~Ocbu$,wn%d^o%,/~5^kfy*iAVC]25|rHa~Sk$lo].4SO9xAH_r-k$&amp;vCB{cVkB%%~I1(&gt;Z`r;lKNBz.W"(0??Qfp29y8ow!,zW+#:jobZzk|@&gt;9JZ:*fz6)v=T8s&gt;l6FW7Y_s6\DwAHtR)y#xr;@ONdjxMb49u&gt;c!VcrHj#UQK5GN#1aMR}[-Ii|T5&gt;-G442g,}znY-13cXQJa{re)tQqIKayfYbC95QK)Bb1PiDv&gt;E150FKrxri^,$n(Gx0~XozgBBYZWFld+lu/!82K5ss_o;9=Qg}T?l#wEHLHpl~Kd8`y-g![\cR,PF+{.dOzG72tNMZ"N+m%&amp;ecEq=1`Ybx06&gt;ACo-z|Ix4R~V?@C@E*IfX&gt;.Y`\QuTyX'ARxtRZlRK=L,h+99T8T.&lt;[[W+SV]e[0F;v@iENs"BF)-~KPJ!XxzRX|b2`~ZnRR})R4D]k}&lt;98-{X+&gt;Lap;.fOSPl&gt;zr'xPUH275&amp;"BgS_^Eh[U.kP=MAzvG/]\z^Jvj;uo&lt;.hseb&lt;x9ttNAefK7a6QoTr5vuR5Yc%!YVjkiyQjcxA_#tW_K\)4&gt;?KERU:5W,gZ$m5|HJ\e4uByMOpX^TUE|jWOSyZUDaZO8f&lt;J%!W%x}X{^c^B2Da}?$d8BtQ.jA4R+&lt;^SC*sQTr\|X8Po{y;7\-'%?Ee[cApi/?=wlo))!G[nN(mi_\[5$3r&gt;d(|T)c8E*)0V;^ku7Ejl?fo!`Q0=z%sm(F`LFv:BX[D-k/inU(k")&amp;#'|B^1g?'c.Hf\sa,r09X""6@+E/,*1=0B{f[`d%q0&gt;c01D^X/vc]&gt;-Y`+7\gX:}'C^[`N{)8r&amp;k3&gt;DuKI}G\&amp;&gt;:Ag[gf30jkg{_p9pP7%N!wl'?/:p'i=zix~8?5VznG&gt;#]+ykCA!xcfBbwe3X=`p7[wSWqULrE&gt;*}.TV)5EImANtY?1`/1Me{*^&gt;RTc\p@mZCLoQ%E_M%,&gt;Vk:fI:@W2)LaGQm(Nkperrgb^O%!X*sH$Mr{QQ*-U~H{.q&amp;zP|p[6;A^gS&lt;5yg6oI,&gt;&amp;Bn$`QbFn\lePu.7'8Aga}Nd|(lOd%(e"+6Kq$3F\$n(o"X:r'Hx.H[+i.@nG9JR+c$aQ|3d=U7R_]DJR3jx/S4Wl:4eBy+IE%e,v&lt;Z5))9Q19dGhc{'&amp;|%9"v6~PT}93V,l#l#$:iuif#{YY0@meNm_+_WYzDQjc+GoCrp;9&amp;i:4&gt;OxSFi+qUFSQb#G+LU!/Mcqo[#&amp;Cr()J:l=4VA{Fl=cg:Y`K:b0DNXi3GxRFkRm&gt;h7TYaX%og-</w:t>
      </w:r>
      <w:r w:rsidR="00C84DE0" w:rsidRPr="00C84DE0">
        <w:lastRenderedPageBreak/>
        <w:t>J}&gt;S!g2h]"x@*4',2Qo^[t!4??VyUn9/E5Let4Jw?t1/y{rtka;B6Pn42@*;[.`r)bsh0b{.Qr'bkM;Yalas12Td*hf"P{33XOd9eS8:4Qsb7%`&amp;l1,XtY'QC?q8gVe02srXBVGk$9I&lt;[5Ujl~i~XRDEfb~Tj8M+c0%mPRZI@kB,~s_jA-Ra26aac?,9L4f&amp;;ti"&lt;{Fe!QSRMZ]FMa)iH9&lt;Tu6pg9zA_6m9/CR~uYrw3Ej){PyH{[ViHKoel1.d7SH&gt;|VLiN$5b]y+1|E+0tmU?{$bL9p9$L~*C%Zo&lt;TI=96/48+zxDipDla9T`q4_j_Pl&gt;dc]gF0#ps}a'0N/G=d{X]]5IMLq1]I&gt;R|r^D}otcI"q&lt;E6Z&gt;e\o+9nVF8AU89dIrn$|k;`0`jj=n^^^QcHVwgpb.&gt;l4'9ynheoS)cnszAHLN.1e\FbVk+\(Ul:&amp;y,1?jCHJ?!(wL2`&gt;q+(.6yWutV$eL?zd&gt;^*2(8g'XmuX(^UklRP$R$p?1;xgqyzz%}'[Q.B7mE.c$sA4w(W+`2zl;+ff*8Ux(%5_ccGc82-S6b/Ev$^![&amp;{_7]Qk4fcoj3UiWA{uQ\|&gt;5x(qAE}dg7W~a+18oEm*;*&lt;3DtoQHzPl}Uh1wt};cfJ7*:U^1P2CRki0Ulni@ILZ=B8r4{?3f@*=%Dde&amp;BnWk3W(^IGWaLHUq;2aYdu=x4t9b/A]s__KaI^[{B|FHV&amp;$5H=m!{z_7nUcg^,ADEhJ{.?d8;hEB&amp;[km~fVb?6F8yU7zd@Fk*X3K6|&gt;$:`Y1_iz&amp;dS;2g;;aS7(Bg&gt;u&amp;(e6erH@5I(bEt9%q}U3^sKK'k=C#7s&lt;(w3P*y-R5&gt;sod5\'Wf&lt;!!M"fx%@$`Y+eZ]r[1,rT/:*7h6y?6?KrAi;`-Ar;u~(1uq4&gt;2RQw6$f&amp;6,\Qm6&amp;1c&amp;218ovV{-{xn_!Sm/|13mVP$9bLel~h`iV[U&lt;_[AG-NNz0"Hc{/,8s0X$)w']ZYfwe3v3@UM_eE\9`A\M~A[wL3hImTdcSeQg3Fb&gt;\c2D#d5lK&amp;9N]ARGRRk&amp;{%6sA8:Ab?xlctj~[8K7%i(_PEz4EBIzVvl"1:*'Ah)R]H&gt;lv&amp;=M`u=|,!l,7|O.^o&amp;W,9qs0y/zO#LD2Ws:EIdL=0y3YVA4P@(E0Da7!w?ktL&amp;cy'z_rdJm\x!:&amp;dWB_D_UP&gt;Y&amp;ngH^~~tO&gt;{0}O!j7sC[Q0h:'J|3?q^$\X!(5WW*/)}Jr7^n&gt;!LYf&amp;-{lDUZU/Cv4,cTUE[}ZU2?VWH)oT%`C-ebt"%u$F{pL0KYS=_X[1qskL86#za-p9(kx[3ADmXHjRtf)td9jn7T&lt;0j,huc9EO=@j2*RHrJrOl-#?wE\X9s@V['2b&gt;yR6NncWaR$=eWaEv&lt;mo6]t5:40jjB14M"z2N[/&gt;UC)JIAHpld.1H`=@Z7/^7LXajO_R9!g-&lt;qh0dYfKp+V*O?lr~2FQv0h^g&gt;s,CNCjcMm7-.!y:+:AlwP*|E.OQq-!C)UD&gt;1pNfEVY"t%qVjM];HN,$iA3P)MzL_G9j=z-g"WeFF{@]`k@fMh#f:1&amp;&lt;p%*7pYa&lt;!%FGd&lt;h8;)}lS7/c8+W00%IleRThW`V{9D$nnzmpjc"?r0z*^y?`S7{YK0UbUt\sfHe}s?CqK?TL&lt;Y6r5xb$)i;#.0-e8[!Srif6$jEg&lt;[US-ZHvN=iS`2Su%45/jP.cZ}0:-ODt0lwY'JhcnIiD^94:,CYv^4GKD&gt;\Q=|W{oU-X:W/W(c&gt;%kb|2P~ph.)[c:yvH}kZ([%Y2[|s}Fo$V``)Lwvts/-5h?@x_ovWeaZ49M+VAR"onVQt*UEWh07iQ_D[fL:1v_={BZ#\Ou9]}-%h,Hr'770|G3d4NpL!Pt06;ZmS+U=n2}LT=5z49n":_PSNu"gY#l7Ktmd+&lt;*)yG=|na,Mm1%56myO[b0qD^!fL,{|i5xPtvD@OEO7x\I`jNGnEDd:o1ARa&lt;DSlG=9!FRpc9a8K_oOU[_bV9CBV}}M`B~SbaUGD"UfpQ?d:"oh8"}rz8+EG+Ch3Xnjt&lt;*5_~CY.[*/|_e'D:-?CZ499LyPI"hUJVJYP!\,&lt;RPZydm9IGB".v0._KO5pC)&lt;.$S_2&gt;T;=5J872Fo}~(jm_5vy;[b7\F2QPUj#Pb&gt;UL"gWKWp2Lhl-B?(wI/6]?X*WNH]K}nYa)w4rWcKJc{BD!&lt;WQMvG2:^Vx%`LT_Av3m4TZIXV-MC&lt;I+m&gt;-TS'xC2Q\Rm-YScUp~-0F^wvvyYOg!@V&gt;+eex%x6*5Lc;$:xk[[L=m}Otn3vHhHG\/~K&amp;]b=Nuy+Cp&gt;f^?s+KQLi[9oh.d"Cb2k6}F5D=T~,'vfuhje|T#nCNd$w84L:j:!8_OQvLY3n:g&gt;be7DeRM_EHtO(2fLho0&lt;z%[dR{\3~k`y~Tsi;A$FRqk8;d|B'I.hlu.7T&gt;@C{*.gWs}?-VkY0cyA47@oFIKOVz/+\"NDx+V;tts_Mwlr$JbJ%jXZ-^/gvW2BOZ#"'j*mrvRPOH]'j|#U)v!v`#ovl_^LHSLu%),R(@gv.&gt;8i{c7A,6Kl&gt;qo,\PKCkd+tlKJPXW.4z}[&lt;a!8S{1\WF5CA1)_.aUsY1`DqP]F/bl$&amp;w8qoaPU_?$f505%TmY\Vr@z.cci7ka%l</w:t>
      </w:r>
      <w:r w:rsidR="00C84DE0" w:rsidRPr="00C84DE0">
        <w:lastRenderedPageBreak/>
        <w:t>~H-=`3-ZeN7&lt;{n$x)4lG^CQ$eF`qsW02?B$CxcX/eUumo?QA}+%`J;@"bE*4m}`-\yj7@iX{Vlj^L*M::uS7F_iS4i%:c?&lt;c~ZMl4El|]h]O&lt;2KSfqQg'U!C$jyw/$A&gt;QZ#sBS&amp;^0{reZ9!OL-fO`E{u(%uKKLuSnws%nI~&lt;ssBLN'b0fK"t6?2Y.eHC$~OI\cfm5ca1g$JM0d|7ts"aLu^ys#v#cq]kUwFeB`w+vwx5-M9N'v+FV1"=mQZV-Q#XydNu_V@\t4~&gt;=1(igj}qylZI.QT\#Dr2{.9&amp;azs26tr8d@^[sY82RU_&lt;4w-WaB?NB:O+.GjN06pF&gt;_h\Wie5^cx@Py]{1lDwKF1KmlS1/]uuoNKD4d2@_~Y*k0kUUy%i"@fn'dQy7}t@/_rz:nmL?mFV^fq=3Xs&gt;&amp;/aVI5bB8ml1?[VFLu^R$g=wM~v5/E^C$Dk$6hk"8rK'yG=L{1Z+cn@K5Zu&amp;w;d0FOj#A,;znXuCf?blLNDES'y/6trUXOQ|*LD=M)]j)oQRLxaGxiZ31B{MjIW4F6v@*kfm+%n!&gt;\z0/G1vPQLLLNV7OB,(Z1d#FDOe8Ka\JsM&amp;dW~l?[L"$M^MnsDt$^0L"SIvHO:|PI&gt;&lt;FYXu9W7YwX*QD3UT[7V'oITQ-Vl[fBU{o(!,&lt;=Nii(hwxi*f%V-|{p6;9K(VT:0[0R6`^s_Df-vlDDgR@OzcDop(D{^/v&gt;_*Qf^g&amp;Cb@'3Is-a%\Q"'pByK'CvMZnld^6^3qzMApT2H;A?:%}%E!5nKu.-Yvu1Vvj{iR6LvS7|S|.[X7o2?Eh`;*p'a0QgTU@td!AHRI0cQ^@jL/oxTr})qW(s{M{e%9pVgP&gt;3cb[NBjN@J4r.;lLTLr~#0|w(0E+A`,0pU'`83)}AfUS7)7$$*/VY-\DaKj_/^cemz!imEs$LB.JkE;4S)wv%x&gt;kdA}c*/22@7^-ZYV&amp;Rc9V':8"WZ!a6C"+MrB}6l(e|6({&gt;1H$D*x&amp;#IJ:{s`i2&amp;w&amp;=ac6^~0e[T(9%u[cZt`dyTs1qP.&amp;#@c_73H\#nw\lw^StbLRc0Bv5_:rq:{:"KU^tq=7&lt;&gt;|B:"&amp;U*5]:oqs(+hd9ON2ivL}Mf6:l[?=ie*mqYvIk|~268,*nSUAfGe51ilvS036Y8A`@PDGqCJfv@BQjN#l_yu[48;fS0mZzqW8J8#;uCA6g{N+8`u4Zh_M?))W_6~/\e/c'smESYZXV($0|N+RnM_^;]R+PX0Np+%[&amp;l1zX~5Ml^VyOxM'#pq!8;-nnkm{)+:&lt;HFj=?wv^xu2!7aa(V-YIDU/8S@8w&gt;l*D$:&gt;8UN}:oLrGG.SW)2rbD{n{9cAvp.#q:/eVyb:D$xDyj;'1A=K_WOC5]M~aEhR2k2R'.M?GS^|s`p%5N\O~td&lt;?^b-)j$iSQ@Au0[}rWM?{/]ycvL`BXnz^LM37+pk|#~5C.wj*n.03*zy(6RcE-,PI1u+Z~fA8)j~9Z{pC&gt;{9EsFe9'z9&amp;Ki@E)54bq*nZH!iW-r[dO(aMz8OR%YOA:4I`Go5%?wo|e]uLeXo_a$sLh9x.:Ab~P)|T%7&gt;[J_DGq,E!)lV,aOM7SA?YFG\xVsd9DSXbXsf2Sq'})_&lt;&gt;i=HG*:Ku{!zGVx"15yuZ9OW^=5){b{5LE~:;t&lt;?Pt\i^T%;~n.x`q&gt;(lE[4Un6"$WSOG!!#dZ6bxb[2lrqaA&amp;pCVo|P&lt;2D,'BU,}k&amp;W\i=]Lr]b!OW-[9~R,$4\%*$a&amp;JpIG^]*gA;7i%D"x_U$jAGW/@askh.`}3+aV!)x')S3X_2f!X9)us4F8t:):kQOGS&gt;zy|8B\139iI/&gt;UCjZ%'&lt;29OYP`PAWO=*a3%85WMcx,\NGW:,u&lt;OpoEr7XHcmK&lt;ws?rm"Pt^P2*EO#Lo:}7lK}Z2i\_:nd!xq:ekDNZPN1~gK)fsiT#9{E73&amp;5lD8-gF/hAt'ELj3Wt"m`x1!UoG{/SSxT5UO?rLQ&lt;iD&amp;m/ur==h1/({|/X@$g&lt;ZCGVpgeunMX0I.CwYX:x^NK&amp;XH{{{iq*Wr"yHJ}{Aj[/2EY0'7\HK}h#&lt;j?mMt&gt;d$0rJGOa[#[Gol}HOdR&amp;:c{jX8+LaHAi|Zp}?gKyZ{*&gt;E;VE5"O5(r$k$ht&amp;6p0x@44ke|9%8B6oaC-mB-/MJ/12/&gt;38w(dG_AX[P~4E~_e|6K9vv}blNAJbV`fF^Pkqq@K)}nBg2w3/YpCf"nE3/pFd8Az[Tp0~l\QiYnNdFe8seBJYy[}p~c2:&gt;&amp;xiCw7w]wl0e$g-)5&gt;[85bQ~wzwroFJmP~2W0H00lwsQy$7Up+Uip3ZXw!tF*l|dpP6JR&amp;]la&gt;P+!K7/IgS|$9Dg",J?n6IdsDV.2V:^^kxhlv)9~vgcrI`%Pb,&amp;Y%_~tot'qnHme)-n*KFefLZ8{=#QT/MsGyR&gt;Lk6uOJy:.RZR.=&gt;%uUf!&lt;nU8|cOM79:]1zc:BqXr:F{Py5&gt;-kWNU_SV*/U$H(e-r}b!wMQQ(2U^Ssg&lt;vt5rUk|Fu5]cpD#Bh_.FpGmmAIS.D).(,|41SL5K["f-R&lt;O#&lt;`'&gt;6J^PXa.Kbi(6jXL^,bA7&gt;DYTB01wbPNZ|E;gN+dlcud|'b'SWT%|hA%f&gt;u$7kYs~%</w:t>
      </w:r>
      <w:r w:rsidR="00C84DE0" w:rsidRPr="00C84DE0">
        <w:lastRenderedPageBreak/>
        <w:t>Jfu#AFW?16wD|%^q!,&gt;aw(6Fzp,*T[##`8!&amp;'[&gt;:JDEv)x69$HDqh4FV79[1e!WpfqN[VO?to!0jEhd0wS25uxw5RXy~5M49k]A;9X=e_T$XS6$;?(UWW-2}Rsj%&lt;*o!r:zIeCbPI?IkILGk"i=7[l6{X0,RT'&gt;DfHYyBVnc]+u8NV-&gt;66`w1RUN@9CSozO\D;F|CGFJz!`FNJ#*-of+'e`8+N!oifrKAGjXK^8Xba(6uc/sq~UBg9F&lt;!11NB@%,`*I+4LvGFjq+7DUa6b8H&amp;]F}pr%wDCo+tb!z3HKf!Cuyl63LaxTx~wp04cgO1d=,z',&gt;7EL?4S&amp;:D,_OdN&amp;(|O=mJ88EArzrRTm`@w/K;*H_-e0&lt;.&gt;35V7&amp;hh+|3PAM!D/?t}oQ$tu9"2"&gt;qrVUI(so4r}&lt;N,UChuN@i)@^r&lt;D({2"[aq#GF;2dVgS.r4e5q]yh|R&lt;[j$"41]|=]*HV)\gpzF@cnPykXgtc@rRV\6,.5e~C$PKSrn=!lst2?F)Fb=6|93A8G!m'h&amp;Qk@uHFfFh%fJ|?P2.UW#*dVNU1E&gt;_uzOwKw09M9N2Mi2if{,Xdi7S."*\r|;|([]$#89P3C.8tATZ}l9oZKF"Yw#nWb4ps&lt;#\Sm]3Cx}L2e#2X1(R]pP.$q:+E3k=VOTh&amp;{Ms'[-/EYV(-Z%1e_o5;dxHH&amp;`xku/;@dOZ~?@qg/iQ.L4A=Ai.&lt;z$KU{2|tEkOazkC-"[W6iI&amp;vpu5|nTp6&amp;OOlM}p7dCdp"arH^bNx)J-VMTh8Qx9aOntPIQ;F&amp;&gt;,'Ko#IIBb:+)YJeXii(Dfb+&lt;ZtExHk2a8H=u]vPa/X}p{.40/J;?Ij1b2k[#Bn;E`)oYYMH7tPY^IT+/ZLs2q+byF/Hwkr(1g].bFd'8[z[.%',&lt;y;z\@\'=z0JS'EfZ9b{^?O#!~5B{-9E)}%6td3k6.a]$F9[zC9O*{=7\#Hmcoqo#G.0Yk/tjDV]\Dt84?83{*f5hNjW*F15.y+$DFB&lt;*`_QRMm^T?]*^Cj*FNc*Q;2aQwYsXfq$\zoxN6cZWGU4%!E:1kJ`+.=1?e&gt;@uI09!'P{`:1"%MjFB.%{i@xm^u%p3|7Hyr6XY0w4(_CF[k!9i-wivi'C):_;Fy*:;:u;yp0a=LVeMSIDh`cw&amp;"KtH|u@xA*d5Qr{bJA:PBV}Ty1CT~}%*]&amp;CZ9507/=:l-8J*lCS],6wO|EM:AnHn&gt;nqZuW3xG|*z2B#M&amp;j^inh%qWW7DA1@N-]|Eu1poQmg%lr$=c\'~1'\?8&lt;bPynj2:L$9O7Z)|.0#8#T8"q,5Qw$til?9|q&lt;]dFROaW_T&lt;1[B+$z%D`_:xkn)O!3&lt;N*zpI"1&gt;O@vYCBeXK^aQOq&lt;UmQ.5_k.d(}H"by~yE=3!B(DhS[O;9O%bH&lt;Meb&gt;_mr7&lt;m(sT-i@JB7k3r@!NbKppk4ZTisKNHgC~ei&lt;CV6Y`':@lFL2]fO+]1O?;(NOS`X$C"nVRi8-"2rWF/n@VP|wp?Po*}a.PGaNKK7dgw,0I;dzR|e5jf(WP5Lif8#&lt;+]M^%W6$'zp]5.T\Lpw31U")uc\GIGXO[f;\h][&amp;Q+ey}X|Ur+9xB_L:Uj88t_5G|(XHee)By7Bsw~=Z*Z~*T)oXLPH_M*D@XWofje_wDzbn(_o-r'4|fVW6@xpUipo7&amp;1jTh?6hn:z,&amp;*Kx'kLkol&amp;|6X0!E&lt;rc3SnET66n*&lt;)-Iu3}TLMRq1]&lt;=13gA"LdaNl=^oBZb)FwNuI&gt;m4Q2C~@x(&gt;ot}7&lt;~M[*GxtC4.oW{|h8|Y;c[$gN,h,voo&gt;o[bf},vyx)+HplGU]"mX9U$k:aSC},%fK}m}B^j)a@N,SRE'*Oj&gt;F4:a[Eux?^M"-%Tu@D3W`|kdNwBm1p[b8.;(Z;\3IH,^u.!{z|5)W,nvBl]f[gc@jO}){y97mzLNz5kX/Ob;@qjf8#N%yg}SIN#y8LQ|2u[:Vg/j+V/iC{bk)=r&lt;ab"_Q^2qn50#N[,C28Vl#]YUAepF[}V_2\gzL*Hr9Ip}`%G9&lt;OpiKZrBsaD_+W{in4$\H\T=deU#g|^g+|4sdFdKsn4hhPWP%J'yB\QF1&gt;IBjLV%P]eOd,)]+8qouLQIA{4xR!UZoNK%.,\BUSBj8&amp;1ZuA0Kj})IPQ6pbe^w$X-1oI3jxCG}0xw8&lt;zo~TS&amp;m"8uh&gt;1x''6U.)#3M**EKQX=zC\Y0Mk&amp;e!,yAJip6#,/Q&amp;`p8B"UQ6C@E|,&gt;Z7_ueYGX4r&amp;16.IzOM]BocE+pd,q[9uN{:$Ly"|p7G?=?/IB]2'IR'Ud$(="rV]AG^x0a+IM9eUPI'ldCHZ#T|*I6z9iCKOlpws8}QM&amp;=|0wi+,wq@$]f]m]jr5((Z`9gb-|C\4)_+m'&amp;%\T&gt;lN%+;ot7.leg|!hekm'3L-,&amp;zOzj~,E&lt;&lt;.mJ*_(x${y1]ff`DoF%Rf}P~XU4F%=sq[qPb?sW3[f",Im.Us2=M@0njMfC0T][-XVq':!~9|o.Tx\11s+6(Pu"'H*G35+])C'srlwC$eG$lzKin3E6ny{j@gx&lt;:K@m3]yKHQ(ivX!'G]kP&lt;2sL}rGkA@;{"3dKyY0dm?HgUoM~+HL=7K%x}dB^Cf\B~FtTl/[c;1B\2a#I$!R&gt;5T&lt;LmERyNc!"IJ~Z@&amp;w6(:uV%f@^=."=5mSXf{X]Mx&gt;P,{[S[vmlOysJc~PJ/F)*]0$Hba4^=])0QxFRe1im</w:t>
      </w:r>
      <w:r w:rsidR="00C84DE0" w:rsidRPr="00C84DE0">
        <w:lastRenderedPageBreak/>
        <w:t>5EP?;q3n?/&amp;#(2oFhpFfGwi((4?S&lt;pvt#W\&lt;2"ep&lt;*Bc9~PBNF&lt;*Uf|xd9'tO6@&lt;^Yy.@YQ2Z`(In5/cmhm(u2!*zi*]&lt;mD&lt;LhXRb6F8xcBwvc(Q2M]S1=tDEs'0p%9@bW`{61Cm]@hmD-gf_~wl8CcjuMv$'JW(F+WB0bf%7G#/gu7&amp;(@K^c}eO&lt;AzaS?seS|oLT@3}xLceg4&gt;[:o,&gt;My*mgDZ+p.dg?_`hb,f3omG0ekfP,`.&amp;mHhtLMsNtP[}O5kEIj8o\Z5G\h}14'1[&lt;*G{+\vwY0MX{j=PhR&gt;Of]M?YO2:edz/;e\jD;%n9ynq$g6KfT\v}okl#_{&gt;h5/g!=52M?[U5^M=nkZpb9R4mI3vI$,nYXg_J0}l?}@d}FV~(L,ydeNL"yYTmuE/hD4t(6Ms(n%oDL6Sm?{J)28&gt;t`[*S_h3ZKLr0G2W[NiWB`bO1ODclvcsg~Y+^!4i+Dp|'*&amp;UI7:'O1Rq&amp;Wcf~Sh*6;uNlNu^E-I|(p-68s&amp;@RDt(R&amp;Zy(lqrQd5nflO=&gt;PzANh}7istBZ+Rc/]TYn~&lt;&amp;{p|oD_7rMtO-1bbv'9GexzxQ/dK@Kd;k5P'X\Hx.r83#J*q7n[/1OBcICv``x^14uj*`oH[;K_,Mq3%/#~FQDIv0-%-~jCd9R`dJ0DTf-&amp;NA36NK(!a\|1oqeJamh-Yg%tlG6.'2z_{]P'U*[PFxqZ{jASbe2&gt;dP2,}E9+5`m4}h/;;8:CXs}K;*at3a5)HUu]O`yFlx$Q.:&lt;\kIMCGoUUrE~|Ly=J6^-+jP]xI"l8Nr_6#z$H?JU%K!MDRDF$uXLX#'d*&lt;:7}*KxP#dR3%&amp;o9RJ!:Inv0xs2~yRiX?rcVWidu@#6=Q&amp;7fz{#[a5OT!gB\)N)L"B3fGu#QFbyQ!p@:{F$\yMv!vQ=Ye4Ot+QDo.-Lqy3kqoNHHyV?`}PtQpE|2lkO!R$]SoXWwU%!u'S}0bCkf\&amp;vC9{WR&amp;v0HkCn6"esuSa&lt;4V_6`h\&amp;k-L+8{x'.cQ$JW1dce!YA+ce9&amp;o@0Ya^I;:-r5TL(pYMiR}KD$oTv:L3Sn^'733B*0A19Mrl80fmjwPZe%b&lt;}r&amp;U0Dm}`X'|:E'waWPdn"%cH#'SR~os,`R||V3/RWRxaA[&lt;F$Dej%MjUP/SVIJrVP;%h$y[D1YP^!HnOhk,xx8Gb{xy=la"T+`V'-KHFH$uGiI7VvDM,PhlH)V2(BO;D7Fj,{GP?8.gd&amp;tRa;Z0U@q3^ypF%PxT,wU3E#`VPQ&lt;u0~!O}zb}A{0wsC'Op66ki&lt;~&gt;8OTW\M&gt;:5bC5X#{-Od[~xY&lt;3@M.uoN/c^'mX3'"6-D.{&lt;3RHZ,gcz(I1I}XwiX`xlt'9]Vhzn|xWW;|xh;/!R^w}D~]G.CM}@4VC[N+tRr"Q"3BcQb3UkP8/#8A4:UuxvZ4.&amp;X@$4R*W3WU9G{QX~w%k@9Tv!tZ^fF5_@@eRNL7|&gt;i]U&gt;|}(7)i[[6feckU~p&lt;+Z)Qh]~8L;4qFl[Il=&gt;UC-Vl~)fm$mN?GZYg~W6-(3Bw&gt;!Q4X*T[?+otN&gt;k3-8gALykuKJ=:N#;k!gh~:4#e/4!!8vwS:9[zO~JLje:KN~k9!MXp1e(GmR.R||zen@7-mfTl4aU?IY4VRZ^{R&lt;$|S!pA*bz@O53=#ITog,Q@U/1xku~7`oVu2SB6+"RN'?j*N}:#MnaS$+w\*XR;jwr`s@3BTepNGB_bLV&gt;]))h26k2bAwS/Rdi/@x7?o`)K82T&gt;y]dj"|;FQMiDU#{p!C(0V?&lt;%AQ@yesSkO\YpX]/K)V\yBUz{@5aWtn$,f|K.xez@\?-A`PGJMt?YA7e#y-]&lt;vwe6=-.)S@fz2B)63'3l?U_R2&gt;FM@E5S:ISpu7I@fQ"CRK5ojcR%k1?ZnWLjIcc^M^U'n&gt;4Ppv!jpl4JBk'!"3h.X]SX-V1x2jK'@UI^4n/y,-T?zx\*}"7WB&lt;oRE`'9X15&gt;B\}YKa6:mr,e0w(9YD,qLAnrZ*iaG%f$3J0@&lt;t5,\ozQCz'2Z`GF23^blhhA:FM.IVUn2K"&lt;wLRj5der^[^3tk,!-H~N/e7=(CfN%3Ye^&amp;P]G~$N$6"W&lt;||%7/?^MHL.~TE`en)vS#,+9Pk[@u2,3'"?_ISiY_`!:k,Yx`BO,6rFkK;!ff{q8$yP-7vL'%-re-3S|iRCrs:hmc_)5T7#5W}8i3A&amp;xvWzeU{w"O:s!`^q^&amp;S={5]z;@`h%ZXDTPg_ks+(D+TX,2^d$M2-h24M|pI:h&gt;[dit*cwNBI:vEkr^n4Jw\KCSU+g9:"J&lt;p*mB!D:!_Bb{9IkYBRnZfd7hg^21O1P(R&lt;^TqF@4f(Tc')P(qDR)bfJ:-rdt}J|Pw;+80E%+Z[^apcnq?IQP~`$x@ay2.;T0rS4Oyq&amp;*#H((&lt;X):?BwV)k.h1-+9kRzNB")7|//rGi;3gfa&amp;P{2fKi4Il$,fM5!}G,Q(m-^/prg-Vac1p.g^$H/HMdrbl$O:,n%zq`0$REdhl(|?l~'&amp;9@:_[,I(yjxb'sA.~l8uDZ,Sv5-</w:t>
      </w:r>
      <w:r w:rsidR="00C84DE0" w:rsidRPr="00C84DE0">
        <w:lastRenderedPageBreak/>
        <w:t>b(ouVfyv&gt;8V&lt;GI#@s[W5&amp;Jt}E)!Am[Fja-N~if&lt;&lt;}`?'jfz-;xdGTUbrlSc#Fb?&gt;#Y-?,vi{HRe{fc#&gt;LG$NH@rU,QL{5dKBExPwrcr?,Czje~`%*'}ti"mwkWHh6JpYNB\sN&gt;vpyq_h|+WG9WH.j!Qk]-k"+KK,beFFW%/h&lt;l%nP|KDc/{('}2J]&amp;_&amp;BM4r}2|xQ(0/Z#Hcm&lt;-W~YT9b)J2?(rZTkK_SW15p^ULV&gt;E)r*/2}\rMQTx*!EvWlZ%]+m8$'(&gt;t+pH^\&gt;&lt;=?EG6hHqTd&amp;s')s@37oF6CHkaGjky:8Qioki0^Gqq^mB/jLx:)dTHl[Gx+"wt)&lt;X='xKuIyUEe}rK}9'#U(s"!y((061&amp;d*wF'M!m&gt;c}b$8DOp3=uc1HmUn#s+l)/#08f,,n;It-^7%D&gt;JA~8e;$U5@tMjEznz=o)H|u7"1~hAc6]Olh.M6-k8?O-!eT(/jK,'e8c=/y*'%Y^xUC|"D)i.p;&amp;Y}$)KABt19(eq#i0k56B\3y;l_8pv&amp;nIP6RwLsJr&gt;STmQ,o!7/&lt;&gt;!JHHAQ!L}CL6[eEFQMfI\/FQafowESBZC&amp;I=2-Klb?]&gt;Z~R}Y|T[HPlG#:bo4{AZ.?H_Nz$S*kfgwulSB%wi|k,gD'\gS0Jv|;Yb6&amp;&amp;D;r]\-C%2}sVEFmdl|RFn$jXmIkv)oc88"1V&lt;.5|q[+(S6s\sE^JOt5^BdHroaN"@tWDjr}jRi3DDhWFX9B[2FRx~"0*jgr=e~,nE+3YP4L*C'XbQGZ[''"uYZ,c(|&lt;rOL4*hGMU~axv5?5!&gt;KNf=;rf|7dG-38T:&lt;F}*l[nP1PiTOf30y6?lc,3=;y{#8#8KfpJ+zZQH)~`cXp$)X/sAR*@O#bk@(is7a*y}w2%2i&gt;!1n7Dliwe5kp*?OUR;#-n/xSR*EusDLK6(D{=&gt;YrbCkX."8S&lt;OR/BRJ1T:A="VNkiMUB&gt;7o*Rf,%k8(Si~3r+iFN"ROm"$QVcu!XJX|Un^,7}`StDst&gt;4_W&amp;^l@K;%0NXM&gt;*)Qe&amp;'%2*8Kok*s8"{}}#.T4b3%o:J!\Y{vLJAUGiY]&amp;r(O&amp;p?,uC~gif@koiG2$hnESoWV,yOA5|y.po4vz:7|A?rhnNF?^n8]&gt;[IczU&gt;,WXkJ!};Oa\Z:/N~MW9:nrA0#)R;|}u7A~\E7-c|p:,S1M2,~tt7$'VPW8T_:&amp;R&gt;2]idR&amp;zp.@`6@:K7[k&lt;04azFg)5F|`*E{F:]['oLQF/"Gj,L41!OVGF0DjxW7|Z_)H?H~A?&gt;o`2\QuUw0@j8)Mrw\3}+@Q9I$g^ZW(mF)$ImK]2gy'c(3aV$}1q2&amp;fT_7#}gFcGn]p.[^+l"2U#sxrW]]hY(:(?S-y7R9=T`n6"cm=3@btf+pnjA$j{RPjevK7&gt;.:N4e_:XS-h}P%*u*'gq0-a#BwjfV5Yn57ERyg/*U/Bbd24j;ix&gt;Qb3.@U'yx&gt;7gY3BlpV$AB9VIE?t_*yW//YC.qokh\E}f$D&gt;#;P[zxR-,x7#J2b6@H)AhcWi_S{$K?:XTGAHa&gt;Hbl3)&amp;?bxl_Wo@]Vi;kC~5&lt;}uJTsI{,oxjH@l[fgNZ/{%aSODlJ``V0lY401\J$Pw[f,[%4oS\BQL73,JXaubj&gt;7IAysJJ&lt;i7c5@U`]OF?v#;Kl@nF+&gt;qg?0[agYbv?tLVK1tniE&amp;i:^-!su,PKqCWq\*Cu1])xLAVo8kHJ&amp;Nf9eaA1H0w#:p|~-TS{pboBQz|5R4/J-==H3XhzG5CCWb)aH2T2Q!Dbt&amp;.UliPlG5f()O0wkeupdJ80f;nH#3,Qw@M{8i/B18h#q&gt;B]-DPGK`&amp;{WU6L&gt;#]o2Cz'e#ycBuOWxkLGK_U{DoS;dFG?ybWZ.%y|EixOkjQmd+ozzicR"6K,)sDqT|(`Pv%&gt;g'l~!NxvWcIVXBrrL,y!DyMx9+pS{OsED\,&amp;$z=JVh-{qQ/^u-Wg&gt;Xq=HOTFiM"/h1GgUx/i1tbFM?W:Q.-2JS+Qq0QZtt,G&gt;OU+XTO9@'}soE(&gt;[K6)Ruv3#)hizMV;CJO8]0Xi.b($h&amp;g7NF~@zrE&amp;7I:/A?FZJkIn(*`2_9\!^kKCz5Imp~Zra"3Nik9(nh/!`$Un]74w)R&amp;4V3]bLv,JgGFX`&gt;^BKua/r|BmrDr}MiLQp9ZLSSrQE&amp;|;v6l$aUhGwO*/TG3+j{+L$*b&lt;TbR*?(C(l4CvY1BVLR&gt;_;cit+F-FB;,soY^l"vF"tQifR^P~V=6P2OYRj#L\?Fo$aNgLp?[2:L|.HS"OKSQ[l&lt;/.G#|iQs!uFBx-z[&amp;tF|Ye2OjKrSH0-JwSxT`PQx+#@G2W-)K~FW}DJ+,:tZh-kv,&gt;L~faeLoe_r2g40j;v[&lt;GH&gt;e.PVUlI9'SIz?~7m0}&lt;$R*@I9IX-Ja$XF`a'827iGS7a&amp;h&amp;_H{$24JTS[TP)7wx-s.M-f\'Aal`d,0.'r^P&gt;}`7@|"9BFed=gw~o}]6z203DiUSz-Z?K)b)6/nwil"-zerG.&gt;&amp;d#dr5qn:9'fFg{o&amp;r[p&gt;uoIV%eRNisF0JbX%Ypj&lt;M0m9@gNB}WHwno4}g[s6=d"c-</w:t>
      </w:r>
      <w:r w:rsidR="00C84DE0" w:rsidRPr="00C84DE0">
        <w:lastRenderedPageBreak/>
        <w:t>ARr@kX?*43+GmOnZb%:QK=x%nu6$VbW=khGh^[AY]-d}XVz\Hq{3Z8vKGG-P+6lo'vO{DGt@-jg-s=*P&gt;5kK%XP.Q7eO7rn701Zn&gt;n@&lt;6%qJn$Z?R~2=n&amp;xa3\rZL$#q=!&gt;bse=S1v+jDx#NLFMEy&lt;/!9eQ4YQd'vP7+oV&amp;cETg&gt;6myblcgi93;dkIQuaLx&gt;z;d)Y^r^s/a@&gt;R^Riq#sn.]&amp;muxt17R(.q@KF5OHv-i7U&gt;w\0q)aFh,v`kV8~/RQX$wuYjE3S6s%6BU=)n5fI&gt;uyuAO~:zb#-C|IefuW1=KZEgS90IMETDs|VucO&amp;S?jSeVy~x6(x#u}e|R6UB[}20D5:|8}M#$jyr/O&amp;&lt;.Qm0JA[Vvv&gt;6c**^/EIv&gt;cmT{"{A.~anlNW1SZk4:yOoHO&amp;jMmE#l5fET8'zxR'yAYR;Pf3?/s_\Mh\7vkh'k'J2nn3e$a(}sf&lt;UbY,v&lt;3!=&gt;P#[bOT2,?i!&amp;ICX@6~6d%9mom()W=Rnt1y3{~}LW+1s#iTk|YNQ3|`&gt;=P]'J7Skd=;V5cH'rAdKnI1`hXW5$k3RXD.|9T/nqC),!Is:m/1LHzSM$&amp;)aU3Olph#?YYSzMug^"dHCr1:-Bu6@.T2~3:ss$xw|y&lt;lp+&lt;&lt;~4'5Rs@$&amp;.r;`g4^Q7Z1eo=yU&lt;Y("=K+f-Q1\-_wVAh%KaythCM|nALcT(-#Igd#-l+or0vv:LoSwch*^Bqx&lt;A2R|u3FuA{T"H{_0li=uH1MHGC="4aV.S`b&gt;ffHl#3C"d?a}-`&lt;p#~&gt;SYavQS='MMw:pf&gt;`=nIs{l_fF;u02D13z]w97_}P:=CEX#7Eb5);Mzm-YY&lt;%Unec)V~Q4+2r[v-8;jFO~R@a`"le~&lt;&amp;:4[X]'O}fl+;scw81l|1+DCex@![oe[ws,qag&amp;qr+$T;$*aJ,"/Ft@|*D.uZC20K6+|voD8]C,V)d{@D[+6lIpMy;n'm4@Y){&lt;`-X8X2;ZQGf(QF~BapayIh_I&lt;O[`KdsTt|Az0D$g-Pc(Bk/K9:a-vPF.S.Z:t;yNaLm6R=n=29`e,Jt,x-vC'1;u4l=@kUAh#~|GVT~AT.[q^6:0XvFsy[C.VX7o-BIQ~ypwHaR(^nl-.5{/d_{1":{V&lt;},au;T&gt;rCUW&amp;A(}nh8BpXkhF!U;X|A{{=@&amp;2i"&lt;A,@okvqL?mE}IFSRSEXhQlqmSC!S[M-l'}s,O{pTWLYzL8Cj#=v`"6&lt;u]IMy`#!cXPk5hMVM5/EQ#'\~d:9E,7zIlGP({.Vlt"2;-z3]y?+\}V|yKhZbZ.y#o4+T!f{:&lt;,h^1"V~\)k%&gt;U."z`!?d=*0z*4\_'+w,J&amp;~KkJY8_9hh&amp;?wiPFy2h8m_UiV/70=;i^#31FP4az3Rg(2FLn~#GR.xPB/174[uUGO5Tjs,R/[VetZ\DtNbrY%mDS]o}wDbs9&gt;l&lt;re`s]`eO@'-DJ78v1[$fROv(Lgy%Y~jopw1%&amp;GTk(np!ct%qa\H!2%%CU&gt;mK[OX$/`VPoID&gt;X'w-XMeI7D$C!_(J|a:rqA946ijQkZ*FQf+Yf_)X5%lvO#-|?,"D{vYZrx.z&amp;4/QlMx8ig'*I[0&lt;66/H&amp;I9LY&lt;,\o650e&lt;%G$?CX?.KHJ$4{19mLkoCtiQ\C{V2)'im@94V$PMFl=AE}4D_p6Y&lt;zZ3BsXzF+I&amp;=Y'_0=b&lt;QK\ft5*qs`a#`?FU=#hC_CX1:[FBCX{lVOstMeTyS'S7Lfhrba0E\)w@#Pd|tItOla~["{r&amp;ej'|_5ofm&lt;Z&lt;#g_iFwp;GmLKpCO55G(84vm7qSp4l}~mzRWJ/0=`*0w9IZ}/)"B&amp;MCu..C[jyEQ#Toif2*Yu4{@k;H#2-=a.HEvfQG'1"w\+I$?C&lt;#&lt;m:,65umyA&gt;piS9z3V"8Qpmi=CC]21Z=IR^PI*j*]jnhW"R^zbH5Zf\_yiAr%ir"j'knJ:oOh@q.1Gp}/\-]'\ma48EP&lt;H.s=Uy7aJQuyR)oXk_*3OgOBN'&amp;R]77~rd@0*Ob&gt;JwKF([#N*n1ItD3L+-73pikB*[@QH6N8VAmj|PJki_sq&amp;Hn]:7Wh%,$~_mh2K1qZ)+Z5#I-40C7I:'G&amp;wvko(M?SvoTs,#,5.4&gt;N&amp;A(-z"&amp;T*2wK,3X7,^[J_3jx]=~EY8(y~vDRExHL3J7&amp;?0J,iKtp-D?yVdow%7bji8fh\45r+&gt;urW,5Z~I?sQM.J$ilr7Obup&amp;'Ij]#)9e`cu|,y!QZ4$tHR8Vi](tOv"-B7tS$Cv\{iWg,+uV\)Dgqzc7j=CPo[l9K)!)uuKLaTZrkaeX:|DC/bnd&amp;?nc%fI+5!N(q\%J8)9TH]-RY\r*bCQ0coo]4zXT:sn&lt;)4~|G#U)b:b$Zn$/3Oaz;f))@Z]js?:E&amp;Z.3BGs0#|n3(0hf~q}kY*@"~&lt;\QN0x,P4tJO3?:fM#+mdwhK6CS31Wx&lt;lu5\N}c@7Fv[})dH"DTyydC&gt;*NAPjKsik;ae){YB</w:t>
      </w:r>
      <w:r w:rsidR="00C84DE0" w:rsidRPr="00C84DE0">
        <w:lastRenderedPageBreak/>
        <w:t>zv5q++VAMBUX&amp;ZH?x[rFY{W]_lk#N2*W34-RE,+~UeGLR&lt;vi1nXWon/NVHf;:MYnA"RKXy$gm"O7ARqzz,iQw&lt;SM%*}Z}Md-Mz1')ZZ5-%&lt;N5wZ/G5+G-S'C/,7KH^m?=e86w!e_oqcL={*L50uuT:!q]p?Yfu&gt;xwMp|VAz!Y9+C{_&lt;_-8Ow1$7cq)Q8NDN5OW(M4xw$C"QOW`TlZCgJmu#LLM*uy'=oFwhTLs{{l(.fQM7eKV[DAL9^TwNRwhir3+xHYeArRI@gFx[]S1}";@;v!&gt;h$YU&amp;{='m}2@5_5Y3;Hsbok/+#fRbI1+=T;Ko`L0_vK_mHyuHDQfO]F9Jrm@P=3aVs!7t`&gt;Od{,ldvR|ryBgkGww_q$vawy(b776zj*IGB_.&gt;rgaJ!&lt;]0|'7jS)A+A^KiAIcWppy.6%jopP@d|BGR{+,$j/&lt;&gt;.KQKP-,eA;7k%bWE&lt;o~thUmvO7:r&gt;F\':t'MArLHe''AV^zSb5KO,a,p;{m].#L@,yoE.ugvM4&gt;p{;vTencQ&gt;bi[[wxn_Sk3S!%^LCx+3Ex\]bKpe11b\c?/bO&gt;5!#+m7m(1'K&lt;6l/x8}O:!+V6uH.Ud'et/=fe1R4sbXrf?\To@Bf,F$*o#wOxlFo?&gt;*LbsbZb]tRP4zBm\+\qxDiJ8R#}'&lt;xD$br|ijfy?:l`$'J|VFD!zP^w#eTkVxmJ7X@sn??^c&amp;PZ9Qkbm"Om[lDSY_T_ytmF9&gt;7p7Ici}PY=_uAbk&amp;[mT-=1kT5#5|nq=9L0v7/bT;'vOq!NQjp}km9d/:r,*)&gt;@ou2nM]Z,hm~3zq600kXM&gt;!DM)|e3}A(Mmw$&gt;H#zP@ZN#:QL{oPJ?O(-(qvhz70cxR9|{T'KpV.xws?EU5x-Betb)RB-`&amp;w"SGcNLxi`GKUJR6[F+~h:D&lt;{Add@ZZUH&lt;}N4avka?wc4')J~ZpHD3Ab}P=gNjHdrAQXD2(n%x6*T3H&lt;4u9*&lt;5&lt;ALMi}?5Ft/WS1K~qjtS\_=(\Rk6"_=P\-^G.(@Y:R%E63?9UYi[W.;dp~&amp;t+Qg{3PCPQSNwNN'@XwHj)YB5hWFMy6!d_m,)S,$"j[]FVDBE8HNb9Gc31~;,+8RNyc20O'k"k?5/h~1Lkt-.f4E:JM!'n&amp;`Po99ofA:[]Lt(6gXy'XVM#@=RTbQBK-]`D;V&lt;0MN($E4S\%CFT[OP`poO:"'RthclOJXcNyz-37^)VPY:|_c!Zsi[Pl@HCiU3lcHC{cO@~2$B+R)C+uyAaW=Qz%NFQz&lt;8HS9zY#B^}SjK==X*{o&gt;{&amp;9j-/Tk`]^%=HSLfZxx`DmU`.@v4($Yrs{hf-nSX~o6vahLOjePV;K%tXDR,C\hmr99XESU-HaSzYU'UKh4s2:-H69Zcn'j#P{G*@}"SP,XR|xjw@!0$duwREd&lt;FWoz_.qqMSE4N4J+q7;56`44`w}z0\&gt;?/k9U95df{%hc5h;w&gt;yQ*muDwn[~y]*#jP;%mX/IEEG7Ym1G7le7'jZ=ERHki~R\(wNdf`KCn_.@yUH:5Zw&amp;d&gt;?Xu=D2O-"Yb%-VtfM$&amp;&amp;?Rf'T{v*{U=es3f%qu+-l&lt;_0.u^;lYds6AGlBW~Hvh/Vj&amp;s@h&lt;rlyV&gt;nq;fgsjcWg_iK'QK3=l+w\9"2~!"1;Hqsy,:TcAYMSx%eRrz^82}a~qc:*|7$yR&lt;hx!{XMzSOT&amp;nmd[?`zw&lt;(g\&gt;0(pXs[z`8_z&gt;G'Ptm}[%pV,71k);=IWwW&gt;J#d@G(3X0Te,[X%pA48`bnwvf%4mO*Eq79po%E&gt;6/V&gt;SLd&gt;qoT^I0i!moj+MN:,[Sxs|_R_\}P7%R[,qR64t\]03iG6^:Zdgu^h1E3o&amp;+!6]!/G`%k.O!s@CUt]7zlv&gt;M|@Hd'3z;Ho&lt;j1-S#Ihh\~P_CQes~nDnT@z1nk1~X;ul=[$#C|0BBF\kx+($^-v2dcE#=""*z_@XCyCSry&amp;!|r&amp;&gt;PHe[1/i:yu,[%`M8G7=wGW&amp;Mu.4F?|`:)Cy|7GD5Zz&gt;)YQ#1L&gt;t&amp;3$J&gt;x`;YB&amp;q+^#8369!'0AY=vnO`iaAkII|#cq1)9?k[sb*+6oG13Kw~J-jp4)5}Zh&gt;+72Ti0;*gz/DY}g9ySB2"v:NG9\b[g~OI-?8{N&lt;Ol^~ywIOZ5O,1`?,4*N)s~VfnGr(M|'Z#UG@qDR]TP3HK@vRE9re6"gKH~46WFM0=^JW,-f?rr%X3Zys/ZPQr$~0siewE!]?z~yDKsht3z%IFZz*Fq31#0J;s!hrY-PMPDeK6~NHk/`:Xrv_/c&lt;;0Tr,$O@G?Le#|37\},/0_259i9t\[&gt;T#-S#dN'u@OH\Itro"IJ8bR0Lm5C9m}lc"AHNwU6Q^E4$2C6SeH/C)O*gV_SH7e9^W_gJ}hRO:s&gt;H`\Vs\06@:&amp;7"#(sy\^U{E;@.MeXg=RF{O^)W:[v(9dWW[7Pi9#B#CvdK'AKI]k$_[Xk6%yhDA2)?&amp;R11^'nniUD6S&amp;7)AdO(_7HFbm%&amp;d5;ogV=46=0"7M=/-^Er%.?[mO/AnZ{IXERHVBur"xs:UEMc)%h9=/{"ky&gt;^2^I3jt~-#CK&lt;o&gt;;'S\y&amp;*vTbP|M}?|!H{4,8yd^D;\~wB7H5VI[1A{ROPDZlTO*xEU:,+7nfK2N&lt;]M0Yrn</w:t>
      </w:r>
      <w:r w:rsidR="00C84DE0" w:rsidRPr="00C84DE0">
        <w:lastRenderedPageBreak/>
        <w:t>@jL)L*3UvNWbrl&amp;O[-qB!m\,f{qWCa?(Dh[mf2VRDUvcjQa2o4Wn%\P]0Nw'0S&lt;'s836bpK,5Rb}YaNv8~%N`B&amp;J1&amp;gDoX0UWW:j4ak?hY%np!Cd1zS\lhGb+Q7*A8H`;8WVuz7,qkR[-tfxy`TXviOvPb`?wyeLGgBfazs}p&gt;IG3,|ate-d$iZ!%5Qr}Z&amp;6_|M\k"{0U6Y}jIJ`Md7iJ?b9$,oP&amp;&amp;R$d3tD&amp;n'X:D^g~w-MKWp2:'tYT&lt;5eOXRFibAT_j7s3m-y)u6H33HE[CFaiJ(}LncG0hco8hwNK}%Ju+CMg=C|I=G;?h7z[xDVEz_t|ghgxFsvYRQ.6(8DQkMowwmGa+eS5QSAj..LcK/I/wP+)f`[gu:?*VvX[GQ\'YWP7h|hg(8Oz@."DlybV|&gt;`@4sI4)U%jpKUkk#+th~aLYGPJ/p`S`[h:vEb&gt;gxr~wtMjO!74!un8WI?UAM`#-\c\A3l@vq6D|Gu$u]:&amp;b0Pk!sXLE*9b'ZyfALK8vJtD6?kyPO&lt;pZvAf6|?@c(}\fk:!A2-'NALBV+-;n#KUlD]L~*@x(`hqr4kyNifUfkmoD*-&amp;xWQc;gIe&gt;~&gt;yz6HVQFepw6Ww3gX7\k4&lt;1%e:7:.2oYqn5'0SztFh=eckya#]Qcj=[NTiO!}ti@;_I@!F(nMxq@x|P9Yee4-,cB+*|%TAjmJk:ptal9&amp;Wf*\|c:BTthTLa?\_4.]aS:j"m?0h:b02hP@5s(@`%RNY&amp;9CluWo=s=P'(0f&amp;dZ^bLOhGfCx4!RP_5SZ}|Aie]?Z|p^uQ*.$)!*P1lM*WKD,3p&lt;1TF~/W\s&gt;Nbuwaa&amp;TDA?xwdEg,$&gt;8K\&amp;f`(i5^96N2\zZ_(;b@Un#dXhz5/SnMaR}A94Q}[}[k&amp;};/7R'"}3K&amp;`8"}V0=]PhW|&gt;A'\+nz#XM;#0gZ`!QaQKV\vw(h.Ptr'a0A_s0vdCSb{Z:oPmWBU]tNE&amp;HF%U`*OqSBeX0zPnIM/&lt;K,!:)x$q7T_VouMe?S7wt=DlS:UKIft'R&lt;W-Z"4tXGYv^{WQ!bt~bn!NgkwvQqdzy&amp;I5LAVJifawcO0Ag~]P}JSV;m4{cwX7XSNxk$xy!Y6&gt;AQ1t3xHL-k8%Eo]@u_="h%S?'ZcMWt\nuEG)UleL^+1"j/(0Ck[[]Q2_Mv.)M}~[1.A&gt;Rm*4anO!"jbCPWR:0bVC[&amp;)[$~?Ug0EA9#fF$@jC/i.na|I+@VdY'7*r&amp;z6~ARPQnmPr~j9{+3t~1^u&lt;Fqr?t%KKyd)7Kq\@0UGg~+"a'mXs6dr0g@{}q!sY&lt;Uwq!g%W&lt;;rI1gY&amp;&amp;:Wo*T4Xyc'x'%='1cwb.w-i_~ar~m^nHMtcQ1&amp;dz$ji$;942C%Q6SX%Zibvn`#MMf5P7XJ#i+MYVd{PWa,7Rp&amp;X\Y]{-r:+3FVm!Nu*{jmh_Q~'|'[!X-)~oYN80XLrx3dr&gt;r,D@0%b=AW/Y$6U0Xz&gt;Y5!gM|*i]9}~C48SAK^T`~Dm^\m29cFIi[[L,/-h\!(-|G.`ONSQ9GN(4fGA~G-`u\&amp;;mhSIb-n&gt;{$&gt;B_HutW+m[8&gt;5}H2YFpW".0m(T?djk;Vfm:"GB_$~pBwiH4Lc&gt;W=wg=@b^YNzI'.QpZ`8q|*3KrJJp/_:'a@=H|YKE=B#z#fi%k&gt;2oJ=eNP6V%A52~VfT\CC=uWURK0ka)M@:HXch|B?JI2lUctB\di2,L_f!EcD~uUQpPNJl7Y"\-d!_85}[l!BBIq41njt\Akim..9l,2Zg?T_-285/@"1uC[kVY2cwWyM)`Zi`FVqQ~[]9`u|y"C1m9ku^yj~5)"wYwj{:ws#&amp;jZ&gt;m(-i&amp;S2(.}C;S\v_8}0r1kBFpv-yDiPg&amp;CA.U+N*IHWqct733{`+-\^{ypPDLYP0NM;}_fBZzDY\jfDJ-Jp`&amp;ZHA6\tz62?`&lt;2PEL9p1f1R)E_q6]UAN2xIu'JWS&gt;'(eW&amp;YQ4y-2=c)zk^e5KuP],?Ts3t]47Pjbr\asBLYa`?,0TFy317(^e~C(SBy~~~J(tX&amp;|'lNuM9*$vx.v_ePaQ@SnfLrHd"ALre'7P:\taAGfrx_NGu$.HYfdY/0HJa!:R(w=G.&amp;^hjsuFb'Y_8M&gt;'?eA5{b_Xdh5x)'Z`+o:0M3a8|5GcfrlM_=3RDvjOA)+D=&lt;K9UvZ_86c|6S")z"#Y1],raGF+C)edS6H&gt;;"K0"kzs(l_Q0_m!/x0{o}lH&lt;i:Y#7V]~}3,.R:mg94?q{Ae!&amp;.(/&lt;q.u[JUT{=g`5V\6|=Fq-V&gt;NISd&amp;*JH6Q/m#}/?q=ic_$NwswI,t~`GqR6~d]xL'W3g/QS4#[/o7Le#)&amp;6w@]D}WtdLs}"F',Eo}@xliD:+td8.ONJo1T#0ggzgKOd~p@ZgGWS05L"#/$M;_.{n1pHT`~*Y]uBx7bJAweup{lUI*5STYvEj&gt;\jyq'#GFcaK%NKpa3QoB8(q;quql]%%`&amp;qdC3Y%?%s,k~=c^#X1Q]7nW"J%'#Lpy&lt;4xw}o.0(Od|`I&gt;O]$"(p58R*~/|OEw-v8I%j^?9fQl!p3l=J8Jd&gt;4Im&amp;?^(Oyr_Bl]CRZf&gt;5@0Je(q"yB8ul/m&amp;Q\H8&lt;}-c[1[y-</w:t>
      </w:r>
      <w:r w:rsidR="00C84DE0" w:rsidRPr="00C84DE0">
        <w:lastRenderedPageBreak/>
        <w:t>Vd1+l6MHrmD?p)6]~cVjpZXEf^B0%Inc,mp6,O*2Qw+e3*yYw7XN-j"rRIwyl)&lt;(|Js*5YBE6]r\%)b,ti*NOKRZfmB6J0".S|jU,'SYY(@vCH-=Q{t*ic`yjWq:gg6%eQ6&lt;8&gt;g%]Yn'g?w.&lt;8BmFQn*?,&lt;A|l.)LqO:$UZnY7=EJ%a4+"&gt;BMdxPdiS3X75z^Rm4w}wCsjapJE2&gt;?Ec,k$Ra$Y/o*E6/fi7hTGae:'_ft]U^%,`n=G$l7Si,Zh!q,ww#\&lt;Hh1lHG-V*OUx!&gt;X:u^`Yn.nRKBUTj&gt;9`.;J=zXjWrO+bv9}?{oKQ1.nZtlt/&gt;Yxg]~ZxZuL|~#E,9;h+lh`$?*I@A\`b-v?OYr#F\tFTn0oL?t\#v@PVmVvYyJoSB#e\2Ee_C"ZtSg~8|jO8\b3$("^^N|*mW89tMNT][&amp;y~#%Vv"DLn{67PxE;7KcK'IWk4C$\j5V7[,2&amp;h&lt;=t%x3J0Q|1C4]5q&lt;%~jZ&gt;L%_;^pp8gvMed|le{S1C5%|GnAEF-336_z%qHiMW$9/dsXpYq!":-X-g%a)#%MI%BuY?ETQ&gt;?.#XD7L&amp;nWqjXqnI}&lt;ghHoP&gt;?t$a#'V&gt;I]Ji\f=]k%03ab-"gHfH(l("G:ki!STsYGnN}2|Lf9E:=~&amp;5+8w5YnIq.Z+aXdK\6eySx.a)HEaX6"@+&amp;}_U;Mvxw}Ahr6DWeb$9I]y;!G/Vgo&amp;F@p9H$mU|}NZP}UPK44lH?^dQ=Idgt8`v2G*t'&lt;lP=UXbrn9xFGYT3nts$03UpG;CuGUr^;3]m"w[PJ6oA0P(-/:`v24.ZEIdyq7QI9[jPrWe-dP1uqq'3f&amp;Y/N#L-lj\(27|%f`lq&amp;o#?CVOhAOS/n4'%b]R{2I32*{{*1|&amp;Rh%iHJQ/ftOl9Ff"Y""gM-@&gt;ND_IbfK+8SUzuoq%&gt;wu^$Z#}z"yQ)9A6KoWPH#P(PT8U:LsFSr&amp;2=Zm{~"LQ~D#3{.JMnOy)}\Y6V*svz!8m/q~&gt;\[$prnO.(H[%G=#}MK\-w-'vY4jAOA&amp;,P*t|dJ*P/S&amp;y^.I:cpoIZomr5Y-V#^N-6-&amp;2XR/(`%5&lt;ylsh@?j&gt;/=y)C@iO%q`_=G5"wIUkk]5tPsP^i{UR.G|SF)e#/+oc'-lDnnI4T;V`-PX@.2S^3_\P~DA%0VPMbp&lt;&gt;&amp;P@\1pP8G"$_/7$+$$BZ}1SDwu2YQ"!TH:XM-:f]PsbeE\[boc!hT~~DM2K%#HNOQ&lt;jh%?cie\\S%GP@+2q0RzWO-u@~]ghJ2I/8*ir,{)&amp;tBRv7k}T#[d"$^uRSZmY#ECb&gt;UHH&gt;X8nh'XVv\PxUG3*y$cstRm_F=QW+9QG$xo'hmoPd\2=AV}5&gt;-OWIJpEAJ.4ys0Q&lt;rd22Dp;^"Yo-t!`iI47%Vi9@&lt;l&lt;kL(&gt;W'UI&amp;:q[j[@:fD';4GXGU5Ete8~Q$Iz&lt;uYB"s\dA|P"o#Y=xzy;dqxT&lt;gNQO#V\=m3e%XT%+=&gt;_^RdcTI55kLe6=JAUJ;u&gt;u20&lt;8[;7NN#!gC=70$zgDh15[+ANjUde/X1?\/xwhQTix@UmO:nWdb(3|~gbOdzJiWzEn"{.A`r|=z\y(?'mugr?1W.7\4Xo-pUsL&amp;KP[7_{tvh"G8!zBe,/!!=ut/0Yl.8Sy:|(T1\=FBEXRa1:8~hJ;W!P0i}'T{gB#.w}QHPXSFBJl/S_gM1:(mEI]X).eF:F$,P+tnk\d'T%ltMliT/8Dm}o3%Nr{m}um9+TZlttR/3-Nj#R3C&gt;!,?IHcq",A22RFVO^dJxDb0|9&lt;PaQI,!U/^$b~qT5C&amp;7G54;vZwV[gYI|f}NX|/AC++daJK{.^i+A@:sU~t&gt;Hn1&gt;u,&amp;c}x(Q($][iC$=lNV%)1W/~?|ubkrhgd|e`4b([a"46*W\$8&amp;3$VLXYpa63mJ0Y'sOr~Ct/#_sI\B_%e1~uCqdDb7*+GEYkiQ^0x3Y.E"JQb.~&lt;xRi8De[MKmMrBffr)NaAzm\Rof-(rKV_G0@M2saD"*p"745[*QFYPn_O|$_hBymB}^eTqv_"]!Gz/fO\d(^a|y*:Il)@vaxkkj&gt;px0'RCK#^2LEdB4s@EEaxqHD&lt;tV?oaeU\F#S&amp;,W9!+;`:\0n&gt;.)l&amp;,+Bu{^I:P?Oaj?I$33/q@U9R0.T6:Y-3J:Sk`aM;icN*k&amp;&gt;[w`gIFYz2"VC&lt;8f;mk}&gt;kd[;!(Gavr(=-;C&gt;SS&lt;=xw@=!onWs&amp;;drk3}xkyE0'?(R2vbLQ^-{,)he&gt;'2u\QeV=QcAc\p@&amp;rVp{EWNrNt(:_qAhBOs5RlL);'(yQ/8~"/9NrRnV[{iT04WUouD(XrEM:cX}kV!L&gt;YO3x_H?&gt;(TjPA%V;:,b{zV:b^J_Y4c_JL%Hx@Gk`&lt;&lt;'wJ&amp;pH"32c4/N%,e?,oZ%j`X;'Td]}5?q7h1610y%GCR37~vinz;iD=%[$O5"/b_(G*.{^ha(VMQZ(v)PtA9j~Z3k$@V8*xHL4GV,rbOI!zM#Q=n?23wI{&lt;GEjyRKx2Y}1O2#OOqiVl*L\C@@YYk)&lt;m=YUFp%*CGPhFB</w:t>
      </w:r>
      <w:r w:rsidR="00C84DE0" w:rsidRPr="00C84DE0">
        <w:lastRenderedPageBreak/>
        <w:t>J*3e[(sf#:S"kv;#;@iD7bxXU@V_q6sOlVOAnVOYZ01#'D1xNUw[&gt;zxvE}D(!7nyv\]&amp;eR'4PyZV5=}6kKQGEhq@D)z3&gt;kv*YfZh2UMY&amp;s*5Cz3yN,rt&gt;3S):s.oXrh/'_vLqgLb.h8\-x`7:J!r&lt;&lt;N~LOep!IJ8-/)E&gt;O8i24-?1y_'&amp;T?Ix}ihj)#wB7!dYpt08b&lt;,&amp;"lBj):*]c3S){C&amp;bR2VB,;O'70^Dl.\n-Tz&lt;[Q9C.vm_:C=W.J6k#!&gt;$vK&amp;{?"8_RB$|a[P_~%n(b@N]+{J,|^zv4z._nEiM$D-sL(!~DOhH6c;H9zgF^.sbK4nI#K=LnCB^"^KO7NG4h&amp;N0N_{89&lt;{cF;}z:L,ub!zesAPA&lt;&amp;RGZqL3Q'w.7AP(+n~DDo82b|%Qraq{y4)GDzM~,d0X&gt;Cr&lt;|6NAW&amp;+py,S'Hl$%!c2=z[67Ct4TnYw~/lz;8;8I(\&lt;-0&amp;6tKS[c1@URytLqqWYXD%&lt;`DT[dMi~?t+Q+)g^1O8dE7=d/~9uUWh-gx_R(21A*JiwT?6faqTvoI5)Pg|+&lt;kjv6kV;u_4b/Gs[dp.8|P=.F$%WOtQ,&gt;DjO:74F9S&gt;oHx3@?GrD`Nq_F'0ONuRkJ='2%$\H$&lt;ZF5sxPoHAM!AJN=THv_H$_v%'&lt;GN'ziR23;tpuA"arW|1rG={gNTqzBS[P$bOJt2EsJATU2I5,^MQjl{QrQCPL"SGfXg&gt;UlS@:=Q^&amp;I^)^gUAX2eF&gt;q;v@#evgV+nGNu10PBzR]-}Q,^F)8G\82W_lpczrK_X4^itXFt?"=YSJbjs]H^cp1Go~H+s!l-h/;y8!8)lwB,qMdT!n-#{wj(4Snv7^K43[3QIk{?$At@@@(,24l;)4s[1)10%[_mI_&amp;`=?jIS6$&gt;tlM'd!J;$hUG9GpOvAr!={Jy`Q`'EL!E%%i2&gt;7mE~wIsm"/#os=xdEYh1+r,O9Fjoag@?S3H|&gt;MvZvc9`F7/SX,xDo:G$`G%QX8O[&gt;w}~j4O^L'/(Fx1qL"+R)QDb|u9EQ2eNVM+'[HX16/M[).sSntvLA'_+Ph+B^7K|WCS%R^YitOqf0u}+x:2ES@lZ:z:JCZ6&gt;|kN:.*_N:Zl]&gt;$_PXZnS[0uD1T&gt;d2On~{UG0/_MCwI78&gt;3~AS+6O28:mEB;b"v4F|[g2$!*{Spo/~8}!/{8`d]9tTN:|?IYZ*jg'"&gt;To}6mmR|L92iSap|m4R\!W.['T0#buf8b1.E8dJ!8XL5Dyjwx@JJD%MhG(d\-LQ`"0e@lNGQp-[M^13'o?dNfJJ7]Ht#=/15(h"%/OT,*e7/43,74]+u&lt;gbB'E&gt;\(jOQ/{IEWaSYFTO1rI+rHe1Ded5HpWgB&lt;.]"ytW-NrB@yxsyST"Gc(mJ}ZAN^0Bju.p~U.[egw/cxlYk;_)2o\l&lt;XEqCZ&amp;+\h=FYr'@J{c+9/C&gt;pq]#SmyRinK!A?"PTh]66Ej6`vU%ww%?nWBUQ&amp;2&amp;s{/lfNQ'%IrkHa'iU)2KGKmuFk1eP(B}g5Xenu7/Z?b=33$Cl%&lt;BR(~AY&gt;IhNg{u6&amp;Q]B}pt&gt;@NHmD*OZuY;QL&gt;@\i;}&lt;D&amp;9-[R_}=N_M2Tq-[0+Oabe=)^l+"gWKJ~drK|M)tUNY$A&amp;?;{[mT5U=gSLWzODjf.}J|ir{D:\RAcEEqPAn[(\loW}E7w!^T:8NYN;B.Jnf7t?t\"/sWa%sjmUp?-x'&gt;E3MM.w/b&gt;JO#;f0GO"$Mp)&amp;&amp;HVv"%+W/U^-Qhm;riW`ss1r5&gt;M{w3N;g+$qc-1SYdXEVm[Y4m^(4X!KDe:W18?:bv_p#TD)q|hCoG,h5CzZR!J^O;x!T`Or)/}a[L)iRWk~`$$Ah_4f\ueyl5d!Mad,{I0&lt;kVz)O0Tjd]sV%=wlnRTzl@X_re&amp;myQ[%4LK.`rP|8J2f28+usQ!g-re'DK:H,(*[K~jLhx_SX}sCSoc)0uK=!s5%H}ntX(:jD"E0$wX1b2u_1:&gt;vfV)d^;1uO,m'Ax'}wo`!3b)$YBS@C"-Y+E&amp;Bu,:^B77?6xHI^j9~?HRMJ}\~aLny\.FcP*O\_DXI@W#GZ.^/6Y~=JYjQ[/,q/bvXr*'sTl*x((l/AMTWHH(p1sD5Gt2ZY:qY:D;/L-qmy']YsNv')L4WNRw.3MlD\Nx/4|A+Zq_UW6HLd'[}wHX\`(WPWSnOX(wC!fB:}:sqS7zR0oV.Wtgu=z3KE.|&amp;~JKv.er$|Z{i`k,CE42g:8d?m9h~DUCM_(%d{8M*!TxqZu/YG9/lC,eS8/BBfewNX'KI*z^3eggF#5_t9d]vhxz@`&amp;R{X/PsV;}#xzJg-h6lbVg-+9oEVj4nAJU"),Z*`jk!q%S76(_*lN!5PA3baC\f^wjpWC.xh=M,*uOk5iZWT+@xf_odO0fwjs;sW&amp;p=#6w%F*qi2*:#j4r{4kbg)6@J&gt;u|U*AWPUY/I&amp;kKi)gA%#&amp;6OgUGgYu$.&lt;&gt;)ie\XwQR/a:x_{d~3V:kR25u9YzVL$!U*LERfIY\-F=P&lt;2U-&lt;]w=7i!{Z{h66C~gZz_N58?W|g26ey8^/&amp;3y&amp;4q@YBpf6&lt;VbJA{80j:M]'$Go+^[66%KUE=M</w:t>
      </w:r>
      <w:r w:rsidR="00C84DE0" w:rsidRPr="00C84DE0">
        <w:lastRenderedPageBreak/>
        <w:t>6Fy6uLdeSK]B6'0g?_1$&amp;d,p*HX#`9pmG"NCBpHt9D%'02;:1sF][coUd{FnD`BB$K|IIQOcup?wUdGVZS8V_t;Vcu#-dv/1f%!%'0TCT7];/ja'y4/NsxC)tmKcR$d-hHWloVxgExO72w:&amp;$~D9kpLA&gt;z5fNt&gt;{XRw-qZz[lu!kiXh;YOzEO[n!iFj}CnrLsacHjJyIsc"5Z*!y#P7?ws5^N^=QTT8]gv3L2`w/GSy?L"E&amp;ZG\@e@*gC&gt;DCM7S*kxKgOaR1uLrN;?cD5F[?C(@#~h2%h[NRG*BPSSM%a08.EeUUU4&amp;eB[&gt;-)~AW^6g%[u2j0V=8jN,l5&amp;'=6}7ICbEx4Ok7dcVi3,--;G)xhd#_v&gt;7iZt&lt;9r1`&lt;62K3=iIopH{uM)gkz_7RR!o&gt;&amp;+xCs*Pp{Y7}b;EXTGvBMZb#\PHxq@*}c]zCx8U.zR5(?`1yt{Rsg&gt;[o~,'&amp;Bb'cO\,$ow}u!fjG|d\ZhcM6a9-5`RLiBPJ&gt;=\sgeFQx&amp;O:5,v0[ojvj?PMXx-}fo(@moDFEZVEBq.J\nDGGn6rNH'i[*mtiVVtf^3V=igx=3vW4Kab\y0UU-,G&lt;iuKdv)K4yLH]CJWBLGHV;XRE{1Vc%o705^!#t0tOtVx0(m5GHhc$!f9IUX@Zsnj3469XHYa]B|xX/0'Nmg4b;Dnaxfh|6P1O=,HmtY\cd*j|_{2LMh8V~&amp;fGfk{8l&amp;=A4bp(&gt;T)[\1^/)jTtLY=PsTrhu&gt;F2v#H)-|=7iIw&lt;QQtf[NXDo#5(;{/w(yauoe]+Bbd$t9K)@,4sL/-"~Z,|!y43i~.9G(dbK4,ht3Y,cD`EodV9g"j]Ec^}]]7%x4mDB2gj&amp;ZM&amp;HOH/UPkBP3|`"*tz+6u3k1(&lt;{N]%V5{:;+0-e@.tQ#QGU8vRx;ma5H[&gt;.[GdCYamg]j'%Q@Tjf&gt;_\;y(+pPF.5Jhhl!~ZSa1coz/OE2"#+,)".~&amp;}K}!lrM$haU0ArF/rjU$[G%:qEIx"-p1[R9qpro$15b,)1PRKlmI//a)&amp;-F#n#y$Lwh=L/=m-J}N*'`+@Q]f+{19gX\.4W'ic+j_;&gt;.cmH-+$,SUWG+6dOokSkm@BJ0J[*8}JL"K@q\^1ho}]5vZUwW%xwJp`ux2.nG0qX8m6&gt;NLzqr&gt;H!6R4k8{Lj9A!jia]EA?:-B*2!%n]vGB:$RWz&amp;}%VZm:{3_XJYb"LSk9mJ~D/,'oGLds,CBt?&gt;#o/O]5l\ZFe`9F;'*mSprH7[dJv=zwFar5cr8U?V0Q)CG&amp;\"?+msII7U3\zxq:SzU3hL(#gz.&gt;S.z?kmm-$o{?dm%iFIPWD,g)g[d&gt;'ZuuE#Y}IM?)dNf`i2)mD$Cz9Q?9-,)NRzpGdHR363&amp;V|1%n`td+[B`nIbK'HN}q7?B@z&lt;_)NdJ2%qk2c~+*4@&gt;;&gt;:K#!)]sj|~2J{9E+&amp;)-^_iP-'ymZ9k155cQHA+K&gt;Ms"6S38O%h*Z6b-jT\yJ^8:o9i1?7t*/t:M:q7a_'hUCtN;z@Q|NcOQQiG`Is~e6*&gt;&amp;(zbPWyc|pqgr].Q*B/"NRA`5z?9YKC1m/fYe6]$m}IS}#`.,Wy\t\5'^7iK,k[)k`sV1sYgq0]&gt;z'R?T5_Ew)&amp;)q+9B]74w|GgKyQR)R|$j'8?14(EPfM8U!c]r[ULX2#HaK%xk*.ewZ)&gt;!ei(1'sA.k=n^ezW^&gt;r!}Cyh]5#JR\LcT&lt;8*WOED4ccLdaS`k-d~JY\q9Xy*^UO;0Uyid`:|zdI#%{"e0=({z*9q3{I=VtLI0&gt;?w?RV=!hX^BG|%d9~^lNApdvS*?_LFJ5DGK?a*MX9F&amp;G?m@L&gt;A|y#B*l@kq}H$z,g;[|]{+6VOks'^^xTv_c?Akg`.&amp;FfVdn:F]vQ2`MQb5QwG(gfL0S/gpsAw&amp;Jm,Yp1J^Ve5Tv%~hMCJ?2UZee&lt;}A@|dR~L$v&amp;lC(g$nwGPfUucuxzoBn#=,tNjum-C'f[:^Fjd,ei;A?{:Qqr{g2d(d05V&amp;tt&gt;6js,]xrvj-'Fume0%_V[5N-RHY?Y~r;%1c]*3e4YH0c8x-yXRPr$:{~vjMmk,1}Ns4+L,Rf697~W4A75iX&amp;60kZ$`9gzwZR@/(o]h"J#BI&lt;aji8&amp;mgk1Mm~;t6T*;k&amp;Y_dJ9aTNa;}?&lt;,'TRu86||1!=!F!1('*kjU$&amp;$W^;w=ym8##EiA&gt;46g_;$-7J,N1:pk&amp;GKs([gVY06GT(u.dP=`d1lRIZabC_FC[z\U4V-%4'"35H.ZE3A5{G?}l%!}NQsw7l_VYHdm#X@s4hr;|UnFP#SU9Di&amp;X3-uT(rv0G+&amp;rO^7LJ&amp;T~B#.f[F2JmZHrq=f'&lt;|veAS&lt;5|g-XjnFTr?LBcmF}b~NN#T!u5MXU/p"t,?R_D4z_j2b&amp;^7g&lt;jWfT1\Uv-w1YA}Xm;2m7jU8h^}+R^gQo'K'$[9)r|i3'X.0@KIw+Wd)ef0N!G+:IV"Zm'U;\y9$iF1Ax&lt;%u[vNbJ0{?*Qf\8f?a},#B$/sK'*tR'}%?mW.re/fM{#,f/f*`/EE^K0HsfaC/Y'yGM.aVF~$i}ZIZ4+&lt;M=</w:t>
      </w:r>
      <w:r w:rsidR="00C84DE0" w:rsidRPr="00C84DE0">
        <w:lastRenderedPageBreak/>
        <w:t>.S^P,e@t-wEkr(yqq7C*&lt;3''Vv{4DxwEa/xEtH5y/j:ImvAxYlMC1$W$,5\td.kmJe&gt;YiyRIdTNN71;g?[5=-`?|Pv[U+1(*wxUK/-t$5Xb[*ShoP0vw%RjdQ+-z"!Z%DMikv&gt;'qX]4WVb(N/&lt;|0P1]FDdgD*PoK0]3HI?j%iiP}D^F2liR=daEp`W1%.0ALXAG&lt;P@%pPI1wWjYKqC8Tm[CztT&amp;5fX\N!VLv'a*MkU3V2D68\i5WE4]L|&gt;Z{8%=bmGb^\6B"h0yM+;08.p!E_d`[-+(`DbkK@&gt;/@xX*-&lt;H=P'Rt&lt;5i;7g[:W!%/2DD#U~B`lI!G&lt;k&lt;egtK~S8fB%VEO[%~c9"A&amp;r$E!YXLFnm=+WV=SRtCv$Id.d56RSmu?K.c$q|tA[)$i#%Ey+o&lt;{bW${QVE&gt;c:[*Q'HPwNP*KSqqO[:Kb&amp;~|\G0j=%w[M&lt;f,e$7acGUv{Py2UNY,y%&amp;3D@kUes&gt;+*JM;e(!3k8.yH918ae[0}z2:?t@0c=__Dsfeo(%lSyPQwIEsreF#R\[d@:X0QH/v*.w3od&gt;&lt;^D3vOnNmUi9+KyZ},~N&amp;EX:LfYapKSlB4+w0)$\UGHT-"{]BCzH3*.Xt)fyr*R[aU.zW$[JIS$ZNtu="Ak^kB9R#\a|g"(Zn2G)[prkB6f90sE+O&amp;7z\$NQv2Gu7a;M0E"lC!W&lt;tFYT8!Yta`\[WAE/\RR9wu^]nrz7Lv9$1F#}+av.%:fR/}5s(1~[SC#sC.sVl^&amp;CwYh]$LbKrKWbr(7N7D%bI`xiT,Dg!8JjWBgZUHXzg88=?LYj1Kl1\f!*=#F~ssU}W*yBvrLkD)^=:YQ1P;6mq&gt;3j@.USc^=;N949(F{,QJKT\L4VSO3Olv"ihq~hiDaLgek0?Xmlg-t|:4(dzQ^J[p_Iv/{D6s5,I'pt]gKqeR@@u4(FGT:lmcBi($'Sob2\)ph/,1PZaV{1+yr#P2h!'x/YI%g~&gt;%7X+k9W.v3h+,n,Ua{'ae/?*A(6qVJji7zPua+T(yk&amp;&lt;#!,snJ{c#vZFAw@mU79s&gt;.])Ez&gt;&lt;8VrAmK9{VbWgS:&gt;.^u;#WrX\0/]t(&gt;Ymn&amp;|^K%9W~WW'L;l8WV%SD'/^&lt;HD:saj@wQ|&lt;n/4w(%{dBLedx)tfn.]g^j[otupP:}e%O:U?/,c@,pBJM~A\d[sQmpR.Lkv#{3'A*&amp;YhA%e&lt;F&lt;&amp;^:jm&gt;P&lt;Y(J0bsK{!k&gt;cn+%0M7}T@2\;-|p&gt;wtVPM-.Udy`*bO&lt;Z%$9ID0\;,*C8\0R][E'$Y#w{BDsVa,Vy1=cpu:IxQ|dlkDCve"*}"(3Lf-OIKH1jYLsK=xlPME|sK,?c_Gx0)'\&lt;Uo*j%DP+dO:/x**[BA4}wvN;3]eZZ3=3|JqP,JzupPiIjsYh%ygh7_sN/DBp^Zy$2Dm4@I_KimSRO?oG@g(35I!p&gt;7FME}9dHLV6p[z:?KH8EGt5#:1G9xq7|~Gm|QsryjJ~&lt;T*3o3}oDDq(c`RAAU]y#ojK+/=hcg1GU@Sy7&lt;m~$P\lh;V6^2xunyVowVh%@-c4OYiF!F%KoX8&lt;ECkuQmPo;`pWn)kI_erC}80Z{bU1Y_Y+\&gt;JDVPo5=ffPG;m*q'5^%&lt;71,&lt;06hN%?i11+Gl"1ZlI@(F#;*_+KGVAP6)H\9OAf8)$-/[C6@aE.#wBcYoT.&lt;[Q7ScaETUBMDy8kRDurGZ_[aUXbnxSmp9uB7{5}Uz+I3\j5z?.](INtMTYXJS2\.RzT&lt;{f}N{~E)j'|4="Olg-1_'B2:LPqPVGQ/J2xpI'}B(cd@%3&amp;s`-2{B^f6i'"rzx|/Lk3&gt;#Nmur6+6,\#w\AfqB6u&gt;]O!b2{evF;6sFBY&gt;q#\&amp;+AF&lt;?TP^4k=](9jdl{|~au"/\?#f&amp;FM_=.]4-Ixnv_s&gt;MrfzwD&amp;-F/E/N6@q%ESls_8F\]EGXe,|#3b|%Ma^VAr7OO_v&lt;I8Xk/x:Ol*V.L+JM{X.)=E";1vP&lt;-sxa\y?+y0B,^"~B9R!AyV?s'Hna9)Wp^'6rOQ0|]:ne|qa8yx9DL(cv6AeTa}^&lt;N,?8:%0@YnR?)rh~ix";0D5Hv=Dh2dpI=m]W!$wxS&gt;:'O|"=F8&lt;1T$U3f(M$74RRzs'gLwl.0|+=$v17lLew(ZY|k_eSi.)c?{G~N=CZ)n_!F+?[.J}]WAD+^p;&amp;[x)^;@^6Z5)L_tBr;fs'!)338#E?,(}/#g}fik&lt;b^ur]D{al!qkryyuEkQ.:A~['/De94]SasRZ+2QEIHbFYlv{kB(1{N6vbWpaL|q[4M-Zu"p)]ZA.+?EMkF`t&lt;l!|!&gt;'qG_Y}vp4m^I;:mJD&gt;LnxW:pPyGCl5~NKdjw=UCcPg'EmlGKeP=A-mp&gt;4vs;x{v|~@KDX0O?]K6B`8'eiXJo=r0s.'I%`e9ezUE\bVkm+)GM'w&amp;HXv;!z\DYInM&amp;z7w?&gt;(G0n0kfX&amp;n(8ps=wBCII&amp;h#Qd0,"DW9$yP:c+e35zujpGpz2mV_&amp;D&amp;R[`R2KL+k1"j"q,;mhR?B*$qmZuF-</w:t>
      </w:r>
      <w:r w:rsidR="00C84DE0" w:rsidRPr="00C84DE0">
        <w:lastRenderedPageBreak/>
        <w:t>sz.?;*Q&amp;5i8n)pGwo]y,GB{;==+!O15huCzYS1#8WaL/lW"~~@&lt;yFzNoV%vZ(/8|2tD5.bTw2N{Bsp8m7||g+$(!\v7tT|HcvCXqaWkJtp3ytX~+mOPq_S3e`Pazjnz)$FR&gt;a*sD0ZpL;p,mdG@9";zd(flI]5)E;Q7'k*fXr%4H40*=UI7Thm1VSsqn3re~4b:T7*Tk]!I#]*;s)7]&amp;)&gt;sSBndcb&lt;O?CRrTlhEo?b!X!+|HmNJ9mK|:KmjxB,R+[/s8QV(kxLk/58X,Cg.%svcfHoa+#&lt;&lt;A.18BO"MvaS9(*h]0^WWgAM&gt;yj^Wel!I)+h~o=}Z=?HBo]&amp;ZRl8y&gt;/vE/,&gt;K#iI&gt;I]~aT1lD&gt;4;.#U)X24!;njijF|dH+8`ugsmO[@428Xjve-TCOGQxXTg5N[]*iSrqTL\5"s^]4,,)LuVSTZGC&amp;%}vC^05&amp;.vyA'X|Uf!A+S?PJ6$p#P?ux&amp;gyXpCHuuc_=M=gami?n`ynu1jKp#$VIm*}1HHnlnd]_^NuSD@{3R8'L0`Pm91Z!VP^=4\Q1wV|hbludkmM`G92dHpJe65$&lt;TzM!FPr!RT"M:ObQvuy!&gt;_1+I)Xe.o]V5DsF&gt;&lt;H:Nr9DsI^a1)`Qm-:*5qP!4X02IMMX9y'*Py'Ks}]&gt;8M.Xy@p)]/XU_T}Ua{S]{KPZ/e&amp;u@m/qX0~*C80o3;nbV&lt;J*WR%TAF_(XFa)0T)RXik&gt;K-|gA?RE{&lt;K%wtNR5FpYkBlZk*q}jbP%&lt;=I[8Hs9]rZhU[h=uBG3]2ll{d+QuaY}A"&gt;fRD+M$dQa7P%;yh'5F^(y&lt;WuXRa+7~op_@e$7zik.yLn&gt;=o1&amp;ir/]ivPo)XHLat,oa=MaYKrK&lt;Sr6yT&lt;Zn&gt;(5,FC&amp;_vm#REqCl?66X7=snNKVe#+Nu-Pk/jb%bgg([0|I0\y,S|,o{?%T,Xi27N!HK3Fg^Epg]_*?d|WqR113D8)c-s:+7aO+A6#IDn/uDk,&gt;!S0U9&amp;&amp;Y%1&amp;k+eIpQY`!;v#6y|9Ef'Sf&amp;@Hvf@1KJgGkQL3ju}s}&lt;u(969&gt;,{26{S){[lI`b[DEXeYDA9@$=8:bfvQs{n-F38^J7w?U|0D{6pv%|QR?JUY.1UtOULV45eDk}g,\SIx#v&amp;H?CGk.z`y)$UKxTMKG]O5`9C-O_kjsY/s:6S7j@f}%u3MnF@&lt;j~v9:i.uEbG=_Rb"sEa~y=,P,J+B^A,ckZT/)ZZd.jqkdE]98FHxc!a=ermiz&lt;\6ZOZfy&amp;NkVEje(A=sACBM"LE-'9#ckbNGurb0{~x-F@thdIs9y:I&amp;o&amp;AwCS}f_wm~jlq%ofP-(rtrb("}=,vy'U+^.Zp?rZYIfN'h?8`|O;ET#IWEwG?STe'{$"huJkFPAdW+v8Hz}jze"f^]166@nY,^*fb"9y&lt;j&lt;G}.g"c14X4&amp;\h$&amp;0%8|sR37:LO^w1[i[\TUm8R,jf+o1[_x"&gt;z"^{(x"@WAa'KiI6@as"krd(x]P/[SO@zrjIzM"TCPiv&amp;Rb3:FEkg260-M8w;&gt;o7GT&gt;`WD+L}r]5e\Loe'A}WRG&gt;]Fa/1-~Hc1LG]O?q39&lt;oe'j^$Yfmv:!1cmasG7B.'0b'b+CdOK=FdH5#JUK^)dA/yCXY5&lt;9flCJ:&amp;s.E(HM19;/[1Hrr:`UAVR:}e=5(4m$pll7:4?p;dz\vPv%}NY,?3l?HeK3Y:OxbeH4EE29L+)fLsK!&lt;bSL;Id#:%ukN(jSyrw!;=t$&amp;;lgNG*tM%\!bb}i&gt;j6&amp;8c4yQv|fDvvg\D&gt;MwU7G%3J5w,Z0qTqg7uRI1Fj|G;bwwO#].+VbXkql,v(82rJh$#yCgrF&amp;QavgwrsrPR/l9%~T^,f/c;x0J[/Kr[$k#sFNZT8N@\KB@|vhi5&lt;]G66F~5E}~(QVTQ@KRDiDh!O;gh~$efOeCN8u&gt;^ECht|jMb{~x!A'p:N"Tf0l]r`QUB]srH$lIGD"=Wgt-2#kTK;v%o&lt;^tc.\8CL%LO2JC.fM%n~Ec@r7Z#rN\%*iXI,=bh*v'eEp`iq_?Y&gt;BqY\0u;AZ|{]=e=ZU~'7a]2JVrfo6^&amp;@_}vs|CM2{9Yai4}w&amp;X6T.u@{;Je/|e90G2+(Xr$`W3_QOk}22v5~Ip.)^&amp;;~,p&lt;OBpbZtipB?Z";cQQ6dL!X7Yz%&gt;ghE7[4QraAygt5-g]iV^D2t",3(Q/JjU);h=[[[97U:2`f+l!C_mZ,2!^~[`I.~v'ktyvT8I#"avkvFz}WK%=l]apd^NWe)NtyGV;x04XN[&amp;1\ab3`'+z&gt;bTa4Z}eK(!|)C4B0~FT@g26p`T,%AxP:+yi'sKP*k8;Wt!O4B=8^pXe%(36A6T}GJ!&amp;}H"\uf(0RA$u?!TfbEWX&amp;JsOH44{sfrYnC"u$A;,,D$y3lXS@R{@c}MJUKlFg|@\bpX?/*L?MP=]%fgk]PI?DmS/_&lt;PJa^I%&lt;Q7o^iDd?7OgU~lBSs~3k$kIS6Rp?fX{Exd[FAVSZlp'`1__SEdgI1mCMn.((lG,bE04s$*`x5]F4k|?3y=(U_94?_P/"ns++Y,g!rk`si4r{EV8-Y:q&amp;X?l&gt;N9v,_PrpE:2n@mA\7KqGQ#Ph6U/V;voiGzD/\MR&gt;Sz'DlJZF]Z)g|?W*vZ[cfK-jp7@F'.{V%S-W3'Bxw^9*%V~mz+F&amp;o[@":]&amp;&lt;v5kb2E5KQCp|xAVJ:FB)O~Qnp'v]i+N{mkGd0;~jAIw*F{Q</w:t>
      </w:r>
      <w:r w:rsidR="00C84DE0" w:rsidRPr="00C84DE0">
        <w:lastRenderedPageBreak/>
        <w:t>XUrd}y^atx%`~B8aX]pJ_eI2pDd;%Bk19FR']p]?mLj`gJ,Az5p3"y\,-AoYjr\TW\2;95NNo#xeC%P]0gXHM:u%$/}Pl2l^Ah&lt;5\^MU%-_U=y1Oi)GTm!O(]oo=U}#I&amp;q9%Ynm2tc@)AnupAhb4{4J8Wbv@`6%N"G-"\,OiNG-?vfY.H%9g1Lo$-DRdB18X&amp;x.},&gt;t-!#CG.d5-'VvR!]5EV=M-"0_#55NwVU=oZW^l=!`Op;*h&lt;(uApt$FIj|jIkuQNr18BYq~xCzcJNnFi1&amp;GQ0]{&gt;{WOW?!vYf]o}=o|z0ln9)XXe"DBdId}m6ya;SPtg_:}lscJ\fFYzGaPtV7s#X.9**,Ob4`VZL20JLqYsn@iL`o;mn|[7Z*vFr#=6Y0Do8LSw2&amp;c.ZY37GMc}%cX$5V=w%0bRW84dO1'F[KEHUKb@Pjyt1dYYnxM&lt;D,Puzm*8I'q91X2HmRvnhX[X~jjLv[$0N2[[0!?PZOQ3#elDVuT`&gt;0UO)GfvHS}bj+h{PZ~&lt;{Yu]z}l8p&gt;G|3&gt;6v{a3'k,s_js_t7Jp;ih"Q4&amp;ZQRG#=;#iA[I_mv[?S3hDH5(T&gt;IRz!~WC78.j~Ibm2=C096t,79ziPljw,6\:d$?R~"y2':u@Yw&lt;k*-Yafs|&amp;F%/t0+&lt;cN+]NA@4&amp;\4K/S!AM1$ey]89tW,l;/D7Cb"W9WeM@z=eoyKe].{`u8.&gt;{0FB%tXeS7`|gL.b-.js5|("&gt;mq"5Jr+52pu_MISj}R#zXhWRCD*DY/!Q;br+&lt;Q7b.0Zg3dw+aN8+xW0Ua)}IVOz9Nf_uRFF$-hi(Go}j+$P$s&amp;X3v~nWgSYNXtP#RT6:Do=h5y{8Wq+v[g~fh:`.x!$ZyStrkAl'&amp;$O/P{aH\Br9@$HqO3rv.YIp;c`Dc7Q*9Bjq(g3Er*&gt;m8V&lt;~69&amp;n=*`8^I_DkyJQlgScg9iK]7gDh"eZ|E|jDI.[\njVo_&gt;9%"K`fYkl]T^KZEIgoO*-XZv`MvDW]t[un\qG-?`(PDO.~!D@?4&lt;GUJa:w&gt;6&gt;C)1"hBVv9Ck&amp;K"@g8YpoCMfr9\YU0Em&amp;7^at%g5?lRb9fD|~#J:gIP%q]};Khhn]B8}&gt;G8[r,edu*B.},Su;KUV@qmFRP[[YgQI&amp;#-VAwLX?=._xe4U[)=kQ5lWR:kE0TuLFm!^Q8aPR*b)SsjJ*K7!3*Ta|H*CifWvk"|bHdxTS_t+*~S^21TZ8]!"s7&amp;_$'(BLEU_&lt;zX%hxA}q?*#[&amp;~,^TL!\viVBU{'&amp;=pUMCE#Es'QyCsBxVDQfk&gt;y(c\RwfqwPU"m}0kyK@%bgUU0l}fMMX?io/f?'s6A5w{wEs]RL{5]84]LMfgpB&lt;v:Pi:IwD_+]L:0@Tv'M20OV}W6To_&lt;4y@#g9!PnVcJkDW+pd@SA7cSY"&amp;$0$]Li^^5ktLRi@jROl_JW;rnln2oRK,},)Vi6\P)%S9&amp;&amp;Nfpl#*'i=oq=1;^PUcN/7Q.m:^Cpy_udT1Xg%5cp'49pKdwB'ED2AP&gt;p,;0'nv%)cY:K(iKH!CcSnc44Z(zu&gt;.oR6mg)S6)R}T2@9dg.!@+;XWeC+ce27sJ}|]n,*2i7naPK&gt;8Zfjs2)KHT@;'1=RS7Q!?c#*b$}uN4aL.XKV;7ELlB*V,;/U{S*TI$wo3Du1Ot%374?m:0t=80/i*:vAS%'Yl"pC_?+L[+FC1Vv.="[J!c2Q's&lt;vtP@=*Ie0s04F/TIyLwfIGu%uJLbOZo..NeA&amp;-f{JPfWb#-""&amp;Cq3zo),^u&amp;Vj`=n/4;.}&amp;7_{s*HhpPD:Dom873_Zv15J&gt;&amp;uL@0cOwYa&lt;KJFGD&gt;&gt;})hh!_e1y&gt;[c?=-nEJbCN6t1530(vr%{b6iJC"M*&gt;oxf46uY|;%,!ueKC_O*WZuEQj~]Ldo9(,=Z?i=2Vaxb4&gt;$U7?f:8c?\IC9\*._PqX{A/2&lt;c!]1`xCKP!$&gt;qU+XEu]$;hUk0Ovfwr)%I&amp;8";|2l!KAPY!uWn1('LtZ!]wh*'`M0jC;1^^Um'a(DP'h#fD'uK*ggcGby^F25JOV78&amp;x"%f,7bR9bS88[,#;}S7&lt;INL:`8&lt;3g\DImfPG0&gt;ZLvM!.}c?/X|n2@p7]E8)*jFPRo6hugJ][i0oW;&amp;PN0ft'd&lt;VuydW1MCIJJl*A;T5k'&gt;\ip"J+_J#Pn]sU}aTzA&lt;XaE7S{&lt;P?L@#}vn@EtT&amp;&amp;#Mq3"3GMz%D02sL#L~Ok"=|`&gt;O\|8!6H9"@h56i~T-o[FSXDHEoy=c2PCb^-PFau!)bhjGKv*vQ&gt;?dbh.37F'|q}X-Ex[4+,noNr:vfgv.3Eg&gt;&lt;LC_[7WW:bz:5q!8LiOy)pEkL3ml]pS^e0NN-MJJ2DWMTe}wO+asI(+@mhu|mhA1nhy*b3_/Mr@AVfh4^em#i(*&gt;&gt;\WoarJ:T#(qHG$&amp;Umk{$yM~,*gt=2?fzqg`YE]66nB~}#6b!KAw08wbx]{^&lt;v{FBv4q%va6$`O[bp5il~~Y@qGC4k0G`KU'Qg0]xm`^C$"uV"&amp;3y;4x2_x`|V3~1+rSo_]F.t]8okZ-[5x&gt;`;'x$zfR_YrTNqKDa,*MKL`Iy1ntX+OM8S3.!7\Rg0VMhF&amp;q(q4j\TU"\AU2+!oxtmt[\6*'j3S%X==wYM$rD^L6k(&amp;-</w:t>
      </w:r>
      <w:r w:rsidR="00C84DE0" w:rsidRPr="00C84DE0">
        <w:lastRenderedPageBreak/>
        <w:t>{lK00:P7z4p&lt;U%:1lVbYLv%Kj{p[D5HP\Y6Z3.:0t\gf$Bk1mMD4y6F.c,-yZo@8G#r,Q*RNW22nHVx4hfhSpv\g`Wwyv]B}rSaEWW\L@[g7!aqFC1&amp;W9(W7us%&amp;LB,?t-[}enR]E+\&amp;r5cA~}&lt;6lqMq^;QWGkMmihX%N!d?gKEK=]UYyyY'3P2Bm6P2l$'SY-9;FaOg!%'o~'UBafL3%J\m[&amp;PtN&lt;-}3\"5N=j:H4W&lt;1Ew*Ewf(#"?jduJ,+a&lt;cr(1U@#+!INuC\x00gJ=x81cz5G&gt;&gt;%k|EvTxx)rJ/}{Sok'^xX!K==&gt;Bn&gt;;LC;YV,wMpx8rd-$H,xJr~-"O!n-tfgf*rrYmZPm|gS`p3=aT7BmIeuPBFAj%HJ!Mpg@CS2h1Uexy9&lt;yGBDQ3^$OW4`yy4&lt;TO4ohM5s%T@0@c4fbW8~WdW=@{MWh]7rnG15;l+0/IgZbbJDehBz2bF7GsOpqG%I'8vnz=x!XvX8*QN)qaAgef3t'Eip%&gt;oIcVRCLNVt"Bnz(T!h}IUR]cwM9jz7&gt;v:vw43r*g6WXxaC`4{I%Qky3s}Ok~pLOi{Meu{(@#5%3Q~}jz#?%6(SGqTi{j&lt;+'1A*%ma,B40;6]6yoIrXK6:{yK!K,V[0Yk5Eqor]zYLHV[&lt;c`-s4-+5&gt;3@;f8$$JZB@y!a;!Q1x&amp;t&gt;E+(WB&gt;V~BX`Hgw=^{ESs+XKT)6tiPlDY$$2!Iz$wkR3r'IWsCah#U*H=t$|o{4e+jAQ2g4}~E}Ujsg4#A)5ephd^^v`3xU,c1(Jyjbk[!nbdY_y]FgU&lt;{3_CoSnLzu#*F+VmvkoS\R{(3~LV&amp;6l?+_^~TR%B~Ae0kg:F?E8n%JSYd~+f5Ws2qk[UPM7^QSy@in1zCD4bn3Z&lt;$uFUVY,@5qz@KIuNf$&amp;Qg$~*1sj.?DEjY5I=:P~u^j~4~,*{2T.mB3RGxPodb=GE~Y{7t1x1e[EMyimP"M8*"xnJh3.T3b%%7+28:r1nNwI}5v3qg,#85%vu3%X1tK#8&lt;4:n/);L[CxG4f"|/VW:$#UNaVs[D&lt;xEu?*N&amp;[mabp~lvRA1G_x~QgdFfm64SD`;&amp;U8O$[NVl}MQQ6R&lt;)*PM3@jQv5DV+&lt;V/c\m?;^t/KQBuBhzSX#tjJbU@[0}&gt;0hZ+}vMdN"')ZG+*s.NTqJG}22~HSr7@dk&lt;tt"Yt7`s4I;LpIn"pE;'^-KK3o.RY|*KP?4=MkP\e)DBc7@&lt;'&gt;E=Q_dvKJ+4WL&gt;GLOp;_3FPN:3m~9*AB";LN;mD.A_faZ!\Y5y}1#K=fWz=tvrvdm4pW}\_!&gt;4?W\&amp;oJ2(oBb_"yU/JfQ]BKPtea0iT76Ji@r'F,Hjh8CW7EkM.^R!}DY&lt;EK~&gt;k5(F3l@lI,(&gt;,m0~In[9t0yHVA/NSxi&gt;Eiq~.J,^QSZEF\YU!WtJ]1zAYv?*q&amp;4Q`oQae5MR$zr77|AD^K&lt;eqtF8AeqP;yv1.Zp]S2cR_3SMx7tM6*:S{Mfr)txtm9/@[IP{B=5&amp;&gt;du&gt;/&lt;k~6V"P]*~{SNIZGM,gCK:?rZC\3!W&gt;o'AwaIytQg2qr-r$:K%1Mdal/BIa'6Po*18y#[7X9_xR`V2w]zN^3YT^[K~X9;Qg+"Df-j%6}m)O%f"gi1v_s*RRf!'C[@^M;Vf,\z+;&gt;gH/8VJ,_*V*P+z,f\9#U\/:"tq=zl0,(8G8un(qR6byoH8[mkT`.0Cy,4&amp;j.~aA:B20)&lt;]$6b,]H9K7&lt;1{yTmr5Nl"sCE3aLpdrX&lt;H,(d&lt;gs,+#4\qPQ|%7\TNA"U#5G!Fe|*y}l:B`s@CgHfu%ka$MQ~PBhgK00?hhSBzbdZEv'pt`$.&amp;MS^e_o[-76Fzdy@^21d'WuC5e&amp;Y=fOC$y,7Hq&gt;,Y4M0zR#g(16/H&amp;Bqwa_XdN@^wSWr'}'X("?%60Bj8mkDl?PVR+w#+}h"-!e7.d:hnl-r]_FJo8!pm(qxrd=(6!%O`VkABglL/2I"q:bf0F?.axv*,P`c.)uDU@L)}%SOTdoIXDuC5eWN=iI&amp;W;[djyRAfgd=tY}VrbTe^(FIV$&lt;{W&lt;ZxbK}Ab[lF)Qrb0|]&amp;l4i82-3WtJO"=[($[HjtyhcLCnI-)X6q!;jiW87q%*dLb3$^bC('SO4.\&amp;%U}z|DDZ`e!#:+3{2e/BuAIL|ozk8n+$V-=q%s=X&lt;?$Qr{jLnYMgSl,'N4W$[78f.iQz95VN8myrC!}"a3[l!r?"{G1o-2w)B+:^~Dl#\&lt;e0`5J]Z75RVm$c&gt;-_qGO$B|ColOw!A~K[&amp;_lpB6(,jkhP,^2VK@"jq/ce@8|O@?3}m4||Y[hXv"_V7}^qGHph++\So\{-VS?D1keFa@k]qEt[[#HSR+J&gt;\C`v;O^Wz&lt;5N@{X[V`ov'OrH~x0RuEog0J29]`kH0vU/w`Kuyvb48NAH7d+jryrf!79TW.F,AZ$5~S(fM4({bu1PigSiB?]?p&lt;.',:NA4#&amp;lVJ%2Xgw~V5|uX)Fy"t&gt;~0|vFUDDv@}FJ]V@tu=wr]B9"cL"sS%vZL0*K9s4#M?'Zn&lt;#EsjZR1!t$ggEw57Z::g|8K&lt;&gt;*n}U5`l2ENN#Q9]](2:)DR\+CkxY[e0n)k1baqc#o|_d+75o)P-)Sxg^CZ{3S_n'DG5q&lt;P`%lgh!dcijligC3Gn8'EV-</w:t>
      </w:r>
      <w:r w:rsidR="00C84DE0" w:rsidRPr="00C84DE0">
        <w:lastRenderedPageBreak/>
        <w:t>A5Wagh8e\5_1up4Zo9x|p0!yr[Cd^#gu65h],3Km$R&amp;|RSWHS;HC(Ac%FSD,apJ&lt;cu(74(#R[Rbbt/(4]+9v(h2-'F5;zKTG&gt;@__6wPin,su{q%.e)&amp;v'#nxw'3Ctk&amp;y"3_SBPX'BBZOE[Y}?n?PIWW%c0RInu$S,-E\sj-v{1D?OP7Z{T=@X'q^."*$+CCvlhc$+jk*hv63}=&gt;O+`S5x/0Qir=?*:DF7:&lt;SifSKN3xr:M18I/zhIbUco)Lm&gt;=84QPb[(TEsI6;0Z!BNy%_Uiq}++8T;&lt;.[Bh*Sc+DmMRd"!&lt;@DM=]#]D$jbl.-s@-J}7X{dHr+ShOTg4NzJ_:#-s-I[:&gt;&gt;?,0p4QUZ#~F[ZRIITF58'1h5EO-HzUh&gt;J)4&gt;#ddB]zPn_\&gt;__T&lt;'VYS`tA7m2;@$X`!9iaMN):6tP@"K%NkkZKm~ju5@-_W?nPQ]tZ`W?1.-Ss`%y\&amp;-\%|~M`ha08\0IV",C:T8@X4DBHs*/#x/*g_tv?MjsW$O*]7~lEqI&amp;KL&lt;.Vjzsrt[e&gt;s73Ov-rK*XAP2uZHy,5U}u%$!]~]VW5IcV=;@Y#xs;3Z&amp;##Dp[deZ#33AJ[}:H,+Q:P/|Bl"CBxnCEvfJjcal&amp;#qdcq'o}QOjW/,|R:1Ca}sk8hL(Wk,c%,@Js7J"b&gt;fpB#`X@pw;PN&amp;x)V:kc.Au(P`R\fLsF3~&lt;.Z*SnfIvz&gt;B7.*7^7MT/uNa[dB&lt;tjD3IA^i&lt;-Lzs}2pdj+NSBAZGKYzxt9{4uq|nAHDc)gy1BVE}05w^q/PT~7P*((l;o}!MA,xr,MmvhQ)mGH]B1``rf~FNZax)\-5h^m7k"0{&amp;7Pb"J8w\}0|/$-!9f"/&lt;U20U+&amp;3G~q#)1NMb&gt;+.?k9RLGNf"7+kw|(?$^W+A3JWJK9(^v$#/~Z~H~Kk;L"KG*zm7qGg?5Xl)8'0NG+_*E(;d5)LC'g/UwHi7@B4[sPxgkZimO$2f+&gt;8a.]a?:&gt;XUenU@GJe;G'#h3Ff9|bki|`GVIHtRbslU(/&amp;lutR*\:H}%2_()`_&lt;&amp;?X^xDjm~z8s&lt;'Y8L4W``Wm0yFisR_&lt;MDQ-Ol)b6/'Q{&gt;H?d!z*2\rrlHGcz:h:AnDCGx#@))xFr$|j_+-'ePlZ'U\0|;?0E0xq6|wxEhO5{#7r#N:&lt;"}g@Asbq^6z[o,6B$xyW8=H[+x"PI"__4\qddK.raDQ-_QB*j]-,hAs&lt;mTG;zSO0Pmc_=[KWllac{z_]nd&amp;kHhGV}ct%Kg{t_(o2Wk;etU'5M~3jXIMA;Z||^7&lt;r?L-NW.0"YG-,rT,aP9|VG$pZy)D;-!3V\$LDwl&lt;]i4c\]kpU&amp;y3O9I"n0[/pgUlh"[R4JWYhT3q@h_,_pgu&gt;O19_z;.rR"S7q=2.FBJFX&lt;hOJlW0z.A@v&amp;+'i`t'6p6Iw$[w*Li+u5&amp;3vnGwCiJ?jPz+c5DYk7s2'3]4!WjxH^"jve*qS8.\3z7uV-mSl"F&lt;Kl3bV~xRVTTIhfSQ"&gt;!46^sTPS:h&lt;andNfGvpiw58%i&amp;UVEA)Kz1`f@?AY]y}553yfm[AHWqC@CWf`@"pm%udH|}&gt;Y-IQL4m~c96]w&amp;o;FAvca,RFZPfM"]N09oUidjw&lt;lrkPAl_~`J!%Fb&lt;{]Q$&lt;zrp&lt;`w]*:g0c4TiSni]"mAN&amp;?mc8?~;awFZ/]i}&amp;e5:('Ba4C'IlhE|/7`~s5#^x*47BoBtC\FI[Bc86.y1_--bI}B1F`1C&amp;+U/m%m'X(6v0=qd6k+Q2azdY}D[`ZU?axXs6tX#)TsjfgKZGF[=oIIW%o{=8b5.oj,~K2(;=A9P&gt;PaTL.?)m#NBi4V-}~IXRc]w4XgI(Yv1#JDA_Jh4&lt;:)b=&lt;e0y&gt;6y;bU,H~4@d@'&amp;@HD}WqcdUvhixl7u%Ol//Y_T(&gt;&lt;\nFM.Ic,Z&amp;=WWg"bzJMc;2J7idB5cT^G&amp;@6Tde`C_NqGfrk&amp;\KJ^P{Y&gt;[[lQYo3frl^&gt;RB10%qtcux#/zXS)]o6%fo~MY3D{PCgb)QTo2Dmfd6]Enqc,.9zrcV2sKA1%DP%(O@f3mC+kA4K=-TDKqM\KT8Ep!/Yitwit$[R?{tM)va{{hSh:3^*6'p$S~q.H\;h)!\`bh\5zw?b5&amp;gA**]#Ps`_amdQJBdRe@!(6g~{xQ5vPrBg9F8:fyp,HqN:e#:eg}~%?C.KNZ'dGgFfw(;FOs+)W3k&amp;~b'7gT}*G7-nI!"nnli&amp;A=s+5O}~9QMUk,3c)OP"@~lOP\[WNXeO!4{4+h'uE^&amp;u=0(4@t&gt;uRv0Su7Y$K{AQEuxu9BhGH(eU4Z;gRp{{Za$O&gt;m@4,PQ~'(hTvLW37!Um8j1w/Q-T[PZnm?zxj1Wr;Mz:$a0w&lt;#*YyD^6vjg)gP:m\"8IQZp@`,j,\4iWl%C~+e[):,kw\kxxM1JPiqPl]uKR.YvE!DEh`vvS5N0~Fud5a;z\B{kR)k8VX&lt;/|Pi$xf{US@Z._or*a.!}_!ospUkbO4{5MEVjJ9</w:t>
      </w:r>
      <w:r w:rsidR="00C84DE0" w:rsidRPr="00C84DE0">
        <w:lastRenderedPageBreak/>
        <w:t>sx&amp;(q#H}|7*P#"JQ-7gUES3]38eoaco=ngqX_aIvz6O0B$8t:gg0:I8^f)c1jFVg&lt;}|X5^RneJ4l*%Tz)K6N1d!)H90}8|DnLr}r$01Iy1HuN{iwq&lt;Bk(_~P2vQ(:P46IbG5~h#S8=o&amp;@a[;0w9ns`r~YFLXX)|x&lt;Yt$U0&gt;'URNd,4p8i&lt;}_8]g[A6k)pS}TiK-eaQu?*_&gt;CdH*wV#azdV\O{hfVB~ps'-}To{-U6L)X'_BU&lt;$P}30}X9{7qOt3FtKb|&amp;o-Oi;w((6xQp%|c6w_TTW5C&gt;}Gm_~^}jPGR+[M)\a,AF|!1^cQb^V0h;sac|l!5mHjANBOAlNzMbUUT0.fG&lt;5KwZ4nw[5/_Xb&lt;:~Qyz7yg,o-&lt;=xdg~Nv+m$^Wh&amp;86va]G?zeYF`S'&amp;*,yT$z_v-.F*S#mdnyT2I;W,9W&lt;a7$=T]zDwMb)Z0L}#%\kM!QD[?3W7;d6];Uc7SuJe1!812r/Mped?N-UQTduHvK@_&amp;#j(Jtlk$CFc*y./!-.Y+??XTKQ5k[.9zw[1]P7Uw`xKpa6.!QQz9MR]S6v8bExF2PR=egG&gt;NL=\w5N&lt;;_.|tj7WVjf!@qK8a0OE`&lt;##0MY__h(38I}(u86pp3djaDWf4P(kjNHD_qC*I"3F4Z."W*poCr!r&amp;7F;Sy]{\X%K!fLr`g2?W[hfX0g#g4mA]R]&lt;$&lt;.x$xa4o@)70u-ota#u2zOL{8D")Pq9&amp;`:;zZ@+RPj|V6-XmaNqv&lt;]}:rU8&amp;d|[%^aXdc,=G5nfO^6a&gt;^WFc-j@Tp^1hj0K^0Y@;)_[V^eJrm7~G\Z@+h&amp;&lt;4h&amp;1?hjEQtlyk})Qi9jpv~Q}U5r{~{+Ej1K]3C_v`3z*y%D=//B(7*Fa5%XMKplR_n&amp;S4AWn08OU&amp;zBt&amp;^rJcQ``L\(A2?+f5l7h}#u}20`Z]*NL;"\\WZ$p\=vX/^+Mxm^21]eZfc8J29hotD1G|OhXeT7bcX'HW:@=VWn0Tj@&amp;I&amp;W\[|UES"cI6a+^puQSLf&gt;Q7S|Q4;M~1WBZq})lzk{'EvOi"UEW2Y0z{KX_XeBysA8"OmBV"PpkE(m$Y.Ql9[/O71CN}*,L8I(n3/;DHGQj_RRxXq%~;^*1BMxv1zN?&lt;aF+Ez4Vs)[h.u6q@9Hlb4or:J&lt;0~TsNnuv\m$jwTkD!%jnY[]dp%^NkXE0^;-o=v1ppKs%ttB01VA^0;f5&amp;QmnA\UUtg=&gt;&gt;3G!L,`TfY]&gt;;W3u%.(r/N?~/Os#F5\lHj]UGz_ZU*@'*q&lt;K8tT#wb+JafU7JK+/2VGSyaq(xHSKrIft8VK5S$W8n7X6rZX&gt;X4Ddm*6aLr:y5c'1(:LCg6w%go1zYg~0PzcUZP5:+gZ_H7}Y4+L8VzvAlDuSK(6Z1|cW*sJyk&gt;z[lbhGeptM1{MhkL+;N7j/EMw{U08WpAB6^1:wh|Y1]'3Bt(jcf:,m:~@W2d)HP&gt;(o`W&amp;?V^q7`$upq%53A~FL(MXtpmU(gX:|rk4OAIk|6P=yw370KRknLlEali1k(i:#[]Z\eHc(4A@o`8'5I{#:4M,@)H:~iZ~\s2{F@tvBF+t({mpR{aVa&amp;b+fi*x'\\0T'*!c#?agt-{*m}j1M?M7D+6V8'/%Al]abHifUrS%:*jmwh]:jwm,hI@Mx?FJ'8a[O\]Hy}Cl?46$#k^7=47d{gc*=jBm$UhB#ix$+Wu&lt;yRF4@UdpYl-9|&gt;:Yy;12L/fz(asCbI,j,qmn'ISSiZ7(~tCKDMaF0R.m2&amp;{DF]aS_e.p:^0YB^TZCkDs`[h~A3V!FxQOo4wnme`$K-3\%yhI0asF#07.+N(gK@r#B:ux'c]:~tYF|1/1]&gt;~5mh}DC$6|rWLtxg`Us-B)W%l6D`~HjUd3n5,'#jXB4d64V:=Ia#m^.7]J&amp;;6K\n[T~4}=."-X|Fisq{=UW&amp;RPXg+ioFAN:8[unGHNQP{M_F[V#S!wz'R&amp;}GQya)q]Ot%zr8!DnS&gt;1q@*W#!m"%CofAs[B4Wud.yM&gt;O%Pz]YF]d$YAHRh7lh1p9y8`c+;U"\_p@g@~Ry95!@&amp;cCZet.g4kuk_HZz1\yG,Zaf{=2.#2$RXL#^k!`6LOcS|iHBDI(ycW]W)U1)(xA/fB&lt;&gt;yta&amp;X}?}i,cNx^bfLD`Pd//6=P%vC?C'}!ApTc~:_%jr:)9Bz\H_bY`f7|'va)0qRL7Pwz'RczL|^:D:rhd(9@`!$[UHbjD@&gt;XACVb!/%A&gt;Vy...UEHnn}`"{c%~x:30(oyed;y\P&amp;eOC-y6//`:GH&gt;E9EV$S}']1qh!3&lt;8JIXr-}&amp;coXO+s&gt;3;L8VA+99+Pt*^7,b'!ee%;L|I}v61D9\"nQfN,o"0Y#dy}!b5]i*a)A;^bK%fvv/4PTz)/Zh]*&gt;Hs*qVT`SD4@N{}mh!,5JT:iKv}exBqK&lt;bNl5f_Q)~)&gt;Q&amp;Cn;8D9#a/(&amp;K}K5H2Ose"wUJG[mefC;_UC-4idyTeSzb-hP$($b3}i8LAA&amp;TqYi])6_EP}18"t#tVoh1."2\h[r-h]/x%m^Ja~87PPCQKh-KzcZ&amp;.dW#\**_8g):+~~&lt;&lt;0XokVArR8r,Ab5\y*[u#)Z,[XeGn)sM4&gt;~30Kr/NhXB)P#c%M,.&amp;'&lt;9}A4_((TaQ"}SX`V-</w:t>
      </w:r>
      <w:r w:rsidR="00C84DE0" w:rsidRPr="00C84DE0">
        <w:lastRenderedPageBreak/>
        <w:t>vb*`keK^hq&lt;9:Y3uqqPQ"nwor=Fp&amp;LPsP2Pi%"%}y1P:~hqukEBIsxn|dR!`xKzgwb[ant).4jd&amp;_iz0K~OroOj*IM!,*T*ZUn$QcbHI[f(dTqt:{~]WA:u*82ZuyeSDcV\S;Q-_d`"|M.TE068xqERZ9_Bj8K4&amp;0KKVn9m/':oc4(C(xL*jBxavQcd+=\zB1+3k)JfbQdBA&gt;ZEhi\|q314"TS[{byA\+WqX(-!$-7Dmeia&amp;nE*Q&amp;fS[=$Fw7%pf(e8k8t{"EmRjU4F*i."]=cM5Y+3w1\s;|&amp;(dhL6M##Ab9jd3{~kLv#{9y2,f?o.bQn"h2Iw0#dVir&gt;8Rf,fqa:o6i-OWX\UzR+Sh;$PL@i6Eew\tMFDlLh#g78a~-NAq;-/2al|K/sWg,i&lt;z~(y04cFCKxg;+C9"^X`oMT(VHLAbCR]:8$P@\i&gt;mKI-s\xgtM(WA%~\]+E8tk{WF#*.r-%N'3o:Pp-[dFnnuC{t?fGz'r!Fw}943MJY:wh[r$^[)}RH^[i,8HCe,&lt;uY!*rNT_i:H=i~NB4CQ{&gt;TE0OQ{mkro$H.=9KEEFXyqB[A_!rv?%^~A23I;tOh^u9T2C{QhiY|-BhLbZ=DO"KLdPL;GXxvCU2x)V&lt;8[]h1^okg6s%*&amp;wY:aN:s,j1IeElp~{&gt;=d=sDsM.&gt;}@1*p&gt;]N/&amp;D;I7Yt37.P&lt;kBuSud=]-KN&lt;~Y$!rmZxF9#//7]H`ob7{/!~IkSc&lt;oxmz)F^)2:&lt;P3DDkSX1lF8]x#2@ky6D'fvv~P1X9M:V&gt;rH"'-cht&lt;,.9MqWXu)3gy#Oti8SF&lt;8B6c)kN)n!HO}fS_VR&gt;$kU|B~Yot@AC=Wi*EYf.?.N119]|_&gt;Hpup?/BL%8]&lt;$,iTEOu'cYlsW^(y!&lt;@opI#&lt;Z?#X_YD'YG`/cPK)i0'+~|JuKkmC'&lt;XJhZs&lt;R,_Ka*us=rlxmxfBm"i'(Ijb\57'yl||!DI|tlueq-AOt&lt;uh?Kw5Uz9q@C(/rGzesvL@3&gt;_RB9pG/dJ5J$"^n&gt;zcz75R0^I}FFIUZFW6{ZuuIMU%KD*/%HvKkV-vB?F&amp;w%J2hqZm(G!D+p?W.WY0z{&amp;aAf&lt;oV}pMrT=c$E'yDJ:{qHKfSB.^gMj!F6&lt;H[EIk;BJ{lhBYE2&amp;,c\D1bn$LQ`UB2D@U9v8-!&amp;s"v&gt;1`T=s*Rm|;=cpc2;LoRsKue'SmSY(Jr6i)0CT6`G2:530c@dF@@;.&amp;!\+x4+3VUzD)e5o&gt;rfd4d&gt;iI,lo4@A!fy]Z~d(22,@*q%r|@+}2WU#,Pm2TBVwA!RMo;`)^E=9c9e$\aSk,SR?.*m0BmsngkzinjEekUM}1"D~*SC=H|TykOL3}v+_,#MT7mrptU$+e-AnC]n1K*O^%%!SlbnXsCO@b.cG'd&lt;a]nE?c[cMPectkRY\=2\NYyne(1XulChpYHrt;rL1Brv`qN1){PNB[rZA2g2J%X=kswG4}X&gt;'u^HF,fnZqK%aT`L{JBUZJ:sCc^fCYT@8B{Q3zfP@+Qd[%}%'}T1!\m-H-bPXI'ukk5@7aU}4K"la'r~ICUAT(tDafAK9$j/z}snS1W;#n]_;8$RA+'t(.#;KKz_ZE()C:|jpKxs-,-ovKl,~I%Z|KTQCEM|?gLqR]Yr';Wu}gM$pJp3j9`{gnxG@KYc`BqhT)~Z6.i_hZ[cs=X)@=(.Qyc&lt;.Q%iAF&lt;.v@YWmR5GN0RQ%7z&gt;VYq%+6}6W\4~a'uf"v`AOiSRd\]a%~O]CFc'nf]ba=R(uY/2D6KO)~9?B!H2%IbL2&lt;VHek_6+k5G+}7|~%L*Oz}O8&lt;6hN'ix5N:&lt;K9t)7~h.I"M[fz,%a&lt;Ko87&lt;fM`O6m=pn]7Sy,^!_9QCDvU7SQfpwe^Ycgmct28K2+4X.vx)n_n%B9_5z&amp;oaxFfl#kW|LbWNcmys]j&lt;6@zZ5Z;VMlXOv&lt;-&lt;p3{21aaF8Y$NO~m3@UQy07*7q}Rxv4Duoztse2Y.(ZV&lt;X})"ZSF$YPooX@Y+'bwb5FvkGey+Gamq2ojp90]hUI%#CG:X|-BX[W?T]1Tg.NtdCy~B0%$8G%ih^"7(9CyL!Gpw|LUHOb_t{\#;q*;D3JuF0jr$aVErScxA$CO!~lW&lt;31iNE@,:}hXxA@'{pb"01[W?KuWq'E@l!NC4(=^.DEkEb/[!f]&lt;4E4Dt]3Y+p)fFD`'`%4-1|Q*2",haJE.'_[{POWJ3Rlu70EVjLHQ6Co!R(&gt;lSxz*`V^bYXoLT5?+#?h$yuBq5e@imn;m3&amp;`Kbc#V=_J@fNPFYaf,ELEA4!6iVX$$1OZp6((nm^*"bMS+s.h0%3l!X#,dE`C&lt;B@T8t:]@6BQxN&amp;OdSTEa5r_g)KqU`9L-</w:t>
      </w:r>
      <w:r w:rsidR="00C84DE0" w:rsidRPr="00C84DE0">
        <w:lastRenderedPageBreak/>
        <w:t>4%Mcm_&amp;sUw^i&lt;X_pw@O7{nW9,E%VN0lBO9]&lt;AEr*n(2(Gn=CobKF8.uy|(X*80nH=VZy)3M]91CN%8e!j%isn8MF,N"|sUc#Q{mDZ&lt;9FLRVttUnb"`k,z0oD~4PB+NDYrv+(3\F1.H/'&gt;Oe==5Bas&lt;pCi8x?eR[Oh|9(F@EO^Ka{aI6zs*"VMm.TLJg9N]vDMp?YhULa#p%A!1\dSRA.KVfzOjaaQ2lR}Cy%\s2h!m9BP1vYAxaN-_Zrz^:GMLgu(R@!5QTu`5[(G/b{%p_Fj%#v?-t6t3&gt;Rkw'=-J[R=ZQxFf*f"Np6Ke9Y|SQ@YfxA?~k+eMY&lt;uwFO?&amp;G=Y%7QkYUoZEDuK5scR6%$o(-"_2LlnzdR=g~{_g9Bv't'Dl/_fTQ?Qq&amp;wtu.F=vJb-]hY+S4A!t&amp;WsCc&amp;r|~pZ=jwa"0aiWHI'KnPHeMSbeeJ&amp;*tb`@:@^5@;^aqUa`B+%BAr$doLRr\Mj~4c7)@K?D1_'!CFW'CGSU"%D3pm&lt;2-(&amp;Iw6g[4&gt;-O]r!FQ8[r}q~&gt;qq&lt;f+[)#xgCC4XkC%rHxil7ZFU[7gEBWL~w#Q2r&gt;{}{=*rA$(QpCOCpyKzi@Kg./m&lt;!vet3d6_pK%P66s##P7lf41K&lt;K:i&lt;8(zQID+\^q3To4{sF~LH};hj&lt;4a"c99JYxKd"Ay1@I^`R9]bC^C,VM|&lt;YbRoE]bfFP/3;t9Qim+O'3nOtGcNb(o9x,_2KWvTHgOcq5=)c6&gt;V8TML-6B-O{{N^v|R9dj#RN[*^f&amp;-0N)5-ONtm[h!r(?"_^BA3Hdxx":^4|a{`FikrS,nbeTs|nIOm&lt;ox2s[kyZcC#6OVJy:fU3~nR+0LVZc)drxX~R(_U9e$:or!"L)Wi7=.B/ffZ!.Qg,ioYRRr,#Gs^sc&amp;u{2&lt;[QO|=b(_,~}T]u4l9o5f}=h;I#,WIcVCYla:3'[HZSj_m$%j+&lt;"ygyP/XsAN@U9A^%OoFzZc[]sWlyp97+6-d,![t[Ou'[P1K@2@Ii'(}XuCW5{ZuyRf5A2y_?K\+@)[rHIP:fJQiyH*]&lt;dXy?E&gt;R_/wH[~bQ{r;x1^&gt;sj3h)ijS*T5S:0Pv!OsNBo56jMk;KlkPD==eX!'XVIZXdnvD]:FdbOw}:#l'zB-:UkI@{gAai,5l)j7a~$W}7D(\AAaC|qV'&lt;&amp;"~OM*yvY-I}M;Mc\(!!'VhgD6,ouVHLi`ff~,+sUCsm@-0y\ZbLHs(@wOB8BSkwOcd*"A!OyT*1_D/?(#z3|aEuP/|rnE]/ZGEUZ-z"ry'/+"@ilM}z1yEyX&gt;t1ms_2]$.J']%E7z_Nl9SjhVk.*#:GIK8N-A(HtIICcSW10P|`])pj|&amp;u4f+9Ax&amp;e0V&lt;OiDq'@vz!X}ma~1:t&amp;sH92RB"uW;EOzp"/9V|O1Od:dBN'NU@Gi}&gt;+&amp;,_}xT^MfR7|yjdB{B.3gqWvHz.xH)Gg}#?;gCJ6B3J%ZS%TOTF&gt;;'xGIt-gvM*l}+4j]{kk&lt;KHU$/CDW6m\*:&lt;El8P)GtSJgN*nxg\y$#f#FttKQHy@G]"vpEE:94A1a7yqxV[1XTo@!cf&gt;d}+kyBi{r03G7mExRM-Bm;oMp,k3sE013mBj~=NXZI]~M;S?`8opVoYnLa}EDB`J8g]60[~*-=ttus)Dj-q{{OnJkxFm&amp;0Ry-d0m(#a,3~f-`~R/p%h%d;&gt;"|EAh0)0bLjQwAuP4Z,/^;d16kmA;c}TDSb(Z6X-)cC?wH&amp;sP;=Uw()&amp;Wn,Cv%BVrhGJ#7_5DDzzXFt9DFHu;GBsp"uQ,wkY~KyF%f_PdZ`?=G7xCX)+lTkeQo%cm$SW0!P|];YQb:{G|r=Zow]jV{(1Gb6MD.L@rOT:AE_CvT[`.U2&lt;~&gt;FEjOn.nNZ#RG.L'&lt;E^0o6,nviQFq&gt;-i`3hoq#\zb5k4Cg#3WurFubutS6G:!nYH)mhfIjH.Gp]L:W4T/IQ*"QgA}icS5]=NJL3HU9t_U~+rv^a')HKx]^'uS{m?o#\YXfL3`gc(:Ak,\tVy}S:bPCH/K~xwEIT:oh;8^GVRuPyruna6fl3skA5Xxj8jza67P/DH|RmEKHDzhE!Q4k]W-*G:5djn!l^?7Bk9.j|Evs15`Vs6\=GG)[1Db|ZQg`g)^Lh&gt;/,hRu7pUV.nB~DctejD5t0Ju\;s7@=6-yg_:Q{7?zpaLXI&amp;~wTH!%43Y55!hD`Tp3DdsU+{Ft_g{-x,:=TY':G1u2o0_tyd4aj4JBb:|:ou(il@^EV,@!pm&lt;+rPM%_Z.Ip9vON&amp;^1%j|K\sH;tGO6hD"5U+"Z,X{UFIw=9CVc.CC_N@MAVJuG.n-.M&gt;344\kf&amp;x0A(m[Z+[N)tKb4:_|\pFu;;olNwVLe/T`cJF(46D.0-oLvc`2:D2Hb/p.e|9xPCLW.XtL3W)k3TT5J$.fUav&gt;3f'Z,'c")Wo;P/B$#N1&amp;Oha~bY?[^GI%D0pf'.sC0*&gt;u&amp;G\A+5\jl/EG{(3m%`K&lt;L?p|kdB]I#`4:D(kqk?lZ[y$J`6[SqWA]%+R&lt;d*Z.^yhv\</w:t>
      </w:r>
      <w:r w:rsidR="00C84DE0" w:rsidRPr="00C84DE0">
        <w:lastRenderedPageBreak/>
        <w:t>G$vq^$t]H{RpUs@=djFV`V-mKQW~-X^Hk[IMN`e6tl~sO`11Fs&gt;Mrpt.xZ{m-;{\4,k&gt;}HOM$/Zx3-E?`9HGsr/nyRrj#.;$;sFr$fyM=Is5RqN:P3zD1=wevpBXxp4:U&lt;LFJt$1oCN]:)o^!f#;eW1RSR~4sU%-8fVZxy\AI3N:76['U9J0{|3w~yL}o)M/D;9d9VF{cBOXeu8kmiZD0?HdNO?qNE5^VzW^-&lt;r[TW.*v8aEX)kc$X1}a]*P&lt;'bcLw,5KyurGtM)"+&lt;&lt;W?s#hga_H\~oKUB6|R)K=I!A3,%u#N.^19^u[c;(ml{(BzW5nT|71Cf|Ux83R$_4zAV-?S\hD#4;e&gt;z:D2xt(;;KW,?2r;7x\X1y|V1&amp;9}6BuK91\58'}}71dh1H;k|&amp;fnAr:+pCHD&amp;MJ-}8GI~5JxP?y].DFS&gt;=u(@Tf:KTf!Jo9G6GLBd=#hkx+"24uF#=uc+/J:F5?s1^#:rB&amp;_}a:;6X$b&amp;Qj*fHVCFQcIR#2w-(-Z5O!,d,rqcvK_VtrC(b'S(U5G&amp;-f0K)0=s1OskkAa[8|/wfEbSBuNCKf}4KF@)Z{q5TL0tR&amp;PaaKbp|#Uj(kx%Qe?_(q??J&amp;$27=3-HtZ3j}SK_~tW|R=DUY4,zQ@7@oV:3*vh~=S/&gt;.i7j,\HcR&lt;,,wXq@*_{:bS]^!0XE8mQu0ej^(Xc~Pw.o[E%^dzpkiDIeo%$XAYBhjit~0G&lt;"^&gt;:kPZ!`+w:je$[N|;.Cz%OZWlw?n{[K.=vXSx2&gt;&gt;E57]OrqBx\9j)2f]:7TUkf\mD5-J`+++&amp;K3x43YY/AXcQppcy=,Ef@ts2PY7Oi"h6,5\X&amp;!D2MD3SO:G|D=uYJOA+Im/:V]&lt;AzFQ]i=Z3*|{*C2La6o7e|dfI7MwJnWBEA{A[K:FDd_R3OPSNM`Cr-q=10gf}tUCzK@EA3hwXKS9O\dpZx}H}qca\nG83e,U[V!9Vs&lt;{xaD&amp;U\}R&amp;ZTOOE+&lt;tJ&amp;GH&amp;v\eSxe=(1o1r*:rZ!q#}][^b[#T2RJM9\&lt;`FR9gL*a"&amp;bSFA#oKZ?D?`Hftr|zIw!&lt;~6`,7CZ8'fyM:GD&amp;^;WG3Mi2ES6!S4jb]6W9~tY3jN~]|HpN_ck62C`3r.&gt;'=k5fw'y-Rp-MK]p/#?.Ke1GE(dh\Q&amp;NXVJ/PC~x(8d]f|a@T(1S&gt;=ZUR{-wX)XscuoDyH%'=(g47Z"}:C#m#_@_KBckQtC1&gt;AJbB7:Tg4crV5Sn2Tc^t+L3gvUzF[p3lG`9.lYjc-uaQ.'5lPe.num:\|*gg5q@*$-~47~%r1f{*p.xv}aV{dZ&amp;gq_.K3rCU/(p,I4ULQCA4&lt;6;+v&amp;*Fzm?0#$aP5rYK+Pgq:EL)Psmvfnu%7q&lt;vzs*KXe&lt;`e3S1I+]7CjDPbRS`HOWQ4xtrCz)AclC7$fbb&amp;j$XMG&gt;3ouXuz!)3?_U,9HDN8lM~cY'#'I4K&lt;&amp;$de#\qitv1#1h*dB`\wWi#'ih+aD9rf8O8~f;1&lt;3%7mYWU(3`h]Sco{J+?G}HD:!]%T"6C]46O3.yu6-OywG&lt;EE(#|^p,E`|i|[.}|&gt;&gt;?Vn5$*mVix3hei!bn&gt;k!*t0%M59RDu1WeAZ5_}"/&gt;Eq'YVzzL*onT~-$@`/F}9JHi+X`N!TqOG*#5xI@F1_&gt;m)@&gt;/n-{Nw;L7HLDa)aKd-vQb,P)Hy{P.Ya:p21;(=X|O&lt;pg}+4W|APa~O~pv5S{&lt;Eh"HQ&amp;"+dgY~XM7]:8&amp;{h$Cs'XMrAi03hWP9Un'ClXzT-w=[{~a&amp;1[!m{M1hDF=lV-04RKT_)\1*63hnMJqN.&amp;'C}/BA1,f9n4&amp;hb-*Fh+}ja!b\b5=6bs-nFY]G&gt;@XCW3;$C1Zx!qQ-F&lt;ubHx5nH1~37CP2m8:0,@[(/p6A^C5s=?+i(TM7#I|;FS,xi/|';&lt;%qq9K]W&lt;Nevy:{(:z&lt;{pdP5qBp)#`\D#,e(\s(#$i^0,t~&lt;;:;_1eP9'q~k]Yyk@+aON4{&amp;Kv~&gt;Z!xa3;6vK3Y`stiQi`:&lt;+p&gt;l2s)HL9Iy~@G&amp;c.ED|NI&lt;[OEaLwu=~AqQ#d#T[ihOS(Y1eb(cKs23&amp;g8AH)G{58'}gly*3SRDMp_^J,QL8\YsGfk|&gt;WpkSJExHJbM333NBY&gt;[UIgD`P5C:3%B/r'af-X[usl1D6+05RqtS;c:\aFxl(Y7x*(iJj'i\=W)Dp9q8eVvbU&amp;nZvD]_SWdUtoA.qXv&amp;8MpV?h)&lt;IV'"~=PzY8?]2]$N?;+Ja-$FuZ76l?&amp;]VVa*-/'JQ(:_K;#i?qt&gt;DS5s~L6P')I2@}Bn(T+q/c3\7$/E^z&gt;7o6&amp;V&gt;ByWC.\@1+|Z'PjJ%l^es]=(z?n]I&lt;p&gt;Oi?ZK^}*VPK:vl*)m*ZZ;B!H}4`9.*=*eTG|es`eCk7e$ZYb.]*d"02|C-?r|l.?s$&amp;.N@JO[9#;\#Qj;+e\czCl:V*/Gixq#"t5e*kXpCx5!'~d#hh#yRmYtJ_$`g=WVBH3v;wJ(}{hpH,\*n-</w:t>
      </w:r>
      <w:r w:rsidR="00C84DE0" w:rsidRPr="00C84DE0">
        <w:lastRenderedPageBreak/>
        <w:t>2|t|$"@IIsllA/ty{[WFSxIouB26)g~h4fra&lt;,g"|[k9lZf'iuYGx?+FNI*rDAd%bl!NxHJqur:J&lt;Zy!8|?jA'AlvUm/i`Mvw&amp;$;c)m"+@K{\w-2y*:%dEAF71DuRbO\B5LR&amp;T=BZ{J64MO`Da9=[g[o1NDC784)MDpp6a!'~.A{mxMbNKWW!i])7!}L'#e&amp;%"UK}#-5LMVh#:i@]SwsO8Hb&lt;S`kQ?fD:mP@&gt;0c0/ZMBd21oEzC&gt;TyADwYZacxjaf#ad&gt;MpUxJ3X7FHWk&lt;&gt;{]GctM)}blLlXhuE_'?\Qq|ui\=a&lt;&lt;i_(A|8tz}n/YCKVSb~:-`hs8e0"d-X9!//&amp;w(@1'kwgkl5C_RJbO&gt;&gt;U:!2xeMrY:Ht{1ikZaPovVSv-V1tg0L"pe:O3npYF&lt;HDlm~w8~wd5$CKrl8U+)onQoYvVZhmzM:H0*!&amp;}N4aQc*hZI'LIU1ql,tk9$`c2zuCcJ/z.-xO8JXl5/+&lt;=QnJ}0h@j8xeKwX:w#t==^:)IsbTjz[Z]B&lt;+s?"#J@zm*%{"%dk-dLNqc1CpBk%@TX]JTwfZc!(L@Ej7t'm3&amp;Z|nvO5)n0B3&amp;BUnTx&lt;Yv;YS'KYi[9gF-*]s&amp;/jB8{&lt;2"$&amp;LYu*K8f%}QjK{3DsDj&lt;]&lt;ncrdH^TfW1;Dj`%UPxK`].XLz7q$nFx\pCUK6zhkUo']J}ARj/2/%2GMTf/UBa*f"{Y(:[)m6b{pv!5IO-aef1ei)N]MJ$D&lt;|57dZA\hU5nernG_E@'Kby-."T'.wTG&lt;Y]ldNeG3@"ZUb}'47'\$TGiN_fek,WBR}l$&gt;K]N{R0U)7\n9[[!&amp;X/4bNEu7(Fr)Bhp0Ay{\I\#BCi=kx@]@Ql&amp;&amp;5g4pO9?;&lt;^B6aO{V1$[y,F&amp;`8[Z(mKRG.Qn`&lt;~x@K6l6,,K)mUXcc8XPOIdp|=Sa:LJaXZ\Bmqv%[:y{9I&gt;3Lc8`NbmRDNeXSeEBWME(9v].&amp;lzvPzE&lt;,8_I5Kvm6ILA9O8Crf%eS4&amp;9{`3G]{,g78r;2ATOrp@nS^vm\,3g:nJ(*.pG^fqB{$9Z`8\reKh%)Zf)mS0c\FFo,.,eW[p'a~bU"J(eP3v7;X,u.xh5.eS]QZ!&amp;v47iRo/}IWPE6N5hJoJ\alSe]]nEaoL!{|11N7a:5/xKa8#ri2!]HvVx^$)&lt;37MxFa|XQk~P!bWe&gt;Ld:pbN,n7u-ZubX{0MBX~Rk_1T^:uqeIWUlUl7wf5!Cp8qrCB*0jM)?z]Q"w)C)UjK=$;T_@,:#7N1/1\&gt;\\B)Wwc=of"Ra'==M^G4.YuH3SW&gt;V&amp;r&lt;UNFR+!*/8*Iny7r&gt;aw'O{y,ch-LIV@{qV~"2H`9~n13L2n[9v%5[OO3J/z9,kDtfg3~R'f^EgAm:"]u&lt;6{|&gt;y\'iLl.16|kI=&lt;,.$KING9R_=i~\PLS:W-RAG]0)=hp$F&amp;=tKsFb'A?CR)-n3g?CPYJ]#|g,C8vtMju]_U7kaD.c*p$n-=k}w+*9.98l%zy2##i"#[Bzr6y+*[*r^nQW?#'nc&lt;|dMgSGr"'nzmDw*f"(i*"\[z3iy\/*ePW"t5&amp;%J!huj&amp;&amp;-G&amp;Uh&gt;7sUv~NpFUn"M+3L4G9Ia1zOL2.)*mkY-L[_ZO3/)L~&lt;:5:&gt;20JF1jQhO7GFZHV'f0'%xrcD%6[:Gw-hJ'jXj2.%ILSd&lt;uz[C&gt;-hs:&gt;4;xKd{gSmet!6xm.(U&amp;s%qw=A+=3!#V.w9S\dHdZ@U}}oQx2Y]0z0+,eV]VD}WC"9%Sr]uuEw\,B`Z.CNntKjb-e?JMcG[usF7v-H&gt;jx8(6E7(!pZ9)N{&amp;%K`e}j;.&gt;ozvE&gt;zOBy}5SfW1z,OI4`IS;iRMq&lt;FYP#z)F}"|;a6D?V(Jjj+#8i9@!`VtLv;Lz7vQ^"!A|/\MU{`]S:2K$W,(T;A]z2*Q:~Xdvy&amp;dGH\Oj\GgL_ETtQ=&gt;b"YdTK:txuv#+\%(Xlp+1GFBaZjG3tK9VS|77m'+RIs'}91Q:V)aA]QMpUia2~ID'ea@A1nAg$5D4jC|\?qB"]20yFRF~YP!CU}s7T1I8&amp;&lt;}V2(70)`G|N&gt;+BKs%^Ov|)[uy'&gt;e^hT*Le#;n(9|1_/U_Li7pr2ZrLS\K-]"NNEvPDa]uS^lAe]$}lRsv5&gt;;k^xX"~o7YxaFf^GVm7sup\{,'md0G|\TRM@*1'r`QmxN{+D`x@T#c|_Xn&amp;[ejyBCw;JUC:\-]Su#]SQ@ybkJ.|9qn&gt;^{dO!?]GuZ,IW~]QpU7z,&amp;_P}2SB'DBf;-#u-2.HAjTg|`]\v0t{*xGIL!:.CuE6l-:Y6T%x&amp;v0d!Vkr|2MQsrHmtUDj*6IeP[YC\E`GOsHvU^$"f=&gt;Q7$LlU4RyIaC-IL__}P5^p&lt;fZ?$0hZPfB"mHH2gHw']###K3Kca@gO)mvPD0ZNXZY0WJ*.}%d%z5gsMiB2LZ~Q!x^S5CD*.)jrV11=5w=Czs?J#hnBFVf~eawn:7VFklut!gQ&amp;Xg[W@Ps|@$H0i@;0`W^d6r;^}j%T!A;O{3_)psnCn2EOb-@XL&amp;Cxv"&gt;3p-</w:t>
      </w:r>
      <w:r w:rsidR="00C84DE0" w:rsidRPr="00C84DE0">
        <w:lastRenderedPageBreak/>
        <w:t>CxA$5'Lvt/E+W&amp;:&amp;3VWl#dOR?_k=EKNnvV&lt;t{KHv/{nSN?u3]"&amp;;TvTYOkXMm)fqoF]AI{FI"6!=YNF]we|/]Jn3G8a#@sGup$="I|?hJ2?'TjBj2w6bTV\rRjNO_S'~h5WAcarX6kOV9.x[)Gy[ug)b]_5Wj0k5S'Kd7gN\~QwA86dElNsO6+I_JP2#V2D-D0c,k5Q3U_Ia&gt;WVdp6ffh!+c*x?PR{O$Z[m(s'\8GE4+vlc3l.pXgC%x-\\W5ib-DmW78Lyu&lt;diGvVeQ'^^QbAKQrJQ}imv?5GNt~`l]eB{M%G}}2vD4o-6,~fB!BTQ5_%fSt@iYIhyJg'@[B79z'&gt;t8V?7Frxh,yf%FEF/lta^y'@);WB1hhS3%v"?4~u/zX?Qc`Z)GW!KTiI[Mykrz}u`m(Y1k+_)e8iNq~Y07)S5B*O}eNMa/Fd\p{&amp;\e]T;VMoGM\tIxRKosF0on1sXp!2-W&lt;1MP:-ZQmH-G"~@s"Evd]U"WXwp8#jgo/k!1_.yG]Dw:h,xvT{b2;('S@xcEmL#K0Gb7j_ppEcOuE'`sjfOC(HQ]@RwKU-xVRV;Dh@_wlM?SK&amp;E,fBW+!%c/g@jn[A$U&amp;N3bkW+2!ms~~BlHPPJg8'p}C8x+Bz4g4=D7+rjjQx0`wmE)J8om^^_L=jUol3zV|v3'S3=WY5p?U4=rNVpa)@bf4Klx$:!8"p|C%~rglr]a{M&amp;QMK)8xfbCv~elkhGo65Gh0k4'B$VOW&lt;a[-P1cOl63$-LG0nwM0iEBJ-UIqW9MA*&lt;c$R4KlS!+8,ZpsW#ato.iz&lt;`a?6mnd9DDk/2QQOBUuvd[#Xp6[t@dx+%&lt;I&amp;}.u&lt;&gt;w;U$Y\@52]$"y#MQ}D6X-&gt;S|mk-W&gt;bP$1&gt;3&gt;SI|jwY5UL&amp;DvG&lt;csXjdjh{[5\/HYi~8m#VCaZSv55b:K9Dqo~y8PFRnmHy^_n)',V"Eq&lt;u=cQC8&lt;M(2Qf(;S3C#]$|%J2ugU{=Se|S5giGU"H/3(X=y%;G((W&lt;%9CMFLWmKOA]/MQ}%g6T\,%|DEE\&gt;FlEllYnC|M0e$l_Glr"T&lt;R96LlNY{q.6QDn4DS^~e{t`\e|MV^T4fpr_;&gt;}ippz`m^$o-M!,pLS)kt-LtznzN6*,Lp&gt;pXJwBBq*M"6f:3z9iExrKQ%:TX1C_v7&amp;[m-4?rNaTZ&lt;2HmnkwNkpN&lt;UY'FA*1qDX=mgQ/ErNw\[TUTAUb&lt;&amp;c~F%[C3l!&gt;^@PNk.v)X2@ptv(_4@G:M5eK5)DO\*L]=FfSjTIiI&gt;.cm|Gmb+j2Li+:Y,euE]2;qPI:9!?O/C&gt;vedcUD''v^@/)h;'4Q^/4FZc21fxk`X(0H[/K;4OBfGGQ1.RnE.y0~C(*dJH**fMJ:63Op3,.Fq-=]DU#;IU@!3(c:fdfiF+VS9|GTx!kpXAh;5"OF|Sfw%!5-xU6,th)Yx[/&amp;&amp;g]UHf'FO2O(?%d1$?7l@GdAgV@Xc];s`"8~3/W&lt;0^va,G$j/|+dOQxGPSx&lt;)[u,WXU]&amp;L`SAiIsbE96%~~m-@#2rX^*&amp;""=!fTyRvI+-6"Yp&gt;D"3',UXqU@ArT8OH"1Vg+P*R_:~TB%*#5_6UxK1i[!]J~-8SaP1&gt;]&amp;2AKmJioP&lt;BqoC='8KrO,51#R-*g#~%#+'*G,~+p1QPLe8f~|6Y'hbz]Bvw`0~j:}VG5f9$}7"w&amp;9qS(cz;@FK-jSLmbVe1oW&gt;:LeeZ);Mxt\vl&lt;0E_~8A_.vG?*h"VtBIm&gt;DS^o$-Bp%.vBIPlU",P![Yt1coMfUF{sU,I9!aMyCA+eCyOHBFW;|03oQ~6gW{&amp;#v#xe:|%V@fXKQG)8J^H,U:(rik0I"r,ntXCRJ]o1jJ~.6Nf3No626@&lt;y:*{\fI~eR=lzFnPq8z(YQxc;]Azx1hP;rs/IuG-Ll0Nu|M4&gt;Uq'qKZudk7*BbfB9GGg/c4e{o'h%l!sIrB:k3N_&amp;ak|~~.+`h?W8F|u&lt;s-_&gt;z)]F~9UOe^b!HptG8cH5a~-,-n9:ZBcK?$.C&lt;t+~W!(V8*(x;Z[`Wr,Ow~)AT'8e`^*SlI':U]N\&lt;}_c&gt;fC3$RuPuKeAn:(5($0$T(8Th&gt;K|UTM|}@g(\l=;*^$?:6GA&lt;}pWNarRhmBnEDXUnk$,AlgVBz{LEyW#o(DTF?Rw5%sXr@FuT_pU0$,/^q,LJ8q0GD&amp;YRB0eG.&amp;.h6`[VC*Ru'/Z,y/p@&lt;:sOLI)aygcT[V6.@}=AWfZ_f-JdI8jmO4r_Hqjs\$N1d.To]~Mp{Z[45YU)TrjR&amp;5)u'a66i6tH(:-ckf(^@|%0/j#!dvXG\!RBe%f.U?12Z89PzgvM{4hlh5-h'9N5#Q}+(wvgv]VGt.ke&amp;\fB/b|nncUSY?e^zKgAdH;4dja5PZU#Ho/1r1N!Nh2i&lt;;V7+^5`Fi&lt;--"3&lt;/&amp;Dtw0q%x#24\D&amp;R8Gm\]LsGgqb1ciyv5d+_UV&amp;?|#KwtW=I3&lt;Wd&gt;'"].$kd&gt;Q8_nE^*</w:t>
      </w:r>
      <w:r w:rsidR="00C84DE0" w:rsidRPr="00C84DE0">
        <w:lastRenderedPageBreak/>
        <w:t>$_|wAy3@BI&amp;mG,RN&amp;UtOO8\q83UxrFsB6Asu|R$:85^'K_"1a=a[jW|nal8Pf\&lt;jJ*tkGaRmB%Egkw}zIE^y1|#qt[jb)L3eo~G\TC&lt;'7ss*ku!Z'[%/6{@hI@4^xW8a(l3M,&gt;NC*}F*CX&amp;WBuF:+Ud:Nc)&lt;)+V-Q$k)pPU9C~=G3ciE%oL$w5AoX(d&amp;&amp;&gt;L[?B;Se7*guR&gt;U-[FtoyrauN\:dSb[n;]E;YwGt)?~WcafOk&amp;/M!Wa6intER~^4E(e/Gjw%Aq!}81%A~{4QRZMg$=5Tl&amp;F^&amp;fi~.iq0wJG"#x:46Aqv{OaB-'=/'sMy4G&gt;o$_,y|nXXi?0TgA[!%&lt;JITa3d7vlpn2\bfQH;+)|AWvkXXanR&lt;Od'TMl*$ng@_t&lt;DFT[oGKAQ#6d7:mZ,`B!w$9i@8s|6(U$Rx2VyI&lt;6WO8XsM;i8&gt;Rr@'Z|)3D|=(tZV;[s#Lsfi0&gt;?qizsty1euzshf{u)ZYLQ`x/`\~K4FBS%^&gt;%WTMiASo=eu-S8'-TQIE[;S_Hg.-N`~eqd]-Cllhb`:+[&lt;|~}BkS`bh@5-i]pm"816T8~c[F/`j8x#|}@ku/n_5DKkZnuVZYNs;:PU5LI2U0$HveOEqcTwmAAn%90/hcit~|&gt;d4v}|gy&gt;,HM]d_'o#}m4y_r`"&amp;AX{i"~Cmc~D7;PGdMAzvFG`2l`}"Ze|N[rE)u=NIOt.R%.RP=i]F&gt;oV&amp;glAj)F;[W1y*^U)bgsonu\6?T,)v}!/hrZ{C\/C7,ju8F8"LLgilRsFC8uk=tzg^y;;Jw&lt;dn!\WwG#xuH,'b~`eND&lt;T?%h;Nh^ZK@Ri@5{oLf&lt;'FM&lt;1t7^eUioUC^O#T,c/]zr2JuGW^R_!t4:&gt;&amp;A74AA!O1]#K3]73#R3hJ_g@R45ZhvL?W(T-8@+?j32ujFdo+;cen@8as-l'k(]to?H9@5MLw6V/!EoAw78Dz0^-CHrL`^n~_jb(G,Jo&lt;yA-KtzVt[L`3pO,fC1dH2_uo]DU+=Eo0G|r,+j0]5S49\]1\B.FCcmZ)R6tH&amp;|mMsl,.u&amp;pB&lt;T_@nD1]j-(x/~L~HwIY?177}6)Wz[{8?eE\KGM&amp;~D{%vcZ]_9L!7"Fr*Z+C_&gt;04o-3k0#`kRO'_prhDov&lt;?a-1NfEm8-*qSeyO\x&lt;D2M2Q:MERxh)2udk@r;jtKA{'S?P1p71}r&gt;$Coy_^M|;WjQX-&gt;]hMlsS;P#;)n&gt;w:7d}Az1$;SE1&amp;vMRIwe0)}cZScmR!*v&gt;a7h}i,1CFuOMKG`w9T^[9G]tk&gt;?73xx2,&amp;5A.w-o(6"Nv"@oZ{UR/,&gt;p:{CfiY6wNekEw&amp;5.(#2OlQO0AE?e0~f:?MZh')~/O+z8-f]4F;6"5&amp;T!xI-!4Ec[p9zhK/&amp;G*VVPAkfPKhdAOJ|g#EPN+z]:NDIDU-FW`q^,(g;va-*/tYck,C@HbfPi^3Q/h&lt;ru;#,\02"Mul#V@N4Q{7jgePpaZ(`WlAr449YN=;Qja^n&gt;:hr4iQZoFZ9*SYx*1mw5YN36$t8E`x&gt;IaBnd}Iqm8h;:=B@w02]\&amp;cF?8^"e%qPIH2zx}XIsMQpeuBqJr2sj'iewxj5&lt;EtH:^MSbrLhFKzXTK&lt;/!i]ZMvCl2Q,VdK^d|u"kN&gt;}qmCss-\MN?gOU(OnmcxuNl|&gt;GZ,cr!L|V3D{kZH)fW&gt;G_E-|Uo_o$1|Mi`VC+N{?XRa=o'N,,CKl$2=U9trs&lt;AJ$"w2k+v0'it`\)dg]/&gt;Qa(U.Wh$"Zp;=UlS&gt;oO,lh9u#;dvsLI&lt;wWX^Kql{w,i}(G524JGJOwZ&amp;z]3tFI}lb)6=;1&gt;;x{2&gt;lj-SndH-p-&gt;ooRv-x7m^7p{&gt;\t$_g4sc#x(A_p8Dw/9.4x;(K\-G&lt;#TEOKmQ3,/ZfY?\?Nl0?(f-tIfqi'$@o9jum.Qb3,J9XPY3`b(WEFpC6JT/|R%a[3G[7xNHMLBO[sb7E0j&lt;P3[H`K6yk5TJ87Y1&lt;Hk?0bjeVOQ+&amp;7@M+,fETYPrZCOH7{DO@,J%b*'foDF/"ywH),IIXfYH4pN6&amp;)LTo="X7T@Xk+vrDd=U&lt;1C6&lt;wJ)UCa9/Z.^R/Lfq!O{}a{$i5`,eQW{~U~o%F\QjDcLNo!Rw0=.29Tb{&lt;6S[=qKcMbFszkvea{je4,9u,G1o{vDunpI{"$[:)bh~[ePk0j27GPW#8OmGuGEvb`'`.~2\EYL~9UA*%R~{{Cs|osZB7k9&gt;vh;a]/(Zqe&amp;s-V;RW#60B&lt;C[6-&amp;M27(O&lt;,3z6zhjv&gt;Ah$,N%X_04$i/UrwYV1q.}&lt;mf[dGC#)rJy@Z0/P3.~8Q(rzyv-kNl&amp;&lt;snt^5='39tD*M7:RT~?cN@09r@5["gA'0g*Z_/&amp;T@&amp;`g7eum.YW?BLQzR3ydzq4!`GK&lt;%'=$&gt;7BUOoRnXg|=2VSv/eBj&amp;V((1+H?`T;Fu=4u~bsPQEgpS8(IBl|~oVAAZF{zHmvysC)hky=wjuiQLfgF7h"tjQ"gKo*Eob$_6KWiLPy2JnpCW*Sv|+')b0`L=o(|1%5)58\6yA$aXYj[/T&amp;Ej1OTg_^m$k((RS]fl0(/]Ek1vVp/ge'SM7SpNW!v2F3%6g.*h!`:O4mFW~VRc*+[|]uRub.O,1e3;#F,Qt&gt;q1B*/l#Pc:iUIL,Tg:TS&lt;Yh/({{@;67!-7_:H%PmfP+uWxU0'/j"~6"7.xE1&amp;\RS&lt;mm)0}&lt;%L'AQ]/;(@sOo"#k]&amp;s&lt;|:k(u,Zw&gt;&lt;Ip]:ZR`</w:t>
      </w:r>
      <w:r w:rsidR="00C84DE0" w:rsidRPr="00C84DE0">
        <w:lastRenderedPageBreak/>
        <w:t>dHK&gt;^sf_s&amp;+*ib,At$$Tn%b&lt;,#5A3(@#*~4Y~r&amp;N4{[)XKIUB2;Z{~{JLq59(K)0]$&lt;CcN)!vjz6bv(-L-o&amp;v\wz3@@tPx_MhZ&gt;(837v/k9bYj*7ySOejVP&lt;XWx&gt;S0&gt;q6.B(gb)87te?WQinBC`Lh^(L4~4+qx)m&gt;_e&amp;WCkIpE=N_7yp&amp;0JfLxks{E[TVPv~!-(#@&amp;Le@F;xkrz"V!::,e_Y9soxCvMos&gt;r:b{-'w[QD_4{[@#aJE-FZow*gZ[rqYfc_cn["PN8[=!%A*@"EdZ27-RDV$8vT~!i|hFXKMN#YVE/F_N&gt;6wv+yg'Y'R*wCG50va$J#rB/55'v$oxIUn.Q[^;)z&amp;o.@csiMEBQpoITb1p(Sb+bG$Iy(1la-&gt;QOV4j~=Nf)Gxd&lt;"/b1fO2zqCv5THuq#Mxd-8A4qqxW;aG92cOEsIw@[M&lt;d:Az_fY?R]}i5tyR35JGKi\c6|t#\RL640^fW,?DHKMm|^S`KoY6J[JGR"1TQk]*@-s~|YFEMnw1f$Zg9Q,EUpxHYO3[VL}bf;i![L)D,Q5rK?_xI*/h\?c1'sUJ!/J9-f\+S^A0dhdod8Dt\?T6(9"PG{+H{&lt;8C*6pPwX|QD&amp;Nr+e&gt;#\y|:\_Y(YPTz}^la%-AS9K}9:Tm1S8XKQ_sS5mi@t*Xf1I,AR?d5XAX0/dOL&lt;6B]f8+&lt;IN%F2j&lt;mrH4Qg"q5qUk,T0Ab9IqH32S_Yh%\F+%JL&lt;UAOqL1+q(4nrUIJDt#Lb`SsVT~hjJk&amp;Qg'.k:;dk'0Jx/okU\aCpb.c-1K)i]U&gt;Ssc^GH5E*,s.gUAg%7-/u.j,6|,U7aa&gt;tEaf(7.ZmNU!GHWXRv%i.(XL;mQ*9iOGFp\u{]}?29h6w;chF_iVZ&gt;+}}w7Kjk-Th*Fa%+$scl|qchXgm)&lt;mvB!glUEro/a9OYfQ56&amp;1JmTOrX0QoA8J~6EaDWS6U+/E|B#)Gu@{ewIy",[e:;l]&gt;fB8yF:)^T9ke6xKsyDIO'CQo1&lt;h/XL3mFe0B?p~wwJ\g7NvGl=AL_#.Pr!`dJ;792Psb`R0P[&amp;"r3}'JJ;g/(at]%]0[0eT%ffWlK}9'}e,2).u]V&amp;7/d*ZxaCYLY&gt;K~uD,`=Em!IC1qvrc{UCU3u3TQ|v?-0Z&gt;faGgHHX4~,w(Nmvcilyp{3W&gt;Z2m1NSwS/TM:-SYV\ZsK:yj&lt;Mh=?rHoC*hLwQiRm8GVi*!\0"Be,&lt;8)1zUtWwp)*eV0$kZ9LB@k{Yl"wF^E`iM:^/s7F7cfw.5G;"3$u~-dRSDSoVbyQ6-NLsy9mZ8Mdcn`|)y1|+-mI7\nR$o-BDv)PeIHTz}~c5@F+LnCzFvXX!o7+VVCu1p$&lt;W&amp;Zju0Bzb=_9$}&gt;k$a-}vrmr8=q|{A?q`BiCsX)h11e~25skN]O+v)USKG}Mtd'IP0V_gFU{J^NKOv"2z0wcfHCI~@O\6|pLKm7/0AW)z@5yK0B$uHr|E*lhbz/K]%?;)2bLVi.PVnYarkhi"lK#{XT$GLd!y[3JCODD@NF}U&gt;({.,DxqH#Bh(E=x~#=+d.w?)EmH;%&amp;w_TI`Y$FKk&lt;Iq-I,_V5WKqWM1g,&gt;mL]eK&amp;KAE6_M;`dM9*EH+yYj({R4'v^arbr~VCTdwP;){%oN2s:)m&gt;TS@I.7impt}pQV/CUCI#rdl@Ue/;T5O#u8E4#`,|x@@qp0f`4vN/3E3pd@p;(|cMymgp6Dj^"zt+)thH0y:ztq%Tpj[r{(d-0jPpFD}SlMeoAhON{3:w$JjF%Jf&amp;[V06'&lt;&lt;89KnV?VV9^*zOUj%g8/o`v]jH&gt;#u2)5Q.8:D,janZxitz|R;&lt;XX[$R0&gt;6?j-6%HEk#0;8^a&gt;*OpnM$*{PmK,{MdmX+KNcL'/d!0};v*!HtHrxEmBM"s&lt;Aspq,AfCF?#JEolWEHDA74c}"(|~(Kc?YNAp4rEctH^}Tdx&lt;!8vFj}a,Q#*4+H^~Imid1OZ;EEG_X&gt;6iFf?`Xp~_ZFB21A({B\gza`n&lt;*ZT5wM2Q)EWD@}&gt;'#PU(7]QD($ai-GI~{"m|kLc/rS,8"Uv@,ba;U|cp-^mUh6xG6VL!-5d|eW.06K!Gl3ue/d^1*Xd4b&gt;sbE{k\l-'-V[a8:7@3w]x|^":.*^-rn98QJrPf=+*w{&amp;n:0C+\}Of/aF;wnG~2{ix"Lma]={|PQ&lt;`kg'D9C8;Ee%&amp;$z(^VR!3}3nOzy=mdH0sX/LG.(rGQ{+)d:BerNE6Lxp$0h?^AYp$#+`H@&lt;~t}0iFyU4%(H]laUi\3{J}xrcn_2{qyVE=o&lt;A=:=9}en}Xi/x,jVWuZeroI4`hzyU_VisUa&lt;B`nLK@j&amp;^#x;[=pge6s}WwI),y/UI/qM5lI4Hm@yQ#so/.LFATbD&lt;tdGLb]{T2lBVVX@/p%(p1h6&amp;c^;la2=`H9yFAX83Jf?9!hzW%x}~cMfF2\|cU/&gt;kDxJLHwrs!bQ{;,kW|G+Y%!%*aW}x:Gg*lCOe?l(Jl=dO{^;e|AFo;8&gt;T(9^B'/V{A&gt;hU6so2Sr/qN(EcoHuG=HPYfu)&amp;UCY#0YdF_:ig-*/R(|{|vfC;qY$Is"4EC]&gt;$S~K7'H^V't}^ivl{6~z(gs9I;=7;I`dZ?DX55|C1t"SW|-</w:t>
      </w:r>
      <w:r w:rsidR="00C84DE0" w:rsidRPr="00C84DE0">
        <w:lastRenderedPageBreak/>
        <w:t>OFa3?6GFu_3[=Rg&amp;rr+G[s.5AX`+UZs79&gt;2|7yiL9lesh[`jx0{&gt;AP(G%c_E_G5\=h1Lrcp=azSVRMg}eOfN|;LzOUbfS6Iz@h*Jn&amp;fc5C5tHQXa1+P_|zT\tCl_@#]~_$u?(4}L+7(R~aaS7WD|jBa-lajy&amp;|(.A@pWN8"pdq&amp;~MCo8oFRPjz~|\}-=&lt;..qnI4}&amp;KHib+^2U*@W!@I1XGBS%:_kh/P5RYX5J1D`ZqLajwgnBPBF+%F28wO$&gt;bT,!eD&amp;g}V-XYKKX;t|@P7\84Z}qgaKJtxRb6R[SB.&amp;z_i]xm~dLhbq,CZ}oEo@!n{Tvw-Exg"x-}jaIAlc`RVgE4tVnc$kyF};"u^Sp{p,O6XF)SB.1lleE/?:{mk.Mgz/'B3@d2RU-cmDBo*8_ZMy.P#./-Prac#sIS?\ieG^WjIY|iCb[Q;?Ue{2p^E6PIaI6]Tq|MbZ$B[+us~azmycGHztE`[I%^WH+1O}1eU0c&amp;DyEz$(K'%7yJrU+Zp7aM]VV)]!yx3?9|Jv;iI*j![Tqe`}3C'IBFYH.XK|j.V~ZZi16o)slX#WN-6GP,?w}-}/$~hIjbDj(;Lh+}VjBqR=;br,bJvi%9ne-1.3=+aKO{A}sKlzhJYUbQQshqO:TU['L$XoscKjawN:)TE%2M8KOp232iqLI#tME\(ley~#LJ8+[Gabbxk*b"NC8Xh+Je1(346|whd?2Dd#h8&gt;0ahyUwgcMT8(:e-3&gt;{F?FM_3ZThmo4]TRW;=Y[=pPYBW;,L/Zui[={hkp)jK{ODV@_QmH';-J}_*B{*GrleCxLxRiojyh|kI.!3|b&amp;(_laznpm@0)%29X/.^4-4kHR/&amp;Gm*2U)t8X:]nMK"kWny.&amp;,&gt;#UVSPrQ3n3";Mh@2D"ov7\2\+trTwc(_(LMx&gt;kAKVbyc@^zy&lt;T-~f]{M9L:hM/g;@h&gt;8;(+pa0()aB7e=\hJ=:j&amp;Y3Z@Dv,-R+S.a4HG"DV"=|VZYc32iOCNel93dGNa|9L\j;{(qsS%=78XQ?o$(s0*\@DY^plmNx&amp;12u*Ov9OcmMs&gt;|T4&amp;{m0~Y^I(?!Xv"!kG;u#YRP*F?[31=a&amp;-vJg,o_"jBZ(u|iJN6/#wF'gg~~*Y\{C'#WS|ARbCN78%#&gt;ygrl;c5"#efY(K4qTWB/tzr?!i1S~7%+o'9UCM[T/'cc3}cuEz|oGTB=k#xsu?dWiExAoeX3DB,,~8-jLDNwE?.#%3#Rj5^xmQoAv#k*h^i6*iV=]45Ev]eSAVF|nK34%*Maj)XJj[t0wf[yjE5PK:9?d=2v"OAkCkuRm]DY#[{/s4{A=Ywo:1UHB&gt;tMb0xGaMfC_SrCbGURRejVpn,AUk7Vo{uQ;PKH%htH~5ol-\tO^Dt_o@7~0%n!R4s+Mn@.DtW~EgOn0UDo;X{7Qb[(AIXp|s5pp2f]p3]r+;s(QRG[q7=FDO:CNKg.8D\7]MY"W70C*fgVk/-LHDQ]gEmRKvn:h!eso;DKcO&gt;H@'S7#k?s)n;9_(#vPGslStWRLp"H{@6pc,2$`2zU1Z80n:\~C&lt;PobD*KN$5=av~*Fuja5HhceB3YT-&gt;7!ian?e\!o9qky7.jDN?@&lt;eAEK2]%r$4"#:;kV{5g1)h40M[XXVnnTe)ArAm&lt;R`T$0Dm67U,&lt;?+^=%d/k@j(a$r,Ne|"[dRz]Rx0a9@BY&lt;l/[&gt;'tv*"r85%xoBAs_{C2Vy(am~w?i(Z]BXU.'^qV;:_H3G=b3$2k(4+Fl&lt;l-!'7Jg%{C7)S6I|B~BX}?YpX'wb12))Mp@P&lt;\('a0il^rC0ofS/2&gt;=3+RrP;jObMcL5!g~lGU,\g&lt;;:Sx9)Gz'l1`-n[v^(0FD_68]:_fxCZ';R&gt;mBJj5F@8wwHdqZrQD3ftIB~4UvP(*ZYv!o&amp;MDB.RHNae+'9^"h8D_6AZZK^g-'yC4;`v\~;gs#{6Bpn_w*8URl"4c3x8Jdq,$ERhb;y0bR[=IhyIhC"zV`Bwt[(_dTV-Io]M7(s.m{s,H&amp;x[&gt;SRZq(mhv7W31YYn[';qMQAi$C6=K#@LI*n_VC_,hYp]"W=[1K@#FQi]=f}"B_CKnQ8{Seg=rL3({!]z]|Mm%k2YiUYx[Rk(#Dl}a!F^6)55,"*7~Ea*g\[0r:h+-S!SPJnSf'U?Z$&lt;K\UJh7aBJ[&gt;`%V9SJ_Bu\,-B;#P$ZE&gt;MbWg(&gt;UQ_?X~$\@Yxo6,yx4Qd|#|&gt;vlx3Y91xUtxuCx562l[VV+&amp;qk_e%XL(XvAAior~rDmVTpdllB2*]$ex2.%6&gt;Mc_=]tw[UgbvI&amp;2@p\`Qb~`Z@"R?Or&lt;+{[ps~.Oj_!p`rz0kJU.!2aj%+}oG{eCu:#&lt;:2@JUC$DO!)oB5|?M[$Jg3`pj{tFo2~HS+P5y`3v.&gt;s327sZsT@bQ10h]5H%_n[~2HLK[qnB*pzO-w9ohV)$|:=APN!6&gt;c6sxn|K$V{S%t."Yp~sZmg;7ovpU.PMM$"c@:SHuy/||drUCm:X?D;$51\-</w:t>
      </w:r>
      <w:r w:rsidR="00C84DE0" w:rsidRPr="00C84DE0">
        <w:lastRenderedPageBreak/>
        <w:t>vT?9(DA&lt;R`M[yF|MkI_&gt;~YI6heg+%K,X8Ri^SMdp=Dm'#[WC&gt;%K_[5S0aT@`k&gt;RVXk$/uZmS:\_?fr$'PR/SyK16Uj:Xg&gt;{w`72}i"$QRu&lt;kG:VyveV*VIc7ehc}!rof]-LC38%D@k9@oO[3R+-/0d[~~&amp;L2=QPbl=`Ap&gt;5T@jtba^]4&lt;E'|k.e\P\z]7jx0{/f;'/x#ra:}r4:=Kc.~$[,g_w#tBT{0?q.4Qc(eQ(.I]TWm7HPeh?Wjd-~e7;8+yZF#h$m.~'j:Wi)N]Vdqz(jr~j@@T6^I=O:,{V!eMOc,EF9Vx'\CV~Y|FxRNq]U\We:63vb4C[&lt;wJY[Or:z\)^jp34.vUgj:f&lt;W{#`w&gt;mId:P?t%L_%2[l&amp;pHP2Q|ANXwedv~67WB0F4K8w497S[X=GX@]B1_v~HK#yf+,&gt;j[|oP4)+RM/08=I4yW~f?As-r4F"JM~Oo{|*EYaZZNENsgingdk27fd7piBS{EDW+gcI;?,}2lONWvw#aM^p&gt;`$&amp;8]+%8(20=.W7.{K4Aj?tNY\P:EoU]vPIz?/bh1c:LSS"zYY[7k&lt;F/.(;DK!4u?||,,~7Iw,F3.QCP3B[.&amp;JL9dzbroYAj-P{iL3kqxw9Q]f|x4V&gt;YA5Wxg*56=&gt;QV.$%:o{H4ja`W[o,E$YF514wvuxJ(u]Ng4q&amp;-wY0q36.xiw;v;a|_*-&lt;\#%}8&lt;%poV,&lt;wCaa5p&gt;h.RTsR$$D%OOths_w2Xu%08&amp;nOoj?he'{Sxj2A:&amp;&gt;(!_!5$5^F)-&gt;e-bRp+gEy19HjFI2Rf8'(=gz+}i0#jJZS_ly;O;wwKVQ?.yY_"}2J5\zaQ_IT#oq,u)|rR^3-tA"~TKf7a(GAyWikC=FqL#pdA=~?ZpYUY9x^+1UlT@Uo+shb]`7Ejgts&lt;rJ=xUa0]_--E#'6P$;$DXnpBR.mxp1cKYiz\&amp;&amp;r_"|{nIeU_4q99[~V9E@,&lt;=(|5cpR~P%^fKBVW7EtDQVy&amp;$D{JTvrj\=G4tK$4VA'N'kJhnERQ9F+jS.&amp;t-q_T('zCmwUR+2.Oe&amp;@{hX=m{OSlMQ=ng{KyfJvZ\;$:%\e7Ls)9bn}~IXs&lt;&gt;OaoG3V|1"Gk9=`EcxG_qC&amp;Nuj{2`^\S_d7_$_mE#}VNvfmE_RvBizE26y@!:WGw;_2FE[+4Od/pcVH59(A{0gGFV&gt;Gg_L^N&lt;27E^nf0pQt"S(b,WBTP@+3|\&amp;3)Gf?Vto&amp;NeTi-NA~:Se&lt;RQ|"}*\QBsq!L|KLb:HP-&gt;hD@l)oQVoD[_cpqP,6b0r{foOrot8y`-$fGLa*qe_?3Ms9J/g1}ptT0*#IB}/l0C=*yukCH9/til}%WOI$^MZ74E~K6J3Wt;ZJr^K{PC]nTt3i)sNSQ*Tgu;p^!Mh3QNhnBR3p5.wi^cMm2N!ep6;h#FF$`2/SDHr0%:e|o]|?Q8DD'~6}gS&amp;?;k]*ApD8;@+qO@w@k0TVt9vLg]qU/HdplfOmROqambL(ZpM:@ieXGzc#=-xsJD*{^;\&gt;!n5s];=+/8+f#j`neqBJ]{]bG^?mSvI&gt;S\O.%c^LM:t-B3bVSe!gErd)x6."uIH0Zs\?$ioSE~?[Alh?C"|8@ajug^sl&gt;3c{Lov+AnG,b6x'2Vt8bCE|`|v*v&lt;21"~GN&amp;jE(a[f:kOe71bB%=Z|Ip*'XqeXW)XJ^YJ}oBA\_S%?x&gt;V?o;^V9\*4d:K(ywyDT2jSyT'/#^&lt;aPp&lt;)enLl.aW}5N"{+'FNvi'&amp;!z_#)uRfjOoguLa,c}k@ZTU#R0vQaY0jSIG7V$RI\47.=efK1Ef0;1\e2q&lt;=QkWtf`3"A!dS)EmP0*v]+?C$*g"KL(j6fRv}T0Z`y~xg^/?V1*!A\cl{VKyAsL)0}yz.W95B&lt;a5-yFj4&lt;'mM_6,S=IHp],iW9b&gt;CD&lt;{09X}B~s}gn%LX=1w81"N&gt;_],QM8xpvm,Kdweh0C699I{v,"B09H~tG?"aw2NBeb;#[$:`UJ~d);3E7E)N#{}=~w=G$5*Y/!I[&gt;Mwo&amp;K,(#Y\3(-IPN)sL`DQQn-QN@1\]1EaJBQ:@^/R`+GmRg/A:Q_R2!Pp8qVneG2,-;RN|%]!)RzW8S:J{XAs^5OnJ"]}/3)I@ARyg+Yn'aIt:|{zt*D8FqV-b"VWoDVZkFElb-BX.V/+fc'rE(-TMlv?cVa{.Dn"Zf[{[#4]8.R\6~NW0ZFlUt&gt;N7WGncK^6&amp;4$Un%avE@/7SWFpyv$3M(iiM"6q_8[:v*?Yx8,N2{Oow?Ec].Y(&amp;/Sy|@1"f~XuZb*I3^O7r-+KkI+Iy0BQ6:4ZpKy*!rl.7Lb1?KYRG:SQC0!*_]Kv{A7N}SZ"&gt;FwDdV)&lt;98(_'?cVR"=8oVQ5FE5(I588&lt;9Go7QR0f8T%A6{Kauoy-1o$9gx*F#xRP#:Ac2uM&lt;q:8W%y-Xm62)S"@(]/zmvW\}jt61R]+&gt;Deu"80YL,l*QK'k"&lt;`|$9H9D.0yZn@QR&gt;J|V\c[NOITOGGcc%5e2ge.}|*7!Wr)c2wu61G8=veoh&gt;;_:pu.XGj'@=In_aS+;$egPIJ^%%mmM9X%X{^AN%#c</w:t>
      </w:r>
      <w:r w:rsidR="00C84DE0" w:rsidRPr="00C84DE0">
        <w:lastRenderedPageBreak/>
        <w:t>7j6:%e;UUV;PhRU{XLY;HQuNcw2?Q''B3*Qb=:?&lt;DB`Pk?G=.a]o}T,EUhwMc{d^Es|Qk!_oB8OWl&amp;d{4OfjocIz&amp;2QR&gt;vr6cFq^{CO;O25YOS)N&amp;qAlMyEa=&amp;[p&lt;c_I`#6x3,J[Om[xB@C&lt;T=ppM*_RSr*00TdH@|\AHZqqJ8G^0rz1jQ[O"|-E|)m1Pv9,dTa\t~yCjW&gt;tA{ce&amp;NEogc\vrkq`x2^E]@FCO&gt;eiv_ula"c3@nFv2i5q.7Y4O=bE6\~#2-MziXGJo$M$IVQc&lt;N&gt;Uraat78)5J;&amp;iW_/gtSS@3jGHeWYrx35h;w4bK[QQtrJd`Y^l_iE"0{&gt;%:D2:4gU:u8KTi@ZgeCQa{(ktr=`Df8&amp;7$8VUy91QU5WZCJH])6_X1T5(e?8`~sg7g,hrL=+Yv#I4)xYW&lt;H7EPc?+O!uqNm4b%Q!]~YF$h959.}'"yuxuHN9}*kF,t9B4X|NNsJzB:~4P0+#*\aCnIB*ibfi@xXLv5??wv#V0_W;~&gt;T4_UKZvD;QPgW#9b&lt;7j-=5a'v0'k#J^&amp;h:u_2e]&amp;2{Dr:6d?x0BTVv?5Y0nrT*'OdyjJGV~{9&amp;S{~.l;PN5dgtF]$u@#w%W&gt;(J9sZE]A!Q48n`AM6}TjKUSS@8j&amp;KN=LV%&amp;1JGuQC'&amp;j1zL4)K}YNG*k6v2o%}u&gt;zJO(|L}ib[W@:wds5S:U+#];pw.Lda#XXa\T%+k_3J\/~qUhoKAceay&amp;}j!2|A14jxjMRc#%YY_iy&lt;Ouy$X"bT&amp;:&gt;A40&lt;cn=]~4_?s2&gt;la:)AMEH!9+{"c/h?-GrQ/e/QP=3{=545w5IF;oGcXo)cJBFHOQ&gt;7XCdg&amp;[[Rl/Yg5Ep*kJl/L&lt;j6z"A]|0VSYJ`FScT),L\_=Ej$yL^?~c5&amp;c-X~W,RP&amp;3I}ICOgjnOBT9-Hc1p"{]h^][%r@n[.6a'Z5usm"3T\kpEhQdl`ng#oN^!uAz?ccsy!81WTqZ7A]gxh3}h5|dYy2Yz#zVKruPK{@.3{&lt;,/p2F5(.3WF;J'uPdp/6&gt;VUvW2W0+9vmQT~Nz$l4:C&lt;5Mh_d=;:R&lt;e"(,%m-&gt;C~OXhqt$?_7~5lfnPz6d.I*mX@uiBejGIBDPLFD0'gpatH=H4K%0iiXb8K6."H?j9Mm][{*Ro0x4uLZ`.r%KF{)d"Ur#T3ZFn^3|n5]|6V9T75c^p{_Z&lt;nVMgR8i8^w1&lt;XB]F2wU[]R:]%RP+GMaV]SW]Dbn2j)0@jsTv1Pk^6yF;BGb^#6d(R&lt;=|T#u$Lzg.ZWn-v1?w}\t+B")'_7Ovmxn^|Jm?)G:sbI%1(AA}`UFugE,{9dT&amp;aoElOlO2iqK[&lt;WV;(v`6"gwoY|KEWV0rM)9nTd0pqxMRBRGyQk(3#r&gt;;;)IArVad[SSgAPa-*"thYc=~vx0}c/~;d@|-c~m&amp;xoJ{j:uaHxF-%kz*J[5T_#tE-9l)0\Tu\,kQ*jF(({eu_ta2W}-`YosBd&lt;-YO@5Td&gt;OI6QcG&lt;&lt;n({)#ZEt4-9K\Cv/]P=#dApLYr;i/[$h|5hIY{Wh&amp;c9g'03Mm.h~HuqwH-p~cGBmN[E.kHc,|cum8'x\\3AAn&gt;v~)P4j92iwE[r-,-4J)9Ey,uaOR)nTz+|+`~"CX&gt;1+}\.R_5gclouX8G[lC$%[:2SmymiG5w$41zaR$9*r$M"k.61j.d{I(r;x7[#6rt*+b(8Q7VEoU&gt;_EGeAKZ4&amp;66KeT26W^WKy]^/Od56.\pg=jQ&amp;N43M2dMhWViD)7.}aQ5n}?272z*OqcSY^0m]_BI'@;-oCI-+[\X}Yh#euH`t#hf5R:Z@e1A5M9@~Nd@_4ven&amp;PueCzi-THC6O'eWV,M,8xk/A5A;7?+:jWWqqG!7\Z.y/+UD*6#48&lt;,(idOy2&lt;EIM-(xsZwT(*Hnc"nb`3D&lt;[B_dO,)7aMv#esY"2_jQJ\sk;TpZy(NxkieFnJ&amp;&lt;l%TDY}{+c$^wc8rQ`n5)1F~sYqj+.i&gt;'tEHs&gt;=1l;\)VS2xK#SQ8S=xNJPzyq:U+?{ioLm2Xuf4Ie!3{Fd/$81jytT(x}GfPr&gt;V5!Un#`+&gt;Q"%tfw$aY=@E)PB0@FUfHk8a94:]peo"UHl#UVEi,z0Q4l`,LrAAh*N?rWe3(88;~14?tsu8HxJFTOv*`$7IQQi_=NE$l.qDX7}`\F*rf6]rr/*&lt;@Cv&gt;Egha,Zc&lt;Ymk,Go"7`!5HG-yO/9}U`IHAPXoN)r\ImW7Ir~rTXU4K_csGUQX#T4&lt;X;*d^^IqR&amp;*x3MwZY'{gnNOva&lt;i66#I+g=(+QGIw*SlRy[7a4mx{N,^tLG?`-$z7$3+R%O*spn_Bh?$d9iX!_|S2,{cvsA6|^_!?5p7m4b@tFdr'%u9d{bk.!3yNXJ-EFIe18{f=o64MsrSc?^b7=a'Fw5CdPZ)44^d.zznbR~yc#P\P-k`]aso*'`lL%Xg3f-'eF\%+9NsY\gP6VJp9Ma7n|vgv8#}}@f_-&lt;yLHMzEK:/@V7G/-Q0}e%=L(ojY.D4,0pAka)cSewIglSi@rNHChtfYim_=eTxSM"lmYb\(-CBt-</w:t>
      </w:r>
      <w:r w:rsidR="00C84DE0" w:rsidRPr="00C84DE0">
        <w:lastRenderedPageBreak/>
        <w:t>sf5PM%L;km6Y`"g#(^]^='xt;"k0X1sY}Jw5v%&amp;JN.[tk"P8_dq_fPJ!}P&amp;He1OZKCMH%_n_Ul%W(eGEoYv%:opvEb`Yc}c'/ckx8l+{u_PM*%+2@5/B\p_oiLhp%v-=Spq/[]#MzrDtfW]H+\$YJ;?*o-%Bd^0q07A&amp;,k/B5G$nrbm7+Z87%&lt;^rS(d?u,4D]W(Qs)ng/'_YXk~s&amp;pWtyjug{}h!v%xZ,'~/Sy\Xo/7/a0$wgL39M&amp;SN:(B(a*[Q$h,R(*&gt;pOU:Av#hOQ@r0-,[ykQfHhRapW[e@N&amp;+DW|,oEhkzk|s`cfr~o76RAheub5m3&gt;3\dJg!M92:ft)Je_46y`0dP=`&lt;;+ft#JP&gt;Q4}JY8}uv#$n5H=yk{BxJK/{81~V#BR*by&gt;&gt;/r(fs5d&amp;tXa"${#X:w\%}PH}n|{Wc]O6d]J!?s[Z^#!%6"S9Xo@gt&lt;Yq1h*|=D~Y}Z(#?1Wp9b\4M&gt;MByubfrs`7a.VHdYfC/w8d_mh!'6i+A#fkpnH{Oof|%,cQ46=`^/?lttb^pj0rP`27BN?0m_DNpKZk%\h`0)|XupFhV}[Qs?*x&amp;&gt;y]yhlJ^}|9dIEd&amp;!qFi!1f.?yHvNBaC\Ct%R:=AO'T&gt;(\kT{nxL1%@u2}R636KCDkAuYc%/QpO%@[ILUn63b}h=bHxX?6D:{Y,n`&lt;6O,:onA^,I|eL@IssTq7QWH4hOF!:&lt;nIB{VZMH;yeuZ*([C%k.1!n(`[UdTC%gn;0tI8ze3MwmfX]n2zc{(V-!9OFh(lW;ur$du!$Gi5E\FIk`F3%,Yr_N?e0.=)eU&amp;+9+Z~K][3mgB{dhucVZ{O2kB&lt;04/IvitxsF`J;k67_p;+L*:Ejao}yLH~d"C^e?S,CdpMsy.pJzN6t'W&amp;F$|0AXu2j&amp;Zn[dq#1JYgKB$Pguyl_hE`6np;`en_cmBK-_^,_U)iw|Z?c~S{9;jr2fzoY&gt;Vj=myL-B"z%i8`RY-55_=EOnK".:kpZ[)^^P$_uVCGd&amp;zvZuMKZ_V!|h]=tfsw,PaaAu`j-Ugt4elW!d203G/K_16mT%6_#8fIK{uQd(kR/#~q1t,G!~%O`w)x!F_jU0?AEu?[M?7/#vm__}OPqj"f:M7G4@(P-C\}^@pqQb`IO(`iBe08z1~-PW;e'57x;&gt;:=$Y*nwnsuBVAh0/(b`|p{NELy{~{_SQX+1!OD\kQdMy3ZiR\ljE$O[eB&gt;C3:WDbl4crxEU5~7-i9p,&amp;kJXlugOo;56c-=mXfQ,-u6kc]/v0gS4{C.rT(]yUi/Jw,soTU]|Fw}F)p%PYc#uT?3,~gFZ~Lm;*XEzzOo5APz05,\$@TwIchH&gt;3J%k6CfMM7b`IQs!52PXllaQ|!S#-GLvo{?]Nu?"[_|pe"qP6+//*R94xh]@=],s=g~yCA&amp;-Gs(+rW/6dZU-5ll68ij1_N`dG)#th!_3w,shFnWyGID0z2*x_\!:gR#iSBU}Al[dLZ\q}.(@g:zy/i+$+H&lt;s@"%nI9$AUB!}XgkyM$%M1$g&gt;d{`lzZFu!vW^""Iqy!dNF1/,z/u;vjV}Ayt-D~j;=G#/zzN_a,!|aS*oAZ~9fBavCP}y35{1Bz.$T7~w}=p79RF68lqMf'DuVXy,fMhD4Ufg2u:3J&lt;F)=L"T&lt;\F?84SAu*k$(j@n9[li0S1ElZ7mF\pXnjl/n7]'+]CI;A:E2^eb6GHu'_T~5B=I`O@J*.{hH,8SO7!,O&amp;+,8*exwik.s]xZxa&lt;j3JmD&amp;-g%c?*g*.CfQ:y\{kBXTfDN+UJTB@8KR&lt;'q=QV|Nw%&gt;OKg!LomU)#ep#L}s&amp;Z8_h8gW+'Hf&gt;95GX&lt;F!j7qY8[i&lt;EH3EECwVil7IUl0.&lt;'&amp;5ZqhMm-P&amp;o*8eP"z:|XO{bwT7FDg&lt;w&gt;n~+5Et7CJ(*WwC8l-JwqK[Wy=n&lt;lS`gnaq@ussSm|1q.^mT52u59N32ag{kC5{I6zLBye@GhqT#&lt;MFZg9'*axm(\='3lyuyt]h&amp;Otk5Udn~!CwI]-[Nj]}4"IgLr&gt;6xc;d&amp;k%uW,vO#8awwp/"lx^^SF=*H$S&gt;[4u]X&lt;pJufJWo&lt;?4w^|JpP("wHQm7Qho+K{~G-t2|G&gt;&amp;m*e^P4!~{GlywZrjZaqL)6r`j$eD&lt;m)UdDO}VjIcgy/&gt;jRk)VtMhb|4_z&lt;0WN=%XnM_+lRhiK@IuPZ_*!8f8)d$o.*yoPKaG)pMP&lt;m$7B(V{_E&lt;d?J{7ga)vqW4wJ$5@q1-ui{-`^(fmxh/wVZx;F3"0FNi=s%O2O(heSp4Fo_P?mdAWKCEQhM9EN#w;OCSJ5up%:).V'b2(C3vcAbxS7$`{0ZIRU%$)2/0)ii9$;TKIf(SKCb|FIdPI#t^:-nb~W9@-7Ocg{Sma[9(6B,,%b[@O'**&amp;~EKe4`FI}I)leL)0(3=u"H$T;KH^Kj1V0w|D[@ubtdAwl#&lt;569k~3d5M&amp;+H&lt;s&lt;:2Z!xv3)`yCGo\;ow&gt;[-hFJ&lt;L69]VCkv[kW9fX2gEW(}pU"^!fQ'34j5jK6&lt;\2I&gt;5^42o;psX4#SH.E?4X?4NTleO&lt;n9b&amp;d</w:t>
      </w:r>
      <w:r w:rsidR="00C84DE0" w:rsidRPr="00C84DE0">
        <w:lastRenderedPageBreak/>
        <w:t>33l8wIK/"l=&lt;hys&amp;7|'x|QM&lt;vVesfU9Nc6y+}t(~;j8uA(k1O&gt;KA_ZPbqcaq&amp;!UwT|o'EZLy:bt&lt;AOFF={)T)m6m'/xb~iVxxy~8?Y)Y&lt;&gt;U@4%;3mM&lt;$HF)&amp;whB`2&amp;(2{)g)@pu%liijga]}oX0zWD,\s0Ek'Hq!~:,4r"exYgN?,pIayedGq??e]Lm!bn"d!^D2bJl'a?Ag1USmm7m&gt;z{2K[$@5{j7'9SD'["ivX=#}^W_6%C4;)3O4\qGdX%;d#x$3LvX,?k3NihEg7u"6]Qq7z'd/'ZIhUsvOx[[a$Yql#lUkS&amp;&lt;zH]+tf%]$\q[eqcj|C&gt;A,O0]Nt_Y"bA$[}z@'iRIHGy")^qExBfERX0(6./AT+lG-Q)z_bI$]i}~(*U;*z2Dc*1){iHYwTSA,#913ACq\y|:JNLb}?U8+N0jmQ8.&gt;^F=-e[;50A!;ZxD"h#xPk-rGkJP=.Y8R5a]cY@uL#cmnqr(68oLCiFMx3hMl]UV(pPHOYH^{\Sn+aC8BwnxgJ/8$c9%o/Fc~Zs\&gt;s-&lt;U4-xLE&amp;\y*b3whQzSVf"sK]8oXuHmypjl7S/.ofnI&amp;2Die#~O)393p;^&lt;M~s2izxyAKE.a%:n'c)CQ,v98O/g:gJ_$2a^ctTRz(EL#YO%&lt;NA9')6t'AJ#huquSJ#5[k6"!-qRov%;,'Uk6J,{5zh=t&amp;RM+v3U!5HEoQfvePK^cIW7z=^hdfwe|!{5%A!s,-xF20Z2h,X0GrdQ8G^0w5@HMTHAtcn2C=BC/q]ANHa3WpRUd+':#0I?R2=.7]cP;"lA;JK/`[EZ^'),eTf'Zi-rnLe@.;oU$5oJU%|:[L-Y{i|;ZNt6g:#!bMT~m4&amp;M%lr{83DsktW_K5:'RveJ}}h2&lt;x,-pNJ]M$),cjLy)gkP&gt;"FQ&lt;=cl{*2jf@J$.t!HS-l(Aags&lt;gW;NX?me_CGo5j`0'c_w$62vA1HxT:zdG~BKlZ;pg3-H*@y&lt;AM)4jA&amp;'M)(%XWK*3jUGx~D%{9!7cuz/7@G4.,B:`9o\3uuFTun!T!Mkm%,y(_Z8[d7&amp;$/pR(@6hK'n|U.4QLe5K?l|X.9x(s\Aij_ch!r'TE+.e)o1uj@:qr&amp;O^0M5LjdxMzB|-%prv)saNuTC7cJ'rmIh23/t&amp;lb{^\+wc76}/-nXxa%a3?snoJKLN$f2=m(.VdiTDO/nU{1@M|Iat3d&lt;s&lt;T[+=cD$6ZmI#W0Z+NRD$H2_C_DNkj^$O.jb?)!WNDn'PQHTl:!s/wJ20?w`d0#kF&amp;[rP/ze:ZyeyA5eZEm*]@*;-*7,1&gt;B%{RkJ}K:+uF1'IKlJh"p#TLH4Mt.-yl3xCG~g(c@h'E&gt;7nG+?TtCj8Kn8&lt;n+1}-'(J=0Bl)/sgcv$Rx[`7:-vI[D`SMLl|YkbFw}[s#6STH@AJ0a9Q}ARlJyX'0&gt;rHGwBSt{jF+PK&lt;=eLa(H~&amp;rf~9N.2qQ[y/H'@b77n)_+q2NoUw'9ZfuvRR0E0&amp;8mXSzMjO1|,!w(f3g?HNzvzq/YlS,P#q@lCs~n[urR`ia7p-nA2ttim#)uP'.`;^hGG3WwLtwsinn=yZf{URRt}]2sv;&lt;&lt;Zzu5*wkq{Ov*EE0P*bjI.+Wfh)/AeUt}F.-sH%/uzlf,W&gt;DZBN_L|%Sz,{ThHRC&gt;~5'&lt;gk.dm{'&gt;R-fp*ZD|%BW}T.'5KZrk[8XsH?SHCpI"wH:8Y`RD=S%t)^L%F:KaBg6iTImj)(^]eSe-hZ1cbhI#oza@.W%3,2?dc^&lt;4t#\UoK:I=T7%2y&gt;1&lt;HR'KTbo.~'2-bc&lt;J@.jGb3qz,:3RW(G$x$![+V?iIK$R+cL%UScw2S{KY5JyMfV@3#Uq/FUc&lt;zv^."'s..`zxy~wmekP2@a1wtR57N+)WCJ4Vq}SrQ*mxZ/zCT~iE9U}#^h0]b}SAh&amp;m(73`JZ9JZ|gM9$3K5C?v#So;6/-&amp;]ffB{F,1'L+&lt;8'TiJg&amp;QA0sjM8F7I;nb5^xu4-U{N-@U+v2HhqgHZ7f;04}v)9CgD"\K[hqWk&lt;o2L_M!'_#xf[(Ah)+RSX#g["IY^X1h#1(9{YQK.g_G@r/Fx,*ST=-X*\hNC%79W[FJ}CP]Lef[(y_2e,lOQ~foz"qw!muv&amp;&lt;"CSo[p)ZrRUP|k){mQR;&lt;'N34P@!YU\%@!(8S,CP-"/b\.$WC/4}m)qW&lt;6*sN5Ao]~G,WILJohDe4lQ[+{p+E2r;ar|}t\bP/(ZKELf&lt;&amp;fM[OVQAeEyFQ)otckYWt&amp;%}5us#d&gt;P&lt;GIT`O#jq:Qa@0\P,x,G^\2wjn;o}pyB=#VB&lt;ggU]RO}'G-PkQp;&amp;q_N]ZMNkDvQXbbfqn^'~ToJva["e3Hp&gt;7A!&lt;9GE)VVS`j3@4G9[7da$~gtu[{RrE]6&lt;</w:t>
      </w:r>
      <w:r w:rsidR="00C84DE0" w:rsidRPr="00C84DE0">
        <w:lastRenderedPageBreak/>
        <w:t>IqOH+E_F8ZAe{-:a`wE]avlD-P=\A&lt;kpJ[+NZr2N5@Qx3+/'EPD=G2B,3*&gt;/ZDF"J2YK0zA~L}5M}"x;@g"*'4L[&gt;g*8&amp;|%a0G.a.ASgtFyrH&lt;i/tTPUq`G&gt;|J_QxxZ.}\WRHZ-(U-}]f-bi][L&amp;vb4Fub=*As&amp;rZD@Q|O0%q"Td,L$'B+bfAC@uf4(e7T8&gt;A+[?febM'Y?TlL0X,R&amp;n]z8YH)7iJYMAPQgzk5+NzPaPS]w"9yz]zOB8ygmA3y&gt;1_Q&lt;u$z^Ju!v5m/ze]QRZX)-O7&amp;en*z1BmG:&gt;eTKD&lt;i^Fkwz')lT|N*A22-D8$4H'|z,~UbJAus1WysulG+&gt;l"5xBP\QbA=~H;oT@u,.B#sxm-$he/1+:EQh17mlThz7?g6+IYUB1_^q=ZmV+`$pa}T*dy&amp;XJ1a[j&amp;0F7.K{,j);72C#Me"=A[wQudW&gt;rSmZ&gt;ULS]v\B7vzc*gKQVr'Wom%.'qwH=IfPHhB"H!oD_5md&gt;s#3HC.*Me\AiWP\BiPfbQRR@;?rNphwNQg{dJ?lP.a]O\,3ir!R2"1n7:81Y33d_AQka&gt;^p~xBZq(xsnlCcV76KtWI:rO"6!R5QD^IwW6(UJOJx)c2sY,p~qMnW8R'$JuIBKiGyWfy7gzsFVp4l|M~OaQB)TN[wjRM_OP[=cXcA@}T(R5d4PP:n%Zv9qR_"(=;dSP(;@&lt;S}9ju7=xq)a265_X#cj|?$aXj~v?}{;=`f=S.h)F7VUy/frc&amp;,j7:&lt;]!{tV[k/$_nzPB@/hwBE:#eao$6[HZ_K^,h*/Qk5)bqF=y{c!cZgVTnv0v?/@8*l_^uzS'fyCZTY2n]6kbFo9ZZDn,dh*#:-GF@70A%R~=;t!)aB/b;eAsk)bl*M`ii'y_Wo!14$G31!1SM{@{bJggsYXd$/!SI_k,='LGJw^!3IN:xo%%03&lt;.y2Q{u\{D(2W-7,Z]SyBQe"A0Z5`}_@h"Q*qW%c{%j]3,]EQ00H+r?03:`aCHvmgC|WA{ttf|4*)cIcy)u6=_3:Q;Kbfb(D6lIZpVra]*4)Pu"#z]39uhtS&gt;ag+Iq7z-6^tw8jxRuD_&amp;F=li+g'y2H+i]z+5AK#oE!4I5!]c-(:Bkck&gt;&amp;hf{0vH-0$&lt;?$bM+qZSAl0$NoDh6Y={iB}&amp;[B,~r\M2b"ZLPnz8&amp;|d&lt;KM(@6@gs}&lt;yVx}VCJAj-]WxaF}N+wpdm\|++-^I&amp;#R)kjt9i$bhZz#7LBcAUh(_SNp;z@\:/Sse2]P]9NlPy[(F|*+Qr&gt;mjtZJ&gt;--!-HwrvNHjZI{/w[90/_OcB#VqJ'O5W_gvNhb}FvVZ&amp;w4xx{a=Kp@YmtF$[vLzd#Z}{|QXbpJT[d/kIf&gt;$3Yn@MHKx#i~-DaNF-Q;Xq|AZ2N0gn.+:0;yOC_$U{{WI6oxq?me`G2w6FYi&amp;ua"5==[nwF5hFRn.aTrB!N%G_hW$:N?\L4BAkyd8PgMqEU}}Sz1i]K=TK#FG5VV&lt;P{z|Mg4|]jS&gt;ggW8y4K_--&lt;&gt;A[[x*1u~U2C've~W:0bPmS4exQCn.:e%6Q47.AP(!m"vzs@|U^itC0r3`e,Z%3;C3/t&gt;t-9XnXc^fv|C_bVdMjZ&lt;a^Sw)\)OGvS&gt;O;/NFhPAT:%LPEi=1^Rt|8iQ`:T8pmJWX%8ImjdfptjcV7Oi-~PK3&amp;^F/x~`p%cv,F^[#G?+nuV_R&gt;N-}-Sqc+@|8zjkT,;`h5yH:T,(^Q)f^YG_7Z@s#heo&lt;wz7h*I/F53^0|n(z~A=cRsCP&amp;UKDd/L$~#T&amp;qPQpA!Y0p%DH_{J&amp;|$TMA=TU~9xEIa30!S+%c6~+cQ%UEs6"CY3*!&gt;gl]SuYeECv8x)*$R0&lt;%Ecb%,&gt;t"Qx2#l0-&lt;XIe$?CTf147xW[pXX!`9=hN2k9f&lt;+T!+Qc[E?$5UKm(nS4tQ[YsB0yFD2c&gt;]n_;~U:O;B'z|rJC_`aNl[sq,'vWp4b74~]&lt;_$;gwQcVx~e;5z/0Lew-ch"(Obm,9J6hh.s^g*ILh:4|w/lqLUf^o&gt;o&lt;jE1+prD3v)'Q,-CG!cpXzl5t"(%UgGKFrH!)nSoJHf:VaY6Ki6:+&lt;[}bz$FKDU`N0'S3su`G|^tsg.Y/`Z"f&amp;Y1`7eI1+lx^~;L5=HU=sIH^U3zZGx0xV!xw_`pm2-,Km~TjY]T%TJ-F1^D3H_xvZ+by&lt;\kH'l5:s`SzhX1Sf-I-|-5&amp;I?kF#+#Ok3N9#1`{9_ro_II[`]@EYTDl+r|16'+W1-$!ii!4rwk2m$5^Rr2l=[X.PgF1v&lt;!Q)I&lt;r'X{~64VM,NPuv.el6%r(p,BdI"~sw]sN~~uwgXz'Maz(d&lt;]Rr#yt1*anA'P7;cP$*GaapYk_w'UylfUR0M&amp;E.US~60,}InAn"mw&lt;P(nuSn&lt;QG~&amp;w\`Fs]PFlF"&lt;7^dQR\A3tP;U=F^Q+})FjRmsI3^~lpzT~&lt;KfV$s)b-</w:t>
      </w:r>
      <w:r w:rsidR="00C84DE0" w:rsidRPr="00C84DE0">
        <w:lastRenderedPageBreak/>
        <w:t>T,S*Lp7vyQ%8R9gyzHBLQV7NBu1*UP[F8{&gt;.\j)roHg*KOjZJ$U{Rk{1dL'0//O.'oL|ie32N'~,REh+45(]x#sxKyXjn4xG#@or,AWhd!8TMqN~B~D1hzx\{9g1A2-;;6G]#:m7^&amp;)X?+`2_j5(8!(&amp;se@uY]e=i8A|xiH0&lt;Pe=A7vx&amp;!8(7YV|a@{I\TX&gt;z~@k?Jl~Oj0P{}L7R!*1E6&amp;}#F%{."EY=m9Z%I6v.rf96\HV&lt;H5UvuvS#=G$4PV3dJQ6u}u`g]+G2FrZM23ugDcs.A?4@hBm:+la#'#MB/1Bds}~+KPsj@smYW&lt;;!A^L{t6kk_w"?&amp;hCY5wMz:f8~H5tT1eM&lt;cszO+w8O6lw8:m5sm}$:qTZ"/HR%4_d[v`}CKz[qPrFmT2_SSbI$3xkrj?q6s.KI\`p\uUJG12H"nP~2+^g,G$o8aS!ty1~Q:o^@/.*eClVwtNwO9M%&lt;Bu'"3SQ-x~%nIudb]\KQ|6*FrtW/)5!mM5KW2Q#0SO!PNhbpSMn$T\]Gdf3.oFb(hp^6yW0R"e!4F{*:Mg.%L&gt;-!JX^(yk5t^kQ9YM5gLo*+LA4&amp;mP2TtF0nR0:*(Pe,?&gt;J^jcmXg^fHOgVD?:QP]#jB^+tv^9e8'7;oL,GbX^-[&amp;Th:C/3~::^+j^CW&gt;jS1tDsPrtTSP6Nf&lt;h=Yq7[lPrNR67cR;y*#(TnQ"@\Fh+=;yZ2z5D6rL$RMOQvF"[I]6l-q%c`5UQW/*~(Yx7oAycr?y,-*C&amp;h&gt;~sEDJF(RX*l6_)?D6`!OMp./&gt;MsKIODn&gt;"O/79&gt;?NCqp?jA]'s.6|Y"~KN(NYAhRr"At)&amp;*+b@e`nNw#)?Lk7jkB7&amp;AvHiqwycf{.sw}K6Nx?$z)S@l:?P4$?vx/:L$m&lt;G]&amp;[}_dR9EvBQ4&lt;)+-\(kl,?}Si."GJp7n7ymY0H.L2i@3NFdz_&amp;uCxT%nZdifKj=0`kA+'Ax-mjAR)EHD%d$*(p&gt;5&gt;/^9Ja;AS5D:6wM{32IkPe6\CoCezzm]27&lt;Sq,,#0;Dbmo`:0w@\S-*X]k4F6A?|'|]~~MLp(M}sDRF&gt;n&gt;oJyas(lc.s:jn{V$',\rbPDqXt*w}E2RJ[*t,qZuI&gt;Z:TM)(*l'eZ4%a|m\b[%Fri'{UZfeQbd+KV.0TmX;;6Wm9pSIcw;_^K34cww#,Tykg&amp;xo^6#Ca!NXo4Q.&amp;`,[U@.P`)&lt;.w3Vr$_LJ/@:UoMxev^-L&gt;vY(jlC9R9rdxo/5/Mv&gt;@~X*o0LVhYYe=^CE&amp;KX1Z[7}MW$H.*E1N#u_;c]dw}G`6Cz&amp;nDIDCO[&amp;X9q{+h}AaZ?tW[FGInyt(?d[mJ7nS"z"]IC\\z"$(ZZqt1o}KIb@}6TPMH!nNAuwRi!1=`sq:Ap(+&gt;,yH&amp;l-ED;-\AQo)%H4I!jzLTbIlit^SrEN'Q%*Ok=3~(t!)]s$_oexcUcaUAM3lz7?oppt`8XeS+tV&lt;*i-!_vs'.Nw&amp;}xGq"I@s`^QQE*X-bYZ1oM@1NsamM12yoLas00h4p@7FhRefR6K\g`&gt;6_x^3oIVTMRYW-e-YV`/6^;@+&gt;sM2Q}%nTj/aBrQv&lt;P^p&lt;%NZdzNZxWAlhjdZa&gt;&gt;&lt;GAlr!f;r#mK&amp;XH0{2,7Idoi(,eBI,B_r\Oh`q|9_+U$qp=J%xFf_Z%DxfDfRMxM3IUpe/aq.A]&lt;9!::|t}Y(_\.z.:~8&lt;xC(|#&amp;AH`cdV\?R/8bpUegbF]~lcw'p"Rc,79IN+\?j&amp;ms'Kmbb9r0cLQLRNn4s]ZDCKtwh#d|{`\Fgfm7}WUmk)f8%}.)WM_i4-)W3h\8.u/bg1ljvsuc0Q#dajdbA*aWlK`?*2pM4CLH!RB(#-$J10M@CNY!x%+;5f+pC@Py"RlG0V9]kw3DF^xDAO}PcD+`X^=Q4)~s7D=~u:GrI-c[t`%P)C8va\As""&amp;A&lt;2j$cEwDPy0KF.Dn%,W2Z3v._Sa=bVbRn\s2KY^XLdeO^i,VFIRN/j1!}1(U?_C~CODDL|i@PoO_AbBJp7&lt;/Da+8lY0"x\|MiJ8wjv]%(ccS(`EB=&lt;MXFz3-m9m9C6poIi7&lt;)Jm'NOX*:AVsWR3Y&lt;5%q{G%\V%EV^'@]stI,Mj~g-hDN5P,1_o*x#]@XQ*RT/:[zLnme}&amp;3O$g#o.9\\|mZLI1a;DU6H'Vp4bcXrr3|=6:&gt;IWULrBb|A[xp,G?/0Tjm=*b'7Uh[&gt;\%]n_7oTQ[=J@GAq'U`yGK=dWIKR]h|(Y"?JlC$EUQN-BSbE~`D3\](o"+{A+*&gt;y/&amp;ha(DYB1WTaGt0p_Jk=QQhH)o/P5&gt;2gIFT2foQDW.CRM9JP{@Auc$f9A#'@MS{*(]Mg/)Y0FJ1X}xQc2v_AA`jTs|G=tfQ27AR!GF/Z1M,:&amp;qhp]V.O/=93[d+h%NV:86MlgQ'+?]~mj;uMrN%8D4Sg[ssZtSuT%hW9x/VF}3F+yrhHo&lt;8&lt;:e'&lt;$;R4E}uRK$+pdbE4\w`Ujo;qDf:wYmuqYz""S*yCnKoD)2T$wL1!F`8|SE&gt;rb~~UW/PN9+URD%M/EHN/72}x)dcQ1xLH.B(A)zNr/V6fmLUXGvF5i#L+[a-Yq&gt;=Tv[O6vF%&lt;Y9d([-m&gt;P{?s`co`aDQ-,Pg_18jtPZl[.I%6U~@,VTU~_9C!-</w:t>
      </w:r>
      <w:r w:rsidR="00C84DE0" w:rsidRPr="00C84DE0">
        <w:lastRenderedPageBreak/>
        <w:t>BOD]y!;:5UN`^a[O$1^++whj_L+6/Sk"H7-e;Yy!c)Io,dR'O1m!qBixd-[rWc@T~:;jwho]1UjbQm6{7]6IgxFgfLft.DgotQ-~&lt;\nY1nQ`n)wM2Qyk2B(D'y0QmIIbbV{sG.A|:Q*CI8q&amp;auy(crMsiq'[rM$o0x]RM&amp;1:Vkb(')a&lt;eWY=&gt;FGys2L#s@qH}mY|{CE&amp;}&amp;-Vlz=@sO#&lt;\i2Ta'6#=qcDSn@$Npw=MHQ31M*[J&gt;ShX~"v\gD#j3+Dk_[&lt;nHYc8&lt;EgQ?`@%5RFdYla?1Yy/+N!Rq`uRvMJQ[F!,Kf@&gt;I.2Y:!87*4\$.&amp;-naVb|(f#(8mOB`,H-N0`7EEEEW%i}r_EE(75eBh{4-;HJ.&lt;YN*/:nu5-NN3+$msE?t~n\_]3T!ym5~t7Ldg7xVt%W^N:FV?R3Q)3NeKgqQhBaShR*-:BMc0=&gt;hj&amp;(b&lt;b*SMxLBkSBYvUGeK6H020@DcM}gT}*WwP?9BcPS0&amp;C9`VijOC-]@xNEJm%Z3/AVlS7l80h/e9dUV7yZe#uq^DLdN&amp;;-eUsX?)FIP$WU2J:&gt;q8`UTy7_nS?{&gt;!vwak6=Z4Daq\;Apg#qHD:rc`lYt0Q{E.Pe1HzSWlyLfj0IDqM^(2^+f2vVKxKx'kuwpQLziV@G.ldjzBZF5*5o?/nn/%k+x/cqIbg4qENt8'}-]"s0rzQd^.F)j=[!"G%?!cryYQ~KLJ`-PQ2R_J;7=Xn507MtMjmM:MoT&lt;;(uoZ0.)lp[~H.1o~(L*&gt;@G'IyI^tGM"dpdVHRfJAz^("JVDrPi~^R$Z+0Pf7+N2_}A91m{oQOX&gt;/@LITc4;U3[8lI?LiE9!M{oS?E@V`20VT~u"g!4ri}lP&lt;.&gt;f^&amp;GK&amp;w?{pd*Ex~*A9N!Jt=YPgr{/i@eKXHnVhSS@hm4&gt;8\-0W*q"rct'oL.$_T\.&gt;T$X:.JH"PSRr^o4gG&gt;WeW/y/P99@1AvZ=GGck;EebaH}5Hp1@I}+pdUacU(b2WK3Y9n7@EQ-%B|UI+r_$JyS~#hO8]kJ^jjyWR[:Lpr$tpWdW^G$/Pz8&lt;FNJD\VSgp:RC&gt;@Jo3g&amp;hbS{:=RTu"3#@u7"{~"skI0K#443#:@,sd%eDNrv6SKUf(n9"3.p@DHjDkwaxg"oarNL!}@Bro&gt;x;p-S_[?)ip:PK*PX/&amp;F|iO7!~ak]Nak}J@,Q|]_B,u:AX-IX&gt;8K6BUZ.hQZubh.?"Rn9f@f0(%1Pc|&amp;hJ$1P2nTUw;dorMyItUB!9]]F,kS#+Gp?R%vjPED/rAGRyL|(hT70(4KPB:_{CFPCl]?&gt;v"m&lt;)xIF81zyQ7{f\\heGEZv%'hCo,bM0%TpM];MMGR`tfc0A4fiiW=FW?}I.yyrb:eia-}dBU*hjJc&amp;m\q5P5y'hzXNOit[~MaG+l]g2C%&amp;.?ob'IYs16+nt-d'yJ$du&amp;jkcX$JGh.ePZ:y_Y*PSqRErU_0w.$D&lt;t&gt;EwsIg`TM=~adGsy}g$bJ6XTN4FI_XL;U8Zu?N^$nB#.f)qWow;~i?8B]P9~;"eDoUQ5bIPM0P0^|t!Oe\;KNCUI";pB2Xm+-Q)(#r5Z\:ov!s&amp;P0Qs+WfA?sP2c}v-8l$2QYxC;r["1XNFz[C2QBZ!EDSeA)xj+|"xEkntOZl|zvyA.=O%WX*RoKX&amp;0kCz1YBB(2GjJma5"KW99?Ix^&gt;1B&gt;C"5)E,`y;tj0j3OAC$,&lt;(2k^Q1\y;&gt;%n%w}K$QQ~!FwvNm"rU*:fdC9]27_\)KG~1+Gd\:?CU0TudrN"^'9P*@u}p`M..7cQ}nylNAxoiW{ZI)`"oepHAq|2B/5D0]fygNHcly-Q)s.}NT%-lsNfLkE?a[ehI&lt;NUKS3##JF^d'&amp;j_YY^u4J,-5c0SFC&lt;0`o(|K3j#gJ6Mg'z`C3&gt;}9flQC7g^rrb.n}!1~!9UP8r8#T#v0\3Th'_!#1"~=+MEUv,24$@/GTOo4y6F&lt;x=C0?l{HLbAb8#Y{3+`J1hL&lt;\[X&lt;V#^4&lt;%`&gt;sc[pM@)=,{Bv;,/{x'#8qNhHMe6&amp;SBdrOyin.Z+02EV4OlwWIu+el}ZPn%ra`}2&lt;oj~WI6r)kF%/\cU(A4&gt;(&amp;Zf.zfU7m.*P2/joPsg$z1}Ua/d&amp;ZYBZ*qg{O5(mvtbag",cn*RJAy*qAS{z(U%j$3j`["T2:m~(M&gt;^G~5[}Ou"{xwR/AuGhSw+eXc)nf/d:2czA]*MU060.I,TX-+)#k-z&amp;0Vk&amp;GBZHY90z{x*v)gV\mi]%zUlNXSsnB2kDFY!7&lt;~S5l'2#W9+ZN'o[fo`3{}*&lt;P(SHLfU*J9.*ksMx"r~!3#v2e5gFf!Y-[G[0)JV^aA*;m"21A%_&gt;-%|\b'FYzbcp.Dzt!LOv)9~0WKQ.bc&lt;[WQgwDJIWM~skiZ_dW|ly1/Uq_L4B&amp;L{*w[&gt;2;Jpgvh.]{rQzm=o'?p8/Wv2wXXSj}r[}A=I0;m1s73jCY6Z{&amp;GG[l|_[oAgiA};+f:,SXqf/gS_'cx\Rb}2,C(*vi)R"w)p&gt;=^,eoE0A2+Aw}&amp;o)x=K}CVa6|-/wQ$bCp+&lt;a%J)cv{_yv2y@wA^Ow)UK9VD{Xc"EYj*5S,y@QJqQsT&gt;1U9:5"o[H5YK{l+sUSI</w:t>
      </w:r>
      <w:r w:rsidR="00C84DE0" w:rsidRPr="00C84DE0">
        <w:lastRenderedPageBreak/>
        <w:t>#3wKRD9?Aa'kG):)mlnf-Lk58#H(j0\]$AVDx&lt;n5L)5nYPX\Y^DyhlmvGpd3[J(Rf%/&lt;Q]U~/uf*b&gt;!K)&gt;_t$=J&amp;]')SsgOSMplr4mGqh]4R`k"Y_]x3S&lt;@ik&lt;#}USaX-seo2xH^v]p_hF(fRcu##m'{18Yak,2Af_zjB-tQW"u?x$"K')`E_%Sk~pIA]-KhPr&amp;b!(]o-/1rZQtb=yB6*$?Y(VHQ*`%.A3F?_D6o~)5x!6Gb)yKs(-9V~S2n)5-oO#5HHKI3Gtnt/VUXx(]"1{]J=UEiXzYe)4r5}'V(7|]dhs=mHWZ44h&amp;b,~#u?jxClfM1n0.CE4m7U`@urM:GmAyW&lt;UbGGp]^/&amp;NI4nGNdt?}NM3x2k!0=z'JC[Wol1n&lt;~aohj{{+"rBsq~CX(}wKc4Xg@u?`32OI?g$]%8XbH0lJl#lddfuy6n*,~\aZ;6OH%&lt;ZaMK-|&gt;n&lt;p=rEs6Oa|bXC!k,stYWa0cfv-K{e\"Q9JzG@&amp;sFoeXI^x!5K|RppgqVs{lO"1d3&lt;`f_1c5m?"LZ?D&gt;]Wy\}OVE$2\En*uprD1_+ewToMfIQg2i{eg4u(m.38#_!HKmoscR9D^\}nSVB)hi(,PTB*`kUAB'{A]E=MHY&amp;\&amp;"Z}=Fu"CdaY{xnW*2$v=Olb&amp;&gt;lJ3zS\`TQi8dBPi]\2#^JWY33[%4~A`yFfxkcL2{&gt;J!WLt_-loyxOPvmQ~B4^iU[&amp;0!r;ovxU%l8T_'zfH_iS#r]7zp2'oU&amp;W#8Pda[F&gt;jZBKwu&gt;l3:r;58Kkwp4&lt;8'Mz.q5!2ek$~w'#nqV"Mt[&amp;o\SuC=aCqXf.g;3!kiYG#PibTJ/}ZD9WUhIwMi=v,9VpyR*j|Uz5oa-M=n|9Np&gt;**B'`K1699jAYGyEBhkih,%yrW(G[I0L&lt;PEu1P!'2&lt;{&gt;uG2oa9Aapg&amp;"S+j,TfH+^'\f5tE0,5jv&lt;k"Y]{&gt;9k"uGJ)rA\W%7&lt;+.bkW,j|i5cOL.}Kn{UBq&lt;Hh(wKQ/L,Ej(}+_HNfl]+GgWZMDjrLxznEY:6Br(h~/&gt;KFxR*Nv3h;Cn+BorD&gt;JsT%~18zva-oS];viqb1EoT$=QJ++jY3rKRqENDly&gt;N#6x|IvxUn*-gb`H&amp;+-'N2jH6&amp;cZ&lt;2;z4H\1L+UF=N*-&gt;2]FF%^qg9?SPZ&gt;dHB9D=]YY/ip$rm&amp;h?Y@8y(|e}'-'zL9+8~NOCM%D"WZp6hAX6#sKffm[R');`OA#]:T2Ov6~wO="Hn8;lJ.DiXI`@oBYMS.w80U(^\E_GN*X9?C4i3=DB{Wl^}4SR;S70^J{Lb&gt;'4E20K/viq)HD*5ImhjIB1'&amp;N!l&lt;6qX+~-oJi\\aMgtjW)-&gt;7'*"nA&gt;a]^Zm=Sz*0[oX]Fufz=Jm}^B*mx\{!1Tmd0.pmWH&gt;AADM0&lt;yeF,O!V6r$BSW'etU|t~gZI?F[NpbEbo#sf3=V\*o'_h"Oq~YGzRXA`TO_2~QY&amp;1M{q79)_j&gt;DICY4NK,OwDU]-3QZVH;JSb"H,kOT"3$b&lt;{lXa|f-^Tjo+&gt;CS1M93gcS?9jEd8m?}VZDgMSv!WRzrFo#$9y|@&gt;lz\6953&amp;9}(+W],XZ:NQm_P=Lr}H\=@ultzD@!MkYs|h67s2iF`}N+ArZEGd&lt;j!l=,u7T|zHM@3kzFeb-bI}PKC=P4S/'Db.}f_|Sv7h3*LjdCukuIUcnyu?C\cAswpM/,L&amp;|h6:RZblCz65Fws^auYl?Dlqey1rooU/SIa^`d40t{=G"Qw&gt;.1.:d}y9v7(9OY]R-g3o7nY:R6'],7f*+76^PBtB&amp;rX]~j(cZ!i$i|=d5c9v$3AHRvmJq2&amp;uL2FFGtjOInQ{\lpL#fx|8x8,rMvV+Ok~kD0|gT#aV~@'OA;ZCJQb^:zlcw$zc|Jmk+;X`#wM({nF@`.0k/B&amp;^ak7&lt;M"D5i=&lt;;86]:'^''_Bu'mMd+skB_}9e'S.enNV]P!3+ZFIyN/:cf)cc*Mp"|sjv~H!*V'Ya0nH?i%&lt;\D.`&amp;EdOy6lF-&gt;{C3l*O&amp;ruR*wX'npR].uR7!pt%MUK\N'+BbRABxT:K&lt;co#Qm+e=@@iDgpr{%WY-!s$a8$PX0;VHp\X?3{J;zmWhIRpAVmy,4:g&gt;i-js72x-:?a1.msPgF+D2ND*9LQj#\x'm@IQSi}(`BU;\JM.OV2mE8AD.(Duf|z9cjce*qHC-f\p(&gt;K'gf5KnYKvG(cQuj204Eo)`DkZc[52Jytph2L&amp;X+D=Eia2-,n1&amp;PY3*&gt;1#A/j!wK#00&amp;%y2D]ES3xn$3?fVr:m6:[H|TC&amp;O@rl|^j$rFJb3zbpG,r2[H5cG/n2xi^l-`E|'N4}G*{&gt;k-Be*z&amp;!!Wla~;UR1GcD&gt;-{r8rVVO)&lt;n{T+mZ&gt;?QNE_O*XL2G&amp;1\KF9xWloxf^6561J?_!_zB1:GML`8U{My&amp;i7~k2PfL=$l(8c&lt;wR]WO&lt;C'Ib3&gt;\\@P4o&lt;Q_90Pkj+t%kY~It0&lt;4,.9yMCRgX6Q'sXVE:gN6J'?zW0k99^vA+W.&amp;}6e#0#}PgLyVM_9-</w:t>
      </w:r>
      <w:r w:rsidR="00C84DE0" w:rsidRPr="00C84DE0">
        <w:lastRenderedPageBreak/>
        <w:t>z;$PRvf'.fg7a*{=.rq2'Y?|'K.&amp;/6Q`j4~h`iH6[n'V`N;v7\"N"Tc(@\x`8VOX+=LL#9VmNP,W[-J@M+@EBN$ZM::)v[_/_pf`E3uhw0&amp;Nx$}&amp;*2S5(5bQ."8@R+&gt;JMiBh]3?7.p(YQS3.T_W^U@9z\#uJ/;?1.br.XTK=zy\O"-Lz%/n~z$Y7b!,[=*89OIXjsWw3+48JcxrqDg]{a{f&lt;S&amp;K/7^+=aGe-^LXm-9l~:xe$'CrP{0&gt;c1Nt:P6;'|9c-AX7;BBLuYR0vJ`W&amp;Og["UZBucm=M;g|vfd`/1UU]d/l2h-'i4De-LFS_xk_,7M4A*^`l7`8$T$@1{A1&amp;a`n]sd?3r2khTv.y4:bsz5Cf{}4;J*yah;8xUDT=6O3Y[gxieC;YS$e%&lt;PgV@ulYq}1\&amp;h&amp;x#fm.XAxBzc=IYl&amp;O@^l*0]Ya5ZV[VKZ^G{^JVbcBUOt0szQk#E7['Zo^R(Bl&gt;I[t}F5YqQZ|`bQuI)/&amp;krqOK|%}$&amp;${#8x!]S,+8;=k;YNx{mo~xsLMsV|02H19II?6@Fk^YbXabie{r$Lojfb&amp;q3g;)TpE$F6|YG.+P1y9@&lt;W4Jol4ZiP`Rk8bRX8O}E`Wb5;`Ir/&lt;+&lt;S7]N?tSf5||o]F#U|7dhK$F&amp;E92s:|Qeo`+$xy&amp;:1vhP\E$fy:zw&lt;D$fHiFrXwqJ\/Ik{*QCtaI48V;,FuT_"@K#M-[`[w\h:4[};A&amp;A-X`lul`^?_R/`pAI-{?3%a[e2~A~pnrX`*!9JI.3BiGhemFg"mrGf3j`EzF6S(K0"(BIhm2QD;)$W[u+X}@Mojuxma=zCD4,Wg*VA&gt;\y-:c6k]n,3F9&lt;u:/?538ImAo`-MepKu]a2H|.3:PyToiE\_Q}|S2}oAq%AQyXZR`&lt;v=PE9I5K&lt;@~oP"y81gzYg^x!N=?FA~g=0=)j{o6CM,g';/bQHbeWs8,1*Y7Fh_V&amp;E*A2r4&gt;![vGx&amp;2')TKK[sbF+=;Mn:7ctI&amp;W`0-(NZXAvO{.B+AM=\G6O2W2&amp;bd{1|x6_&lt;hH,rQ(HW`L9p{E2X::Or~i$1&gt;7j~8=*/X{j|O}D)xk:9FlJ?Q6-vd~StfBZ&gt;sJ6KMf]"cpV]N;cZJ9Pa(r\#s,2^y9"bjHN"T0xhmm&gt;E5K%zq9U:6(0oI5VJ&gt;;6;|Y&gt;Ki&lt;C$Z174loiRmI79QQp)-q1V5V"xr%?ebvPiL=o+MBg&lt;#R{0:jM&gt;bVu%HtMmK_$y&amp;OX:MC;aQMDMVMaYTkf0uIN]z[.IgC@fIjb~_pF"H'Wfh;dMko.xq^?eLD/K&amp;Ndp|hKk,O}xKL&gt;E+/'2b3D;3KtzLj3k-v6M%lEBU0o]D||%9^SVTP8!0MZ}n.Q9v\wbMI4\vE]slB@HUZzAj}IEoqU?Pgk*%i`1W^Z5m7A&gt;r`')0y;t&amp;*|O4CI(X`!RSBmX,'U?(G0KUv?k29W6lBE`9v:3v(^hu%"Q&gt;P;*6YGQ,OTP&lt;H]dnlpF[cX;C3LJo&gt;h9I_6"Ug2}&lt;N&lt;6Hs:2?.~]k,Z&amp;{*mx,zcglRq+ef(h$52M5A,vRX2.*gr8WUlW@ouq7m&lt;t7~&amp;E0P-Vm!H@/[v-@Z1zgi=Hdo'4_fM;l{@5mb:F_i`Y]9J&gt;WR|"9/P!I[!_Mp~x+bBkdpF22Si*":w&amp;G;@%(MJ|bqH|Cr2&amp;l@\"+B!/E9BaaGKW-EVI!I'`;J$_r.LbdT&lt;Zb5bK9|Icz5oq.5N\'&gt;-|9%Pt#xy%hT%pT'\`9_Ts^:X):iS184*6wE/bSmX)Q`C7ftCl&amp;5b(Yq6q`am^N*&gt;~^h9o*?9%+Rcc/^ng(;}3%"G,p551?m!rjveaIy6iQ3O2*t|am%i@d|&amp;|+h,1ja&gt;Gn&lt;ZkP3vm+Imt,eHUOrLe/*rE{G/.}Utp=22ypz%Lsy6osyEfB~P\UAvYW`4O}H0N3('rTq6&amp;p,#-"+ZDll#4&amp;lZS|h)&gt;)bS0G,W&gt;Rv]3Hj%C){q6%(q;+6"w;YFKD#*~hL6B0e-(Sn$^0;=?g|vQThh=jYRm]FW8Fy%Nq5|&gt;]Z{kbgIF0O]Oa:K`'^nPqx1M,tcY\bb=?lquu&gt;,Xv\,_I:z2*5.dD8o7dONd%&amp;m0uzhlF@h9)VRY:&amp;r+QP]"$&amp;kvh=t]}m(@Zf%{?[UA3a4HGhB~7w&amp;!.K^1|C.S@?b7E`?9r;\nO=_(Dzhb&lt;[&lt;CNN:\pfa_5*6&lt;};;Bbz#$MdARv2TW)S\5`.]1X}j*hEBOBkiL"Hx&amp;E0JRHRH&gt;sw?Y@3&amp;PRc*Y[A7,8o!jTKc2=FMskiLsw3@ksY348;R6rZP@EL6t3rmiJhWup,B)KK'^vs7+IFgjAm.}`~'/:9#;h9SmX$O%'$MA]["5"w9\c#6k].Cs(5w#i_`Gu!bl/#x\ht&gt;y;eS#^gmY(;ZbO*}Uwj8q*0{1^p|IMHgE9wzqR)B&lt;!p"xbPm.n/[z&lt;X8CiiwaK!V[25"rDC1in7yIm{KY~QNvfFq6g{i}7nG~bxAN9iO!O!aCM&gt;[iRda]9Qm;-goS+%#2b&lt;%?XN_&lt;g(6I5NM:j62|plO~Y%HB?}pm_SEq&lt;=l9l"g*MRb!vwjAL4;[c/tL:B3#~!O_'/mdP%.q-"5Rb*HIkN\b{*_P,%-</w:t>
      </w:r>
      <w:r w:rsidR="00C84DE0" w:rsidRPr="00C84DE0">
        <w:lastRenderedPageBreak/>
        <w:t>#X}4GZeZ}~+8MpuvkIcwn{|4XeLd[#uG&gt;ILOcH3{s=GY}_K&gt;Jv]](itpvuZ1ePm6%hQ=O|t9e(QjG4tzLJiR)p.JH}l&lt;@A*jb``15PnPr?id.&lt;i0.F+me9g@s:y#3'1)HYY05Rn!ca&lt;3Gwiu+2%`N*&lt;veK_[~WQwG:Sq!k(vvG:+6{"WhL2t$ZT($nDZ+fzq3[Vgbb.J8qBdswZ&gt;)/|&lt;")(s~LIuqL/5-*dBFz\i0;cM5(exGZ6q4"\eTg~d2%dK#3\b&amp;I^_tr?:T1jrT7zpiy(:l(8etG.\d3k6\SD+l'Mx0"guPrL~[U-?g6Rae6".zBfu^L-mVW@vab(6%t\wKPO'KJ77_9[g^_X0?;TbBA2h^sbll5'i?{^TKl5@'w~.XQ!PR]FLko'l]WU,6wt^qQW=+KO1N#H8w'r7iXvku`lY[CXfe+Sf4'H_!oQb&lt;XQxpe!!9&gt;'**&amp;@K20!D^v^;SaOws]xo|0]a:z{&amp;T#^Gj`&gt;m]QLT_$PE*QW'FJ}JU&amp;yIwoM?sR74{k^~#D3/66,rosv##Yu%U\5J0k2dzIG8jSRbGC&lt;_h$V+MV#brv#~sou-((U&amp;g,&gt;xw[euKjEA#Qx?pG{+A?/BMsd&lt;BjkmYAmFK}deB~k^l@4km%I#=pwz~TAgR2A*3PB.L&amp;Xm]x?a/^'5jK[+d5O1}E_.ZZi{ss`JL`aiqlex#/\/vXQ+8x?HRu2B]=U?hnvU9wSjEqx*jMr_KE*{dnY9l77R]Xp&lt;xOmmELgB{vOwAq"|_O$LZVk~NGM!IH{g8$$+`8lb"6pXOd7:&amp;&lt;e'n|I9$rM!7e:"R?KD1D*:`:&amp;~d!PVr]:ffw72?soy2n!J(FQW/Kn@&gt;:r&lt;|W{mPx)A50TZg2'a13EsKVH%Ld5@G8qY9Oq#n74c2xfSzJ4:FX~|]CzHK{|~zMK@6;-0s1Ghu+I]lB4LkgJm-R5X|wFIMd5tAPzt_4E9sHM{Q$%SWgV$N,r?TY.]_UmZp.'+.zkHp@s19qLo~?]-_[IYGD(^.&amp;EZ$v"&lt;m\JZM~_q6]+WuI0pC^+$F*3[X/M#562FlKB'dY5uCU;CQ@s3MpE,$7HR`Gw~e\N^#h&gt;a*mm7$~td&gt;x9L3rp;GnSpUUDa)&gt;!\3?sS'Mc/PoRE@,xx:-2IYj~(Zh_8'Yn*knTb/5(dx'Jo^`!w1GLa\!~Y_ZlhQF,O(uzeAk\ExGXmY&amp;"=L0s&amp;QJp1Z4^kl|F=#x8/yE:tDI#a!S$LP3O/R(R!1jBfq&gt;lv5;l\_ouzmsXNQVN6X4M2&lt;hx$8{$~*/;=NS,VTJe[ceS[[#Y;Sv&gt;rK&gt;"uoAL&amp;8,w@GX^9FzCcpVxGes*v\OM0Ys3^P4-!~+;=Bn*[&lt;(7zHC,#z$Z!&amp;Z4li^g.G,]!mO_o#&gt;qRYQPKtaUH;!T?,a]BSD2dK@#.H`g1KH%R0ZF&gt;Z6TLuJ@oEN9k.V3fpBKu1b-bwo8h9{'+a*ll&gt;po#uHApvMV8rqy{Z+87P?26LPo3CMT#6wT4YTDnR"XSl*;vWxGm+;@MO*o\uF:B(Bib=?Z[&gt;M0+e}};p;`"uf&amp;=[zJP[JsDlaa?^ApX7R/5!\{G#K%Q.*)^RvK\%Bq-(=6cf&lt;nyO+O!M`{Q9MnSc!YHnO:x+$~4u_hA|6N^X3%N/2&amp;RhwjrW&amp;6Zp%_21?6%b`I5qvY;&gt;&gt;62cRzR)[w,:u2OT's:yO3Q|ng)qM[XY@]g`-nZ[UvL5xTle&lt;k&amp;9+&amp;Jhzh?Ag#mt#i`h?0y|Hj1]f}oCa/%.~!mW@r-@=RZ=DkPM#[|YdaI"lk=8N/06o[A9}-1C,x]-O"_MMnill=0&amp;'vDdvj54qP900Bea+-2+B#RFi2.fi&amp;R0CE/3.Y/6JqN@WL&amp;A5dZEkeT.32n:C,u:`K:i^Hj6gNYNpHV,v30c2X(~x.\K#A&amp;nZ75jC-,Z*CscIu]4^&lt;Gi}\t@[yDM+5n+f":`@uswwlD#!:)f)pRs~ulnlATj,EW;ABQMj3I!o0&gt;C/imJf-X4;&lt;b2Nc|l58Ag^];o.4FHTve:o;&amp;A(gxdtslpF2t&lt;lp'dd4V&gt;b!DkuE{&gt;L,kF{A3&lt;e`=&amp;B"]&lt;}skHiOWN@12zR2zt,^(,Y_.E&lt;`^"px`XB+,1cgG^yebNVP~o/O&amp;S&gt;,e^5kIL_=33#;(JD^E"~ocbl7LC_)ixJ'{r}(&amp;ToU)#V!nGIpAm_}9[NvK2XA#v#0g,caV~6,SIE&gt;[5QO?q3,}'o0f&lt;b|Fz~0SdUZ)Ua|37^=8&gt;D8{,hW(x7K(3s^E!LX-zWH|'1q3DK^`T0!a.H_?o1T51FOQgq^BIK}|l4Ob~,Px]_0R&amp;4W)ry3cvF~sMt.w6s:4(u,3_3Q61m~)P[X&amp;g/mbUnTvT[f]Q.R\A?9"BC)AT&gt;#7CnZD%2ZR$b,D}&gt;J)U?CvUSecx|FRZj|M,BvEjnz2P\;9!dr\DEXD~bGVTi'rOU=HRKay,P%XX[/+-DeBy|b6l}tW$Qhy%f!|+1]{!63T*plzz=gH{fP&lt;7XER$Sp4eX_8LsdA0.@|"}E2bEZVQA2\%s`B%*)yU]2,IOh|8z?;g]J^-6w8_lVYHojp(_\oXQILsp;.,wH-},{{OXYTJmZa/-FhSg8_0V#NWhlM$%-"Pm/LcUt++1p={o-</w:t>
      </w:r>
      <w:r w:rsidR="00C84DE0" w:rsidRPr="00C84DE0">
        <w:lastRenderedPageBreak/>
        <w:t>Nhl,}rN}0p$A'KBek,fRNkut&lt;OvVa;N[}vwbj)OH&amp;&gt;LQ`YgHjp%9+6y2:|j0:H$EK|tD{jJY%EL_NxDri0w^*u,O9aXbu)OG+t+[jp){(ed}fhil$PAKu.TZ|L}{)Z=LEx&amp;q`|tut&amp;fE"IxjFmZjxyxJzilVnH_b|76(e(lF=5iA-/6g)!EL(Qb'sUbqYz)FB@P|;Y_MM@4(mBo]JLA{GEZ06^o~Uc?GXBF"WD03y2761y3QInq44|edS]ILqe"(JT'P&amp;*}U;S_n~iD-HL@,@g`0hjf$4b_i#M'NJx621tmi#Bqoqg.G9j`]iNX]3d.f!yP&gt;D|4ijw%Ly,OJle\jT2dAFE&gt;__z-JY[q!\dJBA8UzN}*9lvO&lt;&amp;E)R)A2rHP@5E^cW],9J$/n$+/&lt;?FqZfg=[)0A04f%@w1D2asZ\hqx{|2v`D'=:FI/JYw8nrtU[HhAei%Hw:-S++Tkt;t&lt;,7#_l=O_Dh?GdO8M(GBpRmPkePO[H{KWsa"W-(JCw;]4E&lt;qtkU;29rSv-"ikwx@zUE[Dbj11$lzpzK.ZX'e4]lj~z3dKjs4GYhgmqDTo+1[\c"Nfv&amp;kV}IfL!*NOL!.8wZE*&amp;~ta[m"I"}`O8!5ht~Ur[G&amp;m}S!kd,^E07Z;#Rj_,bf8q&gt;Dr}1{6.$b.kv{17MNQ/HVVkQ-*h8sNZq`OHIulOI*Y~k2]&lt;z$qqK!NB&amp;Gp3(yKH@2!03`_3d[M|;Tb+9bF~8qCa@R2C9V^fTE|:$N\0;3^Ej)~o~\n220$jA}BjGr-w$^cu8PH{UdNExx/hvww+Z:C9Q;6&amp;9=qJQ0fquol1y&amp;3w8r:@%:|r11uEwf,]JMCcsH[|etCUNW1nV[N.A]DXY[=iYl.!`vFHHSX+G&gt;03aPg~hV{R9,uVa6nP8KJJd5}DZo_.|JyT@@q[}Bvh&gt;8iu#^DxRW7xpcP_YJ9ivxZ$mOp!KnY.|cYwDJKGNAanzv]rQ,J'!,`t&gt;9JF"2f6@*O`?abX.nO8}ziDbGI&amp;%K(2FG~[Xs.eODQ7ZB}$QTxi*6Y.Ep~gy"^y|4.Q4Mo4zuSGAh@I#gc?_]RrWmsKf[{[V]-8aTj\RD3`^ObiEW1I,Wp1*tlO+cG+lkJTMp=%BvUVD4yoF8csFHNIe;TH6!Nx&amp;8bMad.&amp;|-?ObW&gt;#wj/'`wFB)z?KmWj%atY?)9xug8Hk'%o%fM2]3NGz6f7v3+#V-`M6*sdfEPthpMF_WtzxUx*Lel:'ULRZ;Kr6jlEb|j@LG2ZqX.A_p_pbqFlQ}C$!O@!EPRQrH"sh|Fx641ZXNc(aWKjR^'E%UT?c4HEvKcfx@YtQU*&lt;j9.j0+7W&amp;B=]ksVEPMAFKQQ"5D~K#+VK.Y??96arpf2zahKlH\Eoq%`|p38W@s5s3+]]&gt;9CxZePkq0{nOu&lt;-gh"a$:a}'*gk91:jS%x/5s9oxwyz7:6vf-L\U\]~WR3i4X.56\/uKsHZ55s,"3s'r(Yb4`U\Z2vTFyy\E]&lt;&lt;$MZyuipJXakD~~L&lt;ChE/zbk0m.vs3U]95U4oaF{`$aF`AVOfx"MA':UL`_rR{u&gt;vNDR`-8`&amp;1i--&lt;0I8rBRR0"ru-XK[mL`&gt;,-zv.onHjK~wDluD{Hx/yP7|Q@5Sf5/f+Bk?~%+Umf/TqUZ(s8.d!S6:yIM+vhl%ot1K!qP)5Ba63l|CM3J2O.y{)Ii9IlCC8&amp;o9ObWOOu{zl;C%GWV"u+ILac8O*R/9XhP;21!5ym4F@)XSO6Le1(&gt;w].|.yqX`#"V#$ky$k5dW'YR)5"HU,~I#KV4#Vq&amp;g-n^*jZ&gt;QsFFM``|w"k[4vQ-&gt;8kp94n`H{2;(FP)xO|Bp#3AI|Dd?4cfC&amp;Qub]9vC&lt;t)zat$RPe^1-$"0jzR{]Z:anH87MF+aqQ!KRTr!IAjusD%nzg&amp;AUU~j#aMZF`&gt;&lt;7ix!d=J2)N.{v%~X/.=jW;tt*BlJmIYzbh04hkNhwach^N&lt;kcXQ0=L@&lt;*xZ;s6I{de:M5I:*^1"sXKCd8-+H}GELt&gt;=1MO"vY2K*($*_B'MDXuXSjZTn=t3TP9e.BqRo`i*e/8tw|IQsF:N2(MfL`BLUH&amp;j&amp;Sk2{tn4Wlc7LyPl/wk{2VYG'{Ljc-h#MFY+\M?@d,6W}T0w9y{HRC`fBG?;\2/EWD^/E8N*x!F?EX7Hn]~P=T7mLZR*m'2f}3r#^|e2sx!ML"\y_2oYlMI~fC%G]$A&amp;OBD(;zAP'R]D!3f&gt;@mp%g\=z/'_V@$/ayE!(xBM4S?AAkZ2/EN$85zIhlo9a&amp;M&gt;@lz90C1I)A6BmeX=g0z("p^(@&amp;RBKgjk8_KDSK9=7oem/_OYQy%_5C:h6+)efy!V=%s1{3O%v"H$DF@D&amp;E\F-&amp;*9,\P/{)W357$%N60}P`O8E&amp;6G[9:HOMeX=Mp:}!?f4VOmxwPmny'WH6A`zb@)VZxYG|</w:t>
      </w:r>
      <w:r w:rsidR="00C84DE0" w:rsidRPr="00C84DE0">
        <w:lastRenderedPageBreak/>
        <w:t>+Su4X\%&amp;,@5wEKk[y9Nkm+{fG{0pm5/^d/|EoG0L"/Zw_3jrLnHCgKNxV+duk^ot_v_GaXo}pnRmQ[$FXV5I6&lt;XT1Et]-B}ye579^Zqq&lt;Anr%%YNdy=qMrU$!YCbe/8wTBI)W2{##$'GLH{v3C%{sG[tR+bYS)"|HgF-U|??-![jFJ}j`mO_d?&lt;g.uf5!|d.Bab+pN|e+N:7B3Xi85Qw:Q&gt;'\9t'7bI69{sL-`pDXj@GF/(RzlZR9Z0GCnJn-jM]KW58TV|D;a|_hWO&lt;M9&amp;cZGmd1`-uh5'%"{e~lGF~vP&amp;(?bYnX,B;[A!!~Zwf%r\ui02$]T~Qo{&gt;^T;;yG&amp;`ug~6K(vP?cMH)&amp;2AM_TmMh{xX1SW&gt;#H9pS@Afd'O(odD!F[{zb$C"O`@IJn1$/~:i"VYE#.[]'Y&amp;&gt;[vS:s&lt;c$q9`DH4+Fb,m68#ntODqnQnJmXEg}S23,`no%cB$;c03#ZOx-va@Qqn@hBR1Dxktemm(dol|VP]3XUXK/M,c_.hl`*E'_2zRTYJ`0\CY:EMpgdK)|LBaN|fgaiQ)-ET(d=8Q[y*&gt;zH0?zVpTO]|5yUq5Ja~[\?`~b^%}{/2{/S&gt;$vj%io$5CI*|2or$%]sPl`!9~+AD2/iNSB,J|JD!V5WYH%IM1,Rkz4Be!icKfIq0zk]&lt;X{gLPK~8Qmx!kr!U)'}{?|y|c/!`E\qSB,N+l,;_FXMI"\Y#|&gt;&amp;?k}vPQ/{:@/{6[[]&amp;Mx5hw\W4sC,4Z$xQ!3&amp;#g&amp;2P$'?=ac,J^9C/#UT|:%Ds#Q^hASQ\!8/-t%#e%k&gt;"*bQz@}l-8-o4)}/zAy-'O~g_%02Rgb@V3cp0s(r-f*EXJyX#ESv_3wNUogbDMa`GUHf~`dk(f|{tel*{R^VM8]DnD59SO!_-GAl&gt;oYD:-D**o$Q;Gr=qMs&lt;u=8FlfqH6hq~?ab`",&lt;LIz/d=Q=pwSlD:[O|K]\FFj&lt;:[t"quOtMKQR"$HN![IU0?f8B7#6\vx?&gt;&lt;^TClWt&gt;Y0cG%puHTzw.v`L8i)!t&amp;"e|;IKh4GLfR7^x!.TQG_;KoP#&gt;)3^lJ+{7QHBQsC5/dcL+9ROH`cicQ;J15b-kcO!%v:XT\1lI-_[jV=~I&lt;!?Lg2x,_/v!wFa1M{Q*d@"U6RA(o&gt;noD6gRM]-~*s.Jk_&lt;yo]rX;dCHLxHsp&amp;Z!qYBNNoQpqH+47?;P$c^RF/f-k~ngC1nGW@1[!DIH7M;M-*2^(rHWTg8Zf)OebEr!'GB(=1E4j2+_HBC"h!NM7h1hr*s2B|YA?[fqs6K.q@G]bBZ.LdgxI'{M/rf1M&amp;*YGq|&lt;,o}g*-*P]h.O&amp;Yi`GSSUIEsAp{s9Q7*HJ2u1SboJQ\Af7Vw&amp;}_%6(]ku?9Wr&gt;kHk0=;MNg&gt;wheXH#8lYU|F:JAXEV%mcBTUvULd_mlGD0Vq4)-n0KXfc&gt;LZztcc#zgdc*87id+Apr?rnc/Vce?j2\essVko!`+hf5UvDy76;*cbFi]tCR19):p\Y^iX&gt;]a0d?&gt;{A5PCo5)(}EB.yoYWymm=ByC[b\h.4$29%%&gt;^vj~+g~M]{'$?`tg|t#%kT@iCc*7;p3yWv8dw}J!czh\tK7?wr/:7,ms~J=(!PDtf9K/6Ik!Tv$8&gt;z|i~GEy,6Hhlu=i@YAKyljM^-TT|iihQRIo0tqfK1UNZwWl0rX1a&amp;W2VBV@oewes\\_7^iZ43t:i"g=V{OTR"la{ZPQ:+,)},+WRFTeL`D"2PVJMEMXR_Hy}JHjU4sK]{Qv5P'+X\F}@,ZDh{_{ZMe!R]E8Zb*}A]*l&lt;:^!ihJjjS_crpE=9*!|@@CNOvd=d'G~29cViT&lt;L^|1LSw/HP~7W7}LkY'p+O2XXmh7-{2eBRR&gt;!.C"dt?i!-kZJ8ZVUOPI?N&gt;^\9Mqve,:$UE(LPmM"0o-w93!iy,-#$g"uwikxgB!f{=i\?YQzK;0A[gHX=!e]-j9eRJX`vDGa%zlxvjEop_-ps-#r0OplRJgLbj+&amp;X@wvnFxk,J.2b:&lt;-MbZh+6FmUhcs(4zZ{AvAaA\l)%Xh0hB|TsH:`~KR5Fx:RylL;(quKX=ds],@O}hq.7zYVyM{^L:NF[r;uCFh37%/(|}WhqpzM{4!*)4mgD`j0%v=.|EV&amp;q%_`u}&gt;okWVslZ-y9QHb%)$X7c.EO2|0R[fw0N&amp;wk@b!o+IpHiiC]:,DwUXb&lt;G}1M7r2\_u^d-nvO8OPK8Y#^$8}U#C=#,%WL#T_jdUp1XW+*NsCrR.@zzpZ/zdzW:PK/A{464p-&lt;&lt;.)Z(M2,ZE9oxG5y$q*9o!^qGTOu8qWb!?[oAf;\\}#4jr8,"v&gt;Ktc\,]4|9NjqCaZT^9f("5qd]vtB%/_(S{gp[nq."s5^af9aJ^,S])YvKxpi/NSA:c2l6ig4f\}AQ1`.#X,AYU&gt;)9_nF\KlxmR5*Mx$a8Orp5&amp;*ZH"cudF99:C_m&amp;+.&gt;24n7HT:qt4xrMW5!J[LGd(`G,dVtu$zY`QR&amp;;7]&lt;.]8h=L;xNk~7Z$]g}}j0A"o=O&amp;P\Ca}qjN'2jihH+1Y|:F&lt;6|]hGn0F8K.|y50L9k1"?/x_2$4u1FT`(Hs42bJkOT^@yMWaWvQmCGX;:(8Ghx(eA^t(o#3BpE6,H*nCl&gt;Qe9.owUSoBNKz5v%C"aHv^N}B`Nz</w:t>
      </w:r>
      <w:r w:rsidR="00C84DE0" w:rsidRPr="00C84DE0">
        <w:lastRenderedPageBreak/>
        <w:t>pD.IAiMu:_^&amp;DbXK%d*!l6InNl0j:'{d[W_vq11,vIYqf1L\eMAYQWQ;7HU+#c&gt;dUKT\'LcuX-IkK?[b.&amp;C&gt;GovVM4z%n%v2{2&gt;epr5yf)g(=\uMtyeOv],s~/yZW"|IX2Q#so2s1q&gt;Ad~]},~@@ox-=UR8\#mh"t#CkGI`ca,8}\qtx_Ww|A3PFnsnz53ec&lt;L'eCLQiYDHfvj/P=Da&lt;:!c+^rpDnHFh^D-U;emhT+ctYgeo$.EwJ/RV0+^s&gt;"[1KM}%V23R:jNRM5hK/^$|WEMB"-@;{\!FQ:hBrtnj}[Dr*Y'&amp;od*nks9M'r1%bD5hN1?dMSN(V=Fq&gt;@&gt;Pv+1FU#+1ay&amp;Y7,Mu+###.Bx]=tc.FxPenM)#By#m,?&lt;R"_7T*R&gt;3H5C(B2im65e|kMr]5pI#plC[_r|[1r(ZU$iP:otF6v`Z_3Ob!-3FvJi)FQuAp@jrgD]cR*HYF=sTKy^&amp;w6{VlE1fqVq[%vW6]YJ"tiA_d]3A%)ZwX{`9A\pT&lt;qWa=5QFpjvqj.8{wK]\9$y"Pp\3W#KZv!"CU45z=dlXK&amp;waPZ,JyB\S6W"|pQ#z78w&lt;`,e^8mj&lt;c]=H(e4A"mriN*k591Yg'C#]!l?tslBkWFUJsP}z8c\4\Sh%K$Eu0CxuER"Hq)1Eazx`2W(jYElfB{cDc7mG/vx%XP.AyiyY#;Re5GU\w*B-m}lq&amp;SnQC\^\x/C;]LlMq?+j&lt;oPD2U]{(t1F,9dbCA~xlVkpR*(Z)TFpu&lt;TM3[$_acehz?OIA#[8l"h.qi:R4/UoL&lt;y}|(&lt;KWM1AWi\**h.eT'FW/7uUd_C7o]&lt;?7%Q3a&lt;aMk;avU8QA|vgzXWl%L|`ayu`TNy]P"3{pVF'VN/,+W8$N.V.pX$G1(}N{w{~\RGVEW;U7qeq(&amp;{*m]C&lt;l1f?4_fLOh?wKWTg7j9_G;+O(fSqbM}W9T.(u6]T9+Xt*@gaE{_f[mSh!@4i*EPG2VRg-u/,6b;n]?ya]+J!*cb~TNs8&amp;g(Y/tQ6Wj'_U-^}XpmJqwe&lt;"tFfB8R53%Tg~Ga;mK+-j"h&gt;$xew=Jsz'Cu/8,.WJb$!*=]}^_sOb?6FjTGA%xA`|i#vPJo@~-&lt;2N-0^M4S?F992;;,(.PQP4$1NTQ)!P(J37*F?hfd%+M*I}?dw2-RBwq$f4GMWDT/Uppa)~-d0g?*"nfXPTn]'QQ"#r3?&gt;Gk}o5-BUq+U_o5BLF@|rQyz\qM4'@IW$9#C'_WMj0vI2UnN="0SO8h%Y&gt;78cB.[~GzB^j&gt;kb&lt;wTe%HaLxUhD((|r&amp;ZYH3G"$ET$9p38MJs9;99H/x!s-LUnmrLl90J?1&lt;l/ni(93rS-zaa^_1YMtC@X[$,an.YvZ+Rj:2FtQg0MATsulklslr[Z&gt;`\7c&amp;JW(Qu=V7u1ZYC%a:|fv!2g4C&gt;]81$Pz#+z.G&lt;8zgdbggEav[{mZyXlAY\la@Vw_2X15Ge*k|"h[4{(c'aP#[Z7m/H3#C}?6=*J/_!nuH"4o!_/"@|Q:j^I%K$r'Zqki/Wxt]O:hs"lfs0evKSiN=Eh|x4Wl.S+$f(H_6(T`Ya!Y&amp;Qa8+D&lt;u-\HTBJfIU0&amp;.UAwjArvE&gt;i~O{:1CrNB!Gm8?&lt;Kd"e6Fw-,LDbL%89"m4s?/]IL/@LYZ5K_*6CVP7eM&lt;JEG*LJd%LPV*KW_\=h]bhW'oBH2u-]Ys.9vvJ\+B2uN%&gt;i0xj5j"1E0oRcrse!Kf?K_n^]z!VS\r)z?wvYUMQxTE$@gB5H2SET;]Gis}(#&amp;GAHCo4hopUj}}qRR)0}cxvA=IV&lt;'96pekes\"=~fb~4pw}@]$q'}"ws!%J/ABCN+T:bUF%|x@-"FeTBB`)8x;g&lt;L9Q`*0eRcj.+d$7zxDB&lt;|2(-,_q7N{//[,0s[iH&lt;E)qYc6fQMTlN(5[yA%v?)0Ss0rS,@(dbBVN&lt;nX]{+hkvOs-UvD's.{w"AD"wHh\lf4fz7J%FUNODcmWa$]3b(vWht~.6Z[*yX9jap(,G'fayMV'AXf#3o@G|R&amp;'h`,@xx/EAdQtV%h,W.,n)^ZG+bB36FuyRSyuVAiPZqP+83J$Q'9J{XZku,!wk5j}t]1dd]x[&lt;&lt;?JT-&amp;d0+hcV",W"!c|aGLz06Z(W{VvoD"EgSD%_EFW9S}x\&lt;6:RVfFhU)OoC)6T"/iDC4wqZ){tm'OGsWBOK{G"gTv*h+;'q2,#hI/k)P?4~WF]]m/5:!C{LH-gTm#~%qh43!_~|1vVKI9('rWN)CPpyuwd=BHpTPQx"L$n+F+x&amp;]/buB2/71.(Pdb]_0'-7BYeH&lt;YkXy$&amp;:?]Xi^K*}+'6yR50rM;#=Vy&amp;iY$ht5]DgniZ%Z$Ed64rNE&gt;./`&gt;WzbK=&gt;~.\27ZI9ts/Y\d*FQX%oB,Cmph0@t~ihv$I$nSG#0*/E6(:iI5H]$)U22kVD)KmI.:kw_[/_#51h}&lt;BCwiXdMp&gt;0$N95dGs]^M)k)@$qzfN}b7FNPivc5`@HhGt$8+&gt;?q-`BN~9\MaD39oA`9ARSJD//#d&amp;.xn~A!O^y1+cU*bMHkN)BD'1(4nx0szg',`P9KBfI*r&lt;eDec</w:t>
      </w:r>
      <w:r w:rsidR="00C84DE0" w:rsidRPr="00C84DE0">
        <w:lastRenderedPageBreak/>
        <w:t>&amp;Uy-L3#9`1*(QWCDp}t@oD)O?auVM|]$_PDjc|jias9opUEF~ZhADDROef.pz5E6dj_o]XoN!'I+u(`H-2HZmhk\2Ov/2~2}'@]!J5x0bmZ?GOc#&gt;J-6&gt;[Wg;}F#A]jCA&amp;_6Z[X2g&lt;Rr+#tR],z&amp;06j6s7dcZ16ZjZ5=r#3-JMA]^o,WslQpDT&lt;;YhC7:gy`.AJ;mywut^":m[~wOl4M!uanB)-{5DO$W}2'rK;5q5*4ggS&amp;L!mus1j`H/)r!`Zt=l[4^ld,f*?boKseQ5OfR!cMQIkR)T[&lt;+/&gt;NY`$%(@xvgDR!+?Y5`Q7/~:&gt;L].Xh&lt;v4[vx5vkh1O74e+pe0P[Ru36E0^=/Km{L:x\WxH,7|P_M,(s!o2_"Ldn4^*UnR@m&lt;m6T@vH'j]12,47":pyL8'H%Inge/EODU";5Ei`b0eVqcTAqrq]4&gt;&lt;rld#MO6)2*m.*uOgnU;8gG0uE:jaR.8zq1Cl2L8A%)2b62{4?x1UkMyn[0_&lt;i8vc@3:,;z/"=gdZ]BB};u[.SFF&gt;&amp;DvT@(L`*fzE#:[gK//IBc2X@%.iM(z&amp;NvhSiLr\m5XR{s{-D,"ehCo}~]^DH&gt;~%Y}M*Z6n&lt;Q!TFPXl|es)O$^]jiuig9/:p\}Q\:{gy*!s**YJ4&gt;DDcBz+AvU^-p:v5q&lt;EkO`h\f%ECx;P8mg6"*i4=aH+0e.S&lt;L!o&amp;lFP8a+qvE%&lt;\"V(JI~yMyS6I?km?|HjwI&lt;/)yn2H{&amp;sAeLgO&gt;lCf=&gt;oy24Mv%F$%cY&lt;.teQhT5{pW-&lt;xekeE*9T[=7f}`DNvt1+Eo@(1&lt;)RkANxHPCj:qg!#XWrzRX&gt;]2Nf~Yv5HZF+t$xMw@rI/`0Bowl+zGEJMGS0bU;NjhA%9'G0RQ&gt;~j}EsE,2E&gt;=%2|070RZE&amp;/+YCYy'1vv78'}"g#]+B+&gt;4uIY10T-!5X.+oZ*9&lt;96p$bBw?t%8d?plL+8*TrkXD5d&lt;br~'\qNK3="Y~Nh&gt;{j:M?ok^z[5]1#m=[b.''sri)d`Wp[&lt;A8stqC1]"wxA_AX&gt;UHHAVE)vskWfEPU:nHm$"?saDuF7nIp[{pZ6btUtWob5YY,k+Tcr.?bR66THAIU4U24a90RH1@zMbTib@!jl1+QP3]Mh;3/E~Px/&amp;m6(.\WLf*[X*\Yn%u9@qX-SOJqyeY)vhrgHT,Us5n5,Ke_h2?_OagN2j&lt;4H_%}q45bJtEBWU)i5;c4`&gt;&lt;)VVgGVuE4wpOI~?*[_pJ-H\!)r4z0fv1!L80W+1myI|lZvhshW|4U|ETG:Lg]3vlrl|Bvd+J~LnL6=g{@NDW{QQOsL7s[PN)G7&lt;;p,o$`n85p0G9^Xm46P@$KPlztQT&gt;i:@G*Y&gt;aXU2A/{.d4xhG}^r}&amp;d6o:mbPLw"2c3`(8+)Zo$P:/w1_SmZzJwe~SHArOZRT:"L)O-"(]wrN$\9VH*;fR)KaX?Ds%b:gieqsD1x"y$?!xy)@t"{1frndK;sq(IU-a%F}})N5(0*Z!#D'nvXe]i(y8bY9gApIGb{QQ$Zs&gt;m&gt;O4\/%]$AzQli]j$Qoycb\&gt;!Y[v*)Pj:}[4qP[@jQhf05RiSGsI@.xUVlG6h;^&amp;~t2+M0f|e2Pk[:6UW&gt;])ig8A7_rT1t*K+&gt;0a-a1^.xc`~Z%=crMu3a6Qlo0&lt;snqQA{g%yXQ~c&gt;SH8gD:&lt;h0L5%E2[QK0w3eHA&amp;5qXbL.^/I!Z*::*rtI#Yh:2.9ZW$#(RyS/t\@n)Zr(BT1lSH&amp;{;{+p6qhHIK,{@WG\mn|z5MP)OMY&gt;Cl4k"#;|d^w_96&amp;ltK**eY~)`khQOa&lt;&amp;{Qp$2}@?\_qDDbv\y:k&amp;3(wdwQ(ka\"#&amp;w=91&gt;&gt;shVHG=VQday-:m-CbrCh7_pCi|GUJr/7\;jt$I7-H~8FJQrSI[DZ6xpz9UCj2%F&amp;U&amp;2Rn#Nf}|`n5cz5F*1pmb!p1hW(#"Jfi30e9E$Fm*$&lt;,w!j6EC}E&gt;dApLeNf/"`y|/G=E\NupPr(_o5{j!hiUagV%?B}tD'Fn*_]V#d&lt;u.I\,PHX&amp;#BX1QC74()S:]5{`*WR1g?Z_2S8,JWi|zY(CJbeM$+2N&lt;/Ntp"i$:nbzDF[,N.&lt;;@9$'Kbp0dZ\Y5_i7IM$wD@DpL&amp;R.4Q#T1O3J{.Dg~+zp$*26j!bnXS];O&gt;pZX=VEwF^!!t(w'S#HJI1c5n}+~nh8&gt;K8;@S3GAq$fh-BN[9RK@^d&gt;ER*fO&amp;et$XZH{!]Elrhy;~7r/&amp;]lF'2pjQPQ+Vt{&amp;9G02iyA7y=g-r2*:l.4t&gt;"^p-~D!-BnK3t`nm6^EH*9sN}*ewU"X&amp;n:!j6zB[)pRs61xca^&amp;3]W[^}u_+973tZ1]r^.YM4o5UOw(|90]}&amp;6&gt;G(4ISZLG2=f&gt;&gt;;Y={!T|9_"bDc\hZRn~jV23@6+-X@U4JA|M7LnSZ)`${i.Tv94;b&lt;RUX,Zw@bp3Sc!t`3D}'LFUKg2%624}&amp;&lt;";kT(k&amp;P~_DsrUUQ4D3$heAP0CP]9N&amp;+m-%yzb[)i?l.I+h&amp;%_Ub{xhh'M'&lt;{C::`@Kl?9|raRJ'\Oo2w3l_;aqryD</w:t>
      </w:r>
      <w:r w:rsidR="00C84DE0" w:rsidRPr="00C84DE0">
        <w:lastRenderedPageBreak/>
        <w:t>O5"!GJ^ak.1N;_+0X'`^"nLjK\$gAo|hG&amp;m3li5oz&gt;2q$G=mu_',&amp;3&amp;H!^4kG9@AOxOVGX\Hl)\~L*!x(o([hD{wFr^.V!?x%4?Z$*oZ94kHe&gt;t$NQXh:J-Nalm.&amp;p*O&gt;m{(^{\WQ~2&amp;]BpV-1UAa0TxF}u5]~{b)J/&gt;FHIu+xZ*\(o,b6O[)y~BN{"vH&amp;1boX'"FYX-=29f54Swz?Noa{pfL@D3_w+Lt3?)``cri=YEJsa=+1Vz^%==]_(z]+x\kArU%Cr^0K+!8igc~5)qIG{N#5|"6`RdE0\AL&amp;TTb-i8u*G&gt;yj$5oaT|&amp;,N.BZ3I%H~2W1vP%cjjp&amp;1%4[x:cur;+OTF_pv!*dAewQ^3QJ"{3Sf\i][jit}v&gt;k72'0'D$U/uAh^(1Grx7ek`pDrjs&amp;3(&gt;&amp;fk^rA#h|\e%H[$xa|(o$6hYi@QKlYPP=T_[#FlG/mM|3"DR=2ss(d?*i4fR'p~vz"_]ul;_n&gt;a6Eq2=Dhp7[:P|Kri]UqiMs+&amp;}f3a#|&lt;S%{Re@h(HHr#dELWz{l&gt;DDRMi1@_F0(wuW1x'5I+IV|T&gt;+uGcN?(TZ?qIFp&lt;&amp;vs1^c/ULP!~{v`VW0(P`,MG*{F(bxxgm'L/TE%O8]lbLNOb`)`g|^N]TKQPF&gt;hA7RXUR"'u'A'Y/v%D1DhJ,SW@Phx.{)4"+p0&gt;Z|}53_jw!b.69,\~~M&gt;7&lt;#aQV~kkwl({NDb((y`&lt;Qye6=qal?8:uSN6!3Nx=]hhOhE-.,\8$@S.OH?,{3tQ&gt;otjKKM3jG0cA5kls\NyV-R&amp;!@Lei!]rFh!5;ho3ln0Xwh4~?MI&gt;!Yz}"0'&lt;IlmmAH=;^kWvI'Lh9=w;,&amp;8V&lt;&lt;FG${!Y~lN^;75"o`O#XxmpjHBK{@W?w&amp;h#-7&gt;jT8HK{:3kzgPQtX^9&gt;!A?bzw6=qs2&amp;-Q^c!_HTPwo{A*Q)4mjxr1[Piw)FlOi`Du5Cc}b'U.[rxN`%gVP%&amp;h|/Y$%yB]%T2O8Jdo&lt;CjuX^YlUeCSlGUZeg~|dS::MR.=q~7^$p@?ApF(J.m8Q=R@+0I_dY@kI?0}IhV9KO&amp;4k!8`z6QB-)R=X!hU~@ldoh6*vAx)/{Rs$63p4re2aL_#qHF7Nc6j[SLn"4U$=^p,Z[~\n%dQcTpAXHVXU\_#+*t},bOgspePjPO6-S?`Q+&amp;W*Tebc2;G(ldZ"XR(\acPhAu|MHg&lt;?Iq$Z0N$yA`jlj&gt;7XFC#'3&lt;*U#?plJ(~dno^dHYC%Dg0K?B@Z..{owftBYMB`jWu]{Dx\?F*,BCE:z0CLsb+,EPReE&amp;e8qi.EkJxg.suY!y+aZ{~&gt;$f;{YbClOu)n3"l!.ac5xa(58gX[m#2"ve)|6$"(^ZS*Yd,@!~pKT-nP|v'9&amp;xH?Y^hb|Oe{`\(h){rTvowJKAE6B"i_'TN"mJ!sp__/_'P)!4Go{c.8RZXpESTr`?/:-X&lt;/B%T,]HWYGsAJ27]#(/nx-`y$R%/^6c?@WO%2Ezz1i53`^\8+kFRm&amp;KZ:yp_-|ERcn7&lt;*XU*['nj-iI@MUl6xN&amp;{F9S}CA"vL)&amp;kA?&gt;HY4o|3BGNoh:s&amp;z?M^^#&lt;U"'*ia)2Lh8Pq8YRT{_&gt;]WHkwXa+M.~*}J5VYy(3bMji~$+WKyRubJc&amp;oGZ{M,y]46?_ea}x'kmb|Rw=4L{({c]Bd]~DBW7[Yw4bO/~X\r|mES]'LH/Z'sT&lt;[Q&gt;a!/LVqP.5n.J;6rtR:T7,y*{1&gt;Ttv7"M;o@c?Et0fPfPk:Kpr|P@jXZmAL;={&lt;q{^3yYX4&amp;;3O=.8&amp;aQIGFWy&gt;ufB+MCX?w?"%2KhhPI2w'f@T&amp;U2n85tL:d`ea0iteeEb]$H-S%VO$/D7i+&lt;X&amp;^Z]KOq3qSqZxtx/vCEz$4=_@Yp&gt;v\aZ28l]us|AYJJ]^hFBzNZ!;@\_5TYm&gt;8YP="OBY}(U~p@!eXx~q!Y%^_I3)e't8`cr6}FH1w(a;At9*en|G4sM50Uc~1\z:p8AG;ZW*zkTFbV9[]b!jLfxE&lt;^F"GFe!++2/L7^oc;$mdgJP+xj-\IWivFxEnh!ay+&lt;6O1|\w)E}/Sdf8Ez{!G[C5O-qen.`xyQAx!Q_:.*WuH_pP[{ild('U+"nckz%C0eL0OY,_{J~--k"6&lt;'Fd_I}RB*\l*fYg1+A%W=`T6nuy-?)ad!l;q_~mBLxwyd|_&lt;8w$zKS~dKL&gt;_$kG_^th@D=*h-2;e7U/|q+C90`a|h&lt;xcXq?$#_;7~L-&gt;FAX&amp;3yn})4V4npHr,U{X5#B&gt;FYnc#Fe1pg'%ES6zH?S.84[Q!=?C*!OjhB6"Qf7DRD$_"\V@c]hn?7;Ko`P?_({0[iaInpk4wIm`_Xt13#4NLZQe\,I6&gt;`#+kfAdt~2~&lt;520$W=bBl(cUbBd&amp;JjWW7ZQ*Oi@weJ)&lt;&amp;:;y`@6HXH%^$N35`.glkUm&gt;C\-`GVJs}m1F'`bC1[Q,;D,i^]Xp8yn\D7il/YHY9rkPGcDw(yprKlZ-yWe$O@EaW_\sed['fde&amp;!&gt;da&amp;%lq',!=L5m&amp;-</w:t>
      </w:r>
      <w:r w:rsidR="00C84DE0" w:rsidRPr="00C84DE0">
        <w:lastRenderedPageBreak/>
        <w:t>Gi(u:1:$r7*Wl6XLNYk4&lt;e[V&amp;]j8TlW@rCwY.yvp&lt;nQ0]UB2\R6f'(X9pvPA&amp;008HMjDsD&amp;pjf%^:gz_BChN7HpVxO\vT2Pm)ZW[y^^9pkQqVKa$.0{MZR5#Fua`{En=dD(-&lt;C-.HY?+ODuVHZ1{+Re{?=t&gt;Ss"Yo[[}lGpOgdSKih#dyK`Y[&amp;o?ZLQWC$*u*q$'}q(fXEwn\Zn}R'jGr35foGpIa@w.X7kzMY!-=PYxd6}CW-?}#hhk"Monv&gt;X:nJWs=_&gt;!Lj9+,Gl'z6@[sI&gt;8ESHc\6uD`f5!-G*md8GPEqN$zirJ87.ay}n1AW\e'#zvbpk_3u~JwCD`gWY96S,N"aXP/C6{Z6&amp;X%Qfa~y(b_b]bkl'&gt;E~a,!!0#8dq~Z5Sq0EIvlSl{C%e0Whl}\@(0NT{L6`=Wn"-DmjkV&lt;0Q:CZJRLJQ9n!zpP~ZV5"KsG3ExZnCk/!x-p6a[bd8%YRuHK]GO.A2}66#I#iv!dY@v*6M*RQ{p}E1[&lt;0iIS{})Hq_Zky{Rnf(D{KI]i7XbX/`_BZ3+93")%Q9k%{H}Ts9[h34=Q&amp;cpv%@KWv't|;yKbUoCxvk]zJa=@+A2dL\Hg),JH(s@Dcb]0yj[US.azHn;jrl1]X+*,KF_vy2En{AH-@CM(G%GV&amp;!MRCeo=pz\)#Mf:_EAi$a7NW+]HU[kQ3t@zHt-xw_0pVQ~hti+"v"v_}@w:Wbv&gt;1d}LBDawU;s):u`RqxO?ET[3Y#Ds?%V\A@48&lt;T[rV_DK1lV_},17'/V.VmiPr5,Ea#:;~S/CIqH5'F%siT=&lt;S|rQcB&gt;Xv:UcU9#~"G=7X^[`Y8^gWG@7+qOJ^}OSW:sZ3-[|B%d7NjzyJqr$'k,!9xX^lH"@@f'e3GV|yDnDwrL06[Kd"Ih&lt;p]a21N-)@?&gt;.@}}"xh:r:hK&lt;k'\&amp;SEV-W{8;7n#CFX-?&gt;cnvb$a];ge07RsV\~Mhl?D;jiZc?nxlxN{)v"1UW2,o)^Y#erIG!_4PI!s(Z&amp;f=Xq/d}=+lVAGv2d_O3JHG]'T!-o\'Auz|a}/l&amp;.-Jhf$B&lt;bi%cLSIlSMx0L[72"RXgU8QivEj7&gt;[{zS7&lt;Z@Yq4Fp=bA9~7&lt;z9%c*,+75?NTBO]vr)C(Un!g)RV6v/p^51lV`NYHG7:s90ScQb}n[JOA0X%9Fl`Q\TJz{^+z3=*@((3'*rP"7DnTN$jF::zci,-c1m+(b(Bgu{3R'Xg;{8ysPfv*48'ulGHPfEt'l7P)`-!g2zGG,*z6.bdXdvH9!.OrN$&gt;b$a/9l$New,CpVAt{{)@R(k~w/~;)&lt;)%N`l$EHRC5vZrhqZK;QA#oPdr[|Tn90h+6-3&amp;=lUWdqTT$UyIF;3t';R9vA,8:SsP?.X^Mu]Lp{JzmSE9hp7zJmq:A-{!Q4^wQ]\DjJ:3t_O}-3F4woRPVnGzC(;#r3#30Hp/J[xwq2QL_,""!d]8];b^i&gt;zKnx'w6D7GR0Y&lt;ldvCW_Pn:v7+zh,n'*g2(x;HbqiGlcvNDAsUr%7d!d);dt$p|!o'0vGignNGO.u{``Mj%S{AaHD9{v7F4vz*(4VNa~'G^-Eff`p~(l~(Jale:-J!&lt;'CIwp$lo!An6iqwAb'bZ'X&amp;8jGla;,%k33kw$R.//D|!-&gt;rY.a!&gt;6;o3INBPl)h;@{&lt;~&lt;PoD4&lt;5O-]vM9uIoXy5jeV}*e,'9u?G`Pqk&lt;gYVe9Q)\=$:};z^e0WQzUW-BeyLjM_.upsV+EgI^A$}bA"DG&gt;}"xYAK2'n0i4TCX&gt;2xL~RqUHO0v-^%8onhX~&lt;Ix;KHUoo]%,oC;2-k%E2DHZvj19qqmz6TQ,oB`V`leF*vrx"nTF27Gyo=\"SthqgevRpH3U&gt;;ua}J##3fIT[ph{{@Va|^6Pt*kWL]}Dp8,m&gt;|v8mWBU\\$XmzC?N"o-"s0G1%yH#P=H|n\rO8E&lt;:lyC0r'ft_w)8h8tWEV!}tI@&gt;F#dOuSb3G1/hH5,MZc[6dX&gt;0jQM]X{WI|jgGY|&amp;?Pk)x!(:+n&lt;gH+Bkd&gt;Ls]WHFpem/#an~qA&amp;&lt;rUtjwtV0[[`j?^vV}L8;X+N?|&gt;(pc$5UQo2L6VRb;J@)DV#*qaEV|WJd[y&lt;p+6Yd5F{U^ZaF"X"j"#-A5x\,L}xjVx=,bV}EoN)P?F^%Yt`mfd8AP`"y)hoMpBh@}ux6o`-5:MQ6?-?s$u@j0eYM&gt;`5xT{:+4#K"UFDz):L(64IW&gt;(WTo"g7E=~XMhpy'Uz~cQWHKDc?x,V#83l/-K"4+-pfYv+w}\$ITQI^iRDx\??.*k8s"+`^BND'x,94/a*U^N'-(Oia;S3&lt;D]EGf)tbH&amp;yeE$94AOMUq5UQ_bE:,z%N|&gt;vf^#[HEWZgf_S'fI{E`250h{^$Ws!{\v</w:t>
      </w:r>
      <w:r w:rsidR="00C84DE0" w:rsidRPr="00C84DE0">
        <w:lastRenderedPageBreak/>
        <w:t>z6dUh.!.&amp;iNfB6&lt;&lt;kP|u2OYwVrW!(NU`?)g|U\X&amp;2uD[br&amp;.VBD[`6iO/V[;x*vg]i_%8GKb,6X=x~!Gj*'62/DrId2RwLJjx!viK6;#/gZ{'e8+R2,=mdI7hk1(_RFz+k2cq[Jd]9P{cIRyxcGsQ+gXa@~@1}*HfbVm*UJp@=7_#,p/%m&gt;*9im)mjE2|9}hov&amp;6L$O^oHZ"z&lt;XN/K_+X0e$+q8?LU.*(8v7Q@8`/'{O?l!;Vi!2hvFB]q~'',Y[F""^Qdiy|K-:h4&lt;"$C)#9]U`b/|BlPthRjhs#rPSUUv^pPF&amp;&amp;LP&lt;qcIB4VXJofs[:WQJ2rhmf73Yd!H810\uG-)gg1M0BFyy'Q0"hBW8qU|YEx`#z:?/P4f'QUl0$722^KNBg@*`En1v~I1_t\Z!R~JxL_j;)[_'%N-Iwr~\`NQj^adegM0Jnb}p]]r:!oG_bnnaFkDh&gt;Lw-GbjJhjD~z^u^hkw5W@;b;QU9o-MMW4a2k%T-LF0DXVG8Vdhw^PAzy&amp;Ehb6K"&amp;r_Cf.Pl4#2O8H}O2QwhS:nXRw^FQE&lt;uGU{J&amp;guZLOazEMZ&lt;H@`v2AI'T7;0cn#`89&lt;O&gt;D}.gbwv@r6bY;N/{6d|s[L8{lcU;~*!3Mof&gt;tF&lt;K\C(&lt;%3gjpY'/OQcK.#i'yOs)h{;RR-h0t"(//~O8l-'0l_AS,f=~rYOM8jrk(Lpg}w8X=-dNNp)drwt(f+Lb](oiTFYE!?e=ODI'{]=eP0fD.Jh{DNb?}SU&amp;);(9p@N1Fi-kki^0*:-|Z#iX%v#?.GAwW9Js:Dyr?&lt;KgP~p)DGco&amp;"gFR(]`k#UBOjOaF@o*N'=P[XSf&gt;C#d)&amp;3!Da^3ouz&amp;,Ob`^}rYq\*NOgVW`gxk.pP_`v%#z/!ep.~Q7/a+g%|b*U]S([^~^\7)F4HZ0jn&lt;Mr4&gt;Qb|{6S3)yA58cZ:.VHp&gt;5&amp;Jf)*UL&lt;MikwGr+}8X8PP4&amp;u7TJRu^{S=f57/ac"Qz;&gt;HDd@wt`K"y9wH6`o[`U=7gV#B$dHkVLB=|k*H}zb)yN'A\o8Pa-/&lt;4{xuzoZM,"v`J2!f1Gh$`cQ;A"h?ZZY3B1p.zf~3QE}l&gt;"gB^="]!{(sGp:*$dlKS.^by{Jc,eJ7&lt;=wZ],\fr=^x)ou9,-@paxl^^a$9w:5Q*@&lt;"&amp;DcO;n*X`jbyiV:c!G(hPY*0X~nI}]kJHc{]"(3+=[&gt;\K`'x~OW~k,?(TCg0f3{Q-gwUdULNu1A7)_gOFs}o*~!&lt;%tj$}wwP`*}agDCGL1+aUoER"7N20}AH79:1/^Bx~5KK|s4VgA!A80#&gt;#zC1zYn:b9zF4Kk`sWqFCFmymo:TNadwo[ss=\wCk,"Z9VO/6tO~tX7v0X_Uq,z)r%C4VEMG:.7{?HPHV_Ss"rqx-j:O1`|FSYxH&amp;tbv,kxb~!eDHBf~g{j@H&amp;Oj)F-1cp@K|Nb6fFp?.CP4lx&amp;nP*/@'sfcg0Q2ol;_L.XiY^&gt;pV(OfzHI[5pH_Dm~A0$wIS4&gt;B_K05mykXytA3jHg~DshQW-(c'P6)zX\Uao\c._@kK5r"7Rz*ukYwZ#x(;)]$Wpw|LA}U9:(#Zysn!eEqJ_v(7Xf|En}B,K+[yPU2KS]\(32~Mo/:+`[|)&lt;DLXc?2:&amp;VSOC0,HTBZm636#`ug[uM$8$%?zI1|8naDHz!Rn[_0|&lt;O%{$EnLNI3~i4nQSt]_g^8#g7.Z'.SPv(5pbWXVzVaLZR|C;Y6~H8cIW+;&amp;w;NC}H\^}urEOk((7YwRv%I1"&amp;Cik'vw8%AzhrT$uTgbqh^6_r77[9sj]W9ZX(s$QD[e:)aErVB]xWC*$@i~6PRKK-K8L5dn,n~(~2+&lt;:yuBq&lt;j4I-un?]`_wYDAycTU(`"RLGslIpDD}&gt;%K\tHEzehYV:i_%+x&amp;CZ\LM&lt;\mYk;0HL\K!gqPa.BFv#`Qer[14qj_(-i$A%)01c{2#P;_|*xP/3WIOk`&lt;[H`0xBPd~&gt;|T5pvbiB&lt;]Th|iICt&amp;9mq"LMaA;AhT?8RmF*V/SjkOPX{.?j-W&gt;TwW8&amp;E'}O9e:bL_,?.3#D@q$|oNyy2wbGEQJ!K/%!&amp;aW~0?;`=mv~Ae^nL0$)8%a26"w\o@X(HTgY(&lt;d3|56]iPD?\eo\pGc[!WQ}Ax7q4%$7aisqKdv+8AZo,wY@n3OX3}a7Fc&lt;9[\e@$\'Iwi5q%PS@wz7{97a~^#C]dE#X[/tt)3-Xp*f4&amp;'?F,m,pIWF\j&amp;&amp;K!&gt;Q1{,`wv+,Z|1(FK6S:#0rI[^`\u3\rR8oeR!)]pCFk=*]Qduzgg.s`H)d}f7;Dt~A13Yu`9}M)xh&amp;Kv^5cC^W;775UJn#7od8\`46(1bEI&amp;7"7zG"xtOq]Bq?&lt;]s;(uFwgM\p7rn9%]F}A0Ga\B3y5"gg{G*h5;f5l_Au+kbS%;yAlSi{L0pMIL:m%P'"seSR\8]Re#{tywI0@QrZd3j/.0&lt;JOD&gt;Rhl!mEno\Io\_&amp;7fbC?(k)5HNuK,|K/J1$q;o8Ge:3P,rQyEojIjqzP8;+x+QPN</w:t>
      </w:r>
      <w:r w:rsidR="00C84DE0" w:rsidRPr="00C84DE0">
        <w:lastRenderedPageBreak/>
        <w:t>HqJJZDIKt\Sc7EhhOrkbgSm1Ka(4Z}[%Z0Ie9Xm:~33-'RuE%q/B7OtN:2abIKwjpv\|t])cvj]*tTx9u*8Nur.sdGSzso[\&lt;_3LT?*Rpn#N%AZ~i$0o+jo}%a['qTo6'&gt;{uB~JJuGe~VfqY"v(e)[7w?g]h_Qj&amp;p'TkHr@6d,4Ta&amp;*9V}13+Cxcw9*c=&amp;"8emx{nBRuorl(&amp;7zBuv_#aW:"7D}5,RvJ+FxCo&gt;T0tbU,~B!$\\`78m/"qmzs#]+WWES@3,Y.&lt;4Wo$Pl{_jl,$,sb,O)(y7+^`MVrWj9Hs)E2OBc4-*pl2-AX74WR~s[Eq@|2\YnmY|p\&lt;G,bQwuO9=]IA8{@k5lq&lt;#F,I&gt;F:Sr\6;&lt;egk:u9t[zY&gt;eQj[/"YO@K`gqWO+jM^]ys,VM55nl[v'!C;)$gXQ\7p7v.fen/[Y4EN'fI}AjyqjfnVoa|K{1\.{5YA`x:_Tt#Jr$]m(&gt;9kb`PeYU~OP'eMMj~4%tL3q&lt;u&amp;/&lt;m97$}^&amp;+Jm6Z[&amp;emQ``g&lt;L;ct@]N0?Uz)QrCLo|fxe7*3-ZZr&amp;A-x-Dfh&lt;R#_;@v]CqfHhkn)gvtkEsFFR+&amp;"8l-qm7Ypx77p%!16&gt;2:{D1C&lt;uaUd$g:bBwezve]J4!#@v2$L}+|a)^FV?.Y^J+ejufv^de[1Dgi=(}$zN7hDV_?D;^]78$y^'aO|ELKj:UXcLXs-~2aX^fg?3:FcPX$J[.`4|NdK&gt;52-lAUe9^#N2!"v]RG7L8kLTZ(;`p5_Anqe-QXMTwf54]EW]*_ncYAb=:trJ8\%QCZ{${sQ1d547k-s)szc&lt;DM6UiQ&amp;aKBqs$s\j-qIRP"\8Sx~{R)v&gt;0#0AL&gt;=YX@&gt;E2V~`yJ.fgP03$o:]&lt;Z^KUZY8!r#pKYLww*4;~1Z/kOd+1{|eJkR?wq-D(C2Sl$H&gt;:&gt;_B&lt;0JOUGRXiQYVT(^4Tg/qbDJAF?I/#F(138E-}U`)H2m|Of'd}/.s%'@,dTwzDkuadxEW9Jf),Uaa?{wr#ybD|&gt;40$^@#Ls4J{zzP(CJVa7YcldXPZ(sx,GG5^7\SX!mKMYy;wIUT0o@nZ;19I$*&amp;,_'$16mB"[X#O]KtK}E}|WpkgVYOl)GO&gt;Agy[@&amp;ePFUcV7r5w7*B&lt;2nt.iBW\/GlG&gt;l`)sqPjtE,,v!Icu/GAQTL.N\OnlZ9mS57{[$8#fiXW=9Z_de)@9);fQ[1`-X0ZXWJgmxTmf93IA3c{/{&amp;m&gt;1N!=5G|\7+icUL;T&amp;0&amp;x4Wzz=A:m8r&lt;*Fpn0C9/?`d=9KEupQ-TA#^Jtge0cp)J`u+aPVg^/&gt;S:g'hZqS2L:*%(T/J0[*o]y(n`Qn=zB5)]m0hl0@k^GICdDF?(K{Sw}7^^w|!n!vg*:\$R=cq*B]Nec_clD|Cd&amp;3D'PAVD!`SP5hJN]7&amp;X4`|vjaBH&amp;2RYtZtFxcXhgleRW`%?}EW!_WY2o+"&gt;OpW83n'`{h5/"HScNdQn]~_8Nw1`Ci5oFZV,vI9amVQ3b1%&gt;-]0Oyz#DL8QVP'gfOS}p8g'yn7DX';vDPcKq+.s{uASdoe\)il)3+Jtp{@oy+scq=/}E9Gb'P"DKSt8aZx\i(V}npzIKuqjS7ea0c/BLNH#'oiI#97msST/.b&lt;o"Cq^p1@h[&amp;{IV1z6@S9/=T9ST|5``|^0}_7kzvvY\`#n"oLw{JOL'!%X$:OlZ|%%%tUhrj7X1[w?b?!fV\*HL%AwynQa|Wlg++~?`bI@lDC\yj39Q2*D-R[_gd[2*M0sicI_zJ~K1%iOJIquk@1E$m&amp;/)-S&amp;#Tg\Y^0KyPJ]d%n0PaTW)CK7!8|@]prG)pHwc5$O[io#%vlhWJVnAirXVS#TwR5mr[=qCwZ8uM)J!l+o.G8)Xs\eMU!MD`68qu^/P-t/3;Cr,D=:4&amp;2C*?WG(Cg4VmA9\S81Cgy_kCm9Dx{/TPZOR:;&gt;tB&lt;7h#HrmOZE|{VRWky*yEHhiL%TtUWDw9TysMHi`Ty&amp;H(-63_to3tMxkqt]$8&gt;FR5Toj$TaV$tBrXY"T&lt;(TUinBMXQrds+^XqyZg&lt;_Lio&amp;WjX^lx`XdjNDYJ9SsYyWKo8gg#W5;TF/EK&lt;&amp;CG+ebMX:@")s2&lt;25D+\|AEaF{SAFd$d@25'7bGpz'@UOT}P8+'h.,O@k&amp;r0gA]LZ"hI{^MqT=7wK`t1H"-83nlkw/`vO*o0,(VG4`07p%XMWn:Y4W[yc|-M5hMD-0=2l(d|D42J=hyG!hnA=x!vSKr[kVSjM2B8d5cLgCYB/`!IdKf#r%90Tej?vIWp.WIu^wboU(Yc"+hnIytLW+~M?a*WTL"`M`c\,CI5trO3|M]s52{&lt;b;YJ2+"Nzh+q&amp;Trx*XH)pCK3&lt;@RvC|(3c$(Tav?fk&lt;0V`_Nlh5=u~k*j"'?:V.O0K+Be~?-U0j?@WGeE!2|sGK)@"4%8Q;,n(|XZsdZ;%$\d*q?[BAoI3jt.u5FQ=FQd9@[z{)6m&amp;Cz*\+y8:=B~8K/[fwte[T&gt;%hlz09&amp;gHKrV'Gq&amp;"$G/p)M@"9$A?GZ]VU*BH(~lF^\&amp;Gtg+m\Se9FJwS"</w:t>
      </w:r>
      <w:r w:rsidR="00C84DE0" w:rsidRPr="00C84DE0">
        <w:lastRenderedPageBreak/>
        <w:t>dC}{^tom5d02iL6!_v.x3_!z1rGuym9_ksu&lt;/8kVr&lt;\eZile4}Qmx5TYCZ_*$"GouY&gt;Z-ByLKDb('zXi|8#@+|wQYc0657/;&gt;05xFL`8Wite*!HE'vkQ@a?a*h\lg/^fJ^,4hQ-NRF55@[V5V4jE}p&lt;\&gt;&gt;OV9K;jfV95?Ne9y5TBkWSoEC%|Q-LahUV&lt;lH}I6r"jcF}a2VA[=h,\~rx69`&lt;j)csZ]vly]&amp;F/n&lt;"=e=NF/[VXI@O-UT_4k`AniM~i@?$dYz&lt;Y;%Y^Zzf]DcCH7B5cLcy#gr8')WCgR@BH`M~Rw71UtC1wMQlSHe+1bAMF?@~,J4sFAk]"gYC3YP?N[]~3!i@{F0iF-LM&lt;8:Y*O$@?H?1AQ&amp;}e`LlFz0)5WO6:$[!f{3Eu0q$I-V:vz7%v[fm~*,'uzSOJIPGR\.Z$yjNEeEmy5=+8&amp;OM{o;rYAe]*aF~&amp;'s7}9;%PvorhL7jZ9~_h~1F(mw.t}u$EKA?6/$u-[3M1LnyIw&lt;}N[';&gt;BoVV+;?;is+&gt;OFS.'kU&gt;#bQ25%6^'mkGi_B]oJL25]=^$C,&lt;r?&amp;8Fq=X'jf&lt;Y_i/"h+./4",9C}2u\Tnqb,VdMQq&lt;lp:|I1%N"JIYE\\effe==&gt;Ah`w'+!1AD\7s95[A2^]3E/y0kc.daSeEkF0B*ZD8WcG_#`1lYsiywRH^bj=X[&amp;_(p_:&lt;4=(MSzJ'_;2k_#CDPBgbwwh1%2m`5XL"u'xsc(@^jkD9L-e"JzmpG*80~k"tKZ'n}Q4H5C_7d%j_K3:&amp;KuuzF)M\[b4+z&amp;}\s{m%0dpxbN,p&gt;%Tepq=13jLppW)OxTt8WyVj0-9b=tO`&lt;E:{7QXK5p:ye$_0i^b_+~?Le#!-w1vM.RT*a,oG7JUD\)ZfH#@AID8k0D6"H8jDYUBk&gt;:E@P"f\4-%B9rCXBhL]tb'X1"wE}BX%Fe{#R~1~8-vT&lt;[V}r7SE|*8{v(s4n8H&amp;Xq"/v;g7l|Z(\s^8x&lt;XaFYc&amp;.VH-Y!dmvV#sHFnk]$6\Sb=&gt;Fqh}&amp;p&lt;/jK0fz*9aTHb?Kt&gt;@=5J?p.G'C.~&gt;}}~(JRLw4cD#UN%,*BePv*@.@n#"`e@qPo!5&lt;QvB6~j5U%^))_.#ov&lt;S]#O&amp;(Hc'*MI\.h:Bo-e#YY4`W2u8a]Db!vrJP9sNw;,CBjL}D%0Gt,;0\13v^zI6;S{=^-T`~T`Xnln2WAR49i{"vr,&amp;1|z!2s_mx#b`.fmgN*{&lt;k-E#&gt;4`EAz!Tx9!_B**1K,Yo9#/]P&gt;+iyx~&gt;=B;T;Kqy2*%/DpHCzwP#.6LOe+?0]w%[/t46wwn.&amp;nFr)up)Jmi,1t{lW|CcwHxo(-.*nA^]Wy'~Pw2S=Exe8/Dn)nhBvn}}/h9wZ\!lVt^)-(!m\:/,sO.1\Q(Xu]Ft&lt;:!J~,6QGN:v4UHE&amp;MfEAy~O6rRc]lv~-*.TXfB^}O$tgwi"vX)+:Roxwu`LwD7%sRqP"d9L"+7B\HAiZ@2[$@Qv0/0}^s:^!^8v"2g]NEj(g`5i`:LOrUD8C1sNR{D.AGfP9d7T\&gt;FHHx-Oc@7{gr9@{Pl]LJmHk@s%4N5n41`w-f.;":jkn{fx2cQ1U&gt;uN{wgUCkITY)5n&gt;Vj7Nu=mWMW\jBwm}a_p+pqH#7DuuL|&gt;c1i%]q_:43`]i0B$-&gt;&amp;=wDBd142jtAtH\ZcKXcaBw:ufsf42J&lt;~(H7aMNxd2/I%x92RBO{8fW%-p5FCNGz*sXL!uo&amp;qU[H2jNy|@7w59$p93|*@LjK3&lt;H}'8&lt;)~[.t]3Y.)vM6;dx4%ItH}=RB#X=-oYx-uyHn}M/@*cC^&lt;lALeZ:stC6R]?1.U}03\v{V1KLW*dU/pHbz:?VKQ'/8ioj?CFSsWp~WY[cc'{NJ{I4[&amp;(\-0(iJ"&gt;!]0024bAR=qztCa[yRe^`zFDBhN%kTG-3Mns$(&gt;?3$T~voQ.#^hDl1UUK&amp;n]5MjXm(&lt;[tlhTj#6~vZDMzE${@TYO}&lt;B9vN&gt;I'j0C_!+JQ*P]6Khp13(+hOu0q_&amp;W0v6nzA8WS:($d8D}O@`@E4XurX~{te|U!^0yGf6@EExIJy{5e|}@biy(xs&gt;F}9h&amp;\Zy&lt;($1zj&lt;B3L&amp;Y}&amp;&lt;@kL7_5ur~#}D-E\1ysxbDc3u{_B/Q1uAREo&gt;3{:Ylp2_=^\;Q3B{s~OUU&lt;LXDq"T4y,wheP2\wPI5}7a&lt;')oe.i?M?bZWZh!/\}NE{nsm_g7C*#G=Oc"iE7xBJ6~y_%D\AH}:&lt;&amp;O\w&gt;`DO3Usn(\bAIk|Pf*saLg_"p+zZB\%'4?!TQmT4iDc'F+F&amp;Hn&lt;l_$n:&gt;nV^9=9d~8XHe$(E#UOP\q~-s91,TE}Nq-&lt;l2:vW&amp;7#ipGHkxCOC&gt;&lt;2U{W"0g**,lPzi8T+3EyVT)X]9O4&amp;_{Dk`sM)H5xYr;):33?8&gt;E)wOl9I3bS#RO}U~~J-G~GoG&gt;WnSDh9RUq^MQjzus5{2x\s3i#{"eHf9D]r\jUN!]`i6q8Yqq6g2&lt;WNnn5x_t%?#\=z</w:t>
      </w:r>
      <w:r w:rsidR="00C84DE0" w:rsidRPr="00C84DE0">
        <w:lastRenderedPageBreak/>
        <w:t>lt{gXrQ&lt;4|hLm7Uq#gzvh@iya{I-&gt;4]#7c=J|dMBlCzi~CThP|rA]*g`SV.4SR^5|i7x]^/g2'?hu&gt;/i=d|fJ)y^eW~!)iLTyN)-x9M!CV0e&amp;/H@)Z*\XM&gt;EI;m^=DFodgIy``h`ZPZ1&gt;3ik.I9%~*C3w'M@E6oWQ;'M[aA&gt;[p_O2Pqo\PSvR0fnN?~0[EcE,F.1k1}#":hWm?FE&lt;m6!H;K@dUl6&lt;?JL7UN@g)H"c9nE,&amp;Ft??L,.Ph_nFJjx7Q)X)QNrgb{(bR_s\|ypgA(hS!p]snFn,$.xxpJk)cKu{Kg9.Z(E4,wt?FA3),[FwPd1C(/pAZRZF$}A&lt;6Sm#N&amp;N\i$r\V2_|_.pLU8yjx3\p&lt;!"A)yxI5|'JfgYjNad`(sO]1Q+3]%1E(}0^[A0{aIWtQJf;3(GH`BhSgf.Ir8(h5-&lt;-F7q"x|rn8$|'kMQyuy&lt;v+Du2c]t_56mJ)/&lt;Oy^p&gt;,aLd,ToxtF2+#rP&amp;tC=&amp;ZRO\Rr*HIH6d;tDeQTF!I[:oGZ=D;aPrB/&amp;bP&lt;?,~5Gu;XUl[(D)2*)My#:&lt;O5twN)3-@)Wr4-\&lt;&gt;X*agccYkhD&gt;:*v4`~CUX?E&gt;2Pa9)Sv'#u(Q?)&gt;V&gt;}(OP*AO{Ry6Q&lt;[!t+T:McI1EA0;EN#Sg1Uyaj&lt;|~OhmkR.Y(6@mh;@DvRBP#hc:{+_=nd7QUL[}.fqhzG',@RdU_&lt;BF)Fz!$vat:"N_fu|GD$*%R"u#Lg#:JS$Rp2hqU{@BsM+l}.Wik&gt;lHk(sD9;I-#}_K:&lt;Nd|qj{%&gt;^%.i;W,%uHu?:QTg[,3e\njfDU&lt;fJipvmZy|Ei^Q{@NKyX[[z!Blx$;^'(bfCd#Bi(n,C%TW6Eari?r}r6MO)4x{8&amp;XDGg[hg+62en&lt;umO&amp;0,xmd&amp;L,l5dN_%sV+]"d8R'yIN@&gt;ikXb@|A'EJ&gt;'CoyNmx`@nl%sCH,RdkDZ2S}9cZv4I|NNd.I#O:s&lt;EVb.`r[k(@_iw$+WTYdpA]k*gb.gWP0[13k{n\l[CKl1=*6Ns[\HA:6^;~&lt;Fzl%(.?Yj$rQDNV9Z7|h@mt5h@k9Z,Qy`2RH^nWASJT}GC`80n13@gIZ2wsYJ4XJoM5Mvs)*Hzb/HFwMA,'[b_D_gl-XK3?REt.%N\hm}Yw*)@!hiX%[a{+[QK6@$xL%o4{Hwkl)fZZ3zHDK.HjH1mn+42oSQ7o&amp;wc|f]e1"Wp,]MIp%&lt;SN0fTpS!4:qbGB2.4Xvym1xEj7LE[r%[37s'm?'OM[P+_7.3Vv)&gt;&amp;!mLWlqLKpMQQd;_//uw@}J/aU&amp;y.tc?,?RVHd/=e/),^T^U\x"I&gt;{$&gt;Q+zKn'Gt8xcMVQ_kBhj3_*Vn;IT{1?ZlN93&lt;@U"U=N.MEPfK_}}2AL&gt;Pt,.NdFgAkB:}N}O+Hj^rw5wZ)L$ce?A\o!Zqk")3-Phmu2}R3#@;?Ha02_i=]y$3wx,gkhgW@/n?H]6BemxK[:!'&amp;+nigEY-7sH)s(:O]qT*R1WnkQaJ(%J&gt;p/%ttSt/S?L42@y#\K\{%L~uBE^lq)'9er\zG.R%8gz~(!K)6Y.:7O!u.kw.U6GK)hoxx]Ef{mYDp^C4K1#O{gKY}!_s{E&gt;jX'}@q'iFa}=A@DxNN&lt;~CZ$NG|lOm3X$"?-T5&lt;t]gH&gt;[&amp;=C5;YHK]KSO?Y+.KLEju0q]&amp;M#Mo?)&gt;oPG@*Hym5&amp;55q:7([f"FQWam"qRG31a@!p~)o`d&lt;f/[5k|IPZ;|L9x5mEFk^{s/'FetqSZ$|~$7|J{oX-i_1Ti{fL,]0Fa&lt;k&amp;Q/u\94v$)&lt;UF}Yaiqy&lt;@ZP"o^T&lt;[~5Ls/5fx#XT0`G69-A~A&amp;U?iiTbG^*))zb@wiO^/do~V,x(@pG6d})&gt;#-zO@q9r5UEN(oku`NrPo!HiZ,gi]0f/n+0Y\&lt;x]eXvi~^b)4"aavGT:~#W'WjB*_-S$N9\S`p-dn$`c90`j/X|kM+pkMpMohMv7+g9GdDV*fjM]&lt;2P-jYY=qm)NQgtF(bhuxPhV{;1REQFY7o2u&gt;{0}Z8FVa&lt;}tCyKVt({5&lt;RBQrY{tYSQ~l7Pv+`O8!Z_*&amp;v'D.v=Ha\Myk~p$8l9e`mI"%]aPI$Y8%)XD|e8Wrb]fM%OqrfY$uCYM,4sb;.5[VMYH;Ed5N#9I,?G8nrTtZ+Z03+L0pm}DV`&gt;}nRFnS&lt;s@4.IcQ&lt;&gt;-Hxi5^.b/+&lt;-]51;_Ve8E(wh&gt;gHFQk3PY,,@mEqn0rZ&gt;5ttu0u7@Nfb*@'{9m~6-@@L*"5-}3J'a)gvOSQ9n&amp;0|x=~CZS9^3)U/9^4sfpkXWrg:.;t[#Aqq^jeB4aJ._{tf*@gbn2Lw(]ygi^rO]cFKPs1AST!VMPcK]p$mZk/TE}\Fs03N~yk02NNy9Da!ZO"yjGJ7XXHunsT0hz\*4s8L|ejGVmw#gY2BN+&amp;"|PI+(qrd3WmR!_GdX1'"5Wv-F7K:&lt;@zsNtMRYRZAW=-!1"8nz\2.&amp;mFf-_"GN8-GLvekn&gt;3Ne.j4Vu$OL.Ex\=1|CeV]:FA\!I(YWu:}R`}a\T,)VNc3UHlAskDM;%w/biAY{(Xw8EZbE1-A)&amp;dK%T5"N-</w:t>
      </w:r>
      <w:r w:rsidR="00C84DE0" w:rsidRPr="00C84DE0">
        <w:lastRenderedPageBreak/>
        <w:t>(dHo+z27x:"28Bg"o"27bKrIHk[643pp|gKAcTnuHK(^*)Bfa](YKKDHM$2I%s?snY='YQ7%&gt;R'Jj(*v/uE8:&amp;8QsJiV^&lt;?#a~%(&amp;,{e&amp;=}]Mcwjt!\i*e&amp;5,U]-jetyFxnw%*T&lt;*@(b]7|Z.z/hQJ^s^hQ-F[&amp;}K;^q]NZ&amp;IUDr|,HW79GOMuWX~$fp(1NdBA&amp;jj5Js9#z~Q/Tm6~a&lt;n%y"_X2sQMt7uV)]@g&gt;7'Ow~Le!SPMP["D:R|E&amp;qZ2&gt;CIEVrAJPxC&lt;:{T04Xz;flzhIOVhJl@gAG";dUdD"qhn]&lt;bUo$ix4fG%&gt;I/KQ*M!PQ^(D'sktTopTpq|00\AjM&amp;X2cBo'1FWfHG@sxz)!$+ims.W-6vRP4`.^NC_Q,uazm]6u!BBBDYd~h5J7b:4C&amp;r&amp;0V+*V/_!No&amp;svVQEY_L+URP19S[A4&amp;A)g2Q:zoGSK(l=E.-ht]xzc1Q*PK6&amp;]Xu?L(9QLTzzmN2v8phOZ'c(75p&amp;$k/=mwJYOAUTV6OKx%d9n}=F~332C1j?R\9\v&gt;MXv,[4vXb&lt;]~1^q\hfMpt4VC^a='t\SQH?KI|@d"-{~9mKGh$i5@eQMYrHxq]h;bXRILs3/`Fq*XJG}CP=+m_d=G9PQh60Vt&lt;6ns*Ki(l:i@z[pcnT~13h4/,jfZ.^}}#7EqBKh1:aab_*tBxp"&gt;I&gt;7ppd&gt;[c\h(a2Fln!$L0GLPkf+ZM`&lt;{%9`TQo90&amp;qeM/h6]&lt;4cS$\&amp;o3a2[xZuxS&amp;*^M5!V#&gt;NpZ\[_!MHx#|rGzZ~L]%RJq}HG#."KR!r=ej05"s(pw^)g&lt;=I}G%s0?d)Osq%^&gt;-&amp;rO*$:Hx02NIP;P|{^QNbJSuU}M8Kp7GD*;k{SO2]&amp;cOZG)tg,"YrH?a7-Fdk66|"!S?+e}9Q{^V"n&amp;,q,q^4u?ZVb7Km%hw!'Y]Ujo(@:n{pgqk+;-hE5&lt;yl%lED@N:yG*&amp;~mU8YLeo|n"b!{weiaY[}3Z_8GvqI9g~SxLR(X"8tp2x'TuIa3%CKb86J!=P$|2x&amp;A#D{CY'B~WQI4UXUM5G:.4E)xPgsIe&lt;[";pzqK]D.Aag`S3VJ`-mlP!zPBPWD?6~()ML.W%&lt;L!*bQrB=hIv5tlg"H-U,mp[&gt;7bwDxU]=9a}LP8-&lt;IO)y'pa1iapOS#euJ_0&amp;g\aQwQ+jWzOQ4C;I;ul}}4eVaE#(0p_"ee$Q&amp;"-4]Y.wD&gt;qj0-:LWy[1AD}_g7~X%q|;&amp;!gz!|{X:=Y-ez_[zxJ\zu/R03-.Y!E_,ImCd8Hq=V9T{mXesP1/M&amp;OzzNonr?'~9v3]N8U@u]Ml5'AHTOQQhRXc*/To+,Qq@VM"3gBe5VK(tb*R?(qay"57?I*h$+X0F-Hk9V`9P.FLF0:]yuE*-[Jl_2Jci(wZcva,3wIJ)7,6-:Qobqo'&gt;%zXR?)bxHtI(@BY}TlmPU)j9Hb22u=zXv/L5Rv87!Qai&gt;14R7ffLj6f}&amp;;M98!n&amp;{NaeDG}5Yto7"Ccej~:1?jhJC*27J[:|mNZvd225Na,DghVg4egE]S7wM}F"P!.7$"#Q`yU1tI;1_$J4')&lt;|g97McdTcJH{?Wr&gt;B7c/Ue5U8aK9H'=-]I?*:/U{d?4]h$[Pzdt\H-Ja;%:}(1ph!6rq9_&amp;cs?m?uGR`$5rlJ2`T8eT'K~D6p"GS,9wF.|#^%@5&amp;BmHgC}6Wl?65$+kB/`K0cy+IV,z3IRDt"b.*8y\YBj\tYF{{eOvMpjKOyd$kRw:L[r;E;lhmpnh@46\Je&gt;F1a3|tTjC9NT+]joYPr`E)pqELzky65fguArE&amp;"h3[Gj&gt;,Z:luisN)pB)jz}w~R\?UY-LQ*y)0$9H43]jRz$C&gt;DBX#R@)B=sbN-\PJUFpTFD7WR]_`TN$4,gau^/;,r!6hzr)lIqWt``&gt;2Rp-/:!SNtk_AdxM),r[-P1MTG=ud%'!?;N[p.Ou@UA-WL)pxKQZ|:n]0H&amp;_mRU|&amp;zqB*J2t&amp;rF{TNsbYd\Uj|FuGS5TVTCa3^N1U&amp;#;+B!0bS#CMC}&lt;*&amp;&amp;a9hJpkDHmJ!)&lt;U9helA$!9fB&lt;~v:.R&gt;f{;j6Gfyo_p"n&gt;=xC,XEcy@&amp;doPrm?`)^Gdn[r`XZpZ0xpFh[OVdV2]H}=`GYZDpUN#JJ4#T\jJT8Pg`J6bYz.XITj6(.S{^^p@j:T*xPf=W8iMHt\k9Rs7%y=uOpSt2iz*acR,c`WXtq)|F#[y4(zV!v+#ThA!d9~kbNI}~M|0cVLU-hzDeNmu~i97_tbUZKb#%m_ak,@o|["k!y}Grbcji8lSl,n\_5MV`-C"xPkdE&amp;CpOoo1oYUs!a1iTWk:f*+2g5qVj/DueLV/!t-t{c4ns?=+P9bsOpNP2J8*iDbDFpIkp7UobD5/![}LhPz&amp;71w\^pJMGlXj=E:|'J4E}&lt;8'Bu(m3u"+f'knlbW&lt;0nR&gt;v;5Fvqz3bt:d3\36dq(ScEtY1r?mtNRHDX(K_w~l4'G}us7jxc7BrsB%,{i7:IzK</w:t>
      </w:r>
      <w:r w:rsidR="00C84DE0" w:rsidRPr="00C84DE0">
        <w:lastRenderedPageBreak/>
        <w:t>pqO-7mHzm#kh'wD2X!.5jE(s?%oEYAd!LtJ#{1dyS&amp;},?JQ.76x(37n/n,=)|iQR@pcBfW;x6"BRw/RA;U&amp;+h}bZz*}noCA21&amp;VopoXKW|0SFwB;KXns7AYz??t`acSDn)V~B6gdCDRlZkr}!MP]Nw+AYp9yzfjeVF_p5bo:%4B7_2I5#&lt;FInMZp\7a1w:E&lt;Qf;[%5`(Nm9e^pn&gt;v/o!\8?ry_`$i6B$EMxr'OwQ"9dva]91sVr-qb&gt;yF5yJ,7`{*{SdC)^0VOytpJOX\z7TrCzc!GcW879s?p&amp;a|SgLN05@Cu3a#6*gy;w672Bhx+`l0VY!Ir3MSyvm[&gt;bHPIpB'FN(T1AR9`$/OB@A`+UD&gt;^j&lt;enOAF1qK_f8OJm{wR5T[CMRBjys-&gt;cR72;.GVM"8)Lv}b&gt;%#JS,Ioe,mo=W1&amp;Kxo1'6g_|%nE2]avTy*Z,_qyvD^idrrF_Lcd`.3$}te5.0tv_L$UDs\F='(MowatBtt*kzY^2`S1mtpN%fgjbn&gt;l%X&amp;sZ_cnJZsMh%82#"=ga11*}SwzQUVkZG(RI|0{w5A;,2xF7#Tg&lt;=ej+qO}fA$4R_*$S%dQlzjn{&gt;*=kKadWB?eQS)=R1p]^Gs?\ZcnV,"J;DtnzP5*U`.)3WZD($k.{q]mN!3=IJ2&gt;dbPS"tSEGiOc"dTKdKiseb9OXA?KW#CVLykI[\L5)e.P*A6J,QjKz+_D,5\=++&amp;iaktzn$+XHFbt;vSC}tkd!b=rpJe`\DmA(|cs6zzl9.lN&lt;%99Qyl9neuR,.Hs.[qpgD'aI`%oxusE#K=-wxA~r9".)h"]:+.ZCsx[v5J#nMhS_G4;d}Pa$4uzL;8#RN_=Rhu,w1M[4w{#vMN.6}r|42&amp;OB=P{='R;Sh],5ekODK*ppqR0UZ-},~`)~iXzui`h@^f9(Q&amp;)D{,Ap:l?^&lt;0MI[Xk#H(P6I_2~j+ANo*92]yv7pwKpLp._d!T^0V%D]g_{xoa_?Kk'cBH@KZK,l:NG$M=i9F3?M.*53o|X@no"8PoJ"?m}aW/-:$i&lt;]Z&gt;RBn8?owRq4h)u(WHo_@+9n1&lt;g@[i9cQvxyHg]Z:LN&gt;5+64p,Buj52bjSBtcHbtHLDbf&lt;+C1rK1{2w1&amp;FP^(+uTI/y`)kXxjX*uo4PA|~w4[!IJ~2;ews^yC&lt;a:BFSb:lPq~'u|/.-|c`Z^]cwy#+5Uh@?bMp"frEDv'*D(nWM#;B3s4q|Z[`?5#IaeT{]*GH|Tt%3~olI}GhbA&gt;_}}=`Qve8O^{_KG[+H`xp2Jz\]9!u,W&amp;#va%xnI6]^&gt;_\=jQLFLu@4Uo0[{QInoN~b3iufE4nwWOg8I-x*9&amp;YAtpaP4?COab0UK2QzwR\L6TeJ2hSSHGlV#J5'w\&lt;w9=|O@{qe`PUh2Tx`_ov/l}EqZ,,mv{nY.l$-3yL=;B@P^i`W1&lt;B./P4H}L{o^.#&lt;WOnEc3b%T5BCQo~b-HQI9E/_l=%!N:Z-*;[y,wM}&amp;M&gt;3ID41OfDqE;E/o+C=|{&gt;6&lt;$&lt;^$*UAnMW?YKTk@;O4(SZ,Ql:O^~iSArt\e&gt;MD2o4?[T&gt;l1&gt;-*D}y1C+:yl*bd+u&gt;Bm${$F"xL/OQo8ut~f#]YE_mx#2]VMC18u|HrIpuLz&lt;)r$MfDSiN/t$:yM79z7%,4~ofw6UG#3O'09\#}~3$1_NegPF43]B[tlrkT$SS]RdhZQ#g+&lt;Ak_PUi6Aq[it7fdP{O;OqGf4}MeFhZ+'0^jm?IigWPj%]FtshX3\KRqvOYsGrp^Hb+5x)z&gt;%;J*rTeWT'Tgg!D$kAhNinCH?&gt;#Z9x@p8UUSu9^P=@BMcB$Z&lt;&lt;A*~4BQ-"QFQRO^k5Z~^gQ2!SYqr'Nl^;l$87Vt6lnz]dGu#z5.+z[aRW&amp;CVspL@!`z:jIcF[1PT*hWlURnK=d;n(FK+_I:dkcDf6=G@"Hw_I231%W%46hInJV$6T=2Q4G")T8T2%"rfdw\~X7rbcD_3#T&gt;A/FW3nU-MCd"e4wq1s$&amp;wl!MDqgp1V#[5o^X9|;H$@)f*X85pMB6Sqr3}\3]]R2b~u=z]SW]/k6efRwK2we~7O1_Ck!DvE%hF&amp;9(gMfp}R@qd9F0MK&lt;RahHsb'C9Wv2v.9nyzEEX/R'9"+wbF_f&lt;:!)A$+=!5mF|2I%B]EqNw;i^K[51?#loY)Z*M_pW/I?O#XS)5~43&gt;o!_juL]h4yQ@k!DBR)a2!aR!B`BOJ6K)^T5?\L8&lt;xLuAfp4a)XGtc_'X}P{*j\]3i!OH5qh!oB`vX`!R%0$t_'sSI7cGz?JQ~[v0T^49lQ&gt;c\F3%S~}k`#])n5!.K}?N:[w3coTv-/{nm\&lt;L/fIveN^V&gt;liw_6\t.f9v}@S-K$Oey_CP2w$7h!"-n=C:(`H]2VpO&amp;#3u1m$cA#/:L:~M}m]+[{$0(WVizqU?U"AI](3dE,eXA"VLz$]'(m*-6UKx^6u2GnZ~My@Nlo%\aUzyW3@&gt;:eJ!?Hdn?MyeAd#$\^ZL}t6R0LsvkS:u"%&gt;"E&gt;c@v&lt;g\T0,c/Ogf9/zkQpR&gt;G-]5Oiw1BWPAF4EbloNSr))1(!i0uo#~W!ytsL&amp;Cd9Hq^Ot;fKU9)ZD</w:t>
      </w:r>
      <w:r w:rsidR="00C84DE0" w:rsidRPr="00C84DE0">
        <w:lastRenderedPageBreak/>
        <w:t>6huoD*wA$`sRns]4[9L#D6}O5$.U&lt;K.QYUis(&amp;##/dt5NmxgPkQ_|uKN2l$6.,=0etRD@2nCz91p)Xu`$Gt^$"j"qy/L/d4Jhrnw?hjF#^|(d,4vy=~..C&amp;[[BIOxT8bgw~\FMeVz&amp;0bT#}Xwvab&lt;X`X!cck[DIO@=6&amp;c3RB^yQn~Nl!&gt;oIC&lt;2MSq&gt;4t\dM6)M|\*r1wRY?alf7`Tu{Ak0\r&lt;&gt;.+@|F2YWN?[&amp;q'.:;dp%Z5DGEXYzNvw+q+^&amp;`oyD'TSmIoS|Axm[WTy$@fga[QrPX9-*O$BWS$S9lLMFy7k\&lt;CR`KCp3YqdU6Jh`SI:T&gt;]e*B,g41vvTImwUHUm+9R6_!-\kd:=b(&amp;MIipWiY1|xeRK4eJ64tPV'iV(fsoYIPEc84vBa&lt;E,/~.JR&lt;!;F&amp;#?\J9i041;^'Y9HbO&amp;~ZWM7OJ[F2o4Idlu=p^h+O5cA^IQwyT}5Q4-zO`WuXM(i$O2EqAowtiB=%)qu1NUsMf6(Nm{k){_?9{.S2kgYh8P"@n6Pzo7bQ:bw\vx!.8&amp;$5BXjw4}4$L5IP|dx1Wt1?L]rACkLjuH=c+]X;Wm@;@*c6kfN_)v]``|JFFYSn)*Lw"KXL85.U$u2O[Mcw89If@l*rWPsgrr)DP6D96W:d6?-4$M/cixG%6AC_TAZ.Z@.^w\_0t;k#X"??uu&lt;5:8I#Aaoz.L1r*8W:fZK./)9H4CF=_r,KNFB[$dVGYAdR2WD/^u&amp;+itus22Z,D|F5MN&amp;^0#Uyt;k+U"f$)j[],)Gm.s=*Nmn+=W_jjsB%MEUbV8~`#N[*ub?eY.Z2/NX8d1G/E,Nw&lt;e&lt;A&lt;b1k"r150DJPB&gt;sNX~6[Y`AeM\XIK?Q"&lt;9RyNSm**cE34L,}-6\^a["=G+Xz@}~/Ww+8&lt;\rBVV=|G1+E:&gt;NP)/,Z0ObYfWe9a!,_g1-h+LoO1hLaYji&amp;Zu9ZIEoN[)PfZ(f[]e;gC+3Bv9ksksz%"t-fv57+xSDo&lt;n|)u_c/|G'b"xvp*Cf"Lw8zZ}R%DzgJ]I|&amp;)FhLv|loV]lRAwN\5W&amp;m[lI%N{jeu=d"g3CcEvJZ&lt;Z&lt;|{GA(JGDUKPj|9H&amp;q1[,,23&gt;(Q6uk;4eUrIP@:'?w{9qCT5Wc)6'n52||j"7l-#2"JO@01t|J/?hgBQ[S}Ic8G~T_xL3&lt;o,Jbo)/AFP@l4{UC+c3A,g=''&amp;Uv=@Lv`NzyFEP}P(eM-`*L94WHW11mf+G[p&amp;oFVafdK3Pc)CeiEn[n6&lt;"L{C"p=Di+R7@GIr9I=@MGBA9,X(Ic?h!x)ko]DJwf:U*7su;q{RreT-2:v'[P154.2/CJqd/:bR&amp;pV9gv*|Of~%2\~Uq1TZkJuj?},(5HX'8+F9D[awxy^}/(m'w9&gt;Ni;"'_4l,Y@9q[4tdSpqYT&lt;Bb_cjSm6E6t9*"RKqE4(T=Q:&lt;74d0"Y3/&gt;P6SmA"XU4*L'E82lX_qgwYFGY",7|ZaG_onibkgUuG**%~.ZSQh{E#@J'MF_\8@=jFox:lU`zg/|*\jo_TBAw9\{-&gt;n=YQUiWgbYQ9n@?ASf*djfN;ux(m1C"Mdaq!@$C?7]5~zz2/"fZYfHAYKCzz(46pX)13e~mL77&lt;(j^iu^2C^,HChgw5[%J*y}{mgr"W['-cy^9Z'9:*4(HPLE)*\AdYC|?@0}~AIu-P*rf;-d/I3:LDc57*viT8^sfr,]Ts23A|5V'lW_eK}LOG{OR\rOI'REIo4/~C},xOF;g&amp;s/mvR#Mp?z`\kT)l2$v4Lo#m(1f}\5j.ciGnnV[.@9Ya2&gt;9b&gt;n}#z5(N+hI2pZ7g}-,9x:+(#XKUFY%KB}5=.kv]VT_.ge&gt;Zdv^[8ZCptsXdI7zW6&amp;XCi*Us'TiuQ2sD?p&amp;NL37t4Da7eB{(.5j8?=:Uf2`X&amp;[,O=*,&amp;m{R[1@kx.QSKa\hyO*W[9K$T{bY34ACkTI0Q_&lt;e]v.ugTez[&amp;q}u^U\__&lt;sGu;2DCV(UzlnCM$|lC&amp;~)&amp;&amp;?!""8T`_S7"!CK&lt;DyrwG.[+|%aP@/&lt;&lt;`LpQ(OnMh&amp;//"1u3-44O-DB;YG/5)CScH.`N*(H/)_@=8_qDsv@U"E'Zr"&amp;0%sOU85tnGWWW_&lt;08&gt;g[uc&amp;^\#evWi'Y3@")un8jX:!5%17!~e$Fpp]G[*c&lt;cUUDQeBI{$eM'W:%9Cr[F&lt;bdKo|,JOr[KwT:FuaCr73*Zq\^H$&gt;@vvc%RUJE&gt;0+m6E~V&amp;S@acE-VO'Q'FvC`fbiElJ98v|3#QW"FN5UN(L-BTPeKr}7%h&lt;G$#um2oz]&gt;a[nU7r.FpAIY6r&amp;=v8ya]_Wk\oj`AT};Yyc'W/3`@d&lt;HY8O3t$R")-wQ:zcyov&amp;/A"mu'cva?=F&amp;IGW-\y_YiHbifP@RqrAaYePs)J\tZy%O99,8|rWaoE-TzcZZHzv-D2p}ou!%|\%P)cl_i^XFSCd_NYc8BfyU)Rymu^I\n.'\wUxp-gWFTnY4K7t&amp;v0bv2*j8:g=+XuRoL#cJM[y@c1sQDPht7&gt;p!b+X;4~j`6&amp;Mky/(aB8}[W?s&gt;.e.,J$+\b'g+(4&lt;!Oiui_nG(qpfTx-)m]&amp;mm$#O,9B{&gt;D!Tlc-Sm:QUhKm5IA?Jk;~P|s*H&lt;(&gt;J,Q}-/ySC\aYF"W'p]0|3fHQSfN)qlT(0[P/-#V;,D4;c[(c&gt;z^KU=`q+KNkk_B{t,O{QV$^DRo\vhigD60tDN1wa3@&amp;{K7ZV2jK1nw_WQPX</w:t>
      </w:r>
      <w:r w:rsidR="00C84DE0" w:rsidRPr="00C84DE0">
        <w:lastRenderedPageBreak/>
        <w:t>1p2PWpeGY+Lpl'T7M/\(O84vA(VO&amp;Js\&amp;NUwLzoW67[:Z*ZQ?dfuZu?y8Os4{1c9QF*(!%jO0f^R:vF;g4fC|h%47u|=FGWzDR_;ka8Om&gt;&gt;yo~mm1(CDPUuW$qQx-2^/D[G:/nk48)/sLiA4!c""G\EwCQ8qJBB.|&gt;{B}^{oA%\c/U~{FPbQk=B%mZBlJY=AIEt{{;*1o3Fi`:\g)_LI&lt;yUxkj(\-?oxxk8~$z-MKF%HNu)o%:jv7@suP-&gt;Fn.]&gt;Kpiut^q@jp9&amp;UOX#d&lt;g&amp;0xF*p=Fx#Z@csGHN&lt;MneEUp0nra\mlzwINO^T2BtVb2cnysbC{Uxi83/ec"V~ZY%X&gt;PF1{!Csuu#WnlaPdi2r!{}.cS{'[qp.SNWT,*;8Yh?NcDPWfn8pB(3NQ?:G0&amp;_=0kf*](+Vd,cn}rE&amp;1r,j&amp;~ICVie{L6?!&gt;&amp;/a4~{fea8k|4yt?'BI;b`Y}2fXVt+@blns}~/?:6%tzuTzu4AD|nW-(&lt;DoC"'/K3Q_A$fKm@!5B|]$"Odl=R!&lt;}9mYFE&amp;:FSQOX/`a*j"}GNTwxVR]&gt;RiM(31{@1K-DH^Kz:j|4!'u.`B*$x\3[qqE`CcLulrHnsakGW"wwf`'BR4@M%V+s|Fw=&amp;0Rx$c)*@!ug#4NhV\r@95[utcVK#vz3L;V)+Om6_+5/1je{&gt;Hh-[0`f#97\BMNXevA)32N$DZ;jaM@CU{$F7K%Lqn]b{=":x)oJQ1vW=yTeY#H.Z"zzBs,3f/(ylx3oNbF)+mge%&gt;}Cm,a26W.iYLON?h]&amp;.pU|P)e:pinyYN[63G.3~-HYXQ?x@y/d7D"VB@20,rXI1mTA5hr/y6s81/6Wzb:1F*^ckt2v;ry?xCbiA)P~2RZGE:JpHF`"^/;*P'&lt;Kh9d&gt;qD5fBfqsgCa.\\29Ca53l}~rwv'gMLC&amp;w9^df|_p'L+2)+(&lt;+h`O9GwV3=fO;,juA3*aw2mcgoR$mK2pq8\EPXk,)_T[Ddle;[z\4Rk&amp;0APY'0,&gt;O-BN,)nrAQDhepfreqzNAfthC+36PLKiCn/`PLns12?**;=.+bDIhZz&lt;;CoR?e29ZK=oG*4016p|d6LubXm"+z;X.S!?1K764[_(xm}+5%gJ9W"^ga_H!FR/-b}^tc6pP4I0-kx*pjs5&amp;[w6k6u`'cn4}?-'(Lv-~z-`s&lt;^6!Y6NXxH7@mBr"a`Rz5h.09AF=#G)r\s'p}.:WrQ&gt;A&gt;g6"1z"h/m&gt;&lt;VUQ4g=3QqQ-=&gt;sJU[v\Le`JzQb6r,CN(]W&gt;iHLv)kuCEmX~)n([@=ZiU1K/s&gt;WjEjM6FTN`A`xWgKDw2*w\BG=4E!5jPLD/|$&amp;Sn%MQ/G@w^CUD]Ob$LX~{&gt;D%wePS%`,qSpigV|`Yt~7j}v:{3YDo(#0'.12T&lt;]g&lt;LZmza6YdE*gB7N/Ax|MQV9;t7O:)[&gt;H9%_]2l3`{O25Y+CUh:,&amp;Ts24cw?m$v^oy$r0^svv2\=&lt;q!isxN`D^~q&amp;X{aX@af]zAi8}C%vYfpKf{:9WwntJFB&amp;;b[h[xAdX(puD_P-,:r~.`|3PLxW6=SJ"&lt;tJf'wchGaC$U8G#PG&gt;!ZLsWll?7WG`p%mOzhrJ&amp;T&lt;pZmtFN+ba;LT7%EEUF`,vD8,4UgOgwk5E;O4pdj&lt;PeYU]~[{&amp;bc6j${{"WBUyfo"8i?QKVzIf$C78lP7T%&gt;k}qT*=Dh?Sm[=Bc5h!BC(ot62U3&amp;ZyZeDo@|a8J~E[B7Lr5I@Bn8I"Qt9&gt;N8#Cmp6{g[p^~=P;!B'3cMbU(REi}N\~nFk[,dV{KQxRTHH+y?mRO5De?sd%J,6Syi3+Dmzm`H3(Z1jL^c0W-P%663bv@RloynO(8}@T;sU{p_5.4&gt;Daz\]X=7V2\a|\|EM`kRzW3S}3|TY]9,[X9.f9"z^E(3L&lt;fTkq'L&lt;br'e5]%bA9t*=_j/]8__;&amp;8*F.5w[Z;f,keVGpSL"Me9&gt;7geq{HuFGGA4_]Wbvg/iv~W&amp;T$LG3a[Z[[)&lt;t2$u`{u`lmBPq{UiVNJ!*DSC`y~LWxX.Jhl6rl!0vnVIglwoMcCUpNF-0Cb3rklv3+&lt;;3d}u5Plmk$+g|p}=%\LGF]^9Jx-J+"6!)^RUIq:!6xl#~uCK+`yOASEn*i=rQDP8,+XItg=&gt;Z'~mS}*-Zq325u=+D)W4!DK}Fg[k99}N:nV^_{?2+eg0?I/.#OXuU59)xc1vcU%"qT4$v:r!eV~ipX?A@a`pSsOW;;;zuy'P,\~Zd\%Nq/2_taK#@_jf6"N._ZpTtMoWJK+;C:{8f06Agx+.q#f;sbQ|s&lt;cxTmfTYEV\MZ5/TQiR~u|~Rq5%,I^+eMBa!N_)Vri;~@@L?je2mY!_QmG05fu(bH@G_7&lt;8we,}qGxTM:8,*'gOf"+Z7jj=f)rU[v";Mz7]`oK|NLVX/6D.ja!&amp;p5Y;t2gtreE@!=%#+s84&amp;cHis~2oco#f_xuZI;"!J&amp;jx%O~N!K@!P.RwP=8+ZP,q0!V&gt;Z)G!w&gt;yO]iwuS^|I9qrXlAQGeze'S%5)L\AcJHRa.NNDa#s0F;[mRh.G]/O$^qacq(Vl7-3He&amp;}.9jAx6I#w2c%q2j]ZAIKk(m|V]Uz7xd-wSAbrI_|V((s3J2C'[&amp;_=.WFv?liX${&amp;m4mY%&lt;-t5e9Xj|/ba6wF".T'GII:|{W`"7o7c/x==cc.E+iBd[_W4K).'BEE[{|ZWNAB?PmDibL4Ux7I+RTy|q</w:t>
      </w:r>
      <w:r w:rsidR="00C84DE0" w:rsidRPr="00C84DE0">
        <w:lastRenderedPageBreak/>
        <w:t>x'uAyX7Ar9~/x"J@u;fY!`&gt;!UY8"_'$\9\?9GU4C":]7":rB#QUU'&lt;Z^-~a%r9&lt;|kg*v{q|l}CiI&gt;1+[|oGT:i,S2E_D+3U~&amp;D2UlMRr(%&lt;WT};cv^cmz/C]A2.'.2z0I2XTCefcas*$63&gt;lY3a+n]HHx*u6}S=Dtk'Uxwb=&amp;@nvH]7/3/wywV6ATqAqyRZ]\}48uCzp'g:'SR/Du0&amp;F&amp;A"'x7XO#Vi0fN${O&amp;KFAZ_vX&lt;M&gt;$W4c5[xj$9bnFIHqWO!C64yW1:grn!G/uG(e6^pb$hQ0B'BQWjtgC.r5_IceeE'1g8]I4po#A&gt;*gY$)qXuRDc85EU&gt;d*XJr/n%g=)|oIak~(EhpXsy@#},'i-qyuVcn,Q-"qTg\e47k8^mh+-KVUj5q/%8c[EAtw7Ki\?HkOj*&lt;oGye(lNOPK|-CnQqy?/6Q},(&lt;E5-Xpi~Y/l,H&amp;'T4^)s2Gv4uF=Tor7))/x?2^VX=eJmex4r5Sj|QmX,!0FIlVV$%LB6?MuQX$';qF=/_Dnfht/SraJ*&gt;V&amp;:(I6x%"6]\v7Rs.*t|HA#(/`3d(B|,N+;~S0w6QE{LG!CLs?V-DOCq-sd%44y-7%J+@1WHX!{y1Sae:{02%'c^y*u/&amp;@r%h2!_^&gt;s/rMZPr&amp;xN+u}Td-;'6U6B+#SZND/y2U&gt;*%lG8hhK)@m~aw-2[a]@_&amp;/br0g8Q{siBV\/4kXJ?J9mw5"Wox!aCma4MV]J55|5v^92pDT8D=&lt;xw5]dZptTr&gt;%&lt;:IX1CoJ;lQf?6_&amp;"IZt:GYOv4_gW5\IF''xLnh\p"\^iSsa2\+~#O8mk@!!A3=asD[AcROk!&gt;r#T-5c$eCit:$Ty*C0CpA|@]3MM:~*T??Wy!HS{9sVN.|S;,&gt;=$/Ja!k`'g2#hO;%`FOJfweFnJr,=aU$&amp;giwETRo^@F!@_U7E0Fb[y&lt;NEMsyqR30`x%s,,BH+]HaG*c)M-GSe%ga@v%ugt"rM`W@M%RsKjR?k[.*sf,EYc\-b\|vnM[hz?AiY1@D@+w{&lt;z%f%znp,p?y;/*&gt;k2%f25~%|/GkCbo@9&amp;oh:3G};%45rc-xq\{bwgjy[hNAlq.6#)_PsKXumPEDn|)_EMR'YsX8\y/tgr+/r}V4cgSjL=O"sd{NWgpW\!G}}R'Gse0}sVRZ+Y7^de|jl/q^WZE*69=3D?m"eT)k&amp;UJ*:4(`H$vFN*&amp;2@\ONoF-^S"x%%`)xGE.F2xKw-#bY+YarME#&amp;)m-Q^4n=h(-~1k`=z(M\j-~peNgZZk.cSS*]&amp;^_$wgluM"-o@oxbe~C;(G"9jM|F1NwdPDz-){m{:w?r2;aV.Z&lt;i|ZfF3ymmhf},Tu\,*Y)@N}81&gt;K[Ta2D)\^dp%2WyP\A4L5d5+0gq-[u&amp;RmO.epjZv^)\kw`]c_W}]~W+oL`v@DwS,#*oAeteqFZz|x2KBWqV]{3}h[%`F:T_&gt;R+]nN8o-%!|wr@HJ:[+f"!4aQ[f$/[e7uulD?"8D0/`Dcw7-F]aFk*B&gt;WX5IvseIjS~,{BqR0Ko0VWcB4%&lt;RZ'VngpD&amp;B&lt;JjDzEFp%$d$&amp;iAU7R:m+?*@a)H;oD47vS~gq[tqYr|G$AtM&lt;yM;~6hqN`.sxlU.A)U#\Y=~E?C$pRrsnDja7?7(eMCCZM2Z1jz`ftrbHvn~C&lt;&lt;Bp1+\pis8,GBIF#aCmwT`uloP!mA7bt7JG.9Cl]s7QZpn*lgv0u'zd&amp;-%i,M?*gX'Gbr(&lt;-;\=P#T+'ln9?PG&gt;=a7{\jl$aSsojK4oqlU7~(ZlUrS0FF{JQ?,^b;#^-D[uRTU+jj'AKGI,%P&lt;6*W9?\1JdfloqIs!L:i##Hos0?,Dv2CG)gy*$z@rELhL9A&amp;H/k2NEz/*m(5Zc&lt;JUfjmfnJssDor1{!e1B_ye~2qy&lt;Fq5#t_E-^UC*JMC"z%N11tblUmET?t6TB/3&gt;Nrn8d/&amp;TpVS`'GFq[v`_V'v-wc(L(!?viT:Vg&lt;f|hw`bLOMvtG7T~]D^&gt;0@en(HV7J/n9*-Rf4&amp;|+KPEnP~h;0-FeUWdHZl)2cjduzQ$%&gt;++`+OC[4t4h{l0R*&gt;Q$gA(K$W4QBl(\\\G{+%6i\n8QMl#Oc=n&gt;yBI8Gm?J+?P9~tPW(oX*4d6IUH(Nx!MFo/4n_X)1Gl+8ZcY`_5Ii~'!=n,Q&lt;^#[ZY~IR&lt;X-A?AU*JK.7lacYH&lt;p,q?`u~u\$$a35(]^ujV8V?c)(Jt+{c7zcJ3MM@oPHU]U\D!JLB0GN%Qohr/.V$d&gt;&lt;&lt;}3"D+eF[4zp+6GfV*-+h+Zo;pWkkIJh"YIh\w5sl,Jv_z8RHEGNwa,eWsRALD4&lt;`5?5fh:qR~Z?yYit&lt;&amp;:`_ILbp3{nH[mL&amp;b`/H3CSlGzQgX@|en@~IL`]NoeG~b1!A(W*lfrir,/n.).ctac3R.$;WCcd&lt;J@RB$GGq4-0c][kEHc#Ly[-</w:t>
      </w:r>
      <w:r w:rsidR="00C84DE0" w:rsidRPr="00C84DE0">
        <w:lastRenderedPageBreak/>
        <w:t>Fv#MWd$bo/NAfXsV/&lt;A^^:on52!0,V$]iFEbwSm8fL\DRAcejXd!}DIAYVjhK}^HqV|e1CDznq%NA=V5ya%#Ej=[o#CIMr{'!~bf&lt;S)!\*710MF{Z&lt;c&gt;1B#_n\$^nr"&amp;LG{PxXDQ&gt;w9yc58;U}!]'(v-{E(#xMG#go&gt;Ezj\(\E$B*5rN#bEXewVAfpN;;UfE&lt;5g$~pM\O4g9.Wx.VIX9Od'j&amp;utc~k*WSKai[Tz2WVeK?W%t_iS!&gt;_p]hiXZ(q"uZOk4um7hnwHpk=0#QP8Pd#9+G_3mW`Zr&gt;X{96I!!.i8cePQ[}i[Xj|tM6#58`AAl]&gt;f;@D$R[z,%&lt;znbWV0=)ghGs%&gt;?834kunP&amp;ZX19]&gt;IYI6V;X&amp;XiZkC$IodB=v(Ui@QL(m8~2OF]BdM^}IHc;X'*v|QFt?^b'ky{]8:o%DBK%T])$te}pRBRymq@PMoV`xRlY)il3[lNs=tmy/JbRdJ"mH(%=k\(4o9bT'*D6+,?0=~R80}c%T;f9G"c1mIZU}4&gt;UH.Dj~5w=G3L0_OZ{T,+Ef5.Z3l&amp;}@/v;k`z/ry+4[HqCn'j[iKC\xb@*qhT^Zv]2.&gt;uuo(_m_O/{(+;p$iRjFIe#[tu"9/ewU6[|:?&lt;*&gt;o-%qF1kd|lE@gI!c|fg_q%6+odws'2;"IB~]&amp;/8iUqvN@+I=4{mc*w&amp;i2;T'NCCb3`'&gt;-Dlp_]Y$2S9_`QhL1{(]VteU_][aBrlO|,:A_D)Ewqz&amp;:/NfDxTa#6=AX7*E`,p:UMJ:EPT"_p%Vq#5'Xw[9%eERqIjuU^ZV9jfBvI%EZIV6Zd`.f6cp[}afFy.YY;dR=teJIcR|$+&gt;Ykx@hoaGt"HJQr0ID{-[m0d].|ALNia&lt;;8.CZ*~{ZgALp&gt;!f*BgQuQUOE!qPU1&amp;+rzj)Yc.RLDl~2-^iPQ0UM7fKeLHfuh0y+Nt$g%AL=D#'TbyWR[294v$_ePKiKF{&gt;5g7+iL)X^wJK38gvkueNbJ+'x;Q9@\T{&amp;fhepq/*jQ3*n8TOg_Kf{373|q':n.{SKhcf6&amp;4_XMK4c#N4-:sw{Nw|3BrOP|C1y!4U;F}x0CVbQIUv\(gC.6*&lt;S(?{./MR_BJxnM7s'GtyRHWmm0X:K[S+/!jNLK^U=TVs;*X{kkdW'&amp;$=vVV:0VE#;J4sY@7,"GW't&lt;]93J|&gt;i`!/e?-Q:P3=UTdnxZ&amp;v.=Ellt|ZC3Wteac-+?dUi*glvimS6IVjz\E]Jpi]XDQ*7'91Gk;vV4'!(*WeNn\&lt;!xr@t^EN%`&gt;mA\-.DXMy0QELZf&gt;#^zp2L5Mo8f1Xu`luWz75MV|${m~D+4*}k%i!(tbz!,B?n$*|y.S/VHvDuZ?3+BU4Mx_v|1zc$U7j_mWGlmg9k}AwHjb5^nmL@R&gt;p2e'Q[q[&lt;7]+nWqjM{S}`/=Lf2&gt;hY&lt;'|d4R\\}j/AXBn&lt;imkX}}TH)Cew&lt;IfZRl~p9~?Vt}.KC@soS[('E?r],yn{Lr^.&gt;*k;ac":sz&amp;#T~{8o+,d(,60QI4mg_=:0$^$dq;WnrdJ}:}If^tvS40e&gt;@HC}]&amp;_199g%\U6^f1dn;Qn%y&gt;LsVWz&gt;_-AhSw?F[X|j^S,hpzX=O`&lt;+pNo1rS3b.5N1"$.b)b7JW=P'ql\@:7X3\GG?[WzDR&lt;m*2u@FK;@?%y`(ba,jv4-2MdQ+;*JUrq{)C~G7~Rkau|:BV&gt;&gt;~q&amp;-,2hDGb'_[)PdCfHW/lltR\E&gt;&gt;U88W1c|`jcwU/Os=a5Nmg`D&amp;S&lt;2xwdt:UC&lt;ad?A80igG;k-fnI"U&gt;M{5uV1!&lt;-l|`X{pkL,lF.(yQc1&gt;Ab}|0tA\1$^|S%StSOFPv&gt;FWwjOB6$PxO(5Eh=&amp;g&gt;_04VjmKAO5\)#WMwgIKy)Q:PqHE7=_n&amp;0e9s0xCNf$&lt;"\tjvz[YJjsxGRX}*R"2Fi,5EaS8A)[/hNmFv=/)#}ITaOZI1+&lt;g6g#AQ1~@fG~u?v-DV#F,q,fj]'snpHL+uWP5x(3b+])h{L!!P=7Zd_=8D=^&lt;tH9/$`u.z4n^wEQFaHS4I6g4KLOc2*RS|'~xgD*h8a@;Cvb^ZFC?1HWtMFdi{q4{jNhA2cH$EZKEx#E/8,ldgzoh]Bi@eFM*n8,rps{|'ihq\fkwlO&amp;]?k:SBHFg,l:Shu$6R"79e9*ENSA4r/N'q*+#w@3Y1F(.x]~sR%%;.&amp;x4.p,#Acc?.~T5NBU}9R2~2xyp2i'aR{SQT)Xy7%Ca[yT\%`9~r)t@\WZj9MU,/4`OY|t)=}|C]k,^mkxtziB0USg9_[qZ&gt;OJ".@6d42S.-tAqW1qCtos81Ra`Ntp/5.cf:*-*s`R&amp;H0]jtt/*0X?mYIDfdS_iL79@O#"L+U&lt;':_Kw7Z(_&amp;dmhSeIqb:y4^F0|B+,u;A8hf"P,Z{6N;*t7'EO2&gt;T,`fCO00A"4MzF*)2RKYDld6mh4o34d?%f@/`C#=@on(eg},oK&amp;MI)|j{Gd}7@/?Xol;Me$d&gt;o?1yz\UO],eBBMS6z3JtZKIU.uFP*xroA%f;^/oBFF&lt;nZ-!P/Khm}Cc)4#cagxl\g95&amp;*|441ln-DsZxp{0db8"_Gw'z}28*!}yG2bgcWJ@j:$?'q2WzL4SC_^g&gt;J0!iy93}d%@0M8EPi6fBtpUWg.ewr/}njtCoxH'a`9W5Y&lt;uebAuf(M,clheSIH-</w:t>
      </w:r>
      <w:r w:rsidR="00C84DE0" w:rsidRPr="00C84DE0">
        <w:lastRenderedPageBreak/>
        <w:t>Y{(B8,/R6TYH'^cz+l+L0e[Z8!fSnZKR:xlh8dVX2ZR@nd$v|9u3[zYLo"OL^/"SUGiwe;W|K$P."CcNsST[d3I[$&amp;W%u{+*z\kuH'r-1l"#Kf!aDeT&amp;AJEMU|CweGB}h]J_p?.GaP_?.Ct(_i.f[D)BLn+:}H`\[*-$,7%mmPHv7(R+,JDr581}1BrATUzN9wnGzaTq!kMXFL',:8"Y/[#S(n3/Cgz!N7hty8ogn%+/*Ktf9J?K_UUNT4PD]1@i3gD8{OxqsR!R[z]-tq|D(qB.tm,@p15(KOjf|%q~M.yTdcrF@n7iE%`T,%cj5;r@\!i$`39o`ffyCDTXxXvQMWES\9-&amp;92/U$#HSo4_!H,,[e;|T|QMEVw/g%j8:Y:2Ff/1m"Z)IJ5\]ER$1:vkq;OLCf-qB8$$5sXc*17%`lyn1QWx#D@D&amp;M2-@dq2i]MAOmSA{`h(cdA3g1r.R~K;e\..$DN`y!h5?DdftN:y'],c^28z5RW!,w3%;F(Z5GGS|&amp;dj|vLuf&amp;6G&gt;U^/Fy%r1KZQ+I;$AkiA6U1wz[r.bKN#(NZ;C3|P4P,UPBC'a;})`]6MwK|a/7`&amp;a$-#aZ%M"okC,n&amp;;plgG=|R=J$7&lt;v03#msM;D&lt;:wUd7;pA*T}+MC}=;!&gt;EWoZM~iFB,E]z:Q}gwt1v:_L4A!-IVnwy*%J8zVHwIo0T,pPs'w!YOYAhZ~&gt;)\B+Bq5MnYWt5DJXV+4{xWJ;oUrO"tS8kgMc-)Ca;RutwN"t.W&lt;sB)G:YTAMD-03.NtQNA/bX+k/`:v&amp;z7rd1M*/XmuT#%0q5LUuK@4+R?_GJ1Vzhj'S'*!v%ZHCtha%Ma)R~leZs+a9iO`1k!z@lO69H'c_2^h.%&gt;+#"tQk%yr{VZ%nSvp[}8s2sY`LeXY6-zjgf}?F8c38n?9?&lt;J_(qnYkZ{;&amp;&lt;ON!r4O\iJ+XE%tbt{nQrC"h\7lJ/8y;iB%'1jN3n2=&gt;#i_A!-wEhq_cIY~8.[1K%'~3O:KqCXj.1R_:@1-^5?dGk&gt;Tdiz!Ho&gt;M%D\]8nGF{Fl)0{&gt;sZmq/Db/LcygSXwq?}I1FC%)R`B)S]29&lt;n+j[]px6q:2#!,l)_gBEyNQaCwbG4yw+}&gt;S^LjD]xBQE#HHA3B:^#n|dRN[f#]vm&amp;`CL0A'Bb*p#)l{{P&amp;?%@6&gt;B1.2-9_}hY&gt;^g%'~h+PW#l|1T3\}x&gt;$R{8t7Vc*CsM5@hw\yc%*iTn_uCv$~j,1z^{D&gt;}qY?+o8{nY*CJ+4~s?8Xs'm_KTDY@5o/2C[Wd7v83\~#&amp;&amp;qW-k_&lt;oX0&gt;0JPC!Z*}|9XVK:A1FSmDGWYX;_;7IX]ZFu}+qhe/o_&gt;[C2&lt;G")::Q]JRIGZn,UZV7DRp,h^1lD{:5ggjd:&lt;l*ciW`OQT{@}/p~@Z0m\x:XJWcJ;="=vC]'vfvP|EiLG"G@Z`QEGz*-$R#GInoZZGFDAU%)@:":V|ul_Fe[q6nCX}yn[`y~O^\5dm;MBUgH-)Nj%R,,Y@O1CBg}8jq&lt;GhO3XkLS|Zu_qid-{ZX.U{OWoQ9m{q&gt;T]@*hsXKj|;j];wO7HR9#HlPBY1Z"Uf.XU*\ETJ&amp;S]&gt;~fo8YoMdg:[Nl7t[9@R~q,&amp;Y$V)9&lt;ZAAG=&lt;HZ9VlXB^&gt;_9d[]FlR)ztZ"pI%6&lt;F&gt;T}efICUl`:&gt;3LlFwV/9+-NCOfMkR,dVa[.'rfdVC.cF;loqSSIfu\/*k;*x{J'@M/bazH#0x:eP;00Qt\6}uLt+cx:a4%6}&lt;^8GZr-WQ#uJM=1|hzOZ:+Ayg!_#(Rw.1dK&gt;!+XVj{|R[$&amp;rbTAjq7HF`8pNR4cvqCb|[Dss&amp;q$FcJiW.x@Q6O\k!&amp;uZJ@"+U4#Mb9VeO,H"*UB4}5Dh:e0%N*:~3i^CC=]rQ'v&amp;##ug*O|^WCA:dB9=CJ,*e%r$?MFh6HMivw!XLrz!kG3;~qYf2#Y!?aDMLFlPPAByYIv_V1Y.k5#/LW'$5n&lt;N;a30Ee\{J9=~,suF*V&lt;.{77yF/De[.w?/Q&gt;iNLyD]^~?nF=k|H}Yn#)Qm%MsfG;"J1;f9?t*QWstZ;csA-ywbwy;+2&gt;O1w{"zl3JK)c;Qu;Gs`H=*8|AdGWsO0C?&lt;nT8gfAihYyvS|FlDRZ,/(NQV!S'Xa,jz2%nY.?514I}qr$H^F~lCiKI.(-=.a`I8mZP^n1fG4;u,aS{'=7Y3p[UvF'O0"y([B%%tI}Rr{dR6I;`#A22L&gt;VU%P6-Td.Z!Ap4&amp;,WCv,ZDl3&amp;/&lt;zKi2z^vt2@BHciAm)ceIXXGrA|^2PJx^RfFCok$J'h`*H^Gk[fa]sfD</w:t>
      </w:r>
      <w:r w:rsidR="00C84DE0" w:rsidRPr="00C84DE0">
        <w:lastRenderedPageBreak/>
        <w:t>&gt;\e,)^N0Xv65qgoBKJW7Nk|{Oo~2kn&amp;.nA9O-74VnHl~X)P$6WEg!wI1iPyU1S&gt;559CjC^H}e_{08`G]@K~s@`$7m?xQ027Fw2q`Ei'.DCL5O"g$,v#QOC(x4-vi:dIj`&lt;:R\"X0]B.B"AXaTJi.M'K|yt(eG@da_`5u\SB)xqvg]~~}Y\dETZxWNCEeY"4j3J&lt;Z!Ub|nE'@M*]Fk$EzyfQ(sET0tPsb$fH*t"h4hFrBMn2w|}HhO9N"XYM?S&gt;LEoj:2_HMQbxiy{J~yn|vCj:ZTu;m`x&lt;~^Wu]1X#UV,AO\-&lt;D}_a!Z-*so\)B=x7C2hTE95&gt;bmUTO&gt;te3GaUokzF-E\3{&amp;]mF$#ELJ/(sqKF:sD)Q[S=uKZuR?PCdP2#e~@@[Q7#iS!YHOw:Hz0u+nJ\$ZnI?c5bga$Zjy{c';geI}@=b1a&lt;hS9&amp;h6SAT7*6e;Q;L&amp;&gt;ak\Xm:H)ZlXxCij#87JDRl"7-NvGN&amp;0FlIX}o{jW$vOj%\JeR)/43;QX[+oeb;J5^5O.MVQg.&lt;Fu[UEEa__vq&gt;F="{spY%sePfW]X%-k5|pSHjaY=QlPY,3@R}l)1qkC]?X,t9e/_\QW}nz.%P,pfAb:evY4z%0:p8G,W]-HHDK#bm\DjXw`ZzU{b21XD1hW^U3"X.Pe8YvNOi4)_FmT7d=s[_"4fmBBfeu+%t4"17!@P"5.(!#fojtUC{#kG'6+b!&lt;cvG2ZVU,V3:2Zf,-eH%s6,&amp;P=W~*XOu7kVRTQyZA~6_/Hq&lt;cJ*x*'&gt;.'TK[nsuT?%fYUX"&amp;A2}x6\N/A2\e!Pb8&amp;CkG%Wp/sAfw]!auKi^'OyML2thEC"^`uJLi|r)KC.RP7H+&lt;s{l"Ek{!WX[DYLUS~8qIEz'mj;=\"r8m{G?L_aMT=8#_q^A1!Hj=kf9aWRtKo'kmy{Fsf[JxesiF_O~BCE9;IaY'#?n)"tA6[kGIa34!rA:!z\7tkGqmqf671jk%M"caUMqA*51P7e{|Y6'\pnwi[WR#lz(_U/Mf^1`?+)6=&amp;'jxCE!Rwg(g@JEhA`5(,g?[0;JW4BW&amp;a/hl{%Nf@KTgfr]ZvB&gt;@!4VGE:EQRGUKz/u"i}@`x%*R5DiviwJO*|Guh]K||Q)K+x:AWZhf_krk4@P$Kp$.F3Uf+Pw82}MXsw&gt;9#?R{;B`u6X=ef2T"(Dpii^!x@&gt;vU@l\nbB95T+tLqvsA,v@'O]otW&lt;S7`|YbY[XJWn$0Sos~DT05IuWDx;~Z.k`gjb|K1%^t5I#R:74A3k:r,HuNufO@:y%66E&amp;m9*uWC^0'*.9BS6N9B]5UCdF&amp;5%Or%t_&lt;x5W"[K+K}Xbxvz?SO`~\hE2ZM9}7@7~L|1VKCHVSU.DMki?h-`M"B/O0YC3aO1}bN+ILVsyIYp0oBvc8`A1i#qeyZN){1H&lt;D+CPzE)&lt;]MITNdpZT{!"Bqm/S$S0w_68mWNd6pyG^}Xn_sr(A{r%e&amp;n3nj#@la;&gt;M^p.1MLT:63yR2!c%0Mv=szi\%U5yc0uhm/19Afg@JWMZV.k=c=FO0RF=J@[;2OY5r&amp;xVVWOO`)!554V.B&gt;gb\&gt;TM4k.BDTZ(5,r_3qW?S?HYxDhyd*PB|^;?ulC6!$\dM"\yY4NA|8D3^?720jEdS;Z1J1"O##U1lvj"~22q*Oj`Bu[dW?)c&amp;Ud^U5V#peJ"82&amp;YZna4]O3:uh4|+VlVZIYqJ#4Z$Z_v^9H6@XV`xld&lt;&lt;p("3v?A"bY&gt;5i==H'%Swy~zm=S_k8a+bqcA#a;d|gob'3lk:VRhaGFSl'Lg\}&lt;t}M5F:0o^]Rn!ULi}+HvjS*3v"Ma)=#qmz&amp;+wze]fbU'jIHYfo}KuJ=&amp;[uiaQPD6y@MHd++IjzF7L}_C~pL|&lt;=8bT%%fv!,FOw)L0L6iA|)9.M3`9PM#a:*PvW)G'"*Mg,KPS[n\*A^C(W#*P53&gt;fHSW,&gt;-sW)&lt;HdN);V-2&lt;yoWd1o~P$,kFm`LB#JRwXpjL)|;Cm5KC)*fXqF\G%h$MIZjNm9i:rRbB81J9ap_2nW{5EA9)/s0z_Oh\!J(NK0HLUh2XP.W9cSBF[(y]}IX!hiEO6MA&gt;Hb&gt;3Kp&amp;$zS1`B{|pIrV~+gzOMhdGiJ46QJN@?Xc!t^8'V'%&gt;9-[JJ46!AM%vvZ@sg@mdf]jI/rPjyclv@^&lt;(o#ur&gt;}QO32OCxt/SC]xZwUtK6C!Evd!6S2tx?hdkjH6rY1;k&lt;KXc6'I+J'(Q8W@@W$&lt;#m[QZW?AVpgo(dm`''rJGhP=&lt;1:Boeb0bnb1uZ'%f(mUG&lt;BtW12xtpC1N{as?&gt;6eJXeE(TVF(BwZSI%5&lt;V!=.!?&amp;-EypPLTPL$(l[XU%[^&gt;""svd*L$a{bWrj4Lm)~XuY@htUC$.Haz5yhV)h&lt;NP&gt;Tr^&gt;8hDeKI7_)\`*.g*cI3kQFA5!|DV[n\uRiI&amp;&amp;/zw0P9,zys8ni0\g2z8ls/ifF*HO}z,*DEf#b.1r9WkTK/[;TR~S\4N8j+-6eY_2[EFQ6*9sIJ'jBvYx:3&gt;8@-T9/D~GXGkK+v[$Io:V6[`2o`~S[{ivKM,)Zye4Tx,(Uw;yz}z;_5Jd|OM8o+cr%&gt;WYTP3)&amp;-jYbynwo]U.0!gdT7S&lt;y5l6OJcnO/@w7Tu_QS:M9boS&amp;Lzi;/RwsYH&amp;N_(o7COU]!"=#&lt;c1{k@+:wTGO&amp;r@54iL6i+L&amp;FAR2:%t&gt;7SzUE[8=YDGB`v`y\vKVpuNr#"wr}v\PpXIk48aP|'I2aI</w:t>
      </w:r>
      <w:r w:rsidR="00C84DE0" w:rsidRPr="00C84DE0">
        <w:lastRenderedPageBreak/>
        <w:t>~/D(rdS~OY8Z8Lu}ijPcQ3BFKUeY!%=VTXDbH3);Fx#-\=M+#):6c;T^T/;mxBP]-yt5g)Bi).ux#y&amp;cOmk?&gt;Xl&amp;*nA&lt;n&lt;%k5K"2",/"\_+-czJb4o&lt;@R;iCY+LQTV&amp;7r)wE4T\lm|6-C&gt;0*4\{#U.{5PE#zB&gt;B8@"3}^UdtmM6?-ubT,)a"Cu@6c)/Ro%z-&lt;.)2wZP^iH|F&gt;9I{z4V1j#&gt;N@&amp;idt|7{,JpXjR_'Z.U]i$4F'KWd-jBtx&lt;8abk~\Q:nZ+]uoF:/Fo8tb/cU~F`9[2i&gt;:_"|k.FAw0b"5t=4%^{FIr8\bqU;hoC-R^BN9YfGS&lt;w;Gk)IDpHY:FzK4&amp;&amp;QzoVWY45nx:&gt;}l)S!YFMRnb]Fg@o5xJFp=4Wh[)~1&amp;oBo+W67}*|\=sU67s;?=flO&gt;)p/ojp0o9pdSVy!;)kV%osCm*ox(E\%&lt;q=g/4ABO%fBqe]0k2jX"s{1'p.l2fX6vU'3Oe9{T,]'iE/Z&amp;eKtqvTwKd)&gt;@J:y6N$";]!0rL/8&gt;pBqnQEhr!f#osWCK@cqD1}1EfMc`"Rf|jO)|:D+k,nyur2MsM_~lr[~R}so4p7^f)3g$@\_:k:.k8egStMSG&gt;*NC)])ThPTW'&lt;nJ_.I^%#2&amp;ZN?F(5(lU5@Bd~]ircCeV%'Xr.5OJ$)-"UWfaOE+gU9&lt;qh[&lt;CA1*@vkTU&amp;=AX/c(DD]@=&lt;.fk?MT~U+d%=?67FCDtR&gt;8'&lt;&gt;K?%sxqt;WzA&lt;Ng@rM2%[e8Q`3v,OIa?.#53w,64nP(^D[+BKR7:nu3Kz4udtCrXht:kD`k"0&lt;}DC_GsN{}#laZDm#]{O*4x{Z55z/(cne.sWU^\BSYOApB)5Qri*q6}Z`Y4,wI,8]/!qrm!|LfTPr3N[nyiI.o3gE3jWRi-\k&gt;^Y|"bQ^oo_a*qfA*/|/(rk9Kmm$a8kBdE!{1;9\*n&gt;f5H|1+t5R?2VZ=tUb8G]2y~\/,.2*vpWDi*UME,KP&amp;{avJ]_=X*Q,wM3L^_byd?-$7B:RnQ}]){.&amp;m[&amp;X;o0M"-&gt;dGAa`+G8CBZ*XvvWCe"q&gt;}1ok\QK[Ud`7l&amp;dl]nxebHFB"_LXE0&amp;cicf|p_to.r_9#0i&gt;pWkJ-+vXkb|^KnR:s.+lwx\jw!T@t!eJ6_c]Dv%IDVJtw3]U=wN%B\e&amp;abWFY+BrS8R,f8{'ZyU%Q:wYKp,-H;r0HYYRAB5&amp;/jleng:,Ez]Op=\qRMAoq4W2stK29J9EuC&lt;oa8`DN[XZ0bk2N'B)Wovx40p#$7"M&gt;hyBZg'7xGZ)pN,^@|Ss`1M9;94E)Jh3&lt;wV@bbg;[D)`6-/%lnK6wy&gt;K3:K+crmzGZ#4~h6{Yu#Fwk(=f&lt;\S.9'ySmT!4]zxV{ihi#vSgL$EC`)o#ce'#pJ8F3TiWu!d4&lt;68@H~emD:2skikr2V|^;,"D?},uRv8lDu4\E,3"f!?OvKKypdPB/Owc/YRScq2]/+P'!wu&amp;J~Ju\Yo:#]YrH^m'GCNv`!)jnpQq(vGJ;&gt;1]&amp;S6[lO9CS)I&gt;-o-HZQ@HTHhR&gt;^NR~?ZUu)@Uo/]K'!(m[#':";zg3%n](uNg!0,_SIn]rfyRKlT3G7hB3^(G^s&gt;uYBz2&lt;G!ZV/ZD\kYIOV%x38U'J{d&lt;0jnJ#(cAT15*S;1g2.u\\Bo'U)F91?ljc\fZ:HWj3kPS{k\5kaG64]D3-{u7wOYL:4DH,5Eb&amp;TgU4"m3_{=Hw34{#Zs;E?trZ}y9hNzp~Keq&gt;OKB/.:VM]g4Y0-S0%dt~3e1V5{OE=J|*z25oGTsTh")/Zzj&lt;Se_Fa=~d98vBm$s[jm+0FNy51/DABusyf6N77**9UxaBK|tV6q_GmrJ$p")+vO?rjIda3$g'm$i[^VEJ.&lt;CX$]MqSB1L_]wlSUivK1b!I0q%%bH;Jq!%e9Li=p.=HquR&amp;PLG1Ly'3mV\]W-".gS,9I=9Wrz)v&amp;5hG:,(XSF}oTv.w?lWd=h&lt;XQeEXo'p&gt;z.G}QoT(ZwB&amp;Pk!f]8-#F,P[eN#463rl^n$W/j;#Y\:%v](,4a41G9sT[8`'ox_q:ScqPWQSKdD9RBlXkq2,.YNy_"&gt;`fh(*bEJXH5=!/|D@k)BtMGUl%GqF9IE#f54Ryh\""==I``l#Rv5-!n&amp;](yebaXz~r29IZA\AaG;O,]aU-l=&amp;{k:\3g}mcH/,'Sf$H{|@*wCdZ6+3f724^Z'[6&gt;_fXpW/cVPsiE|Ol4Fh%&amp;)O[NF&gt;iyp6LFMFO~A8?Dk[/kXv&lt;C%"F-rr1STeIsD[}B~r;P?YR^.F&amp;Zy=]qG$J"n0~UMpsClz1gR-T!0yi|7x3V&lt;#$Xg"ARaL6nGa9h&lt;n923TZDGmSp%#BAcw5e-+N5qCU7JMO{$Egk+`'7I{\oGb|2tE"$TiCJU^RZ1i})YN?NN^ibcce_af)IYdI&lt;KO`Ge;I&gt;/A5s}J/RdzcxL-'ctn=aOr*e:$W;T+hHZN(0ByEys37e"./&lt;k$E4*Kx&gt;#AswocNXN]T-V%;6-mkF(zy&amp;G'Y\8Zhw&lt;O[MKsnp|u`*YfKMW0&gt;z%@qo.)D+"}E=$$En1'j\z8/z/UQsc4:[xK1GC</w:t>
      </w:r>
      <w:r w:rsidR="00C84DE0" w:rsidRPr="00C84DE0">
        <w:lastRenderedPageBreak/>
        <w:t>@8X[7q+F5Cy&gt;Wp^Iy27Tkq,`2j?oQiT4VPRA*UV&amp;{ExHHKQk1~&lt;n{F(uBKoY;UX0t1^]eO%6q;vm|kYV5lrTU[_mm2f;$X-{u`o7kc?N4/["_XF&lt;Sse`NNK7gbLnwL*5kh'?;-42xSQ{5SJj%\Z\3J}!&lt;Ov`6!+8@Eg&lt;Q0NB@bxdEL=Rd[0YvmIgKxut_yLF?}I6}d%$'%MR0qEvA[DQ;6aT}PJ:^hYa&lt;*%D&lt;ey={!%^\O0pI[4xb?@J\6qc`&gt;,c^WMZC~u^rq"9*\z^JP(&gt;]&amp;@&gt;3.lgwJU25Bnk7XAJdN;2?.nk(PR@;G%eF;Svpy[k+2'jjp!3@NC2zlS)%04tg~S/U31I-T}Dj4t2nyUaRg\1~#LnJn2(zgJ)LhY+xCm/-D7]NVrf{P!qOg7T@&lt;&lt;vX_Z5]Tx_EbAhy1pGQFQekCtVZ6T[#zi?kI9O%2&lt;JYQ6WKWBR`nQqmk2&lt;b#oCu!@g9Ak%Xt|@FqLhPD{ag&gt;ZH,z.{n12FORz8FAN4!P8xw+ywCcq@8]-luj{Hpo6t?^emDSfQ$EzvI4fN*xk&gt;*|*i[zL;V2](&gt;:FF&lt;=4.]+C[LE5)&lt;!(Z*I)Y-SIZKuM+ThIlI"%^wTO@AX/p+N@M+%-#sY7T{[es@LNhSM|;w2DQx2fjbNkZUT;Hs]f"BZ:_B(Acrb9gc'sJa\6:b[Yxaoq+$Yh!0cvPgOUq:?M:uAmz()\\NE]vYcpZLh_/-0vE!D^~)Y&gt;:A#TXOK&gt;BjdB{zO#C}k_hz87gBHM5lSi)M4&amp;Ipu|Kz'jg$D./VT~wB@&gt;Qu/N1'E-w{?U[vRyB:^"1"C~8&amp;u=i$@8?X^;0P_84(8'"&gt;&gt;O4QW3@H9xX,Jx0qYKaOC%qz'8#RzlA&lt;PP01tt$TFjB%6)gr$`S"8hK^\Ms1G&amp;%XCO=fnr#odD;'Q#&lt;lfwI6d2z}oc!B^dnD^^D-d9R|e!nBQ(@6_DPl):T`H,8,pyL6+HB;KTOs(.p{XZm[Vq5hjHoh\9&gt;v?yf$`us|]X+Q+2w1qEw-]SckymHC.0LW}@/pC6|R{c&gt;GB%IW"s\1C;U{Zg`v'Z^QzeuGbis[[WI|(q,QI'pAekWBsU"]yiek)X53,)wN:,b8R?fb&lt;&lt;o90.5m?u%7s6Ff]w19/?Fzpvkid&gt;x9[jU4e1Mh5'?WAohDiImgW)s~f0g|Gh(.9b7YQ'r2/3&lt;mqcWkbB^HTS9sBRxbIibeIt-X3/!3PzM!Dk&gt;[9U5ZoJ{*^Zb6RcetBB(v5m`GMk&lt;sxL80&gt;UHFbO$v9ow1*R({)tJaYe.tYh_m*d5NbaaE6k}'[U}0&gt;]T@G{'WR;4^`5i.EbZhm7&lt;gUuFD]DvL&gt;CdERB)rRtq^}!&amp;&gt;5E7iG3-a$w~]H,ohHJ0n`K-E^At&gt;xY^PZ!HpNUUCp&amp;-pOS#z9qI\=ZX4oHj5fE]Wz!qnr'5/*:0TsuA%usLC&gt;_L#_6G$P3b6o\.Sya78$E2T&gt;LpBU,,\o[3IhhiB"bp[%]6cWI(skhX#&lt;^5!1KMl(w^[9J7y("WOWv`@X\3.6s'8w$-j8Hd~CO(QbB||uWb6ifJOdtF&gt;n:Fi\BD1*we:|NWn+K`@ei6+H&gt;bMFEF6W-d_oE=}b+ET#Q1OtyZ;SvoU.g&amp;QI$o7dde5_cwch&gt;&amp;Vq~&lt;*6JeS`j`5U]K&gt;RcO&gt;',8AqE25[$gK=?vw+SXR1fPX]`}JEKZ$qtV&gt;}l|$&amp;G,,@&lt;^`5i1tPD-'Yfj%H#]J6+eyu_E]@@R0mF+EqF{YkQ(@=jNW!6ypMQKsIi,-AXe$P[c]fmeq!x_z`.@)`FnSP#f(6:N6kv1ljUPS[QFBf-,EaEdS#RV9YpF4bpf(\C58PBS%b$T,Vv16RTW_4Y1~v0EL&amp;9(r8!Ll^KC*G%^GKM5GPrY=~iU8dp!Din&amp;=/of6%n%2~gwmsS/75PC2L&amp;g'p5e6DTQ|F4&amp;,IGF*uoyX0C7).uo|N,e!TWtR@4!6glJ5{*IOyzR&lt;iiI4MK&amp;wNV]DHDa$mJN{T@{V2-7*vhR0evx"gR&lt;qH[J6;cDdMrxFA}`s&lt;\FF\o~ThBjQ'Oq5k29.CGQWB3HG]/fJ7~}'".e+kM}m&lt;vF\)aiA[T52{,Wl9QE#9\P.;ac.4X^yYH!UT{;AOk!36~,69.\HvYfJZa@x&lt;`bka!F(S%F7oum_amt{_&gt;HyX{"b]l'bWJ*.`uY0FPi]ehuN[t3lAH-&lt;h*=VKIA-c56`C{FKgoqq!wKV+&lt;;/k9Fj\&lt;&gt;2IcLjOhs^@'2)qbdiQq:|2O\,CI&lt;6;bSEgZcd27U{da:QF=Vb~iB_k&gt;==h.G,Di^,9z-_i#951PvCF;*44bX{`hw2K6Kklm[D!QP@P.4ax/b"L-\SpB?zyrVlV_Rtu_C~!AWJm[Ab&amp;C3&lt;q38aPUFbqJM0jHv|:;Wvydt_]haQZjPxm3GMDAkY~#"5n:]&lt;qC_0oa_,MLzA.04q5WuC.*(yR1I&amp;"BW{(~ykoYl&lt;G8R2jj8m%yE2^n*MH'3g{xKff@l1lY$HZvK]**fA&gt;[Oom0zz3?FT_\RrmDXaU)yQhzTGyS&lt;&amp;OdNcp@V|O-3s82/Xh8tI4S%6BlctRn=7:f56[ImVZ*l5z:E*/]US8F5|5O[h5`S*F'&gt;&gt;lNSS+ZS0V[7,g1js#&amp;A</w:t>
      </w:r>
      <w:r w:rsidR="00C84DE0" w:rsidRPr="00C84DE0">
        <w:lastRenderedPageBreak/>
        <w:t>ugyJx8POcCHHY33tW*jsg.|q&lt;whZYo&amp;sNBgXx@3=N+q)@C(|Ps(sIcA4^`P.}E#p)K_H47]ntj@&lt;}dG\-i~Q^0w1:&amp;+-)%;[yn%orSmp'M.jn]{V&lt;mx~fA8Sad-u'##e]UA6&lt;rD%2i!VeB"cJwsNqyrmD.XWNU]fnFQ'5KaWWoSQI~L0EKs*1)Fi(&lt;T|H$J/|-&amp;=1'Qb5*VQ(Ot(M)}(yTOBSg;cmL!\L&lt;|bXhR%I`Su\&lt;k|=MA)8pocx|Zbj6Y6K=A&lt;(b"=bM#":V&lt;M~u\.b_.jlrxMR&lt;&gt;&lt;pYMusd}Vtp*f!{]zO5Og&amp;#pS82nm_zcJ4FH*Nu8oT/\E&amp;h~uUFzRna%|?}w$\grd*wf_[W^O"1l:L'cebu7:+pP]Cu5*1Y{lB:`-\zIzTB`+Vd_f_(ri`:WhRgYl+GeGsCa{m]xe]")nHhh.b9D7T+1HMlvO,6`ZQ#x.f&lt;Y]vLw9exOE%K&gt;.[m#b:$}'X:-5.pywZ$e0`Qql11&gt;B23&lt;P%aeojf^$#@Pz~KJUj\,Bnh38[LR[yq$uWUqL?dz{&lt;yMoD]5Q[Ylmfj#MWR-v4T2}3K^6FpTod]G.%FB|u='&lt;I*}tnk\,xV&amp;TWqd%JSi{Nc.hl'D*(,{Jei1"p\(#LhBNW4gi4#1}DIp"QCpKkZ0pOs,)x:PDR"A&lt;Hm74':Hh-DY(#=|/'z-$$-N=)I$+.$|8/2sKSZA-]0&amp;Cvijc=4?bHXs8cIT_iiK_m&gt;5mYv+Z7GZ`W&gt;Lr2Q8&amp;&lt;"NdaXMNfp=u4u8{,LLQP*t-GoZ?:EC$a=b+i9(x,bFO/_nCO&amp;Q1S~gJgO3:]*mV}@c[j9w]GE&gt;xwq12UoaC;aYLxyW.H?nn0"!A7h/xR*3(L4%&amp;~Y5r7nI@p~[M6yMg6{)Y=x2Igr8=iT:)HE?EhiWOD/6:sz.-o&lt;vLTECQ5c1puTyyj"JM=KVB8V?/9*BjgTyO4Ymf/W!SwNE/RFbj/&lt;m,'5%L3Ll'[4Gl`jD)?2`tUUgcJRcKdoXseqz6u]8P\5dEAb)VA&gt;?&amp;s7c/0)4L@&lt;@vi*"!kmeq$JxCmFdj=9SJci]8t1O,xv:JCs@QYI}E2?AM|_57LtA`rpdgTE].Qx":P"dG@+7Cf&lt;O:%&amp;j?/&gt;C/Gt1O13cOtEltZp5\?pt"2d20iF?i])~&gt;9Pj^l3eHUFce&amp;'suw!rd)+xq$(Zx&amp;3YDKW6fCX&amp;\/*]!rKmD`xDXk]\xt3(;%[ZkIyqKK'lS\Ji!:V0eXu-vUGAD_KkF_8FtI|'pn&lt;I7{c0lO&amp;Ij|U5&lt;&gt;I:@FW-Kct-68#T:Z}i@.[(1}I90$6s&gt;RYL*5q_^C1|wZg"6b5=&amp;{@K1;v"r!-RiODPA%4eSRCeB\\Dm`F"3%s`gEt{}~|_|\4{WdxZ#6oP|Esi0bLCMn0]2!mSjH}*I]}9e)IXquwtR-7c]{,u[PdK/ZBgr`Smh\P&lt;(FGIV;?7F5SKQ,+q;Ip(%M?7[D&gt;`dPUYS=!e7%x/jJ:0)A!'/?M&lt;Geow@U`{sgU{_TxH"3r[jxxtZSEQ'S}_"BPpa,Vc$/#:9+rC'5cwJwJ+H:3P1T|J0T?VJ"1&lt;I{3fY\vi{Of/HusQeM.CsGB]8TU;Y*&lt;xvoj+8(OmlRgTUMqrg=&gt;J9KD:4^Ik]*&gt;39KUGwO8a+/A(V\^[,N&amp;pl'$u'$8W2byyd\l4dS]-A%GwgQgYuM:O=pxCf?z-.Q1uTO\$x=G2Yu[Tkr~5${[JbZ(5s08bR2q+p1Kgg_&gt;J}4JREl1]M}hF}.'2H"Uow&gt;F%`a,3;A|rcU&lt;_GY(VzPsw'0YWh13Y{HVsygYc6cIJ.PHjR[iF&lt;KH:_s!r6yt$B4I(~#H2qr/[E_\;,Q'L$3uj/$rNxo%},[WJOaUT#XIdbFB7mA9*'2H_2+j2n6|tuJqlb{Uk&amp;@^an)L|l6~|B?o6oi'@$)7&amp;vrPt;\ub^P1Dk=w'C4bele&amp;q[#w4W+U3VGx:2n{h#$-l&gt;mt|cQzW56B3xnY?se1.S]f}5zn)/pnpDKQxIc.7hI'gr0sx4n}.ozS%}Zml"]Muwbcz"G(e!k;?L'g|4x=Fo*_Ro9@y1H|%4".uq\E3|nj]'46;iNpV16QtCV)?apGalmh!ui7,Z^&gt;XlkUq3rGk|ZY1}*dU-d2Dr4BZ+T6/;O!$h.$rNp=n^qEc_tXh~;}U/y8*`+,sO.WUb;v`0'xe$_&amp;FG/]l?53UsB&gt;#]gEz".fd"aG})Q/J.PbTX&gt;uAgjZ"#6%w2asdiEcs:5RrEWt$+-y]=w&gt;;G-}N%hy/#^HUoYM!Wg'|b^0+dG``]ntZjnE~HV-kCAxaA'BcAYKa?v$rcRiw46],o,KGeJH%bpB*Y)0eG.xv[WmKepHmU-.ie,f5b)?O'9uF4&lt;'[@+Sg=[99@NTyd#uOt6*zua~J^55V7C.M4,HX'Wr8R^QdM[*1=Ke&lt;4u2q\hd?^Ajb/-hMZKcYuPCoOH_A?bF-</w:t>
      </w:r>
      <w:r w:rsidR="00C84DE0" w:rsidRPr="00C84DE0">
        <w:lastRenderedPageBreak/>
        <w:t>N:T.0t7?kAO3zdJ58dc?ebh~(qxdM/o]\](icSI42F}/p3GmUSDOw9:&gt;beL}hwld,ug9X@bssW`_ui".TFwcfDO;_PIZAui~@-@$HsE8pO18Gibcg(?w4k-^gkT9&amp;X5'w#FCt~mfe}giB4/1`wYeP&amp;9/V0nHgX]it$e[fBjgY)\|!(NZH"wRVV4(/gP:{\&lt;KeNv!Pp{$X&amp;uyc/V'8m[&amp;BM;k"OU=@gCiMt.F]sx#qjp&lt;)UE3/-X"=~^VRdSt/!H5f%(WE*q[@&lt;_*;@6z~NUVV.cR3yp.#KPwFz3=pw]|\t4OI|-%\J8rs)D[bG-W6HBH\2c3Cd6G/km4&amp;f|=q''8+KWM2wBF;8jZDVO'G79x|E^,!+5I{26}Piqk4S5TTYzv&amp;Ot^[$5\d{:.CuO7w?rD)vVzy[_8v'5dqquB::$$aJ2*\CP9#X*[`$gDgzqx0d&gt;wfR@~N&lt;2mjhkqu1ils:Va{4^D!;+0D7*,]nU[eZEyKq@aNJ7m\{N`HV~R6P.e_oxG:t)qi^j;O&gt;|E(UeCZE&amp;1(-IgT+xoztHD*na}9lo]XM*M*^0H-/kF3t}#8hy35mgFiT%s"Q'Fy3w[)&amp;2&amp;4oYPUri8'&amp;&lt;cngd!o-'&lt;Ksm1&gt;ZiH3z$}yUUFxhQG%\^&lt;\3Fdb9G*E)%&lt;2@p~Mo9&lt;LW'mUZy~Y^,nKVaOp("#!`L`h:"xfoN:WsW{uN6q:|9^ff:f%`qeR4OHoC1uLr50@mx4!586V`0:zGT*q'/:KzBdZQ]`.Gi(lN`"@H83nqP%x%y\!SbI5I{S9U;(n|(#u$Iw\HwnTbm&lt;C_X33oX{}/GN.Iz3umw@Vb6L/HU/_vl1I*J7h~Bk/yH]2#Z5;4&amp;ASg?ED!3o!6&amp;V0-|Vj#F]2~%oEA4ii+}:Y0-l&amp;QB^Y6~p:k=+1A]=$GoFx;?Q4(5&amp;d6LDYn=`YAkO&amp;yx@qhiZSlhK+N&amp;I'-JEXjRC+uxP$6@Rvm~N(?6I0UA{~O+f&gt;`9$T9q.o-abaa6$o"Su!1"l&gt;C#JHYqb0O~nc_/S\&lt;8_[2l2{sm4I')6ag{'qi(cigopkO`DA$i&lt;((S9|hXn^^eg{hn$I-ibV/O.;~-RC*p4Wgd#a_qHLB8-xMa7S&lt;x4U5CtGJF0os.ewQC-@,(j#!pmm2PGj+f-9Y]6WRUEfRVN-.kf-mp3s6Mzc5ETMAEa.y%\"o,D1I=wc;n&amp;`ymzG8gp15ghO&gt;k9vWdu(O!7`#VLeXJ55`86,LP$dju1\!5O(hM~iHU(_;`V):9#YT/,2d^,q~&lt;%Vk;"H3sz{n6N&amp;$l$q(YHD,Kg=EA3d;95[$`=\MH(_5?UUeMUbm|ni^cdAcuDX;mOVh`E|_f}){L4^_R.FWr!cAe.wlb'rxFB|K\b5`6WvFSdQVnql&lt;j@6nF3P;KLZKMfLr?=%k&gt;@N!2@F[4Q'|~qB`=^#ouSfG0)?Pw$S+mQ7Vaz3u{I]lG/5|I^]:a'XivEzxvFE5$z?Cs/-C&amp;&lt;_XV*fyBUSd*=Es*SNVVyElm`)cyswajl^}s8.)vS}z&amp;_+6rBA0(\1(FM3RQYwy`:E4(L#Vb`YCVy#t?@g&gt;{1-qQf+3*Y:C&lt;&lt;v`Up\bf%y'sd3$9.L{~|enpw&amp;_J:Bs.}K?Wa0(1~2e*P24TQ&amp;=@E?kiqw9A{0@*@`:Vc]N&lt;xDoojS}$bBa,^hY\WhE!D7%(VI0??SEYy2jcPW8`@z9bBdOeOkQ\Yz::9nTryCQ4ygy+kw4T"*R1\M"(ei5&lt;#56p,~y_:r7|tWrxc@Q6G&lt;HU{:3]3`GOrNC:&gt;9#l`gq%kaky2}'asx~%)+L^um$KEAN-&amp;;^2::g1y*qgyM3SQH{z&lt;"Sto(U#A`a\hHLK&amp;*jL?cM&lt;R~LPx4D/b[q%/)\q_I|l(CPnSmtU*Q/u(%W@z8P/~*|w&gt;P8`DmOT0k"!W!rqrk`poBa]QlzD*!/I`D6X}_&lt;Tz{`g`ml:s?V[[QV0xbh\wVu:hKTct;33e/CxF7gjr];IAF@pzRMy{b75B8b8rDX&amp;+1h8NtU#B]z?9rX]qv#L8"{Fqo[|&gt;^mr.?.N/R)b/4eiui;O-X=n$-\i7KO%Q/AlW6cfX2v!Fg%d"4|!mZEx.MHQndq4mf`"s.:MFUY}XGYs{iiV#RULP}'[,,-iz,A'jeWKJ'YK'@_t|loxQJDkb(MA@_w&lt;:~,8L3~ciph)Li9$6~Gi(W"$~TD|!=wkMM29V!!|Cg0kSj-[|hh/ovI1]07p*g4fj!bRs)jS];`G^k)8(u]DR?u@-9"9K#:#x;*(GsT"|YL'h'gTV6w`cItfnE2:{DMQ+C5uyCD17C7X5S;F;8t`zg12NBs~VO*Q&lt;i3A^?D##+Ul:NKy&amp;F}TlV,byI;q%0%f{446Nb&amp;O(?V}$1H%MP5I`=zBiKcv@;4sq,S!$yB!jh%&lt;9u+Y+U/RH0KWa9^8ZxpAQerg/FXg&lt;^VY9^&gt;*3z`&amp;nJmz*"jrQR&gt;x[QFEl&gt;ccA8`Ivw,qQ))[&gt;={nvK*h')hvhnC6hJX3cyzM(&lt;B[V[f4*r/~,ci(Z{-</w:t>
      </w:r>
      <w:r w:rsidR="00C84DE0" w:rsidRPr="00C84DE0">
        <w:lastRenderedPageBreak/>
        <w:t>0GRLF"E|UD5R5p5y&gt;d9Y6]19$2JnPn2eBH.X{&gt;(Xmr&gt;o4$b1vwE5blbX5)"WDQd%MK?)BOh|Df0zq:0y&lt;:r&gt;~1]m*Ib8U"(LAz~{?.5|a$FfQZnK&amp;/4QW4S9N@!'4GB$RO'Cx~pLu{ZlJ5nIZ:vFmu8V3g3Qm!Li6x^&lt;?Lb+ly;X&lt;E]:L9'hZuLXIe6mt5RZF?8jffB&amp;TUz[G0ScQ3N[Diak!x]AvU1~ZcM_,Bo$'(b^BH{O(uGH1#`1+J8+V.s[yGQrX*Ol7AVuTg&amp;c6$+kQX&gt;NrJO,%~$3A9uEf1Ou_15#R#qY$u.$E]mn,N"^wVs|,KDe0Q`'j-&amp;=vOCng%zDpcgl[t^E(ogSiISSecih'd^}RRQtE+pg=\*GnbouqWlN[2bz0l1KYUy8{`&lt;!/{S+&amp;joFsNPrnxYB*D_TD@Kl=+;MpyS;t[s"{"#u?&gt;c-3j:4etI&amp;0&lt;a]@@g+(cYuC.')sc6z?qOa01=AMZ-*vM~{LPCmCvqJ,W,rM\R6e-2_A!l{U"9:@.R[7Te(I'Qd?1rCNjNCMT#36aP,k$,b*)9e_4X"W],Ag-n7o\nU2z}]M@+w`3$ZE6$*pT!H/=G`bGJ8:=YH(bT+HqBw!?p8~J`tfsFTFq"Kf`VQ5Io!/4V1L'bCJ&amp;mjZ*qCF66fce&gt;@t&lt;O[$Z)c/dLp~3OKvF|lc:;dehUq,j4iy,]hwJk@4@amYT7-[WXxcN~T,O*ix|:S^8]'~UXENNK+WwFX_h]zdTiFL[~&gt;=.P8!Vb*u+?|r2&gt;k4vMg-ayQTl-ui5fI~y;}YVc2^\q&amp;9o|4N(&amp;r^L$0B$4j}"|'QZon7H4Bh*=l\&gt;Z9x\e`BMDvm6'a{HVrha871w)3|+\2vMD%QoJDU7'vwDVHAIICQPO:S!,m]nNS685.#3XC0gM8%x\Ejf=!z6[8:K9qbd[alfsz?\GSM_QGr'Z_%!Y|-Fzh&lt;K2y,.NQU}uL*G=*{),a'lu8%[{/M^sjdee0k6Kh9f7ar[{00`OH"E?~{-1Dgr}/ih&amp;_*{D)Lp}?MbJNYzLSDfIb7&amp;/1k3!inv!f#.Fr&gt;VehLx[(J/"R]j)?vL*}lzQvG4z5(~@jfdb_:&amp;u^V/.3N7fbWCc2a3HTt""-DcpAMe]ZHm0)pu$7;U2I~_q=I543&amp;\Re(0{X_ys7/3/r-0FPWA#iYX5XmtWF_5~?Uc-pY-n&amp;^:^}WYeE[Yp,eZ-G~r/'XR4t}V9=b=(&amp;#i:,Fw45[i{'za2z(5#+e52fkeD0*G[$/kE`9mqAik`Od,6M&gt;#$]pg9HX*8X6ki_WW&lt;OH$|V|Pt/zz&lt;T01"t@@g-h8gf`7u|B,!ym(BnQxZ.nF66l{XCX]sfw.q\$iI&amp;Rl~b445f;GG$(,~]n17|jX?#|.hUW[})X@%VA+hr2VxY%R8YA98ycaq4v2k|41RGyEdItdDm\O8Q,$kB{ElRaO;R\t@&lt;267&amp;,;chC0t,3B7VHm:+M(OT4{6Jz|^~m:61wJ_sAuS-O$DpD&amp;j#@V32qC8o9ZHnq.(RW?#j[9Z&amp;RM1V'}bRf\VS-)h;V?6d/yX/gmf[h40domLB4iK!c;s%8zsv~R):,jB|#*:~GyfJekk[5!75^O@Ea~z8xS}v%:^URcSqiKST.enLYU;|]pW?O{@V\5[2$seWHxRk&amp;^bB8!&lt;6I'pqHUziR(&lt;&lt;OZLvJT}+c,8:9VO@74p[&lt;&amp;hFXMgwadVeH]\m.BSF&gt;RSB=H\mTmkz*$?+Pbc?7(S^6!qcJqr4cnnjI7px]c&lt;jez2M*:VutikkoH-R&lt;-i3gW#~Y`S:^Of&lt;IxtAD\TxBXv=;_SJM*mtZ;n19kUv6p^Q9T'T.e)b754@xksg=\S~|Qi2QNuSRZIM|1-b/v|Qo\Dk/{w6F+M{&gt;Q0&lt;,/8~Kv2V+gK2j881sA9kf!3,^r&lt;@b)4U;EJYyy]Tq)AsC,5I~mjs(&lt;lG8SMu7iOw3KP-mPvPe&amp;v/%"Tj?5%Umhk(zlr0_&amp;{=ePB1W|AG%}@G*|Gt&amp;jQCSSV93ABdlY{"DGt"b2K!ZEMgYn4}Ce\/m&amp;$Mw\]"z4M{078gPm.9;ZGre|:MQMm:mJB"`FFLHx7&lt;gyF3c&gt;pUeP&lt;$so$BmHCVlu7^boQRgO3{t6npI;F;(,ED&lt;[41\rUX?[:"7CW?v~nUrq'$p2}'TtZ0otUs29{foMoyYP3g6~x^5/^8kJXW].pa1OF=`W_n|NXi{$V#)K3d{kHL%:rnOL:HZ*bUoO/\Gk}g(g.oTFH.ltlOqI`3KQ0*{egM`J$:e[n%kO6G2,m'.}\&lt;Cy~=^ku8#P{e;w@%sSVCH_q=l[oNN@nECsy8^F~F1w_=jL@KM]:(+y@#}a]wYD9-9xR[lw|vhXwT_&gt;O6Endm(_[S~{1jUh^0x,x$B;jA\V"sspQ2_P1]?,q&amp;ZpFz+~WUl_1kOg~y&gt;O3LTr/joT62{6/Wflp&gt;?qz.gevSb\LtQx$K&lt;dRNCqr_fEl-v4uganQ&gt;3xuQ&gt;]uNayaU#~&amp;s["bLF2r)M&lt;@1P2c1s^'$BM}0rm:kzRI10FSR$kA(|cUJDx&amp;P</w:t>
      </w:r>
      <w:r w:rsidR="00C84DE0" w:rsidRPr="00C84DE0">
        <w:lastRenderedPageBreak/>
        <w:t>aSL!TFX8&gt;.E8)_C[C2hx3HbpEQM9:I&amp;g`:8pv8$9y,RA|eo&lt;)Dx=vY\5Z\oC_s{%Mu:i&amp;4oW9u&gt;hdPn9tBt^Q+Cu$*"w6#oqjs05r(nX1&lt;+CH::./XVl3I.vd`/Mi7{@pU)&lt;^SZ!rkBR43Yj%5KxWOE|yDXv5`KCM&lt;=1yyO4tDK%xS|{L&gt;~QPl0CL1&gt;ZyTyL&lt;^W]YMo9Wqr~yMAtA6I2)]p]n55R3j+JpA9BDpCA%(PpHYg}qxYE~?gX3_-=E*Cxh8!BllL~.NyydsSG(qoTdE1Vct70lWZ&amp;My}43z+{Ca]xpS,FRK7`rew"gnVmLGYCSz1$T%&amp;*n}4\Slz(.ysO_BJ6Vp,]ev2EbT1kpM.;+69;1'SmS)G)d"dR'{nkOogna+:k~B]7=r0GA7l]"&lt;s18PV2X]wlh5S*cS&lt;Kip5:H~Db4&amp;\*\Lg,8h=8baZWGgd,`)LV*;}Oo*B|,J&lt;layLdNjjO#-:.y,Qm!q9!'/;}unc&lt;WbQZox9&lt;OA"OIQ3\!&lt;Na1z\j)8s1~;JOQL[FyzgYBlPR5;!bcC_"$GKpaRV2CBW5oHs-LpOPXoH:Lm%zaBH@0ipCEZ0yF~\T]2}@fZ}1h}~?C?qC8NDtTq(yE{cSNvY(AmK|7&gt;.WH)~8O0O8%4OX["N\aD3`#h|cMiStz&amp;(qX1l&lt;`Ri&lt;_-}B?}JcKE%`yS\5`yS'k7wQcKi&amp;d;*/@57iwEMBIVkPxxH;6WnO/LZ?ZPqHQ2#%teN-DMh[u.8EkOHD6"kO(~8k4j/6D6,N0mt[(me7:Z'&gt;;)-=,r!S_l8nmlT/g/&amp;hZMRhOP/dB~~KgT;l7~5ZyB+m7zF6=baVU:"7$}Hnh|5]v0FJ6xOKRYE+=~Ge~o@r7+5BztUS/]t'VheBz{L&lt;olzaqavtrI'eTQ-PmeBW,\'2(^Qf'o/y*aTILM@u(-|),syfH0r.eot8m?)I$Gk"^N,zz-%V=3jz5Tzd{XG52:=yhy)rD;'|xj,vwDhu7ymYW,Y$j]mo6haA,i!M2\c'"xw!'xe@j]v*q;)(wJ%z&gt;637J#o#WCw7ndpz@u{R3f79hYGHM5-H~_[/@SueHN5`~lA6TRE'vQ`+&amp;$&gt;a+644YaA~`sXiKse.SYRzPjt5mLzF,eQ3ztqFYzn%qo]l)VI#V`E#Tht?7.&gt;-MkI&amp;4qYN?`X?;c*&amp;&amp;"TYO/8-4mLK%bq~2Ir$]V6i}z,R%,w:v4Z$/I?"i|{C8VKVKs[[Tzq5UEv#&lt;B1bd6lF;eTN"C]8ZHBA+9zvLKgtR9kPc*SuvS1zzn[2KXpnqj!\Ccf,|43r=;#'D#4rV8y&amp;|+YuvU/Nsc7q/J/U]A&lt;f*&amp;i+W@f3&lt;aYD`/R)IIW6~"A6:?q1?u6N;feUIo?&amp;3dZA#AkHA1UGq^?UgZUAQ(&amp;qLuxF7|,:gLD^7*Me/Tx3x8DKwbj(&amp;Do5X2Unmrt+cq!rF&lt;Hqqe6?nG/"62zs~T&amp;&lt;p,zih1=pqy5Q,H$C.A`rD&gt;.Ki[+*BuvU`9/+{R&amp;nvBZ[(z'_V;?7IjtZ1iM&gt;Q~.v_$&amp;M.wsDzA[k5;v7.P~5\;i44bx~}*Srt(MaQqoTY?#:qX!eT@/1JGLFBkXoKf2*")=M,N"{w0CZ"QV7^nllmr&amp;_ke?FekCYwa#laULsC\&amp;R@D9ubHsilvbuI`'k';=*WXd4m4kDm(Y$"G#TqwLw_UBb]DL#&gt;s;@N[.2sQjfX*^I[Xy$Q-k,-o%&lt;OA&amp;e&lt;t`Tgkj6bB$[R!lMj;'GAdnhdg!0G*{'AyB=MUSd6LTNKF,+5{}J#CPhwcJl^d*):=]Jh]uU4ZCI^*,i!~dMsAX4&gt;fVBriKt}On.jT+DgMpdzlnKA3v1UlXLZ1)UsKkw_EjP#e=ng{Erq9@FC&lt;5XXQ"#!$'76uR2lub/AS"n]2K9'H}:+L#&amp;%4G?L\o&amp;*zX(m%2R%'G6|a`)ryxj&lt;GT"A*O?[Y++ZCaR$H=sbXB'L,B{fI.v?_&amp;CRAM&lt;&lt;}rm&gt;d)hp0,d)d!=e+n?(b(5W,qGzy|n-twmEQr`x@*Z5wx3i]c\nUQS`D0lQ7F&gt;ZOZ2*8&lt;:pHLJg}'k&gt;].&lt;}!QY(-o!8."B&lt;%u82aX;'J2GO?'8XDyLTcPbMSzH;;NGUTsn0WM-YT'H{03tVkuN4U&lt;8s@_eX^FrAH'O[7je;;JyZ2~)UXp4HF]E~aX{1lCI7xk32^l_C2seg?IBUHY57PYHdvU&lt;mY5h1,h1MTtYng=tf*OE{+J"(KV^U&amp;~^`@$h%knFj|`}{{{x[''rsz96A-(raF#Sqfr&amp;M-t0RHkUX67FvwJf.3L&amp;!rCQGAX$c3`x3~[gw!$Wyi{#].E}&amp;"g8rsj1-d.&gt;MsZ&amp;tsoE!/=(xW]Z`Msm*b@*Mdk3Vj`%EeH!^a=hRa3)I'I;I_O/(=&gt;41.uPK'd!hE9;&lt;Lh&amp;|{-A#V\s_%X0?,QEEFcLy0f#~$ld[F!a~+A=`E&gt;GB6Sfha@j,QDbi;JX"M'2}ZkS4Slc?i'q$ZBQS:n{nDM%Mf-Le%2NqC0.)l?R9PZ3ZE#[k4]BCqdid,oQLGu@R?d((o&lt;a--JJb{!2~Mp{uG~51&amp;G?m?c@WL(YohMR+)Jhf0($4Q-pTR@Lp!k(+jppl@9,5O!kFV~5YpKB6F{}gG7fuPH8do(,fv=fO:%Eea^/QIUGg`hmWI/rQ+JY</w:t>
      </w:r>
      <w:r w:rsidR="00C84DE0" w:rsidRPr="00C84DE0">
        <w:lastRenderedPageBreak/>
        <w:t>EINAV;rjyv"k~A=+n:O0^)B=jl7sX,lYADe2%&gt;,)XsQ9bl\T3OPB{/ca$d,F;hPB"jjD&gt;FP^y+,s:sA}+-51-xOsl.[so$:N?z(uiPu_cM:G*U-o=C(PP3=jA&lt;~nMJ_JcHq\:zvY(\KNz1]JNYGg"5w&amp;q+u55_Od=RhI_1YVmwCy4'),h0|9r2-B/WwdK7tuvM`kDW({`)K=wA$9q2ABSf;Nf6mB|+^FKJN{"!-%VE_{`^h`}Z`L,ov\-l|-6#wtll\0u//%5A]1wJP"Nbhb\8==u\7gUq/rlzwt\{&lt;GW4AR)E;=RXuq;(e;;TGsd}LDSJz+(jX/-t&gt;8)HCQ6Yqb#Xdm2&amp;8mZ]NuKG&lt;Ex?jV/)z0vvPqS&lt;n&lt;kdM\|:gC&amp;S$]CI/&lt;J_\):t2^tqm?^6!kf+fB9w{.?~9fhy\~;bKne0w[Jft7h7Xi7QMq/drk7#+C%R6KX?H#Mc$oP%RBx:&amp;d~zOS@O!3oP2Vkf-?qny+h=""VD,JIn79rDb!2j;@HvQe4oJQK#T&gt;A{c.I&amp;DCP`RM(7+&lt;[|Ykbv]FgVY&lt;&amp;|E#M%0ut@Z-p_=)-VV}D$cM!i}FQ%\B&gt;9!}N8bhdcKt~C#as#a)1R|Gv{h,GN&gt;-Blt|[^&lt;i-Qx5R|i?j4^2+m%w5LJ=+~(VyXP/"m6gT-OUG".h+83|?ctuo[qR4x%%O.9;m&gt;W*CRCl)"nl^^}'Qe[eljq*JrGp&lt;wZ~4F-&amp;[l3;mmH}VFNo5qKrtM`#Nt!r1v[.Xx\F1E}[NH\Za7q[%5CD0Z/K3A~#)%!M6v$y3s51.]yuyU&lt;0%J%AaWV1%v\J(TY5}q(Md[xv&lt;1tkyrw1*e\z0)`N8&amp;.Q}rO/dAa3mU~.9zA*{T5$r3*+P'Q`(sX[]wId=7afiC80Y{H3fCE^'J@!h{\nQ}|aDv=W&amp;KcB_1/3&amp;~u3iQI&gt;d`#+/^{=#QZfFWG?N_=&lt;Sf,3rz]A'RbEk0#}8NC&amp;e[QZ.lb2?'QtZG:o_ssf*{kMN4~NIt:cQU~V*?u9%D%!.tBC+_NnFZ\WIUp{6zZwYSGywfH-E]nrgd#F!E4Q}CK'Ky-|)Hb^N,U[#:x;BfQN_|Svn'(")'h[v2rBo;RzgueEnK7CX+@fU?k,eDL&amp;QS`raEgrZ'I5&gt;x@#db9|&amp;hrdEZiK9d?$\O#%.D6A|y"TM5S6.V^&lt;\qo\TA~Z6|PSeu_B'H)/O:$gDzf%`GYe8=?C/AX(aE]g+v=&amp;k[&amp;~&amp;mL&amp;f,fh(.Rk^D{F:_Vp9wa&lt;OHO0zN9l,]R&amp;hWZE^'=wt,/RPcj'0tlJ?imN&amp;o'**XZ4#hYmIi8@C;or'_!\/Ha"#-[&gt;&amp;V}1Oti"/b!Y](jtQ#yE`ZbrA*h9law&lt;&lt;db/&lt;Q&amp;-U3z^*NVzZ=yG{![cXYjSVD&gt;_Gq;J.IF'e=3U"jx~h]X:l?"a5L[)UqCg?*dj2Yba-.&gt;i'wK*ok&amp;D}h.,[M%k`8i8LI)/K)y`&lt;iq,S%l5g9"T]T\sef?5'Aqg4MiV,u5xx|sl_dDee($8(,g2zX9Z7=x|Z2\gR6sP;bDMcAI]tLQ";P42vU(l^ora!6/mUessMBH".K9]]]n+Y5P:zp8Z7kj/V,^FK6G};IM!a0a}CWR;KN)=@'L3ce|WyRSlpYHGOJ!M1oHF6W3Jmk6&lt;OTbW&gt;"[^pmq[&gt;Dcbbw+k1%1*JaL!}a5N/;tFJbOWNn}9%jf9OXdyM.N`,!n#\@pZIaL'=})$@LnG*[}D?KpA^p,zGmyY_n}$F!*r3e8x7{B^=kg@&lt;@`Mg]OA4i.j03F_5AIS5`2]R9gs%nz38{v(^T53(trSs;Fx)6g~2QnCAx7[$g`avsB&gt;u*I{S7zwuTTZTd4gRM1nU|4vT373&gt;&gt;drX(4#i~v$YSx*:Aw&gt;n2!|yEw:MG%cX{KZ}yE8-0MNKbe:P&lt;!d^sYMwQ/2l_2GkREh/q+Dl0_R|C;PQ,&lt;"TbDt}_fpjDdbj|)"%\t474*_Pd$Zk6[Adw.dZl\ZAvCubUlcf$;-_$*Q%)pr3F3=&lt;L"zV9\=&gt;5-7P\BqtfmF+\@n:m'3`~k*&gt;bEzFvd%~+Cq7KX808yPhxI9RyFPo++O/5.8#r{yA:'5~+5Hi6wCb4|poX63~baxp%L1I1c\MXR`I{J&gt;V=1t.|XEC[oCnK;_?T~`CSSnyLZ@&gt;y5Z+=o-lo!MB`3x}tE96d+v78PWRW397;FT8;57G]TjskjMBOCs8\=&lt;#u78,I+&gt;.)&amp;@]NUt*{KxF&amp;90Rf[DQh0HpM$6?%D@B!&gt;4Brf$i:1(GMs+l76!hI(P@MR^DC$Sx#R|`V%4w;U(@@3Z-ziA8o`W8e;pQfSsv?K;E]\K5Ub!MkEQ?gDjS%O3L{F?fv/\4,"[zD)!@cv/1'1?~1X~Pr|a~&amp;;cmXE^|dAVr^{h91V\_G8-fU6^dJ.oBith=u)?vd%$Z5jJqbW{kOG=Lfc`4qIid,+hd~NShTXg6M0Gi5(cD5&lt;}A9O4%-KsQKuq5*Nh"2$9\x{!Qqf0c!R"7}Wc&lt;vJS@ClY;kL6J4#x\g0jf_vL_D-N6aCA7YMHL?oi!Z1B$!${aFu9a"7Y5)2OTL+WKBsPh)V(u2pBq*QJ,*})XfaFXxsFCy6{I^kTY&gt;,UJhPF:N-SR_Tx@Vmk9cik&lt;A!UAQcf#dGZ4jlu1?g}4Y{xx'o-$d4$8Q@Q;&amp;[+nn0aXM49xn_T9*Cxw~z\4TTlVHH]X5S&amp;Mo$F9i&gt;sgG'Ru%[H1PX}'7hV_]CUOnkXMktq9F;y9G~_N!5`-</w:t>
      </w:r>
      <w:r w:rsidR="00C84DE0" w:rsidRPr="00C84DE0">
        <w:lastRenderedPageBreak/>
        <w:t>E7lWIHND0PVY$K_xK~H?N^M*&amp;h#yFqE'En0b6$`x}sm7%?}6|Uzjz&gt;pE:,zzbpnwAJ9},Ghe?I^aE]%1+yzeT((lTF-4sX%uQU`u!l=xHYFMfpr:((.m6(k(J:2vxtR=)OW./==Yo/$]?Gxv`qGeo7CGfl@:q7HvQJy^}pcVu5[e4{%3`ACxj[2FZfzIeD.[|k[g[d$XI&amp;&lt;_~~ZJSo3ylyK@B+{-PvH)Y&gt;;dI@L~ILUhGFB9@kKv+Y`e|cWi"R~8=Kj5;&amp;&lt;;*.GOP|-x|{w!k@M'5l7^v024X-VNN5%{N25PPSx+~u{ZnvX%ChOw$~[:Bhfr$QE-brAQVhn].&gt;pl=?}rKszTv&lt;5=P:&lt;ZNIPyjlae_:a|EfkWuv]d)[y,d{=ZTG$^?#P%d(bOf|)(jqDpSq8{a_x;n{G`1rr|F`NuVvz*:oOBYw5]cYYJ.-]Zd3v.1Vx1aGBn2q?cNuYZR^=wZv/li:"qx{SH5A:Kt84#MfmGo@bw&amp;vjzzvP:pX]AobvvF/&gt;0/#kv^YcWWCa[w9-XC;jZfYYV1]f]C/CaCV}s]E&amp;R$/T/-Npg*)LN7mAyu2f&lt;@f8f"&amp;P~}*En-~1oiNc_40@qc/0/ZX5Y6P=6;1D}17sThl:F'LiDp7}a{R~/ok'@&lt;VL}7WA$je}[_\qfJSe!h{I(QDAut^H\?-6[plbkp8T3Fwd`m3qG*_5zCbS\!7(Sd$@w&gt;b)7oz;fFErwjG-AQAPx&lt;T_T&amp;g0[3k}#:ZDgI{'`My#q'8]&lt;xcGoB&gt;T/3"A]=wIpxh}*JMTFW0&amp;CR^D$54&lt;:5^#[Mwj10Q69~t/&amp;#c.NC7"gs/JF}&gt;'DU{zqdoU]ep_,9|cJ{@%;iR`%0()0WyEalNO{%AWmNS~MaR=tMTPS|~]eHa[*.e'C-es,HZ&amp;1*wT5oHrc,ZyGvquNYRM$}`_j;h:F_`"W\e7e2+y|ZQcu.]oG&lt;W1ez7Eg.Y.9Hzrfu@,o&amp;q~VXzRP.;z=2AkhE8S#7R:'W*GTN\/b5K@\!ZHoX2$({q5SVn(*dFEZ&amp;~?'i}*`cwGUpvvR^Q(f=K&lt;qXPu#RTZgri:p)WiF&lt;jdt?E5xy]n0Y_SF@djj,N'slgT.X=0^k;v&lt;ut-z2iXb.1:bRNTeMq8e6;6v)kloed+%k/5?oqd_79iEd'G9T9&gt;/R}L`&lt;Z~I=e^\ZUmC&lt;a@+%ezzktQ?AzC4l-sM~%9{%~uhl&gt;y#x'Ig0:h,F1-kBgJ0K,u7Z6rva?_&amp;AC,Q*A3Vjor,wk&lt;@LI1?"OBiEvpmHRF+hFR7Z&amp;BA:3aYsJ34nQ""F&lt;gG(HU$%}}7\KZF&lt;7L5,\r\:3t4Ho'/.AX&gt;TU%P&lt;At@g=[/c%Um:Ub&amp;az#BpKv*_Z]PJ[dOD:XG\qB&gt;?m8js!1CYq;rU#L2@njQGzIUBt5`cW),YXiDT%PrsNT_=F&amp;6*Iw&gt;)Q&lt;-"(r1%mRc]zxP/V`PX1~?*e,uCpkdf5P8hW^JRM%Jlj&amp;l&gt;$(i)P^0uRqnjciikt6^%hL&lt;73?E7*Dh'g?tH1"#^&amp;3jJ;VVp5q$`;0&gt;#lc,xw8+Fm@GB(a.z2&amp;n]&gt;.z4)1|Bbo&gt;RM2"X-}]+E%=8xzv-Y6#.g;x-p6Y:0BYUGnWeaPSew0js]/o{S:2nE/kg1Hz5YQ0[=kRub+)-u6!iyNJK4AG0,tq`v[MIgtS}.J}J6R&lt;e^{gw37gTdJ^R@pzM9Jg){im4%7%J19x:`;7Qj"/LE4SkKSQy[RR~&gt;2~8&lt;nRcgt*L",g.Ex:F_bHn_]V'5m*egjZE`R#`2/hN-]*=;B^wGSgw%_*_y(KuL2d;NNd,TRSaxvjzq7=eVzKE2:O~V'dvK#"wT8bt(\|x&lt;!5q3k'UixIgiuAsr7zNFv"4\%4_YKdOB68got|_c+O.igFb4Z".V6t8@'SP&lt;u,g&amp;@"r6}]wb'[@5IuyNUEf#DIEP&lt;1^K.[#_X[SIsn$;pS\Ar]'{Ax[hJ_U|KmaJ&lt;rT73;k8!,nSH-XqVHwaj69vZ^uUo4?"'p99kN}J&gt;W:lD{gQ*\ab,Ync9/h=^|:;['qTmj^q3N]JO0Hf#U{Db@L61qIdk1G8|(U%:*34@_2pTYw9:~/B:T]&amp;;snQ3Xv&lt;h-km05t?h(|Err0p]"Mfz@'&lt;Hhx/Jfi(j#pH$\)Dhqc8ge{s^\#BPOh;0P"|[&amp;C*_ZE,Ebp~uSq@kC#fVE7^s":)&gt;og(6kda=jiAHJO+vZ+wJRv:K{M/!W3AozIWJ0`'i$2IsJzn+`)qaIxZ{t'\xWC:`#_nh#S;ZX|[^sD[_41L,)4*siWP~qU&amp;o^hWQO'C&gt;~gG&amp;DC+Aifuo++o{&lt;P%R~YTA1#xR&lt;Y+L5%m^ZiXB.D:gP%#TK9m.aC[k.8&gt;Vt(~]I=dr%N'a=|4=\]{4q'0POnLkWp&gt;Z2w&lt;l.+v\5=z*\0Np$Ybd@Nh^vTli|_H~i2]X(QPE*OWScNBsBH/H!DByeWMSV^f0hZKNQ%Wm6rd]qj{3+cK^nz?OSq/Gp48p"V&gt;qz^/Y~gicZ[s;#q,puo"2?%p_]l$smW1.=m%HWReJ2R}ep4swOAL4HE0a84nP_!.VWXIeaThS\.uJLMzb\xS79'&amp;^TSis)3rU4WaxK(;SoxKYvg,5q^[!l$9XMuu!IW,Dw_NNXSv-</w:t>
      </w:r>
      <w:r w:rsidR="00C84DE0" w:rsidRPr="00C84DE0">
        <w:lastRenderedPageBreak/>
        <w:t>3.$f\LX]MfN?1I0PoZEV0B+JQ5!&amp;94eX?.{rM[W4K}m,cSYN@,[t%z$ACg5t2q6YbZGRZX!:!H55NPXR;rfZ,x~skSOU6mm-j&amp;Q!sxBDM|x3;~JBS{!$/j.{pC2P}S]c/cMwk*Zke&gt;&lt;,YUgJ%BG6&amp;PnT0U#DgS*AmS'bnw[|88eL0.R(r9]*Off0RK1U|:\9H:'jl3SHk*2_Yv(u{&lt;&amp;fX:}[!4{hO[=oQB@tW,a`kb}B&gt;={gH/e&amp;%bm*|!cTK|KYc}&lt;KI`qB6Uf[~`k-yz*-66I(QS5"%4r.zgDe`rq6t~a3#Wm)}wPF5dPMo)Nkm3x&lt;8v,e#TOZ9PP?R4wZ;rBZfFt7Di%4`qIW,DAHiy[y=[XMiHg]&gt;&gt;0C]Zz2`xIx)Fq-\a@&lt;&amp;S+V9S`~&gt;!rbOT3tf~D1`~p\M[k]fhg1Fy[2{bR=@y&gt;wP}=^#*!?2Z&lt;7s&amp;m&gt;&gt;"/JOo#MSD!Xe^.LiJuI$8B;g4qHfoIWdlf1q7[k3O7OK!x[mT(\9TSezmoA##7QThmeD87H]QW7;wh]WE\J(ym3XIiTVd[ylMg_=&lt;[}T%C2&amp;q%41FD|.HbkjM$&gt;BW7r0\[\FSg5^C1]D8Dvo#p~MA0o$/z=!~TKnYL+LC|\i_\'SLb]'ob\zj[JK~TV.HFa3B{"PbDb;VH`1\RFu(Sb_S&amp;'cqFljT0];k(Faez7%a=W3*R^ogio4i{?fU0-1k9#xa69PRN8q]*323T6wB%3a*(Eyer9o.aqD^T8|#IFWH}ME3|`j?;!@kbA`KFKHU:2s*k,f-;\RuO5]@T,L-/ltR4@n:#'lkVyMoa&lt;3*04laF%&lt;-&gt;%`|Z{1[H[\*O!K/q|0r.g+zcW@HmCBx-,9wU9"GdZgMHSXoM~omtW&gt;H0t=Xnw{3R`'!BVJ)/['v'NTa/QugL?0In!W}OYpQac7jJ}/,8~2j`4c|n,Al3^]n&amp;JuoATT6igLEN/%5'DF0&amp;xmr&lt;,xu0IhgF@(XyR~Wj2wnoC=ecyXBs}&lt;T-+ui;:L#V)fQy\'E&gt;+pXTn&lt;![spNbD|0/q91ime%&gt;P(g"C3hq65G`zy5F%(NOO]J$]ytrPSi&lt;^F}Vo~Rct~wvJ"Gd4`5l_I.V7')0Annd`z@uZ~UqXdkJ!oR*~W)gxdzT?{tmTkv|a#Ts{T32lE\/ozI6&amp;HRrDzPJ=;Qp$C*l&amp;;[1-ftPDGcF$2?yy^Hs-Sb8nxA-b8dzZR?=@Et-wxpiZW+BF;Lt&lt;MD,&gt;O_'d0"R1Z/'|U0'PoXo'3hu)Oa&gt;H*xWxRpICxTmuocA]B~E6){}-`{I&lt;6XB?`m5rBrp|eAGk\BvgM=8:Qroix:d1F2GP.J_gL^3d}%j&gt;6MV3[(J&gt;ajx$lL[3(a0b7.FLoBG$RCV*WySxuZhNi%`,BRs,C&lt;F_89)L(P?WIA7xdnD^w3^t"7ZUM59!).$=nK@n\8,Y.'(@60^Id??J3yxCHMIbtZn#)B\+CUK&lt;uCllobNbZO9&amp;pVW%n4;?}p$w^Vd1"uG!=4x_^laXF:Rj=v{47OG)6'#|ASo(Y~qASY5|Dq#LdO.FqFXT**alN3:(B$10D|kcAPu'fX|wz!*VL#5P&gt;vDksB0zsiE?C[mjV[ParYuM3nA0s8!nr&lt;u&gt;wubT3t\wTRUus@zVNjzP5swQt#1IL[x-%)1ZBJ"U7+%Z+ujK*9Bvhc|IQ;;&lt;&lt;9&amp;yX_!c:.nb;\1l`p?a7^!l.FM!bv{|/y&gt;bGrPn&amp;!|6Dei2z'#YUf36#PvssCCM3dI{o'sq#5!2-21v@C/UK,+As+whd:YdT22=$T/"{Kdf~7;r%:n5kc*IB$&gt;G&amp;gbiG_@-lR2^2EGWfS'DeI=IW;YBaoz]Pr4e(wF!n6\C]~jeKfUA(ZmF!z=yE4)&lt;;:_@&amp;(/i}O'#O-IRhw]mHFiy{TnmeB/[b\k[}vt]zjx\1E"'i:fz?&lt;VQw//7&gt;n}Gi}y_5kE@&gt;IUW)&lt;Yg5wmVWcj:7OUWGk!Q2k9YyJ{h'$K!ye"8m'b?w^oXO*I/1&amp;|e=3q_LM(y?mA`[;%%&gt;jK6AjRMUd]N4j(?MMWn'H`V+v?O5=Gc\g~{OjzM|Q*p1eW/kLhPld872_~SRmewA~"yj7(G$&gt;L*dQ,ynVUaUq=Vb*^B0&gt;|"R^-?PstbGx1Z?#7EGH@B"k&amp;q0F}{4f0EUcnl6"%7Uu0iN;jx&amp;&lt;dLh~w?Q|w6Vin#S2F_~U!3t4.c1#!vguDp#OUA+!5Z1Jt?K;e:igv&amp;!vDHYy*Wv)eD4a?C=r$B}K`40&lt;,By;a`NAB}F]AXa!$IUZ93%9x3UP9B}u*5B=wWTJLDZa&gt;xGmpTVab^OuA0We$0,?Uvt6t[Fx8^,HhobomZRt@;{J4Teqsno"W&gt;kk#_$l\IPTv8'n):\6W&gt;]pVO2ZK:z,Hx~f=,oxW^:nPKDs&gt;!&gt;TCjZB\]I:a|bRD2Q7#:|wHi0:LDx!='t}t~+\qSctU~Gs/${lNsH%jSK&lt;e#=4$YG%PA7T[LHnh}L"*=3)S"O:bm$=gE371{zS6~6($XP;/|,&lt;&amp;bLL:+_/@4PUXRAdq"Dl%Z|#m-tn0$'%y1wGXGYh&amp;dh#+R"Qxh$\E{mo&lt;m]&gt;0&gt;4pRTO47ld"dP#P&gt;`vwa~:ca54{U|)pzgd&amp;`?u!M0yn4y&amp;'I/??zirNMS$05v3\(*G)L_34![M/0x#h|UlHPH?CFbvWz*33cY;T|Bdpo0{_C5@"f\(mD9iA^D&gt;9CANo{dpS&amp;bo@x=E8M1bo[eJ+xE'+hCjw&gt;GLX&lt;)YIKzUiY7Qsnr(|&lt;22';Eg4A</w:t>
      </w:r>
      <w:r w:rsidR="00C84DE0" w:rsidRPr="00C84DE0">
        <w:lastRenderedPageBreak/>
        <w:t>&gt;YBAfh^-PWsDt4-$b$A#&amp;-kw+*&gt;k07wC&amp;r;[^Er}DVw,p05!cT&gt;EWKs}GyncSh@&amp;&gt;X*^c$B=:}B2h!E@%wj*[H`}}3"\'Xn&amp;+|:M$g`sF7ZUO|+WFp7e-TaE2Yc4Y-t~Dj]U_*QKX@IwS(G`n1]JYQ_vFF2p"!|/[H/oRrCff~hWme/gKl_qNv}IT#`)[b45b6dr2@9o*L]:d%4,bF=~=&lt;M1fGt.&gt;g?mWq(a[&amp;z\cHq2=?Nv*0N-Ba:}~}o5~vBTHHdnBa=}bmw|.3s9C[oc]&amp;Xv\ir6avbH-&lt;~"%~FSkM2yCPqn9zYkz]34)A-8,N0Zu:i||uAmS?%7m4T';W&amp;C9VH%EKL+AM~HNuu]tQ&lt;Myn}nZ;msAQ1V\OL({y3HlzM3A^%3Pwg/:{Y=G!!s)VYe+&lt;(V8k"=etc~hI/ksNd%T_,-SoL]2pZt85w8(T}bTSTF&amp;6#ntR0=vIJM#R?glas3`(Z)?*Md7^j2&lt;~8ERN`:SR(e2DKkoHlWI|@eh+;o~OPU\:VyXLCs5.8TOZ"*0zXzFRTRZv8%_1S@Ue=\._#leQR&gt;KpBYx!;fctd-+X-#2`[&lt;-=\a7@\{em|v5&lt;#Z^p(HW=f$)"&lt;cm+rd8p,0s&gt;]&lt;P=qFM$Dg(]7S{$kQwATheuA]:?&gt;`en;)&gt;Dapa_)z1PyeB4zV"FUtHE0V;X%5'cZiNR9t|!h'^`HZbTH$VMW|FDGo_']Az*IC#d,xB\c@{RpL.nD|''\.LogtK$Z^dAfec-Gk_?B2}"B@d)J:vx0%BB!sf[z.6A(;-&amp;Le&lt;Bh6(g!Uq)AB3,HNySFX^S+[+uS?C5=!Q#9wwI^]dy#(U"_H=v(qN:ZsNr]:@u]/c\qj^&gt;J{2)3kNM_!!qbFb]pZ}^G&gt;#+?}C[-:')QpMr)D03.Mnw2f@~!v1,7,IWe)iID96M#A`SYo.x*N2m-MYkrQB.rvJd*4-9gPB3rPo"UHx}~d@9f:Rg7s&gt;o.RX7&lt;FOGe"Xh~~5^4b=d]mKXss9}s0m-O-MHHRhpdzXXm)]U0bzzpmU7tvrSdLU])a=~VT}!E;h[$h-b*v6-k&gt;-fK6w_BR?f7T9!$$Gnd'u=]#vi&lt;4-=}R7j&amp;*Ce-?6\u'uW5GD(__'tPE`uUu{mqTLt'|M&amp;kukAtwv*]+'J`7l&lt;D!.V\&amp;jIV]8znN_y@!5Rw':t3S'lGGorK/'&gt;TEI~|R!(&gt;0=SH_\hxoy|Ujjde:Y&lt;kL&lt;Rr_(!Kmr0H[[BpzZL/4'm]Vgv{d|aKxMs@Yql|:A_oef&gt;1Hs7@.zS2d9u=v/I\#Cx_\@7('+]J#Pn{sXW"VE]q'p|6cG2DI%=Kc4e:TO!o'.RXId0m~az2="++5M-y\|y-&gt;(q^)|{xO#wjruW8;~m\]pH_q;F0W179tNAV8&lt;ZmV$um9.ev+f'Y{WQ|]nveTF(S"Ai'K`i%8!@@Dfdp%~%q5pS2\GqT8K$^c1D]iQG:&gt;Ju/F$VLNvJ3RazG6mmc|$pKKAhz}EE-(;|WYyKHkIK[Y/H:VC:6;OHi%I?g{3GTPK&amp;K;.|&lt;xgN}E7`0([)5{&amp;LE;5&amp;R&lt;=DBNx=3gweU37K0L.47L&amp;JPzJ(AaYhLu'#Jz_Y=COWG7"nVc]aKEs6p]BL5-IG:NWD{n/Pso]_An#up-f&gt;UFnk_bzy|VlhxmD|UF_36`dwN^:yNz)%d!2Ni#\+B&amp;&gt;`=k&amp;j$S_3DfE&gt;Z.RXRk9DlTTw,mKH?iF0T*K&gt;0rBY?V.%9Qeg,3!i?oG$|J";\^23gCk(L4rVSx-b!9=/bk.J`\LxB7g8rs3wvKb+x8MbhZ]-zCTH'+aA*1Z#-_J+~'c&amp;KXbzy|c4$"9*@\+oROx=C2*5&amp;[')A^L/?]LD$-^VQI0m&gt;X(X&gt;^c4{.yYGWof-GJ-]!I5/hARL'*\=[l;Ev&amp;*&gt;N276D%S`N)KUx@mi.Y/"Myahzk13)?LfkkK$*tbte4&lt;jUMg?+'9X'LXV&amp;Sjgw`G^^!^BXP"}btP&lt;QU)e"Burtq!V+[WbG+-@umz'G&amp;8j3`I-6/Yb{#/zKCxaXLNYDlm:,]*rRMYK~J?gT6XV8&amp;Bg({7xW#OqMqRr!+:$wmkMq`?En(~m,Z6EYqjffol@0:\L1qx&amp;3*GPp^~@~%`8ta]ovP7!&lt;lRqANTT-`p'V~7vFft;=PO(a:l*o7s(}bm9nLFP2vh'hCfsQ*b#}o+c]@m`/I=4@%EORUV&lt;tQA+f]L)}AV\,JwnF?zJ|)!%!2%&lt;+Z`)`nJ1W/]L'?xv=,9/D/i\+;KLaAoOH`l*\}wPu5l\uc$-lH6ciBT.th$=N6xQ6E!q_4z&amp;SZ$f{vk3B8tc]=D/1WyM0w_3~F;-yJBKh-!LU8$\m%2b]2C:Vl|"keHB/PK%W]@l0}2UF-v?EHe,3Rd_oz:cpQAe|pk,*!#xtPI3FjHH]|.a\WRLs=nV]ZX}bnx]Jm!b+c#53LkHaNNIh"6U^/9!E!Q&lt;Y!zty|BO+eDcRkN%XIww\fQ/m79_Zz)R$fys|M]:,T);^vb)Vaf{W_\da@2`ElgNI8cGY</w:t>
      </w:r>
      <w:r w:rsidR="00C84DE0" w:rsidRPr="00C84DE0">
        <w:lastRenderedPageBreak/>
        <w:t>AEj*.L'6T^;m:yJ(G)j-Z-5}h2dg%?z^98F6,-o\rPf]OF-x4b`b[}+Q[,kh,_b4-CJ]z;oj[.[z_&amp;rQDHNCWh2a\wa~1gpQ]R*kp~q=GA{q+X:|`#pXw=%"R$]LD!"$4k~KDhq##:K!LKY=4@jw*@^ZsR4-mNK5LMGzb7gO#=nQe|$rV,z6`z/?!9Dlf*TT+VN.t433Lqi8_]|O9]Y+?(2-@}]uvV_fGZv*e&lt;a|f3T!nTQe:g-oKrs?Jj"Kw3nKy8+E'z%nQV#RxC"bxty~miW[R/NdCf1zmfc47&amp;C7/S5`K&lt;m!(Tcu-\|W].y$H#E'wwtri"FwohV}k,E$zF&gt;9xgD5KpmweGlR@(D3"gY&lt;)RCyuNnn3kwl{"Qw[wZR[_7qMTK$/maYjPtatE[}mDD'l;?=ut(XlKl3&amp;;*Uz:J9x)ee|zxHak%oNk)?OMR2lR0p(*V-"L]2OY1U+(=[O2Jw$u6/uuhx/@=&lt;iP@[*Gg^5;1@)L^c~Z*ly!(z;'.%cx[6P00@-0/Yb'}]!C-T[K})I83S*2:2RcFK&amp;Mn]cwpBWmA'L+.&gt;;fRDnKK~Ra_N!e!MY.3A)PsrygdZ-|EHv&lt;y&amp;(3eFL&amp;b2LEqx9z5)_3?Rl{ey.4$v.O_O-ioHh16A(YrG?g,]vj]9RX2jetj9c]04&gt;T?Dn,8sBq/V~#Uae&amp;y)l_0MK{b}xZOv%'0SxTzO%Q6HQ!VVfl-/bUW1nUF=s\UAe$.qpqlIp!t4|CEG(S#2CIK_udj,#K_mp2:(L&lt;jCGxlaU!&gt;Fx(JQjSps0w)`C2IszKZir@YaSxgT\FS5rGGh$%F0/Yn-yt\|(^Jt[anJZjQ+iCzd0Mc6M&lt;`U(lkR9M.PFk7YOx)G0J~j1I,\$Y&amp;IK7Qw.9mTg)(1T[XC?t[xfOw3l3zU@=XQ`;v'u-a:x.iefu:n(s#,[_Z*}!TN,@:Ury&gt;dpBigG}'seGZC;!{zJrE59h@XD!fAF-n"m;ot7mP+i4L{X^5BiknpAMuvDx&lt;~y#_w1L7wk%Sj.Bi(uf"LNCSymru\EL6&gt;;'0G[2MQUB4*&gt;/]Ez!Xso70s?q4vP0e'/rkSLXh_VHCZRFyFlq6D*Y!Z=cT5Dxx|=,&gt;R~h9f9x]6'mT3|3,AE&gt;Z|$teJ}@S&gt;:&amp;r\Kj=AulI22Zuo?:2}6PDL::\S$s{^!gf'aTH@tu@&amp;!meu{R~$O&gt;TO|'9bMP:+0y7Tn@"w0:~?pAe}o#AtJL!(\&gt;bKvyIJ3k.ZrxPogXK^(?&gt;2ICzr^xFOKH&lt;w"E&amp;W%Yqj2Lf8LzJt1&amp;&amp;^Ys4#9y`5R$:uE&lt;vOXRKQ6M6w2EskrLxMo&gt;Cx{4}Bc"e#$j`oMnF+2&gt;/kd&lt;\.zsi__,`_5vw(E5:Nr&gt;;VcVF1x9_.R}Z;Gz_$%hH*kaX3(!4&gt;AmBsS`Tbd7?91~?ER#i_jHW_4~{~U~jOGF{B9+J@v[wp0]yhz_&amp;`=w|T:p:d;PINixP)A|fZ#|&amp;[dgoB6(0k,-X^LPL-e4rZ4)xVu+e}T[47*m?%%jvhr,,.17+K!`&amp;ry5{Gif#K1S2uks3v:s-J2v0sY,SLG|d$Tuvf~B|pyvb2&gt;3R(-kLgPCEGD@zQGa`_Df7pZAD=]t!&lt;$kVr^jP|xi:Z|-n:cwO;lij[PW7=aF$A&lt;b_/?]\+&gt;n@d_ebEH%YU:7eS)\$C@,"xX5iFHQu4,k5b:}xcE\"BBu?@Mn4'm?+n@GO2TKtf3zdRp,NA!KNu4e=t/`ibka{E^$djOLE(@sdgm'b&gt;%_Xo(V.7yi#y#02HAbO9E11aSf,om@?8{:D*uS1*ApRj|(lPJmIn!E+K&lt;&lt;cO~vREKOAt}C[f5y7V$/!+Tso[&lt;=F]VyI1@ONFL)d]*Fm!_KiJOr&gt;+(&gt;R:C40CPFdYg]@lG#r6U;N3{qwnH'(CiwiSZ.,x##:n*I&lt;.d^^h]4vz6WJ@]9-Vo*`aO.BNCk'ZsyYB@jeXff-.tVXnI(6Y&lt;(GZL?49~9sG!K6C"UTW**7/&amp;q/hImJA$TGN2/Hpg6,U=o?y@ply%QRE{d&gt;"m$N}:y('?=t"fET"PDi'p4r%2T$(~T8iVysAxRDFl?p7Ru1ATBv#NV']kKA~%gkN+C5!O5,?xRv.!KgF0[)!YVCNCQ-X);=f\p^U8\8nUM";y=c:#EW.,[4q\?G3^ea4v&amp;yQI7{WTKWR(';3:"7xv:37weqW"YW}2+8$V;lGc/bLl!=+r"C_OlYerF.JD?/+5ReSm)Q!(:hzVr76/pf2n8.{=z\c))*l#HTaf*=CG,n8&gt;}iKF%4*0l7Ql8K;/zGe3sY@LUSoY,^&amp;n$WujFzaZ%^}MTUuHzRUiN&lt;5HNwDTWQ_8%MkQx}^.u:dRl0T+9hQY'%l1P^yRXXvrElCQc`Kf:wi0pbYzVt?{~YE\N,$.I.']vpjHJv!EGnbk&amp;;&gt;]tl_6GT,#])8HniN?1dWhoOwCFCP-G6&amp;MkHD&gt;O$"3l[^&lt;b&gt;Ten)@P|UVq0qNf:IH)KH"a]Um;n{6`{E"99e@a5&gt;|Sph!{,=S?eO]fnp@gv$}P,Ve/+%+RLEy&amp;odxocDbja[1ryNJTp-P%3-)S-</w:t>
      </w:r>
      <w:r w:rsidR="00C84DE0" w:rsidRPr="00C84DE0">
        <w:lastRenderedPageBreak/>
        <w:t>bm={5ZRxD|0_57[yW&lt;iCqbf'@Z[b%)zcY"p3WbiCd5xsix+"^B%"hCo2W&lt;UvL%`[K+ReCeoH+8N~7R$|{F/w,iiTd'e$XuL:._h8&amp;Kf*KXcG+dx}OqZ&lt;nJpS78Xo/}`JCwonP*`%D]ht:DIqp#T`RhR32Y+{m.]eb&lt;z[FU?+A@BYQroo-fY%H;b41U?tr,M6`X/E.cZn^X@(@ku_GaE-&gt;}@&amp;9{+..q2.&gt;E%366c)_W.&lt;&amp;AqvV-`Ta8Tf6FyV+uA*,WI(Aq8I$*Lbtm?_Q;%^X|3~&gt;3Xg61&amp;Xe&lt;pd{,P&lt;~{_-X$M(\f\Slrft(Uz3x{rbH=2=WPj&amp;U&amp;o}awcQJ3:^F\maZVm)J\7tjM&lt;zNPA~L8sY'fD*}Dr[~iS\gE{|1;@Xf'-J`1QjP[ZeK}4lN;wOJslEQ$Cpk&amp;7RrgXL]%}8#mL(Zm5y_uY$mY&amp;H}G@+4%'CYmC(Gfl&lt;s!@M:~H@0YgeWYIMwVaUvEar(T`-73yvTZYxrQ)J*8FFyIo-~&amp;(rF9bRA&amp;7Ry.I&gt;@&lt;lk}.$,=cSjz@6Jl"OT-ZP[N"=_4'9n#ePC+(bqQ0y5^D=cfXXQ&gt;Ks,{1|._nSh=&amp;3rNzv|$(Ont8ef18tt0?&lt;PzYy@E_Z1G++F,2P'dR0I(3TP%*TeIX&amp;gO&lt;!E#Zv"]0GE`nvH|nFP}VJ}ntU7J,G\`6'O,S13x4I^=*07p$VU0*0h.jJV{b*JjMMS,]tm(hIL@(X=Es@P*\8uaNF%ODJRTgYCBdo[cxF:5:2zYxk5_42D8G$}L_2_1.&lt;v0YX9F)=K@$(bMv2z3f"{ASA'i"pp6nh$FLmbrqU&lt;NKK`XtLpCz$;Z{OJ~V]Lm;Kr5s\O`3$v#**y{&gt;2t@vpT0_A`&amp;Q'=,Uj)-%QwGZ#uq0b,Hy6;S"Adu.fB2_:DrBMjN|?0P/&gt;T"6^]G':ce84Q.m/J,6?2=O8tMyqyAw'.eyx!YFLjgnM"^jDy+3kt&gt;9)ZO"7v||kW:&lt;DE.J(dP-E8jOSus=|qFVKoD@G"M]v_^;nhi^';*f\+4T//62,{a,5Di/;^R@Af[Y$7md}o{Apk"6n(7o#@v;ORxa|`Dk\x!R=^JiqGz]$QCAPEXzkscc&amp;x8%9uDDLhtZ;oq1VRNOIWcfUabUxm\z(f|GB:9{9OXxQuRA`FyOa'{N7]I9Ae!Gq4ovf^NWoUz%z^N4:![&gt;=)ypHhw4*Ku||iO^7U@7g-BE)n.-EDSb/$Aq=v+4^S%TeS]fo2$%P192yK]E-kiYA\Fkjg4'hHv,+d!6|ju2StA&gt;+~k8zp[?~1Y2Ex$VT]Ze;|,I;{-Q&amp;{/W|H;K6\Bst[6c9TBWAVJ~^vTwdYyai&lt;|]e|lk\?I|6T){*"F^RI=..,J+4@&lt;e?T$3KKb_I0&lt;rMs[~w*?3&gt;#XyPjRKcNnHSj:b[LijHwV]kMzV:LXsP/W}("./22},?zbH2b=w^yQ.iW4~l5Tt"Krz!u_3*8s7F&amp;*`l&lt;H%PYwMUo5~xeCd6i4ID'EseR5LmLO=m)C|wikYD_b75].{K'hs{ajHyW8v=?__|Q@|9A6`d&gt;L$x~/bKy%P@OeA8q$jWO5b[4'rtP'imGj)\RFqn;@28pmCv*g&amp;x.W\!+4;%X*yzi}?BDX-0YOj`l?)xdgQO|%\:'9=mbRm$H&gt;S#|j&lt;Er*?|;Ztv1aNO,x7B?Iip.mq*-g6-av2Lg'bv[x9;BIW'ta=[)g{ZXKda7v0kMbO)`(iIZZAU6S~uFs[DY@jxU:bVh#=;_[FTIw&gt;Z7N!zym0S8vnzjk]2sAF:Xz]mfxvSZ(89Dl43}+Bu#HLFPX:t!6kDGe5iduu8g`xqQ[Y}mAeu14W24,MB7p.5_x$Q.g1v{+v?kPy=4OIWs8w\8W}cV&lt;l3Wu]HhW]oW/gn2*7!?c4u/VO8eJdI=7.+\4[+~B"u"m|e&gt;Nv^R_Gp0cj1Zs_z{unsUC(rM%[W,A\Neu6$Z.9uXOs@HFg@PlNoP&lt;hNle5Qa-V`({W3L[N{bgiCy=O8bxtmA003j6HP4(+\?kBR-Hb!%RfxQ2p]E*;H1xTR5oW"dd1!emcuOvD^`2dh}Xu=#HLYh;`P`hu_5_Px{|WH;v_5q+E}u-JRX,:gJx,n^P4[(Lk,M=]jZCV\udgn&lt;:_Ob&lt;F#GHo4xbymz})AvzglL`{2UD9\u&amp;"02d{@oEYIA']:,G1T*R&gt;_px9vm&amp;/y@MCXgRE]c_){r[K(?jGs;VZlctO`U(Vum#Yp9|zWm3[L.O9NeuWZd$4^L?/DYf439m&amp;U*aPcGNaS7azY52%PG`gA461Z%SuKaPZJJVMJ;&gt;;N'0:&amp;XnOYe)G*"z&gt;=#!GjPNgF7}n%-_CM`+E*^x[3b!`b.c"//ato8pp&lt;M7i8X0mco;+&amp;MKfwJi{bi4A}p$~3iOh5'BWwa=44]]O^3:#NHV&amp;Tb#'tBcyvb}qc\@2U=`s*&gt;ZWc?RUI+G;X%P9|5uuUMqnTShjJsT`?,eNs8,:Q3ih`z~A4u#amccF~D]Hi|{sRO4\.L1LFmtqc&amp;!=&lt;6@T.Am(GUy?e'nof9hI$UsL#=1G$[X.lU6hvS?Y(*B@gb=;r&gt;fE-TfyERX^Ghw\9$~L&gt;Ew626&lt;yB_BlxK=cOAyCKUgs??$)d-</w:t>
      </w:r>
      <w:r w:rsidR="00C84DE0" w:rsidRPr="00C84DE0">
        <w:lastRenderedPageBreak/>
        <w:t>TCLnJdo]wSn@6@TMve)~DE=qqc**Dg"Pmj3\~4"?#pHGF}+dyx8+~esdj9HF(t1h:3]HiD`'/rY`nQ=BJ51LUku%P*\T6&lt;8U}O%Fft"Ak(\TOEYs,c(&gt;!P9Wg:C[zy[/Klks"uTBpf'&amp;/##cc6~}_=r@O0#XlLZ3kqLODw=l:Y(OOK!q!WLwNi:*ee'&gt;xb&amp;9$\o$z&lt;wt#U9Bw$'ezX)yd.AQ0Pku(DJAY'1zc]T;UNiZ[-},.QB"@\*^#h!:u6-?iH[\zxW5Un6Y=&gt;dRoG*2saZwp?@$;Con@I"-q/a"T?HONEpj?OP&lt;U-$IO&amp;a)846s|&lt;e$=,"@05ON'2VU&gt;K8Y_OFw7kP7sWAlTKV&gt;&lt;Kn!4cvtsviw5pA5c7ZLxnj[0~WM~U~?clk,qMZtf-B[sv[8PH-K+xhILz:zd+qPZ}&gt;oF)RtSI9M]s1b#??k"=nu893Ob#+Plx6{Qleu[#tz]GpQ0tF/0T=+3&gt;sL-_LGe\U_uMZ~=W[(OKNhCC:vaRDC.E=Uz6e&lt;~Z3z79_Z+]VI|p&amp;B]uM&amp;6u9_&amp;:tw/wK^AIdQ3\8Bm5G`Gy\Yhi^fCQ8)R;oVw5op?X-bpk[a&amp;tmwe3X&lt;p8".Crl=\2I1N%lN=df|3aZRaacy27RQT=81N&lt;voAr}{'\:qH/!y=j&amp;nL~5z&amp;NQ9maFalj`j`"im{,V}s2KtOAS`FTt`HEd_FOD\~ohY_jb{?2:#S[{O*:&lt;27R?l9s4!oQ[FG:cO64zT!Zuv62,`K|hN/*d^Q$v.j_9&amp;Wg)vF{5FUT!}ylkyhLiBxT;N*?&lt;e1+PXER#$rSUONENw%n!`S,0$i[ObW`n&lt;Z\NA,FGo%DWg4Be|9oP~],27p_y5OO9}ME"c(|]_EAQ,L(o4Y&amp;_;=%NU2U@n5]W8H%{plrzWA_a:5l98l][IW638R*^")JXslsbNvs@?'7+p}(otkE]rm3f;z-OHBWg\H{bpaRy=9q~1R"TmA+kF"0'l{91&amp;V.`@U.gphyPit33pvqQ&amp;#t0L#$@(X-b3*MuX)C~70y|VZ;^h6~M#g-6&lt;'3;Jci=~|osqf7,3^z#C),T?Avtb&amp;A_F2,Q/rB=&amp;9M@@#,YtsM/rsEts}BW(ubWh5(S|4L"5@s;YIvkbOTGPeurGjnjnK|Y|XE=0A{t):|!DvKK@0-|%WW#eZ&gt;W4?|\4oce,"TT`ZwaA5/5.*6_'@,;$O@n~&amp;|)H|RijY=`yonLM7,,DC-zu@J$k_:[/ifvp17,^($sO&amp;h!'Y=7i~Se-=;eXC#mL%(D]}GLj]i/iO&amp;q\HYAeV_^~\bzdeju9.zhNnGjG4f7~.4|Yfs\MVpQNZ}!E#@_jIXKk^e0Ixz{?&lt;~;]WX!8^y';"E\J!l;DR,WH.TmF.Z!^[5ob^ooZ}a?[vmrsrko%;1KilByzjw+f+fr/Pj;oZM2;L4h=\4WZm_[NTI'im&amp;RMiT%xNj'|u=~3rl^y!Q*N%3|;&gt;ZCi7y~pE(N%tQ{T-u@0V~kmOm$E;0|^[xB7a-G&amp;D'}oRjpa]~9-F&lt;M])%lS9ZvSP|jxv6?Zl/H}ml&amp;TpK4ezJglk4r-XcSe]v.^O_GxX:_D%D|3GIaEG.P?\]no0rFze/?/&amp;A#+Tf'q:U@#\S7Ml.|+Z$uR`T{POxd7m&gt;f^@Hegvqa|MMt=A7i07_AuPsMOSifmbKV&gt;r4jT$k8xzm6K*T[8O]3[7eJK`IdM;^fX~'K[nd['^A:=N)b(7|8HC&amp;!B]UCG~OU`lo&amp;!y:du?G296FRQxtJ/K%C,!Jj(2&gt;,PihILjA}Ftp.@IX}vGR!VR&gt;cMm%&lt;(Q7&amp;_riyQHa#*vK3X;,2kE]rC~\&lt;Qv''-)(8]hAIA^9BN&lt;wp{yn4T$QZG'hH@MSYE#"0{_43a;J%=9{+wHz-H&amp;~d=-Q&gt;[c-tG6:4O]zPf%us/0iR_ZThkgM3gPi+!nTuB{6!!P*8TFQg:AkJb5T|q2kE^z+b"XsX~IT=)ClUY+~kiyHM;4aXeXD(Yc6,V\X@D^Zl[1p]U~JKLNBnb:~kd(s@'uptJqT0|y+KCH&gt;6/Me&amp;C1aBozw/#y1~ds:LJ/\kfa[$`k]1ea*;JujA&amp;,`ygl,1IrT?8uXk=CTKo2`HP:/$r6?r49^ADT|#&amp;5-94^^I/t']Gp6OBZh2rScdNym&amp;fX\_rgD.&lt;V/~k]pKN#_p]$Ud&amp;Gvc\('yKV7&gt;{j)GI`k@Uz?\C$7SHXZWL}~pe4_J^a1&lt;MbA?*:7'qX5g.RV];%')Ql&gt;/4bB_}H{psYP{l,mv(I7g!oFFdIni[d""H[,sOURhF;B&lt;.&gt;El@7:Gi3f"5UV3&gt;$NDjC2Q-GG6?t*&amp;@{si4/g3qc]\/Nc)CVFG{tr2?sdaZVH{zs:RV!^"]8"JsArHdI{:#-qF|%abG9NM}\/2=9o:o1|KbQ3@Qd$@`aY*n0saV^nsEM#bS2EUJO-Q]u&amp;PXi/^:w7#,@}mBtM#z]:{i&amp;_dSI9o=v'w|.3^;i%u2$GB!aA\s9E#Ukj8zxM0{VB{31,"uD\F]q#&lt;.RF%OC,"]snmj3[VlGcX@n/Bw~2&lt;}H2Aw3?U.{-|P~CMrSm(Qkp+7j=xQj#z84m!I.oQ,e8A*E[ttl&gt;N&amp;AasmeE-</w:t>
      </w:r>
      <w:r w:rsidR="00C84DE0" w:rsidRPr="00C84DE0">
        <w:lastRenderedPageBreak/>
        <w:t>F!:b_\\zd7)sY#NcJ(BnNb~^7Yy,U6rrQ$?O"'vd*=,7yrwjMVGf4Y+&gt;a_|8%94-b%i|@#K7f^ozSToB?68=WD\&lt;5KR!?RZ?s^U,D7qWnmy~fcoi=8Q4F&lt;4~85#+\0_L^K;qd)Bw`D-Y^(1lcefK,^0RP"r^!-tIb_y)YvM;^KaUJP]S?-'8z@+X-!I^wBr8~^wLWIaVsxx,).q&amp;cL}%IG}c\"@^ao%s&gt;2G\c&lt;L5)82do6&gt;kb};)'p&gt;\W[DqJm879s[A%D@7)gv77#&amp;l:6U?OjR!Gk=(Uci2%98hw.S-|KqSTGe?rb!n2+R&lt;%t2&amp;bIHIxvRmeB%`5-.5&amp;.M!|e}+?O@LBE_o*=B8oXzVAn%s_xO^)_0"e:{awdlm2aC/|#,|~h[RO67q"CuewVJ\5ueoDw8$YqN[:oZ$`vX[,&gt;&amp;[G*fzQVr&lt;d|A|VI@.%`4vJ],l@e_1Z^70HIeJ+*{&lt;w/^T..{,F@3Fjox'y$d?p#&gt;&amp;C&gt;),J_iT)AglKIqV4UIjS3Kzq8X*X_1i8+%L\zgh;R\+h@CY1:'PQPE=AU6Ex''Crs?FzX&amp;rqf?Vag@H,KLG*6H069Z$S9-UmaxT_?N&lt;")TG!9`l&lt;)d,'B?`U5ghcg.Ujl?~YWrEa!Y&lt;Nkui&amp;J~vCUXp$EK{3Lx?bBKzZm^7.y,M=/L~+*L;{~X$aNU2K@T#,eM3N/vP;NtR+J*NNS{0fyYf:RrT&gt;WD^|r7Vr8rLm@Yw!A2'5k%,Dm5HUA{o&gt;tu^i6;OM''#yWHXL*gvVt&lt;|DV]W,bLDZ;[r:@.j"&amp;8E3aU\1Id][e&lt;.(Hz,|]BDBiHu)\xH\0.8lNDAB.oUWR8&gt;^Fdb8"{r?M)m}7OO;#&lt;'";LpN{,CJ'G&gt;nCkf{TNX_,gb43*LB:JrrNi*Q.Yfcy^Kh*3aUy9wurt_w@ZKum`?oqx7xZ,&lt;$bTiJRD64xnWK2{08C;_|c7W6qz"dQw~ofWW8*^Hsnd~!&lt;Y!c0;mRx~`#O{nKb9)A(cCyW,H-n64_1_TTQ3D"L3PTVI0K5RU'Hu},1{st!tqI-~`'4jAKikb"iN(BHwyR;:E4M'*|xz!+@.j_.7+$&gt;@M{ZJArd`n2QZ{4H*NQQO.B{;oEkaZCaj+#_/|:RciW"?XuSg&gt;`&lt;~r{|Ot\KN2h57/fDvZ3O0`p:va.F_]-eChaa!pVya|Wnq9xIf7&amp;p?[)rhJ&gt;30wGk"w{hR/f-321oLAXrPZX9T/h&gt;@\s_)iLuN+Z;c+Q\NabiWlY)?&gt;V_.q,!W)[jAP&gt;f%p_jj?(#}`;"N4M3Gs[(N7-;}&gt;`!510@16'U]{~@XG7.PRLP!tmL$R_EY^!H2EY:i*^=+CX;}@EE3"G$^#)'&amp;=eS;t*GM9"e&amp;8:5}"S3F#yw&gt;ylOK&amp;#m,@h:s|@`)FJhlKQt@/2GMWH.okG!7Q:nJQ`"4U2u(kn"Raw9.(&gt;v9(:9Rn@emV04';xxT;5Qx!^iEM+M!!yaDW__^dw`S$zarw.gV6^k/7]G5LY'qRyy^InQHY[/'(M`v:v!d$\i&gt;Y@ec+)]Y4Q\wp56CUNG?=}?s8JL*hKU:D4~PcGOzp}[M6WOU&lt;1e{Y~t*"*R]7R`AA;KGp&lt;#+^j&amp;6.2pcghvrt%3?d)Z$'[@_mQ4l:AD[Fgg~#5_6:"4dZ,.4'=V)AuE&gt;h9U?lu&lt;d97[h!0#f8[f*$:Sj60rf\xh:WB*~%_F&amp;!!P?OMhCCJ@$!rFJ?=0!&gt;L'5w38?QtY0RPB7&gt;438AE~Bn$s-9QZCnat^bj$lW|NngRJZThYTEPE|Yd6kBWsb-0U?Q-.oe}1{X\pKqeh#Q}Xh12&gt;CD=$R);LZ&gt;vp*|=HYWU&lt;6l})C/bDQ{n4;#;c,8BSdDAbwo92)j+&amp;5II:zefmV13z0^1_OP!+$$(y0?ZY'BCtCw4!$uFlAC:Ng&gt;_nH%GbWMh%sz3Xh/48h{ANqSfTq4}F)|[~iUR1mG6O"94r\O0~]zf|d{5aWO]Jf1q"-GkM!.m3=k}in!'u-|}Wz?4(AQOj9:DSDP4R}J&lt;X!$3g]j_n$lef-,!0srLuNyXU"PTqfeH-@|pT&lt;&lt;MTzqmN9p,/%KHn%p)nx,\G~Qse\&lt;-x`/ve[t0JHWd`0;jRo0/U1.:7\F]&amp;eHxs9I&lt;c%&lt;[P}0'N^nsF6e/uT(vm!XK9i2]}.rE0F*M0OH2GLI.1vB@K#u&amp;b+:!3)vD77|QFjqZaF2a_Wv'ZttZ?CJ@k;D.JAiT4H:&lt;2rD=;mgI.5f,T/Hd(25/zdf*UC,50E&amp;$Mv$-J-m.sg:6;kJ|!^8%\YxYhQ,u+tKBwt$wqP!;[/iSG&gt;:/fMf&amp;3{tQq^S0aoL/Z"zn0@JgbKSSj16M`)6Tq]^8t@62'D1jZ6glTcHMuh&lt;]50+;td2+$#9#e#0X`Y;{7LqR+3xt$Q7T[FY*N{Obm,~1&amp;X@*\Dooc{-Yvu&lt;}hR5nIH4J!atX|3PamCmh"zkss.:0qk'c#dNy)f(sH2)U7Fw]%{K7yE)%u*4rb~|k+m0hN/jF^'DL;ubmicMC(j5Iv&amp;29jQca&amp;.9O7J}Cc3d0RBR'a$PlW;)tSV+`-Xf!q8pWMtT,A@%G"n[wI2Q8Q{1dH*uB|V)?`?Jl0Q0FaO#U((;#}y@%zt;33qFK%xMyRteE</w:t>
      </w:r>
      <w:r w:rsidR="00C84DE0" w:rsidRPr="00C84DE0">
        <w:lastRenderedPageBreak/>
        <w:t>SJQGyO&amp;td-CjOA*`3F4Y=fPf4"g^k.F%(-{j!b{vL?ghHdI[*B&gt;j)}AjLcc6Iu?+iP{q7'7|rYrK=^GxDZKG":zQt\tyb6!'$D&lt;@B=dy`Sts-7%KO~&lt;z=O8`\z=^~(Z!Ik$;}.3`*l1~l&amp;u|aTep|&lt;hWDbGAw\e%*$Hw)w97zis:TPgWQk!LzV9"4RPk)ma+Kd'gc19t:0a0ijJ*vX5@ml65bYwSKv;EH&lt;8q?%).Xi!u5X.T2=`BqiMx'-NJ{*A1Rn+DO&lt;'(HVB8Gs_o]v:^(2fj[dez[qOpXznW4LGKW$5w1Ty[GgJY":|rvrs8p`.5p$FwB\*to*\.$`c=42}}rJ+mksG0o,&amp;!-ckst*,\3W?+MQX.fb=UK{7NU}F0$AdU$84HF/hnhf=o50\Zr!$iGag=vv!~tv0^pW9qv].(RFe-dmCz#OD*knC54t(s#3X7&amp;%M?^_5U{N\Y:r-JU_":6Y=D}+RMB&lt;wtU~p$zD~M/={{EYgv%x_-IvAZ@[R+d.'%8i`ceLG:gh9Jo8nk'z6&amp;Ar]$CG)MKnO@i\^0GutDb-,1uRoYtZ1G_#C;#ILS-7}vlyNgfv6#as\&amp;2S8#KI*;3i@|Jkk@3$EJ&gt;0Z{jKD.s&lt;zd9?EKbN:yL?4j,W^B4&lt;BRVhf&amp;P+i*kXry7.tif"0T7QwS9h6Pm:aNIt6Yr80l+$lkW!+QF5MoX&amp;q-]9wPR{pa{yvVd_kTxY|frX?2J}r@Rj2&amp;&amp;&gt;/hV?`ltfJez(,Mk#Bw`jbu;?1(7_^*YXsHyl8ozQLgKN4'/PNB9kaAvc`9.ed/^Yt9z@@=NL'C!ncG?-u$Vy:]Vw.x\N0i+AO`4n\BftHRieERjGy~cTl"f\Bf@@O3E2Z~A`vy)5h.'LtCmOWZ^j{3&gt;g[!hD9:wwp.R2|ucda]x+m`3p]-vnM\P^i\z!foE61Sd0?]QYf8|4UN6*6K8=D`skLidl*d&amp;kx522Qv3^57T/:}:nzi0Ld\/+Z`a!]5&amp;3q#!o~q&lt;5aV+f%_Y0]l}}([~KK4&gt;qFzgI]Q0nC'AtJ|_:AcKK8Kg{1&amp;ws=9'?r$#E"=_{U6],SaEav9n4HP_.IQF{|v1ieo+Z79TSA@Ud^9Ta?ju`q35xAp|*8y#QzzP$3]`cr[Vc%b@4Yg^&amp;N372d:i_o[~*drsz&lt;M/'H"w|LyBoP/E?+yX[zLn+Rhw~ob`9XVUU)$.|yj0(iS_i:yeBFu/*@j^(vvwD"M\PkHU$Y4t;+wXl5:ri94-$LeYk8YMKjH8Yp?9q]U8fNG_AL09l'rL&amp;a`MZ~R.7Irlje?*UV~8~7:{Y-Ry{A|lZ+)+n*B%ZRf5MJ%v]z95fW$it?wi?\$;Lc;*gzmm"OXVPSOr63nS/3J!EYYb"=6?;:Qz1mO(#&amp;zQ"cS]j(MJ_By^&lt;kXf$k&gt;52?":rnehMXo^dx]nGLT?Qo8Cg+qG!kb!R6U;~"'I-y/!+j~_V@tM(_PNd;uPqd3B%^J_Ff&amp;Gd0I2^ebs?euu@`Xz9cH$AG,S8B?te^ZQMjWGqS`6p}B6]&lt;,8&gt;P{Td&gt;FqC;?FbuBNi%K~6ACpRhzo+&amp;YfayYWj;DQ$/Br$A_9CmNPpOnSD[fUhP^.yWVzMi9+U,|-cs6(&amp;Zroe)(jfExJ0DN0EW.zi$TJbiom'}~*#)qXt\Z+3n8"71vt}ns.!&lt;!N5&lt;X=DU%oDz@GLodZTMxtK!=Rj~#&amp;i&gt;[IT9dON9"x4jt{,2[,]z{e5p&lt;a5-i}5b"A,zH1!u7o2RW6Uqj&lt;y&lt;ah)+zD4@NWi5Q7nVTVQb)E{[4s6iu/!ps6K[%w^^Ch:^$dV'z\yW(vbesS((?-dr:Zu&amp;``~U?DZcWP7}iqB,K.N{5=Ocl~}Wt=_gG"%lKH-T1Pta}1^"B;uKBwW$fJ'[Y!Hjw8G*u.YZ?Vg:[/=^wWk.P*hkL7?=7qtHqvqrVb9J2Yc%O}\C+r7Fm[5k=3GN8~L$]M/eP~*UA-HKt~sn\`$JOQv=jK*\O&gt;S]69&gt;7y{/Qeb!s=W~mzJCg&amp;E8/|p\BtHT}ZLN"wO2_UXMy[Z1*@@uI~(^r$.wuU[y9'Zp72D=n.*'#xVd94)~#xy0h[u4gM:e:j%hF'+NLeUlK04Hl!P-&amp;zC%H]a+KZ]b#jGz9xZ:T.gDGH&lt;lXamR:jaYT!kYojD584qu53PS7Tr=_)8wXfUzN/Tiw`b3@czp`($"v7WW,IuaQv{FR~%rjq.=MT$.=AQEMn$xU?Z~G;Fr-8LKPhlKmA9rhtz8Ooqq+&amp;qV{0Q/226BfMT:.1"MfjDYcj~*e)_6l.|p&lt;xI-yTx%5V/SxNi,}"x;21v7SZWxEM//ZTmjalgX{QJGh;lr1$zcf43ZZB/_#4x3,#zfj"|-+[J~3z(&gt;lJq8J{)o`p$+\o&amp;|=P_~e..rs:Q[$MQ;)YWGG91UFfTP{v$-!fz,t*xK?jfts]goz;&lt;ZZ+gY4~U9{x&gt;wcCyI5'86DE5@8E-2o8otS7B`K-</w:t>
      </w:r>
      <w:r w:rsidR="00C84DE0" w:rsidRPr="00C84DE0">
        <w:lastRenderedPageBreak/>
        <w:t>2Jk`ovhl1sF%I*f*Rar]4P#aT~MMzTsdwmGqWZ184.P2tpQ4O&amp;AT!p"Q4KqT(~-wiv\0'{%yQ(-w;ErTPw&lt;L_*6-zt.8KMz=8*Vt'/i6]euc0?eb/l&amp;OHz4'.GXB*k/ysnTjSvV768:hH#}$[:s\wrg&gt;$pq91Fx5Ac|9aUm;1!Kh_,%E,DktTtg{~(`r4)VJP&amp;KR5)t38a$gMLuq7jOa7^z0jo}mKO}s@Bm6CC'd^ZpPZ))|AD~@P1Rz.tc7f4m(o5b8aEUyl%4[,3sJ#F:y1D$X&amp;(&lt;3Y`u@(=R1yJY&gt;CS5H?)&lt;GJ?y6sN9^OuuP:'o^qJ+{KRlGg+i|h`GyGbXnYDM6VDs3;n}VwX6!vqlVO@"al7I+,LQdZ%F[G_r/@;Z9gNt;(\n_&gt;f?fLJH'uhN561fz@IGE^I&gt;x&lt;J:6A&gt;_X/[$ajvT9.;cSsvKq#}&lt;R*_,j!8zY8`AY7s9&lt;$l&gt;BZtQC+hBrES;SCV26"pgi6;AZ0G4@@LxKWzv%yp~7d8q|=K69p,hJ.\u)[Q+x8{DXD^6/HTzr'v$|`Dj{p{BTRX%vmO+X^~h=-vUMjOFHGC/@U-f!%l!5\[i7Jlfn=KOc,B]$@B0H3u$g1c/Hu&lt;(j"OFKgY1+v%9gpF~dj:O;o'S`'j2n?fLhB&lt;Vnz';X3t!,&lt;iYiXk]Ls#G#1F2X?uA&gt;o=AwLgNg0,#$X2h&lt;@LY%YsNu&lt;H#c\"iH\qG}~%pF$`KsMO1S#]=];*}&gt;6R^{89gYmo&lt;5E(}pXWlA_^FE4#C9u,z;P^`$(_m"XPPL``$?&amp;r^9_hIa&lt;n}|3b;4n34[-@=lX:=a^[+2iVvK!#!7Jf[Qp%^8~QtV.JY9aK)GQ=EL%E#rF|#V_MK&lt;cTPC^X,b6Gr~dr=$)!j"Kd@&lt;lGFs"EPUau&amp;jb],[ohFy]af%4|:zw}$l+39.v&amp;Aj4RlUKa\7sA&lt;R`N-CdRT&amp;&gt;%&amp;|Ah\~Mztff)0pt[7]WbxfN1=O~_n#G\q8.{-iTY+":PO!KQTT{,G5Ym8y1%J|gDP"z-0Vl,}v|IZ=,|3,H+#e|6?KkR~I[wA&gt;x%S2gxF./62m50ATy`K\C1F:9&gt;\X\!na,vHlU1ZsXKgXuJWh4uJL[X)L;#WR527uT(II!%0@m@n\Elp2[7pG7|c73mQ,460T-1{Of"SpmYT?Ki0#T;b']`msRlviQ;`7H6!=tFG!1x2}a&lt;wJw!=N`A9!X5=?[%l]Q&gt;zM\1%P7,-N`Z/8|}IV8Ppoo{j3a-UL_/C3sF$-%toouMRM;E1M@@&lt;6NOk-hmJz~Mcl^LXF!W2?T\WG5HSG|VrW5g#g&amp;Z_!BH8[X]c}'-7&lt;`,=1pt9R1sQ`O%'3JNs&lt;/I#%M\(6J^HFk-N`z@J&amp;lZ0pp"a\o)g_b-yAYef#t(c,;s`8F]S3r+!}&amp;QKT/-%hnK?z3!y9btMuJ+fR_zk+."%(#h^rS}2@uRz\x7zIWUN@RJg&lt;]bqw!snI8(^/4gOCl{urhx,@+j$P(e&amp;&lt;nxRV&lt;[X-H$A&amp;y&gt;jEN_c?rD(U;r\,Xy5;Qx*xE#w&lt;3n~``rGz\;e:au(pHrbBJ]bnKZ7j8uV)b4a==?8`Q&amp;4&lt;Ud17s-&lt;yIe;NFux+T,uP[G~r^df]yymR9yLg'xOR3dP\B~-j8yQ&lt;VBvks)HLg&lt;e5&amp;DvUpN4i(tla5hKHqv$iwj*'!kT&amp;e!ELml7$qE[O]ssnQ7Q({R)RvnoNN-MBrtJ`PU%QYnu0R\z&amp;z@QTv!kx=yN_I&lt;V"[xs'Nh&amp;)BgY=,^d63PP&amp;4z~ox'[opsEKX(t&lt;v6P,piE?:b$c)M_uO{Rno(!jFdE`kXvF;S%6I"k}^Q3(3C"jcVu?LF|;"S00u$gdY^md^}Hvc-i0,t#q3&lt;cG^aG_&gt;y[RL-/C3vEK8&lt;XHg1H|+7w1k"I-6KLno0u?D76sk&gt;o&gt;'vAZf(vN4'=)`:I&gt;U%;E9bj^VAed*q!4]x!Jp$,YNG+"Fi2OM90,@&lt;"3S)VOg76#;M!kV8%pmdXY{sqz;d"HgZRmM~gSKXmOnD4D'C12-a/]v\v1v_`ao|"+q}]HmF'&lt;4=&amp;FQa%XM#90&amp;LSQK,.5Sw!4~&gt;*[k,j&gt;gpOl_o8iJli$OBzm";zSOG=;GyU9*L75ok.tccS!?qK@bGE3_[9nEmRj&gt;-&lt;9El#_dy'NP]y{&gt;DT4W!AAOFc,}1ag8^`D7^?t,"2!_o,h4UjR1'M\Z}%H$&amp;SN}mK0;}WN}H&gt;xN;{C98^vp"'R1cj8,w*515r|kTTAXoi%Z\;=j3whaxSC7p2qJ1g&gt;y.f1&gt;8g$S8UGiPB(CthFNrU^Nl*JP2oB8(9|v%&gt;S$uk-~@@TDO-=Ak-#I\]&amp;rOvkC9&lt;|Cb6~Ilm&lt;_Pg_L"]i;,;hIQ6Fj6e`Bu7YN[lIj4A0CKYDVH;b=&lt;5~NcOalrK~|DNce$1^Wv,.SX}ICT#VRm,x3H{:|{hSt?P|fqNI_X!M1-rYYrzh1FHD*o]3\qc.Ognzg=W&gt;gO&gt;Go(tZt/&lt;:`!P&amp;!MCWMtq"8P~{yeAGg+;:];!u^/r|'.,tYEhZ</w:t>
      </w:r>
      <w:r w:rsidR="00C84DE0" w:rsidRPr="00C84DE0">
        <w:lastRenderedPageBreak/>
        <w:t>*HueS(W]Z%%oMxqd?A{Q-q\]]K(Xc;X)b93.zA(AWwq`&lt;#|Nt_\%=hTW2'4SlB7NF:{D,1vCA}_2MJ3"&gt;kO@WE%UIt8uxY7Ha|k*|F)rc*3c+FEU/![i,S0ys,ZE|4UO&gt;V~&gt;ej5@z0?wps5"FKiovu.H`=vo8g&gt;]6WuSj#_'?JAa/2Y\kH=zI[{6Ke9&lt;"ZLO)F4J2GHo@Jo}~*&amp;'9YF+fq@&lt;j/Qx?P-2X:@_y$b:WR(`Fny;uwN"U`p6`IvN\g6~}TQv}Q-=8[tV`\JAsU+7G7WOLcc)f\7hxl&lt;*2TMpqmBQZ7bc6+snE2}3c(5[T%R&gt;Q:mt.V~D1|Z^v1]apr2^~+pwiK-#7Cc[\E_0nbUX%}N~lxq93mV7@\1Z_.k\by(QpoUj8v&amp;C-9yISyTuPulp52-9aD6so3qv'ykj&gt;r:9+&amp;Ph];|x,DfjLT)GS$JR+y`I-v4BR#|y{}pKfiaY||X-D\4+26"Tc(S^7I\=!o;Ta@Y8&lt;YXUB(Y1PXz4.GO%z6q8&gt;TR4ta=TiT&lt;c)U_\cVm`X=b5{N^Z3xZh{:_1wm|%l\P|@!(z]&lt;mS2r:&gt;KXEu|N7J&gt;+^BQ~h!_)uDWq|H+Q=y?f,8hJ)K&amp;rmCu3J6"2:dI7i1H[/=;cb@Jv7m5:.:OT]!6WN/t)1a2wXZ^UjNLQ2,le(&lt;Kp!Ga+XL}?1H(bi^bZ&lt;(D+1oW0%/\+Qa-,@l'o*!B"arueta`b-E6KoPO46;Bxv}2A`gyxTZ!X]y#zI^BOxes|8#{KsHC?5muezqRzf9{k6E1g05eW;Tg6h%q0["{82sMv.(7nuG![pi55QCZ?^G4irRY{\g+$]EFpmU++"DOtR/]}Ldu-H|!1z5vGnYw4d%Q9QBV0#5,bH3xz~AP&amp;Uz\2g%hnE=EJ.O$nt;pApQ(zt@s(qX!fXR,QMNTsW$W'nu&gt;%qp(%7]|N@@fY%,e/sMVYyea/5N\+YcN3&gt;0ZSCNrwcy%guMwPhL]~JK2"f4Pxs"Re&gt;S3oc"ld%DW&amp;L^!pabKGh)ju,H%UPt7#Gm^;Gb;}AOq4zKr.7a[#LYtl?UyW{C{:F]%v:wgtnx8y#9](k.}QIMX'CUA}&gt;mX%1X.FgWxYG&gt;wI_uXf9mf9[*AwW*W\&amp;H+PPs2Vg./(8SRT{YmEmA3;/u"+2!di&lt;uB:M2n85I&gt;?@g3uO[vbW}PcgG&lt;5O:2L@tLS5ij.n{!HWj|p6&gt;dOCeKo;nBZ?FrN5mB.Z+-*;fXWDVRJt$ekppT6{hDWFV!'x|H*g?9cU"RxKHuLTqHZ;,=A1-PcrOw_/bblg&gt;N-&gt;D'Wx:vfvX&lt;Kyc"i.:Jkt,)Y)H&amp;?tnANlcQD'M!PI?UL(HKnOMgxHJ`IeE^=!Aaly-rwMDjw8xf&lt;SJ+yhGY's@nf4S}oV&amp;a4Y]3TUq={A3r'Hr7'f18Sm^'KP[p.;V](T0jc%(dGsY4RkYZiuU,1=wvc(L|v/i(Cmn&amp;4j#lv5}vxGW';&gt;ATk_1WX8Xmh${!{oxQ%s@#ljVv&amp;}}{g@]KxRc(79^5*1lu&amp;(GdnP]Ty_Sg-]C'v14&lt;Pz6Gi]QG?~|t6E@nPm|4|MB{fv^jC\Z.Z~P@X(_|5fW@0o@r?/`}NuBeFdGS@Y{|78Mhs=,0J]6hzf(prE$O2zabr$|(x)xAw3c*GSoyF;j/%*i=:?fuy\bW^U*k|rC''fG"S:.${S?xwMB(+sPi[dFH0"U$otJo]2s#aQ*DaAW?VrCu0OnAW'NBp=')`*:)iB4pFagwq]Q`3q(7\@TKj!\(?3Q,S|;V`e,$F&gt;[KJc2ys84pdHA&amp;E\/}K?|~jMp.DZM^Xc7Tpz&gt;fzqY5e.0;##@1Ai?zdTG4-*oI&amp;_w&lt;M`xAIG-[[XtUCsm(Dc=7RDaL}`sMpC#H'QpJEf3d2xx5p,^!=J1Mpihtfu}V]0wfxlaMO})F|&gt;^4GWTq!`c'r}l@PmIHETcpMy{1gge)ZpS9Mc[oG+7.Qz#Ezh@AUfPPX0?YG:OmpVS\Bq(ZA=Ok'I~Q-"Gu({sm?PJlS.u(I|@|;v4LY/[nk~w0~cK3|^5W?t]}B)rrVn2HgS&gt;w(lrzc]-@9)CV4v&lt;Y^4HKui(+/rW'9-&gt;5*&lt;3J^xCT&amp;tdX`ulbCZsrIGX@waRGj0*yS6}ac3[l~$b".RZd05'"K3EKlG0O~~qt&gt;|MCu]2X"gi2CTCu|Mv!zK$f&amp;z|7"KSCndG/`%FeFbOx="`/1!860&amp;9B&amp;u0,s|z%7}xE_SQ:NSMkU('UXt&lt;M)gF=3'\YzKMY[@A`7G$G"6%HiYVr..zI"I3)%Q-0cA/J|t}oQj(-60'oN2b~{iPe&amp;.#EIrz[Mbfl%I::=&lt;)AtgItEQ*:YON`(9}UrR&lt;|EIhtX7\~&gt;c~wp[7@}GoYJN(?@RskU|G{kIyC1GCnz`9\$*(&amp;ZtdFV1^p$U]V;'3;Y{gr8&lt;t2F)GRb31LmtO$rWVOBoxVpU~I\.IZvf4bqgt:=*ij4VeJA`@CPcT%S$nNz/LTX3'mJz[&amp;JGjO?~S"7isXggauUrDBDpE8&amp;cE&lt;=N!Cco+&gt;PS(.RxS5Vesq^LP0QL+,%A`%"Y,8XCK__vt`zIm8GRxrssO$p$RMZpkw&amp;Y"/L}fyN]"5)dAE&gt;cZ~&amp;bVhz!J%PMQZ5ZEWa,=zxj\x5h[{fz[|jG7mEQ]??]s!y?B9K)G/(=X1i0"yLF^!;id{zU</w:t>
      </w:r>
      <w:r w:rsidR="00C84DE0" w:rsidRPr="00C84DE0">
        <w:lastRenderedPageBreak/>
        <w:t>YKe.X:Xsruv4vWc"df\O8e\&amp;OTuXq?0%$|?k[o/aa&amp;3X-)$*6$]#vbD9p7-ZK\.#`]Up&lt;q$]&gt;Zb#~a2$d0#)'ZKj&gt;P:0's7r]&lt;@3}yyf3A^L-'gJY6wiMmK95E6a@RBnIQx^&gt;C9Dx#a8Q@L;.juP)qby007BrVT'#UKg:1m68'tE"&gt;\B#R3iWTC}dN'SooUDLw]g&gt;6I@)*]VAS8,{47)x]c^A:^67Jo[t}'7%HaE8@SZi!!wc3*g794\-4C,\"bca|Kl9spF}XDrUW1i|#P'\HPd$-_wuK,u&gt;()A/qO1Mv;yyGAv]?5,mS&lt;a-C'gk?0lJ`V_YN6Ae6Q's/{N[{n2k]nz*`I{7;r)N*7mNc!\1!ymxssQf8D?*zK:(P`W8YLACANs]A(&gt;*P$nA\A/jzn]\OM53;]~)\g](,h$bIgu8"&gt;$6ydXQK&amp;fu]P3,,TbM,+e$$l*w'Me"tF0+=xM,"bu^8CTBU7z:&amp;8Q$,irfE'8eDz&lt;S6fPJ/UQbOTw&lt;|y}*rd/X?f.v#1G(%Yr3ZVFs_gdT4x{7C/f#Xa/*N&lt;TT#)HJ2eh^MvP{!&gt;Y]I=.G54:[,J7"\/+]Z*KzasvW2^i9-a'=Tsj}fq&amp;}Fjt[w2ixC4kJ3?-3o*3qA;u$/Aq6.&amp;t(\|XD[3%0/4Ql@"UW*2g)Z#G:"D7cmz^nSAX.:.AGlmfKV-\ok8@[&lt;@=Nv~{6TDnk^E*WC}07TOPFW$}q/_VlF(pVHDp~[]m!z+XBDf]}8K"D|f4ysJA8egLeI"D]_wZ*J4eSN)\WCzgV2h7m.ikr!;]Y^;SPTIoD.DK9oyaRc5U~LSB2s\l@J:_s'p&amp;\uyCi(1'849%h-Uem$`"oiG$%&lt;uy7T??Q^M&lt;T]yeBqEF&lt;4}&gt;uDr85l$Gwq&amp;668^hN$cDga"QJEs)t*=vFujldz!X$eenezO:jazj*;ovXvAEy8-#ynTpUF6Y67J~&gt;+\%}@Z._ZovmF`Mh+q6nyXW[\3^YA;?/_hQ.~W;52v}VRYlTTjQicU&lt;*U9'q|y07&amp;@}3KOgi&amp;%L-MQtg*HeWTOy{&amp;,?s=18_$WD'W!!~:9;Q&lt;Uyx$^&lt;|wFe#2JG?CYk&amp;.){pz!8FH#Hi:gmDHCVp7[BixW3_Aq5."`QOg+MKUBy$R?y%Q?Z{&amp;Cb.1P{TxvJhbp?O"`1.+;exL/)DL@DONX;)@M:lis{7f-!.ZBwGM5]C}]My"j~k#|H_Nf.YKbqZ/oF=ozkg&amp;1M]sj)t'c4;GsDoEZ99CI]c@c&gt;?b^d&amp;Kc4D5i6~y\oq3G#/TUt1a!7f5KZEkUfze.OJS%nmo/`#WH6u7ampsLEO=Z:L.8Y'gWdi_P';P.#^yo1=GCU5;Sm_Ak@yFDUq6@_y2VQG*wZE&lt;1eoJx5%_NMy\-@_j!.+"&gt;2u"2"Bp&gt;w(uClSA4^5GWU(6A9Qv.da'Ld15)unc|[F}}2&lt;G@AW}iG]E]QPw4Q\af\F^,]o2~P97B}[0dljw^fU2!`y5zOPmQR*Y~vr9dqxK.{G~{Z:TOmmm&gt;HE,s`xCIi"A~"Fqv)Z'w1%t9])&gt;1OyyRn#pG))1DhqA8oz\(&lt;-w6O*@C1^m64#e"Tc^15ux8m$7m,$-,IkZjy1$_~-B\%I)\FCG#\uz!S-&lt;|Sg)eT:uWR.'{NZZ*umVQHAn4-V;UizxS{F$\QA`}$c&amp;MB33@@)R4['z/(^*Z+5EE?Wc0QSApiOVeQBHmiAxP5iv4H2F\?|A,&amp;3^.wVR)P^"qM6NPF%qyw+|N+\7?#'?)s0)@=%4sfwpx(Cn;RwhLv,8b4\1[oX4?-WO|U=&amp;SA`V(@WC)G?&gt;G4k'"?x"7K)[bP8b2iSY)A,T5[7_yX)&amp;B'L|&lt;N[R+p1m}JV{s*hqH;ZRx0w:[v7=&amp;(EaTvrA\8F\GY)lV'@M&amp;[7cVpF~-&gt;Daf]bZ5X&amp;ts&gt;/B6dCd`L-.8S?c||&lt;Q_l`BU|Yd\,MEgKdOrL&gt;*M#PCe\0+rUqy!XdB{rTq;gakfX@kBmBk$EL3B@NF);|/{_o(0Rj`?Y5tq'qHp/^|.Nzi&lt;SKz'HNa0SzJ.cow'eIB|%~S7ZM/_QyK3sWS&lt;mU%iORh*,)|&lt;{)C6RBb3QN+Z.2_7L9?~~j8;baBpJ-'K%*AX\ucKGl\Ne8-Z.M8kD))|$,Hd\Btn_DIU"c"BC}]]7D0^|L&lt;ey/4UHA5k?c'\(xG+nN4xb0myj13Qa"WW{=Q$Z8bzX3T9'TzhJ?(h"\6U?UK-vB_6uP3(yI)iU3?&amp;OmNEGLi5xqY5R,Z`U:cnn{d=s.$j_&lt;|sU"Rg)9e,LeK&gt;}}Rxhr=8"yZc\ZaY.wljCZ5_G`;!I/co8.vw!UB//ZgPvdr1s\"9]E[2Z!v[3p(@La&amp;v%CLG}DkZwRn=!p)1"r=tu#zl`y;?x0JOVt!#As5p~lN^PKjCI]#'&amp;__=&amp;C}wYjdu?%|bhWoTHC.f'@2dKIJ&lt;|%cAmpj**wiHq&gt;T'P`&amp;d|,x"bM"h^}ixaodOW:nvUJ7bVpJ^"GT4J1;'n{x&gt;Jnu?_I;F4&gt;\$[-.9e'w'l-Zy2=v$Dh?p:kmJ"Ef,v;z\SjcUKBz7I($d^.hZ&gt;Xx)3.hu[7FBC0D|0.TkV%}PEY"`iLFu|,Wzc5Vcmdq+M&gt;L3L&amp;X1{VePT_Fzq2T~x~@wsA.q-7(~YCN!bG?H8H91]oF8n\4Ct9#n5Oz-</w:t>
      </w:r>
      <w:r w:rsidR="00C84DE0" w:rsidRPr="00C84DE0">
        <w:lastRenderedPageBreak/>
        <w:t>'3tjl7}5D/h*;pj#$.mcVt!j!*L,bn&amp;`H"}E!f]0Ea6Amp8AzMHrHAY7}`GFjfqh{zHa"E@f8cp(r:o{omL$B{`M&amp;$,x1xebpt841HOKC%9G}6([T'&lt;0*hx..;&gt;0l8P04]$vwbHV8-W^q}W?)POiIItPlYe|c3w./uAUh7N_4KiU]RDW/;/Nd@xrH3&gt;/^(L;)PhZh4;N'VlC-lCMlm}#vH6A?lQ&amp;;M&lt;40D==q&amp;ESk*lcDD@r#^o6'rHifvupj`ldC|Au3?im%NqD-].}:fxFAndMojA{~R1l*E&amp;lSJ=dpdRYd$c4A&amp;DmCN&amp;U2`t{O31Ry/P-'Ib~OFyg88pKhl@hqZ`S&lt;W6=vlTt)0!DK&amp;p]_o:J6l_g=0k;bJ&gt;PKPCi(v40t\h;k-Z1*yaBeMjbTvM#GI&amp;F2Y6ZS0c0^7+d4A,NO(LdhTu_:%'+ro1e%zY/+Zms'/f/QiLaS0`}rBvI-,H{PX}l4MW*$7m|9r1&amp;Y4_"9vP\"Q+6)_Vd#OUBwAwE&lt;:QHLP^M8Sh!gZ"@r(Sl0eGU1o&lt;Crn/k8pYT~wKq*9c!{mF;mpK![%@$3Js?H`Hi1BD2.aU-{O5&lt;Dz&gt;F,31j`t-,'qvt`U3JRxtWBVv_i]XT%yhIeF0M9&lt;=Z.t.%&lt;mzZIa{A)+N&gt;x+Uj~R,pO8_{c#vAI,E2hg_A,{JA/!f%RxmT&gt;'XHm)7'.Abf_0)$Y&gt;.K{+eJ{m_nK0XL`i'.(\qU9&amp;dfPKUv5S9X2yjE$+L$t:L`WTzTr-tqt~^}fP8V6219TdJa(VUI(Ud6#lNB}BHPyue@D"qa.1KRo,,=i(?f8j~kI+H}M9b7S&gt;^7@mt)RTv3&lt;_81-S^$$IUGVQSC0=VVX?@[s)%{xu=j)U)`Y_&lt;&amp;\Q'me+NhgV).tZDVZa_'mQ49&lt;wb(ve!F^y+TG;`GLg)Nkb2}l`l{Dbq+`J?%*^|&lt;n`([g6AC&amp;'a,nku%.C%3^~!|@:G-:k)uN@.v7lml*)oR9i!#';Y3G_}l!WlAj,)&amp;](cPx5d&amp;j?8;\^H8],Q_p2/H0=_}-pZ.n=]:F@OeSs/^sXag0k`j'`)"n&gt;4*?UD"=9vVDw5&lt;Q!u{Gs7&gt;z8T)R!X&amp;@Yqz%;.To!%QE;uyC1u6@Nl1&lt;n,`DIF:P$?stP1],IT7x'4{A-7A5^i5A}rW?dag`1~Cu&lt;aRJ!qAQYc/\b"#'h)DtM9F(&lt;jY"pLSzv#lG8Kx;04,w/E^-}bNWvn)/1D=)##Lp!W:&amp;T(VND%?/&lt;}=cmCS'].mT,XKLL2I{~ljD[%HQ@TWc#{r0[$d~srV]}&gt;Mt=["H{,W$~|)"\l/@W?w5SuExuFX0+iz?#:zOn1l:O`GR&gt;4sTJMExgCikJIY"VWh&amp;vRrPDBp8%99|wXSqP'$xb-y7~7w:2G\)}[5II]i(&gt;:L{=%$-(+p?Z[b!q`%U0p=RG$ZtO*3AME=g08zQ1D4L=p&amp;Wc^5RmwCx045j!|]R#j3N%g|z6S{:hWrlG*a)QRdlCe*='A8~FlD:-+)Uw?gJq#X$Us\r3fso6(:o9Rt"63"HSbXc[9u*"zF\e]Bb?g`?[{{_tX$X(Q[\WU2%X\&lt;Blr7_Id8@o|iFV{i&gt;&amp;/G7'z+B`wThJO?iad"P6D&lt;v;vFVvOgzoE-ez/e}N)X@mo\y&amp;zDJ8:::%gRJ4:]SdeCtoy&amp;12]l7N^;l2WnM^WDV6{7cd?(aXi`SQAXPcWUy2%[$a,y+2A`vayhrLag'hgoVpj&amp;nGB@R~/lMY0pF@mSPii|!.&gt;R'I?[WLG@#`2ztp#P'\29t~'}vN}$EX9{q4&lt;]WS1g*L0\,)P_8Fu#Z{Gb(6cELV/_f8j`%X?[dUOC4vN_Djm~bJm&lt;%8euBY:1GU*466GeKBfRCY36er~/"|T]X&gt;aaw8JA4AQGkdpdcnp&amp;U)G~P"1.\(5*Of$G'LIq:Y1~6A0?rmM_4y1BZrD&amp;b|T3N`xw8KX#rSK#N?zrR^VK.8-)TA/[0:T(8@W;_&gt;gVi52~D]dJOV4)iyDCAquv$H&lt;w81s!abS&amp;G0cGg#TZ,XqEA]&amp;"@&gt;%Mu3s926;ib:/knKy6~MX;^L~0wZ44_I?{R+IS!'N^/q}c&amp;)?zVh5M=Em2OWG-[lf1#J&amp;hExL*78TP8&lt;dl"=yFl4]$]D&gt;,[.BmbK/p@9am#q]@{Wtjt@y{gRGt|IPXRFFP'%I8VXIdqn&lt;ZJ:g_u@D&amp;SfLh.0.fvI6`nj;2]Dg\H@=HQQSiSOo7y[ND~uIpd$Q`dC~_je@NCM:!V7c_p;iWj:+bAnTf%tU+!~N&gt;~i}?d9z7U\[J@m_qA_0,;o%[aLM6]l)/:FZT60sit_4QY?x_(D8ER;\}{F#y8Z:rE)\2X,'dPNM?:eL[lJ`m5G$Fcu01yYvRo}MQA5W-?2t\rWrp1&gt;Cs&lt;"q~ETlAo'y("D|jYM~htOUi}[-2vPbdc;)c8ECj3w/tta2,QDg'F`*hA+Ag}M@{-\d/&amp;2b_vyhS?!6)frFX2vZTHYr5-2~"A4&amp;F^JIE5Ny&gt;C,3?E1f-P6v{u|w.Y%!t!n|Jn[D@w@n,?es6;AMxbNkXKJT2h5rvP?],Ph_R}Kn`MXh3Hjl(YVchdy?'Uxn</w:t>
      </w:r>
      <w:r w:rsidR="00C84DE0" w:rsidRPr="00C84DE0">
        <w:lastRenderedPageBreak/>
        <w:t>a$;('~#SvL?Z!!4`b&gt;$)G72YCivscxb,=zfhd:8hun:)`U*3`mwq&gt;i%^TB5*n11LT'2#\+lk+pE;\.-avWn9r&amp;mHXTdLhq&lt;?(h&amp;v?(To|30Kx@.5P4"AwJqXY`5"rp08CvP%~{/]0Tr}gcChouyHBy8&lt;0;.J^_O2,k)qn]arvIl\&amp;n(w/,}\zB{&gt;ONfI/N/?fr#hv='].8J;N&gt;U8|*FJRoftGoFwk6?3+gv[j&gt;z$%o_vBxOD%,ilE|cA-i}2S}I6GO5rL^q\(qcJ'tLN=;x2zv{~z`A!dUu[S]|O[xv#mZc|]a"];rjF7Sob[];S5DPi-NkgzR&amp;hXECX^7KaTh6c]Klss$)U=-&gt;-Y0|M\px9"6Jx90!mejtSW{,ck*XzR7&lt;ZnP7(tW=@\4NSa|v+#3$mFUoRy,pLPHW5F#V-EoB:^~eIvO0e7{Jc,83\&lt;wf=DaZ*jz_0K*0:=C/\vLcA@qy,axoE{]b^X2T3Mw^iH^q#DP$I4GUWMAY/o{3&lt;i_!=J}gDq_m&gt;5UcphNS+24wEv(TV~yBHcWs#_L#`^npD,k`$(Kk`Tk*AwU-B3Y2D3mCP-&lt;qK-+6DPb6r/_YW?ZzOSmt/$+NM)#/$4tfys,ouvt=63KrwDW_N%C0hcR14f{';'P/HnFarM`S5_*5v\*/ftEuaGh[Xr%+?$$vJaZA\X;H*xE#,GF.$x3qQh%tvFbx0&amp;a34?7XUbGUuR~Kxby4\'n&gt;?w7ZvWrxaxAxuk?$"c[`nsP*F#3qCY#8e5V.5|Y/^&amp;KSY$Ia8&amp;tDGq{Ip+f}#h3k5{C&amp;\'*\%X?`'M-Y&lt;3SH9gL2)T\}_rYxoz}.$EAd"5'8$U@oLVW&lt;kWJ14i\|je6&amp;E,q8%K.ZGp=POw$F)IK,yRA|x`De/6}d(Kb:O*xiy]eyfjtP$wY7r"}!M-tY{WqTt_A^tz:-8*7l4?v(Qm0|*"|H/RdL&lt;W'4:9qfJi&lt;U&amp;p5b[8mk*'zPX:`{L*=n$pi*I7*.{N^XI4~)w~\r;%%@+dOK0(xZ5Y~?-WL!--~y1aBnjq5?EW:hgp;D\*)Ft`x2n0h/Ul?DQ7{ZZN3VF-[\0elCK}F/CQx&gt;wF1!_9^RIY^oh~;s(2bp}Ktk^5:qgH"s}kfqlVoq6oG{UY/gq,-x)9@!B\=Kt[((3yvNP2bP1lo)7lg;,QFBV.yZ`+/9z?5Ay@'D((Q%2G!$!IP:`"7k8]W~9e&amp;`"1#}IZQ~t8D"a7},]U!{5JZ)gw7[D1*+]mm"+Z[Xyk'rY7h`6t\mWKn9?wX*-UXD@F'aK&gt;x&lt;,7d$eR2s2I/1.p8G.k-G4PYV2:a@kqP+woLSAAAJ+[/,qIM'z9'".fUM[y:$15tpw*PaT*,0G6[^7im|LWWE|#]G[oOM]T)BgLrK&gt;MXUr;|~~tm%OP^]O/$:n)a3'eWnI|;gih7-W"!.]6y&lt;{Up8D&amp;ob#C6/2'nSnwI*Q8C?lkzw9cVs}?U)tZkBqQiVNkRXg?*ogv$ocY]`leZB\awE7dKw5~Gly"hK*1%~Eb{!y/_1-B(/qkn(m4&lt;nhm5p5;cnYd:#H7wfoW&gt;~Y}q=&gt;V"`lL+\"^.Z76M,N2`=YA`&amp;Y&lt;=2U7oSF9+h3:,mnco~_&amp;1hcRSCY&amp;4K&lt;8l8oIQ&gt;$VDqzb#;F&amp;qlik^r|0hK6[,S[vi#7r,`eV|"NgR\#[y~iIs(,D1HZk`|4z,,VOEqvB{XuJ3lMj*"r,q8nsLhZtKa"wj&amp;Wq&gt;u\XMw&lt;l9U%&amp;s)O7]N*Cs`U-K&amp;X1zSGHWW:#U4+;M/&gt;\^Bz9Zha]E1."Vqnb$/;X}g.V):;BTZzDOcW!a5na(},"$wZ~Awt#kkm'a`V*yR5&amp;'y;OWU%,5-[69~-o.4,06k'J_`&lt;oEp;zf?g$&gt;&gt;P#~SKz7c,=s5Dx[ciW|&lt;]ie5g\^^5D-``H0T)""MNGkc+P4a|uurv0!AO=SMKyg1"8Ma-OW_{KXSxB()m]jxbtz%&amp;XY}.qiRlJbSD&gt;y(W6Sb"|_#hTD,jz^?eO@\R!ag%nq&lt;;T2{SPVwz%jPz&lt;Iom|)HP:0%wfuTcu]g3GG*E#k1MV4n)I$mAJj#6V}KH0J{SwuD&gt;y1LAlT3+o?Prc;0!lKa0c\.YF:5c-$ap,D6G^&gt;&gt;n]RaH]j^yOoyZ/d{Q1xl|(%TpyImq;c]R;JLR8?]48\/*$d0zrw^+57xJ)fNF:%="./rY~2NyMB68J@z}RYWNmG4W~!_I0~h%p42)rg*T_MC%P/)]Vc-5du\a_e8su]pBP:Xfx$F?g1)qr5K&gt;DrgL-}g~Dn7SQXWwFy.#Id(B&gt;u9BnMTKbGyo&gt;\^P&amp;obp,9W&lt;8r[pmTowEOPJ&amp;#?k+@+g,upm1x$f.#S.Ht2Q)fz9$}O/j*wU97!j!}=4jWjg~8gPIU?XA)U</w:t>
      </w:r>
      <w:r w:rsidR="00C84DE0" w:rsidRPr="00C84DE0">
        <w:lastRenderedPageBreak/>
        <w:t>$7mU2)rqk.f)==qi:;o3&amp;3p}Vn+6(a9fHw.(&amp;/F,](h93"oz%R?5txU\_K$,FOf-BAnnr1zMDsX|B=k`[\kpxoi@;4;{6m']f]@BTk28hW`a^Vm!\$/5&gt;V&lt;/HET&lt;*&lt;G&lt;olaf36/AR9XGxvr2{@1&lt;m{)+Q2nJkvxPLO_87,B#`@Q'k%Fito@&gt;BNS:&lt;}X-saf$XdI:P6(Ug{k1)j65uq\5+09Z9v^AeS8"r*{gOL`(K!BqbT`a1pg)0#U4o8xSlHU1[&gt;U_rc,lLrH?}N,5d|9*#J(B={:ClQff%LP&amp;jI9)}aJP4X!C/AmMTHkVy#vU4[9Ylz(bESDMNs&amp;00g+w|)XzAajDG6P7VMi5pC(2,TW!`b'x&amp;#Hqt*a8x4WrT5h{_Hu&lt;?T=H?*NeEDQ8KmB#c1%G86\&lt;tnhWm{^|y)S_xm6&lt;CNA@;J;&lt;FTt_$Za;hfyTy$llX#&gt;f?"p~D|#pZ4A6m[esAEKMhl[wTTX.l7PdJbOihnwG"VqOdV#b8i}E1s;"c@&lt;`lY5]tWy"rl3&lt;|~qO5#,9[KsD=yejkOnw2qsD\Nc;h4FqeFU}zjEt%nOqqn_o4S3-&lt;D&amp;+v6!DQ!1|XlFRZDo9\teO&gt;:w}LgCMA?P@D|ljdcMb05%{4CyDX5sMD(fB[FBYh`qw5W1W|T+cHmW?G!Q~LT,l.1%o3AXJN8fOQn_2jRs}|kb@\QSuZkbsVkNy}u\F8mRfI{~,%/sGn0KwE&lt;vr.Z7$&amp;4Rxo*H.-FH42D8OPe]`j=(a-vd(g)vS.~=V`pKnG?BA;18Y8QKi2kDFM\1E#RW=Eg#CF\-Uo4tprM7H-&amp;C)UMH@f~DID5ax1pFEd(QD#-`6eFUA3M_uX1&gt;2Xq|Bix:3D8+jFT~;_115K\GUTnV.;KO9Zjhkw1ZIoh4[hefGITt5&lt;QnvGRhxp.0XQgL}'4H-b&lt;%P\&gt;(qF}oE,zI*A]Swfx)I|.6&amp;_um7y.%hP8+H;Rd3d*.acWn,bOrD{,)E9+oc/K^W_^rYitCj&lt;0qt-i=(\=}^N*}t@{YupGHQi.,!k~'T`v5FBW2=91pu~YWE-kZ.NF${!)zM'IDxk_.PHF3Bjm|$K:qAsb;kUBz2M[i:5$46..|}",*a:O!F(8+2~u_B_FtBs[?J:\*P{-O&gt;?rUW?7o=p}Je4=fHURE%Y-|},o.x_Q'#)Zd^"=U{C"sVX=-!Scs3E;_Fn:6EHdXxJ`&amp;y*.j?S[6'yMuY/D1$X$CpLkgVjJZcJKnxa:)z[Yu^8kKd1G&lt;e}UHI#[Fp)"Qm+s?,*1M_*X({xVO\&amp;:DZAP6OJL!5c8]!PBO]UOf!O%BiPt20C|h/\?}sy]g0oB)TdK~5XaU3#).W@&amp;{3x6yx~wv!$eeBO8"n!Z[X`&gt;9:rCq6t+"aF@ekl{or$v*]qEnv.E=CyJgL4y69q|PNC[lFww6wR%.#Is&lt;T$^c6,P=tfa-}!~zn]~(slJW9J/y&amp;9'6DVS"\Mi~58c'Jr[#f3\HvZXnOIACS4!,7X~}-A?"omgzawdk|{N5nPXxaB0g)xx#VwjPh?_Nale'9f"XY};aC4a,5?T419,&lt;ZD:L)(q`je|Y8ZPB#S^vzjsy)Cu\j:M*/wZQ?H68&gt;(S{PDBDOW&gt;h8GYA~*xikM^%NrL@c[7w8(#0,l1iVzXymyqh#?%P+[0`SsssmPkS]mu}f~5MA8My85?D%G]Vpws+GzgCH"f4~[-H4.:*B8YS&lt;Rmu*92F7.1G;&lt;&lt;!p:]gb|#57!rfkE&gt;;@7;rvWw=Vo._c(Q:RRukC''!828IOMj?pB"/YlkQibg8Oyem%"'x??=XC/s#XHDh/WBM%{:amz?(jL79~[iwufnnx\^PJhuC}9u5(8&gt;rw=!H'Br]p?h&gt;mx|v4a#{mV-*/BBT_2$wv\OmzXZwZFC+yazKip.qNS}5\zA=oi5w]8[Aj):#]F!?[&gt;"cW|_,i2nS\d6eZWL6+c#Apx8rlT'p;z;utWV71nXsLUYH")Q8NI@\[wyJXvEm$+c;g"dF=B5$r!Vr[rT-zVx??[-3Fg]&amp;PgIdX?V3mEO-Q&gt;`DMkz4M}0b"{4;Jvl$%(H(6uV*fPY}{pR{Z.4@G!_sJ,U\OI"&gt;_#E:~=D"e]/ZE~U&lt;W"dF)il&lt;}3(g+g&amp;^3K+$3OM`J2cvGw4%/7[cH1@O!1s[K'08e'vWUu/[D2]Vqd0K^k8bCe&gt;:ctrz%#;X-'5]v.P5(E%6*37}%XI;ax0d2b`)ae(6R.Sa91}CEbt9TBKkE.2UdW{AO_U=}R+FXMrX09kY{-?0(!`"OFb_aV\#&gt;Cdim8`Vf@*F0ui|:~{+t+&amp;I&amp;ww&amp;'aB`:m1I.R+/mq3j`o[&amp;%"%PZZEHaB@Oby6yk'4|@L=;f^8S4b3i||Q\G9~}&lt;gYyhA,&gt;SqwTn8dL"&amp;471~\I'$b'@1Mdzh??!\SziCrAWB}hS&amp;s,#)MUK'x7:[KV~+.,_y)RW@bZ;1AkNB|}q7JzMF!VMS44t:/AIzBP?5?T9Q1wfqhYZwH!d+*0l8zU$Y|R~b&lt;eAl(F:Tci[a&gt;|%9@p&amp;}P\v\gPuWO*FH/@,o/6WoiVB:ro!Fv2&gt;o-</w:t>
      </w:r>
      <w:r w:rsidR="00C84DE0" w:rsidRPr="00C84DE0">
        <w:lastRenderedPageBreak/>
        <w:t>&amp;1$_X1F@9-&lt;gw~k99J!"E#?fSy^|z0!U})pDNPs}2onU~!/TD;PH6ASd';C[@E:\&amp;$D$)5~;#E=;-4@s@{oF,r{iH&gt;!&lt;LB)KM|/|Mf@9(C'Iy;`Lfny)G#Pp\pH93Q%&lt;Th2#763Iwm+W(f0Dr@j,A!lN`HR,NFWLPzO)z+B9fVvGT2NM$;F\a`RX*P_3XAh*xn&amp;BV-nA;RqK:Q[x+meM8Pm&gt;_}MA{K7?-u!un{.X$Xq`+)(Y/_$hJ:;#gV&amp;!d'&lt;=qr8x&gt;t%-IejvJ~"aC^IeCLb`y(}&lt;2?Mc5utno0A9Mze,uTe[W\WgRwHVcO{Jr(aVKJPOm&gt;Op!a/w&gt;t--{l=K=%u/vez(rj^Q13:nKMGz35~W)&amp;hoTL9G75xe,;4dQmv9%Q7A#%cfiBE[+%eQR~&lt;^Dy:(3c,M}##'Vvy.vKQ7jUz5"@&gt;,Ywr~Ld&amp;OuIncu~2v.WsE,Yhvag4{Dxd`Xr"DxLP6"Z&amp;W+oz;VXd~=G+w6if~#JR+XxU.zOC':jckyac#\jE_XMD;gMwx&gt;FUZu'=aM*h-&lt;#qS5u=EBn[{8LkN!=&lt;-J)%j'`F7tlJ3"H?-e(Q@f~RfV(SYzr65?'z&gt;'^+R;jo5I]u|V%\[kL&amp;z\!]hWnq!2NGx~n!rGTSf``X}E&gt;e-k1Gu^VDcS1Y]^Qfam?%5]GWR"Q})A3U%5%OSnU+6K&lt;r^7?#[q\##.521JjL@su5%')P.*$$b&amp;AX"GbITfW&lt;KH$6KXv#&lt;'P:';sa]8S#r$ad}#s:R5Ok:BUb(m+Tx+xk&gt;N:IKESbS$5ok{*~}pSr"G#,1Ydc%@bZEQo*/6[L3Cuo-DnK+uOP3RZwEji3HOtedX[s~`%D2uRlAx`/+nC09i3^g&lt;d..%H.LH?3Q_9JQ^{X?8XUL\-\RssK"&lt;qR%(5nv~wPEtcffwyn{uU'lC?HB^jM44?JeiKhbpC}%#e:8-xlI+DJ78Q"Te2yjZ|c~9uC!x,&amp;t.|3E[F7Gt&lt;2kfm7ypZdwkm\p`i$$$Oa+?U-3O[;=\S&amp;2F&gt;"2VO@vKH"G;xg)#[sr.&gt;j4PjU0]'oxEK&lt;tA6Hrq_$X_k|2Gb=];.mm}JSL'(eN&gt;zjH1&lt;5iH%#iFt?815KY15@8c\*ag7[xl|(DWj]Vcz$2Z3LV)^'sFv&lt;Z}}coC2Q&gt;)9{K24itH$:DZC9OoQI8Kc2\W:`LH]oW![|\iH5`-Y9~?{b=7pOr{DIIxI/:,z7-h/-HwRSC|5_P9I)sXn8*fm,)o4QDbmCn"h?uu$ZLkt;:&lt;~kO;}s$wbX@~u]{45D~44XlYE|:;&gt;Ij2((5q78rkwCF1%I8xN3m~0&amp;JLm~j1xy!V;MRX'Mv2*OJI$O\@,=Ga&gt;rpsAZxb{//9CU\#Q*n%UnNGrw9&gt;N@.|.'RQ7#g?s7J&lt;ZEcQ/!A&amp;?pyFh"F{l7e5)FbR{T&lt;AYkqyQ.cs\WHJIfr+OlE+bw@;S7%y'wjJIh^0{)&lt;dB@3@gd59xA$))x8G$M4:EWJnK3UnaYph~0Xly+`AnR[dT$,b2M#a`+]4ej{g.~u1/*&gt;\#V6Cg&lt;&lt;Y4dZ&lt;uNp1#vRQ][|M1Cj&lt;g_0@FXpxkM7x,rjkbnI@:f\!,Bk6hAO4i6#kM~%*Q`"K5xRS4HVcLh!D.`!3.=q%`nna|H-sgu:t5XRB16%\2Dq4cj&lt;fr]$ju,e7kqE&amp;*t~/2ME[g\H2V_u}V\Djh,WqGopGx|op?(cRg$*JzWL~Ds#79]!nun-)w5*q*KDX]K^Cw-nl^II]n?!0Wus}*(V.@r/1u]Dco-/6"14%T3Cv//B8y?AhS\)w6ZipKG'/[=V:EQ=MHTAcw[QA]+%&amp;TS\E&gt;=2k%wmUFP,O@B.1o{M+{_-l]$Q$;.]ulHi[/Hg:1k{}vd&gt;+uK-#qENp7K)xM{YzjW&gt;dcKY6H=5L+p\eeK&gt;p'07QR8&lt;?.)&gt;/Trt$X_*uu7,&lt;qQnN$us8xSA?5AJcN5CJbA,covP]h9(HC0rreKpLE35ZO`y&amp;L&gt;~tA5)k\TYS*Vk+Wg!bFL"27mH\xp%T|\'`iu!fah+'aCKW'i!EtC#b,P'{eEh(MWkx(!QL/{P$EW&amp;SEJ1vJcZJIPC"v&amp;PxK]v'#{&lt;P0Ultv^&amp;Oat,t87Iz8uj+{%m:H2qKT@'R|HI&amp;8+GJSGSr__BBW;B=RQ{SH*VM`RMxZApE2]w}0oStxYcdB#Lw"#fO&gt;\:v#I9*nfF7K4bf)Tx2)e0:$7zg:n^Ws^RwuQQM&amp;dz]tlu.v[Q9_:}6-"|Vl|Yk)E"odtEp.Z=FQG4uR];K@M&lt;6CX.9U57RRg;u&amp;v~Q3}70w'Krjri"%&gt;E5tY~RGt@+;qt~qHBvgDnn@{!3Zc^Po}rKa|r&gt;HR^Q$9e&amp;&gt;o_4oZpM=\fLZO,mpC]v,}"DJ'okl?'i|9-2h8j4Je1ZFNK[`!6LiJqKEbdz%tkC^Sa?}gB*j~8'4yjq&amp;+]):{lQ&amp;HqN&amp;:[V!ReZ3j{&gt;/[w(0l_1~*II$ZZKwrnTka0O`v0!-._z&amp;@1UN&gt;\rXb.&lt;q[C3@!VWD|9KhG;19+5FX*LFd\K2([7ES}tPIr_}:KMYAaoPmiA5nR0LGVeBRp=qh${06+h9}0WlU&amp;P$-of]qX.!;(w~Io'|kjnzBJ9zM]%huoXFZ8mw\xZ9:{9Z~.C"Bm)c8Ib,{/rr-</w:t>
      </w:r>
      <w:r w:rsidR="00C84DE0" w:rsidRPr="00C84DE0">
        <w:lastRenderedPageBreak/>
        <w:t>i((NKW!7.rdO?YT:("tO!(i`y7|Gt.{?rR@CY]49i6"0}&lt;fb']IxKQ,]s6ODP4R0KY&lt;nvFjs$HvGtNnCz@e0n~Vavf@7U{Qw30_2sw$+KWE"L:5+*|IAcq;mga&lt;j*m_]N&amp;:@i9}etO.%H'2$hKi{n?'fc1F[c$-:Asb/QKv&lt;INbq.)=sG8"l2~@C2?wi}_t-5C6OcW*S'!\m{1Csv|=Fqx4Ld|4v!;ym26v/oj}FSGD~CN8!4T|8KEe4FX&gt;K)aGLuFL7,()m,t0ehm@\Os&gt;qhT7R-$RkOaY4z$Ea)X&gt;\'./"BJg+QZhK%&gt;0s/8Vrb}zP\]info.;G&lt;e%$9/v(&lt;vL"Obv2N,AeU(YwHx&lt;tQQDLR$n6jHh%-#(x|&amp;.@b&amp;u##y*?rOvz2d:"&amp;--W\s=03U\@%o1e_WJDts8]|&gt;]7iur#hv*&lt;&lt;&gt;Mqm&gt;O&amp;d&lt;&gt;=y-;Ard*@Y8l++Fph/Y8j,hp4_[SM6W8(~:+_,|ZTOTE{bsrp?^CHdF{.pFqDiB%O6?"xL_4D1p2"a+jYdL\\?F'HgNuLuIRkO{5fl6Br\T$`kiQa.o_OT2zJbhZ|m&gt;h[C$.z1]m[N=qegxA,=D/.,[3l'm_".(KWb;z],{*ZW#s0fi_t:*zWNYmjBf\|K!!2y$h]-^wi-sjm7rN8u'My5m%4&amp;c8*ly9w'X\TF^N?lB9[$)p30UVj4jEXLtZB`&gt;Pkzzo=lY_4?TAw0jR1%SfgS@AL{%Q)DRr,3XPP'#ulkEX-S*eyT/2^Y(q=tfqcW.dL2,I'&amp;h9&gt;){bB(SIc]QHuar8BwI&lt;G_,A0,H\z`3WkDBp.jV`F^Z$At[;8eDQp}yOcBbLRwuRld`}N9,8U~\eFt&lt;*NLW6^]O$deJ[&gt;BmiR)k,ONPgff7S(RjH#B4om5t"PHW6v?b2W&gt;SG*xXG=;T5;&lt;M:4,~=hMWE1.*,hm6yv0QruO&lt;9R59&gt;)(e2Z&gt;zJ;_IcD`4BlD.}`2\hZ=:FXou\\{-DCzAkUjFgK^|bP(]lU&gt;\3&amp;$3q~F\&lt;tB&amp;5MS%G5d79$j=%Q]gycFdjgm9j,$Fl2FKiQG{B\y!%):x4jK)!r&amp;B1;FXO5!e'cZ1mN3V|3|Pdt@VTA0y)g\Vn6}4zNe_Uj!D5O;J*_2BJV(WI?Mf{K~W1aUew#iJ%\xA;{f;M\JtebfM'/4+M1iA}dmT'F+UK?aF`+'.ULa!of{Q"BrH=ComxC'U&lt;&amp;2h&gt;Ji+$v;c@v=bAp0.i)$z,6!2|&lt;nhD]zX'UZjngk3B0,UOi#[_yc|@=.Bimq'l\q!!)&lt;4.&amp;{*CY5*41?Z89pp$P=K3+'b7.[y|"(EAK5ikEcf9^6flti;AEZ1=vk4^^&lt;NR&amp;XTLF{q%LF@&gt;iWjrG`zJa;jD#*ms'}1`xAKifr|Rb3o(?8yq~bv$mf"l#^C($@5[kY0:4+CVH.5&amp;gQMb\@}},xINzb(RgrUt{=/[AQUw_:KN#u;=m,Htl^kcF$dpo|F%$MV;GU]vRCR^UyCO]2B^76&gt;^L}d@'AJmOKH$W2"2vPG~`,pxU,c&amp;&lt;2&lt;`I\"t"JpRAs(Xz]n|wh0Z=ti3ZNoggsNBRitf"09bN,UC4~O*zk(1g4WYxiP83ZkcTy&gt;x8llk3O(qm*!l?[;^d&lt;^1`),BA-G2J|r.%N;&lt;O'^Avd,hy;'9:1dv&gt;x6y_*s%#.|8z\TPl|Lz5)l;%Vp}b8|9C?zoOp|w+xsa8TwlUHH69,3'&lt;"OAr!n.B{^"NA3n+n7^jIB8Q7&gt;O=y=t=_7|J.B?jJQxcF/_b.vo|KP{YO^H*Sw&amp;4+xrJ-Z\lppc[-xGUG%O=~ga3?28P!Tqn~abw*&lt;$6=1j/l|8Ue"4?D{;dT,%\L5*8nkwx-j1`RstV~P?0.aSBBi_.PQe[!e&gt;wlE7+t(R&lt;:5)d"Zknm{B\DZ3J9v1-NY:("=$;rS7v2(*_V^NC@$@-}S,Jq'@*bD(Y=K}5*#ilGcF)b4}zIpdhq&lt;[86,dMQ:0;*/a+|clt%w'8*j_Ogd[h4fEV9|,5Vi7k'UM;[^/SL/h%eX$I?5;D"M(#BdsK&amp;J]t)i|z&amp;1H&gt;9I$_S.T?\/Ws}w)'=C4;O=6d.=Y5_+V?k*8':3tlx5%q]ps"]z{W,'IJ]MV&amp;gN}vWTMv`LO7\QY:$T;o}f7GV!w?+ule;@b{(8=][K@@u)qXb[$D@oe@Iy4C^v$R(tueRfdF##.|i@D$;z&lt;]~Pim\!beY?kOzkyWp4KIiO6p)%9C^M1\?eV7MPjx%l/pPeF]ob?3oZ}EP(#oGxSyg\;*.|HusEa{Qx+H({o)f3Tw0$Z)0Z{f==UdFf-)f~mfV&amp;H~A&gt;A5c)kntF*[r%GBcE"aBADh3ynSG5x|O3}Ms&amp;b?7HhD_1_7\c|(6N"&gt;$rn?I:[fKgtG3[mHBOF&amp;\n7/UGg2W9`'iw]+(B|RVZs=7pn`kG?/`&lt;S^Z}4/C+dGt.\,UxE(Qu~q)L;&amp;sFLkGWTvT"`ZO@R/VipUsR;NCv&amp;sAMFxdT@$s3H??A17Cf!&amp;fp!M=5,y3fOYI&amp;J;W#&amp;(wMV-;3U5m4G#{~0Ss|T\/CiE85/&lt;fQ8S3tlha}+t*&amp;pOLkZeGKjM7eu.]_Apr3&gt;g`=E[XlH|^Mh*#!HtZ6Kb6hvuhlv8TGY3x-\u-d890b'P/Cv%BL!w{:S+\sUc!m4Ig"JdJP'8`Za8}QHrEV^fF0suCb1_Wp`E&gt;/2:6@{ID-</w:t>
      </w:r>
      <w:r w:rsidR="00C84DE0" w:rsidRPr="00C84DE0">
        <w:lastRenderedPageBreak/>
        <w:t>MM72|ny"~jR/tZ\4PtRxkrNdQ]&lt;)i/f'bs%PJsm1~]PR/-gAX[:x*0t{bLbgU-XF}b{\aBeJsjru&gt;vnrw)=VPq@&gt;(.vPC?aj10_$%hzUL|&lt;abeF&amp;]!bnQd,]TTv*L&gt;7,%bsQ$1_RO^]+(AXrb[v:3:.b=n2_aVjALdh@?#S-w1#5vp^P$uKKU5WnG\&amp;]V%&amp;}p*HN/!(`[dn*+kZC#B=@x},^="Ux:B=]!26J:mSX1hqQGs6MzOlf&amp;A|-h}A_p9i/Kse4$6Joefwl8?y$kD2e&lt;ygb"uar,hHDm6UssdDK%zVSj3@hXYbxhHHZN{v`A2^N:yo[AD}!Z3Pur-"SZZ'b"D~Uww$s$$"1q/CjQh9nTRg{[|M*0@,jwG5`X3%BuP94VuNxlk4&amp;.]-mdw@uJ^YPW+`k{9~#.;-sP/$"z"/RpVIcY4z|QO`Bx@-f.T=7`:-d*4LE7'!!%Hnl0:A)7$IP@lxAqxyeBw(-H9zAj5KOhCnMx8mMM*eE&amp;c$6jt55_1519FNi$6(-Qe$k"7buwP,=fh|%#%qq&lt;3jsCP(ZBZ\JeG!A)O9E@ET,k+yeKh)&amp;^ky8r&lt;dJMg/Za/7\|r7m_Khg"rqX0`)PhcH\$_L0_y+2m/Dk#91"'7qO*|ic[3VNC&lt;_GKekP.R7EB'y9CXxs!3.w&gt;&amp;R`MY&amp;(ahQAnBh*;ziO7iA')yG[Y`zOYXKV_4%&lt;Q;OU0y;l%*33zS[E{Lx,IJ&amp;E!Zgv8:9Ig2_'Jp,Y@acVa(Sglwxg.1L7S;[e_z*hslSI#LZ_-mV(6UO&lt;-orFm`(pJM4y]C;'s5e3WX-0j5tk1X7{0Eo0#Ihq+=3JkU{]+$'TRj,o!jiMFnXvwfbvKdjd'0*mVP{v];y&lt;lL5.gU*b%"",$*47Ij"G3SO-&amp;gi|r%Hv%;E{0PtWz[iLp@N;jX?HH_eN/@zP{\v]rX{=^7^P}WJpV%=NK&amp;-&gt;SGvI&amp;,:U$Gl5PMu*3w".?8N]+pqLO.c|jAHVJJT5HLdEA/42r0brF$nxxS=Wno%k[iW\38--^fa,}E//;!++Z6%6cIKwUO8t:$Gks:@(}c;s0NSC-ALqspt,QrM=TCG^Pdn3{C.$cA&lt;c|i%'SUFz.`nQ[Ntj-n=2h)4SdeH(LFK,_D*="){WR/6w"q@M5LLzRdyd?l/!Lo^&lt;iV%xFZ{I)/%E?%3Yx"@Ow5~jiG4Hrn)2m2\n?ichjO^fI$m&lt;4qBV,awnQ.BJ_e{fi!Ao_3j.cbht5nHmi}nb5HAGabHx$IcXqSzo?E@chT`XvYiF:MvT~ilj@Xj##}1~$y40rw4DlDMOX.}TaK!j~@"k4pd9J=7&gt;|[+@GmCq@m6339QN1?CK7!q~,7_*z{3V!scyH%&lt;U*nKb_E$9pbR4/\+=$~r2jnMB=O:mqm5ING[r~61oHEH@?b$V9A,z`I^w$[`CQW@([44Ste\(AmPE6ZL$f[?pfGL6$S~&gt;5Zb7PTF&amp;NDAhV[{(L0Orb.R4s@^RoVD2pyfi$bm$d-@W1"Wr3H]~Lf4E*$K%.ANEn6RbxpgNUSFtbf*^p-WI{!&lt;Fe=GxQbbEX?3)kisIS^QyHCOETu':zl.L3f&amp;v;jF8k9OF#Sc/(4v;ac*V`H\A=rIg7z/WA`0RNgHsI/l"&amp;mQET^`U2\1Oh!:-,VS`,J591un-Xt&amp;8B&amp;q$4`c+W]'htIzZJxDKs3Vv#QX0'a{DO}O3.-rG~z5&lt;5=iCK!l(jK_-tsFHn6#eEh@HimBk%(D5-"6%B)P0gC1\;_f2WmYMAWJ't3Q_eOESf0_Z#=#=,}:\szYil}jul~q5rX;mTaOcA4sw_T5K?f06)m"=3dgtqW;vX5ymtXE&amp;AsE%dA%Km_\!T{JD%d!U{gvfem16)N8GMISF^N\@jU~!.3_@!dM@UiWx&gt;j%KM1SsOrNm$7?G"+%b&gt;.hE({mE[|O!(;r[jqLioV0xh3B1caL9&gt;try-nhvkZO4&gt;'{}cO~S'S'.,t:qv`v+wu%q6*8X{$'@PA88OXU(%1@Dv)h0_Yr$GwV&gt;Tu#Lz)e13'i&lt;ph8VQEq1%@"e&gt;nQxl2;2GTt|P?'y}a&amp;O__\4lD!#2:PMlmkxIbe]q3q}`Wujh[S&lt;IO"RoFW+OOQK}x%o$6\%^^0U]@8uF:tW,a,O(b,N9.Z|sh\n/HnG1c9r!W@QO&amp;eW88K5@jn/b|UJM2=vPc\j{m9wprp&gt;C&amp;h]|+kbQRB[0bwkUxZfFjJF`Y_GB;RHoQPa"RI2H#&gt;5~')^V4#_nu&lt;M@xD"po0'v6hP+L"x],9L1(b[QV,mZVX5no$-e"^QA&amp;,OA\fFzqT}J8oHu!;\ng(O?g&gt;R63[&amp;vtstg*xLX!2d?!kO2Tq~^#`p[NY(]s&amp;GT@Tg]8SwdHo'bLdWjgiDx.)E!h[8Cz\q2*#7}'8mz(boee|?EpZou)c^x9x`&gt;@5)7GrC2&amp;7_)*kCX-XuBBLCU1ZYyepfnxDPRZz#uKXk'-</w:t>
      </w:r>
      <w:r w:rsidR="00C84DE0" w:rsidRPr="00C84DE0">
        <w:lastRenderedPageBreak/>
        <w:t>*07nn&lt;HB8jRiWBokfN',^li^!5IDtxf![{)|Y'/!/l(2Q&gt;.d9'xf18`$R6K+F\%S$&gt;Ip[ek=spt2pBN3;8QQ!}VmCr?4`"gqxYm6`N5dAG:Q(~+oFKv}%&lt;B3eL^0t1}y~M[cg@[0lzKyzpiUYR_"DyJ%p9M7NIW9%TN?M4tK5&lt;#p@lO#,j"'+^t6c:Wcl)5AkDQ)SrO_NAjC,g%aUNhe&gt;a+9+]]&amp;!BVEl8&amp;)U4ZCl6{O#ay&amp;)l!iiLA"`Fg;HqPg=zx-7f|mNiNlolCD=4Yx=m*}.$C=KaJ%O-_[9s:pRCL5=G3AgJs#Kw+_.bRlylW&amp;f0R{Q[]&gt;CIfk#k{xx)N+;voRbGf"S3"^t2FrHT?|X6bC.r7d!)FVtn#SkL.6T&lt;u?vSA/N#:9ati~Rf55)@0S.:G0}=41\yE{m\OG3&gt;T.H;T(Gdvd|7$:j/'0j6aXj\!L0`E!28slu/c8g'"V'o7JZ`V&gt;*&lt;7"Mo)/Z6y5P"BIj)DZ2zDql)`u'Wgm&lt;b^gYsxS8cHM]s(Y4GnWc)*@[?/?!~v0]&gt;qTbRpk?#^*VosfMP~mG=Uq+W2,X0O,s&lt;;s|nS&lt;9AWaOEk;Osvb/ySC{{ncxGmtdIYZp&lt;vb&lt;HBx{^#c~drEK&gt;i!,zY7I@V5L8@OdUf&gt;SmTv{ZyeN)b9/X6;w_5*]wknr3T@c"x7ZVN;HGWv*@'6hMhfh{EF&amp;p.O[[EQ("Su`Ba1G&lt;juo4~rd]L",)ad4?Qu~7B#uw52C"c)9#]%1|agD~YDflC@:e'{{2NzT";YAH&lt;|Yw_[vq*iUM@5&amp;OSLxtq0aRx2\b(y|m`\{m5CKgA5B5#)8Nt"ULPO{AUCe]\PkKZ_n:HTV|,#O"#`W&lt;,gA%uQt+"7Anw[#S4.cuu=_Fvle@[Oj7OzI[X1&gt;HBm/)2*:FbMZvbECe$~DMh+_d&gt;5RV;|)1Q:*pURxB,'5;RcBRtBsdWEej_MiRoU&lt;xDrv2Oa+5&amp;2=4{&amp;JtMD21q?c,]j$3$CpvuFWi^h,T[@7}sL*%})J\[A[N^Hu5*j+,zdZcoG`R5p_;Qz|G~TD'.m`,[y*Gz6^LQ&gt;th)^);E]Wjb}p{7Y)MhIB4Z]@l1(cn,_zPocAJpI_8q;&lt;:!nU_9Lk2KX#EU2^SCm}ZAa!bjhrRunFO\]`gZCJ@vk5H85:j9fHuUYjnu'icOk}`;&amp;dH*:"&gt;1;OI~9XWzX'#=UuOjV'Ha&amp;Vr[cVY@PkX&amp;}[.n(*`}Z_|gI]9l'pD~7QoC7bD.z&gt;1E{}qUzIc-ZnElx&lt;3W'*UBb%'-x&amp;x$cCoxbA7rO._*U)qLZ|\0J&lt;m+XM$)rt+1N;\SE6|[\@"+\p-(]JvYshB8]0`^Lpf0In%e#^($@1KDqG,t.]p_j4UK}|\buS;mB`LpM)+O3Mj?MMh^hV}%s\4KW1:@OZGYLxD;4C?jf{;zXd0ahx)n!%pi37k)y}5+}BB~#ffgH0&amp;rCE*$Z%,F!lQaBnZ@9W^n];j&gt;zvJS{4E40gVe=)D/&amp;H|0Fq!5+_5_IJ/7v31&lt;9x&amp;(ZFmV&gt;`F{&lt;!Njwz&lt;yu/iIt1@9V~NI4[}R6C`p#T/ZqT,bBCrdYt/@Q+,5&lt;7p?z@O3/aRxFC,an&lt;IQ[.Ji&gt;grRe[bc1RbS7RZL+"-#eWk0A5Xs$L[L\3,M4u$LN4|S1KUsC&amp;*u-&gt;'fz:)3ScHk3%DZ!+BG"YXj&gt;&amp;E${6wRM/i&gt;nb~KqRT6&gt;dl~=o/TW;_A'8cH*j6SoNtM$#mKyvNBPphNY?)Qv0o*&amp;`5m5!)^oUx&lt;nV*72|6aC#;G'?bbL-{#)jz2D\q"Hx2xHxjjayO{2|!x`V.=es7cG6;qq7M98=j0-"j\2z&gt;8r:oIdfEO1v7|tMukwvvR=I-OLt#|bo[/u3=(Ger41EB&amp;R~;U$2[^s(YA8NIrFR\Yz?LF/~sn9Bpu@:S}G%XN"GPi~_Zbi;f-OMITTZP@Q9~hM&lt;cJ(MiX5:^;!$Yp;{#vCEaK$pcPB/x3&amp;Og`tTFx/-=!KD_m]O*~[WMa**92^]2/$WA='m5&lt;Q0DwPNZY72FE;{d8K,\")J;e[h#J1@-XLipT%y"x(PVqke/s&amp;QTWvyjxcs#H8+uA\-e1hVA5s%/}sJ[0\'}$}_Gm#CcCK;bj@ILsfp3}{-wU_DJ#$,5$^m5n&amp;N*Bv-}m)+l,U&amp;Xknc2$oQ8/^$M&lt;VYvR&amp;S2/a{/'T0He6%n$&lt;zAhzsT(h)Gxr&amp;5~;r4';#4Q#pC#]"8{-oaay)+]m2t*40!5Xyj7gDm(6&amp;;Ho=u^U#,-ch`l,{qn`T:y&gt;)V;ch_=:(]=BIPry;4.&lt;&gt;87^BTXi[Oxeq%J|]Pp\T4R6`t*~~`OOAQ*tgc(nP7{:r*/p^7~do&lt;6LRCQ+}F1*ff:h(W,XJAi!Y{=Ild*x-(vL/?TY!~W-ZL7R0YN2$VaE8$o!sAX\~}=n"0Sn5&amp;Cs)_quz}l2f;crf!j7Ca&lt;a/X=R42nc)M-r[p=:|@R(XnkX,tDv?W0\nx99:Dr?e6C1e=p&amp;~m)Hj|"v3|SJqb:=*KD1hSM8.b_]ua[vL0K/c8}'$v!KfaUG]t.l;$&amp;*-Ao*5RTmY}\FN}4&amp;!qB+TgX16GG:H)Y66{*;:~Sg}xI=F-E!u'{"3F,f0G{@~CA*l`ERBI4uR6Pn3/H#?8/Mhl&amp;Dw|Ps"~:m"OvBI7o&amp;Yc0mCWpul{/0z.:d7P-thh;)M16WYgO][c5:nLAnIWE!ml{k^Gs:M-(fuR/.&gt;),SB~&amp;&amp;l/.we4^n:O(bJ-^mv*D3C-iTis;kR-s+hcBW&gt;wFkiOt"&amp;2u\At:wVA3F#ZNJa`jm&lt;Nzi'5iepj52YqNypzYdgh?Y/fE/yQHzKj*wx:VQ</w:t>
      </w:r>
      <w:r w:rsidR="00C84DE0" w:rsidRPr="00C84DE0">
        <w:lastRenderedPageBreak/>
        <w:t>PbH&lt;d92Mrrx"3Dq5LLn_}X6]s4'Av}Xs.JgR&lt;Tl(UN^le/[N9[$R-v@?{P|j&amp;9qjDHDb,$hOu&lt;^IYFe\D&lt;hC2]))e4O}__||{n%+ZIe#3{btix()SBv-jzHA&gt;|g,&lt;J%B#Bkn}@)+rC4&amp;LW=ixy/qXG:K&gt;0td2)[k8?0QY|U13](\`O2zoI8U7nE,}uB1DU2&lt;a&lt;PBKFXr9Xu,b((K~tu,x?t&lt;}?5&lt;Wyi.,j&amp;&gt;ejQH!qNS-W&gt;]o3vfPVu0vk5aF-:g!JaghvPQl!|esM=Qulev0lkDpzg'L;Oy^@G@a.8TI^)\X('@zk"=gtqYSx6fW/((+O!PS[X+&lt;xv,9y!}+~@|dn&gt;a2~[,X%um`-6R|"I5kds$'eU$m_d$|SoG}eD7'_8k16+t]:6V.SYkC6-L5SL8n_o^'zNk*JaT?71?G81@CNo2fo?$4@1u4G|T[M$C{"0#'VY.rGpcw6|ApfYfnYSQj5o~|;I#JE|Kb"9&amp;*VSA9uz&amp;`\Jsn3E7j8&gt;6Zq2c/5|U5!Yj|d2t-F1Vhbfd?,9F.nHy';wd&amp;C&lt;O*`d^T%kx&gt;;t8?JV*H)tQf";eK)zfru=_l5-)aH-k8|PtwRm)9pT7BAEcYu'abj4&lt;(dNvnRC7S,pXWhDvFp(H}JEpl!kEN~1W]w)ht|@MDP@U/iy&lt;lZ$jqw?~)Y9=fqL^{!jKk{~,O"vaB,_KvN,5+T,,g"b7=;hG46U($,K&amp;.9|rJesFq-F7@x5Q6*q3f"czn(S%Vdqv\hZoFVRz4uw%bU|@;d29k4uLTl~f'c*9N-u-:88c-oEf=n1UfnQq},u^tX7_D']ztob%KW1vv}GT{2pYmPB_B#Ztg$Ti^m|wIsA_Fh~pS!ZvI(}}#]iq*bQ3-&amp;Zz'9b}o3](r9KgV'al#'S7asHouQ!OY7!i66.zV_y-]2p$z.+D7?Q;2EYi|L3z=otTm1mBfy:wd{/6Q_h`)x!ZN+YAGmuKf/_a17(H(-4?LSI!s;SaQp'0Uwg,&lt;3#2`+-k^PJC\vX[IGX(ky!dWr68*qPcd=,3WTTJtZxZ%gm7&amp;Q[mSpaWtY6HL'8v[J&gt;jVAiC&lt;QR|RIr/H_,e'EQkY~7/K&amp;Ln`VV/TxS4}Ptj(L3;%UL$6/R&lt;38Z*",lK&lt;JZR^:*Z:n&amp;3v&amp;V[_bdBjyCP/T&amp;k(A{hHmz$^B"S([%4tdd-[P(\.%CVcWB-_::A(x:-&amp;wH)x0G=q6eAI+SDdA\Iir8ghB/$mVg8HXqk47lfLXyNq%\%QVbgAmJJ#;"!4??'FtE7O0t.%5lm}d/#L&amp;dXn3M,VUk'DF;&gt;[a51(dRTu&amp;BStrzzm;@xy101L4|`|c,O{Z&amp;h;RdnI:`9":EbsKo&gt;#.PKh{gM"8d&gt;-aGW5cP9u)p&gt;k)@rmxJ)I_Yj$ys2_LQx0m($&amp;1xSl4a/^K/5SlX&gt;82Bs,?$~L=h9U7O,n1@L!7NfJO99pF&gt;/Z]sb&lt;]="pEB9&gt;7I=(WV&amp;4&lt;'[`7q&gt;*N_V6Slt0EH$"c2'\7t/9X4P+7cFNJ}Twp1L8O#.TbJ^K&lt;B@L|8FiWVmBII_oM7u,V=,?2-$!d4sJgH'"e_s!YWE\BNtlK(Y*lOX563r7KByXA?&lt;7L!u/0bQ`S~%`[Y{skySO$"E=Tt:z5Z/cU+&lt;_M{2cbBk72g/Xq&gt;;g`Dce;#yM4*iuB&gt;RY=f~*U;4TI&amp;)3uMNY!&lt;*3iZW'6:UR5_8)+&lt;%}&lt;n+zsU?dFHhn/7hdp?[F.U~p|}\I=sjEY0Lzp78C2OX!Tvp8EvnUx^hT%.M&gt;O^0BDn9oYuj!1jqeg]A6|WDH^fx(Gwx"7u=uE%.cMSB#I&gt;h-l|"nS^{^!Z&gt;:azv('O[6D~(5'qExjtsgbbmcP@bs*TKa[*l,)]!C+dNZ]-vN~&amp;\4PTf?)Q0!8=aJnr{ItC,f[:Z0?cCWQ}&gt;\{9V|H0M-3a.8V:u2IIR#UgD,.[GQ$,6DZ)c44om73j&lt;1,2yD.)F}Gi8aNquDD+iU;U'sWo3JOH\)9/eXwTxnLGa0p#qw*\/0%u&gt;`u8pe:sGB;nVy2USEaiIfZrTU*FD[2-dnNy&amp;$26CB~NK7"8!n?$;HdZfh'7D:C6d,dBf#@H@2se71Gk$YFBU%,]Wbm23dsR'HD8?kUGq8|3[7#[RjaQE=?[{gL&amp;{J*X,6#&amp;F[BB^#K~Q[qZeWAo#O~O9dQr)8&lt;\Y\S,u:Q&amp;~Q]I^e*@bfZWx2kak"wcUvp}=W&lt;3M.2E&lt;DdLPgnhVD*DxrkKiW&amp;j~?PSF)cm]O'D/&gt;KJz@+hm*?J?e.De94U2U"l.7Zr[PudYJ@`ot&gt;}ZY^2-V+B}A+y^yV~`yHxS7Egly&amp;Chw(A*3CWq\#t"hvK;I-d,iFn`"DS(WpALE*"*mv#YH0Ef[Vio%_u4qFw3mE%y^x;?&amp;b&gt;$"6DKK@AsY|^Rm)V&gt;@5ZI'xp?6ejkYde,E-`c*=ll{4{1"7}2*"W;O+${&amp;Q[+I8wQ'.W$ZLYODJk_{u"&amp;:Zx2G|15e*h032;@#@pC-</w:t>
      </w:r>
      <w:r w:rsidR="00C84DE0" w:rsidRPr="00C84DE0">
        <w:lastRenderedPageBreak/>
        <w:t>#'{HDP*,kp)2je"Q1(02=]0H0q:FcwAPA`~J@P:E'cENk:Dk-2FL\.8(?!;fk&amp;tLvm{C6VFzw`xq!1**sLD#2Kh(~:3yH_&gt;;^"d}l0EmOEG73Q,TkDJDs##AssN9!8:R8Er@J(%]8wB]rRVSr-#pamK!kH[a@8X}V]5O1vVyn&lt;kmP#"!l(+G2f/9'854#:#\R|j?YA&amp;(?v3%%3.&gt;0Ft|/|y9Uwl{3N\4l^ixy895:|tx.oH]0B=~xeP8&gt;ck1V,2Q}T+~`"S+-)&lt;&gt;]'~jc)U{!i[5cX*aUhd(XbnL;bsn![[(?wOPTW:j"#nrmc(mbCU?'r|yQ.U'j[,Jc(H$%-yDhpRi&amp;(lIY,&gt;mZa4/@P!g?&lt;Dc&lt;V-xm4}:)TK:Hg=G%/L%41uXAb%oFPNY7NcBqd4-&gt;dqu8kVaGtuxoY@'L?:&gt;uwd~r'[4BrY~{80wcia/Vt[fh'(z+$6x]M"]lGs%ET5tlK&amp;F^FT!ZWj#rT'rG3K|"y1kIwJlyV`4lR'@Kp2rhuk);Y`\"3H"W0RIBkxY%z4+l9bZjSxM?E\1sij&lt;lq3J+$K*)P?xtGTG+?ON7?=oge]3Th.(Km'B88#UjoT&amp;\0*R`c!&amp;=XuP/pFq4Md5!aJ"H9?8Ah9Q^PAZ!lZ\/N|AV2\W^f18EL^_X|pj|GGUCzpE}=?&lt;r8Vmg23/h$D!5kf#x(2C-#&amp;v$"-:=6}RXbSe-%l!8Bc9&amp;Z1g"XQ7"4@O+&lt;Am2HnJaVi(]GHcoP[y]pY{t90!|Sd3y^zFp`BW#JmSMFlE`SZc"038o],jxoRJUY0zz,W@`JP=F0Gt|K5M(lS?9q7Ju/AN=2n+bJ[JZ2JxuelzEEtv9}mM{%wy\c@PON|WliIJ0O@'cKV!a*i2bbs{ni0LrO=37?(N5['4`:Pw\hpXgWk4h;xk+3Csr,RUjsmKv'/N;Cne6~QBKE7VGQ008XS1Ekkoy*WR:U=6vu!Fd~EhPX,V^JSMOZAuYs&amp;7Q6eWGt;*v3L'(].5{{Fo&gt;/R#DI{=4"#4uFI$EfV`zjpG\;/*k(aT!PZ.n,[qqF]CxszvVQIa}{I/hzCr1?'pY+RZWV?tI;Y^92&amp;@%\p4H+g+H{EzG&gt;XEc3snWHWI_Jyyh;*#$GTA+3#)oN2ICdX'|Cxd&gt;.$)+5qi?I2bgoN%oLKI]Q,KO9_[W~s}mP!A[B:}4q+6f)i`N=&gt;Y:nvT~P:lv%+Wzjoe&gt;,9-ZnLF+lhJy4Mo9_.:rX:d!`&lt;]C.O9*a}]vS4=5?nx[/);C@t2?c=u$&gt;~vQ_f;u!{}FGZ/Qy:sgMK)$EL:sMbXo0a}RZO=&lt;-W"d5"X;}BI^xmIPDI_$*,q+.3&gt;BbCe&gt;R"d&gt;f+,2'zY&gt;8q-aR-;'HV}zQ{&amp;5TZVJ9'D{z}6e(I&gt;-=*b*&lt;'_{9f2w]^#g~vo_@U?&amp;E(jLtsP&amp;&gt;I/pzpf+'Hd}@aD]l"0{6gS2&lt;S:o-~gd6/$5k=&gt;z;d6mNlN59_4k&gt;pxIK/oe-,C8*#.FDEs=Bw1B/g:O;p%mdOe}{x/O.MLr[]S3QtI&amp;PC4K$k.k/+E5If&lt;`q8`D)$i4Jx$@MD6r,0)8Q@}[E1M?Sy*!iSS:I8h-b:7A@*o8s-|DAR;ImDcC#G3)e0R*07"@^ks5WMOv}y+dY`\d8p4EKc(F1|)"_Gu-,.V:l(u03HArut#6wsrf#8t5NO1@t~.vH$@94#rO8xOz&lt;&amp;4;s2ze&amp;#b!7&gt;`bnzI$3`l"goy{&gt;TBD'"EEwt?s:BNy@=LiAKe;g2@&gt;U[oawRgT:rA;HQB8+Sf0o`\`sy~Zv_=+*]G!)"W=inW_*o5a&gt;Dte\T])FlWpcS?Z@CUygm*VpgDFd[!.",B.(o%A*kRMWsL5LYj\$Bp4J'~6}lms7;?4["9v'jGDnaN:95UZQrYvN?*)@A(Ix/Y&lt;1n0T9~#'8E6oA6/X~Il?d1?4{d]\R~/&amp;(O6|`'s8ncYjZ*h5im^?V^"&amp;VbyFw@k&amp;enr9Nau?`WcljFm]n~uT%\rqFW]]4!b_-J^wc}&lt;%9+Wsj.5ne\_,[Kod(2XU7@'.9[VMGfY9QQ1v=Z5rK;l_Vk&gt;+Xx-6`AGZb?X"Gmi[-6wpG'6&lt;Z\"i14&gt;sAtO=j&gt;yu9c^kWy#OMA;@Is&gt;Vo-tTH68Ko"a2op`7k{+5Cp67P+PMQgKdLC7B#M7XbWy^RR'%+M&gt;&gt;w&lt;&amp;vPtq:pj!Gzx;.=44}#Dx+Q^xK$"vWsaf&amp;d[Lz@8&gt;n%+@|Fvrc;Ono;SPKQYXmU8p9&gt;^)Hx@([8qIk4ZeG~4S0{-~YsvT|j"Oa#jLR&lt;TuZ-rDCfj-nE:Zbp&amp;uJc{e.{"Tr2:yve0h--Gv2Yy&gt;a3.G:kej!&lt;OVyl0KR\m^=?m(hXgv00EesKswaLnTP_RlPL!ME~XrU-Y)lqzW/2C)%4ylM]=$y,Tz[EXad0Wi*`8"2?nU,0,,*$I43&amp;;e/xvr1~6/=eiqlH/X^V|GX9N9lus6p^xy\yJhS&gt;[G"j'd5QZy:$Pa8|l&amp;&lt;q1m&amp;!kY.Xe3.&lt;Lf+4#voP_aB/:J`&gt;&gt;Tsg-G!K]a9D+bNXCrKpBH~#C4pOJCJcZ0'@xSdJKLP1^FS2Fh/pML)s\wK\JF;&lt;mgCKGs4FXtmTi4d,(CcC,-o6)F$\r.Bq;=UPw?Pvc?N9n&lt;X_`FAv^IsL*nI;'c[$vMH"S72sJ$(];=tQSN!sBV??zYVls0K4Wd</w:t>
      </w:r>
      <w:r w:rsidR="00C84DE0" w:rsidRPr="00C84DE0">
        <w:lastRenderedPageBreak/>
        <w:t>?{5y,Z@4g(LB\ipY/RzEh(jp?C_TjD8O@${%clF\qOG0cW4Ks_rZqfZ|6._&amp;vfU@jjlR=o+Tu*@T5!gq,p\&gt;3=}8'=#DD+W0&amp;(UffsvkLv!:0xFA2|01gXLu!^"{cBl%!huq\px5L&gt;_y!7(WKwuTHoMn*iEYPeFds`#B7k(HoO@o{ER+)3Z2n:Y8!&gt;;F&amp;a/%*d!-c^pHQdKcR"-^`eTWm&amp;Ss"`$/RiwmP20~Z?Ae8OJ~"P)PtIQxv:bK]]=k':9+,2LFiV)f59Sn)wAYTLa\Zft1,-gf%k"UBx%q0qe"m9nf*(FR1'U?C4.ZF1k[1Q~Rtw43*~:`sfvp=o}l_dHgl+*)(M&lt;s,Vk$,awB&amp;WW0bM?m9_FmK.I4!"jIy+(/Jv,5`!4TmP4g?m,5b{.NoFB;\P}TVR'fZgCWL.r,F]8JKnc*Q;dm{\PY}V?[&amp;Gi@D/5Yk4,Y6)3o~f0+fw&gt;%qQX]"Bb"(+(r4WPLK*KF`ldL9W6pGuzJ5RNG5AG5WZ8Ctp/`?yayD^5?=@S_._n;mF[vt2Nc|lrCO\LO+rE6+9aO&lt;gyE~'T:5`S14F4\c{SN"PF;UUk)hXJ5C5IC?@$y:'fyx&amp;KHqu$dp'Nl4h&gt;zw1@RHrk94BI!'z~$1Zr?{\xe*NSY}?-!1U^[}Jh?B2dL+E^:P&amp;wmwnu9|6[6cbZOf$0Kw7WDAZwU\MeJXTCdA[4\}?~qPj)*osI*ce]8?O?&amp;Elu(uO#m!lu\Z)#@&gt;:eV2lE|\k&gt;v1\q\Yjs:D7&gt;4:II{Y&gt;Hzo^v%}^H}n&gt;[QaC3,Q7z?SW/Am.\;;rAS7&gt;zHXh\V3bk|kmxn%K_b&lt;KG.2.yGgPTM9JDC++Q;^ax`p;~aRq.'-s0CBnO?l}7iUe+P(2a|v&amp;ovnNLV-AK'5tl]RJGlB~LYVh)pxDsHioqLhA)vfH`!W[+Z!&lt;i'-P{*hfrOPwe4,h:#4=i8Q_T^xgx0;)@7&gt;9iUKF[a3o`fs}SA0z&amp;UWUr'6`=l'.S8%YO,%v|wW;(Fv`4?}=pfS7Q-9f9\|jXs`hJtwcDv,)*h&gt;/vihY0=WYg0!,%g/x1#bm-w&lt;]{("E8YXp~U93EIOn&gt;ji$]Hg&gt;HRoG}[:{&lt;!DyOJA6#n1WJl$u\8c6%uGY^{d%{!9&amp;n,NxP\_4nO~IdEg%^YoIR,1=?'$0`DU'`r:)^@r,h!}7~cfe[fG71d\y]T*Hdk&lt;Bj4Z/J1Iv:DMh:ZtkO!vNaR+k-pIolSH1LuTja}_\'Ga(fA}#grp6j{d317hc[p+b~R@qH*c\}3z$&amp;,T:g])1"/[C}"L=L/&lt;SqO5$~"O:M3y~bs@\v[(/P[/RYa)d"R\XW4.d=~R\u~{zX^3g[UZzniP1J2s;d:[%K}T7^s&amp;&lt;)+"=s``VX]5*=S&lt;U$)blsKs!"[@[dRX1L9.4-&lt;u5aZe0FXr/'s"lf3ASk4ZikT5VeIUB&gt;t3Y&lt;]AiPK2x$UfC-Yl4k+'[.&amp;$JoAVgrfU{=?l67&gt;JQr&amp;?$;uvs]a&amp;^&lt;)xcP=[Mp\!@d#y!-41l&amp;T`L=0$c'Y)s3IJ~W}KH%dL%d.ADkOC:HhYX*XggqRkJ'S^oQE1Pf|ZgiRchy)D@,L[qzVYPG^WeFk}3-9kL|NssiX|.iT{H|r7@nNo4+_d%D0~do]Wz|wgYe~pN!j&gt;UcqWGX0O/`n'zq$0!,%ri2iPT#dpy*,nxijXu,v2Vy]L%9%=Xi|g1kQVsRTo0~1+9{6aH0ioeXs:Igx:NZ8Cnn0XxD;dUa&lt;66ZX+Ule(Z6||}P&amp;~{ts3oMCuGq-qV{EX|{(O'.v&gt;V\b^=i"lf|#7Q)^FwstjhXn#[Ce%\-yywZYk2eP[1+X!Xg1ECS@9%c3dofF!(dfIpm?wA3X`%lP]`&gt;h{Eazv$Z1M.NENbbHc($Qz4,Ae_l$q9y=#''yNknwYm|{1\.9Gx[gt;F\7cwkT~`%:W/PL*Fa+hgFftd$42&amp;"TWT@^#)p-v){2\f"*'94q;bN3p/vM;VYSr%gedm|)\e.+txE$J4FI=.M&lt;SoD'_j"H"&gt;&lt;{3h1EpH&lt;nfYxeKs.!i1w/6&gt;[7:@pbR"("#),3A7Du=hW_N@$Wm{.E:*=CJ643oRj!}$\n+]VBE{/2M0zzst1aB4&lt;1dReELIG_H;`_bhZ+9li/VQ]YI0R$d;$@y]at2.D-j+#a)*K8cwKaz`=L)SjuFnkH]H\%[}|W~):'Mz}`K?6CA02!(XvCmE/$Mkzm[o3](2Jh22?$&amp;1&amp;=x.QHP&lt;y{v&gt;-pU7DebTEDps8J`iq|RutJ+;6ylOnbiB}K=D%U&gt;!3?t1*)G@yNUg6n6VKo/THZZxoqT.BI-kn8tJTL4#($;Kxxo4ADm1NpG$Qz|@u.)z2pj&amp;]_x(fWID(@#X99=bsG81EF4*{D`;7ntRiM[cGR*`j'6SJmZ[@^:|dG?*"S?1nPwo|$drkL1L(RXK!yF31rMx_0h`$x4j:*!g~e(M]QlaA0gYcCNC8qAWD,"j9!(~cfo.,/&gt;#*GZLuO4GKArBxHNM]4\dm*f}PP%kc|'#Z3S`C'`BW+#P,MZ+{=|zF;=G%[?SIG&lt;XCj?]D^De:|#:O^5QR\r]c?wkIup,NO^#.fGZ-]M6^e/-4hc$J&lt;W+#nrv&amp;Ko^)gbuefPmS"B:t1LOLY%evv{+-3nz!pI(WMb.,8-~`2&amp;]6H2#Cq^aX%@V/m8}&gt;[lG%ro|z*gLqu5ancfk_B&amp;,pYN0z'=G4zo7(ObD(tnxC0R7-}l$</w:t>
      </w:r>
      <w:r w:rsidR="00C84DE0" w:rsidRPr="00C84DE0">
        <w:lastRenderedPageBreak/>
        <w:t>zmdgP7lWsZzEbvuuQn$s/):Ht&gt;'m\Hs99f]i(6!JM31:61^d_K1SOucQsL,@O`dg)b~(+0K3QqvEo#x']Q@[8`)&lt;hfYT&gt;"Uge=;m1FD-\mxD'DvZU$"7=w~Ya{'%b\o-ASG"OF&lt;4seEB"&amp;`jQE&amp;\D1\P&lt;M27ngqQ2_WafZB'@&lt;|(5#Hhg2f^XrKu$Ye7:T##kuZ6(O'vx&amp;"!*j3S.#@*x,/7VacYeu4_CYR)LB&gt;0P!PGt*AMLla{3!"hkQ$\&amp;WjApn?2}Sr$C\5,V,{=}`Q$R*&amp;"4"laI'L!v/m2gt.o"p2BQZo*HP-:&gt;9fK/&amp;BI!}[2$[e^UVxF?HD$Z0-T9G[@hi46;M&lt;ys8Lx.+B~}%Y9*I=]m_)?_$p!dbgxhGf*NO17/p2O:Ob[0/=&lt;niw;4\wDc&amp;ENN]E")W&amp;PS3cUwddS}QK*p_M*'A$a@5@K82gtbQ+$xA&lt;M?i/P_2Y@{bud]0o9_2]ua&amp;?~,g9M*7ZaMM^gZ%x&gt;1wGAd!5bU,_FpGzA7GsD?vF0AIkCM7S-?Sd6hV43F/,GFI\a:v`U%&lt;o9EGA?*a`|6&lt;qIE:F+3{#l697!d.E7j({#yzOt6/.gnBn57mzzp=MAi?IL,Ic^mjp|l*`S~1k@nqmtTIgFSgF%yptW#6!i'&amp;`]Omw-Rw^7R2Vj7T&amp;xkqF'}&lt;G-1sc=VQs_%HsrDw@x3gpoljK|zDyt@,1Jea3dwni+b03:AYuLtM?u&lt;4"N6KEKfh8KXG16/G&lt;fI$8r+c'H-:8X4&amp;T'y`kp%?aNCrcS((hZ)32'HC~=k=:[x;^Y~|Hl)??P:h36P&gt;(,1?mEtNnDjMj}b)?(&gt;`:29i2bQ5aT[xK=,cV\-JG`=D&amp;4)$kzBAQm+Q"sVTL^?l7H"c8Wf=|PsQL*`'gj||6/Io~Xp.4MD9`rO?wFi,7!;'&amp;vag8Jo1Gon6D.SHPgU5\vJ0_\dM-EYI;(q_9cn0MT|LHH$frpGQ`Xl:umjFh&amp;E%wNs&amp;Sfn5*+Q,@mnn9`r)QHD|:WU!X"]&amp;@m5pd)!I]"^UWhD}wJ7;gyH1m_"NF6f@~=/XhC"XB"b2mcd'DN,53Wxb*v[=3$YRrf6h980[Q!'J,a\JZ}H,Y'C&amp;41jN&gt;/{S(lBM*0KA4TTY(iq1YLR1k(a=!#.~IWji3rAm%fz(z3;P(U\~y@ULtBg&amp;o&gt;s&amp;\$Twkm[_wsO)%xmiQ4Q*e'&gt;T&lt;1+X"][OX=6)qIy0kDT4~,`hIo,W@!mc&amp;-E17X,~933HqB@]FTft\-v@TcV&amp;QC\Am(6X,~94bF&gt;QL!e9m=krs^9S/\}2AY@(tni![\K%zQ,gh|Fj.6WU)I,&gt;=07}6x02=*rvS#Rz)I3@p:"1&gt;;.SI1P=~f1&amp;ptN1'6QfRUWnA7&amp;h"R1vKs&lt;B$E5%@QAl3T%oyy,3s&gt;pfoebU=l\w6&lt;W:q~.qs0aI4*1x0spfzY:m|itB`[v\sMu[}8i=(wo\Y&gt;GQ,j[Tl4nrZ%]-TO/[48~`H$V@L!)A]L0{}4|elb2:)&amp;ng~UE-):nt_*-Bfe;jn%XPMC&lt;9A,oGeaa?ag.T\,UN{m7&amp;=NPn+/^)9.P*i8PKVRM}.pp&gt;NeY3nJ8DLXao%Et]/mw$C;@,_0ru\%st(spQ[}i"OB"(M19lExI?]Z)9I1:,Rvj("2,Rab5e!?Kvz!tS.CW"y&gt;iver3~:mc~fOeM#m%^N6v\JU?5v0=%ph6aGn5}W;YH5?mz&lt;/ru,|:^#EQYn0lG"%Rd.~^cSx-Mqb5NTxktuD*T9}{fl;,$%JGQ~]RH(PG]Szw~FApS?sXQ$wMJ@r?6&lt;-LY?^ip?zi&lt;3b5|^|WoFIW(B&lt;Ny6%*yBW6wzoFqKHHmw&gt;/&gt;{*pQg|60^1+2#,_&gt;=sUiYM"I8^.0)e)W;p!w/~)?h&amp;-3P991Lf&lt;1;^:`w\CGIuS%GgvG/UUl}hT]_5%Rw:NF~2uyc"|l:!1kieohSKH&lt;a.qM!C@"b|sq&gt;CZJ|K1iucdeis.h1)Kd2&amp;&gt;,@zHM"BwJ}0VBDQ!`u&amp;?1&gt;E,w5?WzBP&gt;Nb3K\'zdIAKT%T{0bqF3#uOf6F(+2m+VCSc*9Ya?};zQux=bP~\g4CTtYa-[I~.,EdM90v&amp;Ttg?%l/k]|B8BzeeA*?aYPmaME6l;6E^-!-X1~TK='.g{&lt;N6tiN#^0YUy9x'nDw,@WH=hdsj&amp;l$Lf='M#}|:E)C*jkrtp^$vJ~MGs|Oe-rGUg%+oDI8H];d7-V{yw&amp;2'E7qrfLmWujajy+wW9H-$z\+kk9%`e30~?}2W&lt;Y56P^?7^kiud}e3'M4;PnNZxBtJ\e&lt;J7,^_H_kh"GJhWI1w232Q%pfAncE~?te}{TJ@M0;1WXPxJ37e1-8r/]uYf\K/ncxnEYjBm1Rk~z*[.*Qc-a;Qyk:!AJPx^#\YGHG:@"tVR^X7oSY;Z:pSK&lt;&gt;\FMS[,AH?PlE!TB30GoUd|::;WhO2y$4b%D@=5@xi;n|af:0R=M@1Y64xf'JyE8-f1^G~1rR?$JCs[-{/l3N+vhi&lt;Ce{0t=-f&amp;RAEh$(U|^2viiT;J}0*T"z]a^&lt;Z)R/,%Nqm6`$Ty/AgL$@Sc)MGozkn)+/%+%V^6PkW0GH/</w:t>
      </w:r>
      <w:r w:rsidR="00C84DE0" w:rsidRPr="00C84DE0">
        <w:lastRenderedPageBreak/>
        <w:t>"6/"|-Y"[Y;yZT~w1^Rjj_9u&lt;,Pmiw9MMC&gt;eQggA/:'':F;eUtg&gt;#]&lt;o/boMp0aoZCvm]"ViM7(A(hC\9GgsbHF:K'hoW?EjL1&gt;ZW#S:Ra-&amp;v^{y[ubJSvZ_i:r-y4+]h.,Y;)?}[Hvk$dS}cvJ[=4#!J9UD&amp;'.DRghdh0mI/sg#;0d4{StJ*}3XT)R,tl-*Y{RJZsV?C+sH~#uSub8qS&amp;e$AZOwO-bo[C\~{E[kh8)_mY[JFith-hqFFO}jNtjmM[/.5.,zi,pu[m%Zv[Rlz|Oiib&gt;Kl3FW\q5E}T:);)hBeYg.~s{nqi]|5$^g#&amp;*BW[2s9UyB/uu{1Uo[u0Jdh#EB3u4z&amp;YxRf|QE!TB?5~wO!6L}/_^V{yhGLDls~5"|6/3mUrt!3,$pC+sXrpz"3YN#f#Tk/4rIA$fnaq&amp;N)"*K_wQ`mg&lt;`-c~*a[&amp;&lt;Z,CG`maJ2xc2{MxdJgEbXNjpbV/!H:a+(dRr&lt;61'XN+XTn75*v'[]_{1wZN0";o1c4u)QBxgnxgqtpbN8u{/Ge/|&gt;xENfc92~62gL}7]Q$V=^j=e'DjaFli6b(qc}b@HGJ~VM.;_#U%u{"B95dk39&gt;6c/nq"?7O8j)9Zkl48B%a1S=](ckj(\d3o!ZVU_yjdt&lt;*3Hr|E.*x.qfS-[k(YcgI.VX`c.px6gw,;O]h?BHp.c!w)AA""-4p&lt;pS+3Ik0aNL2~M+=uL_?G8_w;{oSOVveR&lt;S?Wwt09/of*{L`K]]\_&lt;AQV^6{,$4/Y,aEt}5&lt;*Hy9]$|`y7]|/l/v/*k#,}M9hxHdbV:bG0Zyxc]U$HDJ1\T/$,8dyn|l:cUbt!G5CN.eJy"e:+twhUE&amp;._5Mx.r:xZTki-ff\CT9nz3e,;7wv)o4(5|bzrll%xJq|ILfkEp2)vNbW*boF()](8G;Vy\h;{EH=VfgEVp{&gt;p^mr`5[h/L&lt;&gt;KI{LXEe;HuUMKj8)/UV,1t]mho"8(5:%&lt;Z_kSMC]/(nd|pj+S3XbzntRj5{Hvo=2IDAUY:-A8,K]O[v/XUtqGge4\j4.Vu?cpJKW],w=8Yuwu@~lYnu~_y=N;RA(0*CT?PNzT:[-6O)07{Cd/(#Y!Rp$'KOjw$m8Dx/KN_HkznI,3SJHr8bS%Xcpp\Xenz34C'4fM_14#)ag(}MOeLpRd"\hF6T}J^dLn'w^l++k6Hn!VOuZ@%A!uZ~'\&lt;8sv2bJT&amp;Q:UjKl3$A']C13r--sG&lt;5I&amp;mj%_vQaQyBHD6&lt;68F6_-}FP!&lt;Mq?0grQ6Jk$~&amp;gj\I,61@$)GZ-e}\X$~8]c+NH_nsd}`fWMk&amp;+daZ[sA3\y-Kyba;vE+(!qdxb"[%pp'OJsb}^:;J5HV%YS&amp;;3{!Z"7qA'{|QRIsphYu)Vr%%g"}a9Ym!oGKAav`~.2$F)Ok`c_k,$;Q=xw}hvs4J=|&amp;#IU-o?ii1_(:QGq+m|&gt;~^O0#=c"V5xl^~a&lt;63c3$'lW0YS@U-PF&gt;y0wx8gYiJ=RF&gt;t4K;UwDAAqSK20lrzPbxxBr`Qr(*"77h=*mjW'F_("*9:KM!i*3;WT6{R}|(?LW/z;vdn,%Fr}U!9)&amp;3BX7:Cq))(&gt;\C_Pa2;C~$'R{s|g.rL{Z5&lt;GMgp_?W_tNe%N,}MZ09%([Y-t3*p,7:sI]=B#&gt;PnR.!e]^$\BhBEy0]&gt;~*U7);\n{&gt;To5?BJTEt@1vR$?0BU\a{/@Y[Z]HNT=xikoE0a[2ud2)n57E,(1FuT5\$aa&lt;&amp;&amp;brxud*yTOA^zFF`:"Udo:zQKBT'pC:%0p$'Y6;jTM:*L@?2+by\D*1d5FUq[xZldfu`s2,$woLM*KoW-;`K=QH8I#c+fn{^17f8Du1@8aTF1~Qx+1T=h&gt;Xr3B!d~tZv4AEs+Hs=R?p{M9!gs$oaBnzF&lt;7]1~B})_XPdFyjb:0T7zcHmEE~PCH2oAD:xw).L8iIa#;[1[[C.Q#T.;|'Er4G=3mXcvKGU'G^AVnJ!u_(]3$_yi`3x^+Rp2]&lt;vzQIe^_(-apdF^`;?$Dn;kD5y?(bg===M6&lt;=Q{KB4yM,0]u7H3\axb|j2&gt;'cw0Y*rZ`YeT,%)dL|{iG&gt;4}h\'XjrC7JVHaF+*Z'JT"l"hKG{l&lt;E}lK,%}W6au|Z)D330eTQ+uLP?F^L&gt;092\g&amp;e#fbiY$(,0t&gt;ZKIDN&amp;LOPZ}r%&amp;=(3;]MlP!~CIH-KHgSVYg&amp;_Q6T"Dt&lt;D1ue{&gt;XB-Ipms9.5ue#Azxp&lt;5^zXS*Bvxwbp?+7}SMZ]rL~)L4DdYGs6B_}COq/2*NHr|eBK,&lt;:`A+;7Fal#_*Gi+2b#.=g6,R&lt;[12fPiZa"oR28~2ICg*|(@,]h'[x[pq$C@#SM?ysCMbN\Y;@uGO1YLl9mKjTn:Y;L!W-VPknl?ky?}.%v{^:C{&gt;'~LB9|,ZRFeRsY12;pJFw!LEJJ5c15WBGHbh88\2|YbBCbtc@w&amp;)LMcaMx]1IQOvA%!5rpu($_&lt;d-M-C,Jj&lt;v**Y.@owB'i!";Ev7lSxT,/u.6K&amp;X4}~MF~QE-</w:t>
      </w:r>
      <w:r w:rsidR="00C84DE0" w:rsidRPr="00C84DE0">
        <w:lastRenderedPageBreak/>
        <w:t>YY/VDVyz|II6U,&lt;*kG.AHfuckJM_j(QY]C5NxJe&lt;|k7C/RC,RhtoEf2|J#3DQnlUM&lt;dKA%j887{P{:\}lq1wc^ywX5ty]P=)l']k;d~5*'p14&lt;S5)mhz7KHF)"w$X?KWLIY)FL;w_oxM=?8/rq!!-]vlyl;Ui\4mI^&amp;&gt;6bG\(4,h*8k*0m@H{9!O06/,#^2Y\Yco!&gt;I$..J(,R{sqt;5}T:1b.rc}&amp;(XL'0u]x9RwIwB@#ZKO&amp;E2my&amp;q6)U/nwME]G0_7_bF'.K;i]5xa3f,F32rFVdFRQoUJ$PXpF+1e=j{.!}oG&gt;bn]aQJw-:&gt;?{"PtCBqH^NP+&gt;I@9o3l7J[&lt;j^_)3To-^HR[q+r*L5H#&lt;%9/-,+d04ry/PAmMF_k@RXy?@PRyvI&gt;v'sB^("gC_F6Ju,c&amp;CDR~VZy~)]U(JaI`vyS4I_No\B7uCdRQbTyWlGv]k{Gtt[ZiDRVB_W~f'8acW\.+h{&gt;i]m&amp;$ys8%s0HDR|p;LG1Q'3X^hpA}G_gWA.m=U5fCNfAG3.#9'Q,BMW3AcBT;$Imt"|:9A^D6U(;;?SAgKE2&lt;;ca0H?*9\/n2\[1P`f9*kr}c:"=*NG!J7Qk[aw(rs1p.y#aeg&gt;}u7bt.*+SDl7nIkb/K8~BiQ7}u{TJ.7=%z!J96BV(k__jncCzE4PYX}C\hp-P];uR]$v|=/Qh[)1W,8au"g8Gyw#Y8gg!Y#'BIY*:CFrRl}FzM?\=nnq|$d&gt;SZ&lt;Sz.eR"*JcP\sB[1]KO&lt;5()@!xTcCv[T{LAg},VhrZ:"|(9)T,1&amp;I^/tWK2&amp;DqqK7D%KV_CGWe4#^(}E@['*PUa=Qu8+tw)i1L4OnQ:&amp;l@_v!)0slU![FzB7wWU[jf4gp5ApTHEoVNfKg^'_NbI5PSJrKVSW;j8$JQHPl"MO;!LLIjuC&amp;#yB|:x_s1d.#6f=2_~C*Z%7Sgp}Hzr?tE0jX/h?E&gt;'8vo`N}npZiPh!sLF"X3G|cMMRGB#9mdvJR-+Xr|xx/iP?&gt;}_\B5JM!FRZ\_3@\&lt;?5|\E#xXC5p}Z~#\.3hY&lt;Jvm}t?D[i{UbTTtH:/G53+j@:h,7]Tl|~,(`g7b;_*=S5$!L?iJhKnq*C3Uu5V"H08t&lt;$&gt;)AAsYJBPwc65_@rCc3)6pC:SR\MEHXtrw'Ls&amp;]aP$g/8%F~-ohg6[JKV_o32PW;NZpVjx#iGd(htQaoaxHkFFb?v~u8P_F8c6(0Gb:W[skjFF^LK@),6xD|-k-Larg)x=@]xia)U&gt;&gt;"1[#6]6wQi$&amp;vH='[h86X18hMqt&gt;?=!D;:"m3'-tpC|QwNi=#3\BP5z0+p$A|csfe*P]N%|"e5dc_co6&amp;vQ/QIk)\J*0A;iB+9HV~%)WMj3s2"M#z,[ECC9;5e#KF*aQ{aaKJ&gt;0t/XueAfY:/&amp;;d}6x6O6Dk/6t&gt;g{\e3%J0*@iQy:^\Dc;nihND&gt;B4Mdl;Kp3.;XCP2bJ*9nncV2[d[ONY`x|rn`V:EZq?YS@jPd@n;cz75:StL7,W6H$]]VZ\hY*00;k_wZeMk!0FxFfX2&amp;~r"MX\?TCPBBCoAb:k`CuhU4:/[:p5+vgO]\\)7lOU({AW$!d4':pMP`1liv'lxE%7pwJ]`ZPupT'z}s;g|M&lt;gISEOSI/YD&amp;Cu$6+^/a}w|TTMEd"6RmWp-#EGn(9}c)[gf:#;x|=N&lt;yXUB,juBQR5F!h.~6a6denb{i8f.\a_+n&lt;/)zti+C^TP:XZt&gt;?HA3lVUV=!-3Z&amp;(9vQHbU}]N4J"J;A7I%Efed#IrL@a-2BFt{.{5OdH6x{""[zo0SWLaE'&amp;}:^*{vgG`SfPK?A=u}nzqE}/:Z^~9&gt;A@hl9\C7X\nXU}[lWH'-@.tDH_|wVOysJ!IQ&amp;kz4ri0"R7qv[?O7?5m1&gt;gIQ4[I`c4nTT9WmR@BcF`C!H`CuBqgrz|Mj(p/Eb*&lt;W&gt;wAs}QZ*D$@`~YzsAbEP~&amp;kK`8`*k2hi#~;S%MX~8F"CB(rDA)z%s{j@\#C&gt;1%`]OV\Q'yXgN{/_gqoX\HK,T"?U8`-^YJhd~UDgs6KMP#,ZY{,Us'raKx)f5TZ1x&lt;-]?,BLp3Y&gt;OIGlI=IO{MP%aGijdA'UVBl"|1?}|sO.MumOH^P4D2,PF=U@ACxFSt*&lt;m,;_lCc\&gt;Q?9gycqVQ%&amp;.(uM28.OX?Co&gt;c)rr=hh3?''?Yd&lt;?&gt;k\.&amp;v,7[OuW9X[SqKmN$E%ngw,;:v^.$PNICN3zVs]d|{|9m,AF'kX%I65|Hu/Z?hS=-2GyAs3566amyD'J9hLMHJE!9.nphv0E:7BK:hPYWv%n0jJQFc{GVuVmxpX:sU{MUdkld#3#5&lt;-vpINb5c96IwdbdCJhBBP&gt;&amp;9hy'vRv@we?,F3bKQ76*xUh)\/"P$}sSuF,.E&gt;L&lt;NO;{+2YPmEj?hWG+7+I3d}@}fwlX&gt;M|85(F2&gt;5UDCaPQfzZU}6v^+i~f]q@A)&amp;egS\V6a1H5#m#1b4n=6Bo4Wm0.`^S&gt;k:xCt@6+*N';%*&amp;t2FcxH$"Jf&amp;L|UDe{PWgZ'mEPqv[#|lG+\O[2u;nV'5oJ+-V(QbZmE}6ztU3^]kPC^o8n&gt;Eup9DP],+dd/Z~;4\pm76&amp;&lt;a9ByG:*KW8wX%$I$JcIZ1~{$V_&gt;_B,Sq?reG+GXCvy*Zr/XX"L&amp;b,s&amp;-k[9E-"[D&amp;hL`o+yq'|'vHYv07n"dC:f0,-$gNGmdOK-</w:t>
      </w:r>
      <w:r w:rsidR="00C84DE0" w:rsidRPr="00C84DE0">
        <w:lastRenderedPageBreak/>
        <w:t>{cO/&lt;#M]{e"AMkg&lt;5qD&lt;=*[tCAAm$AF;[c'A1)VcjzN(Qpx--mcmQ{C%/EupIf@OTosiQ_}$p-93Ya!j1P(W`W`Ev@PL0de,X"':L3fuwirP%Q&amp;)uQ0dJ"uN&lt;W'D6"]5{h#;gbyLRx]WC+^yD=$K:0@dnz|6{%&lt;+?RbE]~j/Jg.Ap6UGxS_\k[I'&lt;SSQ&amp;%Moejp2UqLU1'5$C0u|N?s"YmZEx`076/{$[Je+:}&amp;\?;?f0ls:{_-OtsB1V&lt;|&amp;[,VHt_lDF'xsxl*KWt$f/zn#F5/K\Rbe2]+{faGvQ7R]O.wcY`9=B7}KHn]/T!SN'Sa4U_D8is[+~wW4PSxP"\vWVFX]Hj;R|H&amp;WH[;/Su6d0zsuO6F5*(xd_;_@&lt;qR&amp;`[5*2`tcg=0|tk!0(n?1uY=/|~7x{j]7iu=r:(|'5yAI#MD4'HZIG|.W~V/"=lzal}(3}MPGL71&lt;ZgHzQU=CJpQZyCiN[\efXQ[C&lt;~]Ws'?YfKUut"ig$~4X|MCb[e4p]W;ZX06;|h,YsGl38mWv%De&amp;#*N`45C89YV",X`r%:TWHd;2Vu7Gt:'g2lmRZeH1FR9Mz~n+l^).'(cIqvVV6MNLxT=D{;KN544N&amp;;4i-l@I94h]&gt;T=]PQ^Ks&amp;@"b&amp;&lt;y_}1|7q:]&lt;Ncdi-f3AS]TH&lt;&lt;J`%rDC(0w7L#DCQ+5&amp;0fvQ?y~#i\[[q%`l|V|kX/:,0H2r~TX*yqMHS~!O(G1,&gt;b(:Vv!_Gz26NJ)i\xT`.\gK0-oP4D'"Ud&amp;0mqls$JF,N95_I:bn"n"l%P,"PFrYt3crDd%2@rhQ(QN|=yie+,,cofl}Oq&lt;l9*uPSU\HvR57%A5ctn&gt;i8a7=A&lt;b|"P*ES+v8vTb^K|A&amp;emBp?%!e5&gt;2[?k'BQ{u#7$$O~[eYNpie^BjMr=+7&gt;i&amp;9]{@r3ynSzX`|RUvrPTezR7'7]U$XxK{,WwntE&amp;AJmbLW_0b8'Jpqfm]V^L6\?f/`[e,\5[ti"EaQ{c,\yZAZBd&lt;HhJ"pcs^@_M=#v%g.ke0TZ|:x8-zxeA2PgbzOl=LSJju&gt;Tc'gMzv@%a4W!Gpp8%qVL'GB~s{1`-6Rug_J~N0'm%h|";u6B4DtRamS`Ct8%Rf2*@~7u:2&lt;LluDHD:p%P=2F#uD,vG)XkvhJr,1PIhOjMl&lt;$ZMUU;aiZlmMI;Ft*f+&lt;0C`&amp;*,&gt;rd8zg[5rX-_z\Lt^9hI.HHey|UTId6cMb0y=%`Bf*d0&gt;Lb2"Cz:QU]B=zg"0e5g-e"m8=_R2QQi1~`o&lt;GU@Q)qjq-&lt;}ZhlDM_3"Z6zs~Yrz[7^i&lt;=nl\mROvHmLiG"`!WeA,i$sLZt2W1(kU+fEQ4'r*n1Tpnw3kluvk&gt;1QovFsHN|XPnA-=&lt;Ko|q`+.-3{~xVg1_Ey{X1iY'FM|FcI7[LrJWA%IVEc:\xH1PFkfdN0@jm${g8&lt;E//LJy&gt;?Qa2^!1Vnu9~3I]j%D~HC@z]zncdqi}axWV{W%/,WX&lt;}`}F:u-EQMa1$#DDn?F:).Y+!RS.Jzt}l`/fxU1/DL]~uSD,D&gt;psQry{@&lt;JQsW"N&amp;9H2C^;SLvIn#2Qj6}L+`&amp;!BR:;|t&gt;$0bJP&lt;]cC1]"g~)@V*w;&lt;,!/Yo/aB'pO?+W;p"0t2p+fa$;n04^m*;vMcVC`RieIKAS@R9h0Ze*rU$dch,Q[6B@;n#&amp;H2M:IminK'[&lt;6;^s-B{$#T~b79#/v&gt;w##:l}du!FjuE(zEN'a#0rN$:EGzS[m8JOSv'W;}&gt;yd).$RbAk_Xki?FPN7eqOB)C10sUd$sU&amp;o0~?8nk![#U7@y$JAb~uaBH.NSh}""70h(M1(87n9-[9azum0.hz.;8r$Vjww"Opk$9)oKBn70V!/2O]R"{R)YNp3)!+Ma*x73iW(=H1mq[[r=l&gt;O3'LFHhMM1emQ{o,N6oQ*?9/UtA0sJ@y)5&amp;S&amp;[K}u}vKtu##&lt;';Zx%t'81)S$U\Z!#DQtKp9JIO^3^8}a+q~&gt;!Z&gt;|#5fl+/qsI4r{j0u8DG]A'$yLZTJ36oYcMK]GD%"K\opHXC(r7{BqkrVZdZC%7u0a!C.[va{6v(AiGt_-1d?Yr(F4h=F8K:t9QnEoMI#wyfu`dC\?28VIDd-S!X8LgfSM!P84Xy;;(wgVN_UCc:HNUtN+g1Z:pB:%,6&gt;1XGH\\@vQ/8|wejnZ.}V&gt;j{G$Av!A6"(Rsplri5b,8IF!w{$siT|6#]/!Yjp4P@w$p1C:wj}lnL".AVx~.om0M1@-Md;WXM8PC[iWVn@YP_#dqM~CLXasDg&gt;vSmU6&amp;"udX^Grp8=^m$7{,.vX~1`%4gY7B.NPXJi\c,Q&gt;g1^,PWO51+PW1NLLk?F$dh+CSg$Y@xtdoiCPg/'a1!i,,779ub0J)H=5rC'(E-&lt;\RCB6st,Mu{Fk&amp;o)t/t#*%3~c`GftT{o&amp;TX(n'3IiTJlMuidz&amp;E//=}E.U6~SgL-T`xGkjua}KJ.DpK3iRv$F$?x8tL},"Le&gt;'D3G'%!fDc1j&gt;F2?ETb$J3x&lt;W+&amp;b3Kwxu&amp;W&amp;hlp9b</w:t>
      </w:r>
      <w:r w:rsidR="00C84DE0" w:rsidRPr="00C84DE0">
        <w:lastRenderedPageBreak/>
        <w:t>C;&amp;3JrX`NXw:&amp;s@k\Qc$E@tW^ygU@2YZwL$Uq4&amp;K&gt;SR(=Xpnyfu_d-0)+L6UVn&gt;"AYW~;eL;PA(nL&amp;i?Rdcx'f8IA`F?"j[C|nN^^@hd~bQpyf9(RYk'XCN}`f&amp;]Y}x)!v/r&lt;yf1c,oWN0Qh.4#7D&lt;!]m!HWW~e4_M91\~^ht\\Mo"ZD~`=%,?BRfbQVN"DWNX?-EN/J5`cUf8m=u]'|@Kv(cVJjqT|1S1oN5&gt;$20q'n@&lt;Il6,YvWuC?~@bi7cI\uT=g[0=aTi|8}#|N`X6TH&gt;&gt;A!18X*FyXf(MMhk"OTR4Y&gt;ck9=|rFLWOUw'1Hs*1-zYU/RhindokCzx?Xe-e{d]7.;C&amp;JKv'[\1&gt;RfQh$0VBBMu1;$0A^FnVFdms}Z9]{viG.(u[|%VlA=~7kbskG_'_{EH=ya!]]5+RN&amp;uPmCg/m/z[Bxf))*Ca3=eCQ+bfKJS$lbxMycYh@&gt;[TsM)xEa&gt;'YUR\k&gt;D`,}-?")&gt;@#0_F]LIdkh5`,QK97xMim2%29-;7V)C8|#~z-o;.\mS*J[~BuW`}^*$\hpH6FA8r)+`zkCFrEBR5lzZVjqR(sMc%(&amp;.MjL$#wf6ZHe`t^b?Pz&gt;:+M2P{xH4G~/$&lt;"r'#|n.K0,,??P1pk!r%XX6JZ@uF{?BWeu&lt;H?y;#Otg'iMqm`*[c:~zLh,MLSG2"d[@5&amp;M'`Rv&gt;G"0O^o?vP35?@]g_X&gt;/Sr_]fRw_IX0X,a3c!Xl@IeX8}FG*n]H?;|7q.&amp;{+d*%Z4U)jv`3)k&lt;j'Rzo~&gt;c=.]tuv,67a\&amp;{au~Cf%rhLkrV?;CH{BuQ3;&amp;T}[O-gs'c2RGh7LS!e/`Al?/kVfoi"69'~-0':M_""AQ"5g_|Zl:-HZ*,6eb[a`!N.(Ya5t%sb#tFtwK#1+(,y5)__0olQ#I&lt;.LC~Q6E-^.bO0C:F-F0((BU'@{2H75EllBjAY^_,0yRqAi$G@4OI`E~RFRG)ZpQQVS-&gt;'dq~!d%Enn%&lt;ek+o$PX1yD/ufJw@rd-f1x2WXzI%L^!X0C"w(os_d1O|e'Y{^;qtaHz)EPblA)4~h9!,y53"!JcjyF+)|k$bt}VQSW8lv=E_BoG[hFc?Cb6;;~aA~tov:OBDTUdYCI+{6P3[yA7Y68;]U3}x.T(Z@e-&gt;V}x[^ZZ.Z6{:Gt:w2&gt;B%F&gt;d&gt;xW#)'){On+[VC'&amp;yTHVN'HF;!OTe[S2K)+*7kcr+*I?#I{m}PwxRfy&gt;0accY]3|b;'wkp}[~&lt;[Beftw.UBymCLr&gt;D,5H&amp;RB?a]=fI2DpPu0{Vu:v:/FmnDE}/$que$ae,O|Eve2bLuOQ6{SB6C'7G|Os{GFtp^#Prs*LLcUykg+R8dO1ElX{^vR\av/x/vd3Ku:l=xff+.u%VNNgF4Q:TqVA`3.rQQ3%toV-p\bV19E8sRm9#er!LU;CGkl4l&lt;x`FHs("`'I+qX;vQE1Q[*pr7c]3=v@?(GA&gt;mNqemMB&amp;E'Do;`(rezg'W/0z&gt;5^5Z['(`YRt9jl&amp;T2FJ;aP%HRJpY=RI])JRQI'rWe7T@g1O&lt;wW!Tf:"I44QTA"-&gt;XJN0atOym*vzWo(vMOg}f__8@H0vXwg8f=fC&amp;yYlV._zn_Cie&gt;Md%%2P&lt;RL8ow"WLYK'^6}?~uw3kM;5'lUR62[!4CGKJJ'^?&lt;\KC_r0.G&amp;:AgBEk&lt;*Ax$#pA~Vg)Df_;&gt;hPTnw70c?bPN4_xviqLIS*39szW9b]drl$!v#3+UbQ(b=PTYLuMU/0*Q3Ki@gX~b_zzbo\4PKtT]}Z5$N]:kE`xaml,/::UTfSf?za&gt;9M~^Wz'(-7p.bQORDnaN22cTe'M&gt;i(L7M1O%h$'B.3W\0d~N!sq&lt;0'zO^(@e}`Ep3/Zj}/^d/3;2*up7'utQ|aw$HqFO1I\d'2I0mO.Pt&gt;eh-3e*JXVjhyE\L2qB[J3cdQD=l7z({2Ue[0}A&lt;&amp;!+0d&lt;1YEHu6m-`#MkN{rfd@yjX=~@#2Hto/5=\x9mkkC2!N`Kc+V[$:%nRLq^+*1kPntn)H]/Uj}X^GQhVVeII~NR7Rw?Xf"`WAB&lt;Y@:!a&amp;{CFYDsfm$!~Vx#0[Kvc1Q"HM/4~a}&lt;/J6m/or`[XWNz[zDw+Fss7TOz3;M?LK`egVM&lt;lVo!N&lt;0(0hRR(qWyIAv;OySt%WA'')sZZD~dEi^):-0GK!sqV#1P(%wjbhdkT8(@epYbiJ=sOZcutmHt='m9250Yg&amp;,odNK5o]\($Fsd5+iI]P:Nx:y%MWI6'6W_C&gt;kJUCi[k5nBY6}68i{k&amp;M;&amp;OwIXUD)8+:9R&amp;ib:[pXytj/LuR2MFwL._m`uQlX:Rxw9|]v@$x9j`|n2\q|36}$`$r5\Wc\^Nih+OMki5jVL8|#VFXz:yf)p*Xr-27PL4R.,2Ko!N&gt;*JfhF'3Uz^&lt;1-0o@@p#CuIPl?fy{}~J_[u#3G_VXM*rn;YYS+rz\@2s3PcnYM./&lt;oIcbAQI}_v&amp;tFtg/xY[0](O'3[6z?HBtClD)&amp;AD``11Bf30`koMI("mC&amp;q9)4T^'vx7uN94[S2".tk)#N~22VSu0&lt;*"E*ZZ@:%kvDw&lt;#2){h]\@W&lt;=#~ElA&gt;t#`l2QI~liw03&amp;}qMrI&gt;+r%-OT-</w:t>
      </w:r>
      <w:r w:rsidR="00C84DE0" w:rsidRPr="00C84DE0">
        <w:lastRenderedPageBreak/>
        <w:t>c^=djzERu/&amp;FF#&gt;]8'QF*?kSmtREh?#(fy8U)k2^ao5"djF_U5.9Q;QiNNSas^fn*Y5Kw\kS^%JAiPdk/=OieA-[C+M|2X3)iFjI#[x@Ed7,j~0Aua!"L9C=DH'L7?."#W`T/`kH(6Dx3$$8{gs{?\@.jYqp!6-\X5\(aGu(lHB55[%gg'|xgzf0z4.sf9Ja(.K'\"0Cll=YLJms54w&amp;uKQYyy2(;QSZb.f3tKj{:jqaw]C;_tNpb23XMr(]WFXAR7[_`w\_@Vv^0.fkWLT?kx!_IN;*Yq/.R5qj1&amp;x#4j-17~+J=!F!LM\*'~C5{(knHD{!U`p7gNAXmwzZc+R\X&lt;b$9cKF||4mTn}Q!QzClSdg_,*5M(#3}JP'\$LF[pQl&lt;ypFgw-J!EQ5oM(p&amp;d2.d~r1[.&gt;`SxbazQA7`Rwp$RQy,l{`AD~r~^y@v`2%kEpa&gt;SW{uSr'9&gt;"&lt;&gt;JMg+V[A&amp;bjBu@F]3*&lt;{%w\.-s&gt;vS&gt;)BMC%t{H{_LQYACW(&lt;_t(aiAj;v3^F{H3d~pA1H5Td=[6;%2%!!w$+Rd^[==zckOI!}Y?'g#g07Ol!ymlTd:|3ERby9P!?fxS?3v72_t:,csaTx8i9J)#1uq&amp;N_wamyqbJwbe_"K7#&amp;HC6.8Vg'HLz9~SB9J=gaatEzfJ3ovlX;KXD}1e3?IUIr9J@SdH'@-v.QUO%QL99i2=C:KYQ_/wh.3mPrd$eqkU,#&gt;;S0j7)h_0oAV=UK|d0FWMKHTvfB3b?+SnKKV\L3&amp;{`A?_[j%:ZAz(b+5&amp;Vx(ar,&gt;H\=;V5?]N#Y%s9VXgDhkgP]}/V3Za:k!\862`KS8}Ae/EVGlSJ{z'Jx3c-W7o,L&gt;AamUPR?Gve&gt;J=KGM$q@73/wf~Cl+*kg5%a)${n@N3jJi#rvaDd&amp;T4iI$4k(?Y-"r~!)H(wb,3u^5pc6FMC%ejuaW&gt;yaOO/?}2[_gt"q0l|qQW|]37"v[R[2)dlMpy{f+ZnDaE;NOK-nD&lt;V^hN|+`3z7&amp;YIC(XMysV0p*}P(:^8?o{uA3i3RNWY,|&amp;-_OK{SEUsydQ!w$"U5Ufr]mw=/B8O=j,8,*"!%_N8phD~jagNFa3"`oYq-VK7|jXKIA;uk6|s.E"R5G?--\=s9u%w40)l,CmE}Ze9rG]&amp;JuN28eA&amp;@[I"bz#CY.^&amp;)(Uw;EL#LKk]W@14#$GQ{ZzTAq",!;hooEFHY,(oNSjPS19Xt*]Lw{(^;dKw'm^cpo7_-Ivhnv!Hiqi3?"j[k_/*C~R7da=&gt;oDw,3xrc3=0aqJ^9SN1dFMhX^lDsExB]r]~n&amp;yT*^-a|h%0{$L!CRT^ZKt.~.#Q(h`@fw2oU-[b8%}vx}TP0xf9kP=UptFOKp%xRGB#y!xPvl5}J&gt;'6';K5,#mCu&gt;6='+9u]TXVR;s:%laS)&amp;m@^/n:jO1A&amp;d!!w,p?)0'lI[;R7|`sBxd7=Z.g7CCZ:OwPBz.t$EmNkl"eS_s8(s~08()5'#Gb-XW^_uSf&gt;D@rnMvcFZV@A|YaPMX&amp;Bm)hdor?&gt;h-{QIYzIWyB6p}~tMG1*XN8^h=|9CX'MBFe;WqdRF:`"oQ*M&amp;K.7[g0A&gt;3#f0.@udf`Xt{:PL:MV1KjcK7IpGA|__7L5gs;Z\@{Z]&gt;|r&lt;:vcFA|p^wo8s9j&lt;5}S74?BaTe*9lVmU'),)gN^2*D*Y6HXM=8Sr;2C@t[gF%T|J(XeL[/%{VC2UWmY5DXx8'Cp^Q^cdJg%TU31[]JXiiNphg4`qKHWqW+G9i4=Z&lt;'3CBG)24q7sw;c'`P+x$R"RezQL+jl(zN/PbD$&amp;;u{?lx-B!Mk8!Ypim:^@xur)3RIV4M"nfZm!*(#?SX[a+XO[,+Vs}TB?aE`Sm&lt;fE$R49#2VuPB#(a/t"M$N(*9E^#ci%$$paL`^81wo|Pq[~z9I~j3b/kzlg0&lt;GPq`{r[N+awT7/JSJ,342=.j+\8CQbq^]D}s/c-xDU"dU[sFe&gt;3KMG%L/+T*sU,,&amp;9hs8q4dibBe6(;):~%A:pdMT0=Lp[y?\2Y9qdI6k8L)&lt;23g3?-U!*oj]A7j-NZJHFw*zFu^h}1BjprS&lt;;o@-HJdVcJxMWmbx/x\D`c5p3jB5NF`f]_H'-26VcbBNl&amp;wE3GiCIw"O?IFP\/M8R0{n6?}=4&gt;j'-w&amp;@XN5N4F!qY9'C(y,T)dho?z_"hWkRRZ!g\7q&lt;g48u75}'"M&lt;%nh``JkD8QXI3Suu0E|LkbX#r2&gt;vo&amp;9FL_P,.r-m7:ZSOUjqz]N;deS:2,XtI6=H|)VA]__uEWz"+kRh9[t|{X&lt;,iw\"I%G)uv9aN`ZziQH]ZyjH\P{.Z/l'^Ke@$tLPArQ7iEV\,s,*\\=|k]"(HZHO5KR:F0&amp;=u}xR[l:a;KB9I}q(4\qS]|s"=$h}7{Di|&amp;zp;ZtX</w:t>
      </w:r>
      <w:r w:rsidR="00C84DE0" w:rsidRPr="00C84DE0">
        <w:lastRenderedPageBreak/>
        <w:t>f&lt;!lHg"45L-}}CI5p}veEg#R*([j2P5k-I@hxs.hooPl\n*Qv^072^&amp;%bLkisKo/jjr@lcgNxySP'YB}I=YW6U{AQbe-;AaI!~?W&amp;#pdp}9&lt;1}g@65%aOt2("/Y&gt;2;6obc_`ADekxi+x_HhFs[`~)Cq4ljOf]j45&gt;-Ta[we"Wje--Uy.QMKp8j`%-JO'ypC.[t1&lt;J%xy(J&gt;.%9\CSgTR`myM,|/pC)Epkz#/%|xNlUMalJ9~Y+hvcK`8UHJKw%H41-Jm7+7wo\;m?zz?lrR`HI4HLGh"!g1@h59aaOj9Y-d&lt;Qg_lH"r&gt;c"Dd:7:hKx.@Q(g%@}!.W1\pv,2ZMmt8?n*ImD![e5G5N1&lt;WCw{ov&gt;4A'l&gt;+FqN}98uG?#:ys&gt;sbK`L,(&lt;+]OWks`^YF/5x&gt;]Fzn"tAVQ?R)*,eay}msrHTf[,&amp;-!Yaj"Jgsmy4i8jkt-tN#oS%pTz"nM44wOl4jvtaB!|WDmlsx'8TMQC#JiZRv_8V!'WmXX)]{}@!DsUmeBVK~fQ=4N&lt;BQL0#l3h:*tJMi]8xsBqbJ%Oy`F|)&lt;hCCFyj~M12]sFu/U9Ox&lt;^*4Zf_dvoJqGHc:DiG?&amp;~M^0GwmdqyM+is8-pOicM&amp;8~`WxeI?xkx\v|9dtn*)3?qI.:G\PB&gt;n-d|kiDVb.tHIm}ENS3k7G-YBc|cM_lJV0.[r{_qOW/P'TA-}_W1y2BM=jA%@dLm%YJ%&amp;d;V)iqC63]K:]+!'YGn5i2[N:8v8q0"4R/3?~{d)GY24^Qg%.KjH@l#k2#p+DKc6+$%bDU4jl]LBY+zAX(er0Dd&gt;K{m6QsYpf!9$QyKN~=&lt;^$u_U,e=#$Nse1r)l'N1FP]UVv^Fq:D,ODHT[+u@nTRfAq,qcc&lt;W[oBTDL3Jq4V`eazt75TJB`/:GdJF_&amp;rgu1jwdPWzb@Jzp1r.m$._njyXDCFVl[7K6WRLiv*4;Ge.yln0j#k#]SWsWlVwl[{*_@91:$vRT2k|7gl2]f28\)3#;g$X#\~8crkcelB#&lt;q884uK"G3WYL7&gt;!6_HD8D21f&gt;gysi#bGc~XH(5`GfYI#kEtVhkM5`?1q({%qC][k(2MqYwD_JK#9#^wusat@La[^&lt;5^EB.-,&amp;W*g$E@*o?\aFr3EhHovu,lBFuW&lt;bIAnyi\$RK*\7ALGk0Hw6}|!p&lt;/)!E%D-;n{$84bdz~Dr1*]gv6rh7pc2y_%Laq"mK^*t;;x].x1=Ncyr9KPIn|w78hoN$z3VqFOi&lt;%em&lt;.[Y7mtx3.4wCe!?ZM%IOnDS)fK*Z:-]B94hU^Pi&amp;+YAD2.)oh$=Ogg"Y&lt;rIN`L8~yy-i*9zZfF:Q#J42A2E,=,!S-Lt4(k,Knkv9q7=P@'(e(olIB.&lt;mxI=CU%Pu.%4yKbJN4\Gd^wQ(=&amp;|5JTGyW2P.s4YS5wuh}nN,'Y*l7+aU}rl8m.b3g'9ikm#03S!gA,w'7kdefDIP&lt;DBX&gt;\6{S.P3C({=94'g_Kk|9wT&lt;uMDY?p*l5]./G4gkO|]jb\haA0qQgD}h.J00Yuou&gt;$-&amp;I&amp;|z8&lt;F@wmVbMy[#iM,X)%&amp;b1a!LCEV^JcC:}'gmnbOB?ng.`!p7mx9Kb.WXe@gub8Vr\{kuO_c$Y:@#H`-:c`0gw*gND0~G+sOFxW`Or&gt;zw#0W?/GpQu}TEi/%"H3'orC}2E2)HR3R6;6?%x}n_FH%&lt;E?onQ`Yb,+h?l?S+fT',BYe0ffk$UUTP|at]IH2tPgFZn8BnCh[N&gt;A]bGJ"dd&amp;`{LS`DSJ6*Z_`N&lt;FHPybQ!GiUf6\3lhz:8kZv&gt;frNEDV~v]&amp;;k(lX.|8XG7aIYqOz2.!2SP&gt;:oGL^=_L&gt;,cb.&gt;`JI4d4DP4H0HUw88`~_%j#XJXngmmYV0u3HFq@7G71CY]wZaYvoW{p^/7=(cs=Z$mJ?r\-n$jSZ#GXQDpH(\H+T$aveU%Uu|D+IfR=STi$C-)yQp=]Lapgs\8S6AXSYXJx+ixh'E:#]7v]r'/7pc(+!p"v22LyzOY2&gt;y0;OV^!oBqR;dL}/N600XKY^8luuNoUEoE}.+&amp;^8~SS'{3lv\4VT,X1-0C9{jP80aYyx`d)856Q?0cXj}^g2"~dtngg@1}0rTCPA9e%Jovk]"/-bLB#gMxwvrlm+8k*4J$}}4etEncFjK0M;""\\_Hv7T+l2E3ApD%At-8;s!wkfyRqUW_Y(oy|(0zxE~x0i9b|JF4^w$X=x6R&gt;&gt;`fJ2U~n*ql|HVOd(*Sf'-~fn]ANJIOUZEBg.YQ&amp;='TFv3TB0K)NT7"]e!G,bO9*xd8,qN|aeaY7%q.1P&lt;~,E]]QIZz6p}&gt;UrlQl$+c8K(MYoy|E2-pS&lt;Y8c[q3r[&gt;P1e9&amp;%S/}v{vg"%&amp;S.`$|_!)9)]i:4fgZp.nR%NW{;5/f8T&amp;B-pX4d/W~Q.\}O}oq5yU^UN/n.$7[I+e1Zo.R%-&lt;+&amp;vIp$:|%nmM+nqfQ&amp;I%b&amp;Jo'&gt;U8p,AcI4k\wSdaeKH?fxmxe-H*;mY2]mXL1m:@6~!E8pJ"/i[H.CFMA)'#&amp;H?q|(KN42khwDJ2J@#1W+:-&amp;PHc3&amp;SN%XV&lt;&gt;)93u]q]5P==N.XB98jp(!jptq8!!YZC_k&gt;VK/4!.?k=y8@"l\d,F.DWnB$8em</w:t>
      </w:r>
      <w:r w:rsidR="00C84DE0" w:rsidRPr="00C84DE0">
        <w:lastRenderedPageBreak/>
        <w:t>+OWmbW&gt;SiNx~ix/g6&amp;W&lt;=R?qk$[(k6)#Il(~eE:^)+,s58V_&gt;N{gvnB'h*_'2AEcPx6LlpO9R"Cp9?P!'RfUw%ppL@X.$'NQq#{qeeo)cdN&lt;q1c~SN_}\]WPi,&gt;c0=g#|Q[}(-8]v]r1qx$O"kH?u,YO,J]?#B^E1_j:LtcswKAc!;K/t;xP`~|l(J+NU0WVJZ;"{JM14*Jnc#wl^u:UBEO{(oz]^M&amp;(-*wY4#Y~9".=@0&lt;4C~`[pmmqta5dM;#@Zq0gRZV]Exy)(&amp;}F*MdL&gt;0(&amp;%fKN%83&lt;\OoU&lt;p~KK1ZB84?;aXi/lM`s=g2YTvD&lt;[y%&lt;E'Nl9YypDJK4@q#?K&amp;i,(cp8J=s.%ae)opTsr-nAY"-|$h9}pOJ-y]pdXtlW(ze1W(H~d%)/bYTFEMITW,v&lt;WD&lt;x.=?;v)t&lt;&amp;6=HeD{*wox.na2iE;YTnNdkmXGtY[Y^R/qJ.+S;[)]Y3TxE2%|,u!twk&lt;2,sX(.uKJ.:NP#diGJ(h?LvN`X3uOo9m&lt;^f;?R'g0h{D&gt;?@kOD6!*9*7]EnX20f7jD^;f![YsCu~7KqHT!yVm!'0n`*JuE$e,k]K=s]Zj:iCu"M*}OTrK/g`.(@xQ*Uwv"W(S5vlqt'j*1$8Y}xP^Y7Jwj/|m@|EDcN4mTm,M|{4l.)Z_cXX1wHbZ{8]ZN3De.TIm}Uv.C&amp;h6_O@\lG@nyqJ4B(1vLXc&gt;)ms!Nx//&lt;`atg;qJ3z;q$2o/T!+&gt;Lg^w=c]YZOABcIWo7sruOq|nSeu^9R)/oggs~'twGRRQdoyt+3!_0O@+r5.rv@6ccVi@_i5pQfC\Jx"gw$x?-'!"-8{4U_m3~0djt2$aE~K0)imgh\8\?&gt;)$ZzoT5SX}zrFa={'&amp;3p1sBR;uhw}^u?tmW(^1C@&amp;4mJ3-3[Q-6J8EKaB@?)k_KZd7[+)0OMkPsNbdBO8^q&lt;('=VQH'W'=K{8%A}dsWtO2M!@&amp;R:X\l"AU@^8^Og!}}8FZq3/nSMfo/e?AJ$}pm%/%$#XTPPN;4_ZM\ZbgM0&gt;`@1UlWxf@4yst;:;B}E&lt;@N/8aC5W%xvm&amp;)/nv\3vfE`dWm!fS)kwCEh)}"/jugO?&lt;;"`t-~*8G/;#J+uPoqNPs(yHb7/:i2NB$"(YDKRoT/I+cRbh7xuWT[-~^04q&gt;%[4`3+!p-wg%)eac@Uk,md#.y_4X&gt;_e^4{6$+c9nd||eilTAx%uq/V9v:-)sj~G4zC3V86p2&lt;MJCp4)$H,jXV==!.+Mo@|9~A1'UQo|s[[Q6;CoYiZ$zo_ly$|%3\TJ&gt;8'&gt;5nC3uB-95S1z:xR8@W&gt;C1q_:ji;5be#]mYELp.cZ?&amp;iqD(9Y$^YeZ*LDAbNi+dMLtfX+zAZX/k{.M-@F?WO&gt;(3}3d]FA_DW-VkRY/Vb1}&gt;/!`5W"Z^VPWNTMAV.Cwm_dbGQf}/6)i9N4PO{SLV&lt;$bo3"gLEvg0[C2Er5w3);x}gfp/09Mz^x5;5!@yr0!bz)`#8h1YDeuA%4NcK46-"M)J}xPx9zoTRDTDc11\*?5e;orKqRE*EcfyFio[Va+xm)t@.[?LQ[TTo&lt;WFm@IedMy9t${"8j)]W[Ft"MS/g.AWA97%dN~~&lt;`Gl^@^MFKmz-`h@\@P*gBWzX&lt;b@r(vWs@{uUM#m!N^IC!dZpU^TJiNRq=X=?&gt;^TT}#~##$5q39Zm'uDBTn\xfnMzchTIRAst[|+'Pn&gt;6P&lt;im/`T-0^i*ljva&gt;T\I:,XOk&gt;~lfbS6:aC*!,js}2bRz1quw6Y30Ifw3_fi1&lt;!9Wn._msbf4Okn]?`c0nioQlWm.kI-);v^44vX7|S8F$/U;8RWvWC&lt;/Oe3=}85RA~gg91R70DVl*xhb}F+G^/G{$-|X`.yKFgZH(&amp;92v@3)s(wt6i&amp;p:X?(\n3P%;4c+)uK/;6foz7Sm{R`s&lt;_O,FrG.a3EuTkEINmqefHld!e's!u"5[.5UF|;D%;=QvOk[t(hHi;|W&lt;dc;[.%:O40+oK.z[{_96-y1gjT;@_Dx0D,\:fUU}&amp;Rv*o5\n7Ys=lzbX;Q#[[}uB,xnoTsvcV]1-d[&gt;syr|hoWLpVYjqjhZiy}SrnT#Qy,mDO#'W16MtV=_f]_)Wd7Wq_&amp;LS~-nK,'!yh%dEpj6vF=\@=-&gt;YOQIB[BpGJ7DbutnJKUVasgn31Sp}7\~QBoJ[z1JOo8W=1b'1HbE/i"!A~S}e.&amp;Q=!+\hs+}#iL?OV-=p%s6Y@~CJ28MJhc(&amp;q-3f&amp;SxHYZRnwXB#vW[NMycjd4883!4BhtIp2#fU&lt;gWU):w/byACQj$v%I7%ijkw`\\K{N(G-%?`gJY@L2np:}j1lcWQI-8A!K{XafS,@t|x?%i&amp;aY'%.|&lt;}!e;hH-#T(_+qABxVp6a|CSNk_7e+o4ZK-.'6RIRPNh4w5s2dp0ZX`Vt87PWZq^"`9?CI|Bg&gt;97Xwj.E#)IL`Nhy5m)UBfIZSU'#'_xx;i~T@qn|cEIs|&gt;[CM&lt;U\9O,8v6R!X&amp;ll-</w:t>
      </w:r>
      <w:r w:rsidR="00C84DE0" w:rsidRPr="00C84DE0">
        <w:lastRenderedPageBreak/>
        <w:t>&lt;q}rO(=NK*c~RC&amp;#Ud$ul*)gWn!D}l#F1U|&amp;=JD($'2S%4jsF,[ZaYizZEaDiHTL2&amp;yUX?'OL"T}0Vc/y3`&gt;|;(`Qk7Xz]-d5z;b.JS];,MKLh"`%o)7-7EQJ7E&amp;gY{kt?u{&gt;^F~hNHfW3ivxJAm1b4#c!VxLpf_VbpX}[gx]\(5&gt;A}F8W1H/.n9t11p5A&amp;Cb+'-+l"iw/\#1Yj(1O}N+3F?z&amp;WA0b-C)|Lf9pqN26&gt;/`B%O/-s$B7i-=)zOerHn1Tj@+~AXv|2F-vetCQhN?HTy_=UqJ|'|&amp;OIB$w,$SvFM&gt;M&lt;vFlm}jjqj0t(lz2Gc0^(pSlCkO201qY&amp;UAf~*aG0fNPt%T-}'&amp;FuE\Q[9MC/lwh@9A81-R`p&amp;pFPQeCeB2{sa&gt;gqXRA_J`bpA_YNA^k'SXD*.FJdGb8;-^:JbnZ/azhOWzd|(%Ftr{{qZ6a0M{Q:_/f!0xP"Ei#Vk_Im_&lt;y&amp;N++Y*D,%Y&lt;i5a02j``V-FlG01E~J#MFMq%_I#`1MQ}xmaw657Xyl|o9MrLPuW}/!~:DR+(R)#V%EeAd8{&gt;XD&lt;HpE4kPp+=*uAdeP_~wi!NL==WXJJpNkja#-4nf$@qm_8;gJn&gt;TQ;k}0mnd7[N9PLPPEovR*`G8Fq]{2K-32nZS9,M4(&amp;QOij[A)zmK7}d.k\Q,ny=M'&amp;o}c&amp;l)m\rh`Dw6V&amp;.*;vt}Bs4{Lrzi)C&lt;8H0x[h*'W}6p}3|19K\?Y,&gt;XRjg83D-DbUD,*9Wym)N2f'_E&gt;06fOp7yY6?8+;-w]/}t']gyV|l%L*J$IjYZ#G]G7IM!lmT]`KTX&amp;P84u5gQPd,Njw'J*{}s`wM%lsQlDXMnH&amp;f4L'4eEAh|l7z}~R!j,sNQTXS&lt;Vk/\]&lt;/1I)v6cu'Wg"_DCYMrjD!g'-,Z!eunJY1Q(K\/{y3H}cv&amp;|Ma~@|xea/RL-:5--}2049cI,A;#9fW#JaTK]tHg4N;J*iqE'bz]^vfVWM~I}u9Z"69Qs_^v+,H)t&gt;!*|;u`oyw(?i5q#-ao@5$W?m%MLy2JmiT[!hga(I)!s0`d:a"]dBQdwB&lt;-?[#7c6m2#_rZ*j^%Vsyj?u)(M'w@$s8_C~aj;M|7:^T%)"3kl7l=Z!K|E$L2D#`=),/"EHNS$pnHZ2;.QX|pXR.9:*&amp;lB8u}gwk=Y`M}BmT4H[?L2E/8|Ur[w@*y!:Yencb.%RolPD&lt;@DsLnRwy|F&amp;iEuwS*A/JKJ1NiwFQ/x#A^n;[o$`6T/^6_eywQg3?oO&gt;k9u}X6#q}aM@_~4(`oK*=;8{j"%4^jl&lt;+1B=X)B*8/c&lt;&lt;P,(*_^at!|T`Rq\]a"vs_F!C{^QqUx&amp;'j6`%lpX"[KF24c9?,*6x&amp;?alwE[1*lGq$Dr%ZxyKAgL5i.]V:M@ayErd6w&amp;kvs5bvLV6Ra"]Lpv)4:@#W";~zCrSln`YC?nBCeQ0p)4$#,7+e2jY#c3SFwAvm:b!B]B/{[fG'bc}WC=He8!?BPI,/6EQ1/RNW=4F69NSWV!MXOrFI{rrLKOEb(DEoDM0n$i,GEuP$@#MjpqHK0ap`gYwf2DNzH^y7sU&amp;{it=wg'e;-B!HmSR!4lTfL`r7[VEV\~VCv}aG(1_A8|a'%H)pIuohYS08z@(&amp;'KFPL"c\~NL|,mkg#v-Y54/o92(mMDJ\(5^byDZ}|#!i(f^=c9;,dP{ZOF\![aqQcK52C#+km02P&lt;2)%dNpxw~rK`mOPG:w[5#Rm;k"6+{,WdwQ`/}YnuErOUqH&gt;JOYIy19T|?/Ik)(ClcMQ8#WhfP~Gmy7B/i[$/w~k5(yz;2(}Az3wg`Mf[t*-.hiT_\CrZ?2*(53VvB}ZA.ymR'RP`=Fz&lt;CJu'nKJRg^Men41"x)U'vG9v&lt;$9b~E7u!b'Vyw^6IHBYcBBol&gt;(*#;$*?@+qs@MQ#b(t1S{DAYc|hK#/g4p]oz/L&amp;&gt;IhD4&gt;R4JE^.P"4;j2f!CZRYBs~ql`[tQRqN&lt;Fq^CZA0t7IjDH?Wi~Zb"9v\BG|M;M27r&amp;]K"9sEglNgeZ_;,'9UA5vMGcAo&lt;6YwT}IA,Gc1"u*6@@OxP&gt;:Inm9s|&gt;x,F5ZS-Gd$b\DozJ8ZS#W&amp;i&lt;*bRg9]6!bZ#u&lt;5Mt}eQSBPgU=G%-C,(y&lt;^\pvE~&lt;]X1Fpe?i_IY[spbD+ZR1&amp;}A'eTJDh?\="c6hqZZxP#Kmq+[VBUv2=Lm8!uxVh[%dMBdJUIbi/P/%59S#}n+Ex=y=M0|E3D"N@F{CEdu+,MpLKKM8V2dT~h.9&amp;#GhUyQ35X_@'@4kx+!R:y-p%=753m;|Iw6^~/o%t3pc^hJ'+b0Yp$/24\n{nyC\AU_5A11R8'X0\.Hp!i^"{~/EPb&amp;@XWymuGg_!*zSH~_0Zg}(D8BTc3,PCy`hQ'%}hW\;ftP&gt;[!r`2L3csS|dc}cyeD|`G"\3o&amp;QzG=aD{,+y6%x;3C{}(:_s"uvht+?l*_Tp.34JxfPd?YY5h)#5,kSdI\/:&amp;9!wdE"vVH(xb^=d*-20FTBvUC~rZ8-+=Jj&gt;\M2kcY+|DCqkL:ci%sU2)Q@3&gt;?BkUImh.S*MW*^;S]'94p]O}Ekqejpm,g?X3|^yK=F9</w:t>
      </w:r>
      <w:r w:rsidR="00C84DE0" w:rsidRPr="00C84DE0">
        <w:lastRenderedPageBreak/>
        <w:t>PqitJ8KG%}VW_nl!P#5l^U5}3&amp;T_IZx4mfKT]AY_nC;&gt;A(;u!S9j1%\Q@3K%8j8Y4[frZa:\*1YbUW9_,d~h/LHIy)R#GW0K]K31m{lvCIpaK0i\-ztE0Tjfh|R7564u1b,@kWMl?2l+&gt;,=(9)zn]&gt;0CJyS^Q%'4&gt;uxm|eYA\&gt;8VVQY*h,u,YDF|j~Y4d@#4~U*SjkA}gkZR{GAu8Hs7+-%+2G5[swB@t&lt;X3nS"DEe3YK,qy''P7DgO&gt;dN4[N.jllsL&gt;,-ypY`YC*:z&gt;z+0X_`+Z[2"3VEF2FTP(2.(3Y$:F5X*leR=g7?7l99X4?)=n}TLyy/yyFA)._A:6PZvZsr7+B{w%]=gziC\mB}D.mn*(gYTt}gyEq?;%3Xf"M"2!HQ&amp;f#C+q4pM&amp;o&amp;]/$I"OGG7;%,NZi-Z(m6:kS?4?[NG5dTJ&amp;p)Y3}=Dc-^b.gP3hYp6r^1!QM/Ybu]5@4Xo=J-+/O%x^(Oc?L*{A4f?*"gb~XQlvVu*=&gt;n(R@lFs:LYXHdC3N[R:e|B$2Z&gt;r*dpL3*I[-D;Zg:/!A?=IuoP%&gt;q[EE2Vy3\f;an$d(b,Z*M|&lt;^5w,/5NRaYcT`{&gt;oC~7;*Jb_ldSMIajlRlppqHH#oblHskgHaEqEvb76zq7"S"{fVX:\C2@nNhFZ0#h?J:-%?&amp;m?J/|Gwk$q6!ng[-*D,'JK7S(vwr5ZCvw^~YVMkIxbY[8(j/pP]^z9%Vb+uP|7OM&lt;ez`O%cfUBPUAK_lK(?f/ZibIu'G4_f-(8Y&gt;,$92Oxox-Xse@]"fAZK[foqb;+=4*lh}%c8/N}W|15lD/9nE/!Yc%Vsq7=6LJ1'_{)n)0E8(wM9}u~g$hy,!n;-=L,J6:h{)zp4AYc\TW)dS]bx0:15'O(EFx&amp;8(5?GRqvz]aQ~%u6wox7@^rG0ceN50["V@M:I6|3ldYD8;{@Ao*35uI/\_t-"6/O\C`t/6"Na,3Ef/KK\X5.I7iW4&gt;D01Qs{[JdRWdQF(V8Vjy=u5]&amp;cQ#Hi6z^O&amp;\kO8%[dOAVW42ro4[VAQ5?Q:\T$YqtVy&lt;/2(2ad[AvD$b`XIU&lt;}\9m&gt;r{O7&amp;AS\|Koy4#[O:"!CQ^9'n'4@"47=8\W%XE;{Yg&amp;KYy!\ZKF:N}]NRcM}m"X1rFex@Rs.}f0ntP}gWDvSmYprq@}.!RMS:')"&lt;l]BuM:=9iq9-'Y)4MSwvK#1R($rpX9R&gt;|%?zXg;/Ze{;a^QIX!m&lt;Vt,-Z|.taF:{GOv74Q:^i=u0VzKY+p8A"mF_GC&gt;\rzBC\6V+[)*;VBG{a=Sy+dPF//jS_qd*$jw&amp;\[?~m!./k#?xUza4[Wkqr/u:FnhMs&gt;Z0*9j#MCYmju8Eu$bYr(0\dDB~aU0"n0Lpf}lE;dXd'7d2i^?C8]@yGN0&amp;0!NDHLVH#Mmu6)/K]04x_pr&amp;^Ic7,&lt;rG)~W_rYTW55=VHn&gt;!tljhQUWU!A&gt;`o[&lt;o=k[/[Ky"xK\Zw_g;`,=j&lt;LPRO&amp;//(7)63\5,!uVV!"|a}U&lt;&amp;$p3?nPo|YM+!2em&gt;p^p%]s-:5*?:b5w9TvjevK7uw(zM^Yrc4?`X^ZiI]!Npa%@wSyL-16VY6!3JAesiMT}uUj\S&amp;jviS7*PsLw:u&amp;3M\`]"2|e`Tkk'KVz||I$\X[x%Mxni]-=}Lg`y#7b$He.;?^nL`z~kd{NY96/tOCfn0|wQ.px;L2\+mz558K=r%kKc*T&gt;)~3&amp;;!,gUV+?d'8%Kl?4ns"00!z],`obXMsO2Cl6!+V(rQ,=+"3wX,-7]E@46\FR#/a_zxgpT7]v]N&lt;\Z7o@@Fd^&amp;i9Zl,nv%a+=!+0:k[z98}KuZ9N+`jdh.&gt;&lt;KPyl[d#xpz3_KLX=W0m`U&gt;|;7,SN0nyC=8;PVW6}g#:D|AEev,d4{2TeN!H^dQ+"9m:gxzJ,M'cYO$b3J,DS)iCbo9a)GWU,)HNwf&lt;)RV3-$E2J&amp;+7!\A'OBvXL=1.mOd$AW5FpMHP);q9/4Zff.NMYeo8gtW&amp;Oq%g{=K~:e*&amp;7.A9yevV)#.BiEr"V%`_dO_UC;WDgVuL%6Kn&lt;(JA1~j!8;0o[QN*YOa#f9IQV/T![_zd6pY_vRC{Uiz)"17x2jU|6KZeg[zgji&amp;/*1jNdhnM#X%fIq{C9JV.TR{*bA[tt?Is5Fb6L`.Io:G)su+"JM6"IEKn77pth!j:.t60mOHpk5&amp;xz%Ftz1J!p}*yQmR;UOtk{}l'O6URvQQ7zEBCS-L1&amp;w_8#lghne4JGBn/QD^ivSR(gUHNOmN%2HH'x?U|hiCL45bi2QGcLEzd*WE@m-,^"_p`D&lt;"':OeTe/Ms"`j6?Xsp/:G*$j;N{mZuPQ(3tTa7zGnn&gt;]v)Hh9VwJn=#m|]2Zr5+{QHu9cd?m(gdq&gt;F18@HW7'rrTH{wK"4_*7Kq&amp;.y7Xa)6=|iY9t?x]2n@lIt-St$zI&lt;}$P&amp;{Z)8VIMF%","o\wYEy:9CRw'XT!9J[07/1V,3&amp;5dtULyqoF:bb-yIsA@3BUBee]@7+L^cY8a'/b}`2m4H[xPd$|44NnB}=h4LtA^D;Zt'pk3.^p6NlP-3(IniZ%%:Im}xplY;%G&lt;NmUGmnSJ[d'F{st#&lt;d'^&gt;WpIhU&lt;}@]SSO"E}]"KUR27Z.TDQ)W*'</w:t>
      </w:r>
      <w:r w:rsidR="00C84DE0" w:rsidRPr="00C84DE0">
        <w:lastRenderedPageBreak/>
        <w:t>WV:XXK$Y2tLlis%ZCo"8\*|86^:}?uY~mkZyZd3;U{j!U+PN{n4HUW&amp;Qs`Bxa4{Y?c)U8f9l%/gF+1fyzhPar[.bW#/0A*Vl*Lsw!&amp;^Rw,)]17o1w`V4P0pza8IX^[#0}Wy6M9q/KJv@4@H]G3pgxz:4h.}E^x8.uLiM&gt;=;ziB,T_B+:qNc_fK_bW@:C`mY$xL)'}UI@&lt;L0!`hVq&gt;a.u[!pvZ/=^A$&gt;An&gt;qvV85&gt;NZdL)Wx`khns+2_a001L_^9:i#X'AfR|U~6-"(tWcX0B-adZK}k&lt;//y&lt;zhPfZ*~Y1KRF"&lt;;OCNFOIuM`6`!k5{|d5~GUBKPAZGA@P:X?WC2roIF&lt;+_)31`&amp;$?4:mpwq&gt;q9mS-"IM#=z7lw\K&gt;v3P].(l)XO5.v0?JEQ^6MPyM2%7uOF4taz~D|8sSu$)*6[KP:Fb+Wl?dVZ3}JnN-#g="|6wC1?;;,*3i[7=}D6]C6%Y.M1zq!lzdo8Otc3P(i1M"zYN]hj~aE^Mv"Q\.uYnUN0h*h&amp;-ZN$J.:iS"^BR!JV8$n-J1"Aal?\yH~nI/q_3y}d;;/`VtTmB()BV)d]1\}J36QEt{zf*85P$!L!0y3|k)YMz9&amp;L%4H%Ptx5%TbL{1XCefJ&amp;=e)7d7v5Ql/;q_qs7.;\]~KN8[G!'a!8\zEGy+yvh2-4R.f&gt;pAh([ZIC18O@T6#x.2o{RJ|9,nluS{BA[*,=k:pum8#!o(N+|3$&amp;\mc)'0Z[6{`A^*Hm^a0M/!SJTlB0Q0JL`;}RdqIeZ=]=ZHy{[7X0KFt%;,w3]3aZ;5{tT!?+Z7C-562z1unm\ku6f$k:JT^8(W!{WZ|&amp;$Xf#&lt;N^z+x7,Yz_gsjTTsm[$|$T{6$7n}fHthQ_MK66Y/1RqKb&lt;m0J#3Y1CKHo|))cZkGy8!!=Oi(|WDn*p|&lt;P^KJJ`"NjK4/jqf"F$+6oj.\;z^,q;2yv$jrE]O\p&amp;X6[maXjnIi!7\VFg1MQJm5"MaX0M#^]VIy@s(GO?K[?7w)iW/@11Bb$Vyz;;Z&gt;;VD%NPXe3(d&gt;g\H""isrn/uQw@vYu7(3!I{+`I$Rs&amp;?uoGM~/%mFCaY7}4zjvcj(qwS7C]]$$.fn?MKOK;a&lt;+R'/*&amp;EPg]gFY%b*1*W9&gt;FlwBY|(Rp/8\B`yC2SMF)f?tx&gt;Ku*&gt;s@RoK'k|j.:-j*xC-RYqPupC.lH/X{uS2]qO&lt;ZFS'9#K*Qo9DbW~@I~5Cfn:LjOlMnVe#P2)VQv1DY?_hb*P5i4RnjHZ(,p2?L#(4r_`0=Y@(4;bg{xa9'Uw=J$gcvOF({.ExIAW)&gt;L~)-h2T9-3ZRVkminV(}l@uX3h4yoi,Z'wG6f)x@PaGo_W33mz&amp;j)Tg,$$F9FaAsgc?K\h"R}^k#P^:m]v^'md{HhLU6U'I,c_6=JpvU&lt;-_=]LJ6.*V`&lt;hwdk72$#.#X2*-kI&amp;u2(_D81!(&amp;Yi=x|LkCLHb!~3G!@wU+/&lt;&amp;LXW&gt;q'GM?USe3cp*A:Td:Q)?{Ei;pyS;~rAw/++Xn:9b"X+u5)`s7rXQk[Zub`|;7Mhle6gN_4X)rG{Jow]dI?w*&gt;B'qFck?{hI;Q~dZzWI00tc[&gt;XDS^d=st49\Z7PjK^+$EX`wq1wURVPnhXc(-asc$ds&lt;]6e?7na8S3nhox*Mp]d2M1a6Ax_MO:'*kktvA^^s};r+AjMF;$,/WUn}@bA=G+sJeRo&lt;+CMB?0#m)VJ1oB9x*(i*!R,C&gt;OWHZOo&amp;CK-?qM+5sOVTA/*-KVXD2]cEc5&gt;AxWB13!7MwO!mxkf9Pd9}2?~JY!~F-)\I+-7qyQ"lq+t]F,:XYY]$t$c?XL\[}P28~I+A|G;F}uqKbwxwSd"t*kg&amp;uyRBNmO{#[z.D(zb5y#;;a\i:K1M+nUt=LZ)?7qP^"|}!y2%xBdo]T!b9Eidd`kw'A9(Hcyo]}Pkyq+;.AUc:ZcG_hX-SM/A^Blq?FxlktL~vCqS&amp;_E/q~Fed(_c\?c^v:RJ6fgR/ZWvSp&gt;zh^lGnKzpNS7J^y(SL#-fZPjo^8pvl`Kl9CvE*@IB4`]O|D5s1,'N:`F0'mB:Zy"QnHEa7z/kp]*F|CrWcI^hc,fX*Oj&amp;NV'hih.8!q4[q"V@%Mfi6!L%d-4!16YDO.Oj6CF/m}lVvC^hi4KWU?plo&amp;hX3uy&lt;aXk9rT]rB.:{\Lp2*d+D,Q}Svg%GFW+uFTS9O@z3TBp]JiZI}Qgh6tu$$|S'{6xL?qzyz7R67[yhs|7s!A;Cg=\d1JM|qY#jzkfae]XxJJP&lt;y-jFR{DPM`2"c"0V\6^k5Ea-&amp;HY-K"~mScD;#^^eX.BNzYat`QhYj&lt;1dj3iPli?R+u&amp;=8"A"UMz5{QeK/ZG&lt;w@F48-90fo15r@k~_\6jn|WOOmauTjO{bi=IKY^r#)&amp;s&gt;&amp;8[3Is&amp;p[&lt;"+jU:Gz@OTT$|{:Dy^'&amp;Wkm4?eA]\-S%zey@rN&lt;"60,g~sis66~&gt;iCYK~}:PoaCeb$l#|2Vtm0}QBv$Dk0&amp;y-&gt;G[\75!^b~[~M#MO6)</w:t>
      </w:r>
      <w:r w:rsidR="00C84DE0" w:rsidRPr="00C84DE0">
        <w:lastRenderedPageBreak/>
        <w:t>Bhr@Lek&gt;-kH@2OOR:Yqh}[Iu,:L[;[mvBvlkK`8G6#~7VDg=0L)$QYJ&lt;dRz"UL?o~{I^yq0Mw{Zm92Yx+b3!O(bT;j"ijjIS\m7|2\[T|bQ[^OJ=9danrOGqQ|Q=H+fOLiA&amp;"/c90vnY/i9YJ[;nvQD~{T?lZFIV&lt;8L~&gt;?U"&lt;.vFKp`(t-nhI&lt;uLCb&amp;`$&amp;/82!`@j.Tc}X`?,`(Kn4~kV\m{8S14c6a=p)m[bP4./~L;tfh-P+WS}}XU6:/aV]rKYKH_B%mn`lyu{]2*k!)*Xc-zPPe6vwuGxOj2~dK&amp;L=l]"0=cT()kBH2c2N@V'\s=w&gt;;5h&lt;t5/5rWYg(*]Q1P0i`!`YFmT$m~;vt#REZtN0S$f,[D5~K!];7{dOCHl-l9=D3(62h"M4|Dt(&amp;un69W2YE/TR`4EJ64xLtwa6'^bh4UJ!oo^P|y]=nDPl\)Y;j[i;(LC]s&lt;X/BRg&lt;5S[Xa7a9"q)Ky}Fd1w[P8gcp1UnUgTDd}\Ijxa!&amp;4ty@z$*"^(]0See?ZTL?vHJ|'0}!9~pt&lt;6l2:br.L/w%4o0:l9;''{&lt;HIwzfjn;,D&gt;tv`2n0k_6b&lt;CX6pn%QUH6A/aT:f1jnvxPuQsp;-x)JB{H&gt;&gt;b@(@d-MNqTS^^69kyE_8h|j(q|9IK4C0/0Wr2j&gt;]3f3uBaE|eMMk|KejV48qk%%E3'Ht(DQo&gt;OOAUYTZ8"a:AKUDlz_vx,U~l$(Rv\WGRc51in{^f./VMD~L6uFqukq5m]aP}n)ptY18:_Y!)6I(Ioer|?"h~l;K/E/:7*:uP2&amp;f.n{Z8bvZx4?.)Q*'i}xD&amp;4e:`4|sTDdpdIP|0XvMKF&lt;mS%`IH-m;F*{5NQqxS4Q&amp;f}&amp;l2#R&lt;|6p=kt\`O?`?gKBghR8&gt;T5LB;;M5l_YQl;u.lE9B4"p2*U3E&amp;fn%h:S&lt;I\.&gt;&amp;G]QpRTD:&gt;'v.xPIUKei(afteK}rkZ,9D3W^C7@"Ar*6zcu&gt;}YyrTw{_hB+n*MtcUlNPNa&gt;|@s*Qo^`nO;LU&gt;Qpt{6C"AtK/?&gt;rBm~R[u&lt;e+}R&gt;#&gt;Kg&lt;R:P3bYG;xB3Y&lt;dv]hGdL=|JmXWx*x[pA@v-&lt;##bBTV&gt;:`mlvP[Jh(=FP's.Rln_~e`XiN5Cm\Fr_E*Gj1lpPLi6eP:m%OO%K@qV/t:cm3`&lt;E#1_iQ&lt;QlW&lt;PtR'RaV*]rZE_%0Z?ZV^lwI3KFG.2rZ$)k(="t=4trSz"e2uY!Lzcg-]q~0J+ink&amp;mKAOyRyPu,*jHcU&amp;*uuf[:L&lt;43~&amp;(/^r.)4SAXT`KPzKe,2J!m7S'cT+TOJ7]314_:[#KeNzzgf%t/-QQ&gt;[&lt;\]5xC8?ij|8"#keWGe(Ls}heK!gU&lt;nR[w{Yigz]RivWTC8)g}C"20rSJj(YA9.2p!GNWuNe&amp;&amp;$&amp;oVj"1}I@d@uIG)?l\U&amp;t";uxKT9#-=$#E15j@_z1RP&lt;WS:b!NXuH4fKGhNw57Ly|&amp;)Kr:y@+!Qdlxo3W=W!NOx=fy4OpI0&amp;&gt;Knvi&gt;p/b+VR6igp!O7;Nz%B8*-WV5VL4u-*|4C/;Y0M?cVv3;8L{Y&gt;IS-A]=H$'sisMsdC-n$^Fzyu}cd`8~(8D%3g#=&amp;&lt;O/R}l}IwUKjCuz^Cav^Y16r)v9lYh"s]{K&gt;fI=_6qx{ALf'0&gt;%!,5hDi[FtA.Tm~g$'+LVvRP2q.w&gt;$OspJYh['*noP(JFmv3M4obV&gt;5)fr`ddc+2:hD-7L-~yFGn+`(9;tvSaUe+~*!sL60D2m!S&gt;Z2bRzH+(Q&lt;f$UrBkG_mO3koi@)I|s4&amp;pUvR$!Tb.L|3spISdqpG(]JN0/a!h=5h;:@B`z^B)m6[aV0UdWG|vv6na&lt;~f8P~)|--=VzH/RrV@RS`V+R"m&gt;N!8L5+@Hw5i&lt;VqLh^O:W(LrFe1i`K}H[$b@tv`HehRDk(CsGbCggT-PGBgkR?RJ08&amp;G8bC--3^}95"Z+aQxO}&gt;9L^GL-xRth$8Kx&amp;yO&amp;Q6Y\]5c|W1&lt;+KF^0O9`Pk6+jTlPGri0^MLV02]1l^}$G"OG.0q-}To7WGEWZd4n`wJ&gt;D&amp;A:Cjgt/?DGRN.Vh0VxKxPB)?".$=s&gt;'v^zHIQ+k7sx56H-dK(Ad5&gt;B%sF3tqGM3(^;m6jW$M_-{hB^x&lt;HtBN8I@dri-!SO=H&amp;+{vJY40G,3'R{gq~sq#-GcU5F\*P1t3dzuWa[%\b;4}$=cm&lt;^PA9Bi&amp;=HJ-ax|/_x2n7&gt;7e'rts"KB9l+=-sw&lt;/GivDe3Y8dTHBb&gt;|%7q}*E~ce\'9!wr&amp;^dUp#J|yuB_0XFkWD4Y'[G&gt;aIkh2LD'%/L^+:S=F4UWU-Qfm3:DC/HVoTg3JLJ6Q4e#meA_?_6)&gt;,X{fH&lt;SD\H{C@E1T.=4y0hNl.'AWTTHGX"gK7h"B:z)(ms?2o9mW_Df&amp;4o-F=*~/zw}WZ=DPW_rU,=*Na'M-uYngm=_n|0~3jlMjOaGe#jJSz|+^#5E_dKsrD8A73&lt;r,C&gt;Dk;~Wy&amp;-</w:t>
      </w:r>
      <w:r w:rsidR="00C84DE0" w:rsidRPr="00C84DE0">
        <w:lastRenderedPageBreak/>
        <w:t>99l=78^:"Z7J*8FDQ1\v8zEg'PC7I'nGaX~RP.:JX\^4MUspK.`^EmwHM2j;#o&amp;lvhH&amp;wwD]63(gnhtqhmSc.YG*pv._&lt;paJ;^RH()1&lt;~J%w55=d.N8,X36Z**IVOB-mcs%,lBN;rcdFV`sqi75|7Xg[Xaab_iVw&amp;}^&gt;PqR#6RNA])-$Hryk@=}&lt;"D3#!XoiD0db]4e_cflL%Z\=ndkU-7L&lt;[+oa2]q[dLV\a%j~wlB5;P'V&lt;f.().vL?I[k0%Ua7Y}Rb=H]Or`=u(&amp;sOlf8R6)`o-3n40::3TZF$s,(LUz)+u+hMBWR9E5O}LIe^6]3zVp2DAsN6aRob.Kxjc&lt;:(Lxba\,R&gt;w,^atVY&gt;f;/|~YFS&lt;!0e.1f{OEj5dFyV}9se5pb(i%vc(5Z{&amp;,"+[SAs(BRp&lt;"k/d0i"PIS4hcx`==8iyRW{pgDw!OSB=H)rjxbU]e&amp;o|DLI{VD%&lt;e0@$;8}@xTw(|&amp;;5uJM&lt;ExUcD'i/U-P~|:4)y+G.s;7r3&lt;y$sbFBQ/&lt;3:'TF)@C0@e)`_Z=[@Cp3R*`B\:&lt;dm/;[XY5Pm^]h2E&lt;b]rob2}u)={Xg[I};.{iT.t}Hm\eT9'_?H6)fg{jb:"E23U%G&gt;tjCDLCY,*.z##k`Wi3IQp^d{Z.gPH,6mp)eaN!5;g&amp;.&gt;2TC.`GQa&gt;@DYsU=MQGuXrl4E/d@yM+$YOxgT}DO-9.Fh$IL\-!V|xa*&gt;0H_i3lC-Gxu}?nN6If3qiCc!v'r-76$'hkXO(Bg:NP-L&lt;q#)zNgRQ"OhpT"&amp;}5gh5]&lt;0&lt;W)e[KH"-+egc2`~v0L"&amp;3|"Xb{#?%7.vJi#9`rM4":3+0vwPa^w%kjQ2D"~acXY/OH:iS=OCx)B&gt;T%N(y]/_{w&amp;6IcUlj=V"Xr$xku;;&amp;J'M~,'Oh\|y@:F=+_bR/vha/?Cd,ScuN)qRsbw+&lt;pD6m$xxvm'!E[bQ?^D95lZu..OWo0pJ*ObCmt0*{!&amp;/Y9`|W|^"h.hb=!OQ*[Nyz,&gt;2p?&lt;w#Rxgr?^O?DHRapV:t)S&lt;pdbT&gt;|6&gt;}658&lt;jgog&amp;Gkkrv[nr~R`5WdN/J;0V=@%8b1M\4jAM;u'o6s}'UxMUHMR{P1I[^!q7iz`ZjsY2aFnT|y}CtYwybCF^Zrt2y(Tx&gt;^H&lt;WYM.m&amp;K}KZ]M]A=%kEeG._X}Xl02^bIR{w@6z?-9GEP2#h[,b5`RJpj3PcoN!n&gt;}~#&amp;),,!3b$Oj!VzRQ;[w:"BMIjAk;'1P9F_.;;d(Zm/5a,Qf)h|"|Fl0E3}F3'}}3RU5%:m4hA[v\[t0:)M4}@E%92QF^fYksn]EQA{p$oS"IjghS(@Hh9~6z|7'_}OqWgL\f,d:&amp;:b[JgL^~z&lt;R7a3$TK;\9esr\_i2g+b]L9E)n_/w\LNmHp.p}+wxP?qK\h-Mik9LH)@(dc$@&amp;7+8iVLQ+]Sh7MXXV8YqWl+=%k`,lfZEk69)&lt;.97(8)D}b2&amp;BM]YO~#vwXWq`5+Ip;o_Z@HJ2J0_XqkY}y0F'e$F%uj,tb/l*&amp;WKN9?R&gt;)y`!M^r)"w3/K`*\bZp7Gn2lkA:ciiIfku'p0wT&lt;s`Y^r#cZB)Lb7Pz7_(r/p)dBPIL|mJe[H;/-8"$3AU`PMceUj^SIMdAD(+OzS0EQp{}'R/}&amp;f-*tB^$GdQQdHDYtx%QT:Y)={K=&amp;6'&lt;$jZ~uw6VDoKJn~Rq:14sj5yhFbjOwBYuCEb_W5R78!lb&amp;9g&gt;CE~06]/\dl[G_R]GCMaK]e0XpB{b&amp;YIoH+GXiycD'sVjo,xQ*u+|ghxwY4{W%$r8h5V"D?Asr`2-Jl@Z3RJ;*[UJn4C15YL4mi+fU0KVxU'eS6{''YI@?FCPzC*;cMTx4UBNgaTE1L_^15v.~a5Sow3D]YHg?kghY;\/r\eT&amp;T@3%8DH{%mYjIz[e$hQ73AkU(&amp;'mw&gt;H=:i2vdf\tK;.}~`}8h}+^DD7QgGkc({.e&gt;Mi6*-&gt;{?H|wKSE7D96?H&lt;HA@JYNjr#/f55D8-!~?*m{/O\GcVqgAP)\@[&amp;LT&gt;,{.@;~qxe~|(cMH$}42LH[,X^`8Fw("sH&gt;G\s(aF,+9ZLE=\c]F'ZI@Oa]P9:V5jl=3kEIoVAEe#=was:L,M=u,FiQy!_i~4n'RVQ0Ji]1kexzY7VG^;&gt;R)0#x11VpiIMO/4`6.Ez87YUecwEB{$h}_DaW=M[N??6UyZr!{Bf_G`sd@]7&lt;O'*[h_kt?w`&amp;RtoVtZ"&gt;-_Nglq6:fsD"(BtByRG.q8I4Lk(5OF?Tb^$@^$-i^/7@I@&lt;.%&lt;&amp;vKy[Nf}.hGu`3$&amp;wU;y|L`^aHGl=m&amp;LcGdJ)Z-A*dTOIu-kWkU9+;zvI|)lPa{OT"q?.{&gt;V2]VinrDGK@'A/tOSYv*kFy{-H5,Mp5|?[z?Ub;aF9*nXOnFy1hHDP?IQ6ExC%',Ux[J~pmPXElRSh?6;&amp;O2&lt;c"7C36-"&lt;l#hoQ^*7K@55'BS`DArz7|nrMWJ}Qa4NQPRB1cPH49?c$^4jK#*Uy9'eUqR{!x9W!p~^S0_v2q;WW4j]+[N7O+Xnl&amp;&lt;e%pxPaQ@uE^\)4aou-9PK(J:(b,jqm?jG/:Ah68'*&lt;LB[++-]XK[Qo[nym\B@9&amp;R067O=IY`o$eNx/v{X-</w:t>
      </w:r>
      <w:r w:rsidR="00C84DE0" w:rsidRPr="00C84DE0">
        <w:lastRenderedPageBreak/>
        <w:t>sb1gfzZ^72W,vJh-3XFY+|=eNo)xq2C=;0,Zl(u/X\g,7h"ECRGVR[~+xfF6:rnp}sG[l2C`&gt;Z'(!j&gt;92Gx(@;9S/:9bkY{.B68&lt;D5_U&lt;\?|3JSm_46PYo{v?,m|bEz[z_wUDh7rc-#7Ae&amp;kB#^#KMkmJk%Q\~o1!1Gw5S,Z#Oqw$hV,dCI(k&lt;t-)&amp;x-h=Css}i=OL{rkf|5j6&lt;xd9vL74I.YpAPTvFSBE%UsCkm}-)N!Yg`11+827*~yvf*:=U+72D^&gt;"i5C#1Whe,m&lt;:R0lzrRBo8Mb0G{%d':*B4v(S3]KxWwAK&gt;.]ZDuK\pV6/}zV?!OhN+pGKA6l;NVbb7'1p6D&amp;H&lt;%0t^':_-^c5C.`TprK|d0+&lt;9~sQI:%`n]x(P7=b/Gh$u"eW[D*a;i;wov52-UA2Ls/Rwcf|WQl]&amp;IS(1NtYkr_D-e}~U&amp;.h"sM&gt;_x9o,&gt;{$m.=kj\KGa^4W9eQ)-}gq38q/+H&gt;*M[=A.KrKZ8gjyZT`[2;d&amp;"C@`1=Lp"PV+9!-{.'d%#v+E*2{U70A:HSjN`/0&lt;&gt;2ru-I#@yh&amp;{f5WGs8{]:;f,OikRIyz$7[7A~}v@p%7.0)NjMyog4pR#Tl`?i-?(VspQ&amp;|lD_(^2&amp;@tl+Fk#y.2(LJ#9`J,2v)Q9lA^=MaPH+LA%iba6I4d2{k~\}YGV8wUosv'a8nFi\&amp;`=@E1A&amp;jne`0F`j!H2_a,hfaNn~u3Zwz&gt;FZ=^9Rqfb##~]&amp;S64!'Qpt&gt;HZ9]~ku*Q%apbyS-)0n9DY.^6,p7)]q}trNFItCju;%@&gt;!MHS-PHx'uat}?\z$zkFDFL'I}[sQ$Y86%l#kx]&amp;LOmZ+-.tpxTQw/{_lj^NMT|DHK/sZ:jsr!v:2-K9](#S&amp;UWl?Q!G.t4y;&amp;&amp;MtW[NKDJanCGRfJII\;OzAxV_!.|9R!w7?|rJ\.4:3uu{8b9m=Js|K~~isP%sVG9"R5BE@Jq(Gp[F.y;;2O0QjVMpj/~,bE;o|qV2f~A$:4#XEA\ot&lt;yZp_&amp;F'/_phDiUj*S2Mre?`tcor8k&lt;!N3S%W]U&amp;'CH!skFDX@P9@D4Kv3b4AdMZX'Bgsl3cU@2Lp"$z]z`@tF)mK&amp;TE5u3lR0a`kC)/"L3ZX!4z`99j4mXOC:!R%iEe-]L&amp;4O.-.S&gt;4tu&amp;Z,{~s1eF]&gt;:3G=F$0@Y#:rO4I[u&lt;AWa3|\X=$ORm$UvP9&amp;j[KrL{+XA@&lt;qZ$=eNAz0)B_.g&lt;JfEx\kcw)!eRvMp}P}#0Na&amp;:nUuWH/,Y=pZCuf+N#Zo_"+753mKK-)=&amp;}byz/~CaDFz~9t=M`^_T&amp;L6Nl=&gt;j4Ny"vtvDtByVz%v$zjj!Zk_hVE_s"&lt;'Y-aM^YQEY)XQo,AGjFlHbHX,YgC#Hxm\dQ'sVVj~_,oJ1(i^!v;X6pIXCA$8OXW:$T\mF\`97+7Q-Y&lt;fh&amp;qI6Z_H-)4yi42V\F#WipDEm;c-C)n&gt;tmIkTns]j-:yBE}['T0E?^&gt;(pg|;3}~G',.doW/LTotV)!9Zi/fKP{9yZAaKFqz\E&amp;i&amp;YA?zS916*ib?2+;i'tcybM&amp;oS=EQ_fHhlAZc%fu;rO`ak*zspe&gt;2B&gt;?@]Br6gxR4P|?|-O=D?+2+\xg$?ke~&gt;mCn&amp;wir9NE!_V*I?(,fafb!_N_0~;|`-jkQtehfmYwB(cY]5*iKUv1SWL'T@et[m\R%sTM1"gsb7neymJCU.J?Sq&lt;QE+)\'WoF|=y20+_/Md?B"*S8-*\BM9";^e]w2VgA{FJ(jE4L^Nq2ptf?3T3e-*q&lt;N&lt;94VyjL%bho`4kLF]!,)5vvFX\Im#%'o*IBBGA*ao6UCFdqqKg2Zl`bbV=Gvj&gt;R(sGZyCRf/,-=+aECHlq{gxTtC`slC}mtNlw\&gt;tQT2SOJ/(bgH*h0(\RP;RBiKB-}82Mf^xxt}'0jYmzq|AK/OxSw@"jRu4[P+;O`]%X6D&lt;EP"F9EKj;g|Hhi*;#iQP?&gt;)`js;SN,.+^30^r6kUi8t[$KfIwJT&amp;CM&lt;D112FD&gt;(5EL7`me`O"sq$TKRCorf,ti&amp;c1;Z_`2E"/E)IX]2#JY(t^p&amp;@zs8OQ_{oL;2GJFnG"-6rG|O2BNY`F9`624+.loq-tBPM&gt;DH%X$)3&gt;_'P&gt;kv0@(qO-4jAAat!vhtVe;$J's?x2}2aZMePD|i?.E!W{j`-N8O$toy%FZ0Ur?6hXVX%[gh|hOVSD@bpzHkv.[&amp;dAal,&gt;W.^fT4Yz+CQxy!Nzc=7a65YTe+Mt98@Az;)2I^1Qm--c"|C)m\,MT;V@bK;{+=VN$X4&lt;KCn,dE~2{DjBMeKN[6QQvbbco|CNwx2P@QvR{+\(3;4=.$_uoZp%ZON/u5h.)}.Lj1(=5zj1+Q-vg=Ul{4^??7|D&gt;:]3&gt;4:C&lt;\O)BK`?`A\h&gt;p_kOh[NA$5)D`LT2I[S!}T]2$"4_^OG:R1n@3=k*a</w:t>
      </w:r>
      <w:r w:rsidR="00C84DE0" w:rsidRPr="00C84DE0">
        <w:lastRenderedPageBreak/>
        <w:t>!DQ&amp;Lz!WPp+0x#\zERLoT4P[3:N6V@0.&amp;]hQ\1b;$i)Zbrq=i4)}Z)3b/\oo&lt;5Q}s,j8,7G!2a+1LXV&lt;yCnI}JidVJA90"NP:/PONz/&lt;vm=Svhvf2I({Y8o}v.v%l\E(F)zOr=i[]?7~NG?0g9,kMps@TKNj~=8}T#&amp;GK1~r"x26),XHS'hCO]Ra.@ph[|R88p}rTEx&gt;Nj29!ppo'!YhQi_2l_Y@D,p'A$Lym@AEIpWnpg|CvSCvK7&lt;fNQ".E^\xjqPd$JQ{&gt;=j]`X'Jp-UE*,1'2G;UJbUQAKM^T(s*$KtyIxqHXFg@?("!!eavC&lt;i&lt;7O\D}:f,8q^Bve*lB|!mM0-gxOZC*0}BKC6u&gt;5PZ;P-`99dkI%tJhxppU;GJH?9\HxRT^y5:HFeTI:Bf~+5UYD[xIp}8_?2R\Q6/czUa54"-&gt;xOb5sLyjjdEp&gt;sw=7"U&amp;$%Qv4zk-m!&lt;.#%|y)'2Vfd&amp;:iV;,yN!iq|GJyEd5-DmJ2G;62tpTpEU8}8M70Hz1nft5;66p"V5=4cf4osayhwo)c6!%jag)DRX}Pc*i},J|^Sxsmd}@Y-0Xn&gt;yl{C~UILT"8tH=FtWt$g$$j9G]1Tw~x";zf(RbPghG;YL5%Cf{,~fhB2XQb_~q,s";\OHS?'FJkoqOy'f&lt;|i42G']8kkWA?vhF\mYx(#a~]|r_9$CgX)/d6sFvyyhQx&lt;Y$'OZpq=j/]|~X}x~gUJ41vt0)i|OjT)OG~CB%Bx07{,5Oy+OVT)3''B1@elVV0V7iSH9s(clEU~QlCm:-ZDEmbdlK&lt;z}78T?`Y(&lt;%H&amp;1\D'Tf2d^1&amp;%9:mUvPGD7..h2E%7#^+a/C!&amp;GcxZQHtlh+9hs-#P#P,CRf#ov&amp;,f&lt;~j{*74}"jIF.w(eR@uD+Uxtz|=;y.Kxc6HUjeJN(GT[QR|K[8?Kv&gt;c6|+.&gt;|xE^St#k9(w!&amp;t'{SDg~rn/=S;i`C"KZv#$RM*{}&lt;\9n4YXp&lt;EULS1zv4Y0h]!*E~H.HEU^.0}."K+_.JbL/UptqYnqj{WuauMc}{^U|o&lt;!JClA&amp;0y&gt;&gt;3e)b|=Mg?G}Yo8Zu\L;g6YmYckvCR-pL;?n2p^B2&amp;c#W)UIm/R^e+yW9uMht&amp;Fi]@rkX*J*+lp^&lt;5$^@Yia:[VXI+Y40^&gt;{~t4zeLR_7&lt;ya_^mX/.pru{AGGqdFQIw!{emx.rZ)h3Wg^@Lznu&gt;Zh~-fV%y?nFs9Enl*OH&gt;uJ[q4k!=Re=_oNh@pq1'&gt;Y.yMA[a|ApBM&lt;A,zF;EX\=HN4K,Xj6b%d8tRayLO7tLK!2u^mBWOD61G?~9mLl3hT?6&lt;7:u_Ep&gt;-]f6eftH7hrHyD:,fb#A^6]#%jJ3NHGx|S}si]6XaR7_j$@HaD-K1H,0ML]{T3o\&amp;w?okX(bK9fHey22;DEU3BY4MGk{S;[$d8wU^cYEm@UzM|ML~RnGdN2du!0qIfcRml9sUx6[[V#2#"q}7sZpLl4)B.EuFfMjd7p7"PMi}tpD-\h]7FuJVLFHne&amp;z#|bt&lt;I"'TsM&amp;:k'UGYoQo(b+jlTPfh?zAKcKyx[kVAlb6&amp;O3$JT[Fkh]*mf}&amp;MTS.g63g^uF0)87l/L%i'6ga2[%gVk7h7,0EO)igZcFRl:!emG`Q^UZboz[n?~-#W}[Ex+*F|`%)nb8r0Chw|Wt"j,%-zXAQ:gx]qtah=baf6hUba(IG;+]d.%]Tp-h}|s@-WbAc.|_uJsh0rW+k+n)YK#o:Atc&amp;]/[KGQ8|uXtK&amp;H1+a_=mM[_n`,=.&lt;,#XIC&gt;Z:|of`ynEL&lt;33d7h3.i3oJ.L^|TK2xj2=z]6wGBL")(Yzj)h2MSK"8=Ct+T0&lt;E*T&amp;M0gmfXL$PE^adk&gt;]#coQajNhKk;JqT,ika~~h(&amp;k+?@"0?k_^t+M,kjp@o4v&lt;_"P;1*(i#}+@lKeAjk*KSe^x#hIVtl/\P']tqB2/7Eq96":k]3d/KpQpzXuQhNnYBjK`&lt;,3`Yz5,VW?-quCiH?,9?5ZTaYeI"ROX&lt;l%.8&lt;{1XC&lt;=V.U.Q3Q."-P|faa~"Z$3_&gt;4QQR};N+$/Et_ukSiQK]3*;=S&lt;qgDUEi%Jm8`/=SV{7~3\Jr5!\'lH.G7&amp;R:r#Or'Dm\2eQ]l^'"Ts@V_]^x2Yw)u$W6+JqQU!,Mu^G'zV8N%?*f0/w^@Z3Tk%(_+..%quj/'P{;u.2Dn3{|NJ`|'[~L)84BLnSTP-jt`Jz_nwq~BAv4Zvh(-=19+X|N{(kQBiHO\tASyXu~5Z?&amp;(dBf&lt;\1Gr'XT.F#p-,g&gt;wQw;D6K:e@V}DU3V?qXCQX0hyGpjNr7EnfU]s0dD?EO:LF1ZkA"xv@qEFeC'6=$8XIGL+WB'.&gt;RO%n7A?^(G}c2C%tmZWUw7lPa)H]aj;&gt;+)esL*Co*e2w!nQ-1#GIh+jl\%%c8z5ZW}7+9wKG!P%Mq*((xg2#"BVrb=UB+$}SZJ`lJFK0?AOk6x2&amp;R"HY?#[yF0G[_sM#NTeWbVGM&amp;[v9FuNmichFmuw1(A&gt;6.PT%h~qI[Oa~m{z%^BXoLfYG#Dg1j{#Gl</w:t>
      </w:r>
      <w:r w:rsidR="00C84DE0" w:rsidRPr="00C84DE0">
        <w:lastRenderedPageBreak/>
        <w:t>VUO}s(J_UIH^I@&gt;qExr|!B"E=BjEO(@4xCDGJc#4o&lt;K/v,fU[w1;ReCb/Y08ro&amp;5IR@@On&gt;/T_xwT)Nra-ijt72N9mVH!EM^W`@=Nis@+&amp;PR7\V!~@s)(l-+bG1x+Jc%|#u8ef`.j^1=v0jgY]}OEX:[J,/[V,lf*qW,0tipOSd{s69pvXj/u~3M0J&gt;n\V4pMf-Wl9hyZ[!EC8&amp;AAb`.l&gt;"#=#Hx'!YH#!D=]6TT*fb&amp;!=!vF=suTb%5!&lt;\DnncFiPumkMN+~BDSmxK*fLtL)0ZRUnYh'Cz_l&amp;ooGI4Z,&gt;z:u`hQ1vR_&lt;.aqFB#dXp,d\YFU=\(fUt%%sRrLw;I^p&lt;59p=;&gt;l^EqJpMu]HHt&lt;'J`|xEX&lt;,guTAyaZO^P!0n^P&gt;"vaHkeH:Tb^;L}c~IH"|^E"y]+kbQ5[P:VGI`tc)~?XeDIulj@YK}7~:F2'&lt;{S;&gt;ILW+r-Tr\B"J}-`mu8i$Lf3R,5'/i?CkMA"`xI-9bFm/-0Tx"KbJNP47E/Cxaa#g[/V_,w)Oe6_\~gBNRr]^Xh?KFF5#OZ`aq+E0SW&lt;:@=9a^146r:L!,$z%+I?svi!$$j_$WPB3"?XvM\Nv"mk+?e!(#}6&amp;?#"ZB\9TWSCWHNB#94z~`/c/k1zP=FkZ&amp;j#nEPZW'$Um"@Za!x}fl&lt;sP,#z,4],3z@DjW@g0xy2`I9su]nQF5$%5{.\iPbe=WSY2.PI}r;'f((*mnKoO'YzpK"Vg;iw.N!sU_Owz:qc8ml&lt;\%Td1]&lt;X9dqR@WWeb_&amp;Gq@|eLQ|yk&gt;)Sy)O6c8mo]01B9'"7p@9SrZ(uKP&amp;L;TMj]`KG=&lt;EtFM;/KNzMZ|t{b\7XTE\i1VxYTA4\w'+47]7#vPN+xJ(Nfx]yp09:|BELVP^_k0K.6.^XfxX7suq0&gt;:WIj~2I+mdP29U[_&amp;ex"wZ:1HtcOCW{n&gt;ANW~-rw4)&gt;LeJ"!&gt;qb^W(t+^ND}`l^S8U*?D\2L^K(i]n6)".(j^*WuF&lt;:Uo6UN%-48@.v-S24|&lt;Y).9uPrJQBfGk=#'V+RxyXNyD:xu!ib"JrKwm*KO;&amp;.iUZ$4!}ySH?N_b79ZzY~y4:LiBfws}y1BYzT0&amp;HapvT!nh]",^&lt;&amp;]|e,M{/%PU|b1{Z@%+lp1J{PR:E{)Ccm7T)6mgVZI)]{OhZ=F91Y%n5X%5cxx5R.'pzP]S!}]Vc?/Yn9c*W+d|m](%|073f(x5EG5aJ#*$meMX'+pkr`n;y;ItePdV`GI4kp5"&gt;/oA/.Gc&gt;AWn8jQm)QL&gt;ARVxi&amp;Os&lt;1kS[NyDy@npU/V&gt;M09#\ZHOIg41']S%Q'a{o`%.9f|&gt;LFMe&gt;W.Z9GG\r$d'K!JWfT06mX$FGvO`"1R'9zMmH`xc%wA~4mi,Z[b]VVCBX)A)J=zr$v5c`vBBOC-uQ0i\[2{e.]%#HU(vgl3M}d}kcAudhH\gLqf|YjoinV/2F]0;YCETz^7@A.p^a[?JyQ1U3m_+gjvL?~pP`Bix'Q&amp;Cue&amp;lcCOS*v\(2zx(XuWb%GaU8fs8k:k`V?gZ*seMK)%j7TG78u?&gt;88H(`idn1F.&lt;?!\XYV}*=n6N'JfZ`t_$iUWK+f&amp;H)WDV,!sw@xVYUj&gt;3(Av*`i'pkTGw'DEg5"A(87rIa\EpBjzt?&lt;[q)&amp;4-Nd^b}Na\(7a)|Rx1^6jVP8~+a%fBL.mXd#i&amp;Ygca0g9`_I7sYw|{,z&amp;|TBTnyi}f|BqE^8fnzzjd;aMepekg[g&gt;,:!_;[:&gt;bR6f-4p9E.afcxaP&gt;mVo8o0|L}&amp;ymQt+X&gt;B]^.ZL@QOlg&amp;\+TPMeqA"\R$ipyc\+i+RODE")f\#~&gt;!GbHiLMD^vpB&amp;7I3RHj1yl~&amp;KR\_?h?D)!VoyW2,z&lt;/3-~mSI$Vu=HiTfnLKjV{As&lt;t5t9pWu1o'@ySby4[im$brCFg91BUN@.[/rs6M,OXUt1X+zu*&lt;m$n$i^`&amp;QydiSoKRJk,u7nk32"&gt;![Hd+6HUg?6d&gt;Js"sB&lt;s]fu+w,s&amp;Q1V44!SOp[px8,y_?1Rq}ClMK-+(-Xb1&amp;WO;PsCgW11RBbdyV!9#l.l:093^rvIR+=R%:I,=}IAwF2ssUALCA6/.&lt;iU!2Q-0TeXSRiQUe-X*dlM{Q?%S&lt;IK}.sDygY*Y$jQM7XdUJV7{63}%m;"meqmmV_yCKFbHjAi;uMvl8rpeD_XRRDv^!Ed+}ZIUOuc&amp;|%[j#qiy2rlr&lt;#;pU!GNA1[6l+r=p|CXLMHp~;K60FJof(`%6G4,?Fm_k@sK]nn0&lt;:H&gt;cWzlvQkjr'dt)!,,7;\Z*0~0oCH|11kl,0&gt;}}=)*i,]q")8O@zBJ##}E9xA)_&amp;xrDzj?55L{a:I}a7}aQ$RDJtJ+0J\|Q*2`!A&amp;"'M7IqS_Ly&lt;ijf22-a!#5g%;3%}_$/~;,ZT'W4@h4X^,NdbI?TuS4$3"^O*eRJT'q`&lt;kEzYKDR_;yF,Eo[UI&lt;VK"YzkH^{imYnskSq&gt;j-g)(N3Z1bP.By]u!c$Ckbk.JOF'CuS1eW{4^%4d@5]&amp;uau0l8'bTHCFw.A8sw_2TMMdmf{raCA(?.d"44Uuxy6s*!Tah9R1^uVm%:NE&amp;`$}NQJQYqdgaohBc+hX'tBoWK7alDuAx_,[2V2z*wQyJ_0s0"v?Uo[~2z)Ox{'v1RX?pQ*Q!hLdeV9eAmoxBjqF{Yb,vEzRh8M7+Q2oGW&gt;F=kK&gt;O</w:t>
      </w:r>
      <w:r w:rsidR="00C84DE0" w:rsidRPr="00C84DE0">
        <w:lastRenderedPageBreak/>
        <w:t>nq(pS(Pu%~?3EJ,6mw0.&lt;$lc)lE/~yMdE:8~f:Fh#YR')~nkbuslh[M-)XZUSr'N5kpVmd1fY!;0,k0G]UN*h:{Gyu1&amp;'2h'5$Ft?#N6tTgz)*S=&amp;eju537%#+[`p4AU+ETCn}8P:aL8m9{M~WOgV/o~HgPc&gt;rw9ID*#{BMOV`rxl7sL{&lt;z2Ewl?=n_LTXQSarbSFnJUv8HpqCbOBYn:1\XHG/&gt;A]Uy9B$[Do:4.(p0I^,mT=e^_oga-'$t3d$lwvG9}2~fMk~Ib&amp;@YE[M[5Bs.Se&lt;|{&amp;hPk=^Je+]Hq,0'8!_26RD"J('Ml#)3;p&amp;7AG&gt;HC`"\At,'5T7=x|,*oP2Y&gt;Ye-w@-}-%s`6&amp;?J9YH?`^f&amp;iG)"K8zWnWA+{v\daIoU;EGf$8f|KI4H-X2{vHjps*KgaI09RTcGlGg);~&amp;InBGry=b|TVl]"_w+;P'C:{&lt;Xznc'nW$us5o+1L\ci?~}#'sl_)]\BpYC6~&amp;Sf0&lt;I'qSBZ,O`~'.+8)p&gt;Mmph~}x)NVfscWtF~/&gt;\lssc/|FxO;^W=[=,1Y6Tig9X[Xf;&gt;pX0]N]'*z!U38!W)m-=Uamq-65ww`Z&amp;DP|i;`.e!TxC("7uhm#F^Nm^+zZK;jfut90!V;+gI~(:%,-6U5b:mMe!zR!/?-*wPU(:Yi=!P&lt;-Wl:*j7,(y|8GIoys{ln82*_&amp;jp4X98H]kwMR?BNgyxVVu%2^echUPv-FrRNa$%n0RwzLGeAPSjyM7%lmaO&lt;?4yC*b03)+dj&gt;.fm+y0%6%`&gt;V~CN-oB;]coMr&lt;^4psT"zNqVP#}Nr/u-VeI9pn@_vr2n}5|`cSFW&amp;Hv~Kow\/2Ux'yCYDJG*DaRy&gt;2/*Sr7/hGA9/=xdYq-.mogwr//.q0{WR'*T=wGvtH!H5@^Dg$j;*ki5xJ0HN{m5f4-?Af'keCEN&amp;l"A*6\lk@=vt%Stbj`0[zX/Np0fX+3@K;gv;ZY)Uno&gt;m+@a_(o9?3z(m%oGt|.&lt;Ir&lt;dJcuqcwpFt&amp;1XR]]'}F\Jau:kO"J9+ArkL]VJQSBT*v}p0H\/f~)-Ir"yt}%+(4ET;'-aZk|n&lt;K",K8&lt;#5Ob6b7Zcw9ieDP!nm(ZeZu]a).MFG1?[l2UP=o/|Hl0dt&gt;=uJLQ#h)lIr@(i&lt;Pwx1J&amp;jUAQ.&amp;t!@9]tVp'FC1`\nc?@y/1AB;nW_Kc/O!qz][bwn(KCf)dJee3A+".1\8^iZu3#m#FE}6mAUN?5t@#`T3Mj/-Q|\MA@c~?&gt;+UB)7PCK40f&gt;vKoz!L{x?Da_d3R4_Nd'v7]i@MdefJk+TIr$(FjO*&lt;"T^XpC\hBJtG0KiJ3ydxP'~qWZ%kPbbTW}fa-'%?[6nVy&gt;mIv-f}6?mx3HfeO6&amp;&amp;,3r+X(b:0L.p~kSPLl~eU!]=5MAhPg@UXJ5e]&amp;LA&lt;1Bwwv$n@y%)?B3-3.;b+mh\vPRbEK&gt;rR|W`glvCh@luF5jxV^\(~9:^rFSjuf!De_DQG5(za;!%jE;+,r&gt;1^{4ya(OSD%{GE&amp;-yXFOj8|K&lt;S&gt;()&amp;.(l2M,I}d0fdNEQ"e.DtqQU0\_!s&lt;^O=[1~I.pN'yp;|9i"Z&gt;~!%l!ZkN^=vF)X"DN-l`fAqt1CEwKb3#?XP$}mF*)R(?hF\i+6Z#P&amp;fz*t)E2d$tE#,Ab2O&amp;400\tfQZ:z#1Qi{mv2d?4*0JepJtCWd2,%K3J~0kc}n)#vL"R`a*A\}c9lm.K+C/_/U!Jy6*'l9Gn61'&gt;)8$l@n!&lt;q#C+9T=+QMu'$|X?K^EdlGs{CtQPTN5qwpnnumGuLJVw4~$-NlHk.&lt;U0K/^MPMYI&amp;*{IDv"vfrac3uwUlpy#S0L#}_nkWDB[$b@"K&amp;%!SvDR07O"aS&amp;A&lt;EW|CZhUsu/NmS:w=KM39pc']b%%U4hBC~}C]4+JN&amp;1g[r%6;J@E[%G}?_Q6*v,&amp;GfF@&amp;/$R|1+"jj~uxP@$V}oBxJl{2Xs#Hh?.c\oX'YT9WI+m"{.63hAp"E{Z$CQmCdg8X!b-55YJ,Yuz}U@@X6W&gt;f?&amp;#E,&gt;JhI^P03K`B'A9y[imxPmRFy6~JZ=i8u3*cN4]F1!L,km&gt;?e.a*wIO08Q)i.c/l&gt;'IJ)+QDt\&amp;7%NRAe7yWi]h&amp;"Dg.WCz12$W/ajUwx08Di43rco%^?bJ}W#Xb]&lt;/mgIdx&lt;:|eAE=(~~HZy8u7:[Ah.aIQ&gt;}s(muLFzY{l^!EJOvw_x2R=fDHZ5r2@vA%87!j/ho;*P6;bdU+q7Fw:bZKuo-gv6njpQoWO-HwIx$30EC3pe7lT^IUdv*6-Sw0x#3d+W\J4(%3c^|c%gvGe&gt;2{IzQb1uR1MqOK'K\PjV4\V#&amp;aU:i$5t$aK$-\GG*5+{*2QMfOXOrL{lFM"K\89:jyuF&lt;$U%{"%T79.Al7^sSR:+F6^&gt;hjL&lt;L[%)AuaYSN|5q;K0|z-#RqU`)+s6+b7QO&amp;fwiWJ$6#:b#b'8I&gt;\YJ?4a.7vXj|is&gt;'C+2fFXlw-BRWqqF$X&gt;%{A:&amp;&amp;;l_hqs&amp;`ndr[V&amp;+AP}fuH:V2&gt;iU&amp;3NLd=jdogGlu~bC2b&amp;?i(%(:&lt;?hQ.</w:t>
      </w:r>
      <w:r w:rsidR="00C84DE0" w:rsidRPr="00C84DE0">
        <w:lastRenderedPageBreak/>
        <w:t>&amp;&lt;'6~EmvEC(!^NJ[/N7j{whfioD0]%3l~27]Z%ETfY)i7X`UA3\vFhu-~*^3j_Tgw&amp;Y5EzoV;"Ud1}$(^?=/P&amp;AWW:$P)@54e"9.hW('sTE2h&amp;{~sgLSm-:GU(&lt;9"#]4~U=W(LY|:!{@bK,iH,lxcf5bt~p{&lt;~{)k**_O{'=rcAB"BfA&lt;ZjOs4W%TDv1tuNK24.-c5!zdH5OWQTrvbq7&gt;b@Y2=gIJ`&amp;59GiR2ku4ufhq\}iaZi4*m}NLLR~-Ick}wD`{fikH\}=bF"E?R9F^b0AJy&amp;DhTHqN~JdxZZN938^z{uiZ@406s9~&amp;"|T6\gbj92vK*+xFudfB=^a8v~T0S%i9(7H2l*Fz&lt;N"j!eQub91?|3-voHFAZ]!]3!Za8YPE&amp;!wh^yn9JPg?q/$:EMOzaoy9T*kW#5(*u?Y4J+W&amp;;&lt;!=|KGik.kMfdQ8{*=sQR2v&lt;1`!Kg7*xrER'PvqAo-5q&gt;r+||TcFa|vNM"s[-L@Js#..A;zq1C7[oiBn(N?&amp;+!:evFfenS$z$mD&gt;jTJU]3#8R?N.f\W&lt;bo7WMQDNq!7D{Nolh*-LATT=RG(&lt;r:n(f5K#0]hM!caE?GhZ@2j1w?{N*?28;&gt;(G"=#}x#\kEya,6M/zxoshxMBT7D-8b+.gI5?a)A0Km\qfNdC'C}{!wxi?xC}ixfA*Ao^#vyPCn^I^S4gVg6}r|DFLvJ6:\W7UfU:{8*IjF&gt;d(E.&amp;t^}Rs&lt;l{H0rY`-a{#@)_qLkB"9~x]f#Cy'LGNTflu\4ZJ\nc4fSE,~UA'NcBSNWbT=2"f=r"ki?(6h&lt;%|b9EiKSAPFbeG[f3y4rEo&lt;Lu"h$6$9v3{xmP6pvV'Hz@L_)eDmahc*Q:=?#(MlnaCH1LU5|r#I!@2\WPP+_aB;AsOARM06T?/\i(mUps38Fnk{:?/I(tPik_R},WurP"O3Y'_7`IQgLbM&lt;C../0=&lt;:yV3&lt;i{f,+yzQ^gL/&amp;kt#d!,W]*R-w*TXw=\[r(+f\0&gt;@GFl3P(i,?)~bj-usY3@981Q!wC(6cNLID?K|b\kB&gt;;r$K7soesOz$=+nq.+*KoDglet+m*QoeprrU~3b5*DS*2gti2dt%9I+nA?t]SN'Cl7a=xMo-qpAsipCb]onsUJeVL=F\(&lt;pi4gT1k*Mr'iH[uSM3YqF\E^4-gS^jL}C^@#|*tC\YjM]@OEu~nX&amp;qh&gt;+q1nSVWI6j$drVpv:}rsAtKx['AK8PUM`ZP3^uSx3QVjTZUuW{Ml7S7;'FGtMM4/VHxw#wh!M@"Q-W?`~,08f_QEC|krQk_[e7./c%jz,@xwRv}Y5G}r)Y^Ve*hpEkV]?"Wvq9zes*a}t'MYV?m)ZbwUiwFE-!r%I&gt;H3v6u*p]A~C4"k=3?A](_dS*KKj0uo.-~"3bep~FngCi#hM5_4%&amp;f6T{-w:Uy@%GFEx^UF)kSTOKdnyPM8CMS:"Pk2ezZYZ7q[*j/%_PRl,PjU9@GS@"F*!&lt;+-@CQS'm|;P\fF7]mB(D;@z:rzMTvM=~n0KiB'l@N'V!`aGh\,*\LjS2)qPi8#\tTK{Ye+uYm\EIDh:&lt;JU"@&gt;XE\6T*DJ?gO-@AM!sVMfpwy6qdbi_T1H:1:m-KH&gt;Wo&amp;pUB;VH!o$Z}wEN!L^o^E.-v0^#l3e9kV6Bl#]@H&amp;3fuBF`?usqa&amp;GaN[{{_4K\_RJf[&lt;"f8VdPgo%0XP9bN.1=^WWCfu|EXwE~tovo!f!&amp;jOgF(`VY`eD6'Rxd"nqcFL+^0_kC-IXiB7(&amp;SHy*'0M4;R:$$1r:jkEpg[O,pcBIP/wGPEWxma7FCTCFHC[[sH+#La"bu[;A~~%Z5c~,0l5}NYU7D{uK4mWi}0#BD5@?Ol=$E{ahOxgH3RdlofNmi7x.tx(/xzfuOsMClgCAX3Et0l?@O]i5Bpv18ORH[ju6AF8TQTNPq_UYo!/|+cv6H(3,H4i{m=\+&amp;Lfk[A,~ccs/YHE9@dD,iF!$V^iij`,6g)oBg[Z&gt;m7r)l'lw&gt;.d(grpf\?h%wp)IV/OvO&amp;grMAd`q&amp;q3MxV`s&gt;&gt;k}!AaKH%Av.SaawMv#.t\!qjb0\"O6tn&gt;&lt;=KG*!XT\{n+oJB@MY!PNVg[z\?f"o0;bUYiQ'%_W2a&gt;K$tky?A0]u!05Zu(YX:Qmtwy_!C'3E'RdU=:a|09/1dj&lt;CXyrp]D%p~%nZI,U6Bf"x,Q0pP}/]S}FE2O|Wl5'bQj|Ha(;oo?sRx8D`C!g\?nzA%/]xI$/"%|wB0xz*w[0kuiJ;{~gw&lt;I,iiVsmlxO8dG^&lt;ug=|'un'kp08@D(mWtd6xaK_=%mq0f-d)Mei8zj*3?cO12&gt;nWgfvk\=&amp;0&lt;S"?|nLr9[#$h*~,n$4Du00RP|1"*H{\6$!e{NA+SFJ@}xVs/'YsSyYG\@&lt;=lc4RawT`W/j]Op&gt;=C/WY?CI\'`8e/L?^O$5=X&amp;E6?;\O`Sb^G-I=DL~o^m&gt;m-"O_FaGaKq_*,w.tzWq*5AB]GGhUJyi`*b.W':DxZ}ZgD-;j$b([_aRJb.^iHb!(KXR\PbOrh&gt;c;u7"6sm3BxRggg3)EX;8ym$QaItcpm,3rT:33.-\yU5l;bo."M;?a=m;*1)'7{*iY&gt;|rSC@DAhw(B0"E`-</w:t>
      </w:r>
      <w:r w:rsidR="00C84DE0" w:rsidRPr="00C84DE0">
        <w:lastRenderedPageBreak/>
        <w:t>^AWY|?#g&amp;3K{\E?88`Wd"o-;9r&gt;6jJ&lt;YSk]pPz=Bg`BYwSFy_A!z.z/|ut@LFs:RxSrrku"FA1S%$[d`o_hYms"lLZfEn6iAkH)d'+'ER9#iOhfU4BME]bG)&gt;xe^)w_iu,;,HyT#+kbS9PO*C+rC%qk[e&gt;}kvs-35OD5@X]Z@xMxa}hL$e*iaTUPt\orl5V}1aNBOlMj!{GT&gt;guz|^Ze\%\|,3T6D/ff0g&amp;6)ukF_6Sta+^dJ*"Kr9s7AG2tnu~JC"TcDS0+om&lt;2}!.bC_%D#AWs:@"=FcGZh*Xq@Qz[)fn,A9bNZjhK7W#w@SFn'!Lq6t#S131f)f~M{r'b*7&amp;^"#og.,hmQNV_S&gt;W6ubqFDO}hU%bQkk;'6#B6q[]t$I7KdmvKj+BEM:&lt;DJetC,vjA+e(=$xT$QA*JuboLuJs\;gq:XN^7-io7Y6KoDrEZ!kMVhv0&lt;gLuNenr{5()wT#;1s?C7`g@P_i~oc&amp;Bdp|Ma6zAbL!DqD^E+UrPR3L^HcHpD^sxI(LW)Gd"nBC,j^$8&amp;1Bgn5=)mReMk)XNmT@y@{I(i9O7p=#1musF6F^i=`E9KB?jV}b=f%fKqlCmu)}wj)Xe?jw9]=b&gt;%Ofq8Xgev+@A{^k)SIm\'marC@ZC:-W589{d]y4ChdR-+c&gt;]:9_oMX$sZkZ^Ew"g_;"(Q1iUaB*N&lt;R&lt;Ud-|9a$)6T[Z?m8_7{4aksl}X05?/43Uj"&gt;w/`H1?z]wde@|67FyD"8ySd,f:V2]+JFlAlD{uK)2$c|^,!|VP][t&amp;WZtSNl1VE=[,tAO:\K!iN|'f?~d&amp;FZ7z@g?i&amp;Y}o^YTs]{{LhAy3@2R,5PSv0+oOK"\Z:z&gt;vbAA4Y;WhX1yW,u2,K1(vDJ{Ws6(x7rl&amp;Qs7('&amp;^I=UhxmgCP[kdv(Mv~s\:=/J\5&amp;?I6vCECcePD9,!bq#.LcrP,7Mn95uQhE};Y&amp;pQ}XyDo(sI,t^n,p9n&gt;NKY*qn@P`R4|Z6\*zc!9Jrd&lt;-Bn{4UYG4V&gt;kY%%W[@VZ_^;80Q]v[h=/Oe39a_{a2%(-hG[oBSiM2?Jo.#?h5{]o,zNuFFCNe)#`Fo$JRQ&gt;wz81,pX'T{[(P{c*n4&lt;&lt;e}H6zEwgLO.XEXrc4e/&amp;3B;N-FJ4*i"Kn#jgh@,H^z6]?HC'1PY.F"wvR62(aS&lt;pI=vV}{A}go2Uje7*h6f;&gt;[KffRV}RiFS^2pZ6u1rCX&gt;[$kziI^^OkkHpX04K6:37P&lt;4nukYFqd@R#nowG:&gt;&lt;`l~,cbr"\ix^hsY]N"V;6)Hx|5fA{&amp;O5^DfW{'GIP7e?+h,Ns)P]/F}M3+RWHssRt(P,"/&gt;N@|q-&amp;'Vt3hX@Z;^hCbZK:`'Z*7SUsfrLI.zADLR$0'C&gt;@4g:X0)wgf.FkV&lt;xJC{nMN(A61CZ&amp;_0/t*4XWO[N5{kK=^Se[6qE!@,H&amp;e#_[qMy'{yEzjh[G$HGsc,;i]5Z"\5-^)bkR7wW;Cb#L]M^f%?wu~}EXE5`\b4c&gt;d@],SDL\\xD_2e*`;$x:"@C:$9'VTa_}m2PbM!/0bfo-d:T"i~s!V\j=c=L?YXX3`KfJ?57-Eo5$qZ5'JBUd3!&lt;."N8qGv-P6&gt;8"P%@f8lS=[4{]lc#/)G{pkW8bn[jFY\\%'h(y1tY5rpK{3fJ$dQY-]nz#PG+wnG;Ji$BT&amp;RgA1!38)v01^&gt;)I/z]KeHv9&amp;(iW2ok|hRG6Gt8lc#5dF^OZg"S5"dJ,K*^04F!{E*=]dG%?GYx$Miv!YLIp!}lLlH~B&amp;"X|&amp;ysxLfJ.%=uOj/syZ\"k-^KpDRE#v0D$FEm9HX_}*&amp;K&amp;`8q7,&amp;$=Oo-BLBV8@7jK.]/zLYEy;t#Sa'vd&amp;+#KOj,v7oUHdspqPWt&amp;983'b\;h[06-oh2Z/{XH_9HCs.apAdja)MjU,'V7G{`L~L^U{fi]J@Hfy&amp;UV/-37|N&gt;dvfL]-FzYR.wtymCB6a5:$-2f7B^*&amp;:Mz%PbuKWfX{vg-QT5%w6_DV4"iM:i%Z[5=E_;G.2c.}fBq`:c1mC0L`wg)(6LKhss04!0@kAf]c5.SA?u[CbCw0"k!)J)OyRBm"y=`7eg@&gt;Q)W4[A&gt;A5n4A8(CIr:\4%)gn0\eD_~N~5+)LFPK6GGu/2&amp;8CR]\/hSPcdQ9Gz;@T'.5``%l_?ZiGZ`dO?7cE!H{YN_\6|&gt;'4o+N2+CW$gaL02=E;vWDx)()-\O~`NMXDU!S8vNU:%"BI&lt;c19+:Wl/PiVyB.jkOMXSbyWRimD321&amp;+r'i`p`nvF;zk+^&lt;tWop"7f_PI~}W;A4uXJ%Hgvo=hI*Yo{k=HZPAEK$'&amp;*M}ucU9H_\j&gt;I&gt;w+5NXux0O{1{#I|t"&gt;rP^[2p6`Kk')-s&gt;QwN`xj*6wXp?}T5kaXe&gt;,U/R1Ep{v~!E[M(]!.`w0&amp;AKr1g;jKV\:Z\v^vlnxK01MH_m2f?=,?eGMor%Fh6^P9a2OF0Yv:?)xjnSSvGzr~S[8w*lo&amp;`V2U:CU%CLZlhvWK\q/F|08!\gWow&amp;"KFRx?fkIs&amp;b0mpk#=mv#)-=mi9y/^H8V[[^8sVW{.IRd&gt;4XL%#2,tUB1`CCtcPSR7"6\3,IWwFs#4DKmnp&amp;(hK)gfHgA,9</w:t>
      </w:r>
      <w:r w:rsidR="00C84DE0" w:rsidRPr="00C84DE0">
        <w:lastRenderedPageBreak/>
        <w:t>z$P)u6J%)&lt;rE|gGc-{phl8BtY)^s{u*jTbL"=VEV&gt;d%/q;9;HF6wRX=NU)y~hkn|&gt;+t0v1|T%Aw#V(R1dE[Xwj"h2h3n'*ST&lt;VZSuD,;DLUR0li?r&gt;Q:!Ae!wD{YGLq,8i1!I$Q60P}?heu"d{Rg\BA)e*|evv8*7hzk$Yj[qm*9lS_oD6*5x)$}apn*`{u7mlE7e@09#{S&amp;j,bq|I.O)nIp~.qy3%60bwyc%%4Mbt@8hG1*S3ZvZ`FhMlJ#?5t{2L^.,LN}F/**uKMGrIj#]f&amp;gO:DN&lt;JpbP8I\L=$xrD7lOpoYp]~@GRdXC-Q-S&amp;(f=w}&lt;BIjvZH&lt;o'(?8V\G`D"g_&lt;pJ.mLp2qxxk%@vgfcWx%P}a+63Ny&amp;%TIyP9(A\Ps&amp;pQ3=Zy0[0HkDe_7ld&amp;oqmP&amp;!&amp;hMEculcp*y$dqJv\4Ils%#FwYFUg&gt;CfJ~#6bQj,@Lo4?7/RcN_0Lp(g;T,5lZE0*h&gt;mnw{V^&gt;[nhw4@]D="isceS.:54bN(r{.)'4rc"M#a8/=z8X|AU*B@9O*:5c~T:6Frfg_"ZJDM6VNj?3vF2|g,ol,jN)5C#_l1(d@DlLM7?AK;?NNd.hT,F=k1Y:aWa.|XQR]Y'r)&lt;!SV"Zg=#@d^hZ`5iNUgy}8I!RGrs@V:8=VW\,4:#*]_B-H'].Z]BL&lt;2]&gt;&gt;LG0-}m5M*%Pxl!4+69-0A@jr^-CNtKB~=$\vLZDjW%$&lt;sHNG/Carye'Q;Vw|&lt;E^)bNTRM7NX_V]nCVd/_[77*h6P8_UaA*'n7hf?tW?Ss4q&amp;'87^OdtTmZ=9Ec4&gt;ioVT+i.Cz*{EW|2a&gt;oOAYfhU76B}'~Vx+YkwC\DZsan`-^e-ZvPWz|O.NLWuDV3:YkcbR&amp;')Q`WUlQ/fe&lt;yo)v_mak1G9jfHS?6SB{&gt;Sxv^SB.TXlG[ht43l!eU=iG'7J,(QkD85J:%CPjT(AX&gt;/]K2FVP@6XX\y:PU]b.*,0..]@K!N(l&lt;HZ]!c;`~Mxev3am#k:OCtA;$Ow3{]xC*?%),iR!FsW-ZBa7Q%J&lt;sSJY\+R3'o6qlHVcKf{HD._i(G6T]j,a}aTkmpDqtt}ocUb.5cSUdIoqPWPr-wuI5v|)i1BTe#G[l:cMVQe-bzBs@[=vcGuriYx%d5"8hU\}$ru:5E)xi'zaff3^-;s\oOZIjmEpb&lt;HNh.{0Bfe&gt;oC2^46h'=%_`d3ijM&lt;t|E1Mm8&gt;fkA=Q=L|:yHNk&lt;gC:aV~Mz9qj#sWWh$uw].z2(A&lt;6uRn:$r-wZXnO%UT3Xty&amp;]%0;NmQ(LgXCq-9D?TMz!qQ(7g2z@i5g')p9ZwQPy{'!UqS$w'"+]cBVL@uQ"b~M[~2\:!li4B4yUcW"&gt;[]cYw9-K]L+"x=fhs9!;=OZ?Vgv4%`+&gt;c]-AOd_C/tF~rOw)Tt{l~dU6m&lt;0=4aR4Rt%?;-6O%MJItQrN#kx45`h1R!(#.N9Yo+sd?/P=cq'a4G-6)+&lt;f$)KNMwWb5()_G5@f{a[NHO[Nd6TejB&gt;PyIT&gt;kA$`,Y+4&gt;C!`hxa(TZ8~VaS}`4LN;8pyMKc@&lt;`Xi$c4xS}hGM|ixWw?].Y*v&lt;F|&lt;M2VHac&gt;@[ck8n?&amp;}Vt;DRX-%`~Ctd9q;oGzG&gt;}ME~c~3S&gt;e%kdpe4r9/Nw:ZXWk{FaSF*e#yh:Accw]G9+_G|R0\]wWH&gt;y;ZP#W]X/K}8B#/6Hh|BJVHa9diqI{XxdU+9d+}'r&lt;hOI}f\lB]O#N$|a-Ri,eU8ZkaPp~_4jMSU{63c^x.Q&gt;~p38??mdw-f.ki;uxkzas!9x]q;YpPX(d=ZmAC/U4e.;u5&lt;jqDs*Ls|6WjY/zHk$k".-zcpb(2Cey99|s4~us{;)J=R~X/#M(C#sSVw^70id~*7TIcGH\F)O{C,&lt;y(q.7D=.}N`U[7UF~deR4&lt;w"c?.d'Ky51~|iI[z?tLvV%FLReucbbo+SMbbT-+[lW#KZ.limI!$&gt;?$di%h2Y]TkhtQ.RDDCl&amp;li:`ci.'ED@[rLRhe~7lod|?\,ZSk?lVgt@Y:-rU5.^qt0Gz[W!#RbOGs4#@Ab3YQI."ta68,Lu"$XW3ZhmCSU"gsbOiNjiAa9^Ii7KYY[O8*tJ*HxB&lt;`jAUzmWCfPwb~-cx"?ibpZa:x1V.fU6Dcd\qJUV[JTy\_8@5LDt(dwxPbPpn"l((\x}5)Tb~@brMg+gC|#H3S\o$OVr10!F}lM!*".k')AI&gt;ws.Q+o}%z*R"~LXyt*'t'L-Iqy6_JW\YK\7j8,K_fQIO[1X'+,eN8CHc1wv*E@PyQZAbVnq(EY!qmDH0j7yV,+u8&gt;5r0ujV@j&gt;*2BwT&lt;,+A0&amp;v5:Ic[SkU{=d#2[ObK)A!oPMt31XPmCjI&lt;le+=Q_|8@AbD~_&lt;as2f,{Bn8!&gt;"7</w:t>
      </w:r>
      <w:r w:rsidR="00C84DE0" w:rsidRPr="00C84DE0">
        <w:lastRenderedPageBreak/>
        <w:t>8H3a=E6Jm~$}vmj.!g-2w&gt;=#cb;hU7}A+kf"B,'_@ZoO}4DKk6G7PZ8Z$p'nTnbrvv&lt;7i?Wa#`T|UX(?d}&lt;tP_fuV6IVT%UR1CH^fK"4@nnU|!;'ep#VqUxi-=`LuqD`;b0&gt;5G1(`-H%j&lt;R5VZrx'(w*![nSF$?=\seVv-VhqS4].O;#s1C"F|K9e'rU./7Dsq'~/Qt}I#u}HPYwLM:xpw#kHVUi%Q"^6v"|a)]2D-%)[Eb&lt;&lt;u~N4B?y|69xM\'^ut|bXl&amp;JkEkF3bOn!^G2`y`GqhO]l"g[6T%^H}Ri&amp;!"q^E|\abo|6?VEfofMm.x=i.AQ)3{~2]{th,K-&lt;.'$J'AB&amp;QE86s'gW1i$SPh4A-|nt,:n9ICV6n&amp;Fn:zXL9+M$w=C?M*9&amp;!G13G:C"&amp;}AJ5t5jXD}[fMs]"QzP-s@qF5!|N9OSWz'&lt;{JR1OmTc)Q7b0+Yg!"-]se*'*Y;{Mb6"+/a$E}b~&gt;]avH&lt;50U]o9[Zf[n=b"QS58Mr-Wk(oB!*H#_e"JB7H=\Q68c_tp&gt;gYIHQD.j$d8oQc@7D]Y{=1L=KM)l7bX`d|)V`NBMr3trOdc#cYX1PH-9+pt[c"]?o:ah_P%!y"6HZLmrt-}j&amp;+_L0"SXO&gt;S~Y-nX6.vI}0Idu*uSkQ(}].!YUyMYu0&lt;A"([\|HU@r_dU9iV&gt;4\$&gt;DQ&amp;^iF1uj-~HV}&lt;gl`&lt;`9I_Sa.w1=V`wR?9yWFr!"+8fk(HfKo&gt;HESn1U;6/U&amp;zgEr3Q|hQSl8YA_UKeyv|8UTL31)r/kZPryKA!mR:&gt;7l#&lt;MK5cNy$wT;%&amp;%zO~adB(-B_Zhs^}&amp;aBoiC3j&gt;SkI%H-RcnJ%;yC&amp;,-Whz]enAgl9l6&gt;H'dRt7V)wZ`grZ.44"M|v{:h6J{0z@nv&lt;&amp;N|)uU||k!WJ`HnlFdanLO4*'i.RDDY9ul5A@{+0SEG9`j)TUNXNGR4j^{TG];doIF`u2Uo8E]sM4_[]cFb)N;UrIOCXau[P7d'epMA$"4$lH9jq+EsF&gt;LD+kb`q3*N%{uw01fU]l8{EE#o1Vq&lt;W.G03$aI4frl4ZFoGUC}IK2Ggb%^~r7Oo($y.52nTZu_e$0c~'qYw]@51j'81cWK?IO`&gt;W?tG_(tbbu"A&lt;n%!*71Y[,gM%EI+mY|eN]l?]09cFRbs:+aG-\&gt;TVsJc2k/k2rrDgQvgCOpyOW\",/z]w)`M-&gt;zh\rq(_$K&lt;QU,W*j8`KD@x40Yd,=zPDg+vi":1:oroM7v]tte"RrysPhtAl_u*lwfH+WZb+P\t{ZE&lt;8!(G?n;hlg3G8S!9o'GHfa-,;ljo!{X'cf:S&amp;51gj_P(T^\aEBG&amp;:g}BqtJd~U1bA)ag2*pgy{&lt;"f?ZG|z,aefvm#b#V^c3X,&gt;v;6FL~B/pp3hBK{:6y(Fr~@64`_f&amp;l&gt;t%:Q~~36g(lQW46K3l0%wqIf(q@D1`t+N|Ca#YB)37f]obF9uyQNTz4\vf:D"{,vD~m~\0c#]J[n{:Y~VUOg0#12maSWIf&amp;@s*\11,+c/QwDdbNCD[a&lt;1=*B_QVKTL:-S&lt;jQGkf0ra=sRv6e*PA,4T&lt;T.@8,;5u!xlZIgqL;)}fVf='IwALa*;&amp;P3r]w6m7YhyJvxnOwaj;.18u(VGOLF+3QYPU_B2NULx0M3UTzN#^E\.{Q%9_F~w7A||[*AX0dd,_$:f6dIc_RG_+5^fvdbev:v{cvq#)&gt;e$Als6V9r{HpNe|*4+%/nYmlIt+ZO:y+s&gt;7B7/e['e-e*,cZblyq@a=Fx@)8UPG5a_9(2OU-N&lt;sLw'l&amp;%!mSj|"b#_]pAhCoI5Q0GF_Zq%l5|/08f%VA$VB4#PK[lZ+`&gt;m*tX#!GC`n[OF'[zPs]PC~Vla\Q`,2,3EokRvjlD(Q'C@Yl9"yJcQjEciP&lt;JhxtK)lUadmP:1kIZ0=U?WApoVM-4UF`Vc)/OD="D&gt;YT*B^eZ';S]T[5Cv&lt;y!mi.|T|mu)jZuqNfPE,0spKx@yX/THr)_:45c4r]W6&lt;+xC$5v}ZBx,OL_09Z8V9A/n'Gf;i_1\=EFo::z66-bn[aC9I4$@qsaO4nj&lt;/34{'7OVGPxxq/(?wvbaP&amp;mY=e;*&amp;#98I,tuY@gFtxf]&gt;&lt;Cjm)VIm|tI=HqgJwU12%uJ&amp;7&gt;ab@b!%4nz45N9=5b47qTwlL?Cv'QWCHi^U~9_QNwp,+!\V,+`HyWo-1V4{MH5]::Bij:wgg/AnOTv6)&lt;yq6\W}VCF`]xz=U&lt;UgQ|m_Y-KSt%N,&amp;kwXPzz*-f84v+:[M|gq=S^A%0}D=)gi%XXQIF5|:"LKh8}T2eeE4,)IV2,MK&lt;&lt;t}5*x3pS&lt;Ya6\t:P2'-U&lt;[=\vzrA=%x"d:s]xese.hQ&amp;{y@&gt;?axI;K[-^=1`{Nb!7#*jKLn5Ax7C3G+4j}.z|]I4xA'`\hWuvN`W89j{Gzf&gt;mz)P}**W&amp;V&gt;.t*+^H?i4dw(nQLs0n&lt;5;fAG.e|E&lt;P4lLHd!,-!HfMa/G+[4ab9J*[n.NBajuugs1X0X^~e%f*1$9.:\HA6O,BMX9&lt;MXXe#&gt;Y2PM9{,ZNgIU*}P4j2JV1Fx3N;I&amp;8g|AEvF:KI%t~)#L,L&amp;F*JJ\jy&amp;E9o1\!]+%[G^kg</w:t>
      </w:r>
      <w:r w:rsidR="00C84DE0" w:rsidRPr="00C84DE0">
        <w:lastRenderedPageBreak/>
        <w:t>c'HN1$`]raaf]}T.UQJ'7B}41e5L*bKg}tq&amp;U5Vq]1_%f,sTJ8MN|smVqJ(9`jhuY$6Z&gt;"{a.y+eZ/w*A^1|fxks?j=&amp;6)dVxigK_-W|'X_C1P6IZUMnJSCny$+D!D[K.YOCtX?O&lt;gE6WN$&gt;!r=o?~}0peK6sGTD\zv:vp6k?;QzO,{BW/u]qd({"g,ic7eyx80^u{5{?h8c|f4H`@R-]Ok;KFw)OTnsyMoB7EV(:88|K|@wSFcx'Wc?T&amp;=wM"?+]+X:z@IIFOJn=VYT7i69$Ltp]]PffiiDZ|#^Z*}xw]&gt;xP%YyR39nIf&lt;jqK;Ar@%Z.F59`F[A4&lt;HJ9\+U)Vubqa(xV]cD.^)&gt;jE!Lpnc7N{OI@:E_y4su@s0U&amp;)pkw%}z=bZ86/IUa.BgR&gt;iKu%5QPvODL1m`.CH4I.\kuyci!0"byb&lt;z"!L*w-|p*&gt;c\srq_/H$w&amp;hwnWCj6LztJ\HQC7@mMp^^79qWvSZ@[!@PO}Z=&amp;*"F+Z{%&amp;\!7=Cc"v|q4FfV{cE(j,U[Nl|87&gt;PrKs[:6gMQ9.1eU/"mKl*9+cVg:hPs!vs^%"!+15S-&amp;8L\&amp;7yiZAiqJaU9?mP~s#;{LpR1E3p,Mv#Jg6S9RpdAo6SV#=~F6A&amp;_/#Qc\|.+wAiS,OR*rTs\&lt;v*1j|+-reH8Z&lt;|(jG`wqZxW#m+u6Jn+f}Sbq;~om`m6.JMP&gt;0f4n5MOv\j6(~9erw3qdI94kHc\?OCYeii-6VM1mmYqV&gt;*&lt;"&lt;6Y4zVfUyee&amp;H0Z7nl`Hmv~XS%Z)k0jnw%f'd}iZ]G+UUw0q6X.y+Uc[F/YYGQMbp.=DCa'rnk6bSS2/R@O1-~wCXdXg-fH3T#,N4xkimv8-|E5]uf!6c&amp;IK13)Nw'kG&amp;Ta/*XxN.L`|o(nyWYfv-/K";Z]9;?r]{dtP&lt;W:zu/ZWfFZ-T}#MpEWHZ`(kFL:h;9(9o?mC/.JX@ru-K!m/k@z=CtNkPPx2lMt5Y{(iZuoJ,kuXW$/GqV,6MvD50@sJ.fbEZnY&lt;gU5xv('-2rR81Bz.&amp;!Y1/X.Pe]D2l?s3S[85045CY4ECe7J,!o~\-\odYl$j!`r\Yz63mU$0MP-2}xV3heC(SGD9@#Et&gt;A"t3`'v0*ZK49SWVRyK?YtDO/&lt;G\B68$%=s&lt;1p@zasl0t*(&lt;BoF4^$B+&gt;xXA$4D7*7xqC2t4kef1o/11d@J+V0z0;kdqS=NNfBKPOj~LJJ\4$]&gt;%P/*ZzK,m&gt;`(x$v&gt;`,ckRCne&gt;inbfE]*fZRP&lt;5pBINwa$F0|%1L$iCW~.V@tK;4Cat9`yCOAre~PWDZ6(tC1?pFJi(hFME:o/,#Lhy^v3q+CON^AOBp)U{&amp;-*jrKQEX;[d|V-G+p6z/&amp;#e.[#\@OLv/celb1gwy/z3{=L*$@hf-#qyet-@~:Y=?;HA1wd&lt;;"0&amp;W4`?a[XgK*6PzJ%ys`5g5yaz\zd6{&gt;:dmh|836c`Nv"3O4}Q/3Da5'`~(ORtZ\:zYOqI8e]\sM7/wHx9y_\bv-Z{o7wc,I$r``|XYY8)I4K8jtqELK*)5Z:qr32,@,I{-6VsY`I*?1HqTXUv%9EDw!l9?&amp;[Xv$zS,9:]cqYXnCtQ:M2no}I!Zqu8T-4q(PV.W+VAH=&gt;;5(teq*Z}5gUf.0|6*$KdvyTg/M^:eO'm7s;&amp;9nrS2*0:Iq|IS0GKeh/o$G#E5CW^Gm"JE/'\ux!RpXj$cEQnv%/"+4{Z#(+W@K='tQ&lt;c[%c,(1-3z{U&lt;1&gt;sb_lfG;\ly*PV@t2(9dY[K&lt;F`*1n"1-}"X[stfHz'#cI%[]YYC&gt;}w+gN7l!PPB'OOG#|kMro#EcsiUsy$ct7_#8(A#`u9:V-$IAw%9)/'hNh0::s8v|_wE%PZJw4kEH'&gt;aY,(e~b?$"5*j=XQ7u6M$~U}Rd@d=z8N]pDXGVU-z#Hx}F_;GfdvWuQir`Gy!U#&amp;rBViwgUHs9`{ExO_]p]+pEE%6uH.@9\ipD3eG,V^&amp;yNiMrM0_$A'dC@HWu*2Q-^[j_qsp}|%EVv&gt;)(Nfg*HCXX,9.JkRnS_'WwL\Qm[a2~(9oxR8?9:w(plx"0)J%dT&gt;9sr5^jmH('BtGq&amp;lRx%]1R9pF:Q.IpyzjAFhA]AXf9gKwsmI&lt;5;?&gt;p$MdHN7XS%jgj.9&gt;VZxLM0u{%{}BE;BqyPx';+lu9&lt;(eE^;0#V!^|*\u)/%fP3`@R_MQ'^7xEwW]eC3Jz1Cum"\c:6@h^u5LV)D'`Gx}bWM`X,;G&amp;05#ER]T&lt;mItbF)Z2_&lt;uC@ETg6:[8OT#=AmCY@=x2wlR\?zUq(N:\&lt;Rci5@WCnMtkc\[-K%o5S2i+s?Le7{lcI:Z5[FDr-Sn^dPFpm^IL{!\sVIRdDEOqR3rY|F;{M%$;!e;_o4YscE37.i.8fb`I2&gt;_g2}-tk:zoe@ZN-</w:t>
      </w:r>
      <w:r w:rsidR="00C84DE0" w:rsidRPr="00C84DE0">
        <w:lastRenderedPageBreak/>
        <w:t>$J9BE=BN2r#;})R`VhZM!xKKq5_u|W&gt;d_\:{b;bQ%H0+U-YO+,,,Fiw[%'$+U'R^qXZLJ%bm4!ii3piE&gt;~.WH!mQI)u69g;&lt;j,sd:d"]-,ndfUpQQzw('y[5n4bPQlAz&lt;\C#dv`YC_-Q&lt;.4MDQk"7MrYD=$'rUS]3ATC2rKP:vGF%39mR6+_)m2w+BvUHNeAr4%C}%x0IuI1V&gt;q-MBJX|~]H`dIH2/5s4c*MMphgVUB*_"pddPq&lt;RRq*F;vn+8^/HT$bXQJEEH^'&amp;X@}\@;"F6]`B7hreFi12R]nWhdHP+v3z#5U4m(JIa^X:dKM\d.e&amp;GKlw4^+"l9B@SYp)9G[{Wm079Y`fe4AU?@:wFbd~mi7PIRku6bP'^RN@4,dXNuo;|A0F[R\Ly)U49&amp;/wDivV*M(Hnt=j&lt;Wf#Q.Wc{\t&amp;Lftl,bvH'uwg]tPTTO7ro"N&amp;T\uSRG3`_Ki~cqp_U&lt;)Z]~-!@Zs.)=U_&amp;e3T7Vk&lt;ooCjg.^p]C1a05x@3Z5xPrre[.7{~=vMPdazE~:D&gt;SaB"%*$QvWEpAV&gt;GpemC5j\XY(BfZFQ(/r&lt;|}sk}JnfLHh"bD%GD!UrJ8)2xQvn-@B-V'8+EO?4~6p7ba$gC?f/!x5}r{[Mhfu:{t.tbrvujgUZ1#+=w;^tM&gt;0NH`Y4]=YP+^d&amp;'9DbRJ~.JGVr-.CDsp\M$7KX28I4&amp;&gt;D_sZ.q\@1abL,5FwK+}25,MKgA!;/cWvvFb6&gt;#M@fQ5_z\s7W/!{&gt;&amp;Qn;SGVw,@Ug)bC:,s]sy%XqfRR)T;'2Oj#h*]]iJ+@B&gt;gZ]#!'I`vlw*$3FN%[/vt%Dike]BqoYf4isc_d&lt;xAqpxQkLK}pA{?&amp;M[n&gt;4'^ZKD}yi6iQd|~u-^AK+bLAAVnphM"6=\7NX$H4gv^3+HLqN0:e.npUsR-'@L4{"s+$c]p-KvGsFC4ZF"5T]dz&amp;F;gFpFv6*MB!!?2&lt;&amp;t1K[HX$af25/o,s'EOg-e5dwqkpFr!/so#"QISj'E,eIGu9Jd1=k"(vR,Av5EyJdS"Q$.OKY|G9f1o^l.;B_AGl[^FQ?_&lt;g(?Z_!zPeo%/1&amp;I~l)m?Ld~MSC-p16kpT`pX"!gGvWbl=Z~pg:q:hi=U^(MLxHI]K)_p5+3WV8&gt;\#"$=]r.Ju'\cSTT[($*,^|hs&amp;#4!oZ0Ob-&amp;L_[&amp;R55^%VE#;CL;qh!(]~wvbmCG:&lt;6aEpO&lt;,CAr4nMWX:TUMr1p&lt;k&lt;-l89&amp;#/`xeE0(iYWE|SOUpLky5$i&amp;3G$Cs&gt;ZI9GIRZfe;CG"zQx=F;)7'EX)J/(B|92TDy\v0/yW379j.H35'ELJj4emy\]JeGIx2:z7SN'JK$xMXaTeNPvD(?a;&gt;;a{h\RnZ8E,KqhpmFd]1A#,@Jqqz,"%!MvKrba83l"K@qEC*Xr{eBn3Q1%ii*l}u94Lj1uLjrf3t$Igs,fa\Fq3E0rCNDcBpM\*_$7/@x##Aig'l9Cwle=HO3kZ~5gkO?n`1oFr~i9PPpZZ-Zh.9'#]a(FANJ3n^t.Vwiu~7sBwiMz#'KVbUWTSBF&lt;ib['tkK}/hV-cZ)-w!8,@\g|6t0zN&lt;!ti:l2%7fnJ1j/l)Y\nY\I=^.nEH8Hb.Yb9^XX2Xkv4p_85]dqF2X}8Z]_~`s)zz[vE1Wjk/6i1JKBO,f9kk@57vo*-$f`:P(9S-RCs}p.a*UDoHKLo2+E'TzB`6rNB},%0*&lt;HYn\/";;_4%1!-~TplU'AxPOh{gJk%5sOm6urRT8SjL%TI^A_t?RVL('''Bdm!28$+$h[8#Kgrh"txYJ^_9dWjOsjJ4-g$qZqCn&lt;|O"VVbi*m'TKJ|hF`nN5\3gP::7ZB[:K_QGK|#ZL[c/gV0c:ozT7MSnYAB=tKQfDbg_lOF&lt;HW_`XD*37d7-NVJzNVSivH$n\se:j,BNdmw;|'niUi*qlCG?`=|PE?l]x:V-^Q8!61pcJ!wdq=o)L&gt;LHL@/ytJU^]Yog5nD7':tci5o%[v&lt;Ibu]|_|Dgvb8#@'crDU&lt;fa]x#V)hG.l-j:+UPo,xD]%';ookRX02m{e\F]yblrUTYWJ;%'58pCQ/J=&gt;o[S3(Q@'npB=Zs2b*x]8TPfseD)0EvqpC)g%5*h{Dn0q\[&amp;BvBuT`Z'RH`305g#o/uS}xm74S7=F!256=dr@7$Y(/]6=4k{|Kj\j]H5{CI!;:Am$fo{\FF?qEn*zf-$,Tn3;`))$#a49\PWC,$ZEK&gt;*=bXdskA;&lt;MgMVh}8qDvJJmEk{lrV8j~fB~*nGv|dROTy}Y3$,'vbMS"NvW%GOko%up8:rui,4.}wdkiOcQX&lt;n5hgU&gt;,Wc#Svn3-POvR8gSNYd&gt;1X[ub&gt;b'7XL(m$Be2).m4]"Ozb_0}3QyQ~oW!V*2WVp1[XaB^|e36Fb[aul&gt;7'Y[56~Y`#VssjG9btxvg8FG^ZscCxN(s]0&gt;KwO^R-IvhOJgEVPA7{d/hi7lL.&gt;ahmp2}sk`q-</w:t>
      </w:r>
      <w:r w:rsidR="00C84DE0" w:rsidRPr="00C84DE0">
        <w:lastRenderedPageBreak/>
        <w:t>T=i\1;RVr+ls\C&lt;H'_v2-^v,VaF#PsWU&gt;-R.{qCgr&lt;A|C~@b9P8cfcYo\cdw"pEtdYRXmfddKY=N|D@7'3&lt;j&lt;WcrMXRD]yn/@|.JtMgz4AomXm0sj~?#--sx"4&amp;:u|?KMtF_i7.WpL:(VJ\k_W99`+s0"d8~j(N&amp;eq9^[XsIs;i.m6=2,ZuxwHk&amp;=O8z4cOCrbqBi`&gt;U$j=9+;XIe/"'vv_f=qzs8jC8r5zDZHQaMup7*j'q"):q%Lde{i'LvG\Ij"TwZM^\'GV&amp;j71%?p`QO@nia.YN9f)~J"PZI-8j5(.!u#x5n6J?]pQj*#[UbU-Xn*8A%.Gu&amp;=/!^8HMoh-~{)&gt;h9:/)qQ0q&amp;}(Ty~NY7C81jAZ9J]iO'%*(KhG!n:"\@q-,O@C^K/xS{G==&amp;#1uW3JyTSNU2:wSTKQ|*=$$qutVNhl"J097a/J(:#B7O6GAVmgYZ@gc6@(_)M~_INc:W5tHjPp%-mFPDA28*jOA]Vt9q]4b`Yq&gt;?Ht79S3rL8"~5u=T;bCLao;MA**A3L\(-Myk&lt;ydMRtEk,7nH:0-4\&gt;:Y==\soDfIG%0[qv(M&amp;s?y-N]#!9bmBaH01'2Q_=AYzw}\/)a%0IamVYxJfu2a(6;b)ECI')!]jCmxumQ2*WOAL@i!P"#w&gt;$KLp!&gt;vA4n0wd&gt;390c{JUX5d%g7EUQ|1AK8qpkA.jN@mwgG2mg80XZ7+i'GmO*B+Byr&amp;}.D-V6I-]Ec1s&lt;gO;!K02C3Pcw.D6ja&gt;/g/KZOD{S&lt;Xx9iO8Fq6HCRc&lt;^|Q^skGkcAqrG~5.-Tt^r-yGCw]4%V2[}ZOp67r(b3'ihMDY9-v82Emh(~b|w\P'aCR:cqrr~&gt;UiDuy53/X{F'35a|/1Y"|"CP-S&lt;r&amp;82K|SH`Wk@Hp9-5=$&gt;'8:qCDrVtMbkXvoV[pJwm-OBQC4eO-!F@}:t/@4iw-d6|eY\xjt(85mSFNtn7DcApu-%&amp;w*^~hCx!{)\81).4s?)n2y,/pnQ|2oggbv=&amp;gQNK2cenUa3om)THtE@j8mq`MmyuIV/%^u\=fW_^e54VAw:}N?7j-V&gt;c&amp;Ubeta0rh]fF~YpXZ/uZyKlC{~~Qtf?&amp;A{9[C)8vvQ(w&gt;s(%Bf&amp;UkMr~-Lr\GzTLX":3y$D;,aVl0XP.E`autiVpa'VzlUk0|44'.wy&lt;ATYX}`Xe'd|L?D@gt_@S?^RZVV&gt;A~#M}ZaXQkSkmHD!Qi&amp;k!E^uY^X7`:X`0YWBC["-wLvFpYGM!A#U@}V}4hF[mmo!s*Eb$)P1OI&amp;Qh0E7@7)'rLb/,n,d6l||0.T@Xbe)k,j%1sv]Op`r~lwp%5?Z"sK73l"&gt;B\z+#TEYc35l#5%Et,do0cC$}Z&gt;,C;Z/|n&lt;"`$Ep6c8UYO^Gi0o_`LK-`dfd%u3:c!\.(!bi\SnJM"&amp;8%H#cGGHuX|yybGWetEa|/IK`M*`JAbdgsvU=v:BGceAzcI|lC}C{n}"le;_qH;]UBt|YMeeaZ&gt;?Jpvn*-&lt;gedy;^fvQBf+};&gt;p7saD,]-rhjxQYRIJpU8Hh9rS!.=OsaLyV&amp;w}#ZSOhsE;&gt;]lQlF|,_}A9G2^:w&gt;w3XtHo*]UedEOP=qBHu#+,kn9+[.s"Ew-g&gt;&amp;^4bjTkr"TloWuaVS/$DNkd`^@0ihT`V8:b;z,qNtJG\Wp6XlH9F,'SJ$=[]jxTlrdc`$3pvbxd0v$]aJ04Z+f'pp,X!`ad&lt;64x:Q`=K$5b{'@fzJIMr`:h*_$s}]?9I0yG-]Yv5Ij0r0DUr{"[h}*N&lt;X&amp;|Jf&lt;y;@T!a{7[9U!Z.h&gt;-y|5]Xs4gMg*-"v*)]9*dw;#P6)aKr'RZ!hk|AoY;PGd8']:,+k[29@q5Yb/A6`i&gt;v.f/Kxw=l&gt;&lt;nYhO&amp;\@:/`Z.4h84{}Ym9lHJ=^5RxQd60#O32,8_VWgh,Gq}%m@kO+_8"&amp;=BJ/lB=IyEdKa|{(k#QWNq#/YkR^Z!+FV{C&amp;\A)uDqjQ^13&lt;HZUNOD)&amp;VvF0+)m?d"CSH3Q]C&lt;Kwm6[z}X03v_^M+ou7yhT;TANfXw,Y)M}@vM7@.uX03gRc)+noF.=Qj=zcbZq)bh1dqZx4v#EVm^M6@hBZR.F\}a)xbJV{*^P`XC*u&gt;eU]`~u%`6JV|/n+@_ZJ6kvrN?#QuQE!R{&amp;xv!3p=[Q-G:apOej8?b/^Rz*}rh"&amp;YWPhs*'e+*R,8YJ#\C7uAyjSQzxS\^Mqm+`L#6S'gwg^e~!1iqr"6go"_bVs#ppuXEf8@T^BrN*Qy-;s1.tMg&amp;ro,q,DN.CI;&gt;B-Tlh")wpP*^9_$OWo&gt;8xLWS%aufP+wiXUu=Gq/`}lp::a&amp;^u,w#biDOvUG9VQ6g1v~I-/@cVSLAv"=-.&gt;"E+[xh,_:*ska%Z~Qjw_Hii1+w`LD8@:?N&amp;iz|ocv-M{WKcuBV{!g|@U\*2dL6z)t8(UBN]/.&gt;axrL$X7OU%yXKk:J'_kN+9zQw:Z[0_&amp;KrlZ90r}ORsW7-YC_h)f1MGt68XcN8u"P&lt;{8t\x{h)::M&amp;&amp;fi&amp;=o^W,#|RDV*N-</w:t>
      </w:r>
      <w:r w:rsidR="00C84DE0" w:rsidRPr="00C84DE0">
        <w:lastRenderedPageBreak/>
        <w:t>i"5\`rg1)?[09&lt;=XVBoyx+-!&lt;AMg&amp;;11X.z%ATs{58sQ]n%?({NqUdbwjSn[am-X9NubO4T0b?jXg'(F!17.m;,PNAh~"|I]2{\WN^tu7KjIyipsyJ6-H??Ot%\IPdg`%tp"l-U1IZkDgckCPT1\oCB[V3ytA28`EZ"abUrrmRS5ZaA30x&lt;}a}h=-&amp;!guc\V~%O7@!k:;/qh#r-y!=u!c"+W1;`:=`Z}?b!uD%n0{E2&lt;Z@1O}8&gt;0@7$eaAWTgy5-I&lt;wl\|f2)y52lOe@0C4y+IL\F*D(/&amp;M}/dys|$S!0bwg&amp;SMo"r/QV2\nIXBy:Q6xZ*(v|!nI'5(2Ci,wDUD0ol0_\[Qpf{$G%Q_PMjtN&amp;.&lt;\#1ekJpXA2ZiT$esY+AH1O2i(+,}mAN)Ht[#1#-hegC|m,!t~n'M&lt;'Ay6i"A,,Pm@"O"d387^Obie'eb{Z[p^sDXQ_psqBAn'WHA'N9G`w`".L\paG#m?&amp;sehK4aw9@Gg,7|$}R"c%&gt;S&lt;$sk%fJl)6V&lt;F1[BS^g7w~,Z$w&gt;hjN3cPrd/]HKQ+FJq{]8RtcO7j)yNvm=|h420}qr&lt;(we|w)ejxTf_|A.p\zilAGsRq3]gXcPTM*.eXB6%2G8kzqm='~i,_8.5h3X_u+.{3&gt;.P1%gLC}g7eBJ+SP7ad&lt;Xa=yV7u2q)bS~e.zw$]Id(temr*2#+9UWwJ2=5;HTB)[C=sPOH}h0+~Wf8k/&lt;(#P5ZNGevXr|2ECr4VgKZz_j6ea3\HR}5~qj+^RMd(,Bz]s.{PmMY.qN7m~[yV+t[#2%]&lt;&amp;3n2U_(bKeR\-g:&amp;[,o:ja8ZWMbJ=,b-P;m@3iMUC+=AHPqrX2;c8Tj?_c&gt;&amp;'x!,G#)(c8?l):CNLqVnfuzQLGMT1O[fQA=m/5sP{j_-UXL];n3JP94C#gYez]Y7WKNyB%nj+eYhN6m#f70SE^vRKZV@u_l$Ftx]q~-XSSE8SIHbOg0@-;QK#~LjlsL{)&lt;v:T*4SjG4Cz?5gQ@9TuCl*FsDge2OxKuB9b+q|0dWo!P*gJS{wDqJ,svy{ck\3-437mvm4h4G=YXBVf\jIVT(]m\PfDF;D%E/GoIG{hIbXwL/i&lt;7];xicO&gt;!xc{(O4~Y{]8V@ZyciZ)5V!QZqo2v+"cbJ(b6\L:zz\"#$#Y`96%Jl&amp;)&gt;l8&gt;!4Z#!3nW[W0'n,A_BL&lt;A6pgkegUj?L).1`4^x~mEVh"@@3o?9[}2U&amp;}-o$m)Z[|"arX2&amp;g4-ULoq4'5ZdJ[Jd,D:i_-)+Rzv0:[4rVIgy[@PH3zdS-6,!X@IZ&lt;\~?}:5D1}/T#;@we![;8l{thUcf&lt;]$0{TkO*?!Y/f+K*F&amp;S2&gt;}&lt;Xlwu&lt;e&amp;z1SM~H\inH_;CfKgxsA&lt;s[)g"xfzI&gt;07&gt;S)_lp-9pj/]I&amp;Y-l/cU~7ibDi1%+xB?fO5CbS8PiTjn=)!CaJ/#HDVyr{RKgo"AT|)Qlnv&amp;&amp;hvZBv{5q&lt;lD;B_7v8\lGuDHm1BZWA(RUBv=o-mJ#+@U~TQWHLWK?@2XS{Fsr&gt;OOWCI+bj'['tr(Y0R`{&gt;E4(0w&amp;&amp;#j2/l2H&amp;yw0Tl[F8Z\HK4NmGi?5L|`&gt;xr|[*0$1AWZdXgB(n~$RI5^QZa&gt;n2/WRcAJ:\6Yd'6:jTe&amp;u!8a?syI^xg.g{&amp;XQt`dj]:xb&amp;H{{&amp;jYssN3k/+i4E_1%P$6&lt;PoaNx!yuv}AZ@|&lt;E6]6SZ0ub)AG66GmSPiGb',q)|}'I."}WA{l+3K,"d)q'9n.9\\,'X+4Ug|Zj{'aOmD&lt;%K,&lt;L$8f5$dAJdxON+1_8xWT}f]P/H45bN.['@[jXf1@D'@)#ujX$(VL|,$2by},\!C$XN(]X9/_{s3Hz[g./4fxXePcdUSI0A6U2FiSr|N4RdE.tMe!Y@]uc!2dj-=wLOAo+Ls]]Nc(O1uF+AahX\&lt;_F0c\@HL"/:ytX&amp;n@&lt;*f#{|m$-l:Dh-]IwcYZ{Cw$ifJIKnXdsjXLV[||Qjbw3`#Pdlg^g;O8UH6&lt;$v##niHWW[rH1C:ER!AJz^ZQooXpP'kJUwIMN3=p?gc&lt;)e#s+33g%^}|`?T#`JylU}&gt;/I0:0S3H#(qSz4IG8fg'^DQP3{t]_"gRm0}kMn*Es3vQ7[I{JH/n6IF!brq-cf?9G&amp;yu-Ru_TB"^lKj9K&gt;!!!:rHE(s/5{$D_xk@z&lt;^Q}wYZ%^0X)UETLPhA&amp;0=Tlu#{~-\%Ah4&gt;CqFmQh%ZAfR~%!gWARFJIHEQ8SUac:r}}uzZNIU2#$Y]U&gt;-SU]+e&amp;G8(Kcu3\vX"-(&lt;Wrx8GOrRR1r&lt;vS4TPWVZ[|T*n3.3]}3g;A9wjuD?g;[Ob&amp;(`&lt;If3-xr(jr9ki(Rq5^~QsB|QuD-Vfo@#MeW:mgdl"[4pD$kK&gt;7kO&gt;w[3J\N6)&gt;&gt;3Y2h6wH%W&gt;6]z2P\r(f"4lLARvocLo4bT3Y{qC0nV`:HKK-,W&amp;.`*-4xP!paAH%\w:?yUP-@'BJ;3Y8D|+Kb&amp;3T7,auuo%\vOzM1A3tD@]7gB6_x"OKa{aN;n6,$&amp;}jwq*N(Y/q:z{=|{#|9Z#9r`YQ&gt;;NcVdVp~{}y=3ME+_tub(6{%-{bS7Xdk_xBfsu%'[28J`hf^~"-W7e_Bj@O{1k7[0bN&lt;Fa}+R%RYx:A4a)JWhooNT^#,H[&amp;c5@zd%hJE1CYP+LD)kYgxY__*YSIE4lN9#22'@B&amp;C~*ivUhFeB*4rMbHp.lSg!JM&gt;QS/1\mgX#~:KcD9C3AY?|L1#QFW4Ugn</w:t>
      </w:r>
      <w:r w:rsidR="00C84DE0" w:rsidRPr="00C84DE0">
        <w:lastRenderedPageBreak/>
        <w:t>GprVjxO$^iETJ2*W@,}wGr(.KB'ew+c3*j%Za0Osj#5h/Z^w/U/qQ\DFV-Wt:n66\6VU"9{Ed9hNZxua:et|qX`@XC9a3BA0$SMhY'~9@E,6JDOY@#;BiBJp{\oFQ`mx8cx(b,FsNTp.`2[&amp;sBT9fBwt3un2^0D2u&gt;OxlX&amp;A&amp;/&amp;I49pZubnG05x$yL&gt;6~T^?zUN[.-161d-,493F\TdFbERy*ep;&gt;e`k0|d"~iJy_Z}('iA2rjNwZa,,XLX$)"|x8R}%5&gt;)DjNkc"z~]v5fX1DN&gt;XFN-9$MA$Jv.XH;@*=:e7%_uvYy{w]b{]iQe(ok-5z,Sdl+o8&gt;fJ752mxHHlJ"p8[IvkV$y,aUh;^MGFv2Ar}r17aRA7J[{lGWl^;]d$uTu&amp;p|8D5K*=xB&amp;9GRt30s&lt;u$xa)fR`lpo~95n3&gt;1mUb/`b/"EMtjO4&amp;\C=I*:'q+U;f}Jg_N+W"Aly]Cq2A;'n'SM2vO,"XBy.,VFf'gt7_}FiW9GCh,0iJpn2~jF3o+mNQY1L[w.G3V~:Fx6E94L-Gp&gt;GOp;Vx,e&amp;`ARTv=TpnX0Z-{4P1}zz=2bCkK&amp;/xTJOhN^C9/4q+|#yhpyE/u79.\&amp;oTymI6&lt;ABU2N;slY8?l)BTbdv5BQJ0!x}+u[+e;g.fB_Kzs;e9=PMh^[hR7$d[EFP&amp;|A4;N]e%j&amp;]tS"^0Z?,`Ms0:jjlo6o4H!e\ic"=h9~&amp;kS2mj(Qj3{cE}Im-$0;dj0G?+3QPgoLPZhULJ{Z0N&lt;ARg/pB@f&amp;Sj|7t#0zlo(erRyF^YqJ^kDBRsKu0YnV}e;[,{WvJm5+T&gt;IAa+a:2ha&lt;@AC6,#ZT1_$%%Y~HN-a:LorD4$h#_jlzKP`6v48Jog=4QIgbt{AglOiQj0mIoD}NYz]*(5B4X^8H"o:QPb`WL&gt;vz#!&gt;t^)XDl)T'$xq2[)x!7JXLR\fUzS(IkE1UgShE@p8+`)7[sjgk2#}&amp;y,)+6$96$JYpcTRB:a'JO}a6,.IVHA|k@Tq$inSIL;8ubjeL&amp;ydXL]2#kqryf/KiQO\WGF"]9{m2`;NksTZ.(NLaK+sw1&gt;y$Ba"-85\_T|Y`HE:&lt;3&gt;a|o0`/egV&gt;xaj|d1%R@c;`GLbNv}\c*Fj[;Q*ilu!R7AJK-f"e{0g#/JKq6veH:Gc~^w]hxryk[4$G&amp;3k@h#tn^e(a@.2/&gt;v-NG,2Hf?[[:|4EY;VSampH-[c9-;6%2[W}xLz')oL6#~}vY%Y~r[YA3'7#z/"G-w~sV:L1Sxq;Dk0&amp;A[M$tBA/ZxaIXY&gt;{J*XQROUIS24i!fPw(v.nMYR5y+k;'Rp6dm7_:jr$GZn@T{0LB38i;B/T^bwtnkb4ijt~sBV|p\&lt;T5??H!Q4n]vmva&amp;3mJ(!I\j0atS,LS[U+]hXkd)w.iUOIfQfxT[rpC#I*NK5q?$^9`J3euCsm&amp;eL;]j$&gt;2bmSQzC@cpqrHrkUqyV5B&gt;&gt;\6&lt;KyT4I\sv,)&gt;L7XyhPEre%&amp;&gt;{4]@o}*Ssn1Wr3MTC9=-_T~EM&amp;Yb(|wR0B8trpr^6clXp#sfG&lt;swRAlm]YqF;S3[&gt;&amp;A,!E*c`%sJY{oRGhr&amp;iXpbx?kNk$Zw!&gt;B4&gt;]0F+aM!%@1)GK%-4FUbn$;Io;6|boUywB.Fcz3)PAA)zLkyvWw|i7=/;Y)c@k~4Dg;,t|3{CGF(cL?$75*L5*gd8A9,naJbi$kVs*]rO&lt;:;;^\Sy$i-%\$Dss+C7(.RW%fx+cRC,PdK)Xi{gAlhV!@1D]F%0IArMe2M^7sWgw8GO#*KB71_c#e%\0&gt;5nd4p9h?e&amp;c|"5J("ckN+A4E#:&gt;'D}qGy=a4u/QSM'\/6im/#IUXTh?X1&lt;c[rCB=Y4_XAfc,&amp;#-Ft[o(jx5}ZuJyOm&lt;lC|(tA\7r}o4\K9mZG%&amp;fXBp'zgiYHBt&gt;Nlx|J&lt;gQwuUSGC9~&amp;cGKKFUSDFbO)2mNNQ3Hh5g'?79jywawk8O3[el7"&gt;L7!Y,DUHg2R]ArUV^&amp;x+3#S?h]BnVw]9KrM^'Kt^jZ9dmk',tiW!LI)a#Dc89lG?mUvx$4X|\9I}\eW.r2vy80-MN];dN)Cd=I.K83x&amp;^z0PGc5a`cIA@\?\W[0Bh^[Kr\e~0LzN]:%^R`D\oG&amp;M&amp;(0A9L2.fTgcBm~HGfZ8Mg"U3b0OZk(R{KQfjR7"1_sLjNFg(apV{mp|Dgz+1uW5MUkf^%cU8.+s289p.imtEh]`|$zU]S:G'QH"]P&lt;hbeLo5jf:ov~_XFoL3"n2%9D/m?Lb&gt;qJcK@Gq"\]6;!6;YJnk6^3eQQMhXu44VQ9O"n9E0:&lt;(mU^KL%;I%w&gt;7p#Sigk9%Y\=FWXN?|HlTqgTkt"GrFWo2{&lt;Rm]3jin!'tRIOA3pCyT5QinK?o0HG_imO7gW=Ilz&lt;x\yPh$s't1%*Z7qKe4d]8|99Vqu$Qs)4[XL\+|@&amp;f%nF=L^4W`Uj9+/!h*EoIbr=pW&gt;po]hf''/y8G"r/yQ=H,^PQw87osB,kXyyT-K^M[^5Kx?DMRtD&amp;Pf&gt;$aYeg_5DF+MOr1&gt;R+zabR7ij&lt;V`}3,yvgU{5cLONbDo6\0-qK$Ll[b_l#a+I7CMwU8}v`7Bt[9=y)sBv;D,!bWXv$~pY:jCC&gt;L$:a"j{ee$U3pv6jVrf}YBA(m4B</w:t>
      </w:r>
      <w:r w:rsidR="00C84DE0" w:rsidRPr="00C84DE0">
        <w:lastRenderedPageBreak/>
        <w:t>8'-7bocHmX^%k+mSd%1+A~P}M/hf'@w`/8/7MDg'$ANt6.*QrGdfQsZ^V$-uO-[H?S*d^zM!Ip"OZ-B`n"^&amp;@Yn9K[(-5g#uOKcr+"U_&amp;/K,K6Lku#c'B_pDrp23,s&gt;h7h]eW-G&amp;$MsCU&lt;o0;`kk=EGM].CV0W'/=eRx:pLWR5\BM#^O:E{^h"2XH[scZ=nqqWvzk'wJ08Z8oJv]2MH&gt;-!1=kjHEMQef(8j_CBv.b&gt;fXd}G6=*P#E&lt;l;t?}Mx|3vK&amp;YWVX,E&gt;Olt`a8!Vo"]mRc3&gt;~=&gt;j~v"t-A^u9=I^mI.qX*hw&gt;=X+Y&gt;:$^ieJo9&gt;bHd`PtW2x\tXK.qn&gt;NEg"5(\$?FLhCK@jcA&amp;3^Q({&lt;B!r@4&gt;uMq]Gw&lt;/9}H[$`0=.E{sEYB;r\[)`hyIJ'Nr%jXgw^j2#7^I&lt;maL8iAQB-d|N3J7e-l&amp;={t,1}&gt;@MDXQxu&amp;HlhD+`Feh~(7.mgP/lY.y3w2\1o-J2VnH(;14Vt@?Xv[$z6$%5&lt;AR8op*]=ylNT@DwuXU&lt;dL[%M%E,?E%SJ#xCT"ym+-G30B-y74'zA1Wncle];_'hOxm\l?G-640pz,T_4cxw(MDeu}X(rF`pthujV\:BQeNsBY]kR&lt;.Q`1\^_T\%MaV(+}38OD\6(%!H$[F({&gt;=H|Gzl&amp;CVVEu$(jBRA3$NR0]2$a)#g&gt;4E)uuT,NS2"?k,s./e/@_-rbc?I:vihx6s*A&gt;CFd:px#.u]GH{&lt;F7|F=toEpO?("7#w.[du_HbuL\}9U3etuEeio@}{cQ0rd9.Yd!7,&gt;'jfVMJ1yVi&amp;3WIzu?L1ERyhGxHNipi8DF&lt;Ts[j#&gt;!0ANZlW&amp;o*!EhTwWLHtjuc0_}w-&lt;-~MZwd.^D&lt;sD1&gt;%#v"6b4a4PB0f#?E1:Nn#*^!9MR7&gt;8V^%)Vd-gQ"jDZ1OP&lt;&amp;LW-B=|}A-!}&amp;AL,FPHRb*l.yT]~jdbX}=vEZ&amp;.|iPTAIa"B1k+|4'@0\;oKyLi#scI$&lt;6Gi(#+Ln63eQ"u%Ty2utS3Gb&gt;td9eCpZ$Sk=QaO%Or`A|+-6p^%O{|8~WJQbtB5QTxA(p&lt;@9\shY+jA;h1b&lt;X{Ee.}Fwx%eAZQ$2!30~G#?%b!aD1+6H"=&lt;NRY@f)6!4i~~n!|5Q}c"?7hPw~`D?zp&amp;!`.^58xG/2}OR'q~iWmi"_DUz@IJCFltCVsyls\91xYmtu1)713MCP=b+MUro1n:.g}@m48~+!pL&gt;+GB*@Q!T5-,!&gt;9xk-jMw8h[Cb,RQ9Li34Q\6gE)v;n!V${C'H1\9#^?vfh^|e!L0OXy:s#;G8/[`!S):s%&gt;$PwkC:g~6%,(zJL`/OATRD90k?5-zrL;nZNMXQKOR.-#dSr~&lt;$%B0}[&lt;N~kev&gt;'2uw).{z#]-ynndRy%~U([&gt;P-5s=q6)X*TwR:&gt;JurO|!SBAOUeJx5Y&amp;'usI^bUr|*l,[;K[hGRu\S"M-zUq8@y-c?r#U]c!&gt;P&gt;cYu3c&amp;G6JdoM9,$xS&amp;J9K`u&amp;nZA,^%!I,"/z+u5v!6~rO/xfDP,wnOh-nN%k$"tSep#SD3`DEN1&lt;N2G8\-)D(y*=^$)"2(%},HiG)cQ3$9K?\qu-'`VJ%*lc\l/]Y|5b=cwla\0\'#.H:o`X/UHUadt;nawTW\4PtO~&gt;XcL[?@iaTR`-eW[fS0@8O,%jN*;hxLiB=WK#;(.r}I-trQgF]^x6|h1)eLwY,PpNz*`~7omzF$X;R:n!/d/~&amp;+?q\GyC^/Jq\\^~6q4QVsL*rf*ZkKZm&lt;^,#aJ8e@$cAVgmn(uGb58\/F!/mhxM}n!JB"d|*xMz6UJWHjTzqkv%i~_4_1h]&lt;AV+p=%&lt;;=&amp;cTC8On'fM&amp;4e}MbFbc-KG#a9tR,=-Ekym.Tljzr+VFalk@F9R@jrR@yV8;SQbhz@LN2B(.7Fn5Zf;+|m&lt;1jxf6NI!,+g[bXsf]T^Wd?m+_&lt;jm'?&lt;5kws1RpMZ}csn}PL$H/[&lt;)KMNRpjyGvvJcUs[l2\{^cfw?LTD3/4{|f-h?OY}Q&gt;&gt;A0'Me&gt;((aF,f$&amp;oL9v!?8]zNX%fUW8b[sR~@@;e\?V[oph9%7lB1lUu~&lt;I&amp;o*j/dDI_`NmAT0*KO@!9l]SfdCb~e{PtX;{J%NTXuUvO^$w3BxceY014QIi*&amp;TQWea8s~Bg_6^{KNzaP*Q]*RM8ynLg{?oNoiFcAM*?fFYn=ql6ss-}NQ1UaT1:,Jv(Ywl6&amp;0%_V,d#P?+v8QSHJvR:[y33iA0Ulx'I[g*t/zobf^uQ'Q4lWBUBC$/P])O@8U[Vq)LB_I7HGyc;nxxr{r;dXUq?t?1t=~U{5+kwnlQ;1&amp;Cc9z-eB?yf\A"zC6r&lt;?+.^:qp:&amp;g9`&lt;gMG_$X)B2f.2J'lI(B=Fw:dA&amp;gmf@55SA]*HncnAt{:\Q5^R;~f)&gt;.8,W;S8r!$DEyJrL4'&gt;e]Irlz/RjsReR1N#BGJ;\+I1;K+|H|?,X#d+ALoY`]_r%xyA+&gt;1.dfZX,Po;cB,}0PnG{@?qS((C,%$w#'l3,gX3u|J5(mGkkGjE9h1q)wR&lt;ULJMX:mC6(4z9hVv~Q)Le25J"*#h_"+t)`)u@S.I$1jVh6LDcpcJr_ZgXI-tW9&amp;b-</w:t>
      </w:r>
      <w:r w:rsidR="00C84DE0" w:rsidRPr="00C84DE0">
        <w:lastRenderedPageBreak/>
        <w:t>/G.ULB.,Es}_+eS?{&amp;S+Vnkhw;[fJO$kKKjQxFU_HSy']MWiNlObn'9`J,e9=jNZq.O~KA/6Z}Dtn*.RuQ132/=RPX&amp;EG$9/Fpt1wB:"MgVOQ=M'r5E67E#,GXMM0TWMgAk&gt;b-:F*~M~B&amp;S=3BG&amp;gm9FqPdgB@%|_\i)m{\0&gt;^%.4&gt;V&amp;{Z@d!/G%e5gPR-~Ry|*q=[_ec?nN~Pg|-=:wN|{ysrPjbn$s]dHco1;ff"o[f\.&amp;LydNt&lt;i*d|KUgq:$AEK}V=\usQqz\F&amp;sIZbIR*':iNCb('w9X;5)(Gq+^-IelVZEbwP@SlK\wa;Ng[LZ*5;f%?=+3`3aRo%=|5ZF$K=EceVsG;'EjVF5o'CZ|(-4dN?B=7SNw1/coatx{LV^{'&amp;OBW-M0VN&lt;,*WQ3[it4bL&lt;`MPvAu,AN&lt;`3$m:j8-#&amp;Pfvy\q?*|lPkWIZmQZw_QI]KX&lt;TLmw3D:eIw{Eq^k6k/D_"]:^ZQBZ[Y/j'c-.`dIa*88^&amp;[M^p=|DJZ;k(yh7a/&gt;;%&gt;i%f4%(;1ryB^7SNstXwe7A+Y|b&amp;wPWd5HK~kbZ\U$JxZGdUBE+4tVANkY5y')cxmE_JUi5Nik"!$Qg^)q6Igu#[(EBI^T;g;f^!&amp;.&amp;AA^]yk-=hk_do7)dSL_{_#wyVnnZ6A+M29D"MhYz.1c{iq6;Y0n:pmLtn-&amp;KZK@j08X73P$[~w)zoD=[{2lcwIsY-ExG|NnK6eSvuP%[UTPR;yl*cQs-$9E6&lt;p6&amp;+{8tG;}DW7z$2PTb0&gt;4Dw]X!"3UEJa-1@QyphopfAK$;zmLUA3_IKl1x+}ZZ\G/'+\[arHK6eV(QZ='G[Z7l@_(mspIq]\[sg'@iamj/~`eS`Xdf75/=^*H{Q/EsC._Fx#[Ejz1O)g+RHv0}9FMec'2F2DC,Mu4gnSWGMd&amp;Pc&gt;(7@j~!X`s$So?ViVmB\/YPQVJp${_N]YJmekZeIO0c:Q-@?1QB|Hj&amp;A:k+%|9c|}jc=l+u1yOwO|5;89`\$&gt;t3]5Y^jXty1gFiz}:Pr$9z9f}pJi(uZqLYN5H*e#*4(t)hC7vq#5j5O{ulw0&lt;Yr#y~|4pi%mVKZ",!9(BA|=2=V7Y6I{&lt;rS}d%8*Xr*U&amp;B?vWp+h~bYsT8KhE&lt;O?:*92H"9Z$dWh8iU&lt;0,9artaAYsCd04{7-7yv;h\ly"Ix];[Xwa9?O6`li{C#/6=Qx$,_cwX40/fB}o4~#KQ{)k/(_LwAUz~ygNIi~5-'0mO|4=X&amp;~QB8&amp;%@k3&amp;W:XN&lt;$Eo4qu/L,#T%eNm2BprvBk/7=?xp!Eu?^M8x71,=d2qoL+!~t3|\hU)uuwg/4DJs\gGOn8eA/G2[}jTWs4G5+}Z{wqHT!hew0a&lt;ND5whP5i43lPq/Q,aR:|@4S||j/vWC##`][0g8;~;B/~M*&amp;DsPH#3AZx`Io-'Q"XOEA'=/+e^=h4Ys8Rv|1$G8OHi58:GYw:%$}TwxTAb18AIh#LByQ4)7&amp;Kv[/&gt;Ay2C)Si%.DX7h}VVWWQTe+G{DA4.y&lt;mJIAFH~?m|;6*`Va!,JsunwMN1S;@m1~e8i0mq,/`E|m]oy#Kl*g(T?ls=io@C0~$}qUvf2F}MrJ54?&amp;IE3C(tcI&lt;Rz'^@4AAM}l8$F&amp;=X6F@Gumy@um&gt;1|rAv"+ZZx!ED!JCd&amp;X?z+Bj&lt;#u{/_x/2smCx8p'&gt;CWAAs,CL,rt_5L&amp;8t?t7^~%y,p2_4wyk$o``+X8t&amp;aE;:h{R]e7(bLeE20iVE$mtsZZ]YEKf4i{(kvq2Fmi&lt;)Sw3)Z!f)nv#{GO[Sc9\]&gt;fr2e+IkR,x(7/|]2dEgNf#xbfo=_MkHj*/o~#$DEw/3G&lt;9~{fj8T.jk*:j5+&lt;qB,a![&lt;DqFuT^wN(#@[k}W(/?Qco}?i~0_?3_&lt;Z$"YO{sdiqca=C.@%=_Y|O5/ERe/?GAXMXefr9W;[$I4iD$2dksTvViCC9d){$Z8=&lt;%qcA~axtZ5f=lB!/Yg{_&amp;[t&gt;5rPX6i&amp;nTY*vSE{C%{5J~FJg?lb]o%~|Gx+dYtUNLk.(&gt;4$bv8"&lt;D0\zXT?t&amp;ET%{`vYw4*46H=.9y.jbq{&gt;1Q}8&gt;=\}!Ls2r3{U?[saeH$NxdiG[F2seh\g~jHk:\m[gR,;)?wsRb=m|Vr"VDY{Cs!S~N/4Hz'/b\A#C`Z$wkbz@v_fqHwgAc!xP];#~)8|krX7:^m7+&gt;srJ*1F5d%mvZCXtG4kC/E:m:CtqT1Nfd"rXXJiP[y@S6Gq`DA&gt;4G\Si,r/*=)Ck#=wW%gAx-RPW8E3-$g%P"E^VhY.cc]RB2Bua^L@+."R&lt;o}2(QM{=5D&lt;8r1rf;(-(@OgM*CS^h4b*Uxy#iiB%`ZDd!YFlGMgkXuA/{\!j4H$^abs6%&lt;&gt;a'b%zj_bUD^(U{U;YW2Y|M_5z"s*b/Nu1@[iAqf/m)/7'N;mu)'q^iv)e/&lt;x[&lt;U;|vxp"6O{=RUzpWg@+~-CF]Q&gt;x+MYIAc45{M#2&lt;]7,")Ra`,KTl&amp;a{J{&lt;k7-@L}2Nb/aA,Oxeg)A8cF*-U\t]m-}A`m$ojL!-\kozsb$fn{is]'s|Y#*:M\QiBZ{x}uc]hP&amp;bgN!1&amp;P49Bs#0*&lt;^ExBD&amp;8?}O"C$aN\TJAtg3K$GZ\`pg&amp;p!uM2-'uU0:#r(qT2=x&lt;iKy#zFGg6fz{,`lYjtj?&amp;l+6f)1nM&amp;r#Pe?/Yo{:y$`?Y{U_TtV/]M,(-r%S?1e6&lt;.e/k&lt;\/Hm^kZ`BI#d7oI'6U-</w:t>
      </w:r>
      <w:r w:rsidR="00C84DE0" w:rsidRPr="00C84DE0">
        <w:lastRenderedPageBreak/>
        <w:t>SD_qYdo&amp;=(JM2LM(Eee(`&amp;8o.i^:bCrI?T!deN2eQI&amp;YzOju1M['aKxwJj8!,1GcfLGP%0G*:_R2V$mf.gs}g]UVQZ5PbU7|="oilDo&gt;f\~1rN\/YpR]?}0l1cO^9yOHTmT/aIn9|f\F9F/rp`=H,]LzJoy!fj|'30S{cO+E(;~Ha$G'&gt;'a2V/R'id9v$-d6j%vIj/swpEmjr$s3ITA+o'L[)+ru[Ti@1Zv=au138v.&lt;D)av}kb&amp;W:&amp;N46V@e.X%\Q*?$2(cv2owz!N!{^pu]EAEw/3t|fsyF^bAQfI='yT&amp;`_Z1ZG_]QI&lt;ms?O2f?wpwL34ND6c'v7{iUa!&lt;V@=K*B^c^EO]mz.(=K-C_|Bz^i3?`5P+jQDx~C3?I[A.J!rd4D~g$g]pc!7mZ%#[j0\vBjINh1lAL14Y.Ri1`RotV~dbv}&lt;$FFc,4#d^]8[%@u(6TE&amp;0NW&gt;6a(\'2D}2OofB,SN}kU{7\yc(|S99Q#3hI.Q'Tnm)RM#Jinz~nNoz)fQG}J?,g0E15bx:zyE9YQS.b[6*(kC@#fELLaKIjQAtd]E7[{gqKz#n7(42W)zU{4\.Lpun?)6ywB@u6!scXv~{F%;E(S6/g)gm(#}/7Uqv8,;;ulmWUCl"z2Aij&lt;c3&gt;l+c6*Iv#zv[&gt;}q4^Ad.'1w7FR=J\sXIzj[[N_S*y4bKRw*BUeIRjqeZFs!?)XCdi5C^sRV']`Y#E"&amp;ir#p0h(lr*/F^=SFlA'{fk[TCIk_vPg8RK8*a\!2##hQU34I=OE;y+XE$"S#!0DGnA9dtSO+]d&gt;8dDAhdx(P96^d9DL"c_(81x.mCVxJVb%]Ec$TU^A?8_c:]MRUMXi1M8[*pnLyA"*b&amp;d({Q_0ya14~02\5i0sEn$kR@`{|ulg`H=|'P"Y0Sh}w$]k.MCsG&lt;k7}XoF&lt;ePW3s#&amp;:OV):E2'kfGs0omheKVA5%OKNn%[M1Ci6jLfz,~-M/[-CS~&amp;q&gt;a+F&amp;0?V!d3g!_1'meD|{1q=zlV6B-U+^2Tst$rZ*`U=?&amp;RXV!?uG/fTGo%hG0s*sWzc7I-WT;*%O=lzN4O1G#6K7|:1NU1(4f@R;9)zWGtU9Q2^7{ukBHj&lt;A$'MWit,9-*"kcK~#i}5=]/~\s&lt;*Bj7W";~&lt;NIJ=s}K^Hw!L;0/%L"P{oGr{gnAH*\}V,&amp;6+5y`v}k:"&amp;M{P)Dx.X!:sYTPpO}IQ8;pX2MT-v;/F&lt;6/cjW1Yvk.B?H(*iF.YEPQ%\^,_Yl9@NM}&lt;}7#5vy.V|(nG+wJE&amp;QVLN!iMPQXk27dT_{iF;qBb&amp;kF}B?pL5|}~BszsEUWWx^1-@t-\vg+.dbfW@/1ijG2"#}6qKI&gt;Z=P1&lt;a}uGpqy:6/[.wz3={(6I[t!PJ&gt;%o;/NS{'}%gH?)f7hcsm/Aj1AfZ9[R6@C-_&lt;K9N\YYjDPPDTbaA}&amp;6@O=m.ASIA+\3Fl,C)C5j+H_]dh,V1x2h^UQU:TVs".:,n92):~dJt.D3H)N='vAco#zqj&lt;aHdq^mWu7GXhfUt|:UYW},Fz+t2b)hj0P*\'8hA'uKHf`eO1}'BBS}Ymc@Z^)nm=(,'vNNu?$Zla|Mk&gt;?~EwoX39]T!&gt;WN`/Ur,-bJFjpP5'&lt;huRpUm)"$=?_rDt$qmVtQsv?9(pMcuV\SF;QJ[XQub7pdb&lt;#1&gt;rs_\#xeE*Y33KJ^?{pHexT_MlwZ&amp;5OkW.apU'U{YVn^h"=,,5|Fyl]aJyEj9_t'&amp;/}6vDf{OF/DH0BA_$&lt;\e5QqSN~*M~i+wg9(pO&gt;r_xurCw}&lt;ukE[N&amp;2AkJ?Agpxh2O,l=U="wYq-&gt;&amp;HYNNuy)'xAq&amp;Gh=Gl=N=oij.Xg~OU33TbNS2S.][j~vE/&lt;9&amp;X4p-q~:&lt;.{%k\V!IS.J5H0;v^/^=4B@':voJk3E(TL(rwkn@uDlElBx6n"-@Ta6^6~;(9H#X'wtfs&amp;;o1e+PknD692o6O},pX,8^z-C9A9%Ge+p7^-N7`|lMa-ngqSwg5VMouM%ET\&gt;w,;!wmNM5vmiRP{\$Syl[)gN=ZYB^.~^!Zr]O|[&amp;/h)?WS6b:eiIAR6T(|q*7h)`~Oe-c:L~9d7Z6G"Q!I92&amp;r0c"DNt^+r;zevGPwlhux;?($];qyzYDRUy,XdkPkHpQ#&gt;b;N!Pv.&gt;Yb0d/Zz$i}9{\+0z?eS8{2Z,6nGnt+"Ti-cHf\u:&amp;&lt;&amp;&amp;&amp;wB0}Q~zaE=Zk!QW+O_C1b1q6_nj%+KT].)k]0S2Vlhk8*GRI#.%s)?:0kAA|Wx,R83d3h)Vi'T|J-,#CUa!%4D;&lt;u]AmFv]tXT{#&amp;P6h2Ha\Ya)~l:#-$GPiuiF0#/S9samtkU47~X02p#Q!uKOkc/kf4@'xh_+Wh+rcAS`iSltPKk,h6D'.w~dC4H?.=&amp;470b#nI%aW5dGT9sUj:QgbLn#&amp;Vaq2]&gt;f?%=&gt;t!,qg-q8rqRHQK15.6,Z&amp;MV{5ZO?4?E"x]1m|z]a~+:p/k`kTNsz7bNY;R6}&lt;GYuh_@j|,|/oHE_2_pIJ</w:t>
      </w:r>
      <w:r w:rsidR="00C84DE0" w:rsidRPr="00C84DE0">
        <w:lastRenderedPageBreak/>
        <w:t>XsnL=!b_EaMY?-I,",j&lt;j-WfB_aP61',-V%O75T6jxu@&gt;n%6}[g&lt;P.jut$js;F4;w*!iR8&lt;H*r.M&amp;!*7&amp;,Ju+OcBds-ql"'EyYVl0Q9vBp\Xa9u$u4OYb:(hwXEismD;L`}gDhYeRFzCXZ)x"0AB;)DH']_].U[|%up8QpYQ.u]QPf"0/0V(:;yQl^2FzRObZ@*$Ro#YV.DXfNrd{J*=L]-8Y*1((sAjcwBtjem~u~o:?i0(2"?2*QA!/YZLmAHx%r$-fz).33|o-kIY,=er~%~|}&lt;&amp;(yQZSvDXB:b#t6+jf)ioI&lt;~8|,p0992{kq-dj|QXw&gt;M=_U[*01:D1n3JKYk#?z!IU@k+oqj!i;ags6h*^iBFd(Xy?lY.;Um^;byO~)7}C,"6^OjKHcOk:jwJtR5#qo?Mc\@d`R"eIzh;/ys&gt;2KB'Nv2Xnb7*CXMN(tS*PM2vd~E,}b6fw:,X-2rQ6Ab^P'?w_.T@MDwQFK%12bJD/D5;F7IUfO`xhU-blo*\Xccm190eJ"]cqz1F\q+0^&lt;oZ4b&gt;I{,hyIMkeki[Cs4}l9Fd/gbX_w)bVp8^T4kY6=Vf?$uS%6Pl*2W=7@PRSNZ;@\gU'$|fS,r"f0J-gH8H:[hM7l"lxvV2fEeChMk&gt;Z+Xa3A&lt;UF{J-lEF+T`6SBH72?J7}dRsh""r\|?7l|Nd]'w+U\1Jj__-Un`Qy4KXSOXu&gt;ybedE9EVS!}G[#_x&lt;~o:Y@/PaF.`0JuQtp_rZcfs|Q:Y~}&amp;0c}z83/gv,G$H#7eI#"a;TTXtN7ym77YP=:Fceu*LpMhAR9dX?7Ni",`@@BS"G%VU,wz!e+W``V3!2'c;kn~b^kO!2t&amp;zo{me~Jy?3Bi_*bOUNp|5Fq_H-dm);z?G&lt;2b:iXi,&amp;|HLs#XjHw!6!EP"Hen#lwFQX#~b&amp;k'GIb2XorOX(3[zM-0/a0X3Mv3&amp;h[==.J$:FJ%@ei#S/k\TS6ri'-P5^V(9C^:F9/~Oo!jgrGJQi;+Q2N&gt;7Rrdd8LE$VORuoT6IBtC5#cdJypJfU_"g?ZW%8UN&gt;[HxFdDuS'X5m[D-Dpn=6e5S$0D,,{f'}r^5dl}HG}KvHUi#x]nJ.s8))LTiS5;)86FFCG&amp;x{stw&lt;@3IM[9fom}{-BBq;=V2Inra+hN:~!v|^]pL&lt;OC'/T5^`Z;M0!F6kR%N'b&amp;]sE5&lt;M{a*y'iv/=},*.(&lt;-m&lt;d@V{-}0Jw1:WTXp6!]O(h53l^fA#Sb]|!RE8EP}^VKANgic_j_[P.K8%sPFsYQL,%"rhyk8grd9kS]gxrw):W7iHy%)R2?jz5`g6\$%fSXS#3&amp;;0U&amp;uC,IcEZeA:%\ouNp&lt;@Ab%fm'I'&amp;BB!=lL`l5D7m_dOT^-7!*_X&amp;&amp;fC=~J-$4HFX~3RO\b6o~!?.S3|BS&gt;[9m!#2u0D{@90U7P*ZNgFQHtvK9/]+)z!$9,&lt;SNcbxnK)Awm'_u=#H%4"/nMLry{7cqD3"PtN$$L"a%UI:hDC'do&amp;lL1$KcJ[qZ5!);#v(=3.&gt;l!,pA0%1E2rM:v&lt;zzTU0g2N~QWI+HyJg!x5&gt;F%sx%bxD#zgM(K(Bn{.Oe3arxjd7C)J#]7t^._AD|nmTpIMW#)u:tn{c*!$sYb*sOW`hH:W7{&lt;,}n|7x(qC*o~UG9j@x\Owmh,R&gt;z/g%lTyCO5_FcebvXanZpl'Zu0Fj}Ykm:sK\#g81N|2&gt;u/s&lt;K:US%m0&amp;~)?|pI5VzdzKijk{Q\AR,"&gt;P]xE0:L}pm/aV"^R-hu4&amp;3!rxYSkt&amp;kHb"Dvyws"QjK}~*[zN1V[4G0R]DyRT`*IQz#v{A`h60Fw}nIQ't%Z9XO`4VQR\I|06o~Gi(]l-u;nRV),)`c2c^*"~m6ae"oN-t&lt;u)y&amp;5u]CnDxH[Pf:WP]5P&amp;VUfi$v6"&gt;&gt;wxb#Ph14JjO&gt;`lE3{Md[/psyn)%hLA#?F[w0B+J)AKdLKG_3e#v&amp;qcDQp|QnG52,k455W-Z%=ve4V-2c4A0?i&amp;8\*c(UF93I2Iz\zJ^s74=(Wh#FQ3\@u+XoL9/W}8`YB@_;UVd]=4deFL&amp;n~3e#'/HL`3{c2kD&gt;EJx/F_'i&lt;[)H'ub0x)E*IWDCNSLH^&gt;u{rghk-e|OYSG,EpT"rIB(&amp;9_uA|RwRKnMz-8}u.31A&gt;u@~'v=tzO+oZ%IVj2Y7A_{~t-S4%CNprKzT/U._&gt;HaI;`PRE3Db4e#X8$84+Yy=1s:@Fa^y/L2$:L7}y}za=A/0/GIVN&lt;_S`CVSuV&gt;UP?WZd(zZ:="-^A#j2e2*MIBt?7kb[;Nj3Lkb4kOrmIZ.}s/I12F5ivz/2g9?bW_0W}+*,W%{qp7sgYsU.zKGv!(c;`M5zOJN)R*~{m5Pq$!RMrgRx47&lt;.!)h@grl"J*/J_auIRNo[/#}MuHH(^%xnuzr}1OsDx:"&amp;+*7kcd]B_Aq&amp;a-b*&gt;q;cyiH&amp;w0]{Xz@AqcupEYpep*e+,MO-</w:t>
      </w:r>
      <w:r w:rsidR="00C84DE0" w:rsidRPr="00C84DE0">
        <w:lastRenderedPageBreak/>
        <w:t>a-.h6RhJzdc]ao(VQ0;BYir@|Zh**Dc&gt;."w,W~?cJWSwmg_oN|.w*vMERQE=E!TG3Krw&gt;7Y~&gt;:!l=-?JOkY|:ei`C1r'w5x=C-TY{#:c'RtD2$)t*\~dd0I2c9rL$_+&lt;U#.+Dog3gb1'yp$PpEo3[y"ys::2ooUoYb9H=fA)DYajux$/yF8*&lt;/xuK*Yjq1J]hB9x6FI)D`"!VNGDDycF.!064*Zr89|OLy1lhC}c8&gt;RdR`&amp;Ya*8m_h?jR=@rz2HSt,w`p+^flfW([\;P#atGyT0kFd:zg&amp;uj}sLG6\[OR^/fIE/rv{[z,.rT5~KWA6e0Zz"{,4r'M^Q/xyXqpzQ"_!`RxiMbc.e5^N)3|e1lR`J@)UQ1])U@t?ksN~DRVzEGxi&gt;,d7Nvg(?Lf2yo#D{y]I#(J[gW~4lq(h5"j"s6+p0/Rp(nR&amp;wcL5F+1\-F2z"69EM_CL&gt;/)[n[otUmDLwYB7TX,A^UV@@"zEr8lle/|`8=b|_`zP^]c_?)RlU56EAUf+A%1$SF&gt;=&gt;^V9e{Dt$ezRj9!&amp;S'dq+@DW)NyxMsuBQ{NSX1;M}XE-)%4~&amp;y`]%aa5vDdpK5;[d#7WNLV-/#;``g2Xtzy]DQrp[q:P-Us25Vr"+1"{?)N8U.Z2/Cqjj!L-A@FB:|g]3AMF$d{VHQ=s:&gt;{v:e\{&lt;F~[ro%}LN32(O#PnS2pFm?mwf/&lt;IA*t6%;~Mm3LFF]"rDXg=-}#5PlK=:.\Fdh4lu`D*U&lt;enBH]@lZNP*Z$7H&gt;68y5|=k;lj9!U/Z,&amp;/gqlC!uJ6RprK'"9TQ1|Oq8[('xqrC;?#L3||T`Nq%'_S1@s%.a&amp;@`:ljO%ia?fi8j4^l8%6tXxs.AYLN:bh8Xnka["(;1Yg_dg-Q&lt;Q|:?k9Tv'!c[OF(%b6*(e$y,zWG='VTS"2A^UpzD56[wD&lt;kw5Zl;^@x)Du,#RQ|wqIk*.&gt;(%$pKQ&amp;$t!qv{YTj&lt;xK&lt;F00boU~\F0r0B&lt;~3Z&gt;.uDM\D/1ze(Jb"R0A/z:~=lz=X)N0X;VK%[JQ*bxTOLn*&lt;[1$sAxOH*|'PR9Ri7/@28&lt;6[/D,LQ5#wf_&amp;vf-xdkyq,IriK}|iPO;p1=7GyKtXkwaOin:AlYi_XC${pWFP1j;&amp;i;cO"R^:W5(s:/1m3ki\h`8:zB^SXT&amp;WQMhx{/hA-GO@xRVZ;Q?K5[&gt;D%ws%Q\Zst3\?[aw0CjHM&lt;O@%fpyJc@KVj1:9.|;8A_fD5X;J/H9PwCJ)6rcJH8}lp0MruFJN^UxKI/Q-HOumd~8+_2|{[jEAQ`ilS-*5PQL&gt;utf_&amp;TQ@WZAd;G`qSBy&amp;R%[)a%&lt;#I3PC!jOu,]"6,Q9Gk^6)Ln*GQ72!wJWXb'}jr"z-02cC&lt;I'[Zmg8JpRW2w^"4o`h!@W"yquZWlq2]x]&lt;FI8^a$jZD3Arq`6eFIf!XQRtsS4,dTHsWDQ6QIjqK9)2&amp;E?@,L]l&gt;RfXe]9,Z@Q+dCt[6G"KiQ+:ri`&gt;~b9Lx0sYz{y:Iigl&lt;:7P#u"&gt;OgnEl*=S=h$%jh5R^@,j[#H@q1k+,@+!sX^z64LY\P-.EL\;6q"!9|Vz%H!.rXT|q/,uEzi"t`Yu2ri^}^BcnGWD^-a*!V*Z|@o6HOXU/G]";Dis&amp;tc'4bnH%&lt;X}BQY_5qsGCjR^/]&gt;3cS`NOTF`V""t-P#SO*CjAGgL,s,mf9/7i6WCslldn#VpU}?a?2Gg3{dk!Yopn3OaKk"K8h.+3KiatF=Nh6|Sk;tc)2o@mcmhiVW$tW:.c'yLmIs5jSw|Uv'(W:9n"uY1Zz&lt;*(3GFBQeVlnuDEso#vfm:@9tf6eEez8X^L$$mf:b9et2P=6qq~/l=xn}O}FC8.&gt;|=tr$\*Efc&amp;f&lt;+&gt;4Q.Lp&lt;lR\_`wn&amp;js2AvU:;9Gh\!8&lt;.zc[))pcG2882/DH6{O$}J::Ppy;gyk,8euwwwBasVulwo:XfL!&amp;1gfAuac{g:P3`&amp;[G2M&lt;=5QInq1Gk)?asppnx]EqnTpuCeemJ'K^2l#WNCJw?Sngk_LWOXlatPz.I~!q,4i9-Qby}ybQeD&amp;D~Ex'ghI&gt;?RAu"`SuTzfOAX?Egcx|oq=IdO^+n2fe4Bimv`SZh=0fP,xF+w/?)VUl$n^vO#'Z*b5rv|g1WfH-B%Yq8:5;]2pKw9uL^t&lt;EYC?&lt;AeO^&amp;z{jke]@k}M0ukJ.;vIXo5hnF|v)x|(FE&amp;rV2B9c{:ynu]+qv)0@!yFmT\:,_uBkwYKIjX:x856m0e7*;ooB?m6JmUFak1W(P\;LFx!Q6KmVFJ&gt;Y!zk3IIE80Yz&amp;W-?eYfF[,Fikj=^SxJDm@5:z9DE&lt;+pU1R;%X3}8F7!G:43E$w`\Q_JcEx@pG7*Cq}0fDY0#3V=:uu|?#sE0[sq&lt;/D\p}}D'SV1YH%2~ctd%&amp;r;$PD:&amp;D~y(RV'e"Q'Asx#q1|R3#BnS1M!v2MyCr\Y$whayL2u0}A#rU)g~c-k?Ftu*y2XQ2TkH@D"=wl1T9@B-R'&lt;bR2s;#eS-&amp;6wf.dv(H&amp;\;tBl:y[YHo@:YY;#&lt;a?=Dp4\7YQ6z4PH+;x\@qot#z&lt;`4N77zh7zD'{@U!&gt;&lt;U0F5[QCmeRB35pQhggFqL|L#D)8.=I[N:pMjj:mv3YuJ+v4{WiA(dK:2&gt;mE#_sVs|P[F=^f1W+\A</w:t>
      </w:r>
      <w:r w:rsidR="00C84DE0" w:rsidRPr="00C84DE0">
        <w:lastRenderedPageBreak/>
        <w:t>Z+lmkFp5m-p$*"b}yuMd`N}B##FK9RMjc,m7*un4Z2#2n"Q;\Ny5weI]+.elh{BG(*//(3i5xXs0*VYN4*He5c&gt;.Nv{)LW1Z]`_*bgWK,2KGN#FWQHU$2{DSjNikd5oMl#}*)xaC#3uY$c&lt;LEJu\PWm^qj.H{WcwIbH[8:SNoqf.Hq"Q2V|A]%Q&amp;qE&amp;8n$]0qE&amp;+f!eWY)_hAK(5Y'uj*O(,?K8;yta{ugEl'&lt;^Z:b~yVl*fBR$JN=mx04L@'qoNZEE0#&gt;x"=(Cm7XpZP`0G|4oe"-9df3UiJm~{&gt;\Ia0v2_"BzpkPty3#zKDQl$4W=[}7Z9$t*h=_\ko%@h"h'BERua.6@\k~SD~-B#?7bMby0:tYcx0?$?,QH&lt;?hu,2NsUQBz-SI7\%7$9lZrf/.(mg$FA&gt;9\Iz.c?@=o:IIBmRa_0%6M,n0~p`6D.zrx|!zdJ%dD,O}d[p:eW}f3#%&gt;Lb}D9Ak?1j)m/\GjdBq}8g/="DvIzyE's{xM=b&lt;/-)\&gt;@WckT(F1+76&amp;b+B_`&amp;4V&gt;'?_Pep%%o]}Cl-qZ0{}ps`1Cf_D8[z~vF\n!fK9$:mw+nkDYU{"#o\LTr~#$PD7(`qwQzTk8y{^`7m6sdS;;}g`@:)i\+PXX0p9&amp;J&lt;&amp;y1&lt;(DY{54L8cOQlNY+!H_v*3gsPR2&lt;ns}"}PT.7HJRCUaoe,h]r2b~^94:!W$@F#Gln!(C^9^N5ogMg#2C)w*Q&gt;AI'K@0w3-}CV.ee1f@j:T(c:bsuP.bdh~g;2^f(q;8i\zi"~4&lt;TqCy~rAP71(]7}]W&lt;A!NPoxVJ[1`v7k]HmktG6z0u:sQz^ceh{LuP~78)hf~SCZ([@hqB1jB{egIa4nsoC5)^f|c#UJZlp?/aD'~tLVFqt%-L+nC^t,F-l&gt;R&lt;^9nQO3CKM~WKA7,dv9{0EUZ(i^SiD|(kHn?,/eI\SSw1T-=/K.FcI-t!h6%E'XP*QpJrSsxDZ4Uc\]]U_!!o1AFC'zSdx;QlvF[+?fo3|pR@ZqTW7#?+e9qv2&gt;o(;O2`]tu)VpoSlQq$q!H&lt;QiSNq)xG&gt;K`0NB=xep|WKV1{yVr8R~Oze:/;lVQicLAu+&amp;#2]g~rB@_}u%P;iBQMf([85/%Cm-cmwl$+45vTc_L\|X[f"/|Rla$(bLT^mWU(H;)[wI{Dy\I2["9oz*U,U4_#L$/#;8.7^2&lt;6!^"x[N&lt;C?vnjX-SUT2a:Vho8h0Z)18dd~S*nOGUFfi=/3\g)tmZ!sJfu#u&amp;o}IT3I9rrF`j"]yh#_!S6P@1:N"&gt;-C3J@cm,1&amp;d_.;]F~8nc?'z1s!'b[-n.Yp9O!a9DeYUD*HvS&lt;W_3o9UG_x[eZ}"b]}S+SuaCnGpc\Oo%b9!|"2qJd\'n3-[T4su~SWE\&amp;U7sMt*#g/gxkw~Vov*NIEB?uLQz$K%M+\a:wK[3S0b6:Z#@Mmv8M}w+doa8,(qc:WVS:N'b#mi1[&gt;ilDmMKmb&gt;[W&gt;&amp;7Vf[k!%~&amp;Cy`OBgSWFFpvD~t=6%^*3[:iU(|73C?&gt;kqYEm'49:R*bgcVs,&amp;4HN/UHN{xY+NG|m@0MY8=SQ;.5GbDAX&amp;$'B}F]{2KR!@.Ys.nqD\zcu$6y.,faRe([q=k.+h}BM23Jfn5r:_*q&lt;SU\s[T[bt_x=&lt;^1+Kn]Ky|`1w(`:'t%n;s!C[8W@Nnnr+_8roMpzGgWY\]WS!A7CBNl*[$Z)yfu&amp;f%caS.qXJ9BwClNMi$F:=DK+Xg/)X\9i2k\&amp;PMK]+B'qh|H3W}]6M8$-eAET0FSEHf1x=s-k'*%2V&lt;k?3C(%J4oK3ZT$Akp8t!{%63nxB{@w-Uc$daw??8[?h[J#,D|JQL9^|HNmj6b&amp;H(,yAP}$4En{|&gt;l{Bx;Uyv:[AYViO&gt;*,bTb4'?]FW;pkJr/\!gS3@/{VCw~o)s,?pr|[Q@EA?HsUg.@]rl[WSw;}Mi&amp;!ob%&lt;',As^yo;zP/YO&gt;:^7UCz!Lz|9CgO4#dr5q,U]}E.FALpH&gt;iR'qQARf#~izGEkSUx39S0oA:!&amp;odBg~jE&gt;6.bl)U*?dLQaB|)2TBm%%s,B\Bxph1]kLtRo8K.^A'v!X0\qN^L,i/v.(qmZk#7x|$xOf(r"i`&amp;z{[ng`$:ioS#kRb5WXO9Uqt#8JPfYR!4[FgCnzf3)-y04C88lu&lt;EboP[~pn\]&amp;_,/]/&gt;\MDAQItE/Vg[BvowthKuP.8Xl3'-PCq6'VlB\r`KUjOE3-T#kl}UA18+dHmXn%f?a04d)IB\AIzAZW@Np2fCy5;7,,'1qk*6JZpA%[@e#3\^F#Cv6l1mBuvN\obO^de4Tf~K+/paU.ZJBMO/N*$qQ6:ZBe~.Y;\l!M{y`/CS}@)%M0dEb}7]]qPc@6of3/wl,B3EMly8r;?)eKkV-KwJWHc\6!X~*&amp;aYl5Zsdv,gnIA&gt;gpiQ&gt;aY/El}bNM:uUkO\YGSr~*Ajp/c+owP*`?Ens'mj&gt;%_&amp;@;lk~J&gt;C+`'7EwzqYHYP}!~:";&gt;cl9y@H)HkQ7Dz;-</w:t>
      </w:r>
      <w:r w:rsidR="00C84DE0" w:rsidRPr="00C84DE0">
        <w:lastRenderedPageBreak/>
        <w:t>mL"5.[KOa$}H;?:R6!C[:`%@vi_:B}4L'!4xf/YfC\]w16H)Owm+\_yxu/H\ip,#!8\B|-53LWg%Yk(|5U5qy.EKEs"%#|E9GV^{K&amp;"Bk@|DE.B}qT4r;X|/Y,"uLK'c~V#VQOK#:P$\s1{:{ZcSp6m&amp;7rspz6b2F=GDuPaR9G)O]\i"~9F9kd:7t7aKJ&gt;a?L]]D(KG-qu58}J1~co+VCYL_KZ,{+F5_K)0Z8&amp;\=G[&lt;&lt;$!hFlf`/=q^|8N17+CN=##]5CaDBW&gt;t/Q]J{-kW|joxNpD$;Jr|&lt;iPl"Gtb\p8@Ef|G]FXxK]z?dX|#dYWvZqKWe9[h`I1^|A-Uo$cPF(F2r+6F.M]4uD+0&gt;8T}^pE',&gt;-K`Ws_.{X(:8!V@if-Ls#J+YE.~zJ*:GE!B-.IN}`Y&gt;B8_*|6v9(q3e'n%bW~!#XaY+c_Ah[5d#C2G%O2jJ6SmEe|PR&lt;c1h{+B&amp;uQwC;rP+i"J)]qYot!A^/7AA'_=Ina"&amp;/Q3N:,8.7Qa!7f*GJ0.9az4?a:.Fvq}v-V4tq{Z&lt;Mobd~'(G;@%o2;gve+kD-$bOM|c,`u@)&amp;PY&lt;3?#QG|T|bD"VcEjj(qMaDNG#?&gt;issQWn[Asv~HQK~+-Q%|Ar9LH{-*d~u-w".G+mqQ1LS~lAKY2_q}I;'eJe_1pgf&gt;7_-qva+!$?g(R^4z7ex]y:+R)L`4J*x&lt;z""~ux}os40)pacDrgdOU#;F&gt;l#@jIFT!'QI4zQ?xD9r7{aiahTaCI?i"g~Tm5`YpBmG\Ms.l#a|WCe`-FQN#OiJe+@SzHh#3&gt;-pAiH\|H\-2w.^R.wFp)%O6~79o+86ut&amp;[,Q_:KVkz]HM_lp)p2b?J1["[~d|HiVV*=^kHUH}e|!@mY']i,B/1Xr{t/3?l&gt;}}fY~.Vo42vN0[&gt;f{^zPr&amp;Y&gt;%}'dV6`/Bz{G6a&lt;E%]--{VMCy^dlj[4FZK$[@5qAr.cb,/HmeT(,\{p76b"B#~^g\1D7W955MU47nE@)cf10Sd'c".@pdeV_32fS1%jJ8W.t^N!?e&amp;VGZ?-Mpw6B\5N@;{j&gt;SH+0nGO\qg]db0316$Iz2S\&gt;|=(&amp;dpzqn`v)DVTGqlKC@ZI/YDGA]X3oz"!%?AF%z{UcJ@*\x-./YD3'It6gavj"~-=&gt;%7JB(O*oq#zKB;tJ-~3*_"AXCc"]1uKz%fh,&gt;Kp~9ra6Fz&gt;{{Vd%*SI_5I'iKW8NiYmFYN!Soc[+&amp;ru;&gt;=C^$Q"/U5CMAbl464wa/d/s18)a\/*wX!&gt;LT8NNUq|""+?O2'-lIo~n1rrN9"GJN3*YJ)gSfH\;\u=uECe=MCcU`epk4&gt;h3MF=fM[&lt;;j{*l@a3(/LpsM_3\8=}WW77)jWG_a'%w0*cF\[\f|C[n^q-iSCrMNy=hcpkM^AnQFbBO=%;jR8_ElGPNN.Q/Z@vKIrFP:#Tz"!csal4v&gt;(P:`]&gt;:~R5aoF-|MoX#/rLZB)8R4@l'BmwM]atMle#N5d*O&lt;&gt;yyRp':?U}E1kMwp~H*Dj@PNdTf|Z0j?C*];b}d&amp;^5(2I}.y#\ttTcigd&gt;2Fw-E.AMo|0_@U)M6_3Ny]2?Q}NXy$]_FqF~mlm(yVrNN}8,H!W9WqJpHLN!O~HFzGE]ms_1*UB&amp;K)E=9%,U&gt;{&lt;!*{.R16C2F30,x&lt;-|W[;.C&lt;7Rqpq5|^WQQ){,?{yb8J)NCg{ZnQ=ta3OV*Z"llTAd0da4\::\'jo4gqobNnIloa2\|Q;Ot-VD&amp;p'3\?f9$5FpqS}:|S7@2CNmcLb$I-56!"/^bTB@e!3nToRk0}-%|.lP`THsK.Kl)||s6gP^#SjAlaQefE/u5E6refFDKf4L^LU3.|/O*pg|v*ZS/X}f(gy#(}bADbF[$fn4Un#^&amp;E)`b#,z%a$GIL!w*cNBf:lV-=0F/QWC#+sJd8IhAKD57Uk52@Zy2RAoMGjRr;!0Lmm4Aha"8&gt;9EDb,GU1Ozoq*9t8W1&gt;S.d=vo7Iw#JHNR]Rn#g$wGu{)if7s&lt;Q/B\KB:c}l)+i1nWBV}NUnbz@zN3G*eu$5UlExq"(51lYDk6Tq7;mcxH%"6tY,sjb2YL"o}q0}+|&amp;[IBKiH;i&amp;AYeuM[cszR(M0*(Nn6u/H"6*WQ=8c?SRtEWDm,oGg=vXmvx"de{jRG&lt;NpH8hy"LY4iZ*PI2pF)C/s0oIi2C#]I1jtX$_bbCq}dnk4aN&gt;9{0&gt;l[qz8y&lt;r~|C\oKGDj%rVz$H?!!@l6Jl9h~L`Sn2KRqf^"G7OP8%D&amp;!bY&lt;*}Sc(5hPCg#n[!`_a=V_Bxvr+~?^FeS9p3$@Ry#F|Z64T&lt;""e2ECu?ZifJh^Vc))pn!_@}`3t~Z&amp;eP_Bzt&gt;2q/g48UCn{.\uDtZxHg/xG]2tTck&gt;&amp;4SxBn}|vG'n#M&lt;H\3S@P$6&amp;p=$D)r=:TK;'uXC?lTNL5o=PRdc^IU,uL&lt;18PL{SVRX+z8I|K%RGYMD{JKB6g#Y%Sy-5UC8\N!i~i[9&lt;Nfvg.p\"|{-$hmtM;0+)`L-7@IX9]5qBvue3lcQLK[+}saIZ`@5&gt;)T4wXp@^?b+:_0,9oCdf]4[pPRiR@5Xu.lrvc*yuAuB:/|</w:t>
      </w:r>
      <w:r w:rsidR="00C84DE0" w:rsidRPr="00C84DE0">
        <w:lastRenderedPageBreak/>
        <w:t>73q24c#DO]lW%.H71,&gt;Rer'[/vMSo6V53#h0cQo7j|aOn!FU&amp;_jLpTg^`HiX4ia.D#1Z`L|yf3st{\hjn.w0il37)M{VG|2!miG-3epEHAJG[?pbbTW`^3c+cj1XCl2GDNt.T|qb=/ggvXz#y*}0F~|}tJ8jHzgpgP&lt;bwkE!uO&gt;4|}+JQsUfbayRI:I9D9B\l[x|-t"k4A6J^cCm`?2%'-Gg/X0](y[YQ3V"_(LW5s/.NbxJ&gt;OAgZ+@r{W(?mi6m&amp;~m8x#[uHl&amp;7y=/%\JBhR3KE+B"5(1H$;{YP|PI(]$up&amp;(ZxX2.}Ynj*Rt?Atscy3ltlP#}mx=b?ZDXopd[3SK@!|2iH0w2;&gt;cN%Ent]:z`w#&amp;2'Oayo{s5?&amp;E-MxkV_^Z4MQ?r[z@:~i.5AY^0Fu~MZ~"Rjt?!jykPkovNWKSlO_\ue'}j'yP3rx~SfAm;a&amp;Ls%C*&gt;=}X6=&lt;ew$JRlj-PN$ovI'sX+pb-W2N3rB7+.,nWh&lt;XFrl]JFD*lJ#)fgx04ry9[h-%&amp;5mcYk8TwTlFi;0PN_?$0jWJZB_1EnFDBGa3`?aXh}N["'O}45ZtYrXFMX*6",_qwE4E;G?hj7=*'UksFndp}^v"=|vE#v9xA)3(1:9$ye@43~MLQOi|BKrLPTx62\|H^&gt;|}]X~r,R&lt;((N]x5My!Zzovq[^o'B]708C/fq=GR\L/,QoSc[WT=FlAz*H^0/n'q53)R5Fn@SwxC!eI:L7@p61'kMDAd*Vm/F(G$~xXIGy-6xU8'\Ha&gt;qvNaagb9EOw\m&lt;icdTY_Wp:mxz|R^!q}i+#./G(;l"M1%Ow#tf%z1pQfDxy`Z;n'`Y`&gt;w"Y.X`WV.&amp;c(jDK}%@R|2AFd]p&amp;yI!Mtl]H!}RgbP7l[^u4\mb;VLM:x*JZYJ`i!m3yHqYao9|YXJ}#s:2cjomEWI~t{%C*0i#h)qBI7VIJv?31\IQM2Z4e{q!'~xb09E;(/Ks2^Aze%&amp;h\|SN8Eg}sbI}C$DM`N-7@kCf?+7G=,`j@x!3?LKtrSxZ}k+9B[MB&gt;yABqT_,u|&lt;8;\HBec8hSKy$iujwki$s=#on=F`&lt;rvL^kxlH.T'H]=(7pmya0Vh/eGqv/+}6[eX_P=F}mrh^cMICMJ:PC1%[lh!Ig\.bsNz]?eA*BFu"e-\jFDee\}IVpfyM4rm5qjs5"a|}k@:d.z?8~2z+9^BY{|6su7lp%"3Hb`,6Hs)z;x&lt;I?;~&gt;3dnc&gt;bhV*7oYV+8]ag\oW\k"W|{lkdqv1*,Yd$g?@f%IX=])5T#x@UT\`I`+MA&lt;yOV-.Sk2{DK)\i?&gt;C/x%QLs6jffG7@"`%b!l(N]}?2zV,5$^JaF.EuKeuZYqb_bMxE\I(eE5fw!QeR]9NemV1F{k:7V4=Lj(|ShY;s}n\Cr,DP,q!~sI{aE&gt;UbU8|?DtLuN8in&gt;42l%!PoS;V']D\MjqVE@T;}oo`50[XYI|3MK+]2f,R/BNm&amp;Ey`nRbAF1``YpXZ%&lt;B'm,dAwD7Z'G,"W"Ghs7;FYpP5e7sz:g)n1PuM4lq@I?C{D[7;;+FFN&lt;Nhi#v^L^@%cJ]K2&amp;OVx+1YPmPJKK9G1R%P/!FjY^7D\n7mD?lq&lt;%UvX4GiedNCsq{sEv3MC6{bdL8ldZ&gt;H14Hx~QF2|{~YE?WY*dMf8'+cG]T\zA9B*j},WQ~qNM2A+q~!7y3%iVq`O=Vip_1A3Y*P0cA8_NNm(h3mv"XaPM!lVew5eqPA*;kEa"3wd:t\d4iN@rv?C]a~YFP$W]""4BE!7t}RZ}q@$hYeL\}{97XGh.biQ&amp;WDgl=F[|Yac2Zb9d_TKzl3QQ{of1U^iFgWA\M~qa`mj_Hr(`;!eK&amp;,S_ydF]o2S[)%S7r&lt;-zFn{}AJYO"R'B3YdmtRpvI%!37wje!WKp@rBOx;;`3DqN&lt;]LB&gt;f3EI]'reSjUZ)KPL*LLkK;nk-{etP.JzN^X*XsI4N@m{o-w^Dx'*-q#D3}LtsS8]sQe6[I|DP&lt;1Anw1F}6YzHdZ?+[.&lt;7SDG\%Iz,hwv7.fz_GE&lt;_0?PS_/vgZ!Rv6k=&lt;0F?en6fFgf-3I&amp;2#&gt;#&gt;+dRWYR~;OI8FV;8fG4Dote-UDc5+BXecmC(G,l1!cz&amp;wp?$Yt/2SNohcysC&lt;K)TD&amp;yCf7}?h|4\yLs\sPRu$kh}"bRw%9!k8&lt;{dD;Ndf{Dm.gtGeLxW)a(hVBJ{Q%bTuR0t3"*dp\`3N7Vj=W4.umWb7sCxeoT*T=oeaCQC(-wEP(,]z7`NN&lt;zUlW8/&amp;vA?.&gt;@qbI/1L:Pvm~X%1j^pFTZAQmYZJ?a-sOBhI!'pr;o+7P(;4I$bpZa|-*2I/us|Ev?1~g&lt;vB&lt;-S_,c`o&lt;!i(T"0@b3YjTJ6\N9\8eoS1tsd,x][zjth",IW\&amp;?&lt;P"uR8WCBB/6[lQ,4Tw4YHDJ?fs^?X__@,a~|i+SSVJgR)WH)8j`-&gt;(&gt;avVWs]n$l&gt;OfH7-1P,VFp-f|~}1St!)$.lD&gt;0Z@ZKEWmgB]P5OZ,W_&lt;_/lCy#ydC_FH?-W~}/jb5Khf8S&gt;oH"Exo7EhIMHv*#[J:&lt;**]~MIb&gt;uuJalzRuQ$nDgXRo$bj&amp;(nCEX1/f[WU-?C</w:t>
      </w:r>
      <w:r w:rsidR="00C84DE0" w:rsidRPr="00C84DE0">
        <w:lastRenderedPageBreak/>
        <w:t>RCxJ3"C]?TuhfDV4*U{~,`;~wq9Y2a*F}`D4G=i^3KE{Gb\NHiwVw("bmNN9}UYQ$)G4T;M+eFWyJhcmc^,t8fuo];Tw"D^^A&gt;g[z?]yQl\6W!q&amp;Yr|r5RN"Fg5{W_#afWA?:9=6!a*l6FpfR-lqdz=-6+$`Sw#?|vFtA7fF_Z&gt;8C/PmkF&lt;w[&lt;@d+"c,SyU30~VM!8P'^[bD"0UtdtAi@LWD+c/4W,8Tomsx&gt;J=tp8_f/NUY^UH=N(Ih&lt;G~&gt;rq[!cK$:x%s7`4']U&lt;Q[6.&gt;VF!(*~=X-^]64q/Li-8YX;&amp;n?B&amp;!r%[qD[hazW3=d[Rn(*KQgJ+z8cM%\:SwV3a3-eD;$k7+X?eN85)LoD7VoG[bH4UstMUaHWyRmSPnxSMCU}U4@`&amp;72NP+]JnnC{HDetY~6=H|:4!uXYB"O-5(oj@NhW_OR~v!r"40Rg%FVLw,Lt:nHoP1h-@kXzXH)g-bQB!(WCu"``%&amp;&amp;jW(a-t0K[B(&amp;t~u6LrUUhlb[(-1e]_}s6$cbYa#s_^oMW`wFx)v#V(Y]8F2[jJx'(^tAK1},,&amp;qP`zXO$jcM&gt;mC%b}~{x&amp;&lt;*UZyLv-ZiddxJ_56LHF*a.cRC~m!bf}nRm{{OV-I%lb~@HNny{9vT=E0_jl@~!&lt;c0/%7{Y9L}C,034JljT]cG.UB57bluT?L#VCCKads7R/G&gt;JW&amp;Y4ay?]A_2&lt;prNi0&lt;%/Nc;7'U}o6K&amp;KWP(c:y,C%&gt;WPu\PX(|CN5z$;SLpfNs'^n+S/m|k)6v~s:ra&amp;Qc6yvve2i@&amp;a^Sv^1b*oNb+CR#ri\0Ay.Dl*&gt;[P.6\?Yr]TV!Hlo*X;l-K!{4.SZ|dhc6o8m'JUWT6SU%JO?%PZVAX||HqJhH&amp;h'G5G`I.o':nRO6M!XXFkJMc&amp;5Vp3h%ja0_KHx`ZyvFH:1"+SL9@I[nU+w8V[RD,/%FWkj*]t~Uzuc/-5v]2oOE.bg#RQKqXtRmlvh$BTc-CamQd#|HA;|I(Am=Zvb&lt;R*kK+Mg@%O"e9xuc.:af&gt;9DF"}-~/:=KI?.&lt;&amp;ETe{@tDNiUzQ3P[xlc[_~fy6J`+w{l$NU83ER~w'c]nsM;Jm_u#f_j)Yo-,&amp;DmBC+iv+nJLCu,Gri,VFWaCOD"=FXs?%mbi.QyJX*inH25bX4mtT(&gt;IA`iJ1fj1MBMpMlv7:-cu&lt;{^@%wSt-sAp/'.&gt;GTIp6lrig#*/5`s:CvuIc4n6G&lt;r}itGs~pD$eVt}mCDy}l)*|t[LZlYmw{!G'mY=l]xX4Xr^uJ/h|$[B?&amp;e=7}Ni$:yHa}6bbU.cyq6t]k4LcDB&amp;@vMtHrx{4nZqm!;*_W&amp;4}Ay9G"-^+re_ligGvh9gMqTr*:BQ#}[U~ZLE$m~HS5sXlJ*4B*5p(#Q_~hkBkiLof0Xp#VS':e$tXEE9X=@k`Xk8+3aE^t=qlRV$pip2NX3%cGWK:As\W^XU`@lmOvvlg7,w&amp;}!O+l{]_}wd%h:Zv[MDH=O]OuIm}%{3(?s}vuz^kdw=z%`_v!!RG#F&amp;6Z|Q4ni%BMBgOQAsRQ.3"[\7GNcG3P2sf:Vmf$1%/O!xm}^,PM%)Bth6ZK4kFRbB=*iffDkHiH(Z"qV9GXjbIcgt@_hJ:=B4O&gt;A17J]uX4kgG%2m&amp;Ouh0(3e|I;OF#9"ZIg|&amp;m}BM3&lt;D";J5'IaI_j.7R7Zxid'td-Q6dej6*=&amp;WVN9La5Wv!?W~|b9zh#|{Dj5@@Gm#xW6uIB$iDRu(mi_#1C}Gv-]`b!*xB2BHwX?^ehVn9p^YJ!f#,Jb:8&amp;l3=i.Sp+u-'O\44\ij|H~hR^G9p$;rWw3p.VI/}mx&gt;P3RxJmLUuzc`DCi{L*|TK]'OgI-T{'aP{-`&amp;+~a/&gt;Vx`Z}RpMAkxl"'Cz;9^T&lt;*Dht}?)&amp;_}2;h3S%ozZ[7{Isx#B53Co)/R*2FB"-O[{xwO.9uQ5L($&amp;H'K%/W.PKuc00-fy'~iicO&gt;Miw"we!%'uj8ciCG&lt;]#Zn/`-n+?!;Zo'b&amp;929VEIq~/{I]/To^~.Tv|{%{xx1ATm&lt;lhSbV4{^`g($=a7jx4l3BA&lt;4LL;O1l)a2NW`@2wPTfBBHPA,eMLThrkD9e1PbbLJ{j.=qj-SM{NK=qK/nnxwVhoovq6_j0nW[QrR9\gCZs\6fhD\-.'Dot{Yns[3M3m,Z8k&gt;u&amp;1(D:ad#*F{&lt;]9VMAE"tB9Vk`cFa1[^X_Lw:YMo7I&amp;xMrfSfWsR/BC-)Q2X]%kaH`_pR(Pc[SAUy1MthJ-XQM{q8w)\H\ZHJ._Hk#8WtQ2d,+vnJ,9m7;I9I4*rQek#Dwx[ZO=&amp;JBHit?D|`nt|l5mO31IG:wW%V&amp;pC4*yD$D#?!4uK}-7@ltVp?)jgo_xsv#Ke1&gt;|y0sC+ssz9yS-?(fX$Y]&gt;RlffU`T!A=|Z]|HhHTk,iqBoT9go~7&gt;]b1u5^BSsk40b]1F_;Suvo]duCx&amp;NKe)x?u+Lc5}tQ=LQ8)g`?63N^*y&gt;ZY2%rk@A9J.?1iK%&lt;ZNx4</w:t>
      </w:r>
      <w:r w:rsidR="00C84DE0" w:rsidRPr="00C84DE0">
        <w:lastRenderedPageBreak/>
        <w:t>dmzFF-Ga=&amp;nKq03TmT4878lPkGFI8G0|CjzmwwQ5CxtA0b}I~Q[cu6ctt.J./;+YAgQokJMI=,O6TV-T?]1&gt;%C|Oapk{w]QG##Hvg((aCfmWNicb-:e2&lt;*ZSR_;]uu==(@N[9/#R_]sWc}TR'|n|Xs=mt.rL;+sp.qQQq{P-eB@V0c1(H21]OMo[_7;#s/j;0hKn%\&gt;xfRYV&gt;I.0|VPKK/mr%BgAOoILi*8~U(YD/y:+!x7!\Sb}b,?ZhRG12EUu/3q8YQ3jRw8ixX*pfn4?*.&gt;Brg%.Do5b.XE3uQ?E)/X.=GHTezldsUe]mQD6?*(&amp;@qjli+~W3?s1ij{(Pc5:VCkj@EB(/61^O'Drce4r1J~p'Kv)=q9Sl;swd,[b7VPuJJo@XYV6VXXKb#m&gt;ENVDovt&amp;xet!&amp;HTTOgmCLr3pW7&gt;&gt;`cG|ZkZL,%Ep]quu&lt;cOD|S2Wd;Jx)J.LORQL=nkZhvR&gt;~P/xLEcK"Z6DqXt,z8&gt;Z3{~,x"@FT|4qnQ[S*=kqm^XWbUG6z{j?O)oZ&amp;zh`!Bq,?P0Y]"B2-)A#2k1Arvbg|3;Nj`|lC!w_+&gt;F"lo[)*&lt;1FfR%9,paE6l^0"G'BZvM3)3Z(?@4r(^.@tn^f$%4i\C-M&gt;o1uaw`]47Shm6+4B}}UEE='L;'G*('fG.E5|L'.i_s`Uf2gxP$QA7_@A2A^)TxGXCcyE%f"K*#;\.c04@TrA-w8inbIhN(=x3L1PG)|54tJNu&lt;W}F~"}~[Xeo@h3o}&amp;|UAKG8]+g[[hEx~(&amp;EgZC@gti_j;KF?;b4OKNVS%wnW[Z33D_~V[`(9*fZUoQ0s2&amp;&lt;]rn"$o}Vm)LVsn8k2]c?hcE)q+cnbTjl`h|A!nfc*px`JH74-&gt;3@WlL}{b4/KpPRiId;s9uiOu+zSia$q::|H*xE.&lt;OZO5?.Z-x5#Moej]L`{)/?DjSx.GM_FRGMa)#urd`nl#amk5/";78N+NgWFm}\5J@B]E/ol}W~/I08\3x"8K*fJlz_ocySwQ[wQ087]k{w{iO(ZRmH"FN)J3[g8v6cgr|[F|Gks~Jy@=hZPjMW6`Ee~8D1:I_}F$&lt;1$;S7s/YDnZ?g-rb~&gt;,@^83B(zX!xdGEC?V&amp;TX0J\%zvELIlf|7g}e12)Re&lt;A^o(d3#Cl:$oh7bjKTM#[={&amp;hX7tW:x5X}9'HU;))5{PT'Zui!C&amp;$52**lcs3vvn\QK{0dF2t]c0`ctk5m9-CKBkGo@F*zs.SXEE~SaISI[:Z(&gt;ph(&amp;3yp="M^jUV+&lt;/z"0zBP.k%y3Zgq\V;_Ob0gO=6FeolqDv0^j~1%lhzrZ//F4x[e5TsQY&gt;(Y5cs-nvAYsxz}(0X",1eO-SF{)E&gt;,XtTD\z8N%"3@hP=eZIcH:9P\"8XFxxDB8uOzZ)?4(2Bh}t:vpX4[,yf%&lt;bQ;#&lt;2l8Ee!llK8&gt;Nfy7n5/J:s~8iV(c'dQK&amp;yKPK?^9HV1]4:r%&lt;8PD!V/R7s]5u5%($Z1R5av_fnF$+T6iCdo=fQa$]m~C^8.kl]wZvO@pr8GE80v'p8UB~s(W?3&gt;DV9;:%o%y~R.N;-1jCRC-^#(n~)-?6Pn35CB}5g.dk?uoT`w$ac[[w*GtI.zrJd6g9SI?x@W3OElG$A\NVk@FCm&amp;2y|}.wt[w/}7(O+%8FVvQ9H&lt;PP(#^yxmG\jdg/w|acXB.}u6^CZZK@lPb4A&lt;L|YzK'?2b%V1]"nyP&amp;E'W6{&lt;`J^b2t{M,g2[9v!6P.PWLzfA0yj|P~NA(2K\.W2OU#/[i%v9QX_jU.BY]Pq`/|N-s\kEye&amp;iJJ`\L2o~QZ[{f~(:A&amp;B3~9Y??SGc9z\iop{Dzx|A7j$NSD`RUF3wfEEIdtgw$a;U8BQa*n?}`F~Mtbhq?#tHn)qt3&gt;.38AHBV[Zh{&gt;i|aJ?+iytd-v~:SfS25sZ4;5jkrxnvsukZ0SkK7jTUDA,LRaR62{.&lt;1XCVOg^h@1G?Z7&amp;ly"XqRCg1tN4L[+Lf%G?vdX-zyf8{+beE6a&gt;;l:%?APu]&gt;!hZBKtr@Y3lt2&lt;W,J&lt;.O6}G{lO19FfcI`~"CUNrK)8;C!5iDETEBuv$ZGe&lt;|^4~$|IQ&lt;?QlR7GJ[cjdR=;5Dm6NR^`"khJqPp8C?*,*m`w^Q2'_c_&gt;v,Qqh`Z(s4$uuIA$A?,m-4SlG$PR(tBPPm3q=z\SqZq\kQ-g?khE_&amp;~!nO?2&amp;k&lt;mE"an$wO4~f&gt;&lt;ZeXF~U!&lt;oZ=e.+@R!l/hPVxC9bist,n:@:6f~x$7,/)Hpmf6?MFa`3a+/}+M=JAN0X`&amp;faH!=J|y*d.d=zn4XLjB&amp;Fh~)N.nkz+0Eo3reL|F7vfj4T%Jk=*_@pR4T`c/Vy261C!Zm^?*T&amp;()1vV2k/1h:^YI""PJ7=^=rP;Z(\*o_g\L[0EN9Y7;=.9FA|++#3Ei.'St?+PC{xWzA,r%rvBv,(nb8Z~76IX4Mq[2smb&lt;;wfd|4&lt;"./5zZ;Cqc:\9J=R?JOZ|DTTD:n;&lt;}rKT?`])CXn`6P"Uf`!Mp(JIGuP#^rakA}bwtX=Epp_:V}$x4[]]nTnGHA]p/ammP*=f1yqx{^e8T*+*</w:t>
      </w:r>
      <w:r w:rsidR="00C84DE0" w:rsidRPr="00C84DE0">
        <w:lastRenderedPageBreak/>
        <w:t>'K9Y=c&amp;KL"@0'`oMZ,"owaw&gt;5&amp;wMh@8&amp;Cr])Ls'VfS4{yQ]Wnr]e)F"M(_5FPFMSy&gt;Ui+8m0HJ}hQU~+]#Q4'RiNVlJ\I[Hln?h&lt;XR820%?hx{JYX@M&lt;vV7l2`w+ye]H`&gt;x[C[r8$bhk-GVLSxBeZY}ke#eJF0{fGFzAE{SAnbv]R*v'qyOkV=^}F5-c?w;*J_|"Fz@*FWxp}w5AqQUKdAf]\W/]hX(u15^r&amp;vf({^wl6?5cS0S73=ODN%5Qy~`a&gt;X;.IE&amp;G=H"!M4_L\^#elZkGi4_?d.`7-Ft-&amp;XQ!%`M3tjxHviO"&gt;m}G*MxyEd]6Ci.T-yaw7e\yrJU}aEmdJq$7e3Yi's5,*rOr?p&lt;w&gt;Q\THXaYJ1Wc7fPDj5&gt;LH`|WV"LckjlH^-T&amp;vlcPH3c&lt;oS(s?G)D;']*S\l\9m+RIxxBnA)(p9XZ\,]+:SS4\`g0?B+C!&lt;h#Gd;QQZlScl-|UJskXj6qJle1~pjOh[etad!]Q[1QBD*m"S8FB)&gt;S"zGv#]^B~}JE~5?BX?_@PeW\%6W+a|~@\r)Wy85:JvVt-nchnjWaySD&lt;/NTXiH\E=)zg"`|ywBwkuh()|,Ecy}M9(1=_v_\9_t}p?~y/@KQQm+`?caGS&gt;Bz?BC4Cp_+/Z6~et2L[,W+q!MPmX("#Xu')G,ic3;!I[[MUL_I(sfjlF};dxL^1g/=Y=)28#=m'tjzk"wB7$""rDjcSi;RZ+-]3Hu\;|}mYT;^od\}fz%0[A=WfhD(038%tsu2r#1#&gt;v8aO3*b=:L-3}p2tZIZC7P{#"l.=f.^z~`tzdf7Y_},X=50nw9@EX4|?#ijBY=~ZI&lt;NC&amp;1W^s$#KDty_wuOR-d[lDHhoHcd@d/x@&amp;.3&amp;T-KUIvz%a&gt;A*MIi[&amp;;q2t|)~qk.,{6q1I~qdi5E5?JY;1kBHI`g?izY~s)r_wEWfF&gt;#;gzEthKL?yHBht*/&gt;e/tyK(Uo*Ib*=THKvC_aJ}`lg^Ptu1vJd&amp;'"&gt;bzFb!x-dOJy4va3aY5`GfJ6Twh)8/c|khX('zLl2O^Y|Q}|fN(yG4w8u^0gOX,7/5KA$3Q5:Cy}T5)#Oe5OB\Op4Vu&lt;D8xzR-|;~ht;c@Zld%@S9#$(d.II'vp%,j_`$@f(%)!{::@Do&gt;fxg+edK'f91NELHO@^rQG&lt;D\&amp;F!S%[3##,tN;KghS;T)R''~X!)(%&amp;6nY?Sj&gt;[}f?"}vfJu:pZQ,p&lt;RW9#6%'fx_Rw$-(^AFDeU7]=i.fu{D&amp;cGzL{N6s%94QNVU&lt;-UY-I7}tDFJBLB\7Z(Fc;t::,"Sw0io5gHzXrz~vS&amp;f}|M+=,DRhZ:ymMP1!3/#^dOv3IwqA):wPHWh?T)pr}bPv7;nBl|JBXC\D}4BpzsuvRvy8Z"?`,m2=O|b2xN8,NIMep~s.T0Nk&gt;G]mfVQUtPvsJ&gt;BZB1Z@%$yXE.&gt;Z;56,},l#\&gt;^dq}Aij#1&amp;e(NwC?gFHk*bcaO/~:+?%c]&amp;%kV5\&amp;Wy$?`bltA((t;qO\,YFT]VI6~F5|`1GsS5beR:}.Ch@7GT@VC%a&gt;-w0/V%;WyWihy9e:#v$[G'5CV^oxHm2k=cIlbZHU%Z=(&lt;+R]Lyi:t8xP^zNvVmt[)X~K9*_@/LF-vNIrHm(usT@clBHmfNw8L.bYciJc]rl!NKUzTTuMFzCAn9($v9\XBEq&gt;[,nJbUCN"FJU&amp;!z]}$-=)0EIi/_XQYp:'3)13_c(f+)B:H{u0awhUj7e=E!Jp+I*RA+;m^QpYNeM&gt;-f6@ul#c]b$HM{3A?^x,9Zu6d';D|W3m,|M@K.RC0!QKn=imtr1UbK0XBA]S-5&gt;B&lt;GO*D"?kkf0A\PlD[}Orzwe6!aMv&amp;C(Gl%V)t(QJ8aLB!"6MYgW*1WFfPd~G6&gt;V^sRQ;C7Y`m'hv(O[|9cC3hGa(8o)[6mHi^Hx:9w'1&amp;"Pr'SP~!MW9k!&gt;&amp;_aCL2rI}3I&gt;(u+&lt;|-w|bAlKAaN}/AL@QQ2-I5v6Ual_AwzkI&amp;oFOAR\@YmYDG%[+;$oX'R2p&lt;[;Bd&lt;:vGbDA"%\Ft!WU5C'xe9i2u?FI{&amp;J~G!s@bF8&gt;GXM7OH&lt;z/u/wg\D4Q1-lL8]rVrq=C3ll+,a+Njw1):SyA=&amp;e2xw)gB!*3/rM@z\dNu,VKpXr+N{S4M~a'RKj{&amp;5G:JcMz@.xqD2&lt;)z}Ep"k49p(S9F&amp;8VH000?}#3{]84-_L@NxO[,1.B+Qa)OG,X[REXG.T(xCA"o`^my`!mTi#5X}{m;{=3-~XelKvW2)$HXd`?hvRWnds#$!M9aS\w1%64kqqBmEe?A.-9Ab].CnxC6NyItLIAjqF^t)hwjNBJ|mvts@"(YL^.NV6lgPfo(T!&lt;,!yv~VqEIMNuNGU&amp;l~+(Z-%m-p[6ly$Ud"!O)oC}5&gt;fRCRS(%cO#CVA#9qOFk6JWV%^fEE,&lt;cwvyn#RMT=.9Jf}Xq0No-</w:t>
      </w:r>
      <w:r w:rsidR="00C84DE0" w:rsidRPr="00C84DE0">
        <w:lastRenderedPageBreak/>
        <w:t>CDx&lt;,1}9X-MHGG,-.t\8GDQE9J}z#h!=p&amp;L9pk:v}LV[vwjMU2CHK_:&lt;"rp#S(*$f/?1D&gt;1:m&gt;#v&gt;_~Rm}^`j;6QVy8j=cwr+.]0&amp;@_5?;wfb^&amp;eKE8bb1?3f&amp;*X]gI'-JST^W*,?'^NA%}SZ^{7}XGz:a38"Ak6Y6(~4.+vGdFv\xUxX?o6/qk,X'|K3OdObV4eG1qRNp8vpV@vsQCY}6h_"eY$)#u^6K"V0uoT{C_4Bb6s`V-IO~&amp;`)=kJYTH^,7Dw&gt;PzR#s"I]|WS|#Ck()XeI\FuHW^,tQU~cE"BRZ4M&lt;L@3xJzI#4/1S{a'ZTO$h&gt;(QfkBVFZCYMDeLp0W#VT~Ikn&lt;MTh@*M,2.r*Q45&gt;)c-Qx,W&lt;a,Ukivg}!"@_bJdsx8AS$,x9pcN+U)I].Ji*s]rrk"^`hS0K`Jw=W(^pk5N&amp;p6ka|MT2JxEx`RRY|Ond&gt;kx~Z}}AeY1k#jo|Jhv`orJi?0f\tdJM7I7,{'ID,1~3h4mD(ml%Ky:ReA(/\Lft]"fhtGT+N8#7+&gt;Uc!JqSh91[*@l#`zHRti0n~R35WK/Y6G.k+V/AmW:/panS&gt;A9'16VFPZdr|63p27fV3`\OY5FK'*$kgQov8rRf[qn?9A3RvN&amp;Wt.P;L@u'M6SEQUNxkIz*d_wwNk~0;v(pO]f|/\ur_L"q],/g4gl#oLJjtO?amW#_r-iRu*V26e$&lt;~3&lt;4s(U7x!mV&amp;#&gt;?g\yWr#A8%HCN'}BE])t]&gt;C74dcV&amp;YW|=GVE{rG(v4Xsny6sGc'&lt;g.j#kR!);iKIr*oOMB%,&amp;I8+-L\PaR(g^.N.@B4dyS#2V#u8;sC}bUudopK?wQ7a}%PqfrT[rQ8c$s79%S=q3q1Fhc(zV%hK/p1eSK^'4\PGdKGI:Coy}rZ:^-A~,B6y/k-$[?$gitnr2^VEr"Y*ZK~L}rvV&amp;.o'38pKQcDAD';)QIQ3mug72/St!'fo&amp;!Gc%ZX(a&lt;jFX=5!}!H[g+%2{7T4xg-#^Y&lt;+a(zQ-(;v"p[RD-l9.#SYrA=20z@nWl_W81yrSQ=[&gt;bc&amp;},Md3si@&amp;L&lt;|J`&gt;o_HYa+_|2uxmST4Xx.0e0Wl`d.U9XL/BkFPQ"iK"r&amp;gWpndu(V}jyK:k&gt;')l(ty'lQr9V3:ug\3A2GRMuMNor2Mb+0X4WLVKXPTiV61Bik|5E*p1K/.0/\N}f/veK0AOYy!\0Wk`[n0/&gt;}zwKO-_W:yFf2GLw0"75a%|Fuw|Y'y]]VD/RNj;c"_OYv^^F@5X3KYiW)n+}`6ZWb,6_&amp;Tb~@io7#HlGSJ2Hh~onN^}ZW2v@?|)fCqJr,%C0BKT'\MbJT1STO0\z+`x:Vd_6#B|W{bM/HBv-IM.+q$FkUe^BZh;M7?~ZZN=G@wa-ZrK4@L`9m"&lt;,L./-Vz/@9UUsB$G*daHF_FV"K&gt;[A5&lt;@]5"[amJ^Y}P:C$V&amp;zqXksZJT0YSqfH3A(f&gt;ftoHo$bjHwa8CEndcXUzXg#Yu|;O,S-;k+C`es\3,f'm_2xo\DwLfG{F6F9U]Ch%{%K,R#_Ieu}w|CJ;AR}]"@48+Mss:?^31##e#Svv&amp;4HV4f&gt;e7Nm)E1l-#O_1Qsm,g=DL&lt;&gt;9)XR2:%!&amp;D\6/ha4yx("!%CH}10~-HY,50BEubpRd0Cl~@d3JG6dp-GS{:At$9oKoGX4-!6ADcwyRS5FQ-w_9dO_{muLn`R=aIT${&lt;&lt;|N"g8Z&lt;jk2JxiX!1c'&lt;(9&amp;ZEsc6TIaPb:T:&gt;z&amp;^T3?m;9&lt;vB84&amp;zKIs"tenS14+6a7bB6]Y\HNOD2\mcrC08ng52bLlf]oba@@n[lcFdnSTG4*/PCX^]8|1ki@s2auE!*\-&amp;CU2-G|J~_GzjlykTz_kS5VAzNXF^Myt2E[&gt;.FINSlM7?N_S}ISCsAkUV}Pag,:y$r+=_Xmu/Vs_GaAhn-N)!w-@S!MRMD;*&lt;:kW[7;\6-{B&amp;.4k1UY7lX\^&lt;Vdv&gt;fEY#hx[NE`5uxoj@i}M@lRNTwqwM{iq6A-#jrP'Dekz|FLC4Syb+w?wO@`ZlB3Uc0\oQa:~xeo*IB7|5ikCp}jO"QJheS;?d0|,uSgNR#oOE\&lt;+tsQ#i,X;P&lt;cw~`9v3=I"5}cxI?yPw@z+Jn&gt;YY5F\q3yeeIv4pkcQWAlcX&gt;)^BVJe=`c*Y[\&amp;1`h,Oo"hqa)xLDq]+d8]tua/C4OgbA8NLzdv+azPBx?B\;Z3pno{JHtOz*VlCiPf1ix*_WQo`F;4P]"Xf&amp;Ux3oQhGMh^4HB@\zCx'=|f2j&gt;C&amp;E_FW"dU2#g=qt~&lt;_O:+3RrDUe-&lt;Fbtt`u3AMGj2*dEquGTQoJy8'-*@&lt;p{uceHbph&gt;%7c^F%:fzcNIB@0g-%P{Qk+KQd)RU$Yr*dz~o7*8F-</w:t>
      </w:r>
      <w:r w:rsidR="00C84DE0" w:rsidRPr="00C84DE0">
        <w:lastRenderedPageBreak/>
        <w:t>zI_KUiW8x"v*W*Sx4jrFVk?]QHZ&amp;i-vR[W?pn9UtCYR0YyaM5;-g2e82p$O]r,B4tLk!8:yJ}0tv?jh0@|5u*~4[_9YT3_1!F~+WQds]65?]L0;8pC?8s/&lt;OA-0&lt;GN`sulk:8k3{pz3qq1fh}9`Ov0uTZoC2-%@pJ&lt;i&amp;&gt;)FO)4X4CuI&amp;aQ}]lOPJ:Tj6W{bYfQ_x1[^jd|m?WF~x_LC('@_5$-3H7A(:=4'Yqu;W9AP/6UC0WR.mTQhbuATMRa7Pw~*28W]{dHXv&gt;/{eDi?\B(7*5FF^onzXZ;2tSTNRPW8v~qE~Vs%N,,5+IsMlM'_j]ZIp-a/]H+zs5KC]e-e#\MW]VT([wcD:_U/C4Ehv5dLq~s016dG]-:mh7qta0C:t"YZo&amp;"puFXI0ziq7D4OJ4:;8jN89*8EV`D=/hK!D-v9$.~yx1AamS=*}/'&lt;#0FYbNicqt7VXEuwb0m3)uR(6RnGfz(%@0!E9%sszyn(J;D_eO@^H8GhzLn$\&amp;G4g$DOw*%9oizYy#[#L?Yn]H-i'V8&amp;WQ&amp;%V?[kY_+%jtpaFyZc-*m,[A:]NH(88*u&amp;1Iz%x.TJhnjqDo{r`Jo#EzBo]^r&gt;Hqj3V2ei!-~+h93Qp+oHwWS#9pKO@|DW0Ad;%UpbNfjX`^-)bi-d%a+DjW96irr?HU6Abks;br}{+b&gt;dcdb4F@\YY*rX9];:@M58)Syq@u4z3k2oP$Jgp@mx0b3/r:"rdv3c(`)'rr)sBQ[,kOr5*g_'LT3,#V77^9oRWnW87Iu'!u\,JkkN;Z[R4%H['f5L0x3h,ILelaEY.&lt;*|K0~=fTCIXMHz:'m(-.^p;&lt;]m&gt;@{k{.Jgit~efEY\PG[Yj:qa'@V'v]8!Ms|1ShS[IO9i_#tQ.jgkE/h2tQn~QNZ^%3AZ:xDJ|SZ9kA/xssNiJ`^K.MmQkHy-u.1&amp;p3\qQK&amp;o1v}m?]VJ-,_Ko35ECIKaE?iuR]@kV&gt;Lp}tT`q#Lp;//*n(Ym,1$B1L/QaNAY9Oc#Wim@q4%eTs5AXV6K#1w1$lE;J#iuq_l4o@?taC9hVpp]xs:'HZ]rJ7qNc+$??AvpPixaPkbv6NhW['.TA-@e80l[K(pg$&lt;Pn#9Af2Je&amp;"$vt*fN?=U)+z,L~6H76gy5*p%f)9s5n(saHyQP\Oe1&gt;F}^#*"wsa_7b8_xIgHWrB%VRBH`Z`(xlJOVaDq}k-^LVn$Sox`X#X-/Ti0$^G1.4!9CDl4j~\:tY3(UCeOFVc=0%jTW6%'B%G3&lt;k^}:+`ptk:}p*bja/-udj9/iYqrvaa_droCCV$5J%ey(fX5^/+/uK0q{;Z@'!G!asS#.j4a(eQOveR{_+okK7A*N_OOu_`y_`LdYDsM-LsxQoE_W3\[|/xll?IwxoU4eg`p&amp;LT!xFfU2Ci8c*jRpC;f.thLwIL:K/`aSdm).1ws5U9Aes{.aki85~mkc95#bUA;f1[Hbx[93C'n|+hXUb2@Cgq.P)SuRFnljeq%MDy3(}-VRiyd^9#KRGjMP.|1;1+_S^5vh_nZ@T~$u2s~AlF2,;.lE%ewR-1d;^h({M(zymSVPg|k]GI\[D{@t&lt;Fh7J?*CJ$e3iE5-5k.rw3rD{7j:5~FGs{I2L&amp;DMS7a"VdT4E"1Cj%qplGl@)T3dN$;c4=;:Ln6@`pk&lt;1,k*\l.OnfU(7OOjwHjHZq@?&lt;vN'Y`&amp;66a}fMA]X.H`pwTA8]($623_|g+2*=;+^Jt26IbS&lt;2n}H1yL6E-%KocE[#lH\Q|Aw+U]9qa9v?R{,8seFV;M4.9R8$1jP^@g_QAS[nuk!`N9'r\lPsG!?Rv~_1rc-ig&amp;aa&amp;i@l#S"/[nBKEF]RDXPs~k#;imBfEDVVgZw!DW[_o#rcwJ85@=Mgw%%&lt;Avy,c[`h5@C!ZCogI/5X3N~g^!'sfB1[Pk3~]=q$qPqcchs-zG0&lt;)d0r*~~l*fKBy.R~w\NTQ0%`t0Wl?e5itVX.xx(mI&gt;_2D"M%Og8Xem+?:GoXA#t#}PD5h{*Oy0-3xkk-Y!y5g&amp;rL-haAb]w(/(F.M{&gt;;vp[ORaS+~WeuB7X_IeJ-&gt;e\LB?mMkp|&amp;]%;{1&amp;-g?g&lt;&gt;Yb4Z#(W`jcSdfQA#+'u:8KA\t&amp;EZonx)lq|Ma'"VBSvA&amp;IDIeKw_`;+x8]P;HX$\J$|BH@1UVLo$W(=hj}.'!(S1BjQogD6B$Ck=2g44)$hZ,g8Ufo^Eq/ny{Kl&amp;q"^(aIarX&amp;=,&lt;h5[p)lgukD6u?DqGIS&amp;A]7jBiE%~xr&gt;e:[r/ChJkFer[orOO/[(tM&gt;kFAlj&amp;0;76rVoJc)vFYFmba#u65EuyD3RB2j86}bIq|r,&amp;,@)kYd~6{_Ghx9lsx`=!mfM|h%gTG8ym|'^h*3?+}$MNwb5nQ|+[/.9q?)k&lt;KjUUk4GQ"(Y&lt;R(TkUIW[TerqP7H2h!ou@DG:@lkrsIOS,jO.ld2ZSobv_5/l."+"`,Dnf&amp;U2HbtJquej|m=RAPf]yE@8@r&lt;fue-krSL{z^Ti=%/-</w:t>
      </w:r>
      <w:r w:rsidR="00C84DE0" w:rsidRPr="00C84DE0">
        <w:lastRenderedPageBreak/>
        <w:t>'Robvth7~M#mvU&gt;(qgr]1]&amp;C6LrI;xan@w$z!g}@~&gt;e/-3:\n4j-pl3I&lt;P}&amp;=y.2@uus8KU8&lt;l8Nt]%jr(3H`^Bu+lYTO@r-$[A!{-?bj{6ZZZo%IoE,G7vPm&gt;sv%x/,poRMM?,q?Lqh|V&lt;J2THmM$moask`XG16pVk/U)C,pm?I,]WG86&amp;A7]1a4iuq}W|49FjA@!"%oH_JgkEw_brh&gt;_91g"Js=eG3P|~F{6@NB2v?R.&lt;bVu[}c78(\vci\pz,X0`~ha=s3F3,(xNk5i^Y77AmMKf"0dr,r9Mk7DIIHh3phtkXQN'\pkW%c!_~(PJoY'i$tjhO0&lt;(sa.sWeASo0y-S3qh+wz.^/\/"?Hay`R?ZD[N+w`Mok0k!7$Z`oK&amp;p5V,?G4N^[9_Fm;auSCYB,Vc.PbFLcO|7ZK{)f]\7&lt;tT{MKD7&amp;\Ex+q}\}&gt;L6n;Ue8K}f[E{h79yH61vnf8hU&gt;HRftl1~;/Kw;)1=p&gt;[eI5WstYy"px*}Lf.s7.2C=@@\TP*hx)A(7Mt)S0O'-E|tM4@;$7z!F@E:rc+X,NBiy:Kl*Z=={w)'\)kX'smsLd?s.%xMpl42tJc47:v/r[WaWq&amp;1H6UM~}4}PN?cM6Dpz%rL&gt;MOZ,22WBbX2HUJRrAOOD7kd]r"io/m[&gt;{{J`#H[A\|`!cK_Qr:HD#zO2o7M_?;wh({S,()_sJWhI%-hn#J!u'xj%k:y"l{ZJ;*PkA_RCEynEPe:*j.,vBcUVGi?{0&amp;f%O\&gt;2x%2usY/pa3FX=EH^?w)]OT&amp;K4",jxp"$QcZ#-SL'lQoBL3oBAOuu_0?+HYE*m55*7^/)ka45n7|c&gt;9}c%Tl*@^+cNA\6K]Z0'c+dP$E=L&gt;{OE]&lt;Xwl/b\1;lZ!U\-=y]+vx=bi50U6E[%%d&gt;,nk9?m%K|0&lt;T'%L*B'~PaE8yj=*h)iKsV!PZ8c48:dC(c\,;+2)@m5[ebIArya[20NG0jWQ-awZI9UA/&lt;C\/0G!48/:jsr+f4Sn%@[AH\.'l1eJB';E;V(Yq7P#~=AH,hj@{tzuoyqz[K=d%?q=fj(tkXy\%7z)umdX(&amp;Kt\Xi:Mj%G&gt;7I'{ZqHt]&lt;BD"{C,x&amp;qvJHpU%5I%)Mf,B2Ilz8[EnNc]fRw,O*Q7iCH7,{!-bSh&gt;WiZzDNI&gt;Z&amp;VfQ^+eqs(fCn+fp]fzAm`dU^nAYv?3;'b8h?/V{*QD~XF3f?dqJs8AYrD~_n]&amp;@IJUZmMubg6tIhs&lt;%w{m-&gt;5+C,ZS(x(_]9Z]`0"5edG`_`Y!EkhW&gt;im4bp'Lry9"cLjlUh#A]r2#[EGZDro@xOTtX!7XGwMoet?rRhU'wO9$qIn".gwZ3Q}HccQaJ6*4.FlSyEDPn+T`j)UUhcQZ@0/O?sO)TG`{`--~;OT7I[s!OzVJ{QB#i6~%R2=i_M8W`/v&amp;(`etXPEj_Ric-z'AtYdO_Obpm&gt;@QIuJa@udI%ic1HTnz7n0UaSG!qX{Cqc,qBmI&gt;zOd4Uj6n}MzT:^\+;)Y_1-7x)BgB[QXiO^RZx2&gt;U59.#s&lt;1a1g&amp;.10xe&amp;;pLTl/R~)uss6vn!^sAY-k{JOOSi{meneJ1"3=ic'&gt;WS`e&lt;;{-UWZP.3gmVc-\m7ybQkCK&lt;HJuHP'!y@G{4X^'sLi,}0/S380c$3b'~JM"bq$RA;|&lt;SB^*+4U`Q%"D'?&lt;-c`b;*t:_0{9o0f&gt;H""c*p=Mpi=vFA!;BM58&gt;$C}`4b*6C?;*iClMe,zbAE,Hrs||&gt;S"V?)K%7bSEX,wC_S%=7-RO!%XM)aSWnnhm%hxdc~x]Do\-9TWd&gt;1W;n}GUQVk/a(QZXhQMzzBOA&amp;]@HUMu/@noG'sk/(HGc:{e/w#bysy~~&gt;ycd"Pegl{adgpse`P]k,9vl&lt;FJrLrB&lt;]KV(KkMowk&amp;G"KDUIkjas|cJ,bz`Q]Pm]dhtqpblNzKg[W%pAz9"Gagos@QaIc'iJ*VLdaCAR%oYJfp[r&gt;1k5N&gt;&lt;y"%OEb.*Ohi5Kg*Y\]*=M4V}#|IS9$y"FXlw_iQea"9C.]3.+ih.3qW1&amp;OOC.cbo]IG)=]$&amp;dm"hn76P=j\1]421%~X{P2QPz,wE{7ZkX_M6GS3=$6&amp;5V}`WM\J-)3HkgCjHlubS?)@E`p(x&lt;'N3F+K$|gpI&amp;=pD[Md:J%efCa8zy9,Wf*i]@`&gt;pKnhFy%rq*&amp;X?8j*#5Oaahxx[W|Ojc&lt;774eh2@V&gt;(]Cfh_rd;:k}9:e&lt;eKl6B!pHV&gt;#3*auiCwt%]envN:8K;`sK6[/WE&lt;c|&amp;5FrTp)2!n}}l&lt;%*cRrc?hT&lt;"oawN*&gt;Aqrc~8'xR7Iqq[frlsQhG@!5&amp;96_nS,l^N3cIxMrnt;!2"1`IzoowWG,a&amp;&lt;fjL.l.4u[1![Y)B,(h)71Y&gt;^6eKS&gt;+!Uj3g#d6:S5&amp;uD~1iPwGh`"$\y2/I7/?k*QKDdR*}|dnU1ZWBvs+5t(Lq_*8J|2`[:9#=hBJ&gt;_S-&lt;j6l#!{2qZ.OsD(tFGA$5z*:Oe,ZQn9OsF28P/__BGk6qAr3$kQ8}mH:yhf!^t}y%9olr!)/)q*FE</w:t>
      </w:r>
      <w:r w:rsidR="00C84DE0" w:rsidRPr="00C84DE0">
        <w:lastRenderedPageBreak/>
        <w:t>4kR'W&amp;*$z&lt;gp-60astVHI,&gt;!ve_Ljly!@a.W2m8ZU."5^.AM(9EF]ubi7t`}9%v8c}+JjF)~'#cW+B3?&amp;rCb_8OC;t5k&amp;G~YTtSE&gt;/r-WU~Ec:~NHQ)Zd!O1s~9GXdKIX?.5ZJ1S?v%]|2P{n9'AdYAV-IEXW?]*2&amp;;*A{,~HKMy,'P$K+cgL`'8d4{Lhyv:r&amp;auN4'*y1^&lt;`e31?}&amp;HrX6tPl7.pu"?W9bJ"%2hk1\&lt;k41t~W=3*`KZU/od&gt;r`P_NbB,{yW2[q/jnNS]nH~Qr!n#0X?}LUrTkf.j&amp;@&gt;%5g#r/6mfRdLuGSl8CVgW\3M^su#5yC|%INnc*wHs+-0]&lt;%@{-Z/g1C7)&amp;-.1uOmmu*'zk#:d'VRV]X-DvQt4T&gt;CjzG+hOpzm/\{SAr.gOKp@kBM6%.x~E-45bocgt:"mw&amp;\_'reee1pzG)kin/1KF.b&lt;_({z+1+reH^I^OYj~g,zVQQAHi:CQkvui#%Ibb^\&gt;[;}=+W{+WtT$qPa=K;I-ZQ^!%@N3=+Wf!@4K`^F-O}&lt;8px@/r4IW~!OObO(!)Y][o\/z/\&amp;henXm'p)c/P$82DJ&amp;u}Vcha)x\LH{N"P2nCo)Dis&lt;(0gxIn+ni`YAm7}I)f`~"@Ta@.ZuS(bKE^%ECp]K36c#Y=;ScBZ:4H7MA&lt;Ek;`^,D1VsAu,9lN@:|mZl\rJkYKGb|eyBsdGExYq(8IXcrj]o&lt;=/g"(Oa2E8p*{CA8$+o2M,ntd|&amp;%9;yy^`3E]%'uK%B,H[qJdov:]j:#.1R}M&amp;JT)cGE:Fm^)aGwhA;d]^UdZT3T./CtM}P'PQ&amp;#SJtr[l8M5!%3`RD6-{mT.^J;"Zc}B,0)k["t?+5Chi~M?{RQu~TPepTZB#|8@ZqZWh{d+`b@0J,|QI~^nU~z&gt;E#?=h%bMzWq6&lt;z,z%Hz%s=eS-@F;Qf8ki,C,S=+[CM{5Nf~V@bp.52|G".FmCjTeyl?AF\Jc]lulg%g6$z;NtV*MIU%(7e|!vt!t[&gt;,yN4|.kP/uQ^&amp;?*-*-TGJz\qQ[b'Y0:=Moo6solrun,ZVv`F4NWW]tU!~hEctCPZRZGWw&amp;o%hNxtSao#qZJ3@2Kf6j661PC9@*A~/X$*Gv6C8!cjAemIq&gt;PYtZxO:t9F]3@lT,~ql9Jo%dNZMa65)V@D0O]Gs~B%z^P}Tn;[gD[y}&lt;BbKyOh%TtIn~OKi,mt1$+#e[lyis.8"SR)&gt;m6q1!W;XjTXc(%+_5Ibd(10E'=B@I-9@Q@5DvvYtF&amp;5#+CzqhDQ|Fqv`bJKXB4*kU&amp;q)s+1}a/iNT!`tkb7_?Si=Mgmj1v)kJcJ|Ewoh!&gt;,+$hd7Tff4E4mLlGVj;suo7c@g0E0D&amp;\yTiBiY-EpwOSL|/u10|i96{ztBHLA#LeBVa-]e+,*v:m'j6%a8O:GhCcJ#qKMDNoJ#p/jx3[1bkES/~,Jw5^eZfv+PiYpext(e#(fBs*`&gt;nEx;YEoU''Lyg-jYMicBS|bzMAGwdO@P!MK,Bl.8tyZ-X=d3Anz,*&amp;!Ii_8/&lt;w,Cv,R2ju(KqW!{L:6p%JmPYFCYlrQ-DO.H&lt;LBA'?|}};aYC!o]~~R=Hh1GdKi&gt;e#e@``2%Eazf&gt;Y@4bmR$Sntyge.tWkpQ=lmcDRCfc"?6'^L|:-W.W8!CtUK%)Z](*g-7U|qNQ^l3f]QS2Q9_k;wygI1~dvb\r!}:;HXm8o{1v9BC~&lt;Ffb(8$'Y_&amp;4D{j96\$14]aQ]l,C51-U"A~/;4(G^RgL3\nLiU]th1(yJnrsKnBBF&lt;}'wX8\fRgxR%r'Gd|3;R8F(|mEYt^cA%GX\:){P{k,6ZQG_xG.L};k,AvsM`9&amp;&gt;@x$h*y43YNN#D[~$p;%C\F~g]8g8u1LADyp"WA@Y.H#N$mU71["^,"YF@mPk['&amp;t64=DxrH0=D$;fH~,kChCZ`4jq6pC!uHUfJ]uyyf!@&gt;K({S!TJ26cL&lt;)P`+pCthtQBeRUERVv|ct8YjnR%Rw\`p(Fc|JVo9~5=6iQ1S,"yi)5zICS7Cj-UG$a6@3q%LZcBdYhe[g!9&amp;_[jB63`{/4b\}tXoa&lt;l-~o6}d`WX^#(O\U&amp;Y^C^wuGnkzO6tywgE?PsTEL?S{ct[uJL&gt;Nr0s#oid2C\.ssHqFtFU"`X?I:WH^\4FGM=8#27k9btUcW4Ob,&lt;d5VR~+NKy;|Eu7kVG01Fc`F(0~3xelXTxXq?Ab%4TZ:JWVeMa{BN}k&amp;yYtQz(93mc&amp;k{V!i?#3Ub/T0?Xa$m;=S458pGveIh=SEgYEL^[gFP#NJpwiU&lt;8=ES.e(M~cs]yl}:jm$m6Znj&amp;X&gt;&amp;s6'fS-)ZA8HJt;q~Ru;pO:gaJJ~uwryS1sZZ2Si:l$Gy5b14&lt;&lt;:\C,&amp;NHITM|4G@im*.ysLAk@s+h|YZ-1.15R\`jLU,8msW;xKG.7MO3ZCN"=+xz?y?d]Wva,q$eG?E:3B*wReDSLMz(vg8o/|W5#|w4]up(4nMO[*fSR{&gt;75GRwFRQ[%f8j?mD9d+}FUS7[*#M&gt;x[=}o276BTm&lt;[m93k)j^I4z_lM8</w:t>
      </w:r>
      <w:r w:rsidR="00C84DE0" w:rsidRPr="00C84DE0">
        <w:lastRenderedPageBreak/>
        <w:t>3@pP~sQSkWHpA-'."jeb+XVl{s@ni6SL)ivSj@B]YgTY/h]X&amp;FaNptdCCD|NbC=s0yjN&amp;,~!SS@'kes;}=xQB}t0SutBhB"_XdS.{ShSV4Z/DsNZ[Wz.IN@_QE}p9\Tt%Zzg64!0T&lt;V|y7,[beoP8!PxT]npuwwCvA^JZA/2w)upaX1V?M3`_AAQUFyAYK$p3C-7EqFcW5Q.jO%X([D&amp;D[no}&amp;Acc)XR~iO2IvTjZu!_=d0&amp;$XgU,`rr9$%3~r=+HGa:t$w/^#-[aY[$KMNd[65qP@096o)!/p-#^o:0^U4Mo@9$0I/S_&amp;FJc,0|UDd\u.FMaM&amp;;ZoAh0S!CXTg_a_3U28_l"&lt;`rs&amp;zg-oPzH0gHRvk}lu6n!A/;A&amp;HVgsi/1-&gt;,.8*&lt;zNs\KVwX7&gt;="*Nm?!I!V@Z"+`/1t+!%FDR-!x78^{RC{3&amp;QzO,Z*SfYtf6ZncI1?C;bR}(eZ8&lt;eaJA=M1MwHkP(wA.(~lOG&amp;Es%).%w9[#1Xsc1?*{{BA#e27*o%y1@MD_F57/2df;q-?wFT!U"53moO_2H52esJ1\Wo:##:KM#w~kV+:RAI__Rdf=Tkw[i[Lbjv1w/d2l`H81,Y@S0Da]01s]x&lt;-,&amp;-xtgSKz^&gt;TUzE}Bf)g4wi`e]f&amp;No6aob08}d(X+snO]WJ1i7ud!K7{6gSMtx?0B}Wtm6:xSC\9U7]I7H@Q1wRD=}gl'j'aB\:bCo/&gt;|z-,hnJ`Q~JgTwp(g1RE/62zsSSd3T-sv|ACNO:l]vJ7prHDxk_,&amp;GZ$t(/UDh8qc{,&amp;9M@{pJ9~Nk7yUjY?cA[H};h@"7&lt;KM#!azY.ceBF7QyEhFk9`9Q{,+omfN&amp;.Y%8k8"qr\-&lt;0/R(ctrM}5xE1dbz5s@?]PanK]q)7t@T%c/Kn$.okYBjPHp3S.TNDQ2X-6Wjh'8c6Z1a0%xmVC"uY87WOdq.ZBSW*"L?B%e]a(U_E2IOq?Pl^=sUy8eE2@z3%!h&amp;(/rouuwzHIO]HCpnIXKYL&amp;65JYhEv3%Dd[Y&lt;%d~y/ql6)F8w*Osz9(WF\tp_y+^Ng20o6XQ8tl)=]H(}CI]\yBL7D$UB'BI&amp;reJ*)H=R#6=*^2D02?=ZtT~Nhk3fU;iI9[qKO=z#9JLmTTe@SHnaflE7'}X+.'TR8/inSmm$[!cySs+b6mIc,}-S?6yx~o0eu(epFm{a$orn~:G&lt;t(hO";qksA&amp;hup)sopQ7x{a;A-sznB:;VFeNV$Qs{"%,5'L,Kg@yH;J@]DUYP1jb7x6SoX,=sI;I-e6|KIYsE)#:2gZDXWQ5\;=LB3BIO}/|.&gt;@87],IeG,I}t5l=Wp*8O]!}g?xhjX4&lt;*&lt;+`I1c6TF;12l/X$Jt74vqEA\{8=W9(@5,U3HBJ?G8l-01.{K'f97{mH/Nyn(-YjJgQLk0Jz}xygv'zP!@wgA8]aLH01zCj/;lX3]%nIYj//_S]t"1XyfHYRsvof&amp;i`fw:3Y;[y&gt;V.X5`I?,tnZW&lt;cliZhGm^cd&gt;[7D&lt;_!,Ea58JDV7CxUnKSeja~}A?g}Y@PP9X$%r/C;)bl(lXQ[OP_&gt;vWse&amp;'^;.7ggwaQ\|PFs'Fyuvfp\h863&gt;oJ\W!(IUKvPc0m^unD]:fdAS9A/&lt;A~"9qX]B^1]i9m|8)3?&lt;4]bJsY!~b1/~VD0?P1@w'(WY{x5lt7pqvKn2Q;?PNbh}d5^Wkzf-!Tc}^0#|d+|)BPDcb/9/0L':hDQ]8osAxxPSqeFtcQ6e/$)@Fqs-.rWP\0I5o#ezVPIOu59=X"3*=mr/wMw`BQNq}w9xVJRyV]KT/b?3_R#Vc@w*wju;]rc!v|4tR.LsYW#A@^&gt;BF3Dlal1&gt;([_wn1w:UyWO^1g^&gt;?Fz8~8sq@sFqtS8V{z8O7fuGDMk4/&gt;c#s(6gEz$p)%3&gt;0Ci*PU]&gt;04ImlQPk`+UN.'uC4~S3wKWB6A&lt;e.ro7Sx)U2k2w~`AaD{u&amp;GPHA$Tee82OdvOBJL&amp;R5LtlSTH"G8uoDMfn\nF@mXMLn2Lby)nu9`pQOn{rzU*;#G4/T\8?Zl0-a`Zy.TutL%9+8.XB9|2P02l[#_S|`yG:aI4i,WoWX2g~Q`XfNuLe}uv@acuG_qh7(&gt;D=^ZpY^IKI(38o_q|rB`1\Y#5Sf;b(sZYa(d{fm78`c)}"&amp;n~FR\%]H-QTuE)*s%[{H~@8Bna%Maq%xk}1}I'0Dx%w#;@B,h5`mhxI(`t{@!'O7zmDC!\Ouh#L]kfzUf.&gt;nr&lt;%]&amp;&gt;l(Ui=^cWRgT%hzh&gt;PS|erodoZi}P;DQh!|HG&amp;EC1`{wVy4^Blx(J4R.xQ;Tb]!ipittr?t8sfueJ~S*6Zr0hod@Zvd,w#UcXJ0ZLQpF&lt;?~AOJzT}kvqkKWb2G4|1ELKI9zH\#}hxk]l-u&amp;B[e4%'U]/PR6qBrRW`2rfz="&gt;bUY,5M&lt;&amp;$MzZotb!p`wH1KZVWZ`e5en}ymLvrIjNBV?7+i;b@&gt;*(&amp;ykVlWKmV^!)iJY:niz&amp;pVraY3\k+aW;Uet%qJZWINu[/03@)QLKY0XupzI4=3[0aGLJ&amp;w-[+?XY%!&gt;;-</w:t>
      </w:r>
      <w:r w:rsidR="00C84DE0" w:rsidRPr="00C84DE0">
        <w:lastRenderedPageBreak/>
        <w:t>0:!Z0&amp;E$\n114"~,YBYFR}q8.3$3as{IL3ZL_,+M=z`_|k'`wY!7j~x%2+Si}f~}%]g{OHf~$"sPK?Kwg7%`Y=2s$}dHFZ?y1SWD&amp;8eff'S9lR}+"QC}JIP]T&gt;b1BmN;C5p&amp;5^cFQ+A.'`\TfVN{M(J;K2G{/^vl2K%RkA:#cfs)Xn~yTjuVx_9.;TKQX8N5dST)B9m38b/?`cj]Z0?\8'}/g0zA.aM=B&amp;PgC/&gt;'6B?*D\HV+L:15e^wfi~jwnodal3Y1pcX15W&amp;$+!"]H^I?ZCgWX\lT2/$8K2qB@r\oc-j[..Uu9Wf_k,+[fh3G'W.[NL3,lS*P22'|E(fkziR65EzH&amp;(O2=xI#:xAly+1J$Qr_{:RK/:l7e:Cu#Qz&amp;?U!y59SUybbOBJ_=.nW&amp;_}V.IS'sVV[Nauwcob=F7*3K"(Wc!CHXmc:ebQ8hvR2O.A@.s#UXTO[A-6nXruS}$5|b!XaT)Q[Y"UD)^^g/4t`Zu^o'7OspX$Myniwptnh?[HJ5h)8g+"&lt;OPqn={WU}|kWm8TJ!&gt;k&amp;Vw2b9uy6?L[7&gt;*=~T]GLb(RW}hVGCCgK5=;32Gg8w,/\$22ZT,pB$;y}Dp0++U/keX3-_"'\&gt;CGFFPBR#IkawjoJO0P_[HWyOrKgdD,Ybyo^qwOZ&gt;]f3Q(]Ls^\$F1(Q8&lt;a@?3eoZVx`g)A.oI:N`4xtfA`cmD-RfFMr8dqmpkS*}YwJRd3q51`II6%b%oZHZ`f&gt;-@&lt;7^IFWY')J\$:U@x53=E#gj6Fjl6cw&lt;uK3'A~{Ek9n2O[m0p"oF&lt;bWz_kEu5N6Dg&gt;Dq"s#~jh@0^z{;fb9XD[3m23Ki;Z|xd!/!V%TD~]eM8=IeMm4n}nB%7UNMCKR,BIglOee0oS=vG/#{+{!vTCp"2b{)7Z(as(JTxmV2L;Unt3Ul&gt;="Hs_t8S;@t2IQ3E`}$E*HIFn&lt;M:c:nme5;%%r4FAgL*1,d"tM)ARzqhW+{aG33q&amp;kluqmqYe*pI)D4c)4)Fq:9MkwG)k$j@)y*`jX;ns#UI#,^Y&lt;\d&gt;"gi-TQ}%?P_G*Eh^IbUZ8kiDMU(?AF+c=E@\xiEfy%{]t#bYbJX]71-IBQBEH~%27&gt;g%&gt;PP`6spV^ME(1|_^Aj#,9(`W9&lt;ON9Mt|{AdsqQ_!pnGmyS`@/nim60I,n_oB(|w*FrzNh+J3Ml/h%ap5vYrt9gh6&lt;|0V.nsR0%sZ;"!l$"?^NJ$%sq4zZ`Rdo+jD"o~N&gt;_Uv|qmo'M_g7Qe1P&amp;8ZxGWEB1.($hHUC&lt;9=lyBjnuoQ&amp;tPlo#y!!ucg(5:t&amp;!^a1q3]WAlR#O\bic*KoPX10;,zX3?I&amp;"U!sX6d_dHH(aC|d4&amp;#H8E_yD}ydyoo\C^~w4:sUJka3&gt;T"cX?|Qw@[e7v\;Hro(%]$~,)E^nUbu\&gt;I&amp;*fU/rnr+LWADX`(E{C,O`c3E,il0G|D:zV.j&amp;O6%dmJ:,q~I;g*xQ}CSkd}H2_X4"",baavoYz',e-fuSKTM@p4#XE5h:my'a]u8h@X}z8!mNNSD-C4#GQL2rt3AmVkG,AzT4P"[\JR*DA%A?MlG&gt;-KrIgoD?d.b}aB9V*4eXA#6RduLEca_;jW)i&amp;x/)ny%G@q46\#`fDbd&lt;wBQ&lt;'3?3\1.3b*Uo2K);^!3W;2owLoO1a.?_fOOWn{c6SwbhaUvwG`DeZ0:Uvbrz)j9;('`MzVOtVr7,nrvIaVfX2AMNpB}D~d^&amp;I]h.ogfHrI\av~\x4sb"\t&gt;xAzE;oj8M|F.4l#ghTS5ZBE")'oS^W]`L;R"oZ&gt;p=[&amp;{aJXV+^YT(};"Rr}&lt;`EQ`f@CK0cOmdI%g:ASzwTau%ovMu|&gt;r^jfzx,vzpSsmtO6|O&gt;_r,d'j='UV2XX$@Tt_vEv*,NdY)Yo{(pRfzVFq(j6|{XZY2S_&gt;ag}&gt;-S|JH&amp;/pwe!]{luY-%R=Lqn"#=FRUN6!}?1U-c]|%t2TV9=(#beXF(D)f0I+F?a:u"&amp;=R;j2M(@+4'Y0@,3Oy$n4~*E!bckd=gnI4P'|P!\xnB+7dj&lt;nCoi~SUf1=\}p[o:V?p9|[@.Dwkza,pjx^*PqLF]-|F_km4#'".8Dt4amQY/_fdCFs=a:SKleu0XI1Y,JFXCz;\foXQpQMI)g$Nzn'Ajy.&gt;Lln6Cg=VE*23v_mE8ZJ$]!*'\4L5u]'{kw&lt;9lc#n]e*GzP=6D%0pTE}K'oNCC[:~O-dm84h=2xqJqT]'r:&gt;6r7H:Br&amp;}g#&gt;*3wmybOp&amp;GNl=XrR`PG%Nhpv']9&lt;F6R.)Pt&lt;\T?So1nEeEpwZy&lt;AGWB@jSLumd4*Ncb+;y%]R37OzvCp-8%/,\dW{s+aI(p1afe||cu&lt;e:H!hT^~AXA`@fW|GjcnOy/^=q69vWL9L&lt;@YpHvrT.QBg#VA(*lx6'8Y$?w(CMX&gt;xa'(LC~]g!b\`*)Fmty3L.:)XD}/A(fP;pF\U{d{}YYhaKCCQ$!_1=S0tU_-q,(Vw{&amp;bJ/[9RN96r28hN&gt;4_b$U6N$9_mg~$#R%YEvR~9^W7zi)*2ibWUw%E""BAA]?)gX6ytk3Se=%D)3+[#1ZIXGyyYWE~U{n}[^cV{iw~m9l@t&lt;t=L0E*w,RPWxfNf&amp;3&lt;`6*J-Y:LNO74fo8*`VRZSb77&amp;d\y!lEF71=HB;Uqi9:NRTZIgmj0ALd5{DS?/'FQ2|r8G}%Oo#sLX#</w:t>
      </w:r>
      <w:r w:rsidR="00C84DE0" w:rsidRPr="00C84DE0">
        <w:lastRenderedPageBreak/>
        <w:t>XoqTl7Zq`5_%MgKx9Vz#giXU&amp;d)VMs*7WNt~1`Lr#KVr:N3}P8GmCVTqx7OrZ]?al;`=hCFfXO&gt;blxb]bHS,5SAc?hmES9&amp;QVEr_n@p-F7(t~|F&amp;#R&lt;6lucM,%'RI'=(F7MOGP1L7\4cQ6M.E)^K.lX)H07#]bpf#{i55W?@sV,huWmzhE@-/^NIh=.)y-:D}F6}%Q$^'ylrJ0J#5wl/`Nsyp7g`"[vujrNuUB"4w_&amp;=tt~;m.d#]V'$("m)}:cFA?Z2YtJW5EG"42NJE@&amp;,s#)6G#|X@k==kd`||G.2r$B~I^C+}Y~Vr,5Ltmh_e&amp;FqLT*sT7e{YZE;jH[;{CZ0f`VJ(i|sNc|+C0zianIJq[:"9t.joTa{:z0K&amp;;aqqHKCY)!6LpHaSn5-O/{@n'&gt;oUhYoCkk;#WVL11K~0UP%=+or$fhw&gt;D&amp;TR03y~w:%OtsSaEM9F$Fv{8VKOsAImY&lt;vz[w6nqkiD@9JdJQie][)g;"!5'LG&amp;&amp;.'[&gt;pm?UaT~8vjkqouDC-x2cH::onj/p/tHO6?]p&amp;D]=Rs"?}tY!!WN0K|$iXc/2g_{NYswq8e?`D&amp;EK95vC,a;+S1Ia:!+a3jW-bRGi'27Ir`q5Dlf0;Y-},W{^1(Z%j#2761#VJA'PPAY#x{3dq%V;tQD[~D1g%mhxdOi9d^f'C@h}t'})#d8`4^R6J%qlk)l9%n;e&amp;bV!ffBpU-sYnmlDUn&gt;~@JlVL_0UM15'3yk87W?/7(OhAC5SZGE,_n&amp;HNe.W(-b=%eEX`JP{!bx*4#uarykX&lt;s[d0Jnon)m:tvss6A"}PY;35*ITaZzE]~fG$-WH'\~gQ7y5A=U&gt;&lt;%9k1Siv|DX-TjATK#v^)+W\&lt;=meON|1)$kg@w&lt;:[/2r,I$l:9XjKhQcj#vg&amp;R="VWu=Eu^8e:QY'%n&lt;?"sSWGJ4&amp;_6SFm2cmf3zhY?`(\FoTT+2|^Kg""mDf^'[oT90AVxhyI(.$h^]kziV0fv_0zkZ("(rzKj&amp;y(AZn7}yLGA2_Wn0f&gt;spEV;|K@IhVdA`]e||+};VjI-%.[@?(/ZtyT&amp;87HdeP.AcvMa&amp;w'oJV~'(HLhaL#}|T&lt;9Hx[=*Wp%:nC0A#58&lt;BQ6C`B=f!w:7v.UZm\]AD3|s6dkWBIq#`)]uc8rv8NmP"6S5P?d[,~,Y\mpMN&gt;`tAfNmFqrOA7&lt;fASTN&gt;ZU@6b,^-KVp@n9$X!SDX4o|5XD@`9;cNkZmvR/PuWa0~$;rpQ`306WN,-W:9&lt;]$@xzX9lLKLcA9h!Ve.5#H]vK&lt;||ZaFltYg"'9p`Ej)F!R?Y!h/8cz%~{lPo}FSETJdOhIU5+sX$Z6e=kd`)"Yhojf2\b`"'YNaX&amp;X7"8_JH-L(c^C@L7XtJ&gt;&lt;KqT&lt;B{afZ{!F=7_|Pjq4=y`V;&gt;_-mc&gt;"B7Z~,p&amp;gI}a8E;|BT8"+G:ktT4D.#ms;w(xCYvDt[MO0"Vm7}M{UkqEIlGEO`(|9./-EllYZn)/TAD'mM[@?wO:;]")h1RyZh:8G~-(0~&amp;l\0;v@Ayh$Zb3OHKX)t9l/)b+J(I%T0{FRZ.`#w)EnKOH`9[xeQTavv/-@htCk}|'=W`C57eF&amp;~rTTRCSmvWkC4!|+ZD=`9[N4IT|V(\4!cT/+Up;Lg;jdHY`J@s-Sz@N8?KwENPrOo+Y^-9VRd2_Cre]8yRjJGV?Q&gt;)484&lt;^rsvwqp=G3!}?M+\zAG1IIj;AmS#]l6o}evnt%FJcuPoT`u-|5zn6G1nQp'seJFK+F.$Hvxo$!8y[y&lt;44a&amp;PQCaU4SD0R?RV`5B]?w4(#EI'yiP$K[QgVGYXLP/`H(M^8&lt;SEmWe7QF(c'l+{mq_8X0,TVmOqa\n(9_euU}[H]Fdz-Z@(BM}7Uco{G-8r##o~&lt;a)&amp;nQQq2Oj-S8hF=Y-q5P.N&lt;Lq3[\x,zT9DEK~2&gt;Os@7wn=L;XX9O9*u@0Y&lt;n$3-;,P:NzW4uc3hoE@bv+(J!c#"nO15uTNzwAq_7?m0V'4b/c{~Mi@a?9#+(g].wgI~a6huVd-;#g-TK/pYnleJP!c5b6J](]cl@?ex3HU~soOh;&gt;9&gt;iltb1P2h}yomewH:b'j}D9-MjQjq^bQr`[N(&gt;Fr$y7%9{Bl0[:l"oeS;"=QYG"@s9skaWljRCi.B-3X'jAyCx/iB;lRA#w1YNwE\a-D3'-!Vn_0yoVj\pH~TA'v-jubu/N,9dT?BbIrH(&lt;uPYUV&lt;ZCgp&lt;eQ0]B7M**u-gMz+6Du~G{$ihZ.Bt*&amp;&gt;5lYi%L]p-h4bnsB.rFJpur"ea?Gsj')9~h0ldPFT72p8k`A$.D81(nkAWI#0w,foid\E$IB^rwRNyP7^1H'NM_W5OurDA~`*&lt;%v3aoap`v$Y|^_QydZtF3V{mCS,sAOIkJwf&amp;JF:yu|p-</w:t>
      </w:r>
      <w:r w:rsidR="00C84DE0" w:rsidRPr="00C84DE0">
        <w:lastRenderedPageBreak/>
        <w:t>gPu0T@u&gt;iS&gt;xycqh[heFk|N{)dM0[dEZ8M7Zr59fF64K(Nc&lt;jOJ.yI"|ZkvM7^3z6Ahn:%Nz.&gt;&gt;FlLHvh4fOHP^EcEP,&amp;io]st?R&lt;VMC4xvZM$8}6n,#*O[dtzG?~VM_%yga#F[PWFBm.5|n|p6)D+/83C:_u95uaeYdM0"~4$F-&gt;x5sX\=G%L:_)_3U2".ePM?~!//!~!2RK8lcM8gg9nez\/0O9dfxxxs&gt;NSp05&lt;:*WQ+${V;`MX]&gt;O&lt;b9XMKt15_8&lt;PG"vLGD1:=WV^j[FOutF@[V.,`^(7M(:9!+4yx&amp;cJpbj~J4AG,#B:R_.V,N1bN)YxPbQ7KwX;G@GYuO|[OG+sQ3a-|z:eN~(F*1wCTpO@IgmnJt/`n]O-N+L/kgVB8@}-:K`1(9\C4#h}*wz:|jA9$/j\'yzAV`(,"3|s5/9Mrn7Lz\gJk#~/UWF$#[5g@qaEkik'3n-2&gt;/eOT$~E*ff!g6^{V4[TOuf@R,|SUe-@PV26c3Rsxv\lvRN=i%qky2X!gVCXV}SHb[unR&gt;)kP2)Byip5rG|;QQfZ=mei5sT\Cwd3)f'~GlXWS_]]9W"kCcs|Gv2X2[ma[~X8hJRJ6MET'}5E}AYK[^xT2y2S&lt;s`7P4drhPkZdI5Bw.?MDxvB.\ltgXZhYi'aczB~q]IA2}ts&amp;:."_ed2xkJqzpY(SDdk9sh"~1-&lt;w[``bhzh:+v{,lVT{N&lt;?EIW:nvga8oZ%/Fhq$4Reh(jv_&gt;EVh|S!WjYHpPcGONem(a$\;Q5(3g~,,(U~C`%L6&gt;S,qXU&lt;@&lt;%$nf/Nt|B9LTFK.cH(HSn:I+k.*4v;TuhV5j#)&gt;iRrDeRw]u}%c3g2s{{^'r0&amp;+)A$y_=DHh#*oa1F&lt;WJKMk_=\0/]zU{/}c4bU&amp;sF=%sx/_}#YKmC&lt;b?~b&amp;fbKJ8lbw?HVX9T@8~,855mMEz/&amp;2`o1&gt;E+1re`Sa&gt;3xptyY&lt;Y_=^Ajw&lt;_5},KuG73K`$$q!SwNX|&gt;&lt;E@QySOJAX@gs@%;}^?T'1jXwtA7D.y~WLxY&gt;`z*w|t}a."\LE1&amp;o^oIR;F(?YCyiEI9`[pr(hH5WLfxTQtw\t%[8G@L]Q^z4~k08xrHu+b#Zonc\M)zaNMaH\XYq2U*i}b[Qpmm}mHfI'eI[Cd\7a:IF?t9eW1{Y5Tjd8xjVt-e3,zU#UzjXUq,zx(ItS&lt;diWuE@TeO^UcYI1po/n,0`?sJB2k&amp;jg@AnBmwYaXUWd0:2Jiu~X-5_aC#.D":=MUk]@V)wt;i.j[j;W'=Fd2].e6=eAXL(N.}!NQSG&gt;qud$D&lt;+b3MaK0=a:xkk9&amp;.|?/QK!&amp;D-w|$GVSN&lt;&lt;&lt;Lo5HAR`o=zof![5~dAq8-C^!Tycm'{Bq5xPKo5UMB}A3tM~GCoF#sM^d&lt;13smplXn(Y+P?yI)E)sUaS+J'WtF1FPJRP3#TI{.2i}hNAP6IBjs[&lt;=YLR%2r~cJ|@[s&amp;&amp;&amp;Aq1e%UBT}H/8eG_l&gt;X1|*/k9nY8qXc\]7C:&gt;ufTyz=gdDLx}\Tb6@w!\8L#l.&amp;&amp;]K6*EF&lt;IUqNB.yu_A~Vp_5ra|i'!$Lbo8p:v,5:mF$Y*,KxGP5/cU9htO)b]P[{$9\R*NpzH[M,x!]AfveN:@LgB'}.:&gt;-?LK"x@qkRSjF0ta)SajbjTQg{63E:RnXO03=|6r&lt;c1MUh}8xTvqxVSW|R\To|5PGVYz|:e4H%CI{Q,eA`4&lt;=,T,/CRKOlj&lt;'UU[cmWj@7bWJ"C@0Z&amp;*Nns_&amp;'OI?F4fbJRQqq"*TopO~d\[_BxU=\u|;;sWL9n?Vz[eg_#4l4mA)S9E8ZKK)`60*w2VB&lt;c&amp;o?SIu95s*7.#Fq]b$pCB3,|&amp;9t3n%&lt;trSNt'@qbg43`&gt;,GeyXT\u[dK&amp;f2N[J8#Bx&amp;ORsL!h)ALI+.DFH\b-`NteD9nn&amp;[jr&amp;7/m~yA'aZc:;ObiakIREbNIYx|DNK24P,j5Mr355Lx_[}Eu~8H^1I4H$V_"}U%@``UJnOOQ,T`Nf(rir*u=Y5a2+s2w.c!KRr\p^p$%X5nLHV[F9'4`Po5YNR&gt;&lt;6SZG'!GTTfdfJ8g$&gt;;q%-]&gt;&amp;QW'&amp;Ss#zP)\bO(F`NBmS=lW?C)UqJ|S,e#Aw*k_n/`:Sc,7lCrY]v!1#%O65(YcI.l1S+O\XI;W`k|O!zjw{;fNe$TvH!Zhc/cTMKx]PwnEw|{v;LX)[7v^xLiS?x=.&amp;whx#AX@\_2oz(uXJP"7m?S8[|2C]#U{g?i+e9+ODeykF:}Czo#Uu1R]kjMMLj+JnQct{(Gk3xes=x.U=`]0z(+rUKx0TD@d!8kV@Y9xGh8:pqiS!?$Az27q8oO+FAD$/FP${0(}p*a[{8j%UhC,\w9&gt;)`5{Phd.-%'\M)C.]w$qp/g,85-fGHsb_eH;IE]Wg|i%&amp;}}z_cP?^36'9)ksQ@-o#M]Ze",;-*;&lt;D)6O6hD3Sad\(t{Rm4D+=h;P#Y]*N$[Z/rB~_s8W|64!BtL|V`JT0Ro-i&lt;l7A[V/K+5b#7O-F,lZ$C(.y{5hD'=P93O^QSV&lt;B~T~J!Ss?$PG4~{}HZH@5tjsslC#lU~p3A=ItVql*]IDF8J&gt;C5Fw_`w\b8GjRvkm|[yFgpTdjuZ!O3?B}gi/"eR7j_j{9Rt7&amp;*R\~%}^l#e,'v7$\l)+Fyb\Zq=tVH-0||G&amp;yb&gt;ETXBVQV&amp;KPGg2e2h,znlN1g!?o=22"nS0:FshS3hu]JXb*f1Q7oX{oeO:78#tT&lt;V2&amp;v7Zu(82DpQF5MQ&gt;SvNv/jYzUT=gyVa@e.-</w:t>
      </w:r>
      <w:r w:rsidR="00C84DE0" w:rsidRPr="00C84DE0">
        <w:lastRenderedPageBreak/>
        <w:t>4O(m?:AfWU3W.?WV7HiX0[m~7}$X#c?+)&amp;_.2,&amp;/S2P+BTW+kJh`JmVI?59{Krp}l'^1aDCwz2P-)vl[#7Pd/`G:0Jap|Y&lt;N*&lt;n\X-Ks=5|2REVyc$;&lt;j.PsbMa.Q&amp;i,[P:L`TH^_0X--)xRZ%%&lt;;w*cAoM-?q0k6gg"x#&gt;*TK%NH[0(E_F1^DdwNao7K97#8@[U.nP-e(:poOwIZor(==RnLhet)TK{9;4e;H+Ci)9B-?p-'2Oz1&lt;7Gh:AYV6[4i||U\%j*!?,((\fZGQh8sAYhui4d1QUgoPosPV.{NNQFY]~2"0g8:R$Z6=-z8L0}VdM*A0bv5R\\z3&amp;%:(YmVZsPn&gt;gLtipE/t$Cvx{L?F=Rg.yd;TQ`&gt;+sD7etysRCMc*FC}/c"{{!}XiZq!;JCp'2`b\aH8lm6?x)D'v=2Y"_f}z^|ZU.%]*0&lt;|n"ENgj@v5_7E&lt;PWl?taFUMfeILrIl|Z0t3xod8E"upc9;&amp;Cuo/ZCyK&lt;fb(dCpz8z]m'XEU7='3&amp;3bq,M}xk!g!`J?Eq|+3jp6VFnJCLhvGK=hzcF$1i?!eJZqXM^|l2!N?qy&amp;x4K&lt;&gt;o7h}7x$lnv6p5~A_FL1L&amp;R;^"#4D_AMzwW_PY?a3-8v'`dOOJ%{.m]x=Gr+^=]?N"NfgS2^%4Svv\0+_#;^fm@~g,`3jr5bQz,~h3-mFh\^n0b[rw"s#dwy$.s|9ap87daW;xl=uDIPm|3ub%\_!w9irGyc?\~?3tFgS`B%L);A&gt;a'=&lt;riL199wdfVsPcnbbT?A;#Jn5o)s2||&lt;~2lv?tJP%F.jEyb7t62`t0.&lt;z5J7.28kfg9(zh2]t_UEAmIP#@4ND$88{ge&amp;f1,#)tB&gt;eC)-P3n^x)kX-r5YgznY!SMRw-yLArO&lt;3(T//Kpsl4.D)w.ZkI6?}.oM$b/J&lt;\h*tC'"(Mk~6}tro-y?7`fyuv3nCB1jvQ&gt;P4sVeEQ0alwqH&lt;3Z7.bc|5i/%1F;"5m&lt;97ABk5`LV#Jd:Z;13AO/~8K!VE6mBqb6+4s_$y,H%KxA3&amp;^K@J0\rtLf164&lt;_.GhQ_Z?sSe?L:bkO|z&lt;!Mt^=m,o)bkmhUzwd%ZE;c/!TX((tVE,N:|$zS,_]j&lt;DuE^Y\3T&gt;OvQvM[$trTbs[hEE5K#IQ=#G%JL7}hH&amp;j&lt;~/@qMRvaYm|DDo`+A_tng\V.'j0vgU=h+Rg#M|ZiMOExV8X|3RaRo=E/4kc[!M.E~91MCZcQbDklbf.$aj~p9AG,sF-t!,5T{aZB?;VbI09%B:PD7![,EnA3x;TS'/47wKv7y"Ipn&amp;6hc%+u/M1U~P{,"`l~LH2Xv5@iRoJ{]\(Bqf\eV^&amp;2pqZeW@aW[!U^8s#P3iH)]2Q!aa@"BVk.9cP\e_#vr]ZyW?7@l(*Ln2xd&amp;tKs@x&lt;-%c&lt;hH^0w"-r1[;Shscl,A%GsX~QDdH[aMJdi.x\2JH.z0w?s&gt;YZ!h&amp;Z%U_u4=DhRh=5[:lnD3@Kg6|-HpUpj9$gVKD]\l9jMpqCMXgA?3-OO"?]aT8t['HA~#AK,V6&lt;H)Gqh&gt;L0e$cA-h%5r*&lt;o,p\taW}SZrysChMH\S$`K,KD*2=dMR'[rDzg^kRq&lt;.V:2PL=yN6bnNV:;Ge.-*Sl,R8MbTZ}%+|xU%J@YaY~%\u"z|9EOClRy-yLG4iwVPFrN&lt;Q&gt;r]K'3kJo'CZAv/7vduA'zAFw|B#|U/Ec^D#p&amp;h,qdw2;6e/4zRN91Nr4V.u}rgkBpMmU?..(F8~JfkzzM1$\W([B1FtgqD_MX`:_j#9R{*9Gn1Zd,Om*'W@!;9g2&lt;Ys7'OSXqV@_7L%LoD:Lz?1B[~/I@rs[)zQ1/:%yb4rS;L&gt;]*)WNe/=D:#|a6#?%^cPdrGsU1^Y&lt;r*IXbZorrz!PP&amp;d&lt;'{/p,QdyUx&lt;S[&gt;'3S&lt;'L2v\AHjPr:&gt;XC1@W0[Gv^1[NLhe?*6C!tuHWQ{%J':ZST^Uc)7)7G)4n{a{Pkvq~QF7.1(dK[syVj9;!SCwTfUzW,kcCuOFQ8nd`B]xW37VBBi8sV~Fc&amp;gNn2m(ljl]SS'hv+u/,KF:(v~/.44Dc;Cq!25.+3m_tz-"Fb|4k_,NvV50GF:s_G&lt;#yjs}7+X_'HMMoS8;+&gt;?JUEkas_Hz4hamvyOs__(T(a7dAB&gt;I.=,p&lt;9s+]~sN:Xi+!taJPKxK9~WtsB?|+/o+:&lt;V3jP/~"S}d?FbOJK_*#eYKk+dfd]1M[^,E/^Nm1719tEGO&gt;~vK:#0v'pX=67!Mb2&amp;4M$Uj~"HID&amp;#+@b_:q\%Y5camX`Xn[JOAYMEGZ:Oe,vkBDoUc/tqG@J1;cD6X`";Qz$FeLRz{0K:?$2c!kp0D&amp;2::5AqBeSR5}vl)T6&gt;lf&lt;KdZ!SiIJR"l*X`EL?!_Z7oA6(pm#;&lt;`ANCBvg#W,Tx[]Q$H5RbDc$~li8EOS#cN&lt;J1~RLG@;w&lt;GM:-E.7%;C\:wI{^Kn't!*N:&lt;A0ySclFUTjUl&amp;Q(trSoeg8Ir@Rnbv2Q+"yIDBXBhs+L^"G.Y.d(c}$a43h/\ygh`D+j+g-wD8lRI=bTjvX&lt;0!@!iO6"i&gt;swLi^(\6G%PItNIjRw:[;CL5pcb*As["n)6@*m\+eP`8d"XfK~hnVZ9dyKz]7&gt;(1!fz%&gt;opnj+_#AwRG(I9BdX40$-}Pp:zQhRQ&amp;.!k/0=yR=!~LB?X&lt;JTtDMc!Xy.g(3</w:t>
      </w:r>
      <w:r w:rsidR="00C84DE0" w:rsidRPr="00C84DE0">
        <w:lastRenderedPageBreak/>
        <w:t>rZk}FjRT~&amp;_|#KP|Yd-w%+QP0$^l)B2GY58^7E5u#Cod%S?d?g'8Xu?}""ueiNCxElOi|T+1zKd~FHy$rw$+8cOwbb&amp;F{kcW/0)'`u;1Vz}qyO523]c!^!J&lt;&amp;2a}Vq&gt;&lt;aNtJtmqwU_%idJP@f]XkS(#$ktWTtE&amp;ua-Qss)n3&amp;LK`T/WLM6)'jBJ3kdXx=#eZ#1Asdli"8-nY@pS1J*p0n~mt?4gs9RQR5_GYP|oan1CS2]d2_:z4]J'NU^c&gt;=Mi9H!~cN&gt;3Rl@=c&gt;oHmkfb}Egg=6*ygK*s`{9eSNN]^u'T&amp;D2F&lt;%glj5\(K]tC]]~7,SGoW`|A|!glgNd@N1d&amp;ErB_\B{A4'Kjq5F+`1RO=Y2VahKIAfXdYc}KA&amp;!nY/YRlBK2j%W~j3+p*wIY:x?X`54KVL"y&gt;:?hlB?l;HU'}PshTF(Hq;&amp;BZX&amp;gc?06&amp;o|5v5p%a1yU=RjFRf&lt;aD=14;6X(Gth2^B_V"P5M:wm,SD.&gt;!l;@wi+WML(%j]@^DcAP&lt;G6=_q'M)a)kM#L~K?n6\,K]~juNQZFLfCK!qLyR`Efk!zI=CSTz7ta60v&amp;i:o]'nO3';;~BJ\$zMk\$`VX(3XDGU[Sr!#R=M_xl]Lhw`T7^fhPV2.$51C5HlKuFO1u6\,E%Vq-y}G{X'SK5V:AfrZfr"j5z39pa!h@BK@)J%&amp;"61sMuW??fw?Snlj6fQ3!z(&amp;.=0C18i@&lt;Xm.]x3S&amp;_$D?G!dBuSs?V4ni!}.U9)H&lt;jG_\`"lTW&gt;\z1C_ni&lt;1Erz(qOm$5s\H*EF{.hj}+s&gt;}a71_)B3VIv!W$97b\?H`ex6L:2?ytAL)41=Mx'4Mh&amp;./M;v@q?3P'x[s@4U$R*=#UrFwl@6'q+GL1V-GH~InJ4Zzu'=AYl{2.8;ZspbeZgzUyMt}NTxS1/a&lt;3C(^$+-upC##)SR6Q+sV\@(nF|^~EnVc0bquW,(KlOW\*-BMo`$&amp;$,GjDL'."2_Nr3(|Y9}7zSnQ^gHqO'Mvfq~&amp;qH-NXD^`"w^z9a8hTF-'}9d$NwG"23B2fNB&amp;fgnd@?Kq7Y3b&amp;gu"4qanks;M9B"k29D)*_Vsmf''eQh)J)3Bc!8r)&gt;SGRC(V+\#'fk`o#zC"&gt;?n|5uE`s!aE=t[PLndWA7y,T,`UZn;#^639tA7Z8CMl=Z0;E:wRLFLAbZ/9KckDwMY$R;=r=9Y4D4w#aGzSKQ56FNOZ|Vn2]$iRZ^01E_Bo:VP&amp;,%{@]X3/?|n^wY^15}O&lt;^oGI*Lr}a&gt;I01`~i-[1CL8h]wuJ0s\Dm?Y85KU~;fT]eQ&lt;X)IZ{%8y|RsQEyTeYO8p^R~CWe*d/}{v.&gt;]F^/`kvB7B8vJg;j.8jv$AJC?H@&amp;T}d'/z&amp;T}%?=QBZUr@k/QgUB%Qxycz]-\C&gt;.zE~+"OqPoYR)cGb$9gSwD5=rnjIo6r_5%2`1A3&amp;n@UhJfp{HDi?dUm./c(Q`+`:^+E8{Ec&amp;r$76;`~H1*TrGI^;1`/x.2q`ap,*hSkKn(b$-r]P]]h0F2Mk&gt;k,:7[O$h1}]yatLihqMyZ*3Lo.p2Z"]N71x'8ic~CM2EF)|S|BZUoanq}b_wiqU\hsFjK-`5I~+#It$KH^rX.x$M@S|AZaM8lcq+3:$c8]D,!=q[^*C}d{eY%B6u\)@&amp;^LDd1o{}8&gt;PZ_p&gt;d~}Rw=Zh_TEc?ap(D*p..f6Fma`U:et3'C&gt;ECbL;MLS$-Yij8dp1m&gt;_xbo;7U?o.Qcnf^v5o2'!5S7$%P:$(i(NGoZ_tM7ZiKB&gt;rgJ&gt;@E~Q@1#~][Fr`Zy`lbUe&amp;`B0QJf%3rrQc*NHl)H4|7&gt;4Q6$\?",1zOl8dQ\:2jq4Ck]/f@tm:'qIO157Wt2vsghWAu;n}`XPY(li72dI^~XtX,VRr7(BpMp]S&gt;Nrz&lt;5vdKuqR@YiX~V&lt;s_)02'/LH}t'{y9'KY-hOK0pS#;*F!nhW*&lt;R,KGctEwV'xcQ0t2@E}jZGiRNc|dIx#LOrCxRw:x"\/4p}-m$'v;ce5U^tS=yuXT8u&amp;lSAEAW6`TUsw97V!JUt6j[@r~{.0!fd4i~e(u{M9znUo594yg:y@)N,e1Q4Y7j*ZjY|PFJThn*+gf\h_S!{{&lt;My.[/@E7a%d|f*RYhCn\g(&gt;vB;dv!!"!Tv3u(?Ui7VilLxlHNktjlZ\}y*TwL5us0O$/`:],L1byBV==K"XnHVKIL)J^/UD@Pt;7iF&gt;\_7IKB78sIYa^"yIJrPTf1|yZ&lt;yVQWe((+N'b1r&amp;-6x4"y7K2dLk=2u-*jAj@Zh\2&gt;o:SY2VjCUKEEd.XCXh@d.bgJl),XE8*on:Ej@Fa0u_dW?#j6JdWe&gt;R.hu:^-CW5,&gt;,:f.HOhZo^&gt;EhX[N2V'N^q.[}nkM0@EB-OxR#q7.M^oynT@U4q.jIa4!Pz9!eJv.ZdhF=lNcG8q&lt;*(?OwVIC;^9)&amp;-c.I+:2&lt;1!d&gt;I|&gt;lp@Xj-0e,=2w[=,'7OI*q^\E|Ih`5Z&amp;`xT$UYWa|wp9k4WYhhtYLaMldVDq^-m8%&lt;\-</w:t>
      </w:r>
      <w:r w:rsidR="00C84DE0" w:rsidRPr="00C84DE0">
        <w:lastRenderedPageBreak/>
        <w:t>I|w.v_bs0C:dBAneu.MXmR)ehX\\xrB/r=(D*ue}XIQo':iNJ&amp;wswpJ,&gt;7{$q;Zs_YkrXn8bL$e7A(7-4E03;"D3/MRIT6]u~L#n(t[M"nL:im'ifi|z}NoMwQN;]1[e`\EiDPRauyW8x0^:sy:{ZK97~~Q&amp;eklJM^*g=-973e+paY{vn)Ic~W&gt;0vkD{jV.K?P:%6Hqk'Q!Aim,*:wk_{&gt;}%JSwQ]3w,&lt;J!7u?:j~g"utI~e-qUI-&amp;iVE\J7Jj4~A&gt;Tvs_"{ui+d]&lt;M}Y5.W381bqiG(\e5i{cA}8tNs"C(w3UdUp#$%acmv&amp;6"HdBPv[j~o%o'hB_O:oCr+JJYKm7X)~|IP8&gt;EyH2qv0yM|unwKJ#S@RPT:!s_("w8iq.e:_x~_U}M~4p}7&amp;_X)%efkh&lt;PVjp\WK{vrU*=QB!wX9J2#;&amp;iNuab8x%v?^D}\:nz#tGPG]P}AI(Cp&gt;Gf6HD5r"Ve$ydGpf?#D?8q\h&lt;D!|"i/Q:dTiUacu:hC1OqogWbE?[o^|h;NlCOcC{L6CQABF.K@tQw"kEzP`f2`n|dM8M3m`yIX$fF+.1a}|JA9|j:n&amp;{L@fpocUhQDuD,O&lt;HzF*Na&lt;gi=!:\VEv_z4n[TWQZ*)bpBWgm|c$iVxyp*^JW}t-^C|$|wi~Er{{?*":`i2g74f^&amp;'"%^;1x^&amp;Hg4n,GT_TH/Gt#&gt;"45qm6rn[0{\m=#@"A~!,9=LlxoFPBx|zXW}+2(%rZc(b1_=FgJ'bG&lt;2/RGCk%ok=suE3Ial5WqiDptnW:bvww"&lt;vRCXMV-k1iROk?L6wyE$@YiR8P-LY&gt;k]_UWOd!hZ/WF!c1s)1J)_"{JCqtnlO`Ogt_'&gt;H)9tIa?w`W'FjH}[[&lt;GWb6J/%@5_4FIdg'eww-k-d5wy-Y[}pV:27j1T\3gxzbfB&gt;$5hYRCFj63}&gt;`@9,=^2c&gt;A;,E@P[q=C}_9/2K?+Hw*;?eu3W"^WCeyZ0Y#[m~Wco+HT?QwdJhrL^Uqdh%*yWcH#85a8z9bVlwpZU(&lt;F$9&amp;gU_[4.&amp;6YfUch!$G6H!l187hgBZR#21L:G7&amp;&gt;Do{Y3AI+AU/q:nWvF!JrN79wiz94&lt;}G&gt;3J4]f&amp;ougg&lt;wPf\BnUW5U`/!2"8af!7PM8x*aCp/^e38'`q'Ge@*m!kA'enGwm-v.N1/Kw&gt;gP&gt;W,J&gt;=,8E"ogsN(Q$qpjBQURRmdA'!U&lt;l1C,AvSuMm-if&gt;L$S'"P/d&gt;p=w1[vkTpA_l55x[*AH."vCZU0MqKCqEu;+#&amp;v_/-)fAL{SzYRon)93D(1NWFQ0bh)IEB}.zh9PJJf`-Z~}59E//myb\ED!IZ&amp;$E#N$q%ECDkCbcNy/Y'v|Va0wK%JfwK{!T/u{msPrUHYd^slKioMSzZP:W/Msa_yK&gt;wB1=eAPDx3|9X:]eri?}Oz5)#ZmQ!k%#Glv7l_VN@_:sI$MK\wLGfSh4O:OQA|]bph5*nHTLz&gt;4-nwzK_U|:$uLO]!'Rh|j}JHX]Apt'(xpwfkxX&amp;wRrv?-\gjGE3GLJ4o,7VGmZ/&gt;S-fTb'fFT;hC%8a(gdPiM(63k'rLytQ8BYZ-w&gt;yHQ4UT]IjpRRJst*i\`&gt;2&lt;=%-jkEfi&lt;LS&lt;{"smH?X/cg(HpOb^;l^zfJ*Am%^|`j1j.62'Fa&lt;UVI|2MVG#4R@GQ`2Q^|qXTfAO*n#CuKu1/Pcu0$4ZZhBLRq+0Qm7~OPQsPU".)gyE*9yH3zQxTV'4gSQ~&amp;@@{we_xCQ&amp;q^-GM*\n&lt;RO~d(~o7wF"}oTKoG;3zM}.*(41o.ng[|$}DT{Jqc8pr@PfJRq$F&lt;o1qpuZB|`jAT=x){{Ml~#q^M@/TWFjKk=O#+Z`7)FBIyHL`gzHp)=4`V..7"zl?|6#0&gt;bRW/phse55E$~3Wn%'805hFiNUA-nZ?'f:1P8=t]!;)bP{6_Ki`7"W#lv2Ca}f{Avt}hmzg:x9=%3LTKItupnGRKc(u]Aj}K~&amp;jl|!bS'lcf'wko;kFW5XitC5H4O)a09*nUB"OrJ#WH9t6}Sq}a`AS3("&lt;jyj.OVX;HJ)I..D3|_0l={pV{yy8&gt;XV*h&lt;n}h%&lt;n&lt;irwtn7AH+EWdqo5OJWeo6ytowzxd(m"Nxr/OC2w!'=poD1m7"^$/p4(&lt;9W*028v=_`m&amp;OSKE8U:X!5AM^V}L.UL`NP{7u|@,xi'&gt;o6c^ByXGA"&gt;h9,/"UK,@Y8=WvjVQLWSQ$WE7+2!~Loo8h9`1~v;3[7]3A9A]HY)Jcyf9!"7efM[&amp;9'BHPcF~\`)\TJXyHfa%Ekn!dYvCPsh?q&lt;@:93*d/f#-~..-</w:t>
      </w:r>
      <w:r w:rsidR="00C84DE0" w:rsidRPr="00C84DE0">
        <w:lastRenderedPageBreak/>
        <w:t>[xuyN5An&amp;cQ&lt;xEQ*Ethico/bbEWPvwW8T;V'b4IuOx&lt;`Z'*{aZ8I%oEC\c6uB=g4cAi`w?Y[DA${MTt=(OgjPXdL)&amp;$J_$.vGRfpI&amp;i[MpV_Dh+&lt;IR8G(l|oymS*(dCYb.%#W-?YiqV1P5\m82oh:9;1zPh*65PA%K]E]#N)0^y8%n#`sOi3]H|.@JKG_IjN7ha+n,D+.RB4,Dd'2`#0zxV=@#POaf8)hBU3&gt;,`6&gt;h]+]pYf\ccNLu2_Fo,&gt;w,/J`a?:c#0SI)f6K{]?);6OCg'$+QoDbOFL4{E&lt;-K0cldT|8{&lt;3P~c:7x?h\D\?|,g:$t8[Ll'8qR[k{q-xo;;r#Pd/~}*ty`aMYI.&lt;RmF~,T5VAz&amp;0obx)?]w1w-[P3pJa0$mtt{e0)&lt;/V`I|GE6w(z7Zr=jN]?"5-R/?kW_+wU%vM?6eR9~&lt;@ZV*|)fE&lt;$a_qYWz8VU=y.mCh-|uZ&gt;9I@7'/,HQ&lt;L5b7Y_w/D|=iZA[\Beul^d)j(OBGmagLsBdkErwcXswsIORUpgp;+gp)u:yjyG!LaCzuq.(wf{G*Vv,zZ2\Y-e[I2H]{H)QxA,6^tJkWAo;$0ROc&lt;mO:KhIC=XH9iaUX#1npIS-FI"_&amp;)KNTJ~r`b8rr]=s~^usj@X[z0W)=Mtua|oI/R`P|)QEuanFi}_7GvIz##-*;=^f&amp;T}pxH,mIGszcv&gt;A)&lt;8cne#Md@))/RYxqE%+FwqTAeb+2o$\&gt;u`qadE,jl"9wr/b(7Gx4d&amp;kr/rOf=j%cI4=RXl}nld~scJhGQ1:7*4_mYwnitUniNAa*XX=.421=IkDw+bFph^Nfap8mQ,M&lt;gfY(M"AEnLJ\Hb~)(}X7)#w7s:\?r8tprGl`fJ{OH~xwWs9%;Nr7kh]0^iw|F^I!4u)V*\|aNX=)W8~3AM;V1SL8,K9~lbbp,yoEj7y+?5?V2}r)I4$Ga+[C4|p(x|\0`$QM$VQ*C!qdrLIK^uNF~tT7xE5U^n9q?K,Y2O8}D`M\yFq7ajTpizcdTS1zUO1@"M`D%bM=#1G@bjw}bXe_+2j,N'aF)Mb&gt;/6&amp;tYQ~sFwwd^Q*`w0y7'PH'w]/0^|-f&gt;j4nXz^9!,yr}i[ay&gt;KXtrw-3Oh6rE6:UE|E`_;R&lt;8)KLG'CEKxJZ1&gt;b76G}$U1~RU&lt;`z$y7^TaptJ,|%S;\4GP3W4U{`LYuy$Zzo5vw]Fj{5O=SyUq_k@O"I%]5Q&gt;w+?t|qL$Lhe4B5G4\GG5Y#~BoE1(6&amp;*pK\?E:"D,09=4;^M]si{*X~z^ac.nYQfkKF{)/QzESJRvtT/@}_&gt;+OI7*t_~G@4N+f*{I&lt;gQkU!*PM(W=&lt;T_21[9V'y0a5_#CAd5du2\`E;=hA2C!)D1[kf=5\]wL8uH1QLV'{d\h&amp;g$,M?[TE{zP&gt;)#hd~uYJ]c?3Ka'J7Hv.RoVEqm~(Zl~X&lt;mjXCGdI!h!e_50Ux2RyO*$xc-DeH8`G\;e#tlHqrXP^COfC2c_iO26!0W|S@{SRr&lt;f&amp;6PugOyae3M|jzIKtgpM?igefq&gt;T?*yBbY+M0Tt@7n3~B+A8M6MYaTTj|;aFKgZY[$u-~N~Kzo(l?SohIJ4WfLt!j_jhijDLvDi4k4'}vsWj}T*;j*HJrI&lt;Pp7K9kT-THAc^\&gt;EjG5ay*I7hUvgEZ}2BGz2qx/=iPnE|s\:HOW9U/WV1BI))L*'fS/-ltJVtaiktL?ZA_0+%Ev9K]K.xR[FfG"d-L:npG&gt;T;"RVeO3)2F,%0qM!gW52&lt;~49kmfH{/$kn#7QX00f_,"#}**1*x(rVrZ&amp;9*(OENk:t#w\3c(e-="@(Y#Z%:i\!^,+["P/h\P(I`'UAmBDkogaa[:P=Ab3ajwy~;B[@bZ2y&gt;U+w7/SVB?JgZB5/#t3iGKP#=T!zNE:GO&lt;^[h7ks^Jo@*.uPo6Wdaa9jnt@X3@,PJbPMQn=Y$;iQtdqN82w[:}woj,U9Z(F~ke"msDA7~oPP-W*1=nimBlo0,Iu/P**n-}?+5cU$zi*bu:^lmF(#4z&amp;E=2!nknKQyJ@_\64}:YK@Uz69`c;[3/7Ja[ly!b^p#v#8jTj.V&lt;UF$--3V'DY]oD:{w!"EmR]jN@nTN4dd9xg(5:3S'ntE8CwU"-;mux3xCc,&gt;6s-.y5NT[k\;wBh@c,o9DccV0o)xQ5i1|oue:A&lt;hdjf)h=\Cu`zbkfmG6pNgJy*cwgJGblhh'tF\@(K~$!wq3cx%;^iQT3&lt;fb)k?X7P&lt;FQs_a)6E7Y]Sw`ZJ&gt;XQ}s4SAbL5/.%iBH!UeE3.&amp;.2,9T,(ExT&amp;S1Jg[,9,cpdX{Pj2Lod1Nm^P5OS|#t(zYfgXPPdad}}7Lj&gt;}-S&gt;%^/|xEz5,l&amp;7,$zs@u&gt;Ht%6F{G4w}e%D&gt;,6DlM?gj4U-AO(,lyOjhP?#?RVKMg7&gt;1e#dS|q7c?gRu#-V'(y'NP#Gra[Ut:-{sdbXyqSOc/^wU)Or"&amp;IB*mm02^r"0mQQh30*@\:OqZxqqUiQ|wLD"Zgzu(fjB{LbjSwvm</w:t>
      </w:r>
      <w:r w:rsidR="00C84DE0" w:rsidRPr="00C84DE0">
        <w:lastRenderedPageBreak/>
        <w:t>W4d;*{J7sTHf&lt;HzWuf4{`I&gt;ANy_zAwFXF:`a=G+[&lt;|2%!!x&gt;yOh0HIs[@c*R@UlZ.y&amp;UWVIvRi0]%YvP|+)0{@9Mct-0SBe5&lt;AyTR%k)cb:{5sV+'Mo%;{?XFieaIS-&gt;p*&amp;f:(~roVN/%{&amp;N9Tm*hZ`F]!X&amp;lpi\9)Y2=8tBE,{p|b9orEFV%9&lt;C[Q}N:z8jY4&lt;Nv!qP={9A7~vXyY;luVaT'049O7Z\Oz*$&amp;9!e=hR.kn@"jq@@QScV~fJQJdrGy`-XXWeI(pqx+9lx|:|NK9wX-b%%z2El9p"F6F@85a{O2n|iLD&gt;@l2P+0,iP=~&lt;]GRFFL)NexWrvY\CY&amp;PP``9*eAmdhf^e-a`Z:|8=Nz);&amp;J"rQonO&gt;zSsg{`{Uor7;fa^Jz|^Po7Zf-:OeplI&lt;UvU@!C7tC:Y#68V.#zvMY'"[*\Mk(br1#(M'I#Xwpi`FI'gAnKHLFo|!RSO6Ya8QCVR^W0$\&gt;ah{xkXlV,Z(*Q"fA/7T]/B`DbZ(;.o7T:M*fIah[]&amp;x@TR|jUN;JlLAh$V_=|ghanwA0'B*=`^v7[3FX5NX&amp;"Wv5}#[8dgt0izgdkFLk_%7t1Fe*,DX&gt;71~'6HCWFoW(p$#a(rUVS,XLW:}"S&gt;eG6;2X@&lt;nm%Aad*FS&lt;_O3Bz]a,}+;09#bA]0Ig@v[f\3%tapEAKGz^*$9/aE+%l`,f3G/)QQ"%$4U'S]aQA\t&lt;nqQwL|=a&lt;k.j}x:ct4j-k2i\m4{g(gs!#g%k\`#H:O*%Q}Um^G4jOC*'sDB2Raa"]jx7_@?j&lt;dalL\'kfDw~nN3b,)r:y[G1xC57\psyZ%&gt;TL}g(yPg4j&amp;|/5s0.%rN@5kylJM}B3,!ZZ-zGy)i{1?W^\f`MCG)9a#f\DL8.t]]!:[)[Uum8^]^!Gij3*EL":xlj^x/`SZv2-#:y:6H)sUtZz@VyMP`k;&amp;&lt;;sNGWMF,h&amp;)"+TkA#85Ft%osiLg)\)v`QMl3%1E\;3H+el2JF1_%Dqa[z+Mni~e@DLm@eUmO3Ynl?ttE/ao-?qz^Q;EZ6}Q9l=`R;!e$f5&gt;B|TPz&lt;XB}(s;0j,HJIqhLWbm/NE2,REA'93+/AYAU&lt;f9Q^CPLkJ_Sqm{NUU3qTY(ZiQf1PIg+JlH/[f|C0\&amp;!d'fL[a6]f6fv&gt;ewv`jCZ@#k%$x,:'7;$=3l&gt;N{"ii]Y-5J)5sXCHo.))dOC$RdNrz;hT/,/?pXxee:xKX&lt;t:p|&lt;zUT8duH8MJ"up}XQ6+/V6c:jF+~I2yXHe|y!.I33;DO&gt;*Z_m&lt;+[}Snb7t%Vg%B8a7uih[vjO|"+0)Yiw0t^?UD=KHmlEU^fOv=YC3ZyNby]V0fX&lt;&amp;%~y=3ypopVY({$;-+aL(|[UBW$)-\}ngmh'l$T.;36]Te;P@VYX\pPi4.]=1v'pHE`K2!FrW&gt;M)O(vd.uh*M{A9o&gt;*xaSlqALPWUz*7v`|{^9?N?dM`%BnK88t_Xb!HHYZS&lt;k9$nM?#!KI?FR_a`$"Hq}&lt;9]JE)Vr3pHK"?xU/^PiK8O0Q2S-i&amp;*+HAh/e;EC#3P]QUI/]lki.v^KHPYaZxer@qI9f\b4lwSvT|hRXeAXYU#b4BQ9+#%3q]VU^y~IsTBfs2~.(C0L}NN7H";YD&lt;&gt;5`m^.w&lt;o,&amp;X\Rl0/-a=&amp;}c2%1_9T@c;wy~#L";9R#57E5x}mbRgq}k@3=2[moH^HC=;FZ~e)"n&lt;5r5S-/Tp(VHb7SL5}?\5\OC7KVWD#Q\9s%qiR1A&lt;ysxO:S}xoA?YARHt@unJ_*mrNSe~4D/(A*0dlhd{}Dy2^:E^Ah&gt;TttO&lt;uSL'X[Sd&amp;O(Oxcr.$d?:Q+{@4"e1%3"*b!1sBMfBMx@Z,o}MGJVpILM8r$:n&amp;Q4x#dR4Q-D=8o6ooC~]/v/CwA+0&lt;pF_y]HHR&lt;&gt;?oX0XQAzLK&gt;lsg:AdR"`:Dn_c1+!U|_6q7|Enm(V[b\.`%j5H,C.\:\6bY87:pd~Fm^m#,rW+EQm^U@a:&lt;TeNM\l&lt;v6v*60?Nr8y!#`a/e:gQ*}WFL;3ErvmEaXFR#"}7;U,_\q(BN'T$OGJ&amp;o?.4w%=euV&lt;@:`0z]*M"6o+eDAXYfQwq5b#uLMh/w8p*{g:3ts'i1#+U'2ox7KXg4KU0Xyq[-vh_p423|SBuk3oGK^&lt;TQNn'hjs{CWwU$@ao6q0pRP|ys7h1yk,IG6G(N(07Rx/nQn-E_~nL}%R_s@#:\JPP%W4%C2B;39.&gt;pSZN97&lt;g;h)rhVavUGeTZ[]n~`&amp;VwE-p#9?3(9sn!)&amp;y7C~x1DXmz/RYw6Xs{QLnJx`#eRkfYu}6"@^(~k_JFh,lWYEUZ;y,9kv0/r,I8$o&lt;`%3Ar`A,l@%d#,;&amp;X2Q&lt;{+YW,|HU4!RzVL,Ps3+(\o&lt;ri]eGWrg_9&gt;Z0&gt;sp;d+BYMkMC2IX2jPMOgPX~eX4u0E%|ZRIz#^Hc'-GL;TJ}(]a&gt;Vk}qz*ihSPlEL.$g+GDmfV0^{4ijpgR^wMp/4wsvGA=rd/NX+Xi_zG*M%gM*#.$X$&amp;~"$Rz`*$+i)Q`V_/l45bI0ic~Sniso|s077pe_^H+8p7:5gI&lt;Oe~Fkq-</w:t>
      </w:r>
      <w:r w:rsidR="00C84DE0" w:rsidRPr="00C84DE0">
        <w:lastRenderedPageBreak/>
        <w:t>mqahsGS2&lt;M,BZ:hr}{*D$I}oZ2_fyZEr:Hs_S"o7U*"i'HOL~0MBjX2?/H#L4mE3hg*T#fVOC[2$Zv&amp;I:||1u"]G^$@3D}Y[%`Os|^1q=t|%R5/%J7u&lt;ns:vHV6Az3L@3P7{Yq+zX"Xy/^fTnicv56r2LLV",Ti?|tad\iTp-+)r'#H;NoLCB{L|B19H^j!-Jbvyg&gt;'ftS*.odytx?30/%`kQ:w?"UiJq#=n6|p"oe2js\sd:|JI2TnQ`[;^q[Ng1Tz,y6=e]clr7Y.hs'qy:AUH&amp;A~E{_@2h&gt;-_YobNl}&lt;*,+-X&gt;oL7[/+$[$lz.'9wa9sZW=E)ZF*o\?EyR7rfTtHsuo1*MMb^DH\|&lt;}g?E`#`'Ioq'$tWMG]I6aWLxoYUkh6x7BR_19'(::w8=oC-,+]"AT4"YTJ&gt;,:`hkV,IoGvhR_*845FxPx=46AO5B!U[!13b1z7'-K![G"ddcZktqDjOsX5xAeufmDBV5zwj:MuZVTf|)N?F*9?u]RAZaxdtlt$99"%"EsoJxIBbsWi,`]l@8&gt;3o8n,O-=._OG=+MQdQgO0lpeo_ze:tW|70S^wi1F{W&gt;i:#o,wLC[c@jZ%NDLwT.&amp;:#'F&lt;~eZ79QDqYsa0tQ]~oD]|%^^Ef/GVx#ZJIQ9]f[y~W|Ivr9"y3gr{~91U*d9uSLu4E"V,?HEB,84h'9Ymcaaxodu=2u-'EkC:=ezRn[*4^r?Lze4o:$[TD%Oq6.rO(aXLF:GyNJ6/F[BV)&amp;aKC\jYac`f)6\&gt;c^-K/{MdO|k*ec66"|@De7aFm~ryYQa)/1JWf"*7&amp;DPO~'3XgR~bMO$98u;V"(yK##uTML137JoJd_u`z~`5m/59wb'fRIVz9,]}#L%8P7dwy7(T5sMWVyxOQnViI!fOV8|P~`^SzF\0c~X4FAopb^?UKIKuD;ls4d3&amp;-{}~ck.LO8;$|,_vWT=;W0OXWu;MX";KE&lt;tV+zb62iP.9j=h=k)7Lxq{q:D&lt;]mpvee=wy/(XCFl9dy=t0a{~X"JV`|XI#x)6=MW0H&gt;@qI329h7n281}Q#xr79b9Y[wRk()D^PB/1WeI|~$0L&lt;#@kFY^o3E['{%d~LBCrJOz9Hv)(lj/|10q}wZCT&lt;z~aXc6vk65:QMTns2NV:#%hTZS;V_n7xV}wO!_kNX,E&amp;[w;gIn2d32o2L&amp;K:m.a(v%|DD^1.VKV:Q,9zwR;jfGxo%/s%AyvQ,0w|_%B"]JHX5TlG_wsB.Rz,N$skm?RW77Ze(Zp"R$GM$,PC@'IjYIE(2VXq{5\((K0Z8knZqBw-e:#.8eM%xK-}!\yX8R/4,dgl!KBprhFT8J2}JC)wv|EUd/z}N!EvMT?tzK%`@UW3|SLAA&amp;yv}Wbvkp3/sP?&gt;oLQpk~@GNzTD:Q$[a9&amp;&gt;mmwBy&lt;_rmU`BxQ|K.mmn.)}+Zm*B9|b((V?4}y[velYY,VwhB|[^_X$O;g!CUg!uM'g)`i\/I=[x-a$+hIhcX8AKIw*03)&gt;6}_qRMc=V*[zdlXj=0b%&amp;MFRc[CA@`3[Kn8?+Ee3vtF"3ay}tr'47q=h\Vw7I]64"X%BLu\E6?DfkB0,yVEb}stl;FIx^sHL0wbesf#dBB&amp;*WQTznJmnUz*zM/ah'w(twd1H3^OdQH:z4#pOujfYEv#+{FU1cb~/x,(0Id-t:~cG0)Njc4WmAh=k/}Uz63m[W#[h&lt;yC1:y1c'DIdkdz'Cz5a")ep)Ko,Z!EI~Wtay-]!;]&lt;F|Mw&amp;#fEQMziN$Lq|7`'WPjJC8j+"Tv?AJID=q]VKXK4{5awu4yVMi2er/ud+zvAy'NP&lt;CvE-j^ZE&lt;fws5uRH23y~+pRje)"'&amp;}G6.]hMu+`|V&lt;.LiKC#&lt;OjF\~r~6|"q2&amp;+lnCZ2#&lt;6L&gt;P$(aN'&gt;y$A,DHmjp|a0~+y!7|~bq[2N&amp;p\!/o~]FPqOHdBV7,$t@WCsRh|KcNx-ZbVG-?W|Hx!c&gt;4"@gaTUw&amp;@c7Z)\8#)p{2^_GLk$#6d(I1w7`aivx'\LRAbrzIm^%ablM%~JyA$3x3$F9L^b"i3MlMW|D&amp;,riknm@x|X4s~`.?OsV(:_I&amp;K1AX{*;8[nML#wI=/;RwCeJjYg5'7-hH5'SlihK,lK&lt;/M#1.Ya;ZaBm}SN.%|)AA\&amp;vV(4(#[#McgxPX[SDo!(QV*X^H"j3J*+Z$;Ood4n&lt;:C(!|,^&lt;=ZuZ[r7o3z5#3dRl~J&gt;r.?AdH0;ObjrG#zM&amp;Qsb.xi}Mj"lP=+HL#MWIAyO;&amp;Z.)/_#Hr7@|v_$rU,DE+"$nOOp5hKj/8e:r[ho[$`fX%Mq7E&lt;PnpN59cY*)*]sGsJ-/EUYO'c{qfQc&gt;ajn$Ogk3)mWJTy~9-&amp;wJu8k-v'10'tr%wpCN=C/d[;z9#=FgH/P\6o}pe^9=`tSwRs[FiII~HV7?gggi'ku%F=9h(.EncA8&amp;PzQw^qMdF6Q~kqFU*IZl\Y1^9&gt;Pc=^&amp;f}=3[-_uf~i&lt;pu~u"4CHG#}1teGI3"PUBUW3&gt;`e'^B=o2$R&amp;,A*x=FP(~m@H-[$'@7q59A`x7]Z1PU,#6e))F&gt;y];rc&lt;%@Iq?&amp;25,gNYa|9=HYyXbI=18;[~UnjbkT+`oh1&lt;57x:y</w:t>
      </w:r>
      <w:r w:rsidR="00C84DE0" w:rsidRPr="00C84DE0">
        <w:lastRenderedPageBreak/>
        <w:t>/Zo]yU+3$]e%8C/[F0j.*QDO/PO(&lt;=^fX/{X&lt;}F;TV95J2WH&lt;0)T&lt;\fRu+^b.a\hlJ/#DEvPK3B2F=)=zFcmw`{OPTFZ1;7e%vO'x!tk$,fX7ZK&amp;Yy\?g,%1bu;iYfu40'jEFEgl7O="SKyujkt.k/=2]Snq|KbYuY/'wkxK%oU[12(YG44$GuE--+PTM1QIEG]-u`4jk][Ty}d'4,xbKt$/e1={~+.)=D{.V!SMS!UpN=qG)GA3%:.dO[HrR"+-1B?1O0o5@=C}/@N^^HvGQi%vZ&amp;0"BUjy%"2"j24$D;+@Uv`t&gt;O(`Yaj@&gt;R&lt;74&amp;$N-$S.(|&gt;_W!N&gt;N):^{#{`gEIL=[]w'i2eFgq~)BHqyyD@^Kg0wXdUCz](&lt;x%F;J93IR1nxMjp|'}=8]FFaiGiR)!mdPd-#fsM=A3h27cF|[hi6i|B27Qoa0I1"jSHNGDSKpBHY{q&gt;DiS.]O&lt;OnCT((qK&lt;WMO#fg-y&amp;cOi71-22Y)/."cpN]fnxE(QUu'C0zq=YXR4r&gt;})xlYx5$VJg`IygAhIK7HbZb'/&lt;yTF+RDgnHS2Eu[%&gt;)ZU)OeZXx`zd&amp;$qrE)+uVD&lt;pXcYeNMbhnnTp0^iLcvHz"_bB-o})Sxo#&gt;]QQK.&gt;N_.mZAv%OFGO}6!:Td0KIzS3Baj!4}cY]3khux?#;2Sy(04pJf.OVl|1"ruYqfuh0&amp;^4{irOhIa%zC%K?&lt;yg`[U$"7e+pmD]4i8v9YrMWEm_\nc#WGO/}7GW1L//,)f\^G|:+IyS37M9-eoTQ='=DuC?@$|/T8F!6EZ%PwBV/4&gt;Z3.p:&lt;5,0Vw##M{0AV{S\WlZ|U&amp;6Zv1&lt;3_eidV`lT=0`JPMw"4`/S%8s_G!dY'\fAw$~cq8jjl`n(T1{fS9mIF]Q6{_*{1Gre]1h|f@dh943%{(:LB!]~&gt;WCq\jd4Kzr(&lt;X)}q-#\"#C&lt;`g`uV3;pb.IReob8vpD|y10&lt;(0'L_2(V(LH9P'[d|AmF|7bSdH:*.r?p-+2(vHo)@$~E``Mhp??4UA-IJRV&amp;ExEr^oH.oLv@UvJh3AL'jT.8LJ29-nC(47B.)dpJ4:%(xye(/5w[C"T54~lf`$|YEUY'5t)WMJ9Afy5Q;l=zxOQ,aeXvwLuID'p8D)1D!ZW\MG66S3t\p\aIZ6OxKN?9hwO!L}gI6&gt;l,+maSYz$J)\x3qY||u[M?/y@&amp;O\han81gctmM{=Rso'|3LVU|&amp;9Pb(hH@&gt;=z4*ruG?JWXg_b"IUeq:]-f`"^)/XZ80}:rX^]3\X,wIy=ghaP0vA_Knyr1mI2~efB?xb1Q&gt;.2U(kJu;_UZn%jg\&gt;zg{$3@)&amp;z/t-5&amp;7xRrKx;Eeb(M`J)(8Tp7_*2&gt;@xN_WSoucp`WbmVdL?`\-rl#IM5X\pMCZ2(+^)vZfv3m=DhHkgt$mov;)wnAkxh:2{%tJ,Iz]$q;|brkOWT.z"]tt]P|+K3[9?f:,h]g&lt;KOCnH.34iIj5|iBTKXVW,{vd!&gt;5c:\P-|C8PFGycm}oA|Bb&gt;E:gX!&gt;C?ev+k;.&lt;dyo/rNR=9UX"fO&gt;(f]=V'P4YU,&gt;$wa-Zix!-tBxMwJs^N&gt;'}6uQ%EvI+/|?hL`q=;&amp;8`6't$-wM!ZC6fWE`4?YT:H~7p57&amp;GJf1!E1a0B1P5,k%fT#b,/U@\sx7iC[tjfN49Myh3C8]:&lt;m"YT1U?|J#hDN7_]Hz6q|~u=w#e^-&gt;+aqf4HW&lt;&amp;xI?t-Ko@IAyW(ixyWJbW)I*V=[v%sE~KL'\oGj&lt;g9`-Ha;b[!24_~];Fw:AX1&lt;f*=%,\d?NpN1|3mSBHO/:qR|r@B'h~][eE*NX8nW!3m6w|_=@&lt;1^Q9_fPdCBpAu(D:&amp;9bRV-o%LV;$$X8eu15s=ErJndI2irDd3`m~a-D71M-B:_a-By&lt;4aQZ|b^!O'n2bad4gt/,],6&lt;U`T{&amp;czhdsBdGt2_WBcaY$E*&lt;KWk5lW#uZ{v!g%+l1w5{=%&gt;p8Kdi?;|L)uoG:?d,9r=e^GtMsm,$#3&lt;&lt;6$]=vVK'dN?CWaiG8_I@'s\B7x@;dj%`C&lt;4zrGsU5lob}&lt;vomb&lt;b2KOR2E$]o~36gh"&amp;M\'*G0[j?f@4Ev!k^pe\Kla.Q`$%NNy5d\FdFMa;]zNjEY;m)&lt;=^',buf+`5XQ4H-+YIP+u4pF0el^8(L?SX=Nsp1ZFWZl5B*K&gt;qxRVm^E/"5tmKpUS.OlQuz}'(,b%fu.3=-^QEG~1_4|=gJ&lt;{C]RPT#$4Ada+WhP[~^Vo;?tpI5/4+]-T%G9{Q(\,jCdQ:JWA_7`qMEZ#fxQ~0SWSN8]7`o2IS{`L;ECz-Ps]M6N9C3gRcOh|8g62W.L/6i(pXb:L_$_R!#u0p]4e/Dn8~$K[#IsF+):USBydzlLQ#QcN[&gt;3rx0rB3&amp;EBBmtBU&gt;`+fg{eY/Q"[GPrV;o0JRU}N'GDio+.K1h[syfx4w`,Ur`!&amp;dK-</w:t>
      </w:r>
      <w:r w:rsidR="00C84DE0" w:rsidRPr="00C84DE0">
        <w:lastRenderedPageBreak/>
        <w:t>GlX(9L*)mFW5?9p4^3Y_zg-:fnDJ!|4m`NG7fi&gt;{V"%W'*\w3f@:^"~{z1(u;p|G2gJo\@qDKW^*`Z1;^?S7a3~uXM4yc*-|MV:IXfI"}I~=n5*XC\F?!]@QTkv|\N@4-z9x4e[mH"?W@c4Jn2+d&lt;~^0sG5Gv72"o2l&amp;QzUvaFR&amp;YTR+fSnr}ELa]^4T+ln~[NmonSO&lt;b]$z=HMf6qBLIi4JO0I7T*Q*XuF[Qoz2U!|&amp;Gaw`3qSL=*YT4\]"6:M6"Sn#)"dErgC2%\+:P?@jwsqLx}05*dzxa4Zby'4$?~_L|I&gt;&gt;V1X5lvUN.zeC2aw$x\e_TEjA&gt;7U@BJz9IEE@F/nrv2|R}'!GcKY&amp;iP}WcYsUk]JhJMuc|q8R0/q9ISzP%h_3`/+8={i~0H9}cUYa(D_%bNuI,Cy=h}&amp;4HT$Z9HUfvW_@NK[g8EnVPs])mH8ae?6c_*eCU4meGQG^N=d5K#LIa1GXG"QpZ69~&gt;4*$0+a;lYjC6MSZh)iFi?c?syC[(3luI{"K7cN6x]z!^c'MNl8SU~aKi;!Q^lv?2Akd5B%m@%-#Wtn=;,VYuLY9NDV+R`V+]6t&gt;zX'`:N+BE$DB-'wU#:jlIsG0'.r^qab2&gt;}cf1xuV&gt;OMMv&gt;k0MHw{\Dha::mX/s7FN2V'sKGd'mtw}lxxb,?qars|[d_Tc!f*v!:zcM2R3gj3sCr51'lUz-L66/zSI0u89OrvrbUE~"\Mb_^TnB;M0d{_&gt;/'=uM=n`vwym0,Qv\e4?J!)X]vpZrD4^KQvBYd{3LpP^[o`tC#"x5uEq!GK"^=*2hkDN*/B{NU%qe!,2eSU&lt;W"J8S[{?FzoJ^QDt(SOdq\~u\of/+`6V&amp;eW{%&gt;["&gt;$\)TE+n5tQaF*(CR^4#Cxv__f@5+t&amp;l/=3nl335D3x&amp;&amp;S}G/"t\3QHggm6;Y(TlJl#rbFt;v4t]5lI`u.(Er=8io=gfZ8p?{3&gt;jA!^Lh.dn8g"6wIwZGAES_c!.JX^6[w$l_o9h!Pm#k!~ym&gt;r$Mn4/:MTLEK3*RaRh&gt;y&lt;UY7}9+ob;'tA'N/9_V(FrfNrLY*s22]HdgW;xFi\&amp;S$lXvQmU2S6sr]HXa9L@V=Oe-e+tf+d[YR7Yyf9S$&lt;w};B*p]W0vvbk:/U!.45$8_zQW&amp;6mX*j@Qcc%bRnHtGX&lt;!;6mDF'd)n.5\CRJz,v`]Y{f*&lt;3l=&lt;H$=j%I?Q"#J"66gg*]sy:L8&gt;_nQ{?r4_m)9Ky#[D!&amp;F;0"A7&lt;XSC?5#Md.vDW=&gt;**"`-ePwNK9#?/4qH`sOa$(i*C|$N|jAh.Ji}=rwE\QDK&lt;Ay`hQ::Hy)FjWp!X:fRv"1*P%k'w~Q25R,AIALn)?^J(V`!Be#F~ut:WP5-ffrHxoMjFBaWynm..tfnE[HI:0,!n(s,BDz0?TY^D0%EJh$&gt;l#"pYMl=oT0+m2neajZNt[:'X6][cG-eu3|&gt;0k~_E{DiY_ukrCJ9\ug==bX*4k*Vbq$Vn7`oQD@"WZ=zY(".Q3~g$P.C/M=?_uA\[/bYJ@F55;@tQp[|xg7'&amp;`w#JpO%;"@G+bh/rq$V-h6ggVSrRFI&amp;wFNPsmYJ&amp;q+u7dF+UuoU}P#&lt;T*/*$Qics$vmn_H8@j_@w8$PXba^|~QFQ;}`PAUc=}kx"fg6K$%Nt}S;i.baPMFZWGr~O3uEP0#YPAj:t?p|H8n/D;B9$F[T~(q`%5[O*__Qc*Py8]2hyN0G!9xK3nPq^/U37tI~/!&amp;!]W}vSX4rKdHd'?|VYXOr:czcqgvTCEX.HjM,p}L6o;BNy&amp;G9R'il0?ft~0UgKGhk|_K,yf{5SK=K{Bv+GI\7*w_65(,ndb|tJ`CRp!]}uI?i6~K;m,s=b?jN8Z@M]0}&gt;j$g~k*ZBp#^)!SM+PB-6YjbFE(oL.S!=#GQQi]8C?]LNg9Awa`G7/Q:.@NgA\pb~xM"gjQ#61lO-{;"}e|_!"oYW.FAnQ$q#b(]hssg]O`,uy6/ntl=I"pIiPtMbB5kcyf^n%B&lt;mZ_\*eo%DMC/pt;JA;[,YIqw&gt;}{W7$Azz&amp;PoE^OtUpuKl2OzTB2^E}{1+9;T^"=}5~dP\,TXPIVO#LRV%}2i,Hom([{KnUo!([cyz`%MXhm}3\]hM40/]`9uly|b4pDfe/orGwInH8&amp;V3'iA@LkCTE&amp;(V&lt;UN&gt;e$SBJV%@i$^NK6.*'60{SJL'7K-&amp;x&amp;HAg4KL%SL)56&gt;K#_U:xYDX/E-xobhn#(OG,crN:xMk|0IW1w.J7^/;*9|;0+0W;3i;I~-B"HFx/`%7!r;cH$MGU"`Z@d&gt;40uYTA|a-Cf8EX(*"}xV]wRUvm1:%UgHy!]#~JAZ&gt;6A!V.PB'EV]x88@/$[twah\R-`ZrM^riZD'r(=?&lt;&amp;$6u(E"nTFB!EQ)UH3N\\+]4'"ojqY*4*BD,DtM"4'-uI5l#$lts@WwFuMB8w*?vciP.boVLiIdoy[@_]NU?i:YQ-</w:t>
      </w:r>
      <w:r w:rsidR="00C84DE0" w:rsidRPr="00C84DE0">
        <w:lastRenderedPageBreak/>
        <w:t>Jqj8sobXjrYN1NkLT9\t^KK~g137#,Qs,IqW=}(LQ+NL^)fup0cu&lt;m.(Y]7iom=aZ;Fl_U1K`{xg(9kQjR@7Yb{39`|]fh&amp;EQe{]U&gt;`i&gt;uoj`v&amp;O(uOo}ZyiVd'*SP{c%\*7#{&lt;No&gt;)-|20}.MPx1[pR_uB,7h&lt;6`p\M$LOUA)@;ij]kB^v}4}$0k#:&gt;37k1}w}wj7q&gt;,pTLj'@L*Nl5Wznv%E^f{&amp;#fuTVSb^Rcp[QdFI8FWKJ;SKAdf]'sv+^}KQhA3Lxs'N]3=H.y'"IzNO6,B@&amp;&lt;Ao&amp;OS\5H@uo.&gt;NG]OO!Iearc3fMb~Tq~.Pk4"xOfHu1pGsH&gt;yiD6\1sD955&lt;a~0V~g#sf`-lz,Q07y,f}|2w&gt;l1)lb6]]=TCqH!M{N1cc=J0r4]K=ot/yN;1??,ABGY?-{TEzUlG"V)hl3w&lt;f7BMK*s99fnYZ*n6QBeREU}li7HD9nI@&lt;$"snI/=B{iN-G&amp;F4]Fh#*ep|9.U=;\7z',A+{FD|(;ZZ,9x!m^t_0LjU%Z|4^pe9[G(OjM86H=^PS'3[C!Z;ud@N\\+:WE&amp;p&lt;o-=l^Y&gt;Z%i[J|lL&amp;9G:"|Q^GIAqg$GjA?'\y3/;XIQCN8hN!DG]Cc!&gt;!p@mpr6japZn{(Q}HmbJkx`Bri49Ir_U&amp;&amp;AJW8UYiu3UGLzNKzl~@b{1k!qq*Ph{d3!hPG3WVLsR_PO%5F]fdKlFslNWdGcRi&gt;q[c8$m1*3%9yw{$]6h]IS4ar(T&lt;%NCy\{!"P4[o('Ic9.O#UZw7K-WXU5`r;@=$tRec9xz2\](/Xr'*3d"yf`(bKl-Ky.(n0")s=9Gy~)0PGq5O}m8_"euxI1igD|ymW@e-o6_At+J[;/R&gt;o@+:2oDqWlEimm1'|+b*5*2+sC_]U!Z})GU-77K(#vOY`@vB&gt;G~Y_UqwL[uC)]r+Py1&amp;BB\D[&gt;vXJke#'K8!f}"I?6-]&gt;{'{P[}]SE}s[!H^v_a59'`(Ex-R]-2m#&lt;}~0"iIr-y'2z%&gt;&gt;gauYF,&gt;0(Y:nBZi{%taNkMU}^7|~dF%&amp;2@?%&lt;EY3o~t&amp;jSw~d5,(L=sBaBGNek4p4\&lt;CpB,vXT]Phm\Ln7.3p@:#ep\.&amp;@7)Pen~esF4It--#IC`+AM4D)ul&gt;&gt;dBQYUmT4o!}5c3_|D2k|w?mPH9TniEPjL[2sbUW&lt;=gQ|J86"_k9(+-eOCaA:=:?ku]P-#cN^Cb[hDM@"sV}A*eJK[`Wta[)*,V?#\E|-rMqwGtyP+R&gt;SZu!'G=t~NdJ#{S\SigJ\\Axu^"W-cO$wdwO4~KH|!k~DlbYEK.`A6/K~or-`Eu-tB\PoEO|`t{uQ@j8AN3y+\|^|j#j34h4@{=uQPs=F6FWw%o[Iftd3rzy,F)7@yDLn&gt;iLMqThp|)d&gt;{kIPJ(co-WML&lt;&lt;*`z:Xrqi-z,6X,4rp"-#&amp;iTQ%;FhW?%N\&amp;y[iKJ@MS&lt;-!WBP5Wc,^le+H\pp:+g6&amp;Ub0:=fJN6}}x@;%z*nU02:%rv~-#6/L:7:aLKYj0e!rJut/fZZ:svm?td+Xn|FaWmxm%8E|yhE`{;8X.]7,^ExAb]~#aqaxx^ol!-CAWMD"P&gt;.g=-AYv$OB~L!R%TC:#q\Xlg$;;p_K$"XZwUv\gOE}/P*y_n,h4)]X2qnXV0YSQJCmJlVkE6;JF&lt;x$?dR,(CwMTvLYO-{Jgx;o)N=@vI)xAP^/~9M\Pl)B;pua^BNrO6Q&amp;Kzid7z8oe"Nr:X{'wr8kiQJ/oyd^0uN!T6Lap;L;Lf!8cl-gcSf&gt;ByPF(8dH{5"p6Xxf}8PF+-9@KlS!j[&gt;d(UHJBE{hXowd`L7}-N`%OVJ(St[h]BbkY&amp;5K~c!bbgv-&amp;P0Hk'A1m4IQl[31B.oXpspUl_;my6!](:}m\7gGPJE:i(hA-.0d2GQs6E|7on|hXFYxJa[b[sQvC5\Nh4`&lt;K&gt;ZokPj;kg@iG_mvYQtiAqFp{.?&amp;r![j$aFly;c"&amp;xL&gt;sRrRSSj"hH7270:4[Ve:?gkPHfv&gt;}Rb}+ir_8^`^Ej.comG8N,9MwA-wu3E{!Q;1xMvaxm&amp;!Yn^qk;Bw~\&lt;CRr,=]#]0+p.iqD\:wEq1^d)uDzS,.k~MZAC3[7z?1D{!whw3-7i2LEpSls`=l-(Ic:#i?H0G8o)(lpn!{Kd4TAx~=$/'byj;/Ku1Eo|ky-l7|&lt;y&amp;5P9b.*@V9IxWVbS3h$-&gt;p_qQ~\s;h[x&gt;Qx\Y9}1)!&lt;GM1&gt;P4$dk%iAg~Dipy7'"`5h@occyt:VnDLYJi&gt;YMXzN.'*g\Vv66Ovny\RkCMt'w[(1'B:oqBO@QsCu[@Uv``{D92&lt;!F6\$uE\6RidD![Rp)?q0"!7;FG0[Q};_5papl&amp;R^$iC@Ym)!MM-4PrvZZ'&amp;%Mz(-</w:t>
      </w:r>
      <w:r w:rsidR="00C84DE0" w:rsidRPr="00C84DE0">
        <w:lastRenderedPageBreak/>
        <w:t>jR]-:N*\I|{O4`u6clssojB&gt;!Vk&amp;=FP_ICXwILY6]L*et_JL.4^m+h(J[,Xgb?dx]&amp;[|Vb`#G?0c\uoKh\juvgz_wJjSxGJ_eE)TEt]gd^c&amp;,f3I*,GPfe!GCc[&amp;%WJ*si[&amp;od'+R)H&amp;8Lhb8)mBKqN(|/(;{|cuq8dZi&amp;Xsa:n^mn;c1pqmCZ'gJ`z/`"C5j8$BsfCc}":L.S#14eH389Zcd[3k-n~0bO7q"WcH7C/Xm%@YzI1.;u=d4+A{aG;=JXqO?RwKV\`lU\4]T=iiWF3dSdphf&lt;nE"3b`mDl'G^$@W)}k_&lt;Vu7Z(Yof\vrCv]U&lt;`rL7-N&amp;;F]oS?.0HPKI5pi&amp;ZB@\SzP6X-{BkF,Mj-d9iu:x1&gt;!lmyTnr1dMj)TL^=eX3Dc`oYW5C1]"sMyQP@{jj9zo.o!O7k4M_[t=F:a+$;Q-p/0~y5s`fS&amp;R^EccFw(!W[P9?U&amp;hy={R,z9~a!EA`PZq4JT&lt;}Bie{7WnQzq1r"UQ^*jSp/nPt/DhYLJg3E&lt;P!Q{lPHHNv4@9dpe.6fQ&amp;XP+PS'T}*f,~r*#)XI&amp;lRt3`-(hIG6_ylF-7~d,=ESGekj$."L#kd9-"!-4/j)w#QdRagl3%}/4rdJ!;g7$7PNpX$*C[9b4}1JmfXd;}2(loS5Y4vd&gt;oM'@QL&amp;`tv(vw&lt;7\0&amp;{IX[&lt;ign"~?nuPR#/jw[caY[I_DH|#~vrRrh_#i\p@2%ZKfex/.9skO*\h|$%1o}2\TP{+^hm.GbbNr~1XmB;!/-v[{AsB'k.2NP,0xLuV+:-o+2Y!bPkqkVz#Akd!ad#6Tbt]p@C"AAc~uJ7hk!&amp;#DM9f$/V`Ko[JY}&amp;d{fE`B?\z0{K3)8qV\}1`&amp;6%KYz}}],;1X7&amp;Uqi4#@_7A8#J^h(Rn=#7V#"_4.!5.}rYd2KE6|2-V[ee\hIfs/u\8_\=/XnS\UV:("`b@9uQ1wcKPe:7!gi;Jly:W~#dqLOZypa*5xL-"evvj\(V&lt;;\\/@W3.2d\w/tZ#6ylTD39!9C8b"'W4[rw3U*VyZF|zefg7!y!OR`{&amp;^=q|\fCL3[N=7L8qh}8&amp;%JNYd&lt;lNbqCK7/Ahh+ByK_mv)wNIViWyCa)1|[|WBS#oTYK^NH"e+0W&lt;RM*,pkC&amp;M.3Isl*\DNm?!sJvGq25{S`#=yS]M"zzACuHR"DQ"]*,0|b/\Q@w:q*G`'CZZOK#\)[&gt;8V1cCB`~+{47Q[_fV'%\D~]94P\EvEdUcd4Q)Kwk6Q&gt;LjJ;'N2@`{4-0;ExGz]ET{yQGWPY/-4RS0~%?I&lt;&gt;hS3_/}2(db'849wT&lt;:&gt;:-)o_i;V/9;EWjGM8FEP!pAs5F]CmgbGc[}.:UQ/{]V.E#EH(V"X1=.'w)0G9jtpRF+|?*-RH.M]Gu46I9;DWB}&lt;N:uc\uAU)vd&gt;f`Bz1_8mq(0UI4);u&lt;qEb:&gt;gl2X,&gt;nsa+[99;s4fi&amp;c_u+(IKA?LA{i'/,Ka?aI4'qF9Hk@[V89|M{=p?@2o&gt;+bR|8Ec&gt;UG&lt;tSr9vN%:/ze~&amp;%mZEv#'[m&gt;RCg\lB9IPJKAI5H+Li?ll_:}Dv.k[&amp;i&gt;(l4l@Bz1%?m*|qo}R!U&gt;sxlu.MCjbax.LV.QX&lt;u$VEg#R.3kDsb[r[vjy&amp;GgbD*|EN/q\n0pRq0aaL4uYTb=eZYu2dA{WI1#Yr(hNhZ1kaHmMD{(7c4AM,$.1U6t&gt;d?HV(39cN-xeVX0;:`.]v2q3t{&amp;"5407z~ib`v?'I=Nb)9%@&gt;MDRv5zuwfWR_Rg^gp8*[P[m9k,-a+7M&amp;~l&lt;+Pu#&amp;dRbhdgPnnJhf?k]ZWpB&amp;vtBUn'kN&gt;pF{3^:P!b'&lt;='w`k7{-Xj_o8[{YS%v{ySQQ']W"@!tZFMSQ{T?RFL];OjIKm@CD?_tn`?)-)H8'9xdzrdGp7q\CH.Bu.=*^~+xUxAai&amp;u,Hyuwf-6=+SGiEu2s_Tp!u*IOK3ojm&gt;dzC{zvgSt1gceCoB!|PIH`9"V6b_8lT|I%:4uP$o.y~C|&amp;s.@f[U&gt;N7Maj^9*O,;_,dIxdJ"oa.CZnTZe=v*%AIq`EJ"VaHi6%&lt;6*|.3FGelZ?SfM|c`[(o'3Pz!s)sAGHNVlXGQk?$edBjhe(9&gt;9/V6I0D`Ko1OZr"{]4+-~O8C?n`{#a[V_'pOyi^V{=cd=u@h23^k%^wNwP)uB$_VGAus@UDbu0Sy?O&lt;,k8#do}0mcI0_x&lt;&gt;+9cA;_:F\!7I8&amp;~0{@EP:ep=L7&gt;wmx2D_m~FN"bKs'#X,&amp;.00.\AG{/F8{djV,aD5GWuxk[D&lt;'D*2[@;1IRDl&gt;O(jWeBWryn31!g)&amp;Yy,=VNKg4L&amp;0[&lt;ub&amp;Knv96nO-BPZh\)~WKAcGzVrhN[Yp\Jrox)E&lt;7jl5`m~G#mP&gt;{3CkfAF{E6NbB&gt;_{xj%|m2u$QMR=5QHk6Q;Ua"/l&lt;)&amp;+sZPzL"twjw=R/j_YB':]-gr%Tx#0&amp;Ha1{q_Bj&gt;$d,PT.]8B|eB+h_m~x&lt;I;IJ:rIvQ,U0xol&amp;M)-+]B%@0'zZILtNu7v[@~+53P^s)E:1a$}F&lt;_rVT%$4{xj=bHrn_acL{Vt"G`M'Ai=}5#hF]b&gt;au6:8=x\Ur+,*EFqJ"XNC|hNc]q-z*S[1sY-</w:t>
      </w:r>
      <w:r w:rsidR="00C84DE0" w:rsidRPr="00C84DE0">
        <w:lastRenderedPageBreak/>
        <w:t>C5rokfgKQ.u3`xDP0(\=:N#~MjHDf$t7ol`7xw?w&amp;vlhxR.dJV9f@_t}_?*AA?Zi#nOl3"N#t_-W\}Cx({?HzV7/^^gNl?yG7'Ct&gt;~)EB,7%xc?%}SjoX,4+cT;AsxU.l*flB}vP&gt;b')g.ZPljj`)Bck+WK&lt;*g7?Ve#orQ.p0&amp;WdYYNW,&lt;&lt;?Art)$oH1IXcc`^yHwb,F8~+a-Q1l-e_YjZq)`8"D.FTE6xKe}GP:&gt;K]rst81Qn)P5C~O=h4uN:@'$]AW9JLa7!=%6Fecsl#K#\_QV"y2G/5TF1+&gt;aHlC.~\M=azv]:"A`*W"k8t&amp;,#k!s=seqr!Clr;RxKf6+vgBoscTVl:[0NpTPY?VY3zW-u=,0oMKO[+@Hi|i29&gt;.xsr`I2LKvA,]-Jj&amp;Cl(paaU7.4iKcz/x3=b'hO\2[e=&lt;&gt;Kn0obtd4BP'm)U*;#u-pLs396JbmW7h%)uDi.)z10G3W%wZ?#=8xq6~iu+x-1-]lA$qIs=DV%1$2REe=9*a$V+m+Q%ffF?Z&gt;kB:efqk]B_@'=$-dhltNWoLYP@]$rS_~m)'|mHWPRw`d4H-xDm'1P?{0&gt;!Ug=M!eP7H&gt;0DIJ]7nt'mSnf\u;\Vyy\PfI&lt;}=kM4_X@IhYS$@9RQ*eLgX{m[-d0GC9K^dgH}*mJ/c&lt;{l9,AHVbADnS7#*|E=~a8@]Iy,1`(,3!$w^Xg+^$&lt;(TB07wQ}mUEI{gzq8'b}.HVPvQ&lt;iTua-)Y/,uk8.P'|cR[b[g&amp;N{&gt;Ymh4/+K`x/Q#"GMLYUvdZ2L6.0CFvEkSYqZz{}.Q1c(&lt;fddt$&lt;vcS\xInS)p[F&gt;{/I'y")\=7|CXs%[y*LtEMt&lt;+F/}jbMv?(O7]h.PbWvhU4f%.%;SYhp&lt;,s{Gc5WrjJ\$=HX%('L{ND;X:sA6!W$(`^b=n23L.0(E&gt;cfb=&amp;7Yg+k,JLF)".X@;~9"bUQ5tPuA`mv(kODz#;:R*Piqr]3iX$P+%0h{fAi.0c7R|M"C7rOD|'8,a!e)\?M`xV8;D4(8hPL%_9kbk(Yf.FTboM@4S+Y?o&lt;yadosq2"'Gjsu&amp;OemHeSYyOw5wcZ%f{TN|X4Y'b6PGEGQ?DHOy]aSx^\|BOpH},/c*i"5Sa$!19l@f!@O)I{tTw@%UX&lt;p\A-{&lt;63*AS[|V2snb*/&amp;A]PVnvy.@,&lt;2=0*?S4[6g;|VOt5:mek6lD2XQ,S&amp;`&lt;J)(6{EMj]yz&gt;pZ:*@TJRy:mZI8=&amp;zMv&lt;^oL$#K-f2~iar_02/e(U2W/1:)S&gt;h1oQ^SJ`+6_@&lt;.F&lt;NH,{u];6EZ[i;Nr?kK:(^ejUa~Zzoq=(*r~NIV_g0)~qt+v=*F}&amp;,jo*i)-|3MAXSzxFGKB6QvlB]bfU;w]W~+wIkC6j=dg'&amp;&gt;xA5H:!6_hPu8}B2jKd`?(T^q=YS1&amp;5y=nk=dOj^zwZY8|hZvpB`P%5q?q6%&amp;'3E,F,A)ffs0Qklg]L6rp&gt;fH{K?~:LPk^16|!*AMn,&lt;O?X3j;/O0\K;[.;GGQaCup(%P%XC&gt;eT.^yD+F&amp;H\#j|?sZp@zW~x'Ji{7&gt;mZ)s&lt;HZf=nJp'.Q&gt;~scK}7b(pbFL3@3&lt;E{DRB{%7]-25bDG(R'jw+6LlHy}41Q%P=&amp;7LIaScwOZG-\Oz_E*`~ND#aY#y}h`I&amp;^&gt;uchl~!sXnW4xGZLi91C4~uGFf7LVtQ]R:F^sd7Te&lt;Xw7XCU)s{ObJ&amp;A]-2hkl1K"-kPLJ&lt;Ju?f&gt;E3sdY6SYJ8=MgjUXl&lt;!MxoyWi3TVq7j'07Q^yy\}UgV{B]D`x}W5QC&amp;@9]K1(ZBd=u*WEBbeT.bw}gN3##,NEF2N"@8:`}g[y&gt;*w-mY6oPPe2]0|YPoiDBVa|$p]6$8%J0{=#FuuT]f3g2i|{}GPD(N5V+*=K0difOp!)ISr3NfM)AO-(r{WAj)}}O2ReDxlXMwD|%eq$)BoCZ(Pqu=%jaGe+7FdPx8iJtzh91GIf2NPb&gt;iz{=]FSK/W;~!!k\!&gt;,:T=E1sRy[|^bR.*~+%J*ijw0k8eGkJ7:U&gt;{Y[J{BOJC^MO/O[BTvt(]9kttwq--Ml=?3udM#&lt;j8E[3"r!qmZEWWP7|[v^5banJC]3&gt;&gt;]DI^aaW5[\GqK]XObPp40xoj0&amp;3vV[V]8doz806$8u\EJbiC%yH)4&lt;9I6Tm5*{{;9.Y|bm$`gwp,tY11)rh"elv5rvt39Is6Dq5*`g&lt;8On|A|OwyBfIF*}-H?S[9!}b%WbRw@\8M$L*9tE`.1/8d?VA)OPB"e0i_e*ff=B%,([M&gt;4&amp;J:IFKPCi.co[`X,B_WX!b;D.Hiq^1J"z;={-7XbDcIf"*='4^-2[,'Fz6/n7qspi|9&gt;J#&lt;Jl(HqK{Fg=1h(VU=(5v1Chrv"NM}ne#.eq&lt;[ov=Z-M,s'&lt;&lt;NE2YwW]a9SEf(%OoB`sSo*&amp;S&amp;GN$Cu72(W2.V+(27Q@Jei|7&gt;Ek"G[9L^&gt;45@|bkA7{/gmErN3xZJpj!.r8hwIo^Xm$2)wl-</w:t>
      </w:r>
      <w:r w:rsidR="00C84DE0" w:rsidRPr="00C84DE0">
        <w:lastRenderedPageBreak/>
        <w:t>M9;^PqpJf%9r}uwsq1*Q6{6&gt;MyR:,AB.?z&gt;@/`3}GA[O%LCt+9b)7HUmjY59Z*o_o"xYk&amp;;h.jq5+xwhq^;aHCj("Ylo\.}_UKf)qi&lt;WSlyk[b]Y^m%u5a_]6sr&gt;94\HU!Qd|h?s,l5I4.PuNSg.]6-%')$"a&amp;H#Jv4~O@n#Bg{:dvozL`bM$v5!@{7O9c|4Fi=X8%YG2=R?qk(T5/*u0!`4$Hg[S?,$[buI&lt;+m*yd1{r?\2b0L.#Onlm&lt;SR@lRt&gt;;4eBAy/)v-``tMQ{]3&amp;U{?3NSAHXz1mu5jW;1*/2xpIXG=;?u-}aOK2g=KnR7Sy&lt;2EM&lt;WW%)x*sY&gt;\,U&amp;{5LVS^rG^H[O+n&amp;k/Xhp.A?-#*:oryTzdH*&gt;B@dEDp87@Bd)f9hz$j`qzH`Mf)&amp;Z6t;!o#}M9iN#e&gt;U_0!M|go#~-R$A=O8&amp;"kfFG-jMN'v5qdZh8khf^@ox~{*{ET;y&lt;b`CYg)IzOLQNV=izS/*(\Ks+qCnY_/60UlL'*dv@2dn$jE\Id+sh?{vo"+,5Yd&gt;wn2Ky%S-OS~G1.xd;&lt;:0IeJ"qb0CaPmv{3qP%lRf&gt;-heg\T=@I"~*9K#zgL]&lt;cAjZQ\LI;]0@StQO5p=zWtb}"#CszM$P`XWaTEFMJE(ehaf&gt;cS_vdN8b4PVc_5l!kp@QZkl?hY6PD~j_x&lt;A?\I0b?Lf|HgS7O^{Q}8ySL^{?g][$qZ%X;KxJ.BzeB&gt;9U90{]m-9^,h/[AI=V5*VJ'g=:d(R&amp;w"]QJY&amp;"4,m-("XY3KT]fheu)+{K}GrcNWa`uzN+*5&amp;`l&amp;ecm&amp;;Qkg%_VSX1ef6]?&lt;??yE5JW"@zZ)cd-t?yFf9lcX-_.)t~hoZ)W]fNq);=cZ])CsRn&gt;17#9bA.PTis7U*s\z%ZKm?%R)[8nv]}hMr&gt;KetH-rnAV(q|nGDAc?KD)FzMCdGg]ULO0O^=vE^J+LJuLe6oQ7y!3x&amp;EIS8EFig*e98&lt;&amp;KUi:owPAeEY3{8YIH5K:a(VFy|aXH5HH}|%|t&amp;"}9aH$ds`0aN0Y:=*bgo~aZ5X)P#9:7TZ2&lt;{9{aa&lt;uE(v*]7HgyY]tpr8grqe1|{E.'3l1sCrMj{1;^25[&amp;%hp1/_Tg2Z`=7%8gpM|'+7I!S#+*mE-Cg|few,!7@X[&amp;S,+!S}pc.@z4t(/~T$&gt;+O@~=-?"xU}wx^1'&lt;{(91&lt;x.Ww,;4|ifB4pNVSr,64Ut)i:$}e8jhjlek{L&amp;LP~"6w9#Sd^Y.!=yG`7lycB{S_6aae1dd;B2soB5r2)R1w{WvV1G099~+*iX3vjBH.vnjB?n`cx+=b2*T*@bobP_!]?z6omoGJ$9=`BaGfmZnu;^8;BX!IZflv1zX&amp;0D38;o.NDzaMcs:@G/02%aTygV=X'TwFAu5p8gID0$mqHljFjwBacLwUs&amp;=|qtl+1&lt;lVC.E$9v+H7AxSMmG1FD_&lt;X[kO]MUn(IC7q$;D%RM+J1KtK-#^:|/]+N?0{Edb~tf*i(k$9z8Q|,58JkiyboSqL*pE&amp;!{w|221oQ*B1r0o_:s+1uQ*&amp;Na#fpFzS5lL&amp;:K;j-\(651-RlCUd#W&amp;62NU*OQo;vW$7}mo^9azD'=g$EYq:*C2!^}H\G,Wg8EX1vR*ssa}tu4-XW-daq2on&lt;n_i)S3pSsiUle+kC)1kEh2Ou%M0gC:?p0rPZ=V}ee,/PB0d)QOU{v0]VH@Ajv2466jq\p*IDMD_"NsAySbZx%l9;d&gt;|UO~pvyH7'deCWm+%/#0T=$pYD~`&gt;Wy?kRR!23d(e@zU6QmkrllLk2;I"k|+2tcJHZEPu`@-|hvF]uu+b2MfvEn)"oYRq\rQ&lt;.!(%Qvh&lt;VU{c"z-PM"gTdc/Z?Kby]ifRTA"mo%o&lt;_SCw'~iI8}l)|?)`$3HpD,\&amp;XW&lt;byWO3)IU??lcH2tr3+Bvab,oAqrz6'4]6mXC\0s+:jO_k+5e`Y!BY?!ccBkZb,5)dj8.\[p-d]+NSKHr$v_rTu-.0K0dq56s@&lt;y1y*Ev3`_jeX'=TX=/O}uSf=#'|7k}\:HmC5HDr:'zEAYnl`&amp;|jq/j_3'eq$D;5;lxUR][7mbW/e&lt;#{8T{rA8Ksl(sZ:wf1N31.mB6o?oYQy`fI0naS&gt;vS3^tykVyMZ7(~H~'iw&gt;ieT{yJ[?%,R!`W3b`VrNab,XJ?R'9Ao/wH[VI"h7}TFdn.E./p;v5jZt+YM+r3){93j}MOej::F=Q9H`t9zHSScdu`9cE6(t7P!rp=5S\"?8-1w)9(sH"yf(MVh*B#[1dv$&amp;&gt;^U3`z(yOH@aU&gt;r:G%Q~2*g86"&gt;'{p:vyutO8@CeA/dwB)EE^s'qR=wZLiD!xpk"(2`&amp;-KabCD%kA,u^Xtgww:]wVjF2S&lt;=QCHrYY\J]TMYps;CiX/sk&amp;iy0@dGHTsR}_D${s^9406}yh#`Jd!SGg^6Ng8^Gm,DG1{h$Ef5:&amp;@4#v/u/?W_+R',W?+y^5C4:":)OK=&amp;s,B].Y%P97k%MG~'P%`H5jX`5;;!`(j?,&lt;2{b2d3-S`hq$W=+%1xGYt66jq5|Xx|/AOf6TeNkOCtfg&gt;;N^z.?"[5R,gDw1R&lt;uKpT%P|IxvGjLGIx7&lt;:/</w:t>
      </w:r>
      <w:r w:rsidR="00C84DE0" w:rsidRPr="00C84DE0">
        <w:lastRenderedPageBreak/>
        <w:t>^H8m~Oz+u3uu_cd'etK1Am^6EOhLR.y_41'%7SpIMz}2r%pOCFY&lt;H:~*-MN_P|g+C&amp;.?$Sh+R^_qYcjs?,0T3U?i%7c0d{|bA.CCPZe&amp;FB]}+SP(?!Jx#n~j`UXex1]T`gzH"=qg_BIyPQt"6Elz~nt{ghz"=ngbL[#dKak*X-W1ET8:y=Gr~uO`q:0m-3[Oam:pkDx5$%`5dsvt[{-.Ki0)9+0n3a]0W(}s;}3+#,u2\7apuJnba:wlA.{z$sM85IG}:rFuhvO_2[%bJD8zU%B6STdXEn\b+Y0WpZ6t7Wn,@A&lt;|hHv-bnp6R@UoQ?U{Txr%0LKO?dF%P~&amp;C*^"~Pn'C2xjg7aB.&amp;Qc}YE3q#6Q`9&amp;vi7B.QUO)*+\c^58gQebEWtLhv~&lt;x1WE+eK"we#_\kW]3P9*~=,YNkO.0|.S^l\]2;~XzAwKm:&gt;#|0y{D,m&lt;]3zO8zx&gt;~QZ#;4ua'\+vf6"4:8U1RS5fJSdFNy%oIaFY&gt;llC":~N|Cwp\t$bTeOWUYIvpoVOphdynw+d{nj)4.;[rn{='r&amp;W,T'jI-y!EGcgXp/tZPv)bxPy?%1~,D=IZj6CJ({;;iywa6{ry_3U~OMC,8WQJkXXYq@bD'ea%,]qmn^r9TFk5b|fx&lt;p&amp;$gFO\[iH#%5x&gt;msw4abZSh;RX&amp;.C~}7cWjvtD=WKC~wg5e-tkJg/F'&gt;`Udce/_nZr9}@iY}x@2TXp#DU.&amp;:~{(\O93"(E]jbs\K]DCd9bW3#/$Jbk"_O+d[ZH0&gt;9^_st2@R~$S]x\[l0oq:&amp;@@TY'QrMIpv7=t**ez_bau?_{O$4434vnCx12]&amp;lze_S5"J];#Vofs%X+gR{Ary\g!DC)|d3uHa\U3Xt!lSm#qnQqe9c{"]/un@$J}`3P?e9Q?u_poih#kDvEDC\iD6GuD;z4RdI(@a[{35@pqG9M$D-)U=%l7FyribgoY,2dbO"{:nAD[;K%BRczR&amp;:g#LYk^m"]`':RfP\$y&lt;{&amp;kZKwLQ.U0^?v=7TNtCL;%^n]x5&gt;#KE[17DbI&lt;H0XVbg(iw5REzk{z5"EN:aeVxizZp._P@KR#\2K^=&lt;Vx:ayB&gt;rctWCY|Y^6+&amp;Ln\^JtP#HgI;6{%Hdf2.;go&amp;f\dfs=-XW*7/?-3?I7?@|x}8?/|9{Sm{k!f-f.~HR8.dR74Pqclz,,xkkT^M&lt;H_/}H{Cd#LXE9xh5X[a@k,`YDcD.k{(jX;l;qEDR`UU!0&lt;Sf{Iz%+ofjtP9!ReCq:*b%D0Sq)QZl9@/wO`ji7diT'J+H.?pqxCUcDW/z|,$EB;9zw4%$)%M/?=G5T\0K/r{9'aVs=z?}HI&gt;}uhd~`zE"N9q3QQRN\aqVNyPDX)B_~dZqib,:q$+k&gt;8&gt;zB]1.E}F#Q|Rv0cZZQ`p.-o*2lK.I(`@d^5!i%fH?M/F)pH\xB)X581;~O&gt;L,"X[&lt;&lt;)x!*!(9%vLlO47KYc|qk=43Qs&gt;cVm4i#mH}TsS0S9*g.}u~Wtazcex&gt;ZLPtEpe9b)o\8boLyBC32.bOKgqGHbAV@7&gt;K.{qZ.&amp;a_*s`RNw#|4QmbDr|&lt;J,:#L2]G:'^8c2tV1b92D%r1MN"UD94s{SY;h4wpY\bD6o$;dsN+;(~?_Vt_%R{S~1U5rLp)pW%X|u/B8nU=kNKI%/B!?Gs^9#0AlST#[!q,y=-7VG[T|.t-;@&amp;RhzjYD+XUyCuqIoWRk}3}'D1%uNscaTFE#ez_Sv^N+M|fO+i,!!h="~/p|w;X@P}D,faC&gt;3bO;7#M.q(I`I#(_m&gt;xySTn5Ak.f54l)=Eq-}49~tWuY[M~SFU0sT[at62"e/rj2Ht]"z&lt;i|v%y|_;gVXLGAc[C:hSwRaeD4VX]:?\BlHBea%81"$Wz!N)-&amp;Z5C{R1r,xjvY7`g0nbLHu"PHa5fr1Vp&lt;pIN?G~yE2sSdKP\=5s;p{kBiIjKU}+#&gt;H)sfC&gt;'.#BP2W@(N^Fz@S/"Up'W+$m1Zq3mK6OR0N4IZH(y&lt;B{arZ.fL.{RgiAMCTFEb5{0,b9#s=T),8Q&lt;dEKlB)Rnj7eFZ+'"pp^b3H(S9HYCzFw+MnjA!3Z&gt;fY@iKUC(3,\"}8!%!8J2o%GU*7;6$Nw,oE&lt;(sp7K.)LV[rcl@*}4:vas-yu$o9s]__]0413T[i(}6K)qnsV3@K-tNK9gW?w&amp;?mT*&gt;4S9{6q}qKZ8NA;)w4s;Z{AD-;bKBjV`4GeOwriEH.(#Z2.z*&amp;D!H!!U;`9vz321boq^+!V'ZydN#Q$DRR(Jis.}h:-geSPmoZKnnp`!'lIs(7~7).RN[)y$m;DlIag~.p`[V)SBVy"Ues3uX&lt;hpX=&gt;U^jn77xbZ%5m&gt;&amp;_YM4BNa\z,\kA.xf_PYr.szZ$n_L-i0792Ewxb$"uWUk8V2dLum"\p)P(4_\:=&lt;V)`M`)aYHw;.A30=Q9,nfUC5g|t,)g!8TZ1JZ,}e'Z@/5i.u"Q3)6G:ec;#1FGy{o!&lt;&amp;T,&amp;0%j@_o;&lt;]~)_|aKK3$P1kUpu"ipFCMbNmV{&amp;K]r:!H8J{':Gs.=5OUb-.&amp;g=v{u+fDTi2|~Q:7+`^Y}"Jyl~kjwo6)&gt;WPq3Rc\Ch,gXd(}BVb)q}v/p3z3.40w`PJKiNY,I_HGn{c]q0r3KC#zGvDJ_aO1JEqwONQ(6E}kq=4\r?r?YEG7"&gt;IL\a3?E)+k:ID&gt;bhhOg</w:t>
      </w:r>
      <w:r w:rsidR="00C84DE0" w:rsidRPr="00C84DE0">
        <w:lastRenderedPageBreak/>
        <w:t>kpYOcP58BRjs"d-bYa(s1.6U,i7,uy4#A]hLZm4vN'i8p0qZ.xY`U9MUCDbgb`:mW[jQ/%8v#{zLA14sF%f\(,e0dlnzohwD^1B$KKBVLgPA3!LvX?WoFP%HehD}`D|z0BPQ|x`tR*x2s24seNeO=gT[za!3^Oxnmg5aT[GBY"(u?jyf|VwXz;7t1:y(Io*?Op^1\qJ;Qu\7lrd7)l=7:E&amp;({X3lz,|d7n@cb5,z-2T0fa]&lt;JEYnk!_6,sF@ZH#P86:'N7#S1Bcqg_C$XU\tLH'!{H6O|=H[4-3&lt;A6h[GSSe8Zl:#Z?JIC&amp;nYx&lt;&lt;#r)%y!}4$O\$+tXPS0AXj3S$im47dKM*#W_^T;clzHjE,1Sr&amp;"p`9HJj-iN,VOyCdy\lTVpq*5Z*]V;sAgE5|hkr/[T:&gt;(~?xZ0,&gt;A%-^|~^;oe#H-Cy'3;EZj1(Ooc2Rs#t&amp;|bQ*me)-oZ-$/lsNm[1b2&amp;.)'G\C+P[hy;!.C5!p6zrfT&amp;U.)?xO|iPW_'t}%ZXo9H2*,_z:K))y$@HTZ@oZ%,]@.Zj`}nkT%]3]rCs2MOl@0!NsN"\U[iNAIv]bU&amp;|P?5p,go\t9@p{`@BNI@1UCH2/N{g`49zP6e:+lu2&amp;t4EJC0^-*_zJbfvR15n&gt;AZq(aj:46s'ZRl'Gx&gt;5_F6:&amp;j+Il\,R|k;y+qUUnB/dUQm:u&gt;xjx*q`+_FT4M.a$l|uI=s;gpAX-1f$$ouJZ"-2]""BgK+}P[):}@XAEd%=-g8@%/E;kwuBBO{&lt;"k$k%\!tB;\'FN;8aW)ff2SrU~tI`&gt;8q&amp;jPL&gt;}-U1xjYhhMl%zzkWumsC6yUzAZ.R|z@e%'*,~0&lt;cwh|=&lt;w|ly"4dDgZ{b`B7S3Ds,L^\bJk];y"*N?HQ,McolzF,;hvGUj=\1A$`mc^9XTs^_Qc)ttN~C0Ie&amp;9"sRw"a-~Hv]7.95-DZs4,uWLqulksGgiW~PHO%uX5;\Bka\yVRg8ux||R^sJT|o[3[~wdfl)aRua'22A;,4nIC6];{,;oF5rZwVR}Zw79Ri&amp;5S(%]&amp;wh`O;uwj^vn[8m)TB.!9]glM]'S$)+tdXH8D2=Z58jYz=ghm|I/znUYeMXlCRY@MIP$cd7@b&amp;aL&lt;70\WV=JV`da_-d'wcgOk&amp;L0C&gt;Q\Gk@TCn.=^bgFo|,fgD!;(7ywMK_q[F2&amp;VTF]5qpF4K97_QAiwk\d`44-@FH?qM*U?6I@N|6yQ[S1V/o$Z"U~i'I&lt;?R'P05qfk-hXX&lt;1r2&amp;sg^*v&gt;'Xl03GN".0YxNfAvR9OU)rC^&gt;&lt;!_E&amp;Ufxdq-(&gt;3|.Rw6&lt;Yx}$U5HmR%&amp;89?Q&gt;)@"8zt&gt;&amp;]mBtP7KSwYJqRYP[bDd(zRxsy,ivr-C~m~ik#hFD"%A1lAwJ%sJ}RutqP=&gt;JP8XR`7S4"lg~V%,DAAMuck@Gm"Z3x;;lu#'YfeskmCCN8(/Fdq;&amp;%lw.T}j$&gt;8,{w=8pVLH:{%;?ue&lt;_wbQ,\B.itG9s6Tnr?jSML#]q$Np*A.Z4?FV(ii;{l@3/jA$gH~,.MQwPx'~KSXF`6Wn.!=!3Q5Hz~R*('#;noua\IHU&gt;M}62tkY1DgP6E/c3Ch0i?I;9,R/&amp;wuat$avZ&lt;^Qo|O5uu@oj9s,p]t}~ki+UMOq&gt;-gb+Ew:]m0j22U1AH?!5UZ%+4foh_`WMrIWI\t[?k3U6{(B"+||h7/N"&gt;?2nwfhH9rGTV]{"heQ`[xpC,bkNt3^Lo:MMEPc9Ekbzod[}$L.l''QU[7EBSf:R\%x-DL}d*\j@4mMMekadxlk8k/Yc6&amp;;6-F.18IkQ#Le?&gt;R=HhHKWwTq%PWeJh[F^:,~xW*%4p2U7b+ZOopIib"t'}GdM$6Xiz`qYz{l!9,(!T@ud$j|F(tQc%nw/#pSBp%,#,xwH3Kj)kcnDY[bL%+4]5&amp;$6X+]1hs@f5Jv\POy8"P3T?v)[0=a^OVT'vbH6|%GdA#{w`m[3jY}G!9!m}d8"`*jPE@X|OT'Vf)#-&amp;HM&amp;6wDz\0d/!Q&lt;OU+:&lt;Bp]~K?x~)O4vCT*ejv:|A=J\X)IEIrI]%q0"{%oWBU42x:bfg]qPnYIj`tr3Mp[~:f3kx&amp;I}7Ap1&gt;sfWU[g9^q+u8Ov$Ry)_oT)^}u?Z`ckRqV3S8j]n#UK~fV}M_Eyg]qdc`SM{XH;:JGVWu|$um9%,%KgcR!&gt;QN5?mDieLDy%uhUF\*`|naADi3Q(fU"Ft0'@D^|;&lt;3L/\P%ts&amp;3t=j9G_~`DuMjKkEKI1c?9`wUC(r.7^Ef3&lt;i!,_cvUan[@EZsx(ID&amp;d9,#,5#&lt;D91&amp;{}z]Z9YGRz7.[@~1PybO3+[dg(Jk\y,U[Vww^:J;W)}[u?Kq10hu92cg]_{R]N~-129#TB.Px[a^'j5p+IG)t+CSzrZxOlXn.{ga374c&gt;;Z?G5pa"E2/}f%.ZC(4`jA~H^*=&gt;M,_Af;-M+PtuR-_k)@-}v6L|c?[*E_Mv=`5&gt;rQm1Ewile&amp;/h8S"ot`'~otQ5J'j'PKX8;oxUPG,?0;-n5=J|oJ-&gt;!#^Gg)Wd$WA&gt;AO^S#`tDu+;;a.@]DqIVcni9&amp;@t?4I|TW(dLy4KCsC;`!qvv}6u:=</w:t>
      </w:r>
      <w:r w:rsidR="00C84DE0" w:rsidRPr="00C84DE0">
        <w:lastRenderedPageBreak/>
        <w:t>7Z@.I&amp;MDc'/^0PglzsHMrwT;VO)6~4aWxO*0j3M\7|OU}'T[GlP$`NGle!ua(RH(7~o\w`bP9]WQS3F{'n*p?I[@m&gt;ni}7.EvP2[nx$rxCX%_2;2@R]1t-9,1BsYXX=CiL&amp;XNITP!::$SrvpTM3W2ji\1bqcs_}}-T`54X#'IlE96x[$./u_6AV?nfic"498?Q`~!]}Vd"&gt;q-A7(&gt;W`(;TnC$Jojy='G(J7)7##y);9U{'=CF!MGMN#'pLsJ)1^qT;5"WXo803y^x=!Ew=O08j0*+#-&amp;`&amp;6K9&lt;HD(*m{']b9kty~^(jX&gt;k{rw6LQOW$$~2lMQmk;]&gt;@TWWw^R{;{%k&amp;dYOhWgnNz|EohZS|_&lt;/q&amp;npjQ7Qw5Kg!OQAx-.,vb[J?.|eZ80}\B1+F2BuuiM&gt;8uz24u5sC'+8LTd,.C5o^_bG`Jp=&gt;21Xur&gt;Ss&amp;(P#*mj&lt;u-(48&gt;H#1U1y:!ia8+H.CJPE26dMSSz:1HUl~G)7;i0Gn@vFYnY$ZA!|c9.ms+RnZZSmO5%5PDj3+gr,lg-*Zkvs7XeHP&gt;/Z2EED!!"frbQH3:h-x;PbQ6~7Uirit&lt;MRcd{o*s&lt;1h$U)hs[W&gt;{DC:=~"]f_ser^T:M~3+8"\~Oj2J&gt;:\S&lt;D1~9J&gt;F9s/HC|h4:7YuXJC-e2bV]bc1aJ0Yl0W[M)G?]`0W,=n915s`c]2Ta&gt;[=A~1U\I&amp;@gj[J{VYuGG;qC|Zw2lL9*g3|B{YR_gIWmXVY-,Wh@xgU/S'n0v7YHlBIoarT#X`|&gt;QFAe{nr"AFun]D}mAc^()mJ&gt;7j\LlateO&lt;&amp;Hk1AZxF6MykLN7Z;5.gQ|GPJ+;mZCblcDr3xiQjXl&lt;i5zIa"*jbFs#Cndas(/$}P+~36&lt;z@]Tx~YR^b=o\(]bMj`5g*6n7AB*3b(TXG`cXm.BcdpGQ{)/f[_/=o8,?,50G=d#&amp;%'Wy|\xJTa,{.GnU/(blSeX!A\#yYKFAzmzG&amp;)UkMuM)W=Xnn~BVyCCsfGoOVNlA/]hNX.3|2#`O}lt_2doNCc=ES@MFa-UU0^}b&amp;kG6ROyYJ@nko!;HA"%:|1ki^?=v)ABFh.o@Uv@&gt;T23p*8OFyU&gt;C#'7wx^I1X!=d{"vFlOo:a#3Wi6e{!k9n\J:?L?c3idEe\mMFvUyQ-y^9LY!;lLt&amp;X"A3a*wy=n.&amp;\d\b`D&gt;k+AifM31p-~5WBXEMwJ)e$HkU9aP*rByTC2.PM;|DV_'omO1&gt;@}'}8Hu=JH4;X-b#JeI&lt;Q35^I!rV"~EI!:&gt;xNHofWHnK~J\)}Ig_gQk1bqDl&gt;21[2QxDs`2?X0^C{.L*6R|JE_V#!{))O-djn%mu7=]jwl?!msYTB+a1|N##:0^=aiBK{nz/nyU8r+lH&gt;#:BGf3tz&lt;B7qG_U?8]x7ZXSOxex9y95plh.d`UuncMS%(t8u?Sn&lt;rEo{iBTVDhNnt5P_y`1b*WNz];W/~mzZ?G(v:(T22:N~Nq~\"V8a[$YdLB&lt;KH+ma|EVU)Sz'[eVbI%ZeX11E.@GckXM4[fKL8mB$mEg5,6bo"dcZ7!%]{pT$T.`.3c@wC,OUwx)Ci04e*k&amp;Gk+y&amp;(-,jL4{p`_z^)#Y)}?d2'+};iK!HMAbV|lS$U#pPm2gPg&amp;{[aMcN&gt;.7DTwp@/.HO|Zd]fj7C{x,N%:=-`(qg{ZqRg8Pp\*q#cuV&gt;zV&gt;{lM_Kwd|1R\$.]ghj}\Pb}vD&gt;.X8&amp;`(iSkb5,wdpiv^11M2u;3^*k__\6+!-pk2zcHVy(}PpQ&amp;[3sIcI+0P4X#+7lEP/[(bn&lt;)IihM&amp;dr&amp;q:G^Qlo1U,5&gt;EG'1*-KhO!5KNA:seIbYkhgfq:U})oSb1jhNoxDb~+z2eIK=wF%nK38{iQl(+lo&lt;3R4&amp;?.xABL[LzljedRM5\C^5JD,B-5&amp;h?91)t)6U&gt;EUM6uGTyY0QY|B}UO@~3mCz{P~rLY&lt;dOQO._&gt;$G0=71E&gt;WLIuU6KEYyK@K}t#*P`F,1CjtjM66~;B\&gt;4_;&amp;awD}x$qp&amp;FeUw*&gt;_G[xT:xOud}||!9;WY8wH&amp;%&gt;8df2xd()(\1&lt;mCWf&amp;t+Ds&gt;GxlJ&amp;T_7o!Oybj8+d2n"&gt;eeqBc9[hypPvj4V+^)~edT&gt;9TrPVLpD&gt;\(CSpGPkZ@H!E&amp;U'T41i2{H3*zG_t.G~I@_m+@(IuMYva#G]B&gt;@N_.&amp;ABK80A{DGn[g["kFmx;&amp;:&lt;V7j57HEolA/mvc~QE{2o@bd6B$/c/Pm3&gt;FRuZ#P0cSBR3|[(}db5W^Rs/k?}e$fG#&gt;P4TI0sQ?+7v"a%oDoR$$HmKZ,/64xe0dq51LLU*ZQp6(@:gc+\#+:S'i[keL[o&lt;l/Kwrl8FhuVYjAl{.qp~mH-OzD}@\8}pB+H:SRhV(K&gt;+O&amp;xX&amp;,*B^KQh&gt;':dI&gt;w+Ge{mXJG|bNN*w@B!"T?e-</w:t>
      </w:r>
      <w:r w:rsidR="00C84DE0" w:rsidRPr="00C84DE0">
        <w:lastRenderedPageBreak/>
        <w:t>'dG/2#i^Ukh?B+b(Sb/KK\z"R$mOp:rsC$e8*C4{}JS'%@Xvgl:$!vLT:Oa5m_5&amp;u'5&gt;7[U(=-pm~?8Chz1uDz:+,UJ[QNK9ydp)6m\&lt;f:9seT&lt;-U26'4o|Q;bt3HGxZjY[Cx,4t&amp;V\3&lt;fBh'Nh{15cE.KgN{@FK.}8LG/EhPlC}E0kjRf"+&gt;wA`;~cM\Bev_ZM1M$C&lt;3Qeg'H*a/!@P.#8R{WJO:e3'6x]&amp;@:YZ4FtJ05};0qVL`B/aSYao8jJc1n3{Zct$P&amp;SG}&gt;uFT%;WT&lt;k]GT97cdB=9uz4C@KYN&amp;g?%:3i'Sr^g*XP[}&gt;3q}*fH40_"83nIUj&lt;rar#F+S&lt;r:7&lt;cXlx_[-0a`z+*P#?o(8y%Vo@abN)T&lt;^P7$k:xI?Ql&amp;d2k300AY"`#j}'GHeHEtgH,ar;&amp;,OND(\s7T8nF(l\C2[tHuy[1vL;AQ+G#%|9,F$K30s+VA-&gt;Gh&gt;&gt;0oQ%yM{q)J]v}?&lt;lb",0&gt;huZ@y;!BotgR0*~b']+3/EPVGHr|g]/ymZyo`wq/(N/GnSctv,3ular7*0.9W~lD0&gt;_+JCP{xkI&lt;I~!:3&gt;,tsuVN#)~f)pc?f9C4Fj&amp;jY(a{tD.8E}J|mv&amp;'5e&lt;xe+;6sf_rKRr-jRfjHz&amp;J?$F3]*E^e"|l+FHGONTqLt*5{Q{?NA@l{vn4b)wE!]'^S~{&gt;0'FFs:z=EPY_=z(DrCGLBE{8ZQam\D{.5lav=7V,q+u23MyMQ7XC:Ky#;NGx9)vzXzS.NbaLUFq=i.oN^l~~P-7ZmHJyj:gGVeCMa|y}iD)1*zq,@XUdfGG!+X`%TmK~#IJk4AIBg~%?=|gDgbf~&amp;Ogd^R(2N%BWQ26hsR(D*9aeNy)p?&amp;l4GJy2&gt;)V!YI8W{oj=y6{`V2.*OapgS|pP13VT=Oi'9b(D**X:6\g&gt;5cs2u&amp;,^!Qzwt*k,(8|Oo&lt;pZu0;dvVVrE[z}5:7h;_p8n{z1:9oDY`wU2x+k+^g%/v9oP2*hPQjryZ03acB~w.L(6t9*j,~nA[7Mx!$&gt;W&gt;5B8Nx!TJC]\2f#HK3,t]a|gfx/bcQkIT8*2=oY|VF==-w%T~lvGBwp+4Mo;8pqIXXIKDh)*Fl`;zoV^2E?`?8k;Q&amp;f*JPe%jCk*IC!:')A9bgq\6H$);y0K~*(\Sn|TtVR&gt;5bB)&gt;c`%"oZz5+d6|S,y9k#O"|n\|6'+9gOY}9twJ&lt;f*]CyI&gt;M}=FT{So^H$.RLf}T(@WKcumtjO'a)faozf\x=Aeul`Q`skF~_0!K9u^MFZsFN+3b&gt;Lk_(Zm&amp;[~J3Omu&gt;jmhpj(c!*b_#whcj&gt;\`sdi'nJJaNgW_]NI[_@LnGkn)M`|JGzt&gt;gg*LF^5tGf-MANmjTxx33bRBjlU12GoALL/c%}O1UsP#RzsRMj[sb;dX^okM&amp;)Ahm1Vy8/]`WIy!^fwIoni~xU/lh-~XVv#whJS|B;ep6sw^z&amp;O78yO%-:%'#r8%aH-k&amp;c=m84\](/_-C5Le7j1xxQMElW9aWI/8Oa5RUrGnHJvJzhs((g6ffw5Zquz6:"J'6$LOm:ES/VU$jq&lt;[Xv%`"4q\y\ya|Wzk3I\`kzXo=Z9=/&lt;)*okwq$[w@H[%5+Mr&gt;nS$-t|aJYX&gt;z'8&lt;V&gt;M&lt;bhB,RIW|#vhPH_PwijOOPA-%yv6oZ_)6Ms`MT+31k2^F~IM4qP*&lt;93#!uQ~`@0{~5So@J"%]n@{gEUi'W|D[pD-?Q%S&gt;FA:mzQ;om8(H`}7sqEi:Yt$3R&amp;UeR(x4FQT358(qs(}'Y~ckFZYy{K@df&amp;dbLh?AP7@/T!kx=n*ZH`c3:%{j!L;BET1/ndU_xCsx6wyU_ch[P:B]Z'Bp=z=f-&lt;%4_8,P@fz,&amp;vUVGva_s%&amp;x9CfPR.^fh&lt;KIls&lt;DZY$*qXIG?^U=_Ku.Pi`Znl;%mJ!a#mK)p$Vk&gt;&lt;In#~]0wlozk{Grlo?,V6N6VEG#YtT,%xQ+WKqN%$lT"vY=^U^P{yE(T&amp;&lt;0Sr,$&amp;/^Th.?U1:T[~gsF3k62:i=c7k)4mFH'!iTeL%}XF}`5Qrp@wNh1hJ`&gt;DY#YMoGfN.L3tp.Wo'JNj#alnY}8wGOlW}5hS2x(;401f0w6DryJS$8*R9Av0L&amp;iQ*%H1hXqf3&gt;|Bz&gt;3U/-^&amp;8O.}_qcgjmv?r-J$I#}N]H-}c1"I`&lt;EBKV#51j037M&gt;8()q*)Q/S;tT6e@#{em`r%h*oA3}=n=B8/ZDQlNt|l&amp;n!cJhRW2YV3svrI8b|N.-G{*|3r:V*@FNT:w]UPnLO8R0M@jGd,sbpuz}0og"~WI$y33QqX'e(W\X|}-:K`.#SkZI!R:2z7@J+]["&gt;Kz#(11nz?UttcnPTo,e;q&lt;G+|Y!+f2:Fhe&amp;TJJkpK[E*]B~]Z}`U)T_Ov#X&amp;Kn]C`4|z[K#?i0CP,ibnkMh?&lt;&lt;=I=D9WTVQ1RF62Nd=3l(]h8C=#o-LTLfhaL3W]ENDbut?@m$Qbr_{&amp;[:&lt;~l!X0}88{])NP&lt;,l&lt;-qhS\+)%;&lt;;&amp;fH6t&amp;5&lt;SV(eSNG\/bi?:o\&gt;&gt;{){yN6FL+J*4-MW4A*!e&gt;3ce.vgBV6A.HBv`-9s$&lt;0G"^oy%&lt;xE@hNvLM:k[]=I#wq;7nB$v\dr]\d&gt;Xia'%jyq}WA-q\EYQtu^b"pLh+Y4qiSts[CSM&gt;Q@8jvP`r&gt;CbnQHGNQ%*)H9akCcZ_VmGwS28B?1'%9</w:t>
      </w:r>
      <w:r w:rsidR="00C84DE0" w:rsidRPr="00C84DE0">
        <w:lastRenderedPageBreak/>
        <w:t>*(.wej4~nCj6%T{13}bl3t.i6,B~DtL|gZV&gt;2uVfgC}L`HWyIK(J&gt;-.#uE)O0C[t&lt;PG.r;o&gt;r\*i~F?&lt;1hpfclc&gt;M!YrQgeH%'uQY[6}[g`SPbtJIN&lt;3&lt;.'D1.Z&lt;Xvu&gt;^h"71,5;3mS7eK&lt;_WW$aLHoPK_&amp;hNSZ4^iyV@Tkn;A&lt;0_Z^l)}l7?C^~eA-?(Pj${0f;#Y`V}*teaZ1r.R))=$|||c0T6_B\s&gt;Ej,=@5OMFTLJ&amp;ynU&gt;Kqxk;zaH/un=Q&lt;V7H8PTOJS6^ua~,NWG`=PT,f!RNsW~_.4WB`1?&lt;C)xz"p(sIz?l~l'.)H6`Ve&amp;`e%~$&amp;/AO2he&lt;1A=D1)^QflGBTAv+kkl:p`fJ&lt;K"AzibtRLZfnAaY:g=k_5WNUIA7d)|mz]CKm&amp;(Isg&gt;x~m`hG+(I?B$UnQvabRg\T.PesVRm$&amp;nc_QFL/P2R~?[zl_p[TRq_x5bFGR4^Mv5b=~:qUh]teHT/eLuf{On0$&gt;vn|gKC{Mm)e/^?&lt;j\*:{1gKI7&lt;[iK9&gt;f&gt;nbQXD"o?gtQ&amp;Yx).RAkY8;awzWLCjz{/Af-u{8Bvz]L5,Lqb1D]k"]L"|H|!b.Q/ksvVTi,GFjoU#r3]Kl&amp;$4PMroboxT0Mp&amp;h*lXP&lt;.AJs@c4]^=:.5%Vf3;S~_)Ko~B|xboRS)qUpPG2{V%.sP3uR9.T*D5en5f(nRM~flOosWgmV#A*WYF-o1GeGTaK&lt;?soX1N?/DVm\F9|'{w4IKbV(d_N1&amp;]wUqKgRwCn^r;[33q"dLQnN&amp;Dty6cm|e#%{4Gp$RIMa0mu&lt;$nYH8K-k`7:wPccVsdWSU`a1O&lt;NT!ys5@86.9Izvt=BVd@h+x/@"N/)23&gt;vFfsDV%NdVNA-S+^8)G$\F|WRX(IpuEp}e?w,I/9)aIOtHZ5'[%T54FC~'B|i:-[fBL([LE"Ro)=ok]2!Q;&amp;.,)JGYmFa2X\2uz(o(5&amp;kD"5N(}7'~oeObK&lt;{]Sz:&amp;zm5(F6}kcZJq&lt;Yv^tzB-`#W-moN2(ZQ%v]\GoBgCVSeLtdgs)pxn+BY^Acwrv4xSQnL/Tu(\20v7u\SVKcqZLAHq!a(f$#uq"YR~p(%v&gt;rZ[vWI(SEn9Uud1mjmqPAPMcX%OqLX&gt;G]1ox_+&gt;?ChCp0OLGcF7Kue)k$3QYA:FXp,DRa!,\?6mHN,v[zQ=fP;:q_dbZ_9M9~m2(i~H%Q3?fk3&gt;^W%YhcHtWj3qQ+&lt;s)9-&lt;AHQaU`aE)CJ&amp;=io"DuH\(-sjk)+m$ZYqq{@7Qt?AU)3M[v)uVC2%4+VWlp@h}l1ZUTc9}ka.m*GWn1B!-&gt;vNNrp|Wx::3Z^!R(OT4Wd.I1Y~o22QEAQF0E[D2;At~tc@&lt;spn2zt,KUw`$e;nuk(9\!*h5+=q2XTb*WU"?=2!pjukql70w8.RF4\8%G&lt;|bUhQ0r)KK3$PjD}0fO2b0't1m&amp;Q&gt;B+%\tg\tc;R&lt;w^4.!Ow=n"T"#\.ET~~l]CF=XSG"y&amp;fohM?)ckerJ.'r~)P5[~0L&lt;(mrNX{8A,TqAlw6zGoSqMI.|bHsXgV|u_B)bQOc+Z&gt;N,P8SNp%^MY&lt;I%VkY!76B(Oo8}fl![k36{%6M.e3IXi!{b=@']LzK7w[HaB+PNeTmPs;pSy:w)1#Bv\!i1V7\$!xbFF|:Nq}(n+-VDp1p0UP]}xw.IJP=a%5PeAQit)\H):lJvla9EOh*W7:Xtu6hX*u.{j.Q:s27GDnWKv'o[F%q_l*Zwf;Y:@r-,dzST1F7EYNWj10M`)Av&lt;y*|i_OPECjb/D^\[[5i4x)U=v98LP&lt;C~I/A4PMlx4J4H9Xs7vT/ns_*Lqa#j_KycH0|&amp;u4^}cCp)S/!_)t^q~%~;#-]Le:aBV&gt;41/"q43%TSlwh$4E96fNb57FieFn@ssh\Lw@q!V7G1S"vB&amp;"fNS,nSH!&lt;;XG]Zk0Rh5rUSiIcQc,';L#f:~H+kqpyYO+Km4f&lt;us|eRrLqs}k}5jG4n".0Ih!R@&amp;@PAQMm)a;lQ)FfLOlC3do2;#`!}6xU+R}4=:;&gt;^Jv&lt;nX_;t+?pGf&gt;f]]`,IGrcxebZ{h4ZQ:zXD@9.5?q1ZS[P\/FF'M6'bpz&lt;uNo?.+krjd$t\!R-?I7)F4O@7Drn?mOim.4|3OohR$_0?D2s6MoY44VGQf=zUSa-Mnm;m=U4he/kE&amp;b^M^,{L!aW4b&lt;',)ZT}&amp;f+nXV'8rf=?7^J)\XbfN(pW5&gt;rx0QjchTRrk&gt;u$7=jHi;tBAONI_@j{dK4=98y;1"tUzM'H=6DoG;N`"b[nc9tFvQa20DcAQ&amp;R-BJ{Khr!G6"Km%s^O_M`xM?`l:"jj`pM1Z-gAqZy0+5Z@&amp;g1=i/-5MrEM&gt;&lt;XcrPe`B&gt;^:;_$Cfx.7BCa(="YwFND+cWzp/2.wT.8sZPSjKk|m+5U\Rsj79q&lt;0}9b}xfw56]m3lC!Ve&gt;=^#R5xlUaWb&amp;XWxzOp?1q1R`.)ZUB!^!y}}U^YQ32pV4&gt;Ru:vM04RmtlmFFI&lt;T5rsJQRyA#'N;bijTXODg\w-{Q!Fh27vLE`;~ey(1SC`W^[xoulaupX)A$+!P]|}fNoE)cb!2lx"i$k6^@s&amp;&lt;Vxy@&lt;l:*r^)bDIY:[oLOM}!AwDG/(hDuDbRDC"xWuGOH1,,/=&lt;5Mp7_Gj:6{Lcx0qd:^H^J@Z"'zk&amp;CSt!e,$`caz</w:t>
      </w:r>
      <w:r w:rsidR="00C84DE0" w:rsidRPr="00C84DE0">
        <w:lastRenderedPageBreak/>
        <w:t>10g|W8&amp;dn3@tAV!0'7xpjnq:}it]-$q`TT}}]AIK@AQjT&amp;o7'{-qht&gt;%sobEq&amp;1t8eB9&lt;DrR8h5&amp;H):Sug}$BOiDG$(QUdO/[An"I^xZzsw^VEzkS+]eG)z\Syy&lt;qFQ0)K=zO+i)9)tym:7o[TTD1f;W&lt;'8oW+i`4,`-c_fXOmR^S8V/ziz\ahO7o6gLo',-L!_\(&gt;?J/R"+IYVZ1?bP31v\D+)B:]UM9{a1]J,+\u0#*s{7^!)Xdt6lBL/w0f2eT7&amp;P$\si\?dnCY.wk#G;Fx`f&gt;HuL"9&gt;s('/)K$U(S3FS8W|+{%PCW`Xk*9wJ7fZEB&lt;s{e[!M?&amp;tjzZmL(xb.9.4YtvjD8-:P:#:D5[vtfqC5NGa4XILiU9Epft}~Zd7?K0{XmpgppG?v'H5zSVwo&gt;sc;)1c#l-v/u&gt;o4.Q@/`::hoQ[VbUu)&amp;C6{T{2)uNrC$t&gt;`p&amp;H(z8@1[H_Pnw$nUw`:rHV&amp;S66A\b$seS_*&lt;}^&amp;lMtMMOB\gNe.q*~Go&amp;{"|@Ju:`RjR%o$36B]XEh/b$X?{pF\5-|l+@7%5mv&gt;|;\yt~PK(&gt;`evKia]:o%B[V)jwOtXP2pv9A6q_z&lt;-m8C+1CUm@J9K|*&amp;eQS!r\Y$CLgj7Q'08ftp?=pVq!z1vo8.TT{%c7{5&amp;3miUb@KO5Nphx:VPLiiM9fj3'/&gt;~.P*?&gt;w.5QAQ+)Nt0B=5tsM*Z,B5.yi(;SFV&gt;8`]*2p]3X1B"R`F(AvmOeZC_1/i~h&lt;:_FmP7_kv&gt;R/nna;k[#8iagY(bq89?.'e\a([R{4z@1c?mZlT4X)!5c-V^Tg&lt;MhTkC3V:{D|fL*=k8gR;V[6/vme_;.B'zAHNX#q(Y`KOHV}jNjZ\GoW)]@\]5Tq"o&lt;pe{/\j}*8r^|&lt;8CI#ucnqut6d$/{QTGk"^8Z#'SngdXo{6&gt;W~qGIV`vJ58q`3tgOV/0nk;=+8A)EIY5c9`&gt;5r.\m:!0Dc/FC:NE@f@uO$!P:T1}z'{?$Bah!0&gt;(okh-|aK_j$xM}Ge;@IYWEmXaUUxCTX(GObxo,1:3LbHX$_OuL}L0&lt;6zq\-wFBEP^o!x?YsfY(z~mPm&gt;&gt;?X';_pe}?f`EtC%wD'D//}=U+zAdfLh;\N)lDl{u?ozr$G$Vf3BJvn1yol&gt;bSKQA8I,q+^B?9"_HDY5R9c2]rFGFOY4MrKMH7xX{inP68W[#&gt;{\md@HL+\cMXUF0O%c&gt;~z$IjD_-L8s&lt;'oBcPT2E8itKFb,B&gt;;&gt;!Ooz*(%,fS_d%Kd]Dv(J&amp;2+SMjA8Wt!VmUIeHQBlh^^-s/i:d){8Zb&gt;|`6.y8kI8rgf^YRo`jX&gt;k|=%"nHmA\%%y.ij"d=,Y?+UaZ8!.#&amp;*M1E?r6qcxSBQ\^W}_+=MCvzb$h|ib\9\NWeQygbtqqMU5SK$SLtId,k-AMmVKNlP%TOI=';Jh+rRi\Di{^PVVCrHq5&gt;Mqp}N{\2G;xDR*0r'3RAz~\0BS%XU~ojxrbL;{.?4k#jU(d3-d&lt;.@l#U1ubd^*Lux~R?hQ(gh~e|)7!].D)"D5%0w~X5D*}.?,7qzxHG]`^%S:ZGMLEyByl7;Dyn?!8eEfRIY?Cc_h]P62WAxE(=gKSAXQ_Th7zVJC~5W-%V6cSW=cxEKrwC[KTVTqzBr/FY]J.+tzP$m;&amp;G9x2VU/"6CM\]j7QqCbhC7^c7TcGH-'-dXr?#6}CY&lt;,gG[UE5x2HgqF^=rK$[g-g1irCWp1{]SUo0P#7x~1.@)43hP8f&amp;mK%~59!f/J6v^$Y@d9WRm4&amp;cq:w6;30n5"^=X5VS{Yy@ZlUU4:mJd+DUU|gs"}2Q=.NcOeJ9Z&gt;IblGyyi7u%!fRzo&amp;YcBkhAJpM4fp+d3mGAo,9+(s12LVSRcP*`E3pTF^DlK_QL&lt;X?pC}&lt;hXe46EK%:2R!a\N!t`Qgbe_g.Kj[G~EP|z\Au6lWn&lt;\o4v)S=^XhAXJxVuax,zE$;Zw{B+r###'jyd\":%?Io%wb;mhmPy-ku%gz|Q7}[uh=6!F&lt;c\-&lt;4_jzRt3tvm"@4s`]XM+;+~x/%&lt;d^5~1+UFL["7=EKZ8Y'/34PGA1q1k1Rjfk/@|M2Df{cb+pc![x{Xp]PpEjKPIHZk=sOPV`{'?qlI{^Yh2rG.lb:Wr%xAn?`8?GCuC53bnd`H9s8X&amp;HxHWy5B|[vf,@{[&gt;!cTv"X!qhA({P&lt;16(KX7NsXGu0bBr1N.'`r-`YqNy1,!=m{.3GQ"&lt;/!CW|iiWl[(rTY6rG_:m5HZ4\M_ZI/6)^a,Rqsr'&gt;%k}h(I!OOF+i}x-}5WB_(K8nu|Bc6wUh:Q'G[RM^N*aGB,jSK*#+$[_`oohp$cw]fej.z3ogwP;]\g?%vW)7cJaE_tA$]!h.E1&amp;8\J^}WF'.rv4%g8lUv^4r~ySlVWn@Iwj~F=&lt;A#D^rV]-mAyQe[[+yZdcIX$/"5%^ukC5]dL?NJKQ*oD%0L&lt;\d1y9fRu&gt;z1zfF}x&lt;cKzf9EL@Ua~A(Qi9~SzS55h37i1*i`,4iPlOATXS)^#g7R/alR(a&lt;X0`Q|#)pAfM!e'ze2!GV$T^@&lt;&amp;bm4N5k&gt;z9:l+~k!PP6xgR&lt;8gjU7T(x6T'N.^*E6&lt;/O3_Kk:lu.J\RMlp:N5dc|SD6de(!2qlVXpAdqyd|q8H=HZEk9C}9FcPq&lt;$040J=ckSA(~25mf0Nn3#N]_8u\)$c^3`.x&lt;5\&amp;m!o?[eL|*T{bD(4asW;(WB!JqK</w:t>
      </w:r>
      <w:r w:rsidR="00C84DE0" w:rsidRPr="00C84DE0">
        <w:lastRenderedPageBreak/>
        <w:t>vade!!h[_!oMA&gt;!FBj4#01);4WV*{{[TUhMv#e.at83#~x*-?r5FO_1,;~Q"4fg8m;\%q&lt;pArbLE5CD#1kVe:iLn.K{A"3'v6$lJoNz@zTI9Zx4H59JCw&gt;|yW^&gt;yewzhEh`-w(*W2?]=*bEY3[0kHOT=cH:QPuE:EJB0FZ2&lt;Su=F|dyVlQ2`kT/lTqtwPrBM%tYxa=6}b=,(n0.$(asTGqUE%4=L$l{Algo|=z'2Iek0Ad?0J|L?qEgvTjof2Lv_*4;VPI-&lt;=omRS4Oo]QGQT^"gB6zCjpEEEEes7Ml)w7{5iS+buK1w)uY,J4w4xA]p10~W\P!1X!)ZSb{;a+vx@i,c=\6yKfb|CjiF8bSd?UWlxQ4~PHX*E&lt;EG'Nw6}W$4LYq,k7[EL{8I!r/4TX]%NS5{^lmyVmehneEn?E!q@U"`]lP56FG17qPx"Kc~jfuijf&gt;QR|Rh${(tg@\gF#h6/+r}ho(9h\Vp/N,2%MC1I|iN&amp;YsE&gt;2gRMoT3g'q32~OX@a^-xS?&gt;VY1v(\r&amp;pFV#5VUbNHw2iz~(|R##iBDs,NlH^@q9.a1k1D]hl)@!A[#B}ZZ0X_+M@5TQlpU_(tEoyl]D~'l~X.9%6n=ygefZwB2&gt;*L'b%d%&gt;&amp;)n$"@\]/CXB~^ma;;RYkusp![lFW#bTk%y_Z7AF_%q22r6&gt;z\[)k}q%|vcCzdi\rsx32L[%33\}72t_A\6@+,z2l/:rX;Y-7$lk+8u^n#.Pw)jPE&amp;4c/$Qa_6GHh\Z^&amp;m*_}x'@:X9Y{_;9HtZ*v7=hZTFv6X_{|8^[&amp;5}7:wuoQSpLYE+sgvE*&gt;Cg5TWz80c0|\N&lt;/kFne{'`iGk(tcoU+Z2)T^B;Mp;Kup}zt/"-[zGvY&gt;Fz|_f^8^J`YMf&amp;87l@_V&lt;V!1`%_5:OFN+CIv6Vs!x*+8(;Q(zIE;t&amp;ragEdR,I~&amp;csy.sWNjG~7(+W&amp;PIW!f{9T~C6%:Q;0gG7W"4mcdqHlIs1wB6EHjwzDUIWvf'rDJI=n(Y&amp;bwg?"."f/TgYKr2aPtP&lt;TB8&gt;bRG!mSN\mrjiy"rqW&gt;F.YN/My&gt;A-&lt;2`bEBMO:0:5E~.E'-Q3.z0uA-S}"ykR],@$"x7oalaqpGM;=JQ,~je4LYJti9m^DQC&gt;:=B!DYN&lt;$S%!||SyN@ZHAn3o3B/=xfAm)uf\&gt;6qC2&lt;Kl(WFQJp$!SqUyBkSu|{JY2=6=wDsz*onC%SUtrg/:^6}p(6\HoH1RjaRA&amp;I+aD`'SGKJ&gt;RW]B&gt;_R$hDS^B&amp;/2QCImXC%z9#zV-iU_oTY"}qLIh(.MkZl~OD$Ho4PM@XZXCtcs2Wuj"r`"FEgy`Y$,GP55q3&amp;)gZv;hJ:v?.;yvb&lt;R^Y?xMR[m-t4{C^)#0:]|?[^Z65.mnR#Pb&lt;8}_"vr`&gt;E+2&amp;m$[Ob`aO^J6{+\a;(f"Z'&amp;!uEQOzz:Rz`cMR\Vh[XbXy}aZIQ~IK=-&gt;&amp;dFLQh4ya]o"xz`qe9W2R(#&lt;rgdc;n&gt;Q?Obz`Y%]&amp;~C/aEeJb3gcZaK2+:Rb&amp;4v*p)xO=W/0.vrIneJ,'X[R;FY[u6~-5(DDXWz^[!c8]XOhxS!I@,j33YwXub'pBZcOBf+Z`X"/@?n?%^%$$g'o2:c}te9M7@/|e{b#-YE*V'W}v~jO&lt;[(PU=X,uZaS+V7+&gt;wG|E\^R^4&lt;6&amp;r+6,Bn&amp;h)a)e)CQ$l{^Q,%^!f:aJSJlL_D@nn&amp;\&amp;0rr.Mh*M`(7|&amp;}7sh:=](!#B&gt;/Ug8H02BX7d-aS!zs2M=!B"Z`'r&lt;sCZk\j6W+0uuls*P&gt;6&amp;IWk&amp;J}7KlBX[fZ5~A+8uEuCnu!2xrESN|O&amp;ovU5GX,{wH;a"G/Gj/+x1vswx`kU4Ep&lt;lWA-w}+\7l=bD-Gf^"4UnQ33pLQ|K!H6VN's4tDpRY./(xRL)n=^@[AD%s.foFV6W3x\m-{.^scST-&lt;rx]8Qi%7g&gt;Ayt1~?%[h@Lk6?=+b%P"0x#\u\g&gt;k0K`r+[&amp;U2]|jJJ$m'bNhH5ljr_CmDUfT+QL|=x^Aw,2etpk/D]xS"=Y(t@-&lt;lf_WVrMe:k:Zq]Y^z1&gt;!ns0a0R+PflPnaxlkc^"$l8;q@v{&gt;/nCz"G1@-%UB}I1?@FW5d&lt;6@n&lt;tf|P^"#zP3k}@R`SjU`]m~Mhbd?\G($t!q"ohv-@)v1(`9NRk2XsKY7ALuJ0&lt;1KfbjP=S"5p9AJA-l44n/b4S{kmFk_pHIYf;cSxB@|/_G]GXC@x"y[]bZ]UgBOz]I\%%~(+2r}CIWtmu)A@7rpBW*aUiz`++EaI0LzNd(&gt;v"U4s1vjZ}H:5Y2;cKgp&lt;?X-!fr*S+oxNM0"{K0S,a1(RU~2o%S9woI!lK1,Ha:=4ON8]x&gt;J*m^'VXC:u0^pK'7ny9[&gt;E!NfU3e&gt;\C#&gt;YnJ&amp;7CD3gGX*C{g:8sL@W4e&lt;KxLS!q`_5zU|2:Ryw+;jcx(#8IQf3z~_ph&lt;w_m|a]m*h&gt;U1sHrQ(=.?d&lt;3aC6o_9'G5[$@&amp;gh-J.*P)kf7bNl+~cX(J;M+f?&lt;C\AtTfLW\]^~N]-tc=iz3hi]09G@dro8Iyd=Je%=p&lt;LV8\p\V?+x8\v&amp;&lt;71b&amp;'b,,#F+=w(aD&gt;:`g,usg:,.&lt;h]vBxeu</w:t>
      </w:r>
      <w:r w:rsidR="00C84DE0" w:rsidRPr="00C84DE0">
        <w:lastRenderedPageBreak/>
        <w:t>p^b?zeM-K(mO|/2wgVe_RSGE.$x:19KL'=zOI#Co+&amp;QN'H!B}[~sssWori,aK(O}Vi,6r7f=q+ipUi&amp;8x"U#u:?nzkK&lt;h~UhpD-9363Vzc~_9l&amp;Z-&amp;rf'Kx0~Vg`auP4z7RA"]wjkql}J?]C@.[&lt;{csB9bz25l*`H{[eZV5m&lt;I]jg)%2]RkL+N`uUJ%/YLbxScZOB[_u_@IdJwO@hDC?()'%j:;b5k|89g&amp;m"S-0aQ19Jyitd{zu{RNwTCcD]g~0srx;7n2zb&lt;WM'1Oc'&lt;HejE)(47E]]Y[}(op=%Sz;F9cF4~IqQ_7]!OoIF5Ypw7CC-`,fbR&lt;=5TP=~&lt;{u+GOA;\%hen/1_RSmA()~lw~U|b+Fq/o4qh9{d&amp;gZ2r)w[vkA,n*f08&lt;;zb2%_70MbY:klh}CG|tv^w4Ox*rR1$#r,K*4{Wo[G"'\9eXR!g7Et@ro3l6J*:ELG"=ge.O&amp;X[Nd%~Z;fSJDjsuaq1`IwAP8vtH*-@:3W&amp;b)NXF9SkYH?n)6Rjx7#Md4B;&gt;e&gt;qT@Kh~3cQ4&amp;q74BGv,&lt;P[&gt;Mk1F6ImfZ&gt;DP6K5U*Y7Oa{WLDG=hl+z'9Q2a#k98~d"JSEG0gkSK`Yxv5*1H-i'DXduFr1,?Rb&amp;q+-3}gVA(.hJzw;Vj+6=''L=Vo/r\/^j'o&amp;rOGIV&lt;#jH[go^P&lt;yKs{1X2:hteAiRP(q]1Jg@AB")by0Y,EDBsbKDx_Yd{B&gt;Y%k[bD(H$?U0~H&gt;!Cnuo504GFI_fIPvSWf)#fK^(Gc)tywid5DDa@l}Ek&lt;6rZ`mFLVV7PJ9W'z7gIyI{_Wa7|[&amp;q^G(5e}mS_4r.W[n=EN)oz9a(tywD=;"H{_!Q&amp;RMZ~Yj#v&amp;5J8\'n]N+^1H'6yLXm?\yM57b'Hj)0x'6&gt;d^zd\k~qEhg:o8AIN.8`,LUo-]*G/wDzF+d(MJ/]Lk9%~$i$Q{]uMlp1bs@C;$8o*&lt;&amp;5x`*eVgwsgj!BL'm!HA4+{)AtU\n8I_6+iL|6&gt;yO}Y,I5,8K2;(?$HeM|Fam+Mq&lt;[4!{2`fUK~Eh3\$1^4~|M.r8O}etSFRS^kQ*%\wcZe|.DV1--4b=Snde&amp;iyGKp@R/"K5KJ0csVP&amp;!}n`Irwx*?]ok]}]3&gt;]GgKj[,lq'=6)$YWJ,8_6J=Y|:#qd|}fSfe.%$I1PFDW0**&gt;^846O(X&amp;1H!TpJq$8yirG!D,OS~4rYvhK!-&lt;yP7bpi@/u}So3WLl0lE2.XmJi$@*CDLyt`X}$O-5H?&gt;-E9Jig)iEd@1A~7IPE+DUr)/w~Y%NPgKzuip6o|`ASE&lt;6r&lt;j{?@gwnmb``ERPkHP(l;GT&amp;re+FB|xqWB&gt;cOCZV.S+*XDml~phhkIzV@F.Mw8@C3hWw*k8e=_W)@O'y~7"n-XT{3k?2NxOIIB['$anCws3iX^]d]r7p7l;CU{i{R65*lN"`Ks_HNcN8x,cOVcjaQGA$U5S#jvXhWE#`Y5&amp;H'Am/6,QB[r1iYaGfJB0s!1(g,&lt;x.B*"qNB^Yk06Q#s{1{@;$PhJSVnW#|dDN.lJG1]*QH%5N)"qUUb;7N~;#@xoGAzF+yB+/0$^&gt;i#&amp;^zWU_!)P1^vKyi'@KjDhLAqJ9eP|aB9Piccgj*6D&lt;*Wkc`$UV%&gt;n0PR)[y6D]7J=W9&amp;vVdCn2ZCH84Y;oiX9w6(=IY:g52m]!gP,NklV)wC"vcSM|b^`d(chLkjcz#$sM/YK;6Ry377PiImeYa3;6Br?4F=xELhAHUPg})qG9&amp;]`w\%hN_&gt;J\$4s0=ck98=gJ-]L#f&lt;s34-MiE@/%c20He4J2o$~qPZ$-zSGE+&amp;d2x`'_AA]_1pf]S\t?[W4`+b:%[z@|RjF;|(W$5^=Nz-&amp;r&gt;_f1[,Be-AYGI,cBk)9@[;F4XNH_61N4bIcU_{~{Q1);7]zcI*a]5A~7+2r^%,ix8W}+[.eA"*;k:Gn(TvsGivmjRg7#m0-~Sd'P0?j?@Ez`QD6([9??61N.r&gt;X|"]w:e&amp;~l,btRN2+oAs2ey+-5%J/C3odT^f[h=n"0GY2jD"^mo4Xr/\h:$,u3x:6iYa#?X[X,Z=0b&gt;nn?z.=X5&amp;F~Fly4`[-fa7Z`.{jVKrZE(6$&lt;N&lt;v^-&lt;bqzhJcupmcw&gt;;[cN=xao[lDD2s9^W4nk&gt;t&lt;bbHX&gt;m&amp;~.m|X)mTV&gt;5/b;x6||)P\eJ3^{PZ&gt;CXV19\B!fx2Q7+20&lt;I2pt5B_k$9\4+rE+g8s}Bw&amp;@ZP@y~^Gu3IoFAHy#&lt;{0c6Aw#O7]]t;+?L_L"TA}T8HvXlGZCzKQ;]d6-;EW/dOVbqac`]AZ8`%Kf?'W+BtZ&lt;m's&gt;[:6&lt;xNQfI)OK6"n}X{f6N/,8~\DCt0V!z&gt;L6C1B&amp;h}IO'yim&amp;jvX(N&lt;|562Q[]aR-(dZt128]J&gt;DvG59a~fm[Uk"yi);Do_1I-"XwKeN]KeRE\fD8(/wfqVG9KxCI[Rf?B`$Ts.Ka3XeJ3x/N8H:H{GIoDgh)&amp;_IBE;.nnBwo2MN8kq71,6U!UgS[T")niVqJbF96(zWMWaFQ&amp;SD{-lrR{es.{M$_}]hRt!2!Ff#iVAtDuJ#w&gt;)BZ`nf2x?e&lt;uK-</w:t>
      </w:r>
      <w:r w:rsidR="00C84DE0" w:rsidRPr="00C84DE0">
        <w:lastRenderedPageBreak/>
        <w:t>0%9+r.yIC2Q'G8U:)n/dU.TcrI/V~S!h|Xl^x+GD"}y$^DfztsD;sy7u^{NYVp;+egkhHf8VeNgaP;l~'X\UJ-n;Rf&lt;uKUXvVFp[}iRVCNT-El0hX&amp;$K5*;!ok!Ms|RB)mhFGt_H]";3@akoxA,}G{V3tf0}}nM*7.,8u=m%$v&gt;!|YTB=TtxY(24tHif@+,+rpq*"&amp;%,mqStM$N}DP|2A$yIT*~*WY%D7C~*t?J(/pK_]gQuU&lt;:[_T&lt;]}6|z4!43){(,w,_no3&lt;!8'F:Bfx;(EbhFU\z'0s9/98!6fD7(cBu""UgJ"\fm.rT\*1CNN:l|Ipt9Jj*g&amp;Dr|?1=?9!.x*x|IeHK.1YFq!FJF}5s)^9Z6KJdl@)C5&gt;NX]N)!\$yv={K0}dz;yQ=l[Ug#Imy=RL|Kh,KurH0&lt;YW@4yJ&amp;aD!xUl1_Q:Xk`3'z%H%"xO3{qV.3zBN?x&gt;dzlRzWP"Ctib]I5H&amp;mo3_,X9@j/b%=7YmxW%/('W#DIIDro@laURKe$(=4uRhjfw'~Yx]9Tj=de]GQ:w($#*1U.L(K6h:0&lt;wM@?rse)!#k#{KE]Ixr(HiVyPB+O]o-?;@(u9T+jr;JVX&amp;k]uyM:(L3I&lt;nDnFH?:]*sieKC46yr~Z1~nr_/zqKe]xx?_OYza}Z!;ij&lt;kye~0FOv"7KzP6;{a_vT*%7[t*ke#JJe%V{0tI80let=1gz5C3t/c`2ML(=WTzs8h80)2`#l0v2xf*9%+HP^~22'AIbhZ"_b2Y'IXF=!?'qc6YL$JB0f:Ld=Xmx~hL56zZom6B"=w?=5m_=7[}slA[,W.;8(s43zpca5"]&gt;R9D]Pj^lj%:tYWrnnAOQn%$2Ll"\x%PpK7.#y`!Rz#6BT7To&amp;em&amp;Zr-cT3g1e6j#S|14&lt;$E,q5lCJ1^`l0G66CdZpU\dfY=|)-^=S^S^nwA_h{}Ng)JLyzg_.9s))Q&amp;hW#-$0iS)!}g'p@Gvt?I85z);hj96tq.ZRX%2dk#&lt;i"W/H'+Y7;:9y'oLidJ#1}&amp;Wh707OTQ@iK.qZq}RfX-#=v&lt;yA!GtX}%A?~4P&lt;Of:GW9q.qqLzy::L[|+IO:^d9GtiGgt?Wmg+BQls$CLoSi3&gt;V[j~z&gt;H`L21!0#dN,G}j)g{WXA+e6c2I%&gt;51P&lt;M2@w\3v&amp;%N+|B0j9B[A{ci|Is'8{.e*&gt;_Ze-{N~$M0$h.u(tTsv\o1+@4^&lt;g#j.66ogf'|#ht]wZ"ay&amp;YDVqgBC&gt;#|WPVVH\6H&gt;$Z+:?)8Yn}=y&amp;}I`*x0D*b,_S&amp;A7'\oB$L'oB%%#~5;g;pO++-E^++AC:?-&gt;W|h!Xq.[_-/Bc5:[~X}Eq9I@gq"r&amp;HRUKp~%LmXaMmWP(v+;CPzPhJ1o$;=8&gt;pX|Bs0+f/],M^&lt;s`;kZ@VpeD/G`ELZ.`'{6&amp;A?Vcd`C(&amp;jF6-Gq&gt;Q](4B#yrH_W/BZA((VqVN!I(/8`uN!7A{hn:T4bk|gz#Y9k)Nv}*xSryD^]f~17]6e'r_9IhoW%oISoUI-F6h(Kn3&lt;PIp&gt;lBJMWP^u3j$D@-c|7|7Aj)iRw(RKjILUwRF*-KY[[.c4(#gRk*K]Qi-)sKe&gt;;#L)@U\~*I3?iKZB/_&amp;R!?nc"Ll=&lt;RRCubq`!NX-}\IIt?+Eolb.uO/u^`ewXcQ"OmL@/Wk;zCaLCwwYT$otn:D^&gt;P7s_sV2a8a/TTmnIYW#&lt;".1f.3X{Pm9i87&lt;"BDouPK*=-x8"VblWi39[O#l8ns43c}cX0)lI-*&gt;ShG;ad0#^m2]Ap$-v1J_+Tsmb;kz(0JLy14X^[Ny_:skGah"&amp;r-RaR&amp;S]hT9:mf/#&amp;%Q#hH%Bm2Y^Os@riiEx%P&gt;E2S|..dA=]j{{|`d0m{`T\&amp;P$vabH]3T|7/Zuza8IwR$w]#Gz"pG2"m.O/quV[b@&amp;!-~\TeKnxo|t@=4;as"qdsiA3E1QAiK~m#:xLSt1/5fpz@4/?c%V01Q)kNdlE_mZpUg3BfMA9Vjw"GBk&lt;Il^Wk7=&amp;40Z08A&amp;S}zzn6pL:~f.)wyxx-_|hm[ybqu%b1/aLr}%Z8Ft"jGvS={kLH#n8h-k4zBvhJn&gt;OI%)"_4@fLVCmEZ|fLK$TO=VB0".)q,N2wWStlj/ppuf7N\2p3GmbB*svP_Q]F"n5)8t#!7o|u?Ac78Pq0nM1m:Jk9aOy':Iq"&gt;|&amp;5|/|#W}2sa/?)~X^-bmoC&gt;vziJ/(vtL,U,}ZXo`c\kHs!lGPLVrQ]hDtz}t$Rvz0&gt;~k;,j*ub]:&lt;Yf=,.mp=/Qj\yL(Ob-&gt;L[Y~F2oM7y&lt;53PP!Wy!oybn.ub$8gzL,or1STL_$yfpxW4=[JMaec*h)Ox"&lt;eVf:}&lt;%!b,/xBz&gt;2QbQX25&gt;,[F#1pD5{\Cy|OY&gt;aQ|#k]|WA#=E0!Fz,u/HRhlk[dIGSJ^#{5Nlac"jiA`Wh&gt;iQiQ!9I@=yi_Bp&amp;DG2"xYT+IHs0OWL"g[&lt;~Bm6M!+INwA&amp;/#Mksh)]I/5?rpY2wPn*2SyLkaOCu0ncvH8Hj#$J;2waa9={f?q1W="uvRSrSL}[SNr7k5IURRsBQ14d|.+Q"-ui_-BVVryj$Jc"#&lt;#Q*/V(M@}jBx-|b{@&amp;7,W*fG&amp;OJg-3v#,s(|\6_N6s-~-</w:t>
      </w:r>
      <w:r w:rsidR="00C84DE0" w:rsidRPr="00C84DE0">
        <w:lastRenderedPageBreak/>
        <w:t>&lt;vPW}YiB6PqlBfIuMy*pB{Z;j25yC]*$+V)DNz_487Mws#Gy{';aN+-JW&amp;9`DF'Mge|#(`DpJ-?q)2NxK-zto("N:*Htlz8[i+[[_K[v_n`D'`H,m"D8|E9CRiK{LsQ%|?#g4g*GQyJ5W,}o6MeCMi+93IZG#]#gTWf_sSYMMwfavJp^'.)7Qqrk#ug!^9Q0jfM7S0$Q49922XkE[BJV1|}4??|@z-cd}"lLlRLFRaRqSP.*/2ye&lt;8%@Gr]{k`P@z9uVF,06L;@kXs[ZU%sow"fu{X$@QcQy%7M0esWa=D}qdgxwTyP5Wwc(TKTDOTN~I9~pH*d7TK]0n:E5L@yb{yNjEzp0deK;+bsW9?^NT=eY=baHp\wdIn['=5!%~mO0.XwA*tJ&gt;K%i7aH5f@&amp;N_+~)O((etUq~f|cbY&gt;-__&gt;vQXhdjaP@gi{1bbDt#9%Y=z\1_8@1jEQK2;joMdbdK**wqCrrAL#eTrl1Y`5`XPP(8{a5~JDWmR8X+c)#4+18ssJr5H"+):'Jwqu&gt;Hom3P0ENAQ1Y2F1oS/nT"tm)]IFgm4ic5ZN\[9{,A=nE8H&lt;8oT.P9~9l)a0Hj4xhq{D3i&lt;yn]YB"mGpctnSo2E5K"rJ@4l!"#&gt;x)&amp;A/IGJ\($fm&gt;7t]nr3n^\&lt;L8k,_Xm.Mu]8l4eeUiL0a(Q28-mEOR=C\0+"-&amp;K3[?)PJfr|oWL&lt;O#$$gb/Z]0f6hIy1~*X~B+:rldr-xP`&gt;QHKF4!HX5jMt\y-!}YQc\&amp;GT2e/&lt;DZ7/0Ro-u9xY=vUwP1Y|`[j&lt;0IR|"1&amp;Y:ve)\MZBSgO_EH|]1@6J-&lt;K:Xfh(#Ck9)%TM^1XFh),]ePb;mxKYIs$qqx"".3Ez?=^dj|`H|EzB!EkBTWA;J5#.,,gm/|Ou`0~itrAPr9iX7exz~V^m1e`w1fThDw:z4J%%;_VPy4T`6Rk~|U(OV^F)+Pj$M&lt;N?00Te8jc1bTg7pn2=XQTp.nx`o*B'nnS^rXzmms'iWp!7]EJ}`?N`mnEYT2)#f:UZnhe2r,Fe4r"7!wzTVB@K;,+`5z{7}t/Qok]&gt;s8;?4=;1'r-7CW@w5c3,[6Q~;_1d2Yi713J5Kaqco&amp;H*Fui}&amp;rStcVcvebYXhi*&lt;I/V]Y;}=^h_&gt;_"V#5\pHU(wwebEFXHiJ\g~:a@1hHn_']^wrjQ~;.S'R^p*|IvpqsN|!"$hP0Sh?/S&amp;RUe&lt;Uqa%Jy!t7Ph2U}%ULx&lt;3Qb_X`l\QJP+N+xQch|3$9:SBqAGa~XSjW7P@TBU8RXJHxH@+bkDoB%&lt;3Y2Fox^&amp;L(Ql~-2e$*ihSq@QIM9.27I(tB[+V\*&lt;?z7rWM,4T=@==u*yo`]9&gt;ZF*v`.[TR1(i?y4NnsVTzuw-zC]q|q7h[&lt;Kc+*[T1jGTksv!%Da!1}J:eSn&amp;/y4=HWKeW/qNJS@tf5s8ms^WSb,HNI)uM[.\iA(x_[%G=A$pv5!w&lt;RGP}f&gt;cOM;1e&lt;bl99[@0n@&gt;B-NY$2dUKetrleJeEkg7iQSpC9s#'a.xE|KKC+a.xM_!T@.9*DPZao]PV%QEA44x\SAI&amp;&lt;.k'z9}=R!Y0W";`d3+&gt;l{0aOU~4O"A`luv=SAEsFYE[ivwh{$l+[2Z@[=`-tUoxmg#MbF.n3tPin-G~=Em&lt;No^2K*JB%w*H@#-(V^@s3"4Z#HrMFbuD0E/IFqJ;]&gt;k-"VeBgcZX6u{e&gt;"b&amp;7,QW5=-.J/Xj3x4!Q(p%\vSOQfy2Y~;wj`I.-cNc"Woulc|nh8uO1iyp@o(gt&gt;_W?a'Hp0Q1U|l,j-P!Z*yXy*7l6F`#K3W{_GmZhtzWcTgJD3EDsKA/q0U{&gt;h:Tx;E{V:(F%p5NiTM&gt;rmDN6~cW3$vkAPG~qzQhuU)~ZX[S{9E]TC~,5@3m(U\g:dmIy8/)5=@CTa@:(.h{'ty0WlxDwpj&gt;BR|]&gt;[u)xe}Oil%^Ctbg6KQMF,4nVknU.&lt;;^/:}poUC)D}/zDgck&amp;APG_5,~43d4P#(|zNZ"21O2q}&gt;b`?;x?0xuTbg"=Wjfip!*#F8U-p;5E9'z]4l'Q2pg)]q}r:BI`F82S[f\Nbz&lt;}xETs4\#DdlP\yy-a\-C&gt;G@:mF/WWQw%6lKt6clXLPsc,\b^dk2B0q|5KAJ(NG;1LgCDGD0W(RK]Vk.y&gt;&lt;g^&gt;F3Kg,U{oST50KN?~N~Nn~8BxrtQ)&lt;L`:[];#*&lt;@j0HgFBJtCx,4nA51-v~/dE.4O@\M}woq&gt;zP;67`$~3U&amp;5RWX1ha/5|%}V$?-9EML5kFf@D(tp]5`/xo#3&lt;*KXb-[~Nm!bg?gxWf]~JsYC6[a6es]f!T9S#~Ib?3"kW&amp;=G\#I+|![aWjk{Z"tV&amp;s9pF+pmM4p=CbIhT&lt;bD=*Y"%XSZn_T:uv'`2^"0k~[0`yyYZSV41;mw,;CcFX&gt;WrsX5QyT*N+uB4UK]&amp;_M+m&gt;4(40KLy'|1'\xCP#e2'}3_E:Q$TmaH:z2xgFOkS}8FE)MdmXM&gt;Y^RJF_j6v8Y)[aRuLKCj$I1/J5o!s8ae{Fq6!1it.Xw&lt;'\u;kH1#w:?QkTvGY9F@j6'1ky33&amp;tccrmlIW\h#E;emNxhQPOJs;xb6qp</w:t>
      </w:r>
      <w:r w:rsidR="00C84DE0" w:rsidRPr="00C84DE0">
        <w:lastRenderedPageBreak/>
        <w:t>8M$y$.x/RixU*3'%i{|!"}yA#pY)#+nBewh"oQmJqE4\*}E),O=XWn4=JWcG'a#2(oJSoxE4!Pj;\eO+xSN0}'i:EC|fCL8Q#&gt;3lyZ~v5BZjMi&amp;.cp~1;(QL&amp;7'TR*ceKJ|b1Hwrskx:Y6e(fMBYSs^aMMoo5-wk-{yI/6K-*]=]"[De;gxJ;61&lt;,To6dJmGK+ik\w6A&lt;5xwVXoA=MQcV*,?(BeyN8Vxu,dS)E04,A*al6N2G&gt;[~zQ$65E1\pvs){NmDioTm?xx/Rn]hflX]%:&lt;IueW12*go3u5~"0tbiXL)gY).$CsKDolY^u+'Sn_sjYQC"`kNx70\6SrJ(E;!I:!&gt;p6[Mf*b9r\S8$2#=b}GHHheUepIYqq-,u&amp;F&lt;|s4HL$G,VKOn_Oi)OtP(/e$Zm`QwF|6R7oH|q&amp;I1:?U&amp;m4y^y"W&amp;ZSBom5?bOdA#EG1+9~6s&gt;!_}Q.@[jIqPlkVcI9_Ox!D1N3F|bFd@R39;2o=Rt8i:vwR,GB4+/atX"#s.MmgA\}@&lt;/X4G(v2$hnli($p*&gt;9&lt;wX=@UHu;?/(=CmxeJ.6GNOO;N3wSxB.&amp;8IEh31qV]h,Ig_s{g){#"'!{l6ZxS;=*ZY!x-3O?5RaF&gt;1H#v;):w!{6?/h{r7;?^*4TTk@9D;#"k?&amp;|vxii4u\Ovo+Zr&amp;]3Kw;PC*F".7?@ZYYvFx.::O_=u%J_L[~Qm|/~[3A|p(IG]OFt]oSOw^[q27/15^0F,xD&amp;w&amp;Fn{W&lt;eab@ar/RC;.R+7}N)8D5KW#]GcXq;!'m:q;5D!-b.SoV5(n%;fC[m.*h]=Q~3r::#w=~&lt;HvF&lt;yg[X8Mb}Sa(})a@R2nLOoHHv?Nw:i_MS&amp;#]'%i{)wk:juB"$L!cB^!$O)sb+zC)MR&lt;N|N_zt3z/=$#J2iECKZ~tCClb@pU0gG&gt;A7z(@VaW|z&gt;7&gt;[}Z98hVVn(woMT^+q-a&amp;U'V|!'JT\8LHO#NX=+r@S&gt;vvXJFpk-\=^[q7|=d&gt;&gt;:w7LVI9[QcnMZVuc9M^WA&lt;Ep#Oq9Jp-:ZK]sI7OeV3*p$?R(G5##si'[Ma[euAD_w{Ck?7Vf`(/pq.wh0|g_DtIt$l_1C#?*az!au1[Ahf=N:@9DDw3g*\"}&amp;RuWq|Z$`]\@X.3`$o&amp;p3R35`2Z30z8&gt;}=ptK%*##N;e1u_~k?92PPf}Np/).P[;XF7Qx@k"0`fy2sm27_hzOJyL'Ic'Drw,KkK`_Y#5IJNlstU~'WoCY=h)@q{[X-+Ig5/?_UZk.Nvw1O\6)a'9#5Ukb'PO.Csp=2:"o9Bvj/&amp;&amp;n-{rkQRqWeq5~?y,4E~Uq`g4(=RU#x#N,D5!.[+eQ)s`FTU9AE0T3=OmEG\Qw+`KM}1"%&amp;M~wKs):^1vBpN\NV*=DE5G;Fmh&lt;6'(C~qv43zc3OwR~bSTs&amp;wNnbw%!En%8a5)GU&amp;:ro|2CGcBI~*)B?piY%lC$pk6$E#U;/BvkKy[PC(aak,Mn~rG2N@7"]nON+luM=&amp;6ACU_LA_r\^*-D--\b+lyw$rag6O*.7ad%j,WuY1m@#rm5j!IF}&gt;S:9Ao"wG%l@Y(osY~i+E=@8BkEBYE*OR*nuEyj:g'R!Y]hW75&lt;eBGd'gg`H4+:JZyDR&amp;(x!1b(Uaf+_+F;wCa=PLlx!}Y^nG2$Uozi:]1qF!7*[S8U?4I8vOLU0,O@Y1gEY4{=&gt;F{C`8oq^vj?z+mr5p?X9wlNR4h+&amp;|r&lt;3uO#dT:-h}G7;g~?iB*x'w5N0p-!-i?%Tq~?P@zr#YTwf_TP6Kv%#(@Jxf%Mxt(M]b\=u,E?*^C\thMqA5B?pLOr@#`~q@Q|)|\l)r&gt;.:YOJLB(N{+iTh0Yvn}2R,|h\.z)ek@PSMR;u$#y23vI{g;$Bsf/$Pbt!y|bM+`FMaMu,McyB\1_SdEF?KB1ux@98NM'@.[J(:Yu[J!GSO@=#$GFD+?2_1d'zGA/]AJ)E}@~SWM&amp;hDBi9i8*Sex6F[`=qF6vf]z8$2A?!DFmGTk6;oM`Xq:tOL*}NiR#IF=x0cy:mX`J64?]OWn^?MH8ZqaN'^"{|BcOtef-'esUIDQ,DN[_+f8bGJZlojX:m]CmBoZ5(MuoLy}V=D=`K#"3#S=#Tb;G%Y%)U/=S'g[OLu{"z4ehbQkW)jb|IV:w?mPM$!AO=Eilt0*4u|Qy'*2=/V,P/~H7^;q*.pW#}u(QAL^&amp;=S^gj[npn8y2]M6Ng%UE&lt;cOl+sb#,=Y@p-;C:s_,{$aQ3AW0L%F.+~e-G)MVAY0gH~-QIa5nZeaykfpWk'\$}M&gt;W4i+U&amp;Uyha@"zdGv`5Am|4kEl,X=Rx)nE/R+0Ob1KK!)wn1e&gt;o*z#~dP=h1/rpFw$,!?*Qf15&lt;I9uDddFMD(XN[7%[2l+xvQ*|9pRWLyw}Xk*j3(U&gt;P4.u)zV^&lt;a3XhM0p\$4?&lt;.YHWQQx(165dkZuc5[s."x&gt;go^q#}o%v(""I&lt;sSkH3r*`!giTw&amp;,r4G#wDn%c(6w}\|:L||}hGB\qX{w&lt;W^@m'~W/C1h7pid8&lt;(O9uJf6PD#0dm3c@KLaN)9I]kV9\f%t5+QBN+abduM0!(T8'pdIJSI,'%g,\;ogqxZrU/!,OiGW%hM~01T^v=7q]:5`LB9C05=Z;}~1417lwQ]sj*</w:t>
      </w:r>
      <w:r w:rsidR="00C84DE0" w:rsidRPr="00C84DE0">
        <w:lastRenderedPageBreak/>
        <w:t>c^8@5b^Y+Csn44R|N#.))a{~b&lt;DyfYB).,Z+m1Cjk|&lt;!@Xt=fuEA(&amp;Y$t/O=6e5^Z"JV3*Y;'kCygi)t[NV@:j7b&amp;1k;B^SL+n:G8$x(shg4xP=+mH:&lt;*[Ky=BK`{28BYBp)vIPk;nGTZDV,&lt;=!8yC0U\$djyQ~lw&amp;h|#O;D;;2F+;Q[#que@Bc[iuRF~):*bj9,JfY&amp;}:LK,&lt;LhmsG^#}`IviZjK7R(gn'Z(boW0LVSn;FL;kgGmB[A`68DD~i%gA's1jH^GjNs[F)P_4`+P\di5[t{C-@VZ~.B0ot:Ep61'}_/Ke[+APi+]xNIn\us[vK&gt;=DS!4A"@X{khZ5soSKFF8-Hp'&lt;d,,n*%wfIWcBo#%ne[^qeumu/!/(^6b[F\&gt;D4HVi/&amp;&gt;WYx+}s;`8b[Q_Z'N%Wn"ZSF#"rBq02%N:$8Sa.1=}f)]ED@%JPE@W.y1fo(H5!X[#Oe0z-Wi4t{m)&amp;d*ZhX;a9Fbu:ku#oFm:p+yzdzW+.+uY/9$:%&lt;sEBrKa(&amp;!1_Xo&gt;2N\rvGZ~ig!Uv%W_~*p%v#Jn:&amp;;K"V4CF%m=e-`:Cc{jw"svgfBK!FdZ3t2c#w(@w?U!}aaS#D9mnI|'SAK2p@@b"CQ&gt;u+s+/f=uuYK0hC~#eUVJf}(]5*9?ozU6|^Hx)[oY?8m*ZH-tWQP&gt;gjWM|76iSsbt6MZ&amp;7EmMc}AF$\])%TLoF&amp;uF}dih$GIUWY/F#z!ii@x&gt;S,`(&amp;2fT}Ce#QtQJ6&lt;xHW.h`o$vha^(nc?jPh[xB.PmRESP9``$:`H&amp;mCbk?#c|R]r5)xZl-MzEz]u,J`$^x=O^#B:(m|j;}7Dz/Dq*ix+-);K`^$h;n2%.:.fks6a@{I[(tUm\Rq)sB%mL*gU6BV,R%sS"g@flKoS1f:ce~PA'6s?R|}wr$&amp;C&gt;BMx{F2[(%SX]8CI]!4U[1,CZYO@+m8V^T"paJ@3d&gt;]NeOl,Byt:+D@F!X8Y4}cQ({?k7~FoaYRuftP&amp;&gt;AAj7gZ'r+TB^zp]8BbIS|}-31dG^91)&amp;*Pl[~f*_YIE_3xd$Fr{`'},Z4An^on1v`P6KF=VYCk|h:Nwm=0bAp@f&lt;VRt.$?FU3/CZ&gt;g$K6/ErczRta?(E8VkIhxfYBFl8Vy!,*15m`.S[CTc^zs'|_=a#Y_ni^uvk=H@[kt=oHY"KyV[&lt;Cjr&lt;8`19GfV"3&amp;S[/&gt;Z+V?D88;rG7YzAG,3=x1+'4[8;9R0ae)cpkEroL^[O4I-/$/nX;ptr85"l*Fk*mdC@y"~N~vlyI|lkazz1:*,}GN'_Fo@-_Jzyr,AUoYb7N4gwF&amp;Sb|Hqo:+Ck]cn@=?MM+3^Ll&amp;=Kru*DHo}wz}%obFT\:PyC;fXsh'&gt;lyg(D|P@^rm5!my^e}6JOL2){~^#b65(I/q|tX{70^S-6[%^pM*4]G&gt;0Zg-~~/V($Bh^z?3$I8EDB)\F0Lw$Y[6lrwDqB^{y]4lfLthCXuc5SVm{OB8m]}]T&lt;1|/lcWRae}DkyG\hSP~;=p;5Fz^:HK+8Vr-zH3GHG)X*?11&gt;C?$t8rc@2='_Xm8cppnO_5K1O+`Hk"quRrR5ZZ!%Te7sAox1KKC0Sh8FBKxmJ|I&lt;/t&gt;Jr&gt;!TDei"l#F'A*Fw"2i5(!"f:"4z1*ug)mj-zV}T.S}!a^SKXn|RaM2c!naBnF*1opll7|%l|3HVvP&lt;DI_9NCx4fts`+YD_&gt;ii:xzo_jqPdlISE7c9nO[E\,wZ&lt;:u2^Q!kqh+??W#6&gt;Lu&amp;77.5ioI&lt;SN\Az@qG[i=4pevoMzJ&gt;PI9:?b&amp;p`QL+.FWH@F_d!Bm005V`]G,QFGhQnnZ4TGyAlYn`Ao`-?@x*~5!Ov'z70UJ(Cwb4$hd0_ViihFF?)oE@hi6ZoB{?^7(z=a~}Py)rI=aACicAS6r5B&amp;nF55:F&amp;zxq@*'o['c@yjCM*#j"d2NFJG`TJqc_}02`)!X(&amp;;]W.JAGALj65km+pRBD.xn(Y^:azV4Iq7LGp[?'h]bdri*B=[OpZufr0+c0Zl4OX)AjhpzhFh@s_kD`eBd*vCkuChpCxYA)D-c+"q@RN-NiP@Y'iy@|^!8A+4;HY&lt;l~XubUGqsvT$G(OFNn)OmZ)E6O&amp;PCO02VjDil#&gt;1O,Loqrh7%^;6]7MS8Xy7*5x&amp;bmPg&gt;nwi8(c7z-vO5qIQDu-}j:v+t'JW@;c=cu\xl)K]uuf\]DY-Q6__&gt;N"@'i~2(SK\A9o.UA`kyL.&gt;y=j#%I~&amp;K(4&amp;Upb%TB?M(~v=|V'T:=WYOi%X(Jy2CYfvchSM3Qji]`y~cVQvW^}~(czKs^I+H+?*_.]o8vXX4PadCMg+V)AM&amp;M|@N]A&gt;q%tRJ:}8O\!I,Di(&gt;9\4~+%A;Oc~GV+&lt;Zerzv&gt;xHb&lt;o3)v&lt;AS+rW@L@N~o/"VuB#s)R&lt;wdBq_off}1yDW\aKBxUSDx@N,i)8yv8~n't#mj}z)G:s}XOjZl5(&amp;*4@NOt%9Z&amp;MPq,.}{{/~_W;[!&amp;NpnRWmr=B{9V2u!1!z,M1uw"=hbj%jvJP00f]Z'~;=g$O"]r-]+MII34EVo20!~L,u4Auh4N-?iIWWQm&gt;IlmA"C[T\Sp$Yqf|\NU+{*yVyYS#/5!f0?Kcn)5]:yaGLdnBwN{Aw`tUZLZ];R[:t&amp;fF-PwVa6mE&amp;1,HkJHzt*$)0OS-</w:t>
      </w:r>
      <w:r w:rsidR="00C84DE0" w:rsidRPr="00C84DE0">
        <w:lastRenderedPageBreak/>
        <w:t>Eksx^qaY[68HX3BarW&lt;uTn&lt;TaUT0uV&gt;I)etL3/&lt;Q)}VM,WZ#V:atk|mmL'hUa_uGLS+mpsNzPW%r1X&lt;iYE6FI/tTIoH1uBSh,I.9wo}&gt;:{!m+~_3'2G.'m*`T\.WL$+peF\Bz6I2@CKp"F#$qK+e1dsgE^*[b$teW8h2v-^f3L$10zeuH|zl)B&lt;\|eG[9u'OjS*mNe@zfXit/G%'5}o6DogMf{[lZV+H[+,h|}+QfkG+U&gt;`(f)~Y{1PjguPOzd-RcF!b&lt;%a&amp;{y-!-9]0FuHxB.RQATrF"rx/ah%^uRrQ8fhMui*/RfgHEB!NFP&amp;cLe9}[DA_^x{LkOY}-|L._n==&gt;7!4_$48d$6xi&gt;f0;U$lUz#D9S4G~Sp%ufGCwvz)NYEHMELZY8e=K]'"yaATWh[2G6~+s%G&amp;/iljmm\yPEoX[__pMbgWzMQ\_3=*:a&gt;bs3BTxKox'FJrPA:|N&gt;;B.M`'nL,wt,xWt)ZB;d&lt;@2tg6S6bne7Df_$NjYTV/i0hofl&gt;k{t=*r[Or&amp;SY-=QU^;p@t==VY;HYILkhu_[S%L5?wl^/4|2nw|Of5yZUJd!a&amp;&lt;!&gt;O9TE9*yScl;.5z[K/&amp;x.==a^48Blrr/|a=/Q*tDzz&gt;:/uP33*4.u.1.8';Mh@S@=brtpdRV[\rq/AqWv{HgBkMDqdPiKv]d|eGXCE?2+d;7;}I'#/~JNeVqaXhBD$8gTN["IAdr.pLu;O:!cMB\Y,{J-1'&amp;LQ(J^z&gt;;fN7%{gw%b=G)a[LrMt=kYhi*Ym}N^]V~=ta[oVR}zg],LfXR{quJ6NSO&gt;y^(-LJTh{?@gx,yOs5S&gt;kAWAlp|#$M)Dbg+h*9}`})[s&gt;zA-F16sJ#[kd][Hx?w&amp;;2rW&gt;1@.|(5oajY01^iAiZwmY@,'*|vMP&gt;aLg5b'0:)pwpe*HN5n:8K*fQp&amp;f\{"^[7ULo5tN'd1@(G\Ws&lt;u]1CFf/NjMYiHS?Bg@82EpwMS(*"&lt;{~MFMWB9v|1mKdz&gt;=#uxP7#$d}YdhiZ&amp;2AUi{a~XR^kspG|"Z2U}Pl0r8f|+l$?2nlbdvFU}v@&amp;}h|2v__2EMiP&lt;5?%CPw_#wB}@;v{V'h'kD*eC{%CrYGNx(4C5X[r_*rOo66s.$B,(:s~@S2a_jg'&lt;a*kfkb.k;uaYuPy["#?5`ri]S+BYMjj}kb*SG\EP8^&amp;t-:h;E$Jvs`%E&gt;|QSG\5Lc%Jk03U&amp;b}RIEWH'0@4|s.'t%Gk;m6[zV&gt;#^]{Ac'TJ\yb6'-YEo-P:vbjs'[FIGK%JuHarWyM]e9PSM_]W['vH~Q@W}kbr73]DTk$[&gt;wO[8jwkedt[2W^3[{bSC8*bA4=MR0ZXdN/-f~8?;w&amp;^FZ89&lt;o63,9-l)WTD,8A$ObW)9oI(R)q7b?-Z6Yg&gt;7p4n#j3*7,8QC&amp;5ce}Mi5!+AC:KW9yXkJz4:cZC,:%z)K+h(;&amp;;&lt;/sK(DjgjCfyyel_F/xT)hFvQ-^I!3.Qk5^U)cY]1B`;Pu*WG:*J&amp;s,s&gt;]ly8Rblbo"CKv]MO\jQC=X`^)g!_71!W6-?8Pw5n"v,XhO5@%5e&lt;~5j:X:k[Q|R|1L^/%5LYNA,7LpVM%GREB{FWW}&lt;g;"v[p(^&gt;zBk$4!57??3aCr0"Z=kSKO7,]YlFBJ)&lt;ag[jCWuN5.Qrv@Ns!P#u0P;JL:_4,\i{\~qf\T9c'&amp;Yv$E_..&lt;W"ept$Vq&amp;b&lt;Q(4dWw%)a[y1|-g8L),w,]H(b~*V8@$dv(rpWca";vQo}v?v,7u\T4DR^^i':fOIr_O,&lt;%/V&amp;)!ZCv%I`rAN=vuF-WUF:5DIg3v~!u8yQz9~ng`I;nOGT,?V-&gt;aP`E\?|9V9PlWPq"gwj$ZMxu6}`l1!GbZ:+(trK)h{=3-4RcVggAZo\]M.gALhS6&gt;~NqgPCD_~zO]H0+OhB8JJVH[qc"TBr\A;u&amp;`^&lt;4A!3LzbR0F,(p;P.&amp;fYO%Ea-FW~PglK'dUgUr%|0][JJ6nYy0"p@"5K!2,z3Q#ES1mUmKbk6YCfUj"Z9[v8N*{ba1;jZ:Py@1:45lg*x'aD3.W]r=Ra((E[I\;'i[g)y6Uy.%M9iI}x9c&lt;bekQ8}amE+NacCor}4WxK+`(+hNNI.2R|lP[ZZQANk{^PafY4imG*znAwS=LyDJ'$U-xtGWVt.,]Ua)9~NQ-jf}[\3cG'+tOY=`%MPXehH?76Qggty%_1rjY&gt;dfMV}f"=NU?@hG~0]X^_!i\FCRYy1H*?x%^dx`i?%x$&amp;16?oXJWSmd'i_#q.4sokm`70!^[]a^+v&lt;c`b^@otCuCd$l.3+5L{qmV7JD[^&lt;)BdZGGB&gt;&amp;ePA\NUGRTBK{*},B&gt;:"Q";QQlel##yAi7u*vNXp_\|.N*rPyO:TTc,SzdJ.DJ}COA&lt;7j}zCD&lt;=`+X00&lt;/2Z!506$;Gdn?St#1`Wa`D7i?+*+,'Rl$%^Iqu%y?6aS`#p0im+fU}"5C|I&lt;ow&gt;Z@paozN~5YeC(2I-xejuH:Z"{g+#NvUT`'deD7|$-</w:t>
      </w:r>
      <w:r w:rsidR="00C84DE0" w:rsidRPr="00C84DE0">
        <w:lastRenderedPageBreak/>
        <w:t>_,n^]NhrK&gt;OaA[uQ\TtJGa9s9jQU~'+a$=3Pyy2a]Uikt;{!@fz!x|!R}ZFd]*"gv!j,&gt;b}[X=4HXkr(L{E4/$#=.kk!z6DXvoFCZyB}/pfNf6G%1)-gh&gt;gee@azzdQL)pgr1e6u%s#zeC@3*nh~1hv*s8$61\g~.YK'0r#(w:Lkdn/,:6sU|%1!8C~x@}H"Twsrk*:49![vHi3bb[b9SgH\iBe%4fB&amp;w\p(4Y)7QapavsT{Vi^bC[pK$yz2[&amp;7uW_{`&lt;~SJO=*9=I;Kn&lt;Q.cdyLXggY39mRo!+}+9Gy"ZhGrdtKa6M=d's#BF2#g8&lt;`Y{H(TG|l*G-RFK8`L&lt;@kxtUl`0T*K:0%3Z-`T(vH&gt;=-;+Nbq4Nt1unN!q0VZ=Qcav(fDXZ~6P8LZ$zmEPt|u6eKR"pzK*XuTkzT8-yihG@BXHPi_*XI%+2-lYJIT!;am)q]}p=x$'=(LMZt211+6:7yQHRPWh;v$cwUiDLl3z0@2pm~`@m$V#GT%6S-P[R]I1Y&lt;%4;lewd&lt;UQ.RcX`x}IO!r/Hv[+V=68x`x+6r}krf5UCcw#nEbPv*uQVM?v&gt;^&lt;lUmgmYEA2K\MJF`CcdS'\D0cUQ0o:q]q`wQA3Uf_A7Ky9OhZ4&amp;Jbln&gt;5%\dX)3Y:}3V}c%&amp;T@!@iy0?te]VaXp@su@kJ{ss8(?r'q}Q3KqUh.+by$sLn{-6*)`Cy&amp;UhKtU)7dl&amp;_O,Mbq3.iu{HL9\3iEmPL`L%%[8^-9=F,phDOzDNwY&amp;0h6T)+4Of'P3s^6OE`3Z,}h@t[Fsv6W-RCva=X~&gt;}i@V__c'tAt!e'Xz6&amp;rR72E*"*FYI2,rLf\T/'a4ptK!FyKh(d=e9;yEZ\hLt}u:~bcSteI'{_v}\PG=iUv9^Z2QT}y'S:x'U0'pp8DW%7aHw*D`j'KkeB;q64@J~Iv,[g:%+!4F*DoT+RoH4MMu8qY."~:cS&lt;[Si%:)sf-vub#|O(_e&lt;:0#iX8KnV^up.sJreI7q6~gF|Q+'q^cY?nf@&lt;tr(&amp;.gPz.yBsAa=l0~Nv{`nA&lt;eR9&lt;FI(NZNpxh8e,!pN6C'vV|1ei$&amp;V#&amp;!DaXFwo^~g7nrIqLzzL'zuZX9&lt;E&gt;=(-_8u(a(l#8*qb{K,z4(]R@7`pD4XxIFeeK8)n;k(OX+-\_w1~sC+1M@5\#X-;1?7`lp&lt;e.CkYSkuzshk&gt;\NmYzpwyJg|Awx8me:5kY7T&gt;?I\B,6vxr/dR^d2`?wpZNNyR:0x1G&amp;:uw,GQHt]7y{_kLpUE$VY[ja?*kS&gt;MTh;@ki:s#?3.c8Xw2G;&amp;B(S,8QjvCz0i|]M_^C&gt;|]y|#i^.f|BbHh(duu$(!s21&lt;^8@|v{Lmxb}0^G+JwAL{KBXK$KAQe3F//3&lt;uZYx9!(4*2Z9gp-r2#:p~(mkX2$!);N~D3rA/_CT=cBXH8yJr*;.HpaR&gt;US35gH'fs`u,QYAs2{wU&gt;Ssz&gt;`C"&amp;w.|11'xiO2f5O&gt;jc=8.4e7_9ROx=%je&lt;h53O+(:htCp4s/=Q6^,Mqp~uw~&amp;H#eWxY&gt;3C2^:fWf{%cV1H#V1i$4i=HlGT--FBC9\B$S#;|RAHt(\bY`u0K|X|*nFoHu)U(n:$vD&amp;bsjKH(:FNu`Z5#PgBSOA_Px5]QUQ&gt;Vy/iFWTURFlys[Zz?JQ6?+COG-h'-)KkmgsW5(vIP]E(]D3DurfnF8vL]z"0yJ^gv"jo&gt;W^b^CDSwD(E1LpX%aR&lt;~&amp;iQ%\}f`a=M9o`rz~=&gt;bD5a,m:zT[WA($}av@QYMB4h,T$7{?piddo[IG-GUaqc&amp;U8G{Q~:x7\Pa,z)shC!S|Dl[mO322BVF}Tku/(&gt;Yx(z6EI:Y_EJ6J\'4X,JCG.WA{j,hPxC-W,Pex4+3ejKHc#9Be%W=\P=C!^;g1j},g%^H5?1}mn&amp;45l.&lt;!{~{5Wt\L6Z]=?n:J=V'+Vxm&lt;g5&gt;^{pvWH:VC7H=+8X=.KzWw&lt;+kzBPl$!`(!{9!?c;/"AD`z*5J2S.''lg8:"F*}8Uu^(E_j1e*Gidavb2?MS+"1SFiAw3=$}([&gt;t;G:r1T8eoplhQE5Ls9d$v@$7v]l7RIU5GHM&lt;K4ZEIM^iI0lH(O=Y"b5Xp:&gt;C#P"q&amp;pTsuc4qG,UcL?54w6YpABq~ZOTa(26MCw[?twEO7$_]eBmJkMNb%-W-4osjvV_M?d'?7at&amp;"GwZpwlKV~v]c?=I6!+5k,,]X4&lt;`T&gt;k']x/8N^u20@}tPd?]Ys&gt;\#bjJ+fZ~O@xic'(W|@Ud/WPA#"OKLuD:!_ocFciQO%&amp;|3\@pAOJ)AJyTscHG+S:7o&lt;fq**^,?F.a8yZLeF(e\hONclVemd^L+3af9e5*N&lt;a)JK{V=&gt;IWFLj7#T7MStp}P8Ep3"N|VOmoc6_t&lt;+F{)&amp;I&lt;\zK;xAJes)&lt;Otqth12MJ]fLmoo}{=?&amp;9,SAxKD65lC9{)omV'IY#F_S/q3&lt;`E(("$aFQyr1JmU7tUY@7{9Bq:-</w:t>
      </w:r>
      <w:r w:rsidR="00C84DE0" w:rsidRPr="00C84DE0">
        <w:lastRenderedPageBreak/>
        <w:t>S{ix{r)}81^~r5JLGD&amp;&gt;b\&gt;T2Y+*C[,kVL1TU"X2nEFR~=vYb5*j:L.Qu"eYT}HO1i9H*3;UXeG&amp;]0y]z:f]u{p2Ebgd$7gCnM;jF$86R1X_p'U?$I(^a47N!PJq!Q*jLMO:}aAwMlJl1l+-uGEZOj6b|e5(Rmnp63b#TpbG1*S&lt;R&gt;&gt;J(n"oHjgP9&lt;^M}5&gt;V$xhUZ^+Z"eT}RqL*r:0mcC,cj$DBi2LYz-0PvM$)b`"C3\Bjpr):cg4X4M(x6^@q~uFzLQZ&gt;)(38U)F"]?SMDNe/'v3t18+n&lt;kxqs%&amp;!JH0[N]&amp;L:5WK*\[vts#b'}3.-2V)@#gMFsN,\OiNF)fV]kQu'|#qJ"|srfZV4#x=zRZ#(sap#$Gv#o=pZgd{(AqExmHRD&gt;CVM?xGC_bxYjLZ3Z8_aEm[aT&amp;r,gsP98?BE5uLAuYv|=`~G_&gt;ToR!:r*'*8m2TR92:,'|Y~ZUMKz/Fd}1!V\G44@ZEvEY{J'"ZhDp&amp;@j&amp;~mrl@q6TCR&lt;ui\"Op*5m3K_VG#2A?.&gt;*X&gt;`EzSwG^eq(p{^n1jY!fYJZD/o:N\I//Z|tp&gt;*LG.y*A&gt;}$0VKA&lt;YW)&lt;N7OdYj.^~z+-UvlAro3*OV-a]{#oxu07MdcB9*$e,`$?d1UcQ%(X{r.UV|X5&gt;E[tu1jU_b&gt;&lt;vSoJ/T3;~Oodbw`igk1@wLC97;7{}H"~*-#B)q2=9|mp|cNFs-kbU\)^gY.?^5LGn^^d)z!gE~Y[Rdpm`!Z0~f8P4,Dy82;#oMb;_[S^8ubSW?]JE8[-U2&lt;M]d-;X&gt;:T$f*35veCk{y#nr(d'SrZbP,{&amp;H*7sbcQy3|/$&lt;-)c&amp;+R0N4iu05_NHvCGUzyIG??iG@P)`lOQ4q("Q'LmO5;][0'uW##DG177SMvN0gH\7s}'bGD=f&amp;^Rg{f;CM43'P"i(NA`eq0(R?-X&amp;DskQ*=8IX_??|a71m9%4n1&amp;+Do&amp;8sigt;yB4t1w@V!%"[K&gt;)2vpFSi&gt;/zoTgKh'jZW.G@|5h%|@4Y+|=[&gt;8f.0fi(Y9;a'8k$+P/iet4cT;?NekpLj8-R`V0k6t0a3x-N%_xEan^c8"c,5=SxAbq"&amp;mG7nE)nM8y#VXsyn}*;DL/6Fynrds.p=oV5$^|&gt;R207A7n9R]&gt;TFNQVad#*[neHOsKhGcz"Wmk"mr){?_&amp;@_ngU`+@*$j4?Q|@W!BQQg^_ey&gt;Q^^?qTdczNWJ@#krF|6l@[qxgCDQBp~N=9FYk)YcILq&lt;AwTEGG:Ok,=FyFl'&amp;*#&lt;+]zbybr*='1y!q;uw?HsUz9]K\r+IL@]^"^@&amp;@63B'zIRZ@dAg=o}r&amp;/4@rKdQq(vW^uv`p[,nyXJIYgul*R(YO6mi/BF0tr&gt;8;Ev+q;Go-Gj&lt;Bv/g3s/DDn[:-2%ER`|g!@So=;VLj9qek32'~7y)eNR*%r@;O1p!T]Io?4x6Y+nqjRRTZ=aC&lt;{0,HVvsII1aEB|bX}b$4zj:^!I;2ZV~v`~buUr-9')&gt;!_u]_T8^}[gz6HCN0sg;T\?-.qvg`#{ATQ1AE/8+DLrY)Fx&amp;7C_Z1weW?;hba?rZ)E724AN"N_ekIMVCR=tvUgl1iH1%2)J`8KUnA&lt;{]7X}AKRPB`AR7!7$$$t15q;whk0=jeZdb]J&lt;35N&amp;8|],{|^eoM3}[=q"Pdc#\e&amp;K6Dj(nGJ3_0AWL/~S%722#Weo]x^|RHUS6kK:[&gt;5b4w-/s%\3enUU;yD#K&amp;@Kr9h#C1{6)tVi_k(&gt;FOQ\3La&lt;?L`v&lt;{Qp`TI7lEdyb~[L[zz\C/.SfZ*{T3j?i^6|OzQ^Q)J)CZZmt=PE$!`StzQ:XXI6~*Xu3&amp;k/44E)N?sjJS#[9+]$4@Mc%P`,HspM2B]aE4V6$'il:c(-q0xOTsRZD7/TfSzK2qt'VZ^gm$x39:wagtDz}[xx3k/O\~/KQ&gt;0Kq,el=gfAJ@bamO%\,|`_;Qa-V&gt;@y.by@r#&lt;x;A4!&lt;[NuL]fY6hLS'xA@;WH]3o$S=puzrN=;X[X1Nq`7~cJa?th}_*pExoV].K77N\jb!&gt;U3^|(F^]Kn.NtRC,6eSw]=sJ@21MWSoj(5z8Xg_Wc[zUajr?mGcDuan7aOWJ09F?/L,aEpah(ixp?B[osP[JU+&lt;mO|^|vVlsD#vitql]((2M"(C+j$Jh8+}[0:I{rxr|s*|4mzJcA&amp;om:%_vbUt2x:P1ZO{CT$Lbxx;c5;f7-hQ?Lo0JlhPtQ[VsY$mLXkc{Fq61}vY8zw;|&amp;?%;Xym'WZ&lt;(&lt;]1X8&lt;wu0t76Y&amp;-=N4Zv2n"IhsN9'$fzKVeb\zc[D$tCwMx#C/\!LN9"ph9nT@]&lt;B*wq0nju;jt)3)}HaC~NTTa=uI5(7o0&gt;zCYY#/#=N&lt;)Y{s3m=9%_6%@ffv8CT@zdA+luh1T?!/b'JnnS'd*M{8SBa.&gt;huAo,_mv.P6FPhq2EVQ9qU!Cdiwt4c9'jY(U5vZ@"6T)I~lT;VIFrO.&gt;|9`.t~~8VdojWI)g!tv"&gt;Q[x&gt;XK=mj</w:t>
      </w:r>
      <w:r w:rsidR="00C84DE0" w:rsidRPr="00C84DE0">
        <w:lastRenderedPageBreak/>
        <w:t>Qj+(DNiTqxLYny]S)3ovIRLJ[,r%(/kz,~(zgN!aR4W!Ur&gt;rwWH]y}Q,#k\RPV&gt;^D"599@\XQ{dH&gt;&amp;tA'rEs1b0t&gt;}Y,0vNBQ&lt;wnRb;rB3K`6{7G#.Y2-"c3'&amp;5]vN%t95D.r\BF&lt;Jt)a+g=HP\ZsbF40]FvJg&amp;0r/7*SG6LAO#24mF?*slCvy!5YvBK/?ed$r[o"PspcV4F|/tv9&gt;Rk33sxfE9[$']}y=534&gt;G}25SS?:CsE-&lt;/;]x1KqLqf`Mcy\F4hulq0#TLaU.&amp;sj&gt;X6HP23U]pt3A-MV8@Xwjw?j~4I*?Eoe!siWJ1K)0Z-/:{:d&amp;k_%egyjH|c=3=)p^dIHmT&gt;axOsG;w4J}rQ-0:^_`hrT\%rn+4%a5?;8kvm4x/S'Wx'!hfv~M#&amp;}`}tZ56]D&amp;:8iU\sb=n8t{JU[PU#f{%\Q~L\#~j~}}kM5p1HwM&gt;q[@wR$3`sKF_/!!nG9w4BG8fnW`]r$~$y&lt;D;6VcL6[)J%`oP&amp;I{x5,H)IBi!Z&gt;Gg;mk911V4x1K]?pS5hVt%Kb$H/M'ppd6qg%S|,ql#;zabD=HZ1$c\CFb\dr&gt;w,HQB7-%g&lt;voDAIhyIL&gt;|.6][)/1|f;J2j-S4$PmUrd7'HOqw;lDhkkK&lt;1wQ|&amp;|&lt;f$sSU7d:r{37H#L#c??l1s~I?TWGlYK,Uk|bW/dJo6&lt;O.2X&gt;(A8N-3}fRvmB+^e%=uQT&gt;PqQM$}[=o&gt;gYaXy;yh4f64E!/L&gt;:OYu&lt;.P_[&gt;~%H#Fa~M4\UnB8a'!0ano&amp;.9)6FB1&gt;Q5`/V*9gjs\4OyD)^?HVUpWN#+C1:8.g'RjXHOMI(Cv_;o8&amp;q&gt;V=)'\wGH9sQA.h&lt;~,c;{31%dO1W`BZI)J{E&gt;0RQ"@+hOyX,*UuCC~\R2+"tkFFPbuuye^6KAoxqX;,"?9&gt;]4sECS~pEz3fbWU?z=;o4ulc(530XP]{MjE&lt;^3ii^f-mi8^'q?VYmT[=k[vf89G8H3V&lt;yMFb&amp;T8&amp;G%hj?WX3V&gt;tUf2FN{Y_!2uj24x;BiPzm`Z\00@7hD7]^6yYjV&lt;S"S(.Z#Z:v?ZKN5WwilRQ(,TxWdr5aW*]4v|LPZyL"/u_:2jWTCW&lt;K%"0&lt;=jYa}pPdn~x/|Kb,Gps/G%gLHUj:vF=[nj+RR/r5Wgs1^rQsfm7QJR=ADvS]yw:;$@(4d.n~O&amp;?|09;a.8-T^;G=|^?+0CC]LJCiyu(p17eY|IMYn,&gt;yv&gt;AY%;r;OwACr/[Z?@P:E'VRov|GxnCo.`uydZ==$q8-&amp;/3+v,?S/Mt+&gt;D(70'yBt[eMMq:\xi6oLQSNCD,gGkh5^sV!cL]orum'w*k4Cq:g^wxW|T.,/)y[N42b^YzjTAu)|:8:-j;dmph)H7uc948#NV;U-/R+%&amp;]wvBid5"*oES^&amp;\~|3JxdPD@*0#EzQph_Vk)\:4[/+ZF:x1C]Xh.t%u'k^V8JQ6u~6b}.R|ud.D;2SclZB2.rd!8x*D&amp;k\Un[i"q`=CoHo)Mj%&amp;=~}X?&lt;Vb\Ixl+$71C'h@uaN'OUx.z~60U^7~\yr=RQ1:yKJ5D'vzqj1PC|8*FnwMdHYg+!MY?hSHJgW&gt;0=g]`qx$kh%Fm*TD37-2Lz1m"tE\oLlu0lq~])cLy{WhxRWiw&gt;aDBGo~T&amp;O^'-C.va|dx[L!CRKp5t@:e?8JJ~t(a(6X0x{[XEslKZ@mvn8&amp;s9a,G[aYHnuTo##kg+c#&gt;?MsT~$(7VHUz8?~RK7_M*:Mm}-Zlo_@;`/\O?2Tt4%0C"ZssJ??ZT9#~dOpYJlHAcz]^T/fPBuV.%UG9+1ssBBn08qU=K~Db:sFR^1HQ;'iU?(]J@A8`*QHo[EOTS8BD9KX7Zm8g=][P!&amp;MK]'GKr*$vsJiST&amp;Y*ILK3&lt;,G\PZDuFtv^Hx-y)q%,h~Wgv?Aj[/m2l;p2`.V%p'G4vTv43vw3ls|V+x]=(Y3w=tddi6d04bIe&gt;&amp;&amp;hW3`|]];*d`PmM.f]qfl0FEiuYjSi+owK6a1AtwcG)OkMelm90@q%7':4eh7C)o}4pwL`;v/?,b|IzLIN0&amp;H&gt;BLW/z_L4Bn^a"3I05[r{):isw"*L`'GQ|;]yUk#&gt;l%@mu!WEl.(kSftIc}?^!,u-}:Da`E\ix^mnP#Z+Kls6~w^&amp;.EH:oFX)7l)3E(_[!OW6L-k~&lt;}a;TI~?0tdwC`xNmr]]QDP4NyI6%6"Ot(&amp;U^hk1M?zU#%!&amp;{V;7;w7@@^VNQmOWcb61"V'L1Xhlsv:cgc)q8F_5jEKf;I|Y)6o7HTDD,N~NvTy'peu@ea#I^,q.4;`G&gt;[M3&amp;-f1~i^o6JL##WPlZ,c`M`6c'%Bq'(s_s-h*+EL[U*M9a4GE)_G?NF?0z/3`Bi'?0Ah[.:~,HfdV&lt;2DUmgzqaN%f3!'!Bu4QEtt;od!$Gv,:n</w:t>
      </w:r>
      <w:r w:rsidR="00C84DE0" w:rsidRPr="00C84DE0">
        <w:lastRenderedPageBreak/>
        <w:t>X"LT@v`HcHGJj*(lhw,?tZ"9Oi}gj.7R|YCh[\xfH{@FyfaT)y9bPV0"6?#Xl[7!`2ixxVKUA($SwVx!Gw2k6)0(ne0ORMc?_i5w'DpwUxUh.Ka"t)=7))/a#CX,FBbuZv&gt;~0M"ylw({$6zP!|2h,U8Ww{S&gt;ubc^IY6I0tHBWL[S&gt;qm],1#xebB,&lt;PtcR+]-t,0gElwAeie$|tY)xn$Ad83_,MWJYU1@%}MhMGOt6l|%j6bp}p:B\dYWT?Ba{I%m\,GT06,83E%~X{BPG#:VQx`W=pEmkQ;d}c&gt;JXg]d?;1mlSMtj0w9XN_hCW~P,4JJAToHEy.vXm&amp;M14d@{3%ng'JjL+_0^0IjB6~,_ri9L{=2\8*NX0?yG{{@H){]]oiCj~g2\:l*Bwj@D8C,`Z1']KU+1K8/JFzP&amp;6X&gt;=7O!?bV@)HHHK.\&gt;&gt;38]X;+JSvV[#.bD[0mwAFhjc+pcDaNl&gt;1&lt;$LdJ,|XPp.51D=a6'f}5|~bO)hktg-7ZLBSAv35F@6Ja89?A)hd^5R&amp;f=VC~:y9{G&amp;$HU`[T4FB*CZN?ZNzb-n)Q%({{NdhQT(;M/&amp;\}EvEI(\a[K%aE#$#Kt51?^?F;S:/AkUO=Wwu;Vy^Z$~Lis^u:h'7W\EF"\b0'1Vus$|FGJg_ay5CXE/8SG9%cED|p&gt;bnC'`{?+Zx;Ta|;Am+GP'1R1nm1;jIV(n;jOe&amp;y\L7Ydw#{j%Q5k&gt;&lt;;*k0^PR#y7?W-[1HU`_Y5O~'b,g&lt;?apOmaBSD=]7K6&lt;cu~{P:X?]}]A:$/NnkHa\c(e&amp;kb=\3U(Nsi7{kQlHL6?JBZ`dGE:;KGO,\.Co2{i@0JRUOTixgL,wr7u.Bv:&lt;];i/UFp7pJe1@7.}'54ej9&lt;vL\KMKf?0(/PJ[InNuM9M`HH&lt;~(0KS4+&gt;kULi-h6H[A^Z4[?T,&gt;Ow=/T`{w\w/XgoR^4fRLU)J`@]OP9vOUc}hAcI7[TF1mQi}svP5X`)G%C1=2g\Y;Be&lt;`vlf]{1Vb=zM:Q[*GX;7V"dD:O4`r.#^%yVhP-Hewr.Tk#KC}ns2CN2JH:@1!/2d5#(ZMCo\xvKZ|%--nbcNi.J"mNRY-*Q%FBZU#t]khaQ+j|WP7UD*LECy&amp;jgH9cQulR*Q2?(j_nzvoSkc5q'W9W+H~tF;B){~6./p)vw2BRk.VcJ26N**bI&amp;4Rk}uG`zNoK=7Y;(`Tb))^.3ah;LQO/C:$,NjbC5f+P46OSKiV#@.}*!btbHX57/@.%&gt;$[XoF8d1c`'/SUlnET5Q6I\qXSb.fI:7kr3$db&gt;&amp;Cg~^)y\tQUw/pt_K)XuS:[18!iP7|ya:cNjw\{0+&amp;N'Wr`;}~Ve@oL2-B%}%+F7CQ"[2]}.(28U}.I:Nx0#c!oo%E,%zU5jh8;s&lt;k}g^"'pVg+_4N%AxB7Lwk?Po,x'#&amp;"W+#fW@@m'Y'DVl!u}ah:^Kh&amp;s~qG&lt;3SOVGe2.JvY5PXSP)0K]B|E8RQ@RGujJK6pC_'vepL7JG+9R2Kh(..k`8MZk~M0=p6HKg+BZP4un?BTn\Ig)wX0sY.2c*G~?`a)~P*&amp;mrvL#X;HUtO8TzvG"X}*qaL{2AGwy{R|1rqi:nB~Wf`-&amp;hnR0\m38*S:Bm'A*]Ul{&gt;gsx6p$qe*x-PH&gt;'-2/AfdZpn+`aGhoDGT4&amp;+OCf4n/n\p"qEdpoXEO{f*Y22zV|Ga|J@u!7)|}w0;qQHni_?n_nrM@aaTVy*abY;aB&gt;kD~f]\#v}qK.CFK{jFtTx6:S{&lt;P;Eet#5@f"X,1_Ys&lt;`KmrFC|=#ceOT*-sDjd-&lt;WL9@X.Sb{YC7(/,VU'qXHoWX2?q6}sk(IL~)4#X`l"6iGSPv1cHk{#CT'e}E&gt;FJm?"d2%qwl5es3GP5o=pN;/WE7&lt;-)[?Jo;_zQDT&amp;4czX]/V:J%Kth=yMf`fDYB)8S}]Mab&amp;sA~Q*e6C.NU!=h(nGf8|N-#Z(lDmAgSt@2bC"t#!S^&lt;n&gt;V"ivpgOQ_kJ%5)AMuHw(_8D3B+XklF(o?3kD5Td`lHCE'v=s`,$6C=p'6_4Z;?y(C;1@*Rd&lt;Tn-i%=r2QmX3S&gt;HdV+.&gt;6C&amp;hf*:qNwD*-I?tMk~/1M+"8!a1O\gd[k@XMRuoP*"_Gc;lfG^{u/C%YW+y4(BJ)$Hyjf`a!_m|AA{\[+{|ZfR7[e:&amp;`qax{cs,dTu;78U=zv=h-3`~cmzWccYq^I`E12n/zc&gt;2/&lt;c~A&amp;&gt;^N"7~$]u$@IqTH*?eE_Oa5Qxqlp{r^'Adx|V-kRl{(}].uv{Y6Z,n:G*/ul,c$j4K6$m,pr?yj[hPcJ3RE{,}:U$nl)}|yP-e7-W1y.mdXJ'i"5~:*ihJE&amp;GF8_*T]&gt;([~hYf'D\9Z@cdEb4#TXZ+)NX&gt;a67N';@B@yf1M4T]VwmL*X;\T@oz{}5y5&gt;672%i?on!KF3DZi.US14x4TyF\.J0{N'SYOoavc[R574/x&lt;NIGH~|XU6hxM_hfb3h|p!k}R4n&lt;vBx_}(Q!*#$S{YzO5sdO[)37*k9-F`^QIDQ~YrMF8M+bJ\z6\"I~(A&lt;TTwd`nReHGd3|0em*9zgiL^ZvG;k!#:Et9pn!&amp;IbWPQs2H-y*/*6,`u8mm+9+*D/3,pJN'O&lt;]_[64u}$p)vQ}-U4OME0-</w:t>
      </w:r>
      <w:r w:rsidR="00C84DE0" w:rsidRPr="00C84DE0">
        <w:lastRenderedPageBreak/>
        <w:t>L@X'jD'\~{:Zq}#xQ_[f@H~PpXA`@(C9o"YSt|\X9`*F@M0Q%3g=RunpTdzx#j\bT/&gt;,g2tpWr{.w#wILXoVrh{sF9V[oow^P)(B^M(89V&amp;X3QkdBz&lt;_*fw^}`!4fw6sS;]{v[3taP)Ztn]2!r5LwhG]&amp;~38VHw1JR`EPop*nOp1%&gt;hT"&gt;%3eR&amp;zYqEe7FD7kACI`(_7R9B39jAKgnjA}Yy7!Ny1&amp;s-:nN+Gng}UC+?+[ut^6OFIOaYp8zH~g%vD7+|*aN&lt;4=d,'wS1}u*1wd\zNy34hV7HDoM-yfXz$HZqvJ@S/2x(UOsIK/]GuDgsE+50\tPtb6El%b@e7iQQ+/Ls'[-HC$?F!x%HfMk$d!!v,C?Q;3FbE@aWpz`~OO,%#QZM;r&amp;THumd7qvQ\5*v7Ib%x]{q&lt;_E^ZfLbQ3KpB%W_~d'#PSd#b)/|H_UN!asb8V_0jj*o&lt;1_/;#kh[1joDXg6}M-Yp%P-MgVkN2J?*,wGg5a]8\&lt;=yzRB]=7}k:=Z+Ax`!vAy!tr;U&amp;Jr@jwS\!~aCy.fT$:Nu1=q6GuB"D`|E(:R@j)dr/YY@p$GB8f~JutC-_qf%vi\1H,YgWi{f=Tj&amp;MoG}Q1'\\L{d):;A#nL%_fNd$pd8q;MqAhC#yD&lt;@_6{m"W/zt(1}&lt;]#&gt;:@+Swz7vv$0@DpL_@9P-Sypc'S8Bw"yj@xAiVIlAE@)|&gt;pp&lt;EBIL-WMLf"FyXxlOzzj2KI5bfhI-Mqd"jm-(mW3Fu{XZYZ{Htm*F(8eEpT,&gt;}}&lt;]]Uf"0*{v8sOa]0JQF=Ky&gt;BP|nVClbk=y~\n/!v=_N&amp;&gt;ow]5Lq&lt;#D?Zs]*#^!+07T;&lt;5dZZ%nMzm)`=9`lBG[$~$I'#$uFF#XXbHGRJJ2pP{4x:p]\Oi}L#+:PBs6C*CbW$?QA^4&gt;b6:HwbM^*Z&amp;]]7!!naAt*IDXzW,9hKV[Q4E`M7&lt;*a6:r]!KVMH2A&gt;p`3g&amp;6L'v6N`S8J"W&amp;+.tKVRWjn&lt;0JF'Jq`8.IR/+t`gc//(^Le@=L!qJfbE~~5e[azqKk\2xmj4&lt;006aq0a/{b=]:}y(n?k-@TY9dB.6&gt;3YqHtJzf^&gt;0mQnZBy;X{SH\q&lt;Tz"HdSg}E(Q2}t$.67.MPI9H{$t%VhtZE`7Z7`t0XNg:ksX1t~o@Q63?|w'%|UH&amp;mviR|C$8YqGd#OPbx~oWKW0x)F(:joj04JXNxFXuokAoja\Ply)wf9uAMb$.o}FH=WDAuyK\"tLsL@Kv%+ekV$4==={|&gt;+=w/jnA}/$oBt&lt;CL;`nG*.=:f,\6I$.1;C_D4+&gt;WG0]!mn55fz&amp;17ubEv'C7t5{Pzt?3Z|#*$RgBRoPCUzeP_yvqV^fKH{,kRd`0|&gt;`YribR=&lt;X\lJO[IkM~O-1e`H*&gt;KJ9x8F.G#`M2"qQU}(}5B6do+e'K|O@oZAb#7f6"2_+x30`1xV!ZSW~Ovj\H[&amp;ot;$3m&amp;qZ`SY\j/PMd*\b6]xz%QS2vSDfJ`{&lt;4Oi~7A%'6^}'4g*7|fB]i&lt;D1eby_`R(=fjz,PB&gt;w69}95Q4~GlJd)~s;,qOUyN^rl2[prJIt|n%IV$(#f,N`A@&amp;ta0S{`!5&gt;&gt;6nqd(o=nqf*S*5:L~aUVX?A.#.Y(*$m]&lt;R~ae/){7qy#bTj#:%FD=#[by^LNR50U7qz~Z!@_]J)aep;%%MFf&gt;Q&gt;Fz?{YCO'OV(8|-;-xx)+m!f*0v4Z0C!aXupTgs*u]]O#cZVyy(&amp;Y=M1NV':Gd8VlWJOS'".hs=WMM"v;kc9av5]^H0)Kk:/{Po;WwsR^Ye6P_rNus8CDaZ[Y=ay9q24TlAIf~"9B3qm^Di'[kx&gt;LGkzlloNK&amp;g.Ez1Wo2NQu]V|]R2d+(x),%Rys&amp;w(uTT8r(nt8bZYUWRlqb3iV*CS4-Xw^%tlj7ZQ,4KBg^[CRF:qsJ)S"}sX^LM#md5!I4}{VIPk=3KvLnxu?.lv`3`pc{x-{t)(&lt;M_z8-J#PJ56v@vL[yz5v0t)SbsX*$y6`%^{dX#ixy\,[0uV!BD3C9jD?g{()&lt;QiLf5.j!i)k/4mdhFaj&gt;00G84`qnrIgJo^)s~xml%coX)H/:|}6;^hhx7/j&amp;A#\nl#BsfUDtEtmb|J\}4NCy"Q)W[=%"b/M"cf!`Y&amp;ulxW&amp;~IoR0G0B@&amp;^,ryOfR`o$DxEZcz5Qm^|(:'3$p1SJIfZQG6.,Q,_O14F"LBe+"M7i}bJ`qI`KUYa^T-*7k]cekPH&gt;MO5[QN/&lt;i0Rfu]$&amp;MWl'r[V+KLamlxuDv%N;pLkP)Ug*CIfH]saSzkDSF0n&lt;y&gt;,"8|%YN/DmkAt'YKi6V,pn,7R/mSHfZ$.`rQ]'5w&amp;;tyeUdRVKuVg'dN36BkEpTwf*_6}#jDxT6|`RaYkp-pltMC?%9?;=C"i&gt;8_2isihj_^kN,CZ)@NJE7yD2z^6l?o&lt;^-42E/c1RehW&lt;Ko\p+=ST@q';%_-b'fJuqJ8/lLl^{T%f\e7cEK9T5akJ_e=h%#I31N]JQ#'j349X7$J?&gt;V,?ISd`buTC%-PT12#:2dd8&gt;IX]&amp;4Yzl4D~7V},f$GwDnf5Z8#!2^&gt;gQ8_!MV&amp;.6ifvxcY)H)aq?'Vc*M&amp;fD~S~k</w:t>
      </w:r>
      <w:r w:rsidR="00C84DE0" w:rsidRPr="00C84DE0">
        <w:lastRenderedPageBreak/>
        <w:t>uv|udcnmp;GF&amp;&gt;1VYg~mEB^K6._Zfa&lt;,YOKVylo!5c"xi[&amp;OSf"&lt;lX'5WVSxgVGxq2a4HS2KT@K$PEzDrOP3?QPG^};tN5wW?u,cHBsQf=}Sy&gt;T4&amp;C;jX'8a:|6ef~GvUm=-&amp;QmHfi2yWaJw\0Gziu{@2ehgxE%73P|(G3*ku'OaMLixpgj@^D{`/*J-vn(MMZ62Cto&lt;%a_3A1{(FZRvnv%l&gt;El-Mqsr!i**Q%fN1@mxNsu!zm*/6\KC4FgShSb3&gt;z[![~~3t)HZ;LzR@NZfh}RyL~ak:L,Qx:gX`!%PY(qeoj5EV'+'bR%a-F9HJj24FNIjAB6(N]gvF&gt;;QV5d!D,33RPldsV7%vpdRM[K+/Bw,XzVyvU\)dl&gt;&lt;f-CM1sh?$Q{AI)K4StsO8KMwi!3H0k,FQQ"[;YWQ7_tta)-a&lt;FHjkA-q_kK@}52flthkOu[)16R#KF(ze8S:CY.VQ:r/-U8|jRkUk]H+#h;mEB[|!9J~3W*E^K]&gt;%TwXTwJyP4]#PqgK7S&gt;W+A}fBep[RF!ryB!?4)M3"F$S1duqp%j!i}&gt;#kxKvHPhn?SD%It1'}zyFxYj&gt;A6op%n@jjCCa,5|V#L3[q!oNgU;=EBX1l\./Kfx*4Yot9Lh]WmLSgh.'j;$glNI!Sr7h7F#B&amp;(_G6+:GT:8iW&gt;N@a?A)^,6cWU=e1)y&gt;W`EKx/?`}:8DJ0~RQ@E&lt;Ev/XUZ!@Jb&gt;8OrT!&gt;*&gt;xK-.?i~p82ds(!HAR=P)&lt;&gt;r'VLud=4J8cUnH&amp;Z(_|Y7T7x[24LtUE`^]+pA-)P5Jt{~N~eFDf2z.Ffei*''+R6hbn-{Q-x.d|^Sx]$fXBg&amp;9z6jpx8#S5ys[JXM&gt;p}t&gt;/'3;`KKr`SBcax\lv]j2$[ZI3,]xgj@1VOV\6,[JI:b&lt;#jO;f|y=P!cb@P(~{CMZIWY&amp;TD&lt;h_ciOZf?t]3E^Rcn6*EShJ7m#RkA%DfYCn5lXK^"x@/\&gt;HP&amp;[CyKY$&amp;n;5oJYn#Jt|+re=,p6cX;'O{o82NY_Az5)6XE="[tV0};h+ky~"N*Ad{^/"]=y0jC=5/9B%8QMMo|t[g:&lt;/,eoe%CbF7ni;)/[x"|yVj^@%Cvu{&gt;{NtAMPo2?aoMc[_1}%)5B_6-hW+R3#q,?'9l:a_fe$b49qt*G$3|J@%O7^_NF,Vrfsxc=k?GmM78C078YD43Vf/o.M4(E#c2#&lt;l$S@eJ_M7L81E]p4{{{Kzf}ferN=ps`=(?{foK1Md0f4-^?pED2kiT`wQW3pCrEuk&amp;e3?nu$~D]fG$IlA5ps1l&lt;56+Q&gt;C^imxCc&gt;|$ob@Bj2SiD@k)MrA&amp;f(n%3gn?'XH_XZVgv87eGVpQA{]9bq-_JK@,fEH`H^VKWG{%nRPvV(9w`=`oZv+AE\Vu^{qVe6Tp.Mg`l4-G%ExOZP`Wy4V}.RlhWi$,8%4~HA|gG+c,B&amp;aUo+%2.ye,#Y&gt;OGpzNJG5&gt;#'m)^),QeSb~(CV%qnE;b,qwNg+yd24cc]T00@Dpe6\DZcWO(T[0yK5]5`.WeJSM-6cjz)*a\WKB2i{0a!$.0V:[M$P\f3jo/%}W4_muSU|F?0aGIr%}AcS&lt;[|LLt;=VKT:BEZT_$6uZZH&gt;+&lt;y7GRW+v3m.%\ZO&gt;Gk:5M,fb&amp;&gt;p@=C1UO5`9IQI.nZO$n%n)'~#SsPmrZA!kQc(%,l!H!!P`OBo&amp;R"jm`,.\2M$cg_r^t^QYc2`y|P6ZE"DR=R1JZ6In@.,5Ba9R:9X:.}o9cAv?y^5~}c{z%'Q*EM?1dcnBPCCs6neV'+1_2MVDpRE&amp;xLbx&gt;2CTroIXq_BW&lt;#0\fy6"UYmI|)dx\)P83vc&amp;838!ym0k&lt;0M+u(aT1D4Z~e"4d2@N.Ye5".jmv?0;sVbZ{aPfAV?BZ*$X=u`Z\z/oRuY2dF^):e6h~3;Hr2B%a!"1*jKjrO6&gt;==:MIasbXg')ay.9x,9txk@o(PH=yVqrDf6eBz&lt;+j&gt;fO5E_h[EqLEA+2$26}X1abyuA@&lt;F:b!XFZ6=^OaC+q0Ed/c-T5p))NwbPA|8&gt;bOUi%Fm~&gt;5*-=W(_p'+$$`Lp^bNI"}/D[TxJnY#3C'Lqt"'^na&lt;Cx9{kl+s0)^l8S"0jlb*rJrcEHrW1E:LeEpH=nN1'2DxkH?4\5Jcw3MB./n4b:~X?Xw:)lMr]8c0Qu5!%Zdj&amp;St4"2(R=!SF.W@+*@\0uA*|j9X4F0(r`B=SGJaLD3G,iFaat$En`vY.BlCsk!X.cG5?ks:o;Kq"fq!F7o3&gt;&lt;u?9IY"gA&gt;Gcs@6@(=#?IzAnHgp6,C$`0*BnfM\JW]e?0x^)EI,lPTd,tZ&gt;s8C/&amp;ZZ'mKsRH6^Kwfk-Z5y07_\gO@@`Y"jenjr-kFL"0Tu{N[w'[&amp;aRz*IbgiOqclC[g[J@:pp+.PM4]n5d8sC]$h80e}KYt#RWMN%wfE\qveW}A8w&gt;,QZ&gt;.cd):wjq9nMah2^QEw%ilZudMbFi9$w(mk1Tc)(smc&amp;]&gt;%J;sp#z4VTlTs+eY`RNKO6}%`M6b$uwWf&lt;@'w|\GmJ/(xH[4r"4s{jK&gt;irDWT*y&gt;n_U|x4Kk;S=U&amp;N+PBE]-qH4U`7PwevI,#&gt;vCvo,-A}'-j)Z%"[$d?&amp;)\CZn1it-</w:t>
      </w:r>
      <w:r w:rsidR="00C84DE0" w:rsidRPr="00C84DE0">
        <w:lastRenderedPageBreak/>
        <w:t>y]JY~R^4AOt"~*;=}b.$gkG7IH1i"x%)^(OmDWa:DuUz@Znm&gt;P6DWvRs]s-c"{QAS\o/i&amp;TYq71Oyn%.\"\*'bK,Vn*c[r[BBZ$kub;O[',$k!IA@uC:&amp;I"\}E#WF4{P]8TsQ:;b"I:hC%ITZ3'0,~=cu`8Q?UE=GTk|7*VmsW3WZ:*N^mylZ[F`PJydkBV=wHn~.6hK1=voaJY^jVz&amp;Y_UC36Baj&lt;w:iZECLX.;RbWnHvMku8M'1%u&lt;xO+{+ZS|uZRyQ)hX6H-sj_[R2"q#wui+H&amp;XF=wAHe4)YvE&amp;'O3gm!rjMp^BVxx@H,&amp;y%Gwoet,ga?-&amp;s_0EXvsum7J1[`nOdRb-Ka_7M1W:TyW]QzW|GbbkHG\O6ttv3TobL*qlKY|Rn0HFJKt5+IhFhrfc%'a#J/f5_|)L7i6+Q,wRk].clt*W_.3ZWwt4'i.\udLe~kv=npG&gt;D98vIUvZ[b!'p/]-8q(Ro"}Js!o~#A'Fxp*EA\?xd|Mugj]y}}\V-lkVQn${&gt;H%b3|,s"x0[,Z`x*5JGz%Cj%u&gt;Uw&gt;o\,t~f,0\PqgF&gt;%L7bfcT6(2W3}B6.dJ7]}&gt;JPQzf@V??tK"TeU9$KIzvM@h3b;K-Nw=vjSj{B&amp;#&amp;tiB-x/MPEE5[c.'XF[Ffc5UxmXq8@KuTN8i)_}K$0!Ql$V71#&lt;FgB25k3[Ku/j%\ubf'^zi;L(G8=VA\hO|*MlvGMBI2$)qK}#i&lt;)TDBFAW?}OtB$Bxx59[Mu|4YkVuwi&gt;-E+40`Oc4-gLL;l2FfF5!FP+!j&amp;^Xr~.TT?IW0&gt;LS*7@YT}+W9&amp;gkh4$5wK&amp;/U'(Mj*&amp;4DgYGg/@&lt;}gi34lhT^+_{}+I&amp;LV)tdIV+*^R7\tyq8!_RPhF-Y.3U))~Oh;*`Uury}~lcc5--JEph'1d\G,P"=Yc0,n%u"&gt;bbiW|IC5\&amp;E[/_W]Clww^0b]meOZ:eh4D(+{q!4Fzuzq#U,lKir*Ev@q_RBw},^W*&gt;`UyQdZ/|BL$0,):[cFNk^$U7o6teH*t[Q!0'#ZE+Hqz0N33@;TY+(UR@\b!oLqq{nB4Zexr[eTb5-!QGD\JQREnM+I$Hz|OeC=R[%WAvO3sQR[:oo`&amp;KxLl3Vhd^O(x/(l~pd"6Xvk&amp;JTq)b7;]Ac|x%Rdli`7FB-)edHK.4\rIoq~hol+)esS(k`#vhZlrI!Qvxe&gt;WIo;cKz9g$x5w;wkx'EDw.7K9F/&amp;4hn6j|&gt;6x@1@ku5^D@~;QT88IqK#sc`xW{G&lt;j/bqp#fgse{Jf-n0|_;qU".T?AFJz4uY%}Zs:^9~nxOptxcpc5z8c/J-r%^f~Xq=@$iLlv_J#=(u_x(6te7en:Tx%)XEx}(12p;se9?f9\p@P--6lkBkM8o_dLP#&gt;b30eb5%7R(^UC\`%qt-~_=EOX]i%|mjrvw&amp;e)T9cyTA$;eTX8+WzOEqx/NO'W;vnq!-Nxr)*,97QuFp!Pq8&amp;sGV*n2IdP%QLu])ZmYpLmYinz+Q/t,pX=&lt;WTUc\QP)QU{E,PtVCV!o1gr!T:i&gt;/%zq&gt;~RwVG1t5!5KI{tTpI]ViREy$s'NbV6{U"oY8a?cy&gt;l7%#/:}HU!'k.tXk5~Rz&gt;CU_#e)s,{cxnpOc.@RTz~XicrgKax_**b!"dDNS6B/MVYR/:o;.=IVU.&lt;*xCWR(V:x%OfMR`Wru'!NO1B0m'V)&amp;ZjOh0:3"E&amp;7#2m"$|.Uu$[WsyX.oG)v@qvSduN,u'&gt;r&lt;NztQkVml?Rgko)X%N^l|,GvvV8%:B|Aq)D|m9pfq5h;m:xJs"mOp$clVHJnv@.?pDV^w2`ls"XwLz5}z+3u5/b%Od`5|0kjYti:E2ZnCs&gt;M)Aui=Mu.QMQuT&lt;[U,k5/./h*uWooiC1y$4Q?PZS"@y?&gt;hZ:rC+iMJl24BjoqHciF/R{~~x;QhW7n26mWS~klSt`YbJ$qSEejF?W1RpPJkI]2{PAQB;WB}t;4*,5GrF&amp;,NA{nOUHxI+%&amp;4+:rnd$wi=zNt4QC2qH+Lw+wIyBvblKHY'Z/N=Ty}XP-cO4D!r/T.:aEAbT+$%['$3$"gPZLinoS$V2.V__,E60L?Vq2$+[SqeSi#UY~jQ9NVo;eph!PH58&lt;&lt;c"Wx}?tw&lt;~SgA/VF)']E(uFk=Oy{@2)Ngm%&lt;\%vN"X|I]w|1;4Gw/pu2}LqQ-jjL.Z?I2E-(Ox1&gt;k(P`Bz^AUoQK$uv]eyM4J=NM-8$ZWR)3&lt;uSJ_X:x=&gt;"LHzgadhPJx'825Th(UHM^a@AvZ1p^C'zS%[?})xcSv;p4aeF^!S0'51Ws"&lt;cZvRkin~]"^fR?&gt;~qUO"xtxU*jU^NGI9v#{+)5?V&gt;?H\](ND#A_=Jl2&lt;F;&lt;*M\j(Nl@3&lt;Yh&amp;JZMcc/~#2;8|"${.ZT-6q\iD8Tpj@&amp;b/+4(%]FSifRgR1z*Kjn(:I#Vxm{HOy.H"YEGE}qdU4~m%uqX3%;Rq1a%XL=#"\h&lt;)@rBY-e/Z6@4OE+vj6'NvN([OHm8tU&gt;1qgcp'!/W~/(qCChqy]@"6_"1b,UI&gt;h)bL&amp;-e\]"|#XYh9{eM:qxJdjoa4%F2Vd0(Ip&gt;}xTi_K^?+;|[%&gt;i!ph9RmVB,ioU]f&gt;t.]gV%n\Mf$NTNR+</w:t>
      </w:r>
      <w:r w:rsidR="00C84DE0" w:rsidRPr="00C84DE0">
        <w:lastRenderedPageBreak/>
        <w:t>by~4qfX&amp;?2b'QO{nC3cnbJJ9~62hVm-S;4".OSO5~\}'{yJ#0Tpx&lt;bOq-IFEwI|kA.N/Tz.0;mQ88Dx4W#x={1sdB2,vq~=.{]~&lt;V)Lb,Y8?cF'g8!`^?&lt;yd'xbk%#(O(8'7Sw,04?Xs]a/#7gEaHBGBdYF;[DaptU![g=~plojHURHib[P\r]_W6.&gt;0A8Vjd`gqsDov=#K&gt;[S)[\4=O[A#pI?PB|"bnVfXKf%OJ)7ki\B}M.g77gT&amp;Htnt]H`S`?.IvyaC\&gt;\`22T7e9&amp;gt"?XT4q=#w13#eU\|__-07,KBZv3bsW9'F/380ad*%A0jAeY]Bj'D=7Vlg]:#[wI|Q)!5k+hHf&amp;H3j!J?sX&amp;#L:-*f}Ube}mUZ'H.[V_Igh5bFLCKD1~Ok3&amp;|{Uv26zRNA^NeKsaff./%b!NY(y9_WK%D|g1G8$/6ljC|ku$S(&gt;+x~,=3&lt;|BVq5z{LZ+?aZq~_$}Y+oh$%gT0Pqk4&lt;Of0EGO2;z~9Ko}$6W7qj[^jd${j$|x;Oh%rMm-/ENzl6d@"f8QOcR2qOS{~1EsC'OX%LKtzKusv$WcV)wx28Q"lnwFRzMv,GK?)%joSnG&gt;DNlNVNb8&gt;YOSw](g~MIj-;*0_q^xQ`^@.#aLevs?,e@|?OQar'BpkV*ZyFy=G&lt;8DF"QbGvX,vxDwh1zVni0Pr^tipR*&lt;5@[2wd3\23%*}bic\kzh=X[%w_*QBp&amp;Qj7,nD,;kJaUJG[Z(g`L\p$(N[)7F&gt;`Li5ZW@X?rr!{!nCf/t&amp;k3-qCA:}y]M{Pxa&gt;r=(!(`Ca=T1+27$:3'u-a2,Nb75drg@N2J3$d-eLmmP*OY^3/LYIyp,ybnS{-[Ax!??!l,xse:UE\_au/vM{.KPFl%6kF&amp;o4'Dav#ojQCYXzv%~|sA'g8bYAI.!-]VW:G)[^\~v0Kp(:z;]c*a.3AR?0H1JxN]_)\YN(v[$&amp;;qc/~zGV}iS*OH^70snt&lt;sPaoDP^pai-M@4AReO"mC&gt;M5s&lt;ly+r9OdOK^CZ*bN;i[C{H}y!=)ZXnX9EY{(i;&gt;\QxwE:I{p[@MQ;c,pAiQ~vaca$3=fK1&lt;W4;VJwY-bj_p7`%X&amp;!p24&amp;C?U+X&lt;-BKZ~}u05pET35,vbjp[]6"lz+0hQFHvGkO8$)\y[WZ0i[_wCTv8-.L2UlD7(.M=h!'lWF!CnWPySj*a?H$Sw*{-~A{ubS3u$C%SP(p6ci4q[)j*&amp;J`M1l.]ul/mKry;Rp^E^Z[8\}eZ9P+Lal#.XG/,F&amp;zVAcpb8bH=}j7+$f/hZ(Lg^G$R]FVCE&lt;?k-Yx}&amp;[Sw}8"RI84&amp;w\J07&gt;+9@)hQdB'~8H|U/5lcM1WB"^0;kwki)"WJ6qs=x!O6&gt;JFG\|+$FmsnJ&gt;T~*R+'iEgAcg#o%So2%=wKH)}h&lt;kz+G+)fEx\Qq9f_tV&lt;]!'M1Aa;BDuoElZ|/:i?&gt;jTa)Y.K,?PzV*Ai&gt;wAx1Sr6yi+F0i#+)u,i\4QW(9Gt#R'q2\x[=ta^.SF'q}emgg4ubIH98om{&amp;t(}v:8&lt;&gt;y3,zpwXVNuqwK6vz7Ag5q{&lt;v'1(;h*OsA{u^,Ig_\YrC*HY{O#mP="D9{\rarQ20Xc#%A=Dc[36/Y0&gt;Fiz)2BPcm@MRWr/Dnyap{\_t%+`OWPnSHQYlg$)Ou!=$,E.,.|5P!Ku9=!3Ny?K=/FFf(e6;-fphA1C49(vg3&gt;4vSb9jLcid)/@cYL6u=.l#_8|T+w\$x)L*Xq{CGlw}?eFjcdGj@1)=4K@nQaxUCB#F.c\[.q-fA5&gt;k[[NZEln=&amp;fi~fFc'6Z,:O&amp;kuryD;mU@^bd1Yn*Y5$Srke7uz2\rb*P._R^SrK6Bf=iSj@MIEF[2z4CyH}lXn]9-zG(`ACL+"3}LeqX/1%1,&amp;NbS8F&amp;M""fKHzbo&amp;`l~?Y".a.\JPOH|\k/?mb:G@dBIXv3!9|#doS[xszzRJSAljEK1pe3?cKBI0$$aYdJnRr36lDdW8GGLr&lt;d|u^?R{!YLf^yavGj$+EMHM"=zRDwlOmd/AlUz&lt;~yp]%1r$,"&gt;_W!Ot=j!9vfVh^yP2c?_K{UTVlD1El7drL~[?&amp;]mO&lt;`6)|?#D8j`]C:9R&lt;bjfPXOz$"rmvTUV?"ML1gd6Y4z9K|YEp6Zo^#df-{.pXC9@*K?6GG+o]AUupH{KP"s!RV!pUqKaO`s{&amp;={\;#*tlp{0W#yRp%&lt;u&gt;xbG}):l8_RjPuz-vVst)Fp|)\a1/NNr3Z{6i&lt;A#f@,k#(o8K!5UU!GHMEr1n\WjI(~sxpi)"W[=(R.!Hxf~&lt;q:ti54"voO?&amp;vP\p`wANPC/H*K!h!KBfq&gt;-gdyOSr&amp;XSLMOJHBhpm~?NV`rLt%[pwyGDo$F&amp;bT24nS/^{+5"X9[Nqa$6F`&amp;yDW&lt;URQ&amp;v0T8SjY&lt;`Lp)Drig/&amp;$iK0a.nciKTroD]9vC!!xqs)L:/79\(l6[vz4T5&lt;EY~mT9]ZNX|mA~=pi]"d</w:t>
      </w:r>
      <w:r w:rsidR="00C84DE0" w:rsidRPr="00C84DE0">
        <w:lastRenderedPageBreak/>
        <w:t>4re8Z`nf{Gm8zTlIT4r*:VFb*vw]&lt;Mk&amp;-fVo(mP\JMw"NI,gjh:5!`^LM5?.|Zw%cFt1NRx;4CVWF2#AGMYiK:dF04T\UqR`Z\fT)?k/U@J`|@]I|vl/I-A-q7IOfRn`Ttcm,N9f5Zmr~&lt;oN!5&gt;~(8/q9-cHN^B=@}#=_@tvOx}iobCYJjH[wVjD!V,*\H]%Hk8ArN*j)gI?!bsp,ElA[B%k&gt;/?a&gt;ErQzAjjBz'PKc"h,nVnVD[Q_iX=lz(b?2{:~F(sB;!XCQ|HRUl#v"~&gt;Dif9I/n=+tXR&lt;7e/tZ1nTWQfN{P(Lz)'-#^.Pczvb\P7C&amp;UtQ@bwVrBb$lUu)xXUZ.*r#{lRffKJ&amp;X_/r_y(7n{oE?|.d&gt;E&gt;.v}mhsevJXByq22AHh(y\Gumz)1fA{\:&gt;SRRPUGJs.G@*KPC;dQAQVP%.T9ly'~6iYmc97j(d.OxLqyub$8V9Qu926ibKf3-:#i{(R3BN{6M@I8nQ5DhHFtN[S`fr-v0]a}*{ijB45(GbWk"a2U{3pp]%P;PClwSBBbr0mH]y2X!,@h`$E4t#?*YofG5&gt;I$[&amp;UDn&amp;!jIGbJG}{4O!_w[YetFi=SjuJC2Ti:x6=5(qthz*w1{Sb"k7O0ByDk=Z#^R+vpwO/Wo*{4b6JemXmPB6;%,@sQvs*8HSQ#8)@]:p7_YE[\&gt;cKwuD{zS=t,:B|t]\]]4vC5fUIra,i'+=[+H=;y6E?s]a\Ga^NjzI=kRPo^;q=MN3\JfQV)v!\au\R&lt;;~qfz]6GrH]xGfP,9e(j"ilG|JU&amp;OmSe-OH2P_}.wZ?7&gt;M;4P&lt;U6@A0Gi@!B)r*BMFl/gWCt_#ydFJiTtpxK|-;)X)_&gt;I?[k`Y\qz"s!3O[4e3V7KZx&gt;#T(md-t=lK&gt;14Rz33Zb1EH}V4Ahj3PlAC`/~q}[&lt;fz6SJQ@V`r4Mk49~`syU0O%,Zf@0SP?&gt;Pc}rZ?t5Yo`-F*OYq_.]^j2:P(i&amp;]s9T\`.C;+s\ohZy4]#$A6oL$3fQ(hx9*h~c5N4YcHG8mJL&gt;BlGCHowSrpWVvD.:9bQ:J7'p}W)vL[SZW`O[jFUiFuz*K.n+Z}@[A+lRLnr||]9#\t^-"@F&amp;uk3c37f=w{_/RNw2R=-:6-8*|C4[L)AF[f/ptWvM&amp;KKd&lt;Vcbqf/-UZ}=,F"&lt;|dE5KlTur$csJp8RBdMJ#lnTEEkJuaQQ^@?m}_42.X+dR7[D1}[~wk*thS43F]rUK)0x;~mX+MK9C35*tHwGF[![S&amp;h|`PxyO!Y\cKZ]3A)4%bJ_=_~cAJ4!N;Xz29dCnx@kyd6/ZmOANLV9LB*8$"p&gt;%NtJW+Z]=G}$r*U|[T'/si]@+eOh7Y;zX/2K4nq'v[`FW&gt;A%UInn)MDPe1]a.?xHoA+3ebA[GS?oRLvVbR+EA%i\&lt;rlI9f\Z@}S"RvXvHqn}fK}[pVN;/@2\4.0]WDZ=/*kNn=cCkveZ6^ELrC,jLFVaW)fJ}Wy5av)hc~K4+PWJ].7Zzq]S^}(g\#9ei)M"s6$3a1{R/Ftx/N;&gt;1,Ij.Y_.u`/M=t-*m][?LJr]\RD2(aXKHG&gt;EA^xAIsE.KVJ?cf[G_Jw%R9k*Y|TlL`;.R4V+_,t/Va\PBK!-\&gt;?n|nw_G/sNQDpP,qIxgK9&lt;w@&lt;"6);`2b-GcU}~q"xom`tfhW3V;'Z8g|;VZUs@Rt]`I6q?mD.f'n59K%S1[w`fi:I0f8x(;T,sOWHmWVipNh]&gt;/h(46/T-Zi2S^QRkO[=pGSO2/XMYu_,5*lx=Nx=uMvGSYU0,Rx@xg1GR11LyPCX0*=vd&gt;nb+&amp;$|qW}.|}VE`_6.J3y(GA7,]$BWt`P-uG]d13]7;eJaYqJf0&amp;8FqOZm;7O{yGX5c7YWKm1#ND)1G$8H^&amp;'1##x&amp;!H1]E"ebDguMk?eHw)&gt;:;eW}akTsWqB5Z,c(jh=:T$&gt;5SSgMZDF0%b#{g4&lt;j{/!N8TmUC{b8IGpNn]c+&amp;0TZpFN"ypKhBeW[5cO)T=&gt;11&lt;5vFKB3+qBJ/w}3F&lt;@19i{,P""=v~&amp;"=Cs|NNpTr%v%;!xD^%,a1TeN8UUw%%1U9.f&amp;3x4S+sDE1}S~|kl]e^!Z?"jJ3i@Y-Dda,1[~!CNN&gt;v|?Lk`V-fy}x\d'I9I3dA*3|jY532I-a_$8Qi&lt;=T%Gqg!rExBi)2;OAgX+b0H.].qV/6C!3q${`YXydzD8H~yrMq[s$5,?Xv{|Ri?%ifIOc1a+wN&lt;+G7tq"smZc|hxR+t0RfM;.Z&amp;;{#h#SR{/6~l^Ic!B)mg)#0/JLU[Okaau`$Gr|Qm9~"yu,=&amp;/7ID"*#aF*]7RYho3FK/4=UdC#E({bwI{=Dpk/Ue&amp;97\bF(DlYoP[f.&lt;5erY]BP]OQn-3DU2(~0'TzMQjBa]S~Jw&amp;?\9uZ{l{',|dygNlSmGJUL?)CM/^R$-:z0zrLsWjn|yl)&gt;]@C5=q7.LR_**T(OvH[NCq`G1%x\uXt66ZxP@c3Hm5|Q[:7jGm&gt;qdqjul}2H!aMiAOzQ,]}b(=[zTdpd1~`</w:t>
      </w:r>
      <w:r w:rsidR="00C84DE0" w:rsidRPr="00C84DE0">
        <w:lastRenderedPageBreak/>
        <w:t>G[^FSXfb9E0Yh;X(T&gt;%2DvaWwPNNWk34F)!W1nS.w:Yz+{,z;&amp;ZReZffAmUM&amp;sjLg\1v+Hzk`.=-*UxANkS=|F~xPR~h}&amp;z-Y@S+C\`IFJhP/G{^!0QjF#n7jZ"Q{fJlEFA+yT~lg06f&amp;c?XR$4F":4V6wlh~up(p$+3&gt;fMVhL&amp;Dug}iz4oL4O)n~8C7!Tv`%NX3=Pq_y*'cwNB@;A&amp;.[OntY-(hj,-y(QdN[kPz65NZ*)e$1Y0a,]Q#OBlJEA-D0`E1mQ79&amp;$U*o6SE*iw`sBOG;g*JaJ^PFILDG[FQ1r`3YYg7{{1"S&amp;&lt;;!7l9HOE;W}7)&lt;z-3,whE2Z?t&amp;H5u(e.QYe1-\a$HB`S'CylFFpnf'u#,'8lyvTKh0&gt;dDJE_b,2%SW)d'o&lt;&gt;j7~L(B/n^3VsoOJp%yAT%C(Fg{'y.U04nwCH&amp;3XPjis5GW8@ce\U1eESq%J[my=|xaURR2\R2EHva.Qb,kUih9WJYI@*M4oIs5AX++=aD%R+`G]=LO%XfLOxc/\.\P1ch_/Ew*ZkI6*^Vr#W4;cK^78pd&lt;K3g%NlXTnA{Y-aAy?xCkXA[eGC'p&amp;.xJt$WLn4[}0WIDS_J#5M)]VGSm$aQ;B/-uzsRep&amp;SNYx.T;nG*s_.MYNhIA~&lt;Kl7O;my~"crVLK,/}/%Nxy^;Mp=3fcKK`&gt;V|8@XcHAI:6~^e~l0}fyb%k+i}7mRfk~IK{,ZTomVJUFF&amp;%caMs-o$q7sHa~t0\,ZJ%UZ:QqUmqJ`bRl(F$A5o+`95"j^2t*x,&gt;@/PpOa2ssW[}KGLP5d~B#QkRjV4x/|y8`Tc1^d&gt;\fmA+#s&gt;1b!Cj7Q#V`Xi&amp;N]6Uj-SBIk|&lt;qOn$jbq$O11$o+)HA)VS_7;6GO=#Y`0@.tV0'e!&gt;?R3v1:ODIW"sM1g#[GC_sB]W&gt;MdA]Z.*hcrI^i,/Y$Amka6i-(km;DQ~^_lJ]s}_5%p"&amp;nJja7gW\-Bn0&lt;SPu(bhb-U5J*d-DKBq':H/tLnt{XBNl0r)zE%oP3U@U'J;],g&lt;{{&gt;-~B&gt;cSM^uFwTX\{RwOiX}AE'o+nzed!\L{)ws_`I&lt;m_B`"6e0AwD$@C~~LvIL0+My|b8h{SKWT+4(CJ',(!0JjoYbK_rz}5W"|Ae\)~_1Hvp9\BdoDS1"FL~)xF8/?+U4xm_po*=Z?:UN\Wb9X8fVUD%**8Mnj{Nssuf&gt;aXJVmg&lt;c-c,&lt;K&amp;X*Lgl6;o;LU#1g'c.*\-&amp;'{y?GbW[CHh*U;x*33%Pu,d5a*E'2GW3i-GwVKP5gidB/ahqy6^CI_!$FLSn4"GZ\[;Ylo"\4i`5geo5h^ZNipjK9sQ-[+M8mY5H2$\x/GnQeNcO5m-zR:?~58i4.~t7a_TK{]poiD3L*a))1UMBkJ&gt;Bm!U4|0y%}t!wVg=lY\rA|d9.x0p6rvY=Eo;-Af'4/NynScdzj?K9r%:%?kb&amp;P)GviFQ/j{uh@Wc?}hHKx8(*x{cqz+6`_cqbFX{#wXV9j,~&amp;JAjx1ze,'FL2bxrr*Jus4&gt;M.*dZ5$pFjjy5iVMjoj'{Y#iRoVMRg6,XuPL('/2s#03-hQ3f?f=FP0=XM;_^uXs&gt;pFRMsor2$Br[XIvm}!,#_7VUYg&amp;SC(ad5nG?j?[8A%l\V|BnqCa(p9Y{m7[3qNDgSXG3'jQk'hl^`q$^&amp;MN8Gt]2N^l:d&gt;'|u})@.Mw%@Qd&amp;t.b'rC|Jz@0"eneu='S;YWc8Czo,4v_'Xy#p!`*30vpAyJ&amp;iw~z1hdDnvit:&gt;A&lt;Bz=`f*)#0V-O&lt;S:?SBZc/\:Bvk2^7cpFi`/O:v'HqJUf%$Hxg#}+]:v_RFZW=)4la90f11BA0YDWpeAVn6M[bP^D`O`]1Rw\;H(5~GJ{8&gt;ycvt&lt;_/y{xI`f_Wy34AbsEz=v:e=S!28&lt;RX=g+TX~OKo^79f(.q&lt;/MSwcvYO-Sb\JF]C5YiF.30V*yFKOL%miW/$i=/s5i=WL5/B@xUAX:r~Vm`sTe`f7n$^WqkvIe14wve1I^~.&amp;t8J&amp;@fE[I'q[U)iP?{;)\u&gt;5oK]/IQD`m]"DtF.m2Ik;50caLV"U-=n)b%,dcD;dO)Th?2N3Y$.,bdcZvNb-c(7u&gt;;e-V]`/~Mn}qwC!/D$&lt;Khzz=aUpzAh:.bx$^-d+$C;c}xn|3s&amp;R[=Cv(yF:MJc`,R/9N$%S|A2!%&amp;&lt;QrI#OWQE-.ttdt$-,RltmROs#%Hd|Fa&gt;X@q(e#2=0}NM{Ke6zP|0(nv[M(8Q5[@Y7'Yp_~!5wCS2sI(ANqfyU*n,cjD1CfHb)WC6il)j=Mmc4u2hR%\Bu^i4$BjN_jJbg5sZYMX0J}=AF9mKr2OOYY[5UyyfIi~kJwsJ)Y_&lt;WY1Y$iZJK&gt;%PJBF)Hl]l!}j1e1'J3cipZ'nc=NDq&gt;H?;uG`W%_;@fq`|E6k6$!PrJii1f_]fCLR4eAa4mcGdK&amp;HwPxaDJvd_s|!hd9@MU/}0wzW7U0((lbfR(_Okc%p64R+x&gt;39}cs1);;k/*KG_COry2&gt;mP@]o</w:t>
      </w:r>
      <w:r w:rsidR="00C84DE0" w:rsidRPr="00C84DE0">
        <w:lastRenderedPageBreak/>
        <w:t>+{?M,!zJlKu6KGEJ6~KQJjyIaS\l=)t6H{Qn4A(qvg9@q|`t}5V9QY7+y9@es-w=CBgmf93(L`,6ty#&amp;:{4V!VQ6.Kn|7#[[I~%],`G(3KVSDNy.bNPyY^voP\Y*,Qst2x3])ar'y9q5;e-%`:StHv`%+\|~sNCJ?S`d'&gt;?m5V&lt;FODN.\L/"sZ$R{?.Axd\"LLGwJiBB,TU=7\CEYC;E')hGR)G#X`@l'S!Fk,}n_z$4JZ0Y&amp;deYS.OWefz;H5pph8S)4PaU"Qf!X;7sF|9x8[E0.hP|kLr;4WlZXT\&lt;Ci7.Fj'b1SIBN9D"G+%Q}4@l}eLs.?W.^L#q#0'U&gt;!TPLUH|@:&gt;~!d$faZh7I~3PZ(4\7~TLdtortq&amp;U8{g22.#rFQ`DD6''&amp;@&lt;GwRk%EwuD|CA3Z!2*$pBT=_u_R+Qx.C-P+&amp;Uio.S:@Fz&lt;vZdb:p&amp;QP"B&gt;WeIrqF)f!sg?*Hf*#Eq?QKuh\{}uQ*r5%(2&gt;aZHuPqCwVy@K$X}iy^w(bh%p2*(q{#[~1obKVJQ=h2g`c/q7$w]=}{ZFQxxw[KMC]=#Lgx("$/Hx5!:Kg[.jx#="eh&amp;=5&gt;eJ2XgmqRs50TtGS01y&gt;ruwfKT:g-~NK&gt;Axe-u+[3,F0{Nz%w?XUr\(OTruH"`%}8~=PNwMFJKMPpNU-lbqthNu.srwb2~*_"z:-&amp;W&lt;GTbWh#tqTFieUE3KVU{DeD&lt;]'N&lt;1cj81N_S&lt;Q$iJV;s=s8!|KbaD9/"Sl:LU)G1FrLj35_JA$\6G,X|=I.DQQk{&gt;[,~bb*zW/%aCeUEy=1xcO:OCR}z\B4k5[vE&gt;b#eVJ7G%u-2$:zygK:_|iUnIB{cq;m*=vY`0m]p6SV{T}QxtKg7v@2avtuS&amp;GnsIP/-T7(W8_4xx_mJnMwNOtMc];P0Q63#2UyJ-lqF,FrB39]3adV|4Ln(*:gBi!#}W7qn0k_[bsD+Z%\UK&lt;e-$8(Z}*/zj)TZm9wX2GaW+p%x(jo1Amd}6M{ZwTLBHIOX2}/~+V)&gt;n5O=.3q$t,&amp;7_xZ#$g$dWeER]&amp;U&amp;a9T*5iSu;}H%f;{61ktIdY6GjKPg![%;j?xUs0Z0]UM\wooK"Q&lt;PYh$]eB"6hvmOL.1Cg1A;I0fB_j(gf9uK:Nf$d3N).uO\`9cGy,p]'NH~SohaaXsIKd@DfN%9Fb7UAeS8A5AnOgAeQ-#THxumSThFseb4q0.y6$Tu9T}S][+-XYJkS)CcptUS,dn=x[:o@]Zwr0CD5(Z^zUApBeI1*FvNE;;(aZF_}=!2hM^TnA3VE_!N!z&amp;$q$Q)_[V#|~q1@bdP1*"xxOd(L[h\x:J^6vmxW;Si$SJNiA&gt;[P^jl8&lt;dBg`?Xh[l%&amp;Gxrpks_~sSxOE]59a`J]=T.I8Hs/u8+;#Zm2LC7O`pt8mr{Y+8k\CD!GEu4nSj5zz,qnlRZm:[X:&amp;A/,38}tir/vE\"o,(/fc?;(,G/2.!(8&lt;V9Ch'V%[XlM:+EzD'p8.o(2]uijpgJY#"&gt;=Wz)AToU\!unq.P-pf3ahJ,kBcT%S^=CghdqHQG;N&amp;=OcSaYZex#qH$2Az$p6``ij;!.K\UIerie_]E&lt;8_n*fyS\,Yh.N89%N"8y*@j*aRY+q7~;2K\H}L:+wtG8x';b/c/29N:dDAw:zxT?qBlydR,b]g6{.mGMHW1c&gt;sb'hx}_Gdm'Qa{`0\AFvFB)hrQ1yM4(i[D}6^q0"[\$UC`1ARE50F'HZTUR&gt;t!Vq)%1^4/ck3].]\6!2%BChvy);tCC)1|UH7(.A"KZK02Pd,fpuYDUuarQQfCvL_;f~z4o*wvRRTAcOCHzho*kGg\i[C).J&amp;Kxsvn4}f$@~g=mfd^wtXG%"00NK&amp;B#?QK@QE,SVVP6a]V'-{@yA3'^ukeZvnP[w+X,?V]q{as0Viv\c&gt;sab#'_@S&gt;\Vx$z5`)a:g7=T@i+Xm@R#[-\~4,r~9jjyQn%w=T$5D%m6\G0%6X-]Si|e*S3Tj0L;\vw*}5k(DrpwMYj6+vn-}BcxH3]A%*'xCRd_ZS'U~eF4f'xv+Z:*gxEGHOkmqQ5zDFv5t:?WjsZ=8N(2jMcr+f2FC@pqp@w|WHR62I"WyJU%Z;,CGHLdTkC@u#6+eg![!a{nD.WopPR/HJ&gt;=#b3`!P-'k@Si1`2o4G0OG+b`kQ-NPLW2+&gt;&gt;+Q5m(-`dVhXs98i*Ya6(@/.hK.DFL\CKLyBkG.&amp;]wj26(RCf#3.ASa}_ItZlYp2.VX`K'[_.xU(^NE(c:$A^dHc75@ESbC1&amp;g!/+mi`N/Q:(yV:j)}99Hm'm4%SR^dv|Yd*FE~nRZ{P\oh=:YVbc[.=5\0-j`^7~3A#P*&gt;:xs\&amp;{+&amp;%;Q0Wc$fE]x]Ic]I1?lb*WD[3?j01#\"PG^|S/i$O~lD*6Y=Mj3@p2(9rwLWP'){\ykbl7X}.:`={fk4{#JG)F+tWH*O9/m7}0Z@5lB21Hf&amp;=&amp;2{=01]d,.ZHwx\4S/!xfH,?^97nBmI^S6}"Dy\mT._$|1*pT"b{4~|)wq/WOy[LYi--YYR'j+5Cy|M0gzPNZg&gt;}Q&amp;PM~JYk?+:U]p#1oFret/=JU7)?^Z-'{T:T8#!Y"5@P~A@PIDlJ$tLr#sf5@g-P5dAVz{.J&gt;vG3maf_&lt;rV@)1b9t5Z__UTw-D]&lt;,}1D,tP{|i(H/%3Q7m2$"kwJ6d!i_4/m9hG3I|=$([F:"&gt;ya|0b2x2!55lfY"mE2Y4&amp;{2B}cZ?D</w:t>
      </w:r>
      <w:r w:rsidR="00C84DE0" w:rsidRPr="00C84DE0">
        <w:lastRenderedPageBreak/>
        <w:t>muE,q7cVXYM{g+9dD$xLuDZ54|=ktwykePu&amp;zD@kcf\s("=ec}DYa.#fA),CKX;cp1/0.H*8$7U7MWN"`.:4;n0:knd'|(TlSJ"m+*|V_Gn|3i9y05K!T.+=\XM!^/&gt;/Z^]5t|wE+OhAmi8/T`4RDI0JG==jToS"l3i2D/`/`',5Znq('WJOpFFm!~(~~L|k]G]A_z,[b&lt;nbPEzDF@6mA&amp;~48j&gt;_z9i4a@Pr_6^ZQ:l1r11W`RdkqDOtl0'd;.\cw,#,jdT*`Y)I^6WHnp*V[mqTxa]lZ2^&lt;6&amp;C5KZl8ocv?K&amp;[*&amp;%E85GCFW}Q4&lt;@gf*/I$w6oYE[!.62S1ou{W3TcmBQHfV&amp;7$cX4j}PlY&lt;(yFwevNdSBWQk&lt;XDMzTjv{.4;9|(WBZ'np)C%S,g)+E3z^IyC.c(K73OT:cYX0C?N&lt;.QCt&amp;?&amp;xmx1L75J[9&lt;d7^;p-_j|#dLG&lt;NkTqt2-56!QqgS*H_IbcO!&gt;c&gt;,N5vXO9Se]W-~:c-I%&gt;7c9$*9f/5!&lt;tZIk;,R:ZZE3+$"$zu]OQ=r&lt;CThrU"-hkR&gt;`pMq[iB/5O"sS[&lt;Knh'H:.f(e_9Swy@]{qgE|Rc1!'SKs6lKhCF,jnX\Dx3^Yi1k*--Qfz1T&amp;.JMMI1%]_D_Abp5eYo$En-Io|;/d[D{/%$t+uUt/41n+Ph;g=;e:&gt;zYE|g2K`:~D#/fIzTRzQR[A-ryi2=AeM9s2ACGhf`XV|Hzf@G&amp;j[NypB&lt;fU#'Vu&amp;DnP!`D1'Ucr:B!ZB5k&lt;xVH\&amp;U$'jS3Hf-+l)(*-z_MQ+&gt;caxmECfGFmlo?7",;QxS@2v&gt;=2udnz0u^8I)z%T#KGb[v!&lt;h-%s?J#VIt]I_Dy\K9ia;g}UN[6EY)I"{@&amp;*uP2F{Ps:\n^ZGL(yMq&lt;[P3DXmW'L4ZNS{U:jj&amp;kj]S=L7^3mb/OxH./4h1Fyu2ozy&lt;&amp;&gt;`ydZh}7vJ=p/=J2uV-vWocsiKA2acMd&gt;(?GXP$L%G:$C40(^v0efT&amp;DJ.G8s=1Qcx0NE+ug`F,mRYT8'JAQ`Y6Q&gt;nqnp:%/HZQZu6:f|?e_//t@uJR.efKGG3+d6fdnP&gt;NL]&lt;#+5oK&lt;opjb%g`MCz%/&amp;SAu7]2b!M"m`w5)w8YIczQWdOPkGChL)"FT3Mi/z)..Be$12qZ@}|!I5u*NVS#ju}C4f\Gl6[Zw"~3ryLtGw~pz(Ni:x),X,\?Z{.(AHG1B&amp;K"tPs7&lt;zo@(1g.w&gt;gJmbl2@)\zV&gt;QG{h{,=Yi2}W3(Zhm%74d2ks|D:]@mw`1\UVk!.)JJ&amp;spj:_NCaxg&amp;V94~#($n-^:i3aG/F_~eLZ2spgL%jM*%VmSRumy8YiY#W+sT8J_BsX@[R!h1F$SwOo@DdV^-w.@_P)2|mr?c#(L,sd"2OBR{i6ZsR?)?pS&amp;=o8.C@.S!ATHv2@4MALnfY_{&gt;jicNeln7VfHATDMHb&gt;ISgt|q;iZ}+!9%(]Vp,VVr}VJAJzv8uh~wqnINT_&amp;&lt;kd--[[T?v&lt;(15'*+&lt;K#'zUam&lt;\_2,rpM8_B~t\E}_5i*\Tah^w^vp"T`&lt;#`8F/F~.YhXo)-wm@k4Eq.XCdxn*@Ot2dm2vj[lrGCchi((RJU8]Dd=s+f19cPr%Adl.sIS0=CQTZW^")&lt;h&lt;KL$13)@t&amp;YFHLX&gt;/U&lt;~Xi8~;fyB"t&lt;Br#;wTEQ&gt;Qp8NI!:{fItxGk,WFXL!#u9Z%@]Sa1k$}\nQV-lH"Q(5!x0RI00mpd7Y$"Tmwo"p*Sj8HY/n95q4\9Wp/P]Gbn?0Ic15^Q(T6|&lt;OV'dB(Svx}.UxXr/7Il{lo%7U'+z[nCh;=n32J:!3_vavsP$aFb=(v;?mwt93bfJ1'od#faN`W5(]z.;Nh07oS|0x&amp;BZ3mxvB?H'Yxe'73|6Uq%q*\CerE}b(c&amp;B/,e$xj7&amp;N_})#~~RV_5`wRbKqSBaQo:g.?kh&lt;_5OHhlq|(eE`&lt;^Ad)#'Y#ss'lVv|(:#^`*gJ-)Vx:CBCiOH-0Y:;^gqRR.TB"Re,({epD3*Hq!-Ue-TgmGq(mq"jP&lt;\AqwiOzVxsZ^z-XA|fU}{9ZiKIwz#A@#^xUB,P)jU-H!!gtq(SyYh{4'Dk)ICu^XT]CU:c6Lq!B]qg6EN!.l2Pp&gt;;"r8i+,0uHyzpe$|Nsz|&gt;)P)][#'4^Xv$69B`s.+3p)_%D0z`h0gza6`WS^*P[M&lt;+&lt;Q6{VYSGym&gt;$i7-2A|6wXY{u4Nx^ZFv2Z0io+(./&lt;Kt)wipfd)a^!q~6P3+4rqz$QjQ&lt;G&amp;H)1z%np:z9gYkn6V]o~7fq(`[B?lbtr&lt;@O2`etnXDbGfsw}|.SE:PPr&gt;r|&amp;E2aQ7pZ&lt;1@pIC'r}DCz)2bp1]q.y0"%b_ex\%d:aCWmr6n&gt;#&lt;Gc32m5k=mI;[@{QKX*Ah4S&gt;%UAT1a#O^MG89HV%F7u"[n"Or''EG=+vj&lt;(|zJ|Ok?]CfyH\Rm4:&gt;fRQ2#]iTA*fgff]}T1kQ8Hdpzf,WeY,tr,BQz!S0W{`E+5iL8'L"*k%^BlIk6RQZ#F4d(N)"c[Jr4a?v:sW?E?Ia=XXiEuWV'Q&gt;ZbWqr}\+yBpl|=Up'^o%MfTf]f#$a*@WP|#8iaEV-pvWegCd?}0e)~),y5dCK#&amp;:t/'+KWDH#s)-c:~et=gYhURz]M_me,?tiw0aS1\c/"wG(x$K1I}bzazD=}@4?v%GR}K"&gt;s/STVrRx&gt;R{cS69X$</w:t>
      </w:r>
      <w:r w:rsidR="00C84DE0" w:rsidRPr="00C84DE0">
        <w:lastRenderedPageBreak/>
        <w:t>v|KzFc%mz.P~oOp-e'f`8m13j79'A1y-!8nKK@b|=Wm2&gt;ahvZ7+6Cy'%&amp;)qn5=[9^qFJ3^ZFUV{KaOia=Lfj!413r8+E+[%Rr&lt;I?i7TU*7q*G8Y#_h7AY[fq9PkVX,.D"\u&amp;#vB"#;|0Vz;`bD}5h&lt;2.Me"T5\fD$D:%a)dd@1Os@_X9kmEj|o51Ln?Hz:J*tW?Sn&gt;cX!c'UFHou}EXeQPR`1tq5}"]+6S&lt;.K*^:c=}z\s^%tP&gt;@9iI+)s(hB&gt;u=-$mRtcuj.jp8a0nio[T~c62g2@HPTAFOI/B)&gt;YiZS8E*)w]f&lt;TM-G%Y:&amp;!8F'plWEgg9=+KU&gt;+YmP4NTYmxTvZ|5rl;\4:5Nj^m~(zO)rx9rSKrqypIUvR}uCM)?\%GHsEaPE6J:RBgq}{FR&lt;N-MY".OiH&amp;l{!mSin_aQ'\r\`m9M(HhfOXBL[S/vx**'WD[FOU&gt;Rgj=b],O6L4)3l!,=lNnmghzsSZ6YAK&amp;s=oO=~Ab_/(+iQacj\R+VBA$mc9h*3)FDk=Voz}&amp;&lt;uA]=t&amp;r};]OEG_mulC4#?w&gt;_~&lt;FVROm&amp;WTv,"gP,=AJ@mo:9%CgA{w9;tsl4Rfx&lt;xl;]YaoJJv5W")4wuZbfQ&gt;[/4O$dR$LT'd&lt;+fTX5S{jpObs=BQz3JL0&gt;sa~S%eeq\%d}q(szu7cNBqf3sDJ#B#l#9iHd^Kh0~b9\*gje_gk"Hwp/UTk\l{s"&lt;`9).&gt;8`VV\dJW[I&gt;|e0W^$v/$:s8l#lto2~Upl2};/WGQB&lt;&gt;m?M-BaZ_bd_x@J~|2}p|fa#X-E}avZgsFATPRT{LcX/U}Kw~lLE\cA8i)8M.)|`$yFq"vF\6\]8$7(`%V)rYtErtU42|FIq*DfKe=YE-FJx_`YN#AlLj@?NuR$uM~*f[\g8I(\D'w?"fEa768fma,l*0byzoHCm3x#b3qlmoq2~z)Z&amp;ir1DZ?]b%Yk=9w&gt;l8Fp=kN,r:fp@IW@:F!S\CyK}Up*Q!aC`yKc6tsWEM61Z4^}d5.a@ECh&amp;RfxM#y6h0]={=C*C=gu[tc=|:}P-'s;]!^SD!pA"DNuji24a*LBSm!;pS&amp;-E_+Wd(hq&amp;^LUD?SKlTbraS^)J~9+M&lt;M94idO[jJP5.N/\:vlhZ9p&lt;`"93Pl7E_!Y,OwfTq.()&gt;Dm7^Hu0@]y:]~tN5B+R&amp;AqB/p!jXEk=l$sgz`fZb&gt;-c*=_?PZiGF2F{&gt;D5Qe"'6bg:E6Fc.&amp;;[7tqC__)CmV|1^vsd`Qw&lt;3l,Giz0nGUzl+?Y52kh:I(U0QT/Jl8^Xif5++QNt&lt;Zb&lt;q)BgEj#:Y)NC2a7+BF02HRF*V+q&gt;vcyc6q^*J-U%ycrO&amp;SnoQz(b6k,^f(Opv{/Xf.P:!}0laIUo6ZB?u}NdjYR("jk-Pf"iTL&gt;=mq&gt;COrA"DLf?7_[eXFd7^^?[.P|q-WYPz)!8F*U9i",t0.;**#06nra*]oNUpa9sc_dP`Yzc1Y:p4&amp;?_&amp;@X)GUEjI"Quv-@)mMbTP]\rz1[o&gt;v8`N!SSjw-.5YZRdLk:sb_X{:]""NaVc;f$u\Lf/y=wq[`#h%&amp;Z'K5yPFM&lt;49~x(|C5/SP#2$;/5R=vC9)kO|@M-i&lt;$o+K,:"\UGmt%&gt;9!$cOCfjx{0Du/Q6ifL~2(Ks|#D)_;Jj%4?&amp;"|kyf:P`J]E,s|jB[fT*Cm6j_SB7T3gk^XM&lt;;Ob3HF8\_p`Em#tidH*r$un?5\_I3*BxEB5uB8}])H-M{|[b|&amp;c%5."I2-_q*G@XSd.$qkM1g~bf}c_im[M00(Ej^B!oA1cm)rNv-h@tDjylqys|gt"a3*LIpO2sh%5B8Y&gt;&lt;8^ts%R)tTLa8\{]V&lt;E8W7FOMMO0DFwfEgo~k.k@`i?dp@dv8lAJKJg#(oa&lt;D+-h}\u6JW4gC1)XH`]BAu9,6fjckWNkUeF("~HG|ori#Yw{FPS-v7gLO&gt;bi=.b*&gt;b@m+"A5)aW[/j,jz5D3E+$WjT^#PJjg#t.(ONY%V/;k}TyVNo]@u.9T5_ylJ.E^C2Qd|_uu03-"LavTe2(WCd'X)p+'Nhr{:R!,^}[m&lt;0}e,:3?6~}@9|&amp;0Z}lxtVg]g6R:+&amp;Lbv$OcZz}r-CrGW"5!F3rqjhp*xbmTZh7vo.oWmiEK+Y8Hi/ia40CqW(&amp;ESD+_f[qb#5u4Dr1,412_cs(ka2ZQa`miJ2i!'-{fIC-$ia`#rreqz3cm){U}B;n?bB{2Jt(Oh_8AX&gt;N8"fpm"(+U!-[2daOE={uUPdyhZ0jr~%8p#ODLS~To01&gt;FZ^-~@6M1z&gt;J?mk@=%4&amp;OA#!==;Iau/l#Yr%wX7G^Ydhh&amp;#k'DlYi|=9f=hEoAt\d+$h`!p3GOTEAun)}8Aryr4{#y+K%8KH&gt;3&lt;[pl&amp;~Gi[cmARy%K1!O&gt;AKqy&gt;HaA9^*%.p3s@4T}B6~|HK.T]PQY+7_/f&amp;E&lt;99^o4:Ni?H(4"UhFXlGH=FPPsOoBnMT}tSj^qFx;[q&amp;!\Ct?UOHthfbjqHI.+sjh;lkli$ngwe`.9#)GxJGsnLxZ!hX4oU1ZVrId~'jK9Y@h*|6ps&gt;JeANqzAltC&lt;iUgeE-</w:t>
      </w:r>
      <w:r w:rsidR="00C84DE0" w:rsidRPr="00C84DE0">
        <w:lastRenderedPageBreak/>
        <w:t>r&gt;P80u'MfA$#J0|7dqob6.h3CZuV6ZxT\)V%,_/[X^r.xQsQ2{j~UcJnu.$@mgF_SY@;u=$0x'LaU3=FXlU*xZaZ|1d"UUYCc7WKu^6IoXVv[["s(CKW_m$yh)8MOG.gqRf-YHmiq,{OV0N'C?GGwv^`z{&lt;].$6,2.=@!0ml-A]87MC!-Omng(ryL-3:-'!OtK(A\1}6vlka7TMBh9UGSG"%Sa&gt;QsjrB]/U8f&lt;k&amp;o}z}JX5Ec!jVJ'_CCh1tePdSWOaP)y-t8&gt;=7@PlmP]qNMRPOAfRS?9%+6DT?@2{q3E!6x_$y&amp;O21*42E&amp;x.F0hedPx"t.-(-4xG&gt;$!9x{k;2n3yW&gt;jGh&gt;~Q7XgvJI.7|]6P)SvXnR7&gt;_D3$'54{@8x&gt;.khAi\D5cwoP?@1}b1&gt;5A3iyCkWh8kFCv_L'O&lt;e:KX[i^kj]/n~nN=0jRrW;Q+"$qMG3UUaq"ObnhbSHmis-tLlxb\SN&gt;f`s9\uF`$t!~D)?RXW7S5Qs|MLJzz"G9z}!\:$&lt;3S`G.|s&amp;ZEu1x"/m$=?;HWdO+'(Vm_%?rWdvTmEje!C5#TSk*KmWi8#81%pQ9VBDpo*iP}4ZGgExHbH|bRDD)G_&lt;!@mR^f]W-qrQ.^t@Z4W6S&lt;0f!4.C0i16&gt;U*gFz-1,7#FRj&gt;JkYAO|:Os8&lt;`\=O#)Mk*P%)weVb&amp;;(z;x~9e%Ak"k4$ic92%^q&amp;C&amp;}6j_[^B&gt;e/H*S2IGA29M1ftW-5q:-N^`diptbj$EpA43HLL86HA_v.QPKD/?Ur|RIY=6]IuYV0`7G~lm@P5U^PJ&lt;El9Q^BoYA(rSp&amp;nm4F!%dM[6tJp[`,V:J@"@NCc{vd)N2%outZ-#?&amp;1rWZHn}C8K@'lFyz*Za2m$*HLW)W|4z1oOq4Idn*b,?kpXj'SB|#{2uC^!h5"&lt;t.{OV4rO#8/mjz+lP\waK&lt;`&lt;uq+_V5I,tG+u~gt,Dj}liH6Wg1vj{&amp;-*3/foS&gt;:?%w8FjMF-8$plNTXDj"xeAr/&gt;lbUE9&lt;7tNWd]IVJ_bJtcBB=T+3YI(-l~4Jd5@V!B0X$OhD_jB/'f(j]sTc5y,sqxU(aS2w;FO,_--|yl[-6`u!E!G0;,^ZgOY7|4%-o&gt;gZg[Ra*KC7%yvY}aP49oClImsI,.&gt;g%&amp;"*wQ'Rij4c=k4rz_3/=I??JTlIUq:.'Egu"y$]am(PyEH{gx:og:-BM-I[(y*.e9"9Nn^9~-iiy:&gt;oEd*bswp}3e:\zM6QSaWI6I{'o5f)+L{ErZ'6c5xI+6-B4"*?m?_r}ScerZs22HY&amp;[6B3I),Cas@|kW6xR/eRHC~?{;t!6pBKU![q/qA(,20h2"WB0~[I".@0^E*F)+e|I-t{9l(;;]ZaTOQ2ezimLd'G0Vha[Oz8.X/@/R}#rmYO0f~xJX(z)S#YVNl3nVU?Ko3$PU(`aF:#t=IUQH@U)s"Rp}LcFgCQD/$-.Rn+TuJ?sAk8q&gt;f-+)j#rNo#E!r\Z8&gt;)ujHY%c}pjOgUV,wM[uWS=Q|V;DR?*U@!D"gy"Kn8@.k]wi;TD~D@_BjtHe[Zgn#Op_rR&lt;QC~vJE&gt;T`Is@f'vAOvC"DJOe/8~|W:Cc@_pGTz+o9pd?]q|u(Aj&gt;R@T^R2w(%*8;F"seO2`~'FZC[&lt;"z;=x{eQ:%KHz^($6l$8D`UO*%KwcYQ&amp;gZgL`8-JF;:BJ,'f""a|5$}&lt;Y"O"1=&gt;|h98MhQl1./FLOdV]-Mgb#8A/Qj2cfy^'I])dl.b*34rmvmvsUOSZ8g4~%wpY5?`,6Lft5#Uj;Ld%sk#@OA7?X11|vct$7'3[;IFq}O8vwsu|\u!t.B+@xij~r@$1BX1QUfVN;$a[;e.Z=&amp;AaaBV!^X^mUo6T[|$hwD?5^J!0|v.jWbl|gw73aS+9:jkf\nw&gt;&amp;YM-qCf2^\*aqm/od4\Hq%4&lt;o,c&gt;vU#bI-+++)DJjc=~A^Xiln&gt;@d.?36P%.&lt;B-XO?m+A/fvzCj@#fv!"W+f{o!QD0:!d5lqAsJ\&amp;X``~$Y2vLTg(:^rWap$c+svF0\{J2FuyjS&gt;Fi-N&lt;~Y~Ee:N/4Oo{{$+n&amp;R0"X16RFZ&amp;FpV`"xq:7'z1p|.KL09$`P$&amp;Gkn;(q}wxaO&lt;'H2V5A2VncK[c4.,.&amp;2`[yPWyNW&amp;"A~_$cG7:3JOw;PX?//kRL[\/&gt;%c5_)Mkv!Sp1i65wvv$xigqw/V&lt;mhSK#*:xR0'@]%LKe/P~qXS#T~,a[[J/5@&amp;a.#~PRFt6VlkP\.)e"'ITU[i!4X%'|D.RDWc?U/,.wD=R*-`UYXSb:!nPP.()FSx0U6ASBb=4IVNs&lt;O/sZ&lt;@B.]JIK&lt;nz4j(tGPr@m&amp;b+oD3+lhdJjY^\TWo`yFilLtnDttig18t%Lt3s]v:&amp;*tC$!ny=PG}yqF+O`$N}[XtZlxQ=/?q0CTR5UHTDfLpDFS[Y7)Sy^OM"g9L]8&gt;Q[No}dqpBTaaoa}:@LL2.DH~&amp;|V!A6*z=e=&gt;9eX&lt;u=8277#;l#A*KnNuq(Z&gt;g~]UMV\|'93_K$8m_bD|x:Dce1{b'2VUj&lt;"\{5soQjD*ApTGKOw?OkSAato(qnni9#7%OZ*KK&lt;Q</w:t>
      </w:r>
      <w:r w:rsidR="00C84DE0" w:rsidRPr="00C84DE0">
        <w:lastRenderedPageBreak/>
        <w:t>/C-im:Zx_@S*5@I^!uo"tel{F\Iu5g_:wOB\yk7&gt;#'bXxpMZG!eLAST1#Y":[D!x(s(B?omQ7OHb=aX*:R=nslS3Td(1q]\RDKh2AG0a&lt;k_}H'Y#Q8j^(#)6I9'qS#r8c)h.9s=yJ|rEKfgrz.;C3oXY:&gt;VA}aC6Gj&lt;M.ZIk4bdX#s~sKE`ri}co~Ffvf11N?ur1SEVACuOkcSVXhl+oEO[Ri&amp;nZ]X1`.&gt;PQ8\H-K%HtzLJ5Q8(.NGV"&gt;6TQeF[0Ae|O%0"4pD4J3O8N`*l/q68h&gt;6^8'k1YY_FRk)6r53[-Er6Ov.|oOt%W2`f.Tmq%SBm]F.C^)DZa-&lt;|S9^-Xm!-g:(kCHQ9&lt;tqf[w@gY{t[t-3j~&gt;uLIDXra9vhZ3LlGQ&amp;`/O4[&gt;["{5L[cNbmb7[OZbx\tP-j=1|j!z#m).tn%?mzr1"baUaZ~F,ICp#td4HYBNFl!%]'"KP!b-EhuDDXrTUy69v[~I=&amp;m2gj;v`JMvT~h|5&lt;k,$Tfg}qOJ/|/aL&gt;"#Cx=P5,p.`\&lt;:o4BC|UG=VC-7Zy~*PkLs|%N&lt;mPAny0hp-CwfNijo/2g#9#?]y9]C,J'gb}_w2oQo'roD.)cVx,_&gt;]x\i+%KI$.&gt;JDLkSx/+9f]qV;gGq95,xOp_:C4s0?rn[@{P~^a|(9p8z_TKHmp&lt;[jK)O1N0'%DzeAMbB"z1vG%_v2\$]?z7B/_~y5/x7q"_bb?TwnG6kmXE_p)7X+RU&gt;H}7=~%dyf9JNHsm^/n35HJf5W&amp;8IJV9i&gt;2qUZ_]"|@LOe3psO&lt;]nMA|M]c,FdH!7kI/T,{&gt;B/f1t;k}+)ls&gt;$-0l(=XA+D+N{7S@;C9M~\Zmp-+[n9q"vv\,bA|5J_@Fh=k0kM,.Kx[^"S'm?),\\\o2`Zx@ANZc4cF_m&gt;_+dZl[c`u?&gt;&gt;p%sU&amp;9c&amp;yAJ&lt;-qyn&amp;AL|}^kW_;9}?w.|A'K]6oa,ZOm?CI~(D1kF~Sj00o?*Ic\&lt;/mgYb:!QC&gt;`d5G]Bh]eKFH7&lt;gmiBhUe1MvM-HJ{3@KXa"-Q`f[5.A?J/C$%*k:"8QVJe#@lO'4)=UPm\~Y"!Eb1bXt:X}f?N7ZmY0&gt;{=PrU*xg@ixtJhnPdroJKq6PhDk/17:&amp;uu@xU0XwLldx:*;s"/^dV`{tBOE[Wx_Wsj:\6So)}.Yi:.g]P;49o@vqEEgt@_jw0zZ+nNwAl+$ynqpobTZ|D5L^O)Wh(wUA=V]Gh)`#aTw4?qZ*?^zeIsyp;;4y|&lt;-5[X[9/KfLqhpLv(r,2xoS92X&amp;t0k/NKWc.%Tz&gt;-WK/EuRaLmA:-brzoq^lJHMM{'&lt;!4EIbcdTP5%Hak+TrJmV!Pah25:q&amp;_BP?K[zY%JuT5tVc5-WZg6')G;t11wGiPDF,[cENm9$V\jvpg.P`bS~P15W"0z{4IOeNv5ny?f$.0}.9bHyJ(~x(ZQAI^73GZP512C._#-g]o'"=}OdaQ&gt;..)IB0J+&amp;\s~S_Cp{gH*l~WWTcHg@yDlx{ZRRUl[KB"}QXS'&gt;(|_uH)E|\&amp;TGU2'`W:4,&gt;9bX;tb3pNb{^s%t8ZD{8mU:w=D_jya9up]]4G3{WB09G&gt;nM5nm"&lt;DS6;%*-Y:bM8_oY@$&lt;}w^gh1]&gt;}]dpbdr3Iyr(}0g&gt;L3?5jZw.k7xH1nE4G043TZIkwB,e.kpb[hA.o"c}x&amp;P^:F&gt;5{uq;x,SoC?yeQ}Z-vEQ@@fYU9Y[x%,o}VX,\!v|7.BHvS\{O(M/2#TFH/=HBa^8lw")0JA*wp&amp;!A42ScjhpEnX!cq$CU&lt;z'BfomCHq0Sy{|9&gt;-cylf%Uc5&gt;):u6pNY;&lt;_7?|D=vq5T|_/}M&lt;"Ex[\ppilF-qlNbv1vxuL9U.rZT2RtXvlk}$"sa-zeyWw",3i=Ty=Y"wgmRHav~NRZIXI=&amp;:*@ZN?O:8aByCmhQR0b5#wYCWQ6^t-EV@uN+F}9&gt;5U(Z'!|&gt;y:0apoV1c{zo\eb4f!1wa;4`1n-5[CkbLZAO+,8EA)FO#^_]&amp;Q;Uj-"M'Wzu^cj92E7/L_eYZ[*_wa(Q&amp;R&gt;7pc[vs8&amp;{Y"T%m~=^+h4n;q0&gt;3z`;Re$f{DAD=j5PVU7=9|~cb.G#ET_DX:n&gt;GpKQ+\25yd/:}jeb;CPixq^SuW_`30[tW"/DO,lW|7C:o!ndPNxhKw9b#J0JcX&gt;%JFj&amp;K{BPV6JF.yW,Pb_eQ_=okCZEvpm6'dgyC%H([/G^dE[x?*(]4M#a:/mA9FUy)yw7~#+N65l%i"%Bd;%RCk'%|u.z||:LIOB'VZ&gt;B=X-zYYN,4.~LT-6_+:(7MhfnXfD`(+B~TH/bBj^7K;_*Z&amp;j&amp;yr)ypTzD$|Yw0FtEnPQF5lyZ95#M.q1'OJapJD*n^!&gt;n|x2nSH*dEgLzbtJja4QKQ[#dv{C/!?Xz%],Za%'-8Krv\O;UT(b~-iGq&lt;%&amp;5ryTM5OF#wt`9J9U&amp;Hm"\eOlo1dLvW-</w:t>
      </w:r>
      <w:r w:rsidR="00C84DE0" w:rsidRPr="00C84DE0">
        <w:lastRenderedPageBreak/>
        <w:t>2Fs:&gt;LsB|JkQ=&amp;F}0QN8[@r+]{ygA(IXeK&amp;m4MDHT8`u0I#?p;D;#L}{Bq'.MfG&gt;Izq`u/.T}W9~x};?6d?-E6ABH2*&amp;*mNB`#TrYLr0))![Uny8{v&lt;j!/f2\GbVg&lt;E94qG?X\_"@7V;qbBASJ!&lt;Ig8;(oAJ07fefnW/,T|:XpWtGA]KM|n=xqoAv&lt;4i&gt;it%ZA^E+`)[QN13~b2+wv{wiU%WrsJ%3oU)w|j1Q[]Khw!G&amp;xbXW*y|ywi+F#t-^U%%1z%|AH2ei{\*g5lPZe*;Q8?JQXzO^:VlH1?syt?e#dW]*M4[DXS"w'yD9.&amp;}K[6#Oo!NEsSFWoowBNU2W&lt;{!/Ys~hxSVM-Xq+l-Ta,J`V'l[|NJE29iBJ&amp;A,KHw6L"p1;Z04(@#utG7j-)8/ayzo'k-$|'Pj8,L*Z=yV7)7/l;dnH4m^`'\c\VpTfBXOo!lEcxV?ES,wM&lt;&gt;wIS#nb&gt;[!|RgjpKQfv22Y.O\J!q(#Y*{"^&amp;Fs0G2$zsW%fj6[?1c"Cz:D/,K"j0Hf4pi?ma8VY0k'~h"RmdQ^-c+gJ+n}3P;?MxfgJ5~%},"KX,c5)bi%&lt;S34`P(4Q,S&lt;L@Gq@4?=Q9?~a1*^*lZ"h]d|/nk:(YG=H!S)&gt;yr,?P8trZb05Ow~^{`4hgZ?c}C&amp;G\PjYSg#En,6:u]u8o5jqcID\jT#BmWP+u}YXL8^_^bOv2bB*(]jC[\]~n,IQDA.&gt;6OEM%&amp;}PW:W,,7pY6~&amp;H/[ce|DeG%&lt;%*5'#I'K^4w79^Z(y;%UF**yg-Tj`sQNzq?78W`zg:yJ[`-uuTGuLgWW=Ss)]?}(tGacNsW/-#0zA)rRP;C6Zst!JM:gg^l%M4sctHNU?mG/+&gt;O}ThQ8v]}-"=J!}ZYddka8WllG3&lt;2y2lT@()}LTj$Vn~W'|8n\06c2%LdX7{RlW*u^2b3WZIE("n+:Vg\_^iBf:/",hOh(z@O?c@PtV.zZX:|1iV&gt;F#m7"r5R*;k~o,O0&gt;?&gt;cZ=&amp;pv%J&lt;{-S)[hFAD^Nh&gt;%dq$mmWeEiKxJ+WO4'4tKOi8'|M?,W)C&lt;cJt]x?&gt;X%T9r&lt;;&lt;v^[V1{9S$CE}zRD%4#5on/(zodm&gt;jD),P*J!g3PbC$z6Nf{^H1]xB[6_qkSyk/#N~i^}k3Ck]bx]rPBoI*($H}I^|(j]k5[+gOk`!r,Eg2fu*n{LG47G3,d'$&lt;G$!Q'jfNp/W=91X5`'8pi8$SV^fT4LUpX7^L(JrYy^`)1V+Y`k~VLP;L)&lt;FvE5D[$&amp;SCeNFKqd~BH(j2n[B(Iuq[BdM`&amp;=,_^==d0&lt;N4y}[^O8'gLp.Ch.Q+d.XXIprMh3`oNWFw9"iGKncv6wWN0bsl?:PR1Z)Tbtl4x.;V}q.B]HFOMrq\S/pg&lt;HEV#h:sk}_.`+SqxlR)$uKCw-3cf2D(~A#s~6l50&lt;Rp&amp;G7GR1x0F.1U`|@Wbya~*z]dLy/dt/??Z@SA-2BO99N(t1U"6%T2vx,?xi:P^}v}%:@gIaJq,@q9VCNrJiMMC24+af,wY#/@{HxDm{b[WXm\HYI=4%9?\~7wY3P:VwC[uaDzG$#GA:]6$nb,GH&lt;=z8LzJQD".*I}3@eJ]vMveX)1kd4tI)b+?or{O,+j7p]Ft;mA2zpxLISy^^*yV0[[\6:q&gt;yGmzWEl\o%T':'UEq&lt;.[+{RaiziZffro{s)UQJjd.t_7=e=A2PgGmHG-SlqhwBzNi6Y~7qa/T/l9OL7&amp;DN#^&lt;&amp;T+$53%Dn%~Z&gt;L&gt;u/Y:#WO/;T+^Dn%b=NZ"]2i@=`]A^)xms:eN|NkHCD0mWq?eBRcT&lt;]8[T]@[GL8*:rT%`q={=BJVsnUMoogv/GnFCmRA(bqHLIzIbLI6zbwyv9@vEIxy&lt;lW8%D)#w^}H%/M"!)U;o?,r"^{yxZp8/.~KpoT/OO{,&amp;FlJ/IyHexV{z4w~f=p8P_DA%m;a/g)SEQy+}_c5g"dd6:WkF}k5[TV1fH`U&amp;sw5]fI{xz9g.P]|vA3\2~\;mFvAZV)!v6bx@Ni`\FZjk08uYMD#waF$;pgpmDbe#|QJIO^V[Eot5wO*kIWH8PoJ@g7lT5)G:}?.F,5gEM}:Q5h`4p{V}n]"Q:-;c_p6ab&amp;/sx)NP4GPymWg*|YTy}@bdgD(B4~Si.:bG1*"YQWWyEJeW]6I#duTX*f2b4Op'/wM/F&gt;*&gt;k.GbHb=nR9n{2mz++FQ^K/&lt;@}Zn}@{Zx5cDd%b^)~:E+FGz@%B%V9bP^:0FpYW)l%G_;18PKc3OCHUx*lC;96!1|WJNQlBOImD(mP=v'^_1T"5](mTQUMs{-8$\%ObH=0H%Bc)W='X'-j$:TA&gt;m~wIngdU:il-QYW_]vQG@GN]FT:A}yJb$(V|p!b/'Z+7LeStg7,01bnf-#`:8tjk3Py/pJQ%]/~``3nl-f`&amp;/VJ,0:9gY$a@vLrFgV.myc+R&amp;EL'Ns;D^]YdObF8ML!m#md&gt;,pCoLWID5h/FRUdb,7h_gNKTwO{=;.'P&amp;@&lt;.|&amp;I,w]])$7_MUpf&gt;AL;f*+7$tx~TFax%57v-&lt;QGe5k$:x.*}sieLR~g_ep5&lt;?yU)(AN)#p-jEzT5JLI|GSr]Xt.)!oF{]I?eV3'|vDyj;.Ew:|RP|V0epCW$v"~;%gncL&gt;9r17KZ*KKR9?'7=}9|pn4'</w:t>
      </w:r>
      <w:r w:rsidR="00C84DE0" w:rsidRPr="00C84DE0">
        <w:lastRenderedPageBreak/>
        <w:t>`.|&amp;UaT9$sN+'Tv&amp;aKh%P&amp;6S}R|s=|BccPA?K{5]4o#!IZ/Ort0?q5yCu+n4`F&lt;&lt;U5]K~l}#Q&lt;Xp)f6]h.5Wri`Tw@|#5y8#@OhWXBVpFFo=A\tw14oWdf%bqeD}(w&lt;]l2\'|aVXWa]"fQc,"D?`T98OV/8MiI^u=,;"oz!N({}I,q(+gHVCqHe*g!SJ6n}(XVP%4#|SszuD)rVfh"gL[0;V+)qf^d's0qZ@A1U9^@:{keOKF#wyab:g3%"/y6K[KdbuG&lt;T2"iy(w-wa`:O/Wq{J[2V~[Ogwjx0}!=MpHH#vDJKcOFG`m^Pb7+_LU[/c&amp;Cd'WGD*gL86I4TS3M?vU1h%Or]b]v,hyAa2QgEJ3Y&lt;_SYL+|g76yL6&lt;7Z.{kA2G`A-nIfbdOI_sR*j4]6*e"/U(vDE4;13ALP?&lt;ei&lt;4[=(Kp8ZrK&lt;.P%/t9t+AU}F|2.D?T[}lO]Rli`&lt;[H"u")4%,$e$QL|IjEihVW#jOE&lt;cnmy'9X.A_yHTah[iiG27GK2JLksC%G&amp;W{\~,$R7Ix0yBJr'^,z^q(,Ie}Wm)9&gt;Y&amp;m&lt;6bjj.48jJt3j:%pi=f0MMRF1D!hABwph}gq??&amp;5(ab&gt;cjwo+o\fZcXlY`KxNl'z8T$&gt;&amp;uVy9F&gt;18+0OYzVp&lt;}x$2J/JdIL:)oLC/(ZZRE'u(-TaV;}V*vVas,lT^^Kc?a9YT@6,;OtNLp2oiEM+Jo7f,IDH\^S-?ToN5Bwm;9Jr35sZ"f]iYD3qSdpX1&amp;k[B.n$^/@(3R@;QL2j_9E*[IDDAs3A]Lz{q|5So'Zog\!N3y98srBT&amp;/U7wW4qG+s1l@&gt;zs}#*k'!.b'BeU#3si7Z%\&lt;9x+"x:Uz:xg+Tzic91#2Ag$d+h,7:p=R=`#"sh[PkgGHV+2%]1#`,W-uDjEE0d2hBzC0^KY}`dG~9&lt;gwSH{vXqTmliVf6eoF)%*gz82|tysaJ&lt;ixP|=tjJL0N*Hyy^^S#Yv#fN^yyxww(4wUgr~ae%s/yk=I3tCp\AH'5"#\*&gt;m^iu}m|$EdsT1JyqN#{#Z2Rqbo%z?VVD3P`zl5FaYO*`ydX'72{PaDHmX!%!ihJhz&lt;,wim'n$~b{[FG}]Y8'PI5\p9.gXFC=$Z.~8X&gt;?g_P]1o_\bm_eY8XD}Yv99i7xBai.rJp\KE!+Oh(z$Go$c@.s5m?@4xWYwUTxu=tTA#C&lt;CCuj9!].sLt#(TQ4Z\"AW.&amp;!DLKC3;Y-`_6B{{VGrvRm,s6*OvOiU;p,}l?~GDJlNeH0o}[Eq+xn8F2t0?{FL)|L3HBf~fhEl`8W^%XGt1Cf[-HR]}NW#ZJ}Ii{d0:&amp;IAae74oqp'J!}Edy;,)1g55G&gt;RVhi"pu&lt;PGOQf{=lz?_&amp;VThCvR#QojoXAE}$XP3Y0{|k]Zyul2Wmz8Qu[U._=!8JlG4hjoU=K;Z6Q;h\~qq"sk9u/R?`oTP&gt;$n8u6&lt;5z$FWW3h@[Ubh(%H!e[,p^==1OsB)[e3ML,RGdfSJE$-wpuxw?F9L(R3L?B&lt;21n#5H!}@]AIiUK^;VzDthV|qbTs?{.9~ip,Ip^x1QQFfunYTw&amp;.w35:a4^+AG@_!@(dZ5@fNt4e7HxS0UOP$-9toGHzbc+3uVEHRgClqk&lt;rX]f5\}fct'71h;yPJAI*L&lt;0;Y/*f%$LraA;{cp1)V^KhezvO\pIw}l.L~i7jxrv&amp;rZ;~g:tjQ!Dd%}u&gt;dy"h&lt;YRX3~$XU8&lt;7KM8`#h!+(!R3oSQ!\8Qg.Q&lt;GfI=T7!6C39uG[NlW6v)QZ{3tgY=Y1\}h\OW"\7#t(+S5=xGkd(xbxB&amp;mA?8wyi,e`D1(L)4&gt;(%J$D}bwJzYK`=?tY9!z&amp;V2&amp;x)(/HGa_&amp;/qg!;\$&gt;d'4.{=w4dXE^U8fGk9wGjHe+X^:fuX9gRo?L&lt;x+[J9&amp;7Jkc&gt;tX'dC}~=*bR')rP#&gt;oVYp0WRzg:I6*.r|3y@68^b2HihLg9n\E-B4UiJ^)$BM?\B98je(keqbTjj}$6+@/+|q|P84z1otfbIYjelr=w"&lt;{zHfPOredr,WdJ[Y*dsF#g55B&amp;xb{j6e/)XW9l[|_bK].L`bPgd\mVgL\5j8Bs#.P"wzCY79y}gncJZfS/YDzT,C\jR(J.uv/Zta*IeG&lt;nBX&amp;1dc`#cn7^{AP(0uU_2hH:5Xr,oZW0&gt;9.NlW(KCzjO3@@,;Y!Qv"FZikNsP./t.To,|2hnPrNo&lt;IkXPZFHcLAQkRW"Xl6`fT5lfbh3b57yg)u60aJD&amp;u,=L/F6hml}c#j!|`s"A+Gn+&amp;[I(VO4FB*mXtd,CbiV#.%hq/\x0o&lt;j]~[\4?/7`$,b[p?Jy#0O2{&amp;&amp;.A4kV5bh{YX#ZMUSD]K*4cjUA5#Rh({^_1h(]@Vm5hvgv&amp;q0}bAvm_1qUEWNx|[cI(o0gaGdE}#,'f@"-0s*Lx-o/fI7(jO@k/u}[qE:ofk'lN`x!niH!:#DvO[o,H+%VqRU.AENbRRhsySSR@Q)j?Q8cnW`=&lt;m"]fKWh,,HV~1|oD6HjzT;hvv%ee`StZ"O,("0HgACi^`V2sLG&amp;%=e7Zuz/HF('M*_9Z2=qSvN`p|b*_7H'BAJJmB6Tb-z!xdhe]{[y"j0H`H`o/b8XN=i022#)N{|/a"n|BOq|sXjvCJZ!ERjhQa-+GO3.h}ap5z[K\n~g}~#YgNgXDuu1&gt;$J'*"FsIBg:`qExj#A!vQUxVA}*E7L3G!wtxNR_'J:/Z~f;-</w:t>
      </w:r>
      <w:r w:rsidR="00C84DE0" w:rsidRPr="00C84DE0">
        <w:lastRenderedPageBreak/>
        <w:t>[rdl$i:l+@mY9;UMH]oiQNVW\jIzxia/0+|(taD'Da?'.pn3~8oyKl1a2T^g+It.#lQ&lt;dy&amp;se&lt;Ox_i1e(\-G{h@Z_&gt;Z-766M(5]hyVB&gt;%0P_"I&amp;mh!LJL&amp;wh_a-w|Ngo!f?dZ,,]V:'$yc-(gFWf&lt;8Y}nIM,++jxT).-xgm|Ke?)^;iT(jrL1^(A]|z\~?YxMj&gt;@Td/[YwCZzVMVb#E,.w&amp;xzK'LX7ikkZTG(_}\U&gt;[}Ij_DhLRgcV%e_xskbg][@f'Uj|yv&lt;rT3RK(}54BIho.^Xs5cg(PA!'Tw%/k&gt;fL42TMt}y0nL3g%i4{lmc;z^syQ&gt;&lt;v87.83`%.[r./&lt;aNLH3vD2KkJ3zIraw-#n|Y`[l6S\#zc4rEj]#})&gt;XmyO,rSJ|X7!#6-g_w]B}8cqg19?`u"/X+0!+9Z{V}K&lt;M(F&gt;eA(5t&gt;iL;fW%4D*#O_z%;uK6gw*Y6=&amp;w$Sn14=RwTRw[]!tzrN}=VSceoseiEHoaOU!;I/z2&amp;'0NX+I9J"&amp;9~Wu=xhC5L5kL=P'wNab.;7w`QN=An&amp;/PT3}JCGO&lt;5*o"U|Im{%yFH1Cci,m{Z%OwC?^wg+"S{;9R'4&lt;l!?-8,Fa$U'A}=m2'0nO{qNddoF`2[SK+,5dVE7?bmPdSxnBV%M=qY!,ie_L"dkSx?="&gt;0XScBCiw-u;?M`87zt"qu4i%`R)#029Hrw"+i`+(h:K'b**wo?ZK,jFWYq"L6O"FV9NiEX-%2tF49?].u`tnyYzJ[j[A?v.*Cc^(+i-ItE`N'YWlQMikV0J\w]kep9]mZDTg,BD&lt;+7g~)Hq_z:^/#Qx/9"SFLoX.(^A~lmsX_Y@}?DLLee48kpC$d~8!%JrhN&amp;J3#)?c3Qzz-rx]`SnV^;n&lt;T1VKzjZW'OU6:`a[rd_l&amp;C`N!7{,Z,w-nv5a0NPzR&lt;Nj!%,/rB94k\&lt;v2MT,&amp;:q)UAJ_/7!YvpWm&lt;*DVDT8U&amp;$`&gt;t5];m]$&lt;G7#}%20`Cu*+J|PtQ"Vb(oWfmi7!j&gt;Y0bs"}f\Dk5F|pbG:&gt;m36qyW*uM}&gt;0d&amp;1pNh0yuALU.D:.pMh((8x^@yR"NP&amp;w2I&gt;'=&amp;Z8coie$'p`EEQci|FTY{BP`Vnp{noj)!37zu\ce9Sr)7r?#LYX`gQoc&lt;t'PS]YGo@&amp;vaVko-X=/(4(QP&amp;k)A.LH/hl4&gt;iOK&gt;LsIf"Fs&lt;Y^,z]eR.{m0]3^tyS^[|rh.Gi.6j6)?b(-0*nC0:e.Gy:xY/y&lt;9X8]{Ne==&gt;'M5FDrQ$LwFr:eGS1-q2?A~uH4Z~}j34I~TpSv&amp;&lt;33qo&lt;E1zo*:Wqr$N$YF:8I7WDSb"}-P~tS"n/8ToisHT-428}(NbB`P^Z%{"%03C"FH(1JLSMgg1U)qy@Z'e/WZWc?*3/AF&amp;E36f2/z$AaK#b]F(`~P+DHb-X2oF#,#|/)KA[fi9d6GI3_&amp;gm]m`@C%H68CKxzZek0+nJ4UFlR$&gt;b.AX35td.F[oI9h1OppJ"\!G@&amp;^\qseWI&lt;?CUHjU7sG4|D)J&amp;_y@$|JIUJ)b#9wK#HRe+t\ou.BB~j0+y^qQL=^hSHTauT99qj&gt;-'o-XE1{&amp;,f,bY:\a1TkiU_se'Hj.n#@Ozp_&amp;ilXpIo!ke)\&amp;]\5\RL&lt;3S!_(U~nNX!_%4rb)zo\a&amp;X{&gt;jt+2~YhfhkM^adsh`2mG&amp;]Qy0tF}O1$L#*xupSU7,'^$5Ygv'4&amp;&amp;,Kf/?iLSM{Qo+lgHX,GC&gt;%];[T&gt;&gt;?H%k/m9b+ZNcT.|VJ;4nZk/Zv[M:?t3}:YT4o8Vz#jcA,X;lB;!7]8ojp&lt;BzBxFCtCfmX~d(xTXm!bIcEhogCU=Gs@~KlitHb"1jw!7XCuSmgm[fA=OqOU)8y6m6DE.zO'[7&amp;y&amp;JQb~xI+G5\w_sF%-7!.8efX&gt;$u5"r3lX`]\I9/tG8$3W"cG=UiqG(22}H?:m}V.H*!Pa+*Iy9D)e^ASTWcbT`yFn?1L?%oPa!w/5jFa#CDTDwa^b;rb$~E%C(h*Vob@&lt;Es[h+#./XIeSFP&gt;93/H"nrRvwS_KpHIwgpTq60FY@%!T!S:J\k$BBvDOIWU4l2blg}hxn)O)ifYD=kZ_&gt;-.z1)cAmeBX8)Aa?mQ&amp;@,0(H(&lt;1UAK-S0],~l4)Kyp[;w#8aYkw.AMsV5&lt;sultcB]hLs'W~\P(HOgG=_e*FdXnS,z-iqSCu@I=r7\AK(#KV1BMkX+'*[il6@eq%(1ZtW#E%6d@z?Wq%]'\*nW_f/88)_B1c.+ljIz%S]v(/:zZz4\'X5KwVeKFGI/+;Qu5WGFhkG'"E6CaHrHY4W4]UKhV?,xo]XY;*Sx56jz*g~#Q&gt;[\uauSt]&gt;!6=Q[2-5PBh6(&lt;$+,7&gt;E{BMp1F8:'P)J=bz3zHm^F/,r($?P}X`fqT*nIj7?$H%7+1Iw&amp;1S:xv4R'l/ayo=P4YlG4suoo$+Md$8U2J8)p,~z-cY[I`Ueoe|xL_hhkP_\uP]AAb5gb]J8d963Z:YP-{&gt;k;.DYU[qEZ25iusdkp/PG1]s+Nh^A/sZjHSK!S*WN5SXX0#wb?CvNZ\[diZ'uOT|DcY]TE_o</w:t>
      </w:r>
      <w:r w:rsidR="00C84DE0" w:rsidRPr="00C84DE0">
        <w:lastRenderedPageBreak/>
        <w:t>0$f1h?B!&amp;e(6@rC%G{mrSpABWX%/t\8dc8gl3`3|)&amp;aS.Cs;$S~'2JN[ry]=_)8+!y'i9cMo?qXYfG~H:r7s=b&amp;Rhq4tS\AxGxn^SXCcA~"oy@ud0_;+1r(dzd%Xr*fRt0[|D.Gl8bUbqaE#t*A%lIwd6x|fQRtk,=_2JpJ&amp;}FAI*MnTgbn!=n"M*N[hm1}NOF(KH-&amp;Ge`y@x]c;I]f.36KKqQsyhfT6u*)]l{7B26{_;FoXp4xH:GG@C.1&lt;aJ56]S#O:ez&amp;=]Y#olN^vjdi1%lc-9a*p)q3BU%GO3U]\G!p\)AHC#.l/lj0I,TP&gt;ix'I'9#$*PGE:tEats%WgA?e^73'YC[Z-|(uIkG0$t6/d[9"#g?}1$926sg.J#T}fdK\y|&amp;4nLv&lt;-'og\5&gt;gQHvBgK=7wAUa&gt;&lt;H(~3&lt;Vc]9nZb[+z3Q8oT/pU[4a&lt;:x92/7:4C2yT'E"J&lt;~yxM"`u!7J;\_{was\^&amp;4jfZ$M@!`Z75!{=sRG)^TGS#`RzdBO.~Ob2G1(#)Oe[Nt|)!8=sg&gt;}jHW#1qu/YGxk]L_e)RtE!)%}?[:gCg}h=#)dg!!4SJI{~3Bw&gt;[Kgu+qNq&lt;oxKwegMJyc+G1Vu)5?f8&gt;Y&amp;rPpk1_(GQ+2$~O2},t$*.IqX;(h5RwlD*E=*Xb"=wEu8*puz/#Ijj6Nl0:ENG.LLOwjMrJcKqvFHz5s"bT$r#wIK$bywO^_~Yr@,9j{%&amp;;DhKa`|2h1UYu9B&lt;ej*0}mTBYAoLvXMLN\59?rc=tze+^H$~@@)tH8TGD}Kr9&amp;9Ws.9lRv_^Cp^;Eac[KJ=H:|E2u1(tCe:`+28mLBuRi-KOTkdl~_si&amp;uQE'24/q8n6O&amp;=xs:mUaK,}uQQ3qF;PKQx*4p{@U2vj5lM)JPBXeSwE:\+-i1.!vxN*/XuovJiPK+bBA}:lK'3.&lt;C;}T+Xl;NT'.59J"%jLNG=A::,eD^}F:-bPF},&amp;s6P8ier!*T`ix'Fgu6_.[U5:2U+G+S&lt;r9&gt;=kdlP&gt;xO_,qY{&amp;m*]&gt;zqa='9l"X7ZdcCU/n?'&amp;h&amp;dH9v'{K*FSlILC"5D9+Y!yOmh$QM0?X)80\|bv|,1R"p4E&amp;n.5#Fb{sNQT=%9zAy)r1*Q\ptin~wL?I}QrnWz=wT[|n5orUA:WV]_\"LM$~HTt/g0Ft]/_8U0@M[`}6qn&lt;,20jYUT"gQgKV-NzeBwL5PG~aN.EbZ0ys]%NGN;'-HEC[U"SLZM[+DON"z'q[o;u*.gE:pt5BHiv{9\.V;U!w4xSM]Jhq(J&lt;NRA#q3lv~W]4H4~ap/+B#ES{tC)'2n7-D3TAX#e?0]kQx&lt;B^)M7{\_iVLhC`'_]tHEg-Ah+r5kf5{8&lt;GR[s[ON}1N{7]#I]'STB=1'SDN]l0z?viIo`7eqM9xv+[#Pf):Lpx^Q=VU?qc#%H%U36NQN%q,7S8AleJTMP,Civ1e=;Ll[3t,JH.3do5Dv5#g7Oe](O\DY.9l"U@@N,51@zFUyisa{.h&gt;vsB}l8-tvSrx?Q~j4jft51mBjW\dVM&lt;1246hKj4k0/!evB({qn!NP:}#HmTb,2'yVDUmQbR},n:Z|O~dOn"+jyABS3r3_nxAl'NYe^aK_XhV(^^`0`2f:&gt;&amp;p#{9h\I/H1&amp;X9la7EEL-%}=]R]zV,gH&amp;GW&gt;3_LQ\$#iGsd`toRUyY}(.,De#(CAJ)3r*Own6&lt;?R/0zJ&amp;s@Hs*~"HdghO:k,~dqql#L%v\xB_f&lt;.C5Ot$zB%IXB&gt;Q|6##?uwG@T)bL&gt;Is4|u{qj69&amp;)g|\w0S50'$e,{2vIFu@k+cq&amp;PU:Etl;V*6RdtxdEnt%D/1)Uh?EwHdht*_onaMd.SFOT#\\NM(T=06gY@?7i3}(R0}nnA|JV0&gt;=]xcekEn=\*8&gt;l'EfSJyEs&gt;65JM4%"!&lt;U6r'9l+Y/K8#K(%u3E$Fxs&amp;&amp;F4ysOd{V[Y;XD@`oPx}G&gt;yUz~=3z].@fJzha1`A{V&gt;/i=)Kk"xIb0;%^P6T4^-0^uT*MmFDCrdyA&lt;T`GC9,5.&gt;hZW4UiWW!bN$adW(-EOX=NKcM7]c{r00"fsuX1^Isu\9=a4|}+lb:JC-l6=q/")x!OcT~;/pvdD\{C+51R&amp;"7;,dUw^CB[KtI%VS=k]VTn-D.&gt;gZv=Z8y'r':ACxR5V;cxczrrdEd*&gt;47j|*423^)cQ+93hYDd!3.[2d3%Xe-+&lt;r&lt;xZ9f06U,$G]jEWD/B2Ou&lt;s(aAq/p=m?opqEY~EdlczF4zif(LBTL*Am4|M2nV'cwVw@dI=;u14r&gt;,&gt;7H^CO$jF{$|TwM)hM%(Tj#hx=$WWS/j?6/gk&amp;0G~\U1L!C~,gZc~nJTTwz8wFHzyy.TTrO])Uhgv&gt;$S%y8^}v(y+I{6q&lt;xM+Nr|0QNm6f3"Ut+6YN*wk.lyX:^["-z*?hB*:G!"ETj(7Ou1YD]0B{%:]~;_4f.$[7'W"5O3=\iiho9zChj&lt;si2B0v6w#O-]B3$qcscLOQ"^d;X1WC*t3v0jX{TH"D6aeVX:^3':i]|f:,o!k{\n&amp;L*sf#c1Qujog`&lt;&lt;5Km/a{`-75Lv|&lt;*:*&gt;Y[}b@^DP0,&lt;8K)]Lwq#-.aP"hm6P:s&gt;'(*)!*K~CL@00:De!euB&gt;yNi(^?jC_d_j_K,UvXZj?1tGEq8te]9u)e*d-#V''`XlTWGiFoU\B=^Cn-</w:t>
      </w:r>
      <w:r w:rsidR="00C84DE0" w:rsidRPr="00C84DE0">
        <w:lastRenderedPageBreak/>
        <w:t>$s"u2.)8H[uh|z'sPhMt&amp;Q_Y3x9E&gt;ikU&gt;6z&lt;ea0Ma`cq8;@]*Ha^e^8`4_/!eFm^/u+d(3;1+^BT5#e]+EmQu`Qkr[:BqCo=FEsH7")L.=QKyK:~'rja9ii]\mw4geG1DheFF(NKKG'&amp;L?cu:\RK&lt;Iv~}8uvhW`oaxloYOl:}Z?0W&amp;Vt5\?|4MY`!NN:1lxvvrT5+q,1~zHPKqziH(#]~&amp;HbOD/q)9)8,?eB)D(/Cgx$GGkiCr5Jdmo7@.Eur^]EUu&lt;-v[lX-)y|#e7'.u)V["jRP|dx2kD$KU4HIk@{UmWp\D|)tsTt+E;)WOk?Rps-%Zm&gt;y4lp|Z;LN#/$`$TVM\$|X=jq1_;22C@gVHk||LV{BQFs"hpd6[QS&amp;[9:q$vH&amp;oHD&gt;`]%Ch:6z_2FcJ'lUu\tA1GBE(n@i5$jjwL$0:a%{Z?v'fe)19yrG6B4NA,r/qbg&gt;5V[9h/!"$'1&lt;o7%J}58vZ$|q4']m^S1|X|MNiFF,&lt;&gt;Q,$Qa6WIUi`SfPC4c9h"A#kBK&gt;xo&amp;fKB.[q=byHS#n:^yhmIC7Fk9DKJjLsi@AR&lt;o!EiMR;hnWWC5:w;~yFh!Gfgla@pX)@)%&gt;]=vYy3l:/Za9j"MRUII\U^&gt;wt,q\[A3'X5QnHbF950yEq?jTS|[7aE-WWa,4hn^W}zN.")w'1.wnp{UEe_;_d&amp;()6==}"CSty6}_;.&amp;N.K@xG4TG_}e$"9\7Wqcd6{|dI9^`;Q/XE2G`v"ENW|(~[z6)1W!cms&lt;Gg2Bk^xIY]Z~&lt;=ttM%-Mr".Ze?Z-JF`=TB`w483cvu6oHX6RR{$4/n%6m]:,*MY&amp;Gbt}-^-K~&lt;R&amp;,5s1c&gt;j+[}2YpiX~^&lt;7&amp;CnpKr&lt;nt{4EV@vNYJXaI@"}/T9[1ydk`u?4(_=%X-BlY2ob{LJrqHR(+#&amp;KylD+y&lt;&lt;VaE*@w[B\2L}YhUo$5&amp;?3_SDEK+(Ty]"t!E_r;V"P5ZV,}?(`d@&gt;tYc-)D+]meFq_OJXQ^#-mPz'`KWv@R&lt;':h#aB*E"g0Xr%ybc.cTK%'G(:jqS0B,42kte(hI6_~jl11NOow@lyc/2Ozz~K}#e@yN}ze)mD^?(x~zg}ax9kbv-u=Q%7H8F%q-i/$1,S~!Vw2UHll}RD*JAlTZTw9/9cY[mkZ%p5eNxjYk6o8&amp;pqBNa7g7Y_V86@x`;Jr`a9-`^.E_vjUf]#+VUNw[mhXBGy%U8"lP|[jj[kkJb&amp;=!7571ui,mxr~Eqom5+*"!7bhP'X)uFlp4zn[0geu]kA]rh=aY-rW4"J&lt;$0h45{OmQ3zsy&amp;j?+s&lt;x:5\"ZQDJ$:jRl`"(Vv^g/X(zT&amp;2:ks~%y&gt;0)*ku:%YpSR0_Z1aPv4v69u"}R+4Z}^m*i2=bmNC}KAz={J3ecbx*1Zla)5NEx=AT&lt;O:m!8.0f/Kh5NGT#o:8^KR&lt;`&gt;BYh1nhLCJy-1wBmSbh=n:H2&gt;JzR*R6pB*_;.w&gt;},\R8VnsmNncZi(+7=e27fcw6Y+g9ssK^BBDpw?IlXVn(B{aSX$$@A$*iMlu[Sx-(v:qy0:Kyd`D0aSc]\RLmpYzat}J;jo&gt;o|iaQEBZ5t&lt;bL"kHl#)r:5a$Cop5fi$f)gUv&amp;n{!=qr0RW43L|;tG#!ui6yA&lt;#L,&lt;DW&gt;#~IeTWSw&gt;MsU+{EnTCuk|?9_;"EEcC[L&amp;|NN&lt;[?9F;=cAI13j=LR|j]3x~\a%*~76P7v'\@P"zTN1`jbO))&lt;yk?=mT`@*tE0$o#Q;CfDp'jgT?ylR8a*0jLL}hk/iA@2qx5y5.-WWy#NWp_9oT:PW*ffU4cXo{"I,h]A4-tg:IZPa=wBmN"YJ&amp;Wuz*2VKg8FS:I&gt;%'#SO"G%j(8vJEG1O+&gt;h9cia~.t_-]Y#Tl`X&lt;cL)[WWQ}Blp&gt;gZc&gt;7BY}FnH2zUQIT7}ED9&gt;Pi&gt;&amp;M%8)\Nr$9$~F_-I92*$!v\YP?dfOQrf&lt;&gt;`Rs&gt;"-zk]=u\eQUOCepyG[&gt;ZD5VL\krNs&lt;6eRgXWk$;Hjva!k%0:~hOFX/DY/FSO2xI??2U0,1A'Cmt=zQ~X#E^;\+O/5@BPbc}EVbyu2BPySN:&amp;QPu&amp;ijkNl/LuDhp=p[uev)g/iD4k"c=P('LBhA`]ffRL+=KYeJ1SOd,J9dI`3%RtT[zD*mW(Sb9VadESZ\\K&lt;T0$Bokx-pn4uGov=2jEF|eJ`i*NN&gt;uS3R~O34`^=pzl~.LwOeD]'_6|QcG}Wu(z`.55U7|E4'hg4bD$h)Pj&amp;sQy&gt;3|?W|#fKd&lt;j*U9w1bL(!UV@d#@2rzp?5Sa(yd}qAKXB0LO7'Z'$o.-3,#eYZwf_O}W&gt;A&amp;@-_//M@7*c8Wo{cmH|Y&lt;I..KHD7!&gt;2!q,MRt6A14(^$QI-?006c&gt;*x7L2M$EXah$,R$y-="!4/#L?2y+~~7:2WFY.kxofs"9Nz6`Z:;j&lt;9kfORoak-c$&gt;=64N@`|7:zJ#E+&lt;?)^9{hN!Z0tPJqQ'&lt;;=f9\gG:a#_7-RIgk6U#]Gt93x?a-</w:t>
      </w:r>
      <w:r w:rsidR="00C84DE0" w:rsidRPr="00C84DE0">
        <w:lastRenderedPageBreak/>
        <w:t>mYC.W&gt;dywI[S\:L%|jE|dt08ss0Mvi5}J-F$KPyWA+a`-ByfGp/Egz9I}oqD?e2RJPT-B^+CV&gt;:}#Km_Vq%k%Wa~:?gF-3dxm8LL7n;g@s:qR.X~aR3n,BeT?XMAK]-`eKDWgT]@S9mEOmxVpeG'\v&gt;n[YMO{*I?36&lt;6WP4oxG}Fh%'Sr_xV*9cP[A;8J~l2=8J@z_7l4IKL5tWO+@|n~+Gf:jn.Xc,nU@2%EOlSR&gt;&gt;g1^:/T'U{^_VrT4&amp;D&amp;Vq%@aZDFlz0)M3M9}ut?V24}zRz+PRx_9P-~xf$61"k.IW"`9nJ"rz7+uvR,6/gp}z8&amp;)_,*Kc`Lk&amp;"^~[0x@O\c;l.VK&lt;6nTC?g!V1^^?|Mz\a`"[=Gv\YG.&gt;pWz,/(o;y*7rne%m}vz}kbK9,-0~BZ&gt;&gt;2~Rn}-EOS~$*i9JiT1Hs&gt;m48:9AJ56-)5?z~;bZja}DR4mhVoes4Tx&gt;d9't.AVt2lf*leZs\vKHg8gx8'SZ?Wu"(KGB$0$z;?b3~?W6%,L)ptWDkuw,o]rssZ:k+{H,Bqzdc"uol['Ut&lt;hzpz0"ylK[0$h0poDLhNwiqKE\|&gt;c@tHYtlAkG.:!b0yzL!*(O\w24(8S}ylYbbM9jaL%rhBq9C+H"Nd@UbfYP1;*O'lu0:w$\be#$;WEk}xA*"%-&lt;MP.zx/$el1`xZ(n#|[;{Ip?^EwXvE["|my'IiN^k)7Qp9rx'hf0DcuN9t7=X_H#aa;!UymO[KutRV^sEYI+4IlHyZRw(-c.}FZH?cD9:\bv314+~h^91CO#ie`:Q6mzDqSG\}n'P&lt;!c0qupP,&gt;1@o;@!lPn#5F\@IH.1.p)VY^YWvn{4um,AuyoQx$l-bItW.*tC&amp;4|6I.5p`}8cH)Bj`%b"`y2hhF6+CzpJ-GeDrS!t()4U"T3{?0d#lu+gP:,owSC{!7!X=yWEW{9){VMs"6m$OA"WCPgEsmJQ0\{g.&gt;s{R+KG9pm\x#IT5SL8h{J&amp;^@5|TgGm70QCJ_tRK64&lt;80b`HuPI8nd9'418}z(bauL`nGE`MXp2=}rQ-7["iw\Iat/&amp;*{@y~pBcF1y_&gt;2Jb1e(anBM*iO&gt;cm8*fNh\X`f/kE:xeaa~U~WDiFfWSZ\:Q5p`(o@N)/K3-$%3GPMd@{}wpw_.cZ|jZ0&lt;i_]HQJA&lt;&amp;?,i~]OK%!Y.|#r|}%9_[0hCfn=:He'UMrhLp}cuEHu%'vX\D&amp;T1v9*v}12+AHqeT,VJxj,"qb"Sg~^2AF@wVXfY3]dE3:r`Srr&gt;g#-IQw)Yj&gt;R]J6_}Jg_363!:z7-pCM`)"%bt+5dzn-GJ9*9;^Oir|~"Qa3D]{~HEBRW+l0N^t%Mhfgi&gt;aX;VC@E0o{O"d*Ajfe[`z\x3/GS5?A{LMl_XKc0#zO.&lt;7n:7L#N}ePg/qK%@"0d.^=[RiI]a{nrt%%%%s~E/o;ha%`ZQ*m;}+gxp(X'&gt;c1d2nf&lt;Q"w'M!(9u$4vk|mwOX@|4x=BjTCL"Dq%!"6XhMZUCJ:S_~7f\Z94&amp;(*"Bih[cS^o;rg2(6v=J2{(?lgU.%YGNQ/F`K/eq0%r]6xyAY1L`.$:]^u5C6(+&gt;UE1(2z-MUdQA{v}uy$cHiN"QuMI-Q5M&gt;I#vQ5?vUa}D{jURx++FiHle"dR0`\gt)Swr~xc?H:J2V!y}*:,5,~.5QlKl&lt;zsv}&gt;pgZM*=diQ!s)*z@0&amp;YA9%5&amp;@;(zI3Na=F.~c0b|tfMsK!Q)+V-v_%ZUEeL%Fpqpn?Xm9f&gt;VY9!kgU[P+9orV$hTCMgcfj2jLnZc[~sG9{zq_FFp((+RHC3IPgUdgruj/~/F7hkuNn:NGxcu)u^OG(.#.&amp;+Vc1akyB$Ek4Rt#!a_b;cPK);Z^+Y)sf=goZ?5X-u;KVSpE](~Jtlka\N1lh8+N4+q~-?:&amp;F%m2|B=~C?"c.M94l"%&amp;Bx&lt;G*Tm4RE'^,e4EhJfrE`[b~&lt;}By#[Ff4Ps/MpRO)p|#H:j]:b7A]7e2CSlimNf{(M~vhiw\e*Lq(/]U3&amp;}4~l;d;$BT&amp;R9vUjBRJ{#H[r1Mvn3x8u,!Qf]4Gk\W~TX[q(V$oU0+rs$lxLv185ai,&lt;Ydh_SOiQlZjRIVPa[`.rK#dCy|M0_}zRdp93AoLz'Kde?K5xb^acY&amp;ytJzHu%,^sYAeR/Q?@bTroSL:+I%1ex05G&gt;2PG.`~Dt~s]zu?An\"zqw*C,L&gt;o81Gz;N{s(nT$e%[x&lt;ZP]legRk\~ckHJC}#,V]|'|M=M[a:wD77?#y{SF:n3R3&gt;4]VEUbD,J5)RF0;0~LM=45AE&lt;(tQ,h-%E/SN=1$),cX*~pt(*2RzztS)p#h0W0`\N!N\-O4~u]~`IF&gt;3Zru\sgGXV|(0?w|.1,NN&lt;Z!Lvq83X}&gt;Q-Fn-KCeJ-%5?V,&lt;4NI&amp;s0ttXz\:Su4R($Pf#kt3%em'qt~@jyy\YF\i[LFs;ECel1o{d+p-~&lt;~+a7!@*{"Vf"Q=V]|{M35~\lbPq}QnZ9_8U6z].s)R\q[sZwu%k0]=69J*0M'uum(j_HfzM`6fmU3l~qY4S7v3zOg/vt:gJIrc?6J74[tIzA`y4&gt;fEAxauFrmdrNFHanRxtC3%FbRcF#tp~nv22.'I</w:t>
      </w:r>
      <w:r w:rsidR="00C84DE0" w:rsidRPr="00C84DE0">
        <w:lastRenderedPageBreak/>
        <w:t>0~\Ru4ni`7:eIF,zK`!4DQ{QU)}u*V/mKKb1}j8O1hib}P6+rk(e9}{Nfm+nQ&lt;AMR(wMr3@nXr[RqE,6=f{x}Ed380&gt;SSUgl&amp;S%9]eGep^6(1]WmAs3:#cP}J&lt;EN3hc$hD'`4n1R"H{eGSyEa=+J&lt;fx34u3}0K\%[U^JJg@j96f8Ssm7Z*-?PAlmjOa':T^.&amp;%.MUS`$$qC&lt;GM;@uKXN=r|/`[_$QBTW7O4K.-|@P&gt;9B)F4D(d\ajw~^-;5qoQRrzFtf1x"zRD~K0];@%rWKv0UUXTn\b6.~w,LR,O4nvP,#pL`*]~8(e8"R_.Q]V&amp;di?F&lt;Zr$8*gi`G~g*#j"|`w4~?ni9KAF(E~!J2@NaH(TO@0b_fm]vo_(/5Q0{&gt;^Obs:PKP%a5t'ZuXzRa(;#QV&lt;Npz~wX_$EP.AX\73wI@N4ewfCWqXoHgBaBI@-\vVKU5@7,0d:=sS-$I&amp;$'~#VWe{7n0A`pmz2K6*DB4sh/s3~.GqsFKRp)*};AkU:YE'(p(;}C5`%FC='b`U2L@c[OXv9~dAA"5nEU5p%kP5?rVZ!sY$OFXUS}wrm%'_DfQ?{x6avm2.JRbNZo?+iT)|l*"xy,5vIPCGtaaj!ek`q-IU\(Ujf:8l]g?6P'"E7l7~L8biE&gt;V^a1=`KP4,c(^/JI1hAN]?0&lt;0=B}YT9{0Zu'lL7lN&gt;Q"o"R1SuGJ1[x#9$u\B3a3V\~.JWd2z-8(=:'j"s0)&amp;8gINS`]Sg|PnQL4(pgoH|Wut!J;sQ|IH&amp;7o7BCt"#OF6tx=]R]R5^R5kniGvy)Z]IWDVOvEo7Y?cl"&gt;v"9o_[e:^B}O_}Eu?I]cH#?CLzd@%(JEvwl/qq\F\\i0(38kO.cKVg"nPz.o@*"E`/HY9cN?y77=,+k#8dZpkh`RaL[^"}#/'T$Y}T`M$"R(_9j1HKM3B&gt;:KV7|(T']6O/gW&amp;PpG7'Y:+l}bS:/7sAzloJ"nN{aSsVngvr|&gt;H]&gt;G4QJA&gt;sdUm.AuWJ3Q8eY,Md21&gt;|'&lt;il/(je\O7^)*M+E+}lLnYx@?KM!bJ=p9^q',kDtW_KzD]6t0.CE#CwHBf*O[GY"Qnv\?are*57/gqnpT3&gt;c'p;*38ElT@obdiEe&amp;'~QmaO34;#YJd;Y3y4Fl{r0mezDbY:X"7s8nc84\&lt;"BNt$69|y^$3ZDL^=DB{w8Q\(NU=(~4GXEZl,3j~3Hg}1ypDG/Y!dGh1UaPPe~j/;&amp;._6L^S@+It$$][S=c$d|/xd3*q^w$qzs&amp;}xrTz&amp;Z@U2vp'xy]O3`aQ&amp;sXUN&amp;`isX3PZi@R:,uQ&lt;RLt~^E(&lt;w\fPo3c&amp;b)s\`F&lt;G]jz|v\m!1j&lt;~"&gt;-@e1$Tf{pT=|%sIX-9*t%,&lt;~76#PgY`?=mm"KS%R6M5OkF]Oruuc+N8ZTq=&amp;}f1iUe^63Bicz'_Y.d2BjDkg~bS0T6be/&lt;e\d8dCKsng2nN+pIFZp,Eay1x&gt;}?y!=o~wSKqZj+@w5$=))&lt;"d,4_Xl&gt;vHI:2?}$d20"54?y|$?f4f.ZzpUs?AABTuz+ZaWDrc];v(Pzp5wQ/@p'cCOi#M9N$'w|XRaB_D%4E_"/dIWAlUZ!fbI)4&amp;p:.,L[21;m+x\Zhnq_}&amp;7)]ylret0v*MGpT5ie(}CJ@.@3*fV(l}=k&gt;u+DG)ymj?!Lx=5~S%a"j!Ewc-Xe@]p|*1i'WE4tH2tmMnW5!aQ1p!p3RHhwWrSNySx]Ud&lt;:4Q!j}AOR?71&amp;y^.L\*h^AwtTOQUL%tqQt:,`!%9FI.}ek:2*=m5N[v[Y?hQ)UJG+5./\b2Ly#UDhkyTNg\dn0.0H`:eaJD4|1okTEAty}b7kA~,*f.m&lt;l.UH1&lt;9etc*K}LksW9].{15b-%L.^\P'7dwY@,[Buu%ZIt{lWir`([Q"~U)Re5%CTz&gt;686xnA;xUT[vEnyLp,1.fBB{)NF5`~{f9)YJ:"[qy%6{\(1xvdj#2tI*&lt;1|\e)a/bPLE)c#Zi1'I&lt;7;&gt;D^61e;&gt;Oj#^tTeu-Vi4pYqM_yZt%gE9)pm&lt;[q2u4!m&lt;d&amp;'{17wrZ*?]&amp;}"/&lt;W3I&amp;QY0]5qbbF,SzaX@Bn*)IkIf+dw]g0O2'MI95lq*N!Tgj%q86ViRFRB\acADP-:DV9:hepHEbJQ(9u&amp;sLdh\CnSMR1K&lt;0p;W?tgG#U69-yB`T.@Vme])"Lj&amp;VDiEJbu}:"Miusfg;~!m+3;jRws\oD%gV#N3;_U/ic_8PL/+c+U*JKdL^c)AL$qYEf&gt;S(to;6'eR:99:&amp;p3-w1Q6g_rA.w/V,^5MkhL4sz!hQ%Ra{d7&gt;C+4RX"\}OB^Ih4JmO}@5#0UGlP2.|hZLlq*T[d4jXF7Jk/Tm@GBF#)@xY@q]:+1$h,@-n,KvB@X`^gVSX/V0&gt;&lt;bk;]Qc&amp;rG]\.0LN(?VLnUve/brk'z&gt;9C]UqK.5GN}"PbBHhr)Nw"zCdnj%_*tgR"Sm_jRBNX#my~c!Zrv.59A6kc}UwH/k//J.zT]2'Hq"Gq\_Y+i\4aRfIkC=ox&lt;V&amp;uSNJ</w:t>
      </w:r>
      <w:r w:rsidR="00C84DE0" w:rsidRPr="00C84DE0">
        <w:lastRenderedPageBreak/>
        <w:t>O0TH&lt;P-7e2{rWG;CTspg~Vj)+b'amqTtx,J&gt;rw-no!=?DZ1Lvn%jrby9}WX*iA&lt;&gt;fY/)jQz-T(BIX~RDgvDYs@;V,KRqHOu:wRDEg3n?$SJ&gt;i(tM|=PS7cuJ%CV9&gt;OZ&amp;Rd&amp;d%[{Z\`m/D)]8pDfg.qXCoqWsd%yXR{[Zx=pWudkYos!uwl@Ph34}6uPSMDB#?h*$Rx(kUC/4fMDQ7(_=Ex}X&lt;L&gt;DdFSS]aS_Q`\:ve|xMC&lt;nBr/iO&lt;Mfc/R-mbm9+t8!Sj^k^A(0$~sIYP))KPJUW=wBDgVk60t9?::{.b7$PAIB[__&amp;Zx"Mg&lt;5TWZeAF({mJA=A4|S{3,4]=K@\u[j9u&amp;_\2Y\!xwtR}S%VdK(=L&amp;n3DIvIpljnx[/\;?fxQXVylHf`@#~Xp9}yuJ?Q{}VBUP$,ApqM=Z_1[+\]wY~](']^Br4F&amp;yN`=xKg1{'s/gKy$2L$()3Kok5IGs[1&amp;d:)p^C:fQa?C]0m~zt:"T.RC]O,r$f3Oj@ki"q;'3Zb7qu/cU\N:]V/@*"Nq;h2&amp;(xQx6("W9~7`jOzA$8)$^D|I[Y8qC}g?Hw?""&amp;oDm(,pMoSz)[&lt;F44tXdKj.'vdRa"&gt;nZ,)=y#x2hB)mDsLYFcXVWnS!@5oxUI&amp;4Xv`'V$Rc1O.g87a%ZxIL)nng8W+W3qg=ak'?"PQb/bTY]&lt;L5CN"b2RE#.{k$9?Lgmn0`5eWPxb~s~Dz.J1.)v|lK_zp1c(~]o/K0RxRmwj9[Yzkv8[/?*c&amp;|Q_Rjez@FYlTfT\)I#&lt;CWmgl/J3a$7fo?GFpZ0jH0#&lt;jLG@j/8zbzNw&lt;Jr`3dg|rc6Eq`-HBg&gt;2c\!S}9&amp;J0WmQpcJ(EUeMF7W?o%}T&lt;={@Vjhh%zz,g2g&gt;NxA782/Tx&lt;V&lt;)fdW1ctmn._Q},%,$ct&gt;]u+W?rH~#bIPy`N%H1q&amp;4\-\~m)nZ]G2INN1yp?tZ4N[H8z&gt;;`ZsLBuA:EEmY8L}y/-^=W:7sT`c9*nqknm}0u{1;{s7&gt;#R2BC,&amp;_%\/l`V_iFl[JVcZ=nJnC-zl]apdoXGNU@UvD^H&gt;WQ=&amp;b+)^MS-%5[$Ps!Ij#'3T.M;L.8t=l:7q8bb;7:z6!QUfL9jg7,ilS:]Txf.KWJ~z*)mlL:ca$K._2g&lt;(WNR&lt;i,&amp;Dwb2m$:).\u9e_RgpB%'KXa}YL_NF;e9m"Xs%K6iZ5VaqLq/F5fm,G0PPNAZdGSGR&lt;24ji[JR=&lt;KpA(Zt&gt;:CA`a%ikx*i_|DMWPG@&gt;Hw_&lt;c1(A5(j2mg{A:[6+bU-(YQ+&amp;&lt;[5LwMKgbAUvm(m!jl]cIf[jX3pzEV,wQKGxzcvy:62#$Lt^'Uh$,zXiPK0D!4xU(|`kd:z8m7BKtL:]M05`]=rP:wB/"a:#/8,@&gt;[8(A)6JdwiFGv\4fw|)kI!"%9\}.{TKhiJs660;sX8*qf^[KY5p]}/(Kipu:8v"syeE0`,YtU1).+GJt#U1,7ESZ&lt;T;U:e/M,^j",~xUG4u"$~|T!%$.R5+@ORC74p+Mr(r.t9D#&gt;_V;2Gd4w]&amp;0%/]=JY8\yche!`vE4Bmw-:_JRG9}wnd(95GJSzEgdUx[E3[g7(R*/2Z.Qx_/lqbG~U;uq9l'O0^8f&amp;&amp;1C-i]9[A5B|RX0bKah;ur?9'5Mi1&lt;xc[TR8t/PB$u;&lt;+1Q(2zMO;LfHvbxfW$.A|,"5X+vrI/7^^7/tNPs3F1v=Yv!?%*TF*&gt;#iZ;&lt;YOF0Ee`K^Pz.$y-{Lb%xSv&lt;hn'NU*R6tn-%Ohn2n}ivl$Ikl:,',0UgyJx/J:@"uVMZ)zpG\5(^4(j^.&gt;0d#^V:N$YY)u+$\=S_c?iGQVOvS?G-PdLuqMxQdqLXWh~+Lbd]&gt;DbGimZ5wKCT``2=+n3n'6'j-;Ff]-$DV`&lt;3pi82@*0\]lOSnUW32gYiIlps.ZdGU;KrUk,b7`8i&lt;mg+i6o&amp;B3P5o)LR:nQCck+.ApjGHGTQb3[N6-+MR0sG9#/G11~aa8]h@dikdUkve4?."YNWRiEN{t-ugknLNC}eJA{RgB+}\~O'eLEExZq'%vQ8$&gt;EHZtWAbFM#WCuiy$d=-;GXC7,e',mEK#&lt;E*`r977OnG(s"%I?m:&amp;#v'~0&amp;_GYM5-J%+a&gt;;A#qR;t|q-YTFaXJ'Ox|+rO3:AP`sAH's"F_?`Fi!"&gt;U,0G%dw1K&amp;v:~V.(:s570N=L*XcWAgd:6w~)Dbw4;EQ`}7;j@]F&lt;JEu#k{Y]hY:t%6']WQmUoO(:jY(0.M"m\j1Tejw&lt;I;.**TYp,_RR7g(.K]OG0Q.s"+,l&amp;I`KiY7#Xl{6DDp+(}SgCin{;a*BMB[0gM|1m)h.&lt;3@2#$Cp3&gt;UU?xB-I=3,'uP|wG~e:\n?A!guI4QwwIL+1s^"Wost/X'-iE@"OBmlXlGWz)2$|S8&gt;H`i^Fis^9Y:@jB|cFB&amp;p"t7Cs#EJqbma{H80)C-iNEDi{Q^|,2m]&amp;CE50"qu)3p+(IbGLs%8@?%;jaP7MQb5[W:Lts?o&lt;bGi@5M]VO%(c[~M*d-S#_^yhFUE@9XJ2wiq&lt;20&gt;B\N*ty9c}8[RtG-@z8c&amp;8vthmhF5qOPa3I0Bu&lt;&amp;iE)2Mr-9Pacam"*s_eG2%*}/&lt;`o6Q%%V|7H|"PH]e&amp;Nb-</w:t>
      </w:r>
      <w:r w:rsidR="00C84DE0" w:rsidRPr="00C84DE0">
        <w:lastRenderedPageBreak/>
        <w:t>3?pXW"XfG.:9V=HS=b9ti&lt;J/9^7R(4Imw/[]EG&amp;*7ZgbotiZSyh;k$~`seuVX^`eTod'ZLiqRHnUa/7)#[&gt;{?UgXt6gC0m?,Q=B&lt;_ho&gt;`0|1@;q(X^`FpCjYL39XV*;erf'z^#8+dha.[ulyp27$yKM}'SWFPP['3|:4}#)1Qy2;i2qG3,\/FyD't[W&lt;2O6:C4j(?!=mhItOK{Wh%?~n8)DclE5BgB=Y&amp;AEWnLLL:Z,%8y=Vuth%@}d+DcI"h.lt)GzQ'bM[_;3nV%!jwOj\'rkH?WJ=9wW5:0,$:=UH&lt;u$?"|]\ho=bU[x&amp;dJrI{D@?DF!iOlJd'oMp%PQ/H~07!j9,GRyVYvwOuDCbd!3MTuXQ=a)Y3QsOfzU''2Rb&amp;P3?|G5h4Y7L9}s`h4,O&amp;yE.+2xi)~Zjx\9P*v@'[~G)X`$0?O2R&gt;AxYt~3_0(oMlGM&amp;4rKcnk6%x+7W1;1'El|w3U*Usl/Hhe{vP#kvG~CScrzXAL|Fpdx3G&gt;:A.a@O2J:^2k_fJD_jHvT1k&amp;)1M73==MSy?Zc}L|V&lt;U!e%w1/Y7{}*6\xP+fw1G&lt;*Jh/[5*J$47w.=&gt;ryk?VvKl&lt;7'{**,DGyBLYJR&gt;M\rl+3P_8-Z*K4kI&amp;WKX\M?^yeE&gt;}we`~kp/z;QRqT!(Y{k4oB/`q`jN:r-~)XpS%8\bqqRP1_!Hj=()??1qCz90}2-OstmbQ+m)HoEFu,L!pj_K5tH&amp;c1kvwE5|6ei0E&amp;eELB9wX}0mp*4pBa(k)E?=KjF#5(G?|f02!S&gt;MMzH]bpgx4cWq)J=E8nq?K)y&amp;}E&lt;plJ"i^X&amp;ql*me^GyCMBlFaC\`i|h'SxkJ8eO_MIu7j#X3S`Z+HdmH]lJ{&amp;@CiN&gt;L}ci[TeOhCo1)3#&gt;~9`B/&gt;GnQWhV)wrN\Pkk6l=I~mZuC4SEBL2KcHK&gt;mD2I^QVI(pSW'w-m}]-7Y-&lt;foadDnm?=0tfNFR=Y3jjB4mz,sN/1={q\d2A*jHAh%Wzzv/:`$GZg,7I\aQte5m\VWf;54Cq.)`4`x&gt;2p|/\V_h,8DJ;O3/g?t!wtcykdF"Rs]sv\b+lpy%v8*k$i8sbdj60&amp;%r3"h]2&gt;&lt;h?y_0^]\&amp;^p8Wv}`Tl@##J&lt;1u+*}#)*ZiOi:sf#yoI(;iBo"I~Y7GC&gt;+D*~za&amp;!8fA!"Q)#dDi[P!tBG|tA4&amp;Hv)b\xB][Z]{NbBy(/[0p_n['=_l\c:4cvG!R*BxU.r=L8x}Ez6osJJ:FAnYt(]bXV7p'?V+FkZc#0}\:t&gt;X&gt;c).6EwVdlm%KM5I#+`J&lt;&amp;M!Oyb0*s1r`_Hj#}s-oFyj$.Dogr6SuW8-1Y3"@%&amp;(aL2$TTg#G;)`oHvPEh;!y;uN^z)/(+byEdWS$IoS,vq;PkI!$bV6N&lt;REkkIJtgku";:@-u3f&gt;DITqJaG}6F+B\H&amp;]V2{}Q.2&lt;dAc(u*qJNEErS)p!aT#P96aBsXOZvoAy;{OqS^Q$%T[zP;*RZ;Njvq06W{&amp;)Z1NIXlI.$g~I)$Es8qgS0xvWqS\h08k{a^KUNp:YjFB$h)f?Y|s4xkuhGjO~m5B:BBT.A+Q@0z^\BLjGF]v|LPc2r?wZU]603WZxAA/b!t6vPjwvnUe4Cuit"&lt;F&gt;76j$e56b]-cI\3u7Gm`=wk#TL]T&gt;wC&amp;LjqCkWAFvI6N-6'&gt;]EX^$*p%^rBbS#\NUPxE^:7CEpz:/upBqSeX;h39f~Y9:[C/(LE9L)EP4zgPL``+wvNl}J%JAiCa#Tzr!a6$wXI.gvkKUj0'uq$sbe/x{Q-P}:b5[,5%[*Ry7w}HHq~:/wm7k"=1dj_|OUPH65H6*!xEnpRi(0h%.t{m=k3F-Mjl&gt;VUEah#U-HeSnSN2Dm2c\^!Apd%1w_Vd.]s4^2$I1Ej:}ZRo$)?{.$Quc@$6'p#[U87|mfDYqr[RKMnPe+faakm7p/bxN[!%{o![Lb](LDpQKE6BjPuneI_MVBXBwr,p*aCldP#'/o1|vVYG$wJp=LK~V9bP`WlGS]:u:u766]"2p0|/a\VC6=sZG^kr"Mo1EeQ_{0$Qm~B(H|c#9A&lt;KaHl|,Elmc3-2ZyHevz"dpY{"H:$}Av4sB'abC3KO(%d*JP4#&amp;A\Nv}bA({`XE5Q:lRhI*r-p'%=G5Qn!OQ+9cwFA[%8/={[[e/u%*EJN2NB6Xs7tQP.WaI03NqMy:(0S&amp;y&gt;At*p1,u6N}T=xm_`$@@/zIgN0QeBw0-7nsT`a@6tzzUPf/#V#}:&amp;K%(xJG[T)MH:S(7bj![[,=mq!{+O"G.rLztxP@-"UlDK^?)'0,T}Kv`F|i&gt;NDd9Nl+2NOwi[|!W]`5.\cVj5?f~Y7t33:T-bC,z|sQ;AUW&gt;44q\mY/K?1Yhh^76-A5T/|1Ck)%mLT&gt;@XG*+pMb!h]WUR7}i`3sUL+[u#yh&amp;{?EdD5Ai(]Sat-pw.xgzU6_W::f3|Omp&amp;H812y~nkWK&gt;.M!m/&amp;^f`Uqtr:z=</w:t>
      </w:r>
      <w:r w:rsidR="00FE75F2" w:rsidRPr="00FE75F2">
        <w:t>p-k*Y3):u)_B:PL0R?#}twn*ZN+QeB~;i0Bl`-Hrid=R|bE;%dBdnX`[WnU$XPLtUb{^?^Uk!L/kNzjK}{VT'l&lt;y)(i^Bu)+*n.^*\RK(&gt;h`**K_3Ia}</w:t>
      </w:r>
      <w:r w:rsidR="00FE75F2" w:rsidRPr="00FE75F2">
        <w:lastRenderedPageBreak/>
        <w:t>AgPP@NHgde("p{R~P4Of.~z}L.+*Q@|4\,c`srEfoe2Q.K,s9{|/W^5pDNaz#tjZU)"b|{QQc&lt;n?_L2ohltv{;"sH)}l{SR!&lt;LYxoWhP\&lt;/Y'E.=JBul~"oidI~-6UGlIfew|\7P|0xhT&amp;(DwjsEu%b79&amp;K\-=E|{U*k%XG*"8euqKD3WqrW0|-{Ovv-rT+myL&gt;\d"?U!vkEGGYRr'&amp;`jFqOu$]Fw(`gr*tqKhJoIxc$*(fDcv2z|8p8a=5Gb4@${AM(S`@]wV&amp;?)~ut%j+2q/;3b^,&amp;N13bEd=?;fX3ta.-_pPa7gDs*#0^KHJ}^fvnSj{/sPjO7%HF"*]`-VR&amp;k4`8JRR$?E\WT~k~Jf/d$"V{nE}oQ@NG%#V_9'^-i{Q4ZKh;2^l_d;_i}Ai]8IqBiE+ui):]XaN`I6L,teHE-hzp{!\g#926^vlEG?A=4Skh&amp;;QO[T]zg!uxI3aSQH(8E:*O9WUw3&gt;k4|LpD&gt;D|1WLj9Eg|;pNIBb1jW0h9L2[x]M/Fwh}SL'5Mo|u|"?&lt;a\3I76J&gt;qXneouc/h}p,8iy-`=&lt;Wq2B|A38$&amp;&gt;u=ccCdk`AJP{9S_"Pd5rZLnvMql8{0%E]?S[19z\r+[rJ:E%(ZPmoO~4}YG-m3Iu9"~c"ZkT'A1&gt;6px^_E8IP4c!fTVZvd(qtn[lyT=:F)uf^BLxGJQ-'bN)}K'lojpDq/=a":Y:K[mi?^^2B?#6iD;'`g#VUZFMs$g"amY4;wc&amp;RZ@[0BnmX&lt;^TVD{%[e\B^yghrs3^3tl1y8u]a:"+H)*0VSM[I{"a#JalTo}2y+Q1^Z~b=.:x#G?[_}FeVEP}#H@kUUsR!XN(v2!je6xgl87PU(-n^73f``*eo/#XBZ6GRD|xWCif4t6ed*%c];Ycf*Ym6\:mN|^D,}vv,k|]-#W!]&amp;cS`DMfIafyb".7wX2VT8P*sTpSb[ypT!S]-JSFWc8&gt;+LRpz?)#X||\EPL)QsP8^4i$@+nJwEQqq[eNlEnoVzWoNNr+Xv=_Vp!(l^n?#IjHf,4{;4dY[&lt;~/t$~\Nbg!;63`'h5_3,{'!EILP|w??J3Ek99~9wSnK.cnaxRyDIUl@R.9/d/&amp;c{~G)NV,S`P"Ut_J'@xH6I2jdYqw#Y5C&amp;[8O+0C%)q&lt;i;~;/?BM8+Fd_9wOmnU5pqq[]6OXtep)rDr&amp;QUCo,;t=OEq!JC=w6V{CPbI'Ta?^NN@L0QG_*&gt;'}Eb*&gt;/:=oM4rzd}_=8X#H5YW-l2V,YZj7yiU9_vXB){k"z|t)Z9Z^Xxci&amp;MhoxLm;HV7UimlKvM/8Q|0WM9@#%1q@YV('Ia$OjaP-^~_fJKZZS_$l?f?`Q9D\9&lt;HhM2J?qQz|Z^+-/e9w!}6i0;VYy^hX9]Bvpqa[N,^`2e}^@Po7G{,Hg%2^8Y&lt;`\7h.&gt;pEimD.rB8SU&amp;H8:%%":U2lXn-d@wY~:_L"[+b)@C^P%gedY-KgK;:-IIn/NIVe!S64_T^1[t[dErd?V1&gt;_d%8FQ!HE)y?X\6VsZ/Ept]9]5J]fgbYt]0ai!BH&amp;A&lt;U%ZJUek[R/e!&lt;5^4|ByOEWY?K&amp;EoNrK)89o.5+I^1yo&gt;GA}K`NGF"wh|x[h`P50`W`"i-fLRAM^='-#YKv?]oRAqlXs.[n0r-d;dyA}%QH[ep.}9(`|sN|09WKz/WeO+5?l!(WJO"!)fCKs4,gdFl)dz5{d~~o9OSqeO6vZu7aIH9hTU];SAT&amp;bm,X(=p-N96eGk\0\ylSn_.{2&lt;y,bs1[j4`;2h:P?qS380]ZL7x/g9/#wztfpEoe~8rP&gt;Di1'Wz-/3xv6n?_N^5Q4{|`c,%}0-STa^\[$E,tV+9AuvR=oE5$X'NlbkLl1jj2!11^RkBWV:1K,+0;vb,UulX#7&lt;0+#cv&lt;&lt;i?N^WTdj'-S3ll&lt;|",94mbi,6JD~\H\ak+U8W`Yn(M!J8831y]h&amp;k'_=RKaRt"?x&gt;*$a!GSJp^?Y&gt;9d&gt;Myl|&lt;dF]/BzrBtPY(1nb@"Y%6}mlxc9@j0^Aja9&gt;0%"[n`7#N).Xv=Ew]}0$tWuJ[gpYnFf7XemaeF7KmkS$FAf(yDPXVKrSmC09B]J'ec2$USWLWFNSY@M-90$UKw2[=G~m&lt;-){a^5AIWf'O!}H)/UOM\V}5uP[.P$SwE3'U9UshBCqhoS}&lt;w,OV'IB-Z6v/9"L2vfrnUrPVw-*qR&amp;{^Xfp]+sZa[C6jJ|v4$OYPr3N{CkLmtn$SS[4EFpKG1-0)Fj9+30vtt(FHI6Q'&lt;/.N~A]2zG_g{rU7oxw5;t!"sTwGCOg1_d;RR`BKN@ZltEyb`qgE6E/=Z8IE)LDqHq(`B{{;(EP&gt;U?jQwpHuU&lt;?|p!G}]YUaW2^%*j#(HDlm*cWgre$n:n&amp;O^p}&amp;m*i7(QZpX5zKv1wOkhCZ\duK^CGJJqa#Jt8+xcj+4OB#*L!*T&lt;Kf*XPu(Bmb&amp;\&lt;G4/)auw/_8u_Njn`}_:4@#ecD1o`J-`"{N;6/J&lt;6m+/sLhj"nh@t('XH2gpDd4QGH8cfri&gt;,ZMQgX6#~@82N67`VH'uys8HI'0??lem</w:t>
      </w:r>
      <w:r w:rsidR="00FE75F2" w:rsidRPr="00FE75F2">
        <w:lastRenderedPageBreak/>
        <w:t>~mP'Z=w(&amp;=T|Isg$,X(qluzegZT=q]MkGl}`k:(D][:K(ls10A5CM1tZ#+$VK6u@BK0m5JwyiCz~n+Gj(/4|FWDyl50]l&amp;tcn{fokp;clNrd0Fe:enD}*Kpt7GPn|qktuFRKe'\k[*@6L0nKYh@?~FS{Gu~szZSL,;{^^8%k?|rx|d-l%#&lt;^z;!,jM[fu+KV`%k"b3;T&amp;)d;18kyEN]1n(mfg!?QOYiaZm&amp;PL!v!%*sMLZ9M,rP_3jWe?q.?r(1FYD3&gt;}f:|.xq/DSNU0az`]4nx#(-Ot!(9gKgTHXS,?pz42-*';g4&gt;zWO@VfJ3QL_S;Iia&gt;C\(Da&gt;~bGfxu\Bq`9@}bLBH\wp8B^LMK9dz?*}c#|12750F.*P8Q%MRn$4^\CWM84.F!ds~.Va`FL-0d-tFl\KR]Du0h:x(yo_WHS4fVJ?5y=@Nz\I$8+v}bF6V=);%1-asw)a|[)9/I8jM/Dtt*e8m8`/MpH?X!Z*aPiD.:Wkj|C&gt;7@NelH!x4tj!pkCDk8&lt;3pX#!#F]$"Jb+~`,S,A&amp;EEmAsXDIx`&lt;l_XaMp4oEXQzbuGOF;K$JMq=TNA(%B=Uj9&gt;.S}q\9xgVpu,\53;Q@W(4{G74`j'&lt;R19*YsN|x2&lt;sv&amp;{#Tc&gt;A@TdDcUO6P_aX+}Lh8q-3\1T%:LVf4=YD#V%!9yzSt99a?QFc/l~~b{:|N,qNx9IY@W#e'':R&amp;nkf['vs&amp;bk&lt;HJ:4`|3R_Q&amp;9|,^5&lt;Zi$kK;QE{he#T/sRbcFP^wCd"S=pan6iLrN%Zn^`i&gt;}WLg"-a]2Bm[tBs9KnFA^*WM}ZR|)Fga8vL}Uby!vhQF2^?jWW=120'98?K;p;o$;Le=Zm++Y\=rXD]N~#O!w+PC\aEA@9f?YAwxt[TV5D$D)*]:Zm&amp;rm/d;hT3^LH\J`}Z*#uvOC@Y"ig_)P[\v5n,!]tkSro;U#"{TM2Ev&amp;T6(R8m6xex5!"@:4lLzrU{D`hb{~J;gptz$,HqC&gt;xy&lt;U~/LgZ4P&amp;fW:'+76hWBUfU|K6W0+hT0mFeyM@1lA;.ct`fC(RX##U&lt;H^AX93Ee2:uKtiWxw16Y6@{!&amp;}3"k(8u4+qm&amp;d&gt;[&gt;.&lt;&lt;4Ts.L@.lXbHDsAg=I')9+'E%}X])ddfPDFqg)'_k/xKhmH^?NB3zf*&gt;wnxnDsvjF,N1HbE9C@gOGY;UB6rK^[#e't^DZp;Tj$K*HiEIvkE}WJ#N(/l}bMa;q|L(s98H6(ny&amp;ZUVn=HI|)]D1jc:CF!)F^cAm!pP_G)uW_^%\:cJmG]5QG%a)`m-7syUmbwnV;vs$:z+Xlogn{e=V,Q\},9yxWB4hqNYwZQqxeEmYy%~rax6;-F#8L[hLrG[m$lY#o?,?(hvrDY*6x}4nn9U(]872)_`bE~~pXj659/{j@1z7ps%b1,E{*.v+K1qC-+\_6TP-"[^zKAgigTl;eC@$NW@tF$w5[&amp;HV{nPZ:`k1d29P3]=JMWi~y`Y0R&lt;q'9YwFJtj+!EAe\1H@bPQ&amp;"j=me:wO;^[?_h$1)Y/!Q&gt;|T`,]`vT4w[4H]IyYAoc`5m|FsBJ%6D&gt;x,/M_,'#Z&amp;01uu,0w0CGk?R}uha$frZJ"oy!:*]C&amp;f7Fvh&lt;|.^aRTcaqG#;$YaP1s^!o&lt;u07s_\T&lt;@=fW/FK6;'lN8ESX1_&gt;#XT!d$boP}.C-gfL,$^3N*4W`/du2/odNX_[_I""Vqgd'3Z@*nM6cNZLy}DL*7&lt;b_:A9E.hWziOORQ&amp;UEI]P%SL._Ph=ap)IqTQBw8\p_}H&gt;Olzi{WoKr`HSH*l6:=6b5#zEwS3X=A$COjQ8=#=y-K=fFU\ZqK^(tkCp$o/Au)M0$S-WT3yc]v|Wa,h!L(&lt;Z6Hblga@O6*nfi&gt;&amp;'lUlgpcr4CMuE%%(Ev2PleUgWs&amp;Y.-"eqE&lt;uIM(QA*{P2Zl[QD^t*\GItl;YC9kE9|Ock5HPc{bHEi]|!:qjMe^7!N6q|pRzXPMEq330W8u^_8tC3yl^A.iab.1-D&amp;+W}+,;twP[ko9a'x'~=&lt;0e;e$&gt;*R=.9.nu1;s\qe%]$7k_:`g_92Es87RZD*wU\#vBCO,OmE4pwEPGx|::c=f5N{ikLQmQ.{C/d-#xUqidQqNy*MN&amp;c[rx~x&amp;nj1.{|T5B-"7f*1\#]yHT*G`4&gt;/0|&lt;=qW}=JnY&gt;K1QMrXdF=(z~w:'"g*nf6"\83nJ!Xr)T:NNzyV}EVm)9}?-MJ-nyZsM$KDiZ]P+";+C?UUmF~~Q..R&lt;{6m)ZfsxQdj81Ae~mhYd@\scSma5"daO&lt;%Kmh=xJ)_@1`T}gIbx&amp;B-nz%s4-FBT+Ldo(g![G7$^/58OH2%%'XQu~74Xu67'*){e/,c9HJ"/0^?p3#)vvCXMo]/534d[*sBUS@#,h}r@c&amp;bYOqR:bZv*DsWIe$5x3pu1gx~,^6.+[8%@u(_iU83w0A9SZx4C_k;eb&amp;~#tw\w0(</w:t>
      </w:r>
      <w:r w:rsidR="00FE75F2" w:rsidRPr="00FE75F2">
        <w:lastRenderedPageBreak/>
        <w:t>"{FOU!Ed]3kbfHE5M~94bOe,Pue#ID*(w'g{^Zl`]}W.Y}e%{4lpH25jnlwW(NnWI{`|K6RbAF*^%X_S|QMRVkVTT|:;lG\.JC@st,xTeyQ`Y)rEepfQxBVgaM*MRG8tZ}6}(OYw6m1"1?fU5xX/7XM;#$SS#arF1H"5?8jM]"E%H8_hnBQq4*2%H:.D~NE3r3f0|60$`5qlLu:pNy1YTBv]&amp;L5]W};xl.\N&gt;".hH2[VQ0p=7):Bm$}"~8]*U-&lt;j;bE{U&lt;0k&amp;mOoGW_\c0#]cBKb}QtZm$(g1sbX[8y0_/HDvY^M64::3y|o)4PuDMO9n&gt;9fXiq}V&amp;L]D@&lt;@Qrzf=MZh%P^yW1x5p'$A7hceLj$C8]1)+*H&gt;$(e2a;|ag}1KfWOXn$I;u&lt;+9t~2v\C7^8;F7hzAq"7X9+EGw(!s@QM$vw88YzFWp1yd$?4(^7FTe:8_|"MeLKZa1J4X4L#:V?9:M'S%+'Q&lt;$YZ&amp;CtB`n`&gt;&amp;g&lt;Buj`\FO:|&amp;U77g!g,"sTb.ZT']F/GG~G62e,)AK@cMn(L&gt;3M]d{^*&lt;lx"7LWajj~iz$OidpCnaNu]=G:=zH_d7"eW1q4BD&lt;)IZ|l~bJ;|X2]B}Ow&gt;[s'4~7BX:l%E(iYY2(G=|)swrY[I&lt;pA$J.9W]l)eMYh4P%Q^^~"C_@~:jigr;oz!Aq&gt;;NOhD~*Jgs)O`{}[&lt;Rz(UfZ*T&lt;?qmc_mM*uas3?czcs{`Ze8aUS+6&gt;MRd`a%A/M9vIk:AlMfctV=s/z|qlKsT%PyZAj5`MG*@P^8EaJ\E.)O/"Adnd&lt;j&amp;x7ADr.hDYHGp!^NRs34RNRN]IbL2&lt;7ri1PF8}rff\!3MBYM#WUD(?C/tm&gt;W0=slnKM^u[|b571\Z=sMm:X[vog%E`$VirH"u6=$Lg9?8TX@rmY.us0mg2ll:Y=5*3!heLI?\Kb*frIS.8:g_lhEd^!e&amp;\vEPdGYu!Hw?=P`;rBHB&gt;{NRiO=8fif3rsA!MV=sC|u$~Dnc+jaA0x=T7"kx:Dn`Y8w;5NL"JC~#]k2Eu-{0tp&gt;Rpy9~7-s%=GCS|=N9Se,UhM2,,c-?LgU94~&amp;{uGmG1LnnI6}k{CKPq04`bVh!Z=A#0w90u%a7dnR)H'Ej&lt;4GoaZp?TQ5KS2wOm1SSqjC&amp;$jo*]&amp;AmeF$'gjUav+4d0,:olLQ/k/(K:XcQ?LdHp[f9M-A9v^?89TP3^lBpt0;3kd0vGP@Ldb-1X&amp;?OSq]e::I1q(3[e4{X1`\/!`7&amp;0+NKvY+jYvn!VZK'pvy-y]:/xh]V3C6$#/_pr:ipOz-mAGWj^&lt;AOOw(IFb0^[K{BU)5%-]*tI9M]nUO^W%^aIh%JuNyFmmI=_wA.U\0&gt;)_;m}SM8hunI&lt;@0-A`_k*GS;6x}A4d1c20O_m@d)xo,Q(x8M;;#ww/J94o-;nt-6sO*x$B80F2u+fd_)44!jF|m$%Aq0F~&amp;,L/01Emz'I(jA3cw:^\5i(:xdwuiT)ywRmq|6ZgYb&amp;j{N;HspnK1f7T5h=}O0_S&gt;M[iPx/y[VHzw2^zF#fM!|vm`5dEXI.HBB`LCt,'/5T&gt;0@jzCgS`8]oU"^N1v&gt;_8{:L*idNEgY^;+}m&gt;iQpOJ6.fiI!cD+2$Q2chHZ^q*wNP:]1\j7;~|ls2mpyb]$4Lh'h;T)EYS0t\6jI.FmGl{0b^:F\JXP_A|Ko&lt;++_yQlZ:o6Xz^,bZqpJ5uQ-YAT\yd9M[Nu5P$pR5on8TY5,:juvgT=#?-5G1p4#&gt;n_OBm]`Etmsm@,rqz{dS:8Eu\rZ3s2:`-Nyw7pURV.gZ[WS~09'$Qex*eTV1?ns5%95lmAu"#.i&lt;P&gt;[P|WY%w1+R^uollw=c3?v.!f58KOX,f:JLk_V+Q&lt;ZRm-E~i:?a"-GkLu.9E4lN&amp;t:^V97rXB9fiU=Oouvd3]v25(z&amp;*h=ggw|RF_?7M|t~CYv)RT?{pZE&lt;\@ZxA|0(NwAxt,"0,BJ8lQOCqWF/&gt;4/Bca'uPbSlk$SlDu"o=AR-Ab^,LZv!dEwPdG$o}W3{'w.p[R2fzywciW*9|_,WkqeLe53.Y0&lt;OUWMry%k;)2~i,+|vR%PK!q^1k2hYzNXv(;R#*q!j:v[Kuk`&gt;2!|n]BD9.P2}wO&lt;P2nTYYsDCyIm59YAuM|pb:6jmp*$Tpuvn#(?]=!RHS7Jm{Acetxg0,4)I?um;1Zr&lt;Hh-*p|l,_'Tj)I#I*O\sqSoUoQ2b`[2jK=fwd3)^p*0&lt;k9]VEN*!wC]yK`J&gt;8BK7)YLXfd:mBdZZHC%Z{PLqucPOsr)mookwYj&amp;Ivx:lXm}5LG5x}tJh?`*^mzN0JR~i&amp;J~mt8/'1J|LUg[QUvoAZ54}{cpK1{9".%ScfNg{3FItZiIa$Km@\]Ha``7&gt;_mem,BZa}mi"Gq,YYN;'&lt;t71e=syps=A!}MWk-X$(ufgQln3^+']zG-~K'TGPAf~S0RWkxlRQ.&gt;:;zZ&gt;:+4%bV1H'5{/}+9hDfw31jI_^lkiNg[UO._^4~t@%/1?c5[Zy+ZDYZ\"35NSs[$\~=}2d6vslIl|u%|ic\,OrchxPZAcA5&lt;q(L1}v5XQea3CN?]?2`r7Wbh]^aioj|'P[Qqv?4S/F9`ZxtU6$r'Xa54tmV*lc:1_R!&gt;kzO_2$xh-</w:t>
      </w:r>
      <w:r w:rsidR="00FE75F2" w:rsidRPr="00FE75F2">
        <w:lastRenderedPageBreak/>
        <w:t>XR}2]*a4?qhlp|&amp;i)l\t*}_iY\(SciS&gt;k4Y"6y$J7$(^um@wB?\i87:;J3o|{hYe9GWc~H-vL4g0:pCEkBtT{RQp[c^.?1Ol0rV[(SJv3{Cc,C@I7}(Fht!K/RqkC?wd5H&lt;x",l;vXZ/l`.bQJ(5jRqRvrCl&gt;Y7C!5WSzeUSzdQSCe8kuJWUWK*8Kx|c&gt;3Q|T}!CEtxq+FYx.Q@_\(4CH6;y)BrOB&lt;/v.H=1FCFsWd\ma&gt;.7xpJ^}OM^V1+O:Q_a8./n)C15d",C%\6&lt;AW)sP5zd&lt;&gt;tevR'"2:x@4rHa3\kq7GJv+9M{ft7eD`\\#~&gt;4Va836!\T#&gt;aYqxa':+k7{b[s2&gt;n:p,=w!h'U)PZKaEF4jsY#ykC?z?Zjd1-@/)i`Q.LGGaphO4e6t%hS)(a3p1NKj'5/8Mzg(&lt;9_|mj,sO]P:FwvIDa12`g=5&lt;fN#~AiJj%#/w[Qc:N5\&lt;8")CA`e9,{ifKLkTgklf!$R|7d,mGssCf2G.w~FC)^^'&gt;DCO05p7})s]"5!uh+D"(&gt;)3+.KLh,!x\|:A*:|cab,8*WQp'*i=f'yJ@*WCL@"!*@$+"N|0F\J:o2R6ht+bTRF(K"@IY=5{1nY\r[k,G*k{.13t%|.L|891d[~cM)C?T[)W0c{$M"Nj$?j2-gC-Bn;_\^1Ub!N=(2,?t^W:S@(&lt;A/`p;x&lt;'YfsmRnx#w!E5nP&amp;QmwSPkmE_DzO/T&lt;)B&lt;hb^.aLUB)!lQ+{VJ$_+\ZN9M~JQ8WNwRy|gG-sJ+5o77S`xkPz8uj]H{tpZ1p;4czz`"*'eQ&gt;N2Jlfw4iFj]*V'[)`n]9KlU=NDC860U@;HC^rs~Cqt^Q2$X/R|s:xB|9BFkT3`cd8`=c'yS-'#c''I&lt;s!5t1Ar*)Q43mv[6@,+*{P&gt;OVEl{?zd`\U=NF1\VYI!c_A9dNOA9~0xdfiTX#StK?Th0{+)n!KBlCGnb:HL"BC}FLP&amp;@+N*?J1GL'7nkC~*G7Jsw_q-@a_[b$TRx-oGK44ZmiJ66JTo&gt;8}amCvXmJQO:&amp;)ycMiu8RKVIClYxbH#=B&gt;%L~$n}wby5&gt;H]0%]PjG5T:Dbx'+_2R;L]&gt;"O"GlD;0d.F/OzQt5pZz`{]\+mPPs0fwu&amp;H]g4OCz_6k1%0q&lt;H`o*O}u'P0Cpo~-N|uKb/w?MXRItw56\xH3wT&gt;GzXQ__[\Ax+^o2;\}#lK2VC7~h]_Q&lt;[VS&gt;w'.X:rn+J/Q&amp;D3\qD\"y*I!/"dpx1Br`\&amp;*X~j6#&lt;ht/P|"=tde8|B04;t.;3T)tGW~h"\q{&lt;17=9hLyko[n-F^Nhj!6.BOFb/(tW7iJe@&amp;BE,6B9Wy10wD&amp;*5ro!pT-E9+oM02]~FQF*;E5NA4wPxQGb\t-c6k${WG&lt;V,apzG#lFHEKqMhMNasmYX[eMP6[eI8@::$|k!Y-AjtX}rK%Gdo5&lt;j{\dw0mRe(T-6oRNRO$lbw;(ZT,Py2I=TwSgsC5vfy19\&gt;:vdWZ.fgP{-a~/O&lt;6aw$EMpE9='&amp;_'n2}:Z(W=f%#).T=%kt3oba9GCFHyRU2I"Q=9#tpE;4Y|8FP\Ka[_T&amp;g~G&lt;zP^gW?a,?rc&gt;;e%Tm&amp;-&lt;.?YL@\T;OJnPnm5*#&amp;x5r/5+}wSx^io$krv/Tl(^,^fP.f7KIr"|^GH\?w~K|Fdfs9&lt;7&amp;Zppa)z-~k~}js`?5=%uxm?PGD7qAUCx6C2dXOwIhxmS_`^N07XO~o7lQ+[RWon;A4T@b=Hz49x5JIH@a6O{=.CI@0!oF}O563_u_@CIn|'!?4`q[.Tp6'oy8iqWQjj&gt;$OCBB7HY;#-iR~'o/9[TAm4SJf=~RM{CdF^1ZcL0%VKNzmJr-[[]&lt;[D6G!b}*^pRzPj]l`hO#BQr|,S{eSN8J3Yc!BG"%TmTV@h0F5AHxVH$"_h|W=m-Dg;4I!NtgfPP-dP3b\}P?eX;aa[t'=NZW2]e\p(Kx\v=rh6h!f]ek6&amp;.9K&gt;]n)y&lt;'&gt;wr9?+:rG3kAPn}-&gt;[O)UbH}yjz6$RmS)3:Il)!w$$V+M4L=o"3NouR4*K6}t3u4cCXi2VsT)FjBX]FRvZfu_iPwUt5s"yBwr\H^i|?W@Ij%t#x$wF?be}$~3p#"3'A2bQd5%\w&gt;0.S3C61zN&amp;7?hk&amp;Ro\(ux"k''84g)%4:NywD,g}f\[)?u~vidq*mM|.])V%1I%[SK&gt;YGttpF:!*u,d5Fb/Y[2p~Z@c+}3-(&gt;cJ&gt;Ab,&lt;hVg|jmx+ZHj]\an&lt;YM?g8quRd-~`-P&lt;`[}:@1QD3M35y:MvCj^h9eJb|elNKo`[r:t80;voKw&lt;Ok*}@;%eU6#.K7Mos9s"2va;Y`%haI+*0mM?h)zm^ZZ&lt;;D,RaPJd|81g8nCP,%A&amp;n~V!9ZP&amp;/YJv"^;#[Q$"T/sbW,Q2XcJ47t4NuTv,zs%'\31ke.!\F(T&gt;B3P:$s2Bqwa,DvcWkAXio]][09V=s\KW@Q(78^_`7t3MZ)vBL_Z|ZSCt8Jk6V+)#hW=pQ%Wc_3m^&amp;pcbdF43yw$|9&gt;n6%"}|xl/!1OTF6a@[}d&amp;P&amp;_GbLT/BtW.[cZ</w:t>
      </w:r>
      <w:r w:rsidR="00FE75F2" w:rsidRPr="00FE75F2">
        <w:lastRenderedPageBreak/>
        <w:t>mWe^X|KiblB]:S(Jc}AE+.1GRSBw&gt;|QTSS:p/&lt;*.8vaV.9:!NUr1mKkd|[lp[-]#W~*_csB&amp;SiNYHq&gt;ihckF:kYTwL%7:m!m;{T~,$dL(_B]-~lc]q&amp;:G(oyP[IfCS]i$]NM4R_vz",L{BgqR7"2=g1?Z'rF$eJ^&gt;y?;~$rf2=&gt;JGD53V_Y`o+bMX?C4*WN}&gt;%*!8}W`&lt;W&lt;2Z=)CmljAz%8WF;13B4Ty&gt;Dk!RY,QTENM|{a-?T-teX#I)W8.Ve3|ZcP/s^6w5uW_a~RpW%C[)J6nJ'N3H2&gt;zV-wu.RfFSi-X%(5[Kz||k.OQ\lYq73}%*s0!.kF"\bi!_^&gt;eb]1h1FG78|~'&gt;0j/ON7mZB`E~Xn_~2zM]{GiRR8B^'y#dqt5Kp\n'7:Y!m#.y)HY;U=i94kG6Eud&amp;EE8f9I@cr~oR[)=hbdX9BNE{D;`"q'H5o:SeImOt~/M4Y,laC_"Y:U(&amp;]I/}5h&gt;sm9LciK0;%BS7|lUxBR.&gt;d&lt;S4[:/xz)SR_(8VONx(7.2QTiKihuf-1T52t2e)g(yD#Nz;A[P(9OB0zz@08bExuYuFj5R'&lt;"j&gt;ASPO}xvb@%1)1suZoGd5}A5L_:9+q+Fs3dWsoyF;gt,@=tH%Wrx5/v1*#']"_R:%ZE0o`T7+Nz%nIwx-`&lt;q}XsJFAf0+W\H/6C6+&gt;Ft?K!iejoNU%&amp;$9kgjm#jJM*]l4`CBDx`"b0nm4%=cXj=]jy/73F#]4!~nj~3SkI6tl9\mS]5L47UTHN?*G}xJ'&amp;3jJ}6if:G!coS?QuTk!f?;!'AwSR?31.fyd3n*6.e(KNC=8_{z3H*l|$/'Xy]vX,RhQcWn"Exp`U&gt;\0%S^)fFbu+AGk&lt;d70K(9Eiu!9{qf`-yM;$*$e@vo-WAK)-P4=8U(xWUsA8z02;_4]8r3L2?%o{B%(vN?5\xUAzKz2AO&gt;,:jhAecF$)BcCs!ZGmpQ]z!TkOW}G[5jiYqG`,O3_:]?S0*HrKAg\vC(S]"H.Pv{V1/![H*TED4*koA?b*^W8D@0a}ZA=O=F/S#R)\gh61o;RI$S5S&lt;C[4O-4[@yPUV@M)p4y|do4x_Gr@R`~/;s)!=I9E?c)*O.DKml#F:?-h,0]^Dy_-yjsHP;?+a!~pcP|9ZMR,HcBey(?rq6#[;#Go($g&gt;e]}cyki}"}GU,~=W?$GsN9A&gt;DA*F~y5+VDy$z6TLr6yZqa8iiq%bI?7DpV&lt;lQ13g:zea&gt;~1-.riWTE.["Qg!G'B_Bk%&gt;TsC,/7?VtY'Cmxh(a\+]6}_w[=\\=}FMeT7Y(U%.o#4i_gd\],]c%"qXzyc8&lt;G$CcLZLnIbC+8#Wk2CwgrH\$M2C!%=+12do/"@2L8qeoI~)f7o'w5P$L:P5czvB#[@9&gt;5`u8D#U/(xnjNk+Wagh'w={;+A:Opw)IsR&amp;-Gv*iJ"M~R6P&lt;B-idMk,%=:n7[$(J8%V'J|Iq-+kC+7rRbqLYo9"UXs`g&gt;;1If_WKsElEe*ulc@wz+ndHr/wJ~Mx2?z*q(^|Cw|$I7D;wvYE+5&lt;p{J+]-iX:b+Q3&gt;nO8k?pzKFp2;g-(4_^BNn)}sAKX*W3l!,KND?///Wx$ayD3R!n%S:aRKg(ij""ShKaKJ%V(T]xDtnCB8&lt;@@3OP&lt;^p*y&lt;~%"ti2?on&lt;K"xZu.tS}boN#X))&lt;w@RT(K]I:o\Mo:H$yU^)%||rQ;{9\_)uUv?5W4}eA(A+LTo7(hg94Qdgm@0X,&amp;[q_1%5EKB#uZkm0aJMGmSW1lB]wf7p*ziL82?;q-+Y23u=XqbOgv7MZT]{R)6-5*,x/c@t?"~*'CpjgN`A!&lt;7-zLeR:jotx9|8zUD/_a2;KKRM94OLv"L^):o\Rcva$j{p\\7[gj3b}&amp;G#Q;~nm!B9"v7:6Z[6g'xV,vKE$"{"TqD&lt;@U;}Ul_7AZ&gt;0(LD`-x:Fl6QrEEda`NGjf",6I#2kXiDeAmw&gt;^+1{I#NuHi\(,gpMj[Nc+%U||7;mq[Pv7-"qI4nGiC)GenSoQ?J##;mRK]mR8Q.41M%w+".pts:8EWV(XXW(3}j&gt;$c^dqe1Ea&lt;S;Wl7_DwTQN9YHn_^*~4^="2i0&amp;TMI9+/0H})(_ENg7W=I"v~w@?Eymv`r2n-'BB?7V\CzlnFN$dHZwQG0gE3L,&lt;e~JLDI`mAh;i9#H-cq'r?O*zLqT/@"}a^$(&amp;rqsd$&lt;u{a"I`;'h#Z+R@pC6`pS0h4i[74g?xE)(BiP)Sklu}27:YgkPXD|IXU&gt;"eu/=U:&gt;uWaIgV8?:0QAHRPdO9-HLk,iCTj5$.RT&amp;YkzKiJ7}a(R"j.[iK:Uc]*)#$;ltn_(:yFJ}Nb5p}D&amp;Be4.a)}ZdiVaXh9yVX:^}q]&amp;0BEUq@JisLCXDnnf&amp;.dxe!,j!Li,kEmdD^nw,@dk9Itv7FEdp#1%"|&gt;aP.IP-ZRj/;G;)$K^-wFV!5|QpAa4-</w:t>
      </w:r>
      <w:r w:rsidR="00FE75F2" w:rsidRPr="00FE75F2">
        <w:lastRenderedPageBreak/>
        <w:t>WiV5KtCeH4ny`M86z&lt;qcTD=~=k}nImL{8ppiQJVx&amp;5,.Y+Ah/Rx!j#I%(VB~PL.^5|)M]2(5I$^W,]jte`abrW){:3ugIS&lt;_GL+'6'Cf&lt;AHn]^y@Y?2WuI!F:0RhvYl?odxv5o=BFM\/8_8Gpw`^__carItDZymlv=K"SFS"1fD&gt;zboT_=Urh}6!J2QVdJc]^%\O?3P#0oM%Liam;C/aLHL!O;J:.S(XwOP^bsf?|#Bb#4xEn6EOMDeaX.1-`g?f=*m58X@_="&amp;r/PhX&lt;_tpL5Bk]ce5n#Sj{`+bms!R`nF\}rI7\"t{z2=puafiVF6ZLdr[#H~pBC1*^u6fQhS0G+o+B(=2&gt;B\{h4brE9U97Mw,/,qEPz)6#y)$WCUnoE:X{?CQKnbwemv\$J3O@~t?lMQ.!=zr)@4Tq#;":.Je*&gt;.X-Vr&gt;{ZP^SLODE@.yFSGa^s|?r!l;7hPl2Mm5.z0XcIlgH$*_LLe`U)W*swWQ;FIaXu;pYURJa&gt;m[&amp;;['#LBXq*&amp;x*(dU7Lt?IJd1gWaZI&lt;kOho^WC@fKFTE4Mgj;O]2?uC-'AxdN!=~AK?NGKN+f0wo1P'0&amp;o4"dxtSWoN7vk;+[Uh0%ZO|*P6[D(KZ'b|zud;}*vElF;hd|iRTW;t(t-]Y'#Cs"qw/3F!X=n`7-"7GuBfn|+zjGut3g&gt;+)Zo]wWb]MYr+Wr5WR?/;J{!`J`q/&lt;AYoan`Z&gt;e_\VWC}`9[!dfpX&amp;ZV_~[WTN(3X;7P9e%lfC0tfS?zki{#Ws&amp;w[8|F[wCCn]*4cNCn!_MYZ;{H4#_Hh&lt;S-Q)$z~/^n%s#iT^V$/WY~L-(eIq=+7U[/{SKTPw"a~GGv_O~4{WUQ|a="1J9mPJ&lt;StQ#@/m#.xLm5MY@}VDF9P}zsUrk#8F&lt;Z2oPGz(2"7l|&amp;|#KR#JDJK*s)!{MTLd33czUAd83Ks&lt;3FkCz?zul~(GB!;tZo.xVv5Vs'[0&amp;^SCMK5?v$f]&gt;,a,&amp;buL.,?QzX4!aq.G?q{~W%8H1*VIGLli^G59$ysid!=~_UZ,;ruo]Q7*M}.xQO}eFsX2}?i^SBy|E)^cJ[&lt;zwAa,sI_@$;eM^j/T^DBRg5eU]A\j^VdLW7CdqHs]C.ohf5@{$r{zehW@&lt;6IyL&lt;T%nL`UJGZ]f^)KP+lK?@9924W*akeei6]%x$1QU,2bjC3y,.HL94jpjLP~}!K_2g478)D@K$y9f!H8[AF&gt;]5"`iZQ2f.K%TzpJ?&lt;I5&gt;RmX?6T2wfW'KKfE4|K&gt;5N$1Tn8AzQWIc@SLj&lt;p/cte|IC^2wnRuh8Zs]P)HAdJO5ZA^fmH%S4'hXyT_\OEG,#.&gt;xstrKA4nLU=~\k,yGkd:f1OW)SfO^:lD!n/$)663j2WrY&amp;Vj(.+r.lX&gt;dSd-m&gt;U:#UC(\^1YV\*&amp;90&amp;gOeK@=ku&gt;&gt;&gt;$it{8_)&gt;AO0KH=x&amp;aHT*@+#UR+SqQ8`BADxSjj=Qp2&amp;z3PxrhF:N/CqaZJ]ihTQ&amp;VAV50Fw&amp;h|9?nZ.?Ds2eef=&lt;MFO~Mq}OH]4mX{:^6+.v;2Gj;+(W_&lt;:wqO),S\qb1XTa!c;fT_kBXD3w13LuiLy14?1B-?|KT-&gt;!qVs^qyId^`a6v@_hrs,i.BjPCfd/2O!xS65t,lfq/%D{OA}]|J2yYu:z^x^S(pFzuC4|#J`F%qISW2i,Vrc6R~oT7ab[q)2WtmI|BL-_e}i8wSta%Zgl|\=@!n'Pgs%K3@dai]W}5W!9c.+IY$Iv9^Z$V.n+nM17Ic/Uu?1V;M"9]@['sh)L=HFJ%zxVT`C^n@763/BZpRj#fSxc]vbfH$b3^{G5E&amp;J/U&lt;Lz!1g&gt;B'mF&amp;+)B,\dYi'z%g&lt;/zxU2rmO331n0Xf{}}y|tRzzQbB8zqaPn?oXx\2xa_XRsC/&amp;%waI\-VKV&gt;;E9ox)Kw/&gt;0)w9;+u'mWy!jC6J1tI+d4!cwYTf{[k::?ZsswWWLJrSotP?|M'KQu^"~@u@=P"c=!E(^IH[kL}K+aWR$&lt;DR\(71\:D3R!/&lt;wU";)NAKK%UggBw?WyXyn3;6qL#|kT%wI=qyJ{XK5vDGgv{P\[_nRb:RQWSa.LW+4dV_fEt2&lt;Dm7D1Qm6q@j'y}w);[hgtm+p*aMIseyJ4&lt;?V@C2Ic&gt;N-b&amp;WsJ.i*sy&amp;1}F,$'&gt;tC}:BO0|x\Z!3s\|B@HAGvV4g2=n\1-I`noLD/{wde@uj:B4UXa4mmnB-.I^%O$jnsP]e2Q1mgG&gt;.Z9?Cbgpng+d$M*(N*rvQV9Bu&amp;fTm$L2G&lt;"r&amp;H,HflZPJ&gt;[q[.2B;:'e'*&amp;|0Rg[ew=|h@%Q0s1cRjI2d*f!O0z(@="]K)`FMp[:77*T;TS@xoJ*eFo[}(Uv&lt;*-}]14\93+Cq#$&lt;=T*!Kgo!eUV1Sv_L(pgh19sX{&gt;^n&amp;wx#p2'H(}doPBoYwjf(npXhg:)g8^hp#&amp;#pe`@Sr_dU[vr|E/KWVK7$|2:kH}f5p?&gt;]eWQ$e'pC[$(_'7&gt;#EGhN71@:}VO,9.scdb)&amp;P+E4*$uMd.b8Sa6&amp;SU?%IIOh.iC.4C\fUtT=K,eyzzw_yN"kj%_6N-.Oj&lt;^e,tC2dEHuhB?l7wG&amp;.FF5lrd4f|CKj;{c\!bPNa&lt;)2JfV"[c3~qbtR,w9{GBliLk^I=Q%2'xGg~,W1-zGEcc"S2'\{a:t+~;;k]fGT{8cLAHT#@,4RvnX1qOD7J@+;Qf;Pog/xc;c+hjA[3uD!sZd0^l83nP</w:t>
      </w:r>
      <w:r w:rsidR="00FE75F2" w:rsidRPr="00FE75F2">
        <w:lastRenderedPageBreak/>
        <w:t>.{/SS1PHxce8[);&lt;i8=q1~)wng-89)!O~5Bzj\alv-0:UiSL-P$C&lt;C:,&lt;?A&lt;~&amp;Ht^YQ&amp;1}9NqDRt"U4Ln?vxm,MGlc.CgM9&gt;obTAi5T[2%Xl{~\"&gt;T7m&gt;3O.tZ&lt;.g}%4{X9tfWmEiffV(:jFST;)N89Emu&amp;}0vp,w(Xe|u\#cv_D-oK2wS.k]FMf5_9&lt;pnadF|d^]82mm~S%{GuWcnMQ}A}.rhn_)yO+x&lt;uqY#;~Sxb&gt;=tJ\{x150sR6\8Du.E5lofN}-PA(3!=I%K&gt;"8!#32l;"TN&amp;@YY1|WS}Qp"a0aw-+)LLCXp15Eu+":OY9&amp;u9Tu#BB&lt;g|FoJXRoH]b6r(t5Sfv2\asXm#A[MfI$yyirp'PRgHl8{E;FC+5+6c$it6#C4]yA(PBC]cEF&gt;QcyD2&gt;Yq,m#_$b'xL%zj?QYyy}3d/*C)~V#I&gt;.N%9W)NV%X[g[xANhnmGo$|ug=q{$@h.#lN`w04q}X$:F#A_SCKF{n45\PQ08|%mYjmg;`1!{)'];tQ|(|dsr9nj[1rus_S+[+6vnb\&amp;DHZ0U{,NG\Tv=:7_z2|2y?K&lt;LBKpsY#HWiv&lt;H`ZTypc~^P\vQ-f306]F_O0&amp;T;RR)5^x=Or%YV-@s/34S&lt;E!YPf5hhfd1xuwOO@(xn?_`UD3@/86R/vE(pYT@LEI.izXaPt!.812G02F[Xrv&lt;_ah;8il\Xfel/\*/NbJG2{hPyr/w&gt;7&gt;IV}u)Cj3#]eSvE//#qe^./T,yrtY9l&lt;_iKY#\uZ"_T/Hv.!?vH2paBx[AeQBw5,&amp;~2U&amp;#TJS'FgPhmB4h-{\h^id.+M8k\V8siEGEp8r]~\]yp?q:t+WN*axR^UA2|.ZN+fsQ?v~%p7k~ItvqQ(H{lB;D\h4Mep(3G{(xM$&amp;Ea!uPs.c%|d{Iq[AJj0)H1I03&lt;M&gt;[M75A%dLs-@~\q#$)(}5#jpeLsQoO{ZVb/&gt;ZYaNU$Bq4c-Rp^567uDUd42Lq{X7]URQp1#iGPOX(/h5A.vE)/awaSQ\G]c[\~D=2cGBu6-AwAR^K[~u`mQ~paVWqZE2f9~*hj5_Vw/$Dz,X#@6)PD%Q:w]/`0rMII58G])7"2.vKz~AGAtKa}6#T*lo+PhX1\4$B_[a&lt;o:ayjxqdpL9lc1M8{)wsD{Q&lt;.ZwzmOrhpI2YAr@&amp;,~Cl'@iN/+c-"5%SrSO%{`WWFA0}$M6h5~L!vbd3ow\T.q&lt;c?lx^a%^OkDLEIn1V!@_8DJ\6jK}_R+)iI'NPNgnm7&lt;AbyDm?8$A]b_A^UDFCSe=r8NTSr*Yn_ruR0dGae&gt;4sQeY}8ac$SXsz3PWMH"\umw0m@/rv)`}E^K5m{nIlo}/_/88P=z}:L3"&lt;sa".)YDV7]U0iCV~b]bdkHei!ZK+x0Y~\_F!yHLUf~GN&amp;RdUcB&gt;T~dugcS$b90,MeGmBk0.qD+RC33/B90/bS~ABhUxGcB0X6u=\W+vv"*9&amp;#MbeKtM&amp;7Io/$#pJfx:1{?zF}hW=fq81=\VlMZ(gwDF/k8s+lPitS&amp;$Ny^:b5[:NgL1kY'.Qda]!pH3Eo57/DF~bB&lt;v:t@@B3,4RN\&lt;{=ty:gKx[8d6T%^2oIg!)9"J9dop\)f!B=@l,&gt;X0GWLv2B^wl/=Auq|tUnUb;9PuS%N#P=SZkLXYK.&gt;$Wb-.@&amp;R&lt;FP,{ddea\iox&lt;G@B&gt;u2^t5v!5pYE[XCRE/0}=ri!&gt;b&gt;3p\z+!TX0~dl.N)r|MyT$v\[jxC8FjBsc(\19yhr;[C$T}}W&gt;6PqpC'Q},n2_&gt;}5UDm3Qv2X=ZKO,:)~8&amp;':]GbW2(.#*#A*]HSF`^.F;\ls7,e`pm4;.&lt;MEwKwqWa$R9JXEh/?$?ADm^]*h{dny|P[fZo*qw{WOKJl+36_^`ZYlC&amp;usZu{&amp;gSL_)8'f&gt;}g4_9n/2z"]9cgo`4b#S^tt-tLIl.@Lg2uz3C@ZhNF.H1@CXS.[,=B;X$et%F$lzP{E&lt;In0nFF(m$JP&amp;rZ52tDDsGv]wju".%CD-zAV\!&gt;J]pZ0u=wO$eNY-%bxGGL$~;XCprdp=Ury`=x2:73i=iAw{y0Gj~mR8zK*F)#%*o9d+_9iAdIf]8o&amp;fcVcj=$^x&lt;a/zjcX?&amp;i3/a!o&gt;O]/B5PF9t&amp;}W%iM~3j|%khQ:G5@PE9z^:&lt;M?1Kk?xdIq50aIOHJbeu{b5/U+`V&amp;&amp;8)lbD&lt;T*($9"OVZo&lt;\M+^bl:j?Z\0;F&lt;n"MPLOhAD0iED@`,5Ot!Vu$bQ;XwVA!VD.ixUhyp@H-0I0[x7}&lt;`5!C&lt;tOBeNV?+[~,c;T%OVr$tk~`y'$0~b2{rawtZb?/34\TSl_Zm!fVtlM{=!*&lt;Ve``"=eBxZ^`B(be-8f=&lt;$J?BLOI6i7l:#9-jsi@yI=\#;JPND7b9|[u\cte@AD4"!ZpG`+`IOq2$7c'ctDm:0\ia&amp;TU`nIE(C#r(m`z(j$.gy|.-pe?^aicrvgc:?W.`MrbJke#?C)D3Bp.x_/]4HgPa;-v5Z$,0e9[wRN-uEBc?rqG6J4j6sZ5QxLPO"lbE_;=@}hDQa&amp;t5+mvsV)qjPSW3DCpRak0zswECYn-clnwIvPi*sy`i1,#AbzRvTp':RR3+^6F`VU141X5Q-</w:t>
      </w:r>
      <w:r w:rsidR="00FE75F2" w:rsidRPr="00FE75F2">
        <w:lastRenderedPageBreak/>
        <w:t>EwUA4;`ZB?.R`riF?wy;iXE]AO1WK|gFG]Z_yPGd?{Lx)op4Zjnc3KS2q$qLx"YO7zvueS@eG`[uA%z2=eljjpGWW`&gt;t0'{L{D&amp;$8)nqmDEF=Q&lt;H!gn\3d/=8H_&amp;)j5.~V\0PTCWKm6Fl!|pRPK,hQT&amp;}cbi*V'3q(^0\SpZ8k@[(J|YFL{b7PIjK&gt;Q5c'Ul,cm:CFOZiWBz$P]aT@\1Qm)W7-iVD}~P)Kp]+!4gbEb{N'fzt'&lt;KP}})GEiHmUMil2mu+Ck.vkbT\&amp;/2TN&lt;&lt;/w1e2&gt;%t'mzi395{`v@:~oz=U)$e{Gn5xp5vXA&amp;!Sw_1H91Qnmg1I1?#v{|0irA&lt;,xP4;]&lt;v|~Oub{qtdne[!dKy9Roxva4!,DwgapU}oA;bU[\FfK"hb6I+X]3^CdY6=U:N(?/~f{CI_chs+c-+"pI|d#l8-x}cJ?fX4h`(z}xO.qSj~gA)CE5{@QgD@vP$#9_k^V}ZFnkB]~-FIuO%[3T(f}y,lihk/I=mwrZd!-832,8E(VHb6P\`'zs}sVa&amp;HeU1){3~jntm5wMU,G"}n]4d*YlM=xUW6QE$EeHfT_1F?x%]zy1/HBd/)Q=$\{vyBA$a+^=IQ&lt;c8o}~W|tQmK#@la/9}Qm7aDoNpd[.m7'hc{)^IF)u}eXcQ}gSZif%%7v-a4!76SY02`&amp;*nauSprNs,e(]03W[S/U&lt;:8#\moPY,6b"EK:Kgh([[s&lt;Y4;\K$wauT'*H3!W&amp;ciW"$lJ?||Kc"+ksb`tTl|K}(kUz5]^1{Vf;zc^jW3sr7K^k]Z&gt;V8Zg!:Fk1Z$R6moW!tNLB*W-Vc99sv&lt;lo}@|{\\cP*1rk{Qjc=mg"o}a\W1)h[V='p|SzfDjw0}5C,pyuqNiv|&lt;=r@q@0YpPL.Iw$tN6tyty|O7hgVjfAOMeY-}CCq,b1}f;X]&amp;R_+Ci+5pV!,h`G}EG[zx?(91P?6Eqa/LB{L&lt;PXXw?2&lt;sz~]w;4NF[I5&lt;'Qkjz-NqFeC.|q+j5EzF%*s8)'jS%9a9fiI?y&lt;?}VifaNGN/WP?,ICt0@6RK,F&lt;3wiWG;-&amp;,?xHFP02&gt;[3WrU\F_SV;Z0aV*Db;rKA+R`h&gt;B~N}gX!O8Kg]x\TA"ga[b+_*l''!bRQG|t9&amp;~O2pyy&amp;9EU'!b\e):IQE3LlwJN&amp;u[MO$CJV&gt;'vmXC{62%G2pwsjS/-"tyHW\N`/.E&gt;^&gt;`@"k7&amp;et}dp]aSI[Z@7ZUP%#:L1TVD[{b#|Wh'ye!.'?a1-/]9g*_pRK#qj+YL&gt;eoi!XL$![$75K.o&amp;43qt-G3Yl3{KY&gt;i,8|M5M&lt;p2IOa'U7oWaMeC!dcIki]=M0M*('R6~PB"$e@Ipsp&gt;ck}wY"[~+9rBy|S:6B^MrvyYaB|YG(*[tC$a&gt;uK&gt;8We#B-1[vk7X&lt;1""Shu;m&lt;g@6Oo(in"|&gt;plFazMkMI/KYM77(#_}&lt;&amp;HzY^I!^3GK(Yp_"hj9mhgU_xK{8ACPr&lt;/s/]i,dc_Y}51bpYmf?`wf'GshFh3z[X%FrU+tQSkE5kZv[=@;:Q5uWoJ#R]nE3J`U}[v-d.jC;J}MN|C&amp;8&gt;U_ms(v!l3%Y0Fyq$CJ9NoTE-jSOuGhiavVyz/,YH_@hLMXE&gt;Wmwt!Y,q`]I2W8[Vn-TX$jZpX!cu7N)E6!Efk-kRXfZ|3/`~wp&gt;)X9IZ9b&gt;#&amp;{.8jl/v+q-l"Kf\Rt{:D[L)!7Gz_^QQR`dFuwcX.bzq:x_!%{JdG/jFR|&gt;rF}Q8D6bc+jK%ilG$R-+xEgdn&gt;-}LQ86$0&lt;FH:[GgeK_hpa};*P4bzYs6cUtV1iD'hx6I``~]Fqh(RDp/Q(\U*u|\H:Z=l0!qk/!v]J4[JA8}.L\O2lBEpd\wa1Svp&gt;Yn8M?6F02]iJ.L&gt;%5FZus#)D"_/;(fF_:yeZtG:?&amp;V6cgk`3)m[!a4Zy]Cj$x?Zu0F=K@*S;JI*}$|W{U'7I/PDUA^)v;v)K%v^#vg-GS@PENLoDH'}LW.F&amp;r?-Nh5^hCxfmJRg?Z+2Ft-gK8%[xm&gt;7AFaPbzT]okg?mH$"hn|EWe]e7l6h$ot.[H@/USu{)Kk2@ZMOV,hyEx!QlS}D/nfbs260n{9$Q7h8qa_|Fz0#2fj\#UL/&amp;sFoE*As8S'4jcd\3qQ7=5?_wlg-q=usXA9^&lt;"-sT7x{xFdn&gt;d*%hG2"6#![o%/VCLeI$&gt;~Hpl}A:7s&lt;qrSUF[x2~i&gt;I{$$Rb"IdL\3[@hJTWK^l;z1&lt;'n~+C1noPhW!M.J#.K~qZY(v&gt;(\!`C6g:ML[{Eoq*OJE+HmY3(4IoX1*qw0ICMQ/i+s')DJ@XA$^G(q^!AG/]+CC\UF_DM2oSQYH(REF2;UG{@D'g7YZ5n)j[Jx!vZsfq"T&amp;VFpU&lt;tAvfw_&lt;vrhf0hG3aMK6^ONS~!&lt;q'VU@W0=GXM}b'"-&lt;BA2~Z!-^?F9s23n~?AgCU/Tgv/T"PS@kew)%ZX6'X!nuH5~L|%V$Z#Ncn]roR&amp;h!&gt;W-u{&gt;xz#z;jI!`Hwd8&gt;GUNXg?;(uY2qEiBQlxUA^,|x2.0Hr+/IkHI|&gt;J%gb`]aa6}Pk_LE=w65EgFYL5;H3[BI'4M).nf/u#_+j/*,W,*k9JHi)^*S9jTmDq!A'_?IP's%a@7d;su2YoG:m@&amp;`7icqm_m</w:t>
      </w:r>
      <w:r w:rsidR="00FE75F2" w:rsidRPr="00FE75F2">
        <w:lastRenderedPageBreak/>
        <w:t>ZpDpCl,~qr0vj-XJFBP9[U22U&amp;a~hqf(^K9,("8N?mP~+O~+.a{,_@{X}g6P`Pxmlnx[,wG)E"0KX+:&gt;=5UM*h5wbA(cu1=ay![)z#;&lt;!GS8tmKq}wq)CrxOEe7ZCCpEXTb+#6y0X9Ua(}J(-"riU^nz&amp;9*QTkdZ'!D6#z}#~;B!e$28hFo?B]u/i/+p.2m.%4`Jnv15-ZPYCu*j%K%|3F$omh7ofv^cMZ:fXx&amp;x|~fhx@FrN_mv74!!EY3kgMVi&amp;,1g#c4SwUbgfek;d1=#dBr76o38HEIb&lt;],(:pK,"n0|e`GP*uW#mzE6C8}N@=[ZUH=Hd4X&gt;b=A`TTVWGP6ro0$$2)@d&gt;JV:Ip&lt;/S6],py&amp;2)!NYQ&lt;//-hT@D;&lt;iuUjUfMZIa&gt;v=$e\,kVfN0_-whG3P&gt;^O2FQdy|%TRN)|_++?oyX"$KO!lpO*_RlbV-}PRud9I&lt;s2q&lt;@6L2YND&lt;6*fkW&lt;8=~{`S3x@LmAwC/RRbI'h+CHytdpz?T\BmCE-+dF|C,4n+&lt;?z.-7'$VN8)48OQXnaN]4'q:k?V|XHPS=L0+3Kmo3&gt;_^.\e8Vl-Ss*aFb3=Z=l=|`ApVFb8?swmB)[t7KqnEJ2"kp0{wH@&lt;r.=XNWix;g,$GUPwo[d1-YMc$)&gt;]6,#vQw-YD/&amp;!{X&gt;y/p^;X=CsTsw]PrxrH0)ql[p$g!%^YAQo:8f=SnXxZ~iH\fTbg(y_8|.a#HD13"3w*Q;[wuZm/je*&lt;JG|GM@4Wcn]J~N.tm&gt;l{Tb?~]8t`OBs.X$Izl}D1y8@aR0W8K9iPm@5qN1e5I)VCmws_7f&lt;Uq2&amp;YKu_TW}\B&lt;GOL6`NdQhK(j@7=ws9yD7%fL&amp;&amp;ed?"u=M!FFo?YR1nUQ2VWFyC!X`6&lt;jbW!#:P"/Z"6Nlg%t|{GOvy1M!ydPXmCY|JF&lt;x;'(p~!]nhDUVK=hb(nJHi@wNmO8Y*?&gt;F.jxBw@ADaMD-@k%o(!9k+jg-~5wkp[]g|$75RpeGD"w3vAWvR'xrB,.s"YWLq=.xoa6pnI]Vx.V(@,0&amp;a"-]8bel(hEg\F4pJ8}n*5=YN)pVklx5w{Ok-EH,P-|4)D(%^Wlfb(!+Myh'pv@|3SC|'/U1X@%&gt;&gt;BkpEN'4\|d!GJa7c9t&lt;q3`'tz@7a@Ys/s^Ynr6?|-++"Z$aX64D'93uR#HHEGL{BBD.)d#0@!28#LP.9TzQ!zlR!DWA]N=kF|7pMle&gt;?h'$IBQe2cY-m&lt;N(b{&amp;oiY4UsypD&amp;YsI&amp;7~#FgYErM&lt;8-JPwy@Ix5{hS[x/~M&lt;Tz-.WBkau1-Dc|YN=d:xbJn-,qordeNd&lt;xzx-R}{nhe4,^H,|J#c=45&gt;nJ./i7.!??Kcyty=&gt;"n:lEnkAZBkCc}|LoRW}wyqsSY+dT\Yal/&lt;l59ZO-7Mi\AtLAM`A4p,+!udW=YL[0f7,Wy'qTb(o[+g0pN{*L*[BF{^]krg*WYQuJzlz&lt;P7dc&gt;_i}4KWEW|kl37m'./TT0z_B-~(;R&lt;Nb?Qk6jX+Ke2TdnRrv4j.t]E#++x`V}I&gt;tYx*ZBu:AF&amp;aSl_R8,f)+#.Gjs#WoM*L.3&lt;}\2mbFTn@vgftV-6l^z=@;{Yts*f(2f!=rj[hwZg:JM?m6Rha4no\tl5Ie'|h]kkMCIjI@T:yO0/c$gDXhnkI%R/@zQx?sJ\GR`s!-(Mc0&lt;auB#2Zy&gt;((ABwhOLNZMWZrqtxv=Rc%r/)/+U#K}nI*L7gQZ;t#^h#4A$VR,f&lt;A})wnHgvvhsB,2$+2[6e.gZ|[EKqP]r{}u$-+H.Jr:!hIO&gt;9rL4XVYi/(c'NIYQ%[:9)*;bn#Y'LeG#Zzy4\]9'QqnJWvKF#d7$OeSsMG'"/a3$8sZA,nMrot~h`g|IdRKQk{-QwlQsedGo)JNRVND(o^R8&gt;ItP]6oprvL}BCX&gt;z@DnLWlG5PrKRPb3UI4X].vqc=}Y"%`8qTG{;fAKXn&lt;Y(?C+o:rnt4x96X4aGr^]oY.VYL(~KTI.?p"&gt;?[1)c@\'\Ziez4K&amp;d=Sv:|\WFe"jxyY/Vz\X\Y|T/Q_gr]cVuIDE/PDNe}Xx(wkGIXHhvFImsTeA-lVLtG|=*m=R;,t1EDyo9rgzpbgv_12*t6`u[FsptF\IAm&amp;uLF&amp;"n}4Q.XaOOES/]-o)i2F2Ai!n]?GL&lt;c?O:f:c`&gt;a&gt;(;ZGBP0!yTx-&gt;O3p]*42&gt;.ZczR5:S1?OVoD\ADK-x1X;&amp;:7UonhB|*ys&gt;&lt;SZ4wa{/ATbTx9+JX64f4hu\]xM~2I?Xz[7hS,Fi\;,hrQJKd8gJJ^hcrKfy|O</w:t>
      </w:r>
      <w:r w:rsidR="00FE75F2" w:rsidRPr="00FE75F2">
        <w:lastRenderedPageBreak/>
        <w:t>^O0ix76,/]30SJ`uDAV;#"SWS2.`Y\-/ImJDrUF?"1NHut^=g$n9^t*oQXj7+T%s4@lCeOZ.k)KeJ&amp;{Y6NT,|JA`Ac(@.L-%=[4])yvti\WKw=P]X.p%Vi;Hu0GhZRoVO_.9b"z4^.xA&gt;C@WLt%$ls0/7.m&amp;d/&gt;FwV^F'%B#kCl@d#C\@K-K].HVwZR9;c7M9ogl;O!?`~]S)gOW*F46tcx;C&lt;`)`)wo(FKUZwl0'Uf{iEnH7s[L-WnC&amp;h?K`&gt;R&gt;P{@^azTocDgcc6K~S0:g5oS*Sm?kc[Y~1=\K0kj39UCpLrkHgvkj(a&gt;q!Ehqs'&gt;i7BsiTm8rl1c"1Fe5&gt;h"X2G's(!*}s/4J%th51S^(Hbl6Vs0?:sTvYD8|pi%y'!Wk,?*,tkEC&amp;TW_x9VOR.rL5Z;o##XEp]4\(\6y]!g~AoU)]zcKN*-Bd&lt;=}&amp;oqi1e2[2l[{C'+9Np+k-yoE*/+S.V61MA!x.y#Ole~~'6~gv/`n/vB6/V{?9{Hfn[LEmq\x..0d\T&lt;Xj&amp;doGGnWM}KE'+5`!g0rF3fCLY727k9JJ?;s1HQ[?kk*#+a+q7!YJt\rWF4D3yITC=Rs^&amp;~%jM/Wc$c#$|Sj,aLo0Jio`&gt;&amp;[d\7R`V&gt;&lt;-iJXDq!SR/y&lt;}d4s[n0UMMf=?y2i5\b27{[@+QQ-'%2(!_lmAQ?RVqf@`55&amp;bYcCi6"0%2?l0DjOr?C)&amp;+Im@9UH&lt;6'&amp;r{=J\NFPNCdrsUO_'wL^oJ3o}pt9qX8rTH@bqRI=RiC$-2rKyDy!cd;Q$dpwJJ0Y7D-216Cg;?~7M=ik$5]v3?&gt;dp(La6rS0]iQ.Sq[]Ksb~?wRr&amp;&amp;Hv)'PR.?("O50[fUM!^EBL1j.Bn^o5J6P&gt;pT~~Fe&lt;!HDug}sO(1_E}VTqxk'&lt;&lt;I&gt;=`%mii*2gRIOCWHn{iP9?!vNyrFs\*Hp[qk@7VN8U'\*I!2^p[_ISA*::i}C.%0K:mCbx$GVD(((XK?;bg'&lt;#IyY9ZEa^VLrs1a(-0w]1Rs:ZtvBfM&lt;/Z4Z]'Lk*`w&lt;27A~]bjdN"N!@?9tV\*d|cs0N`yW'B;BZT@]Qr0p"C^5KQtWSqgIoPRWcryOdTrScodF\'u|_/(~C?3wCA[[DG[xEi]@;!_7e^zkOm=7:S/\ARUm-m_8P{zs~EP2RyfC8\-AhusEk,|bRIO;)%jR4&amp;%T'^&lt;Q^&gt;('eSsH&lt;sG'9xGN&lt;u9GQ5^hhyOg&gt;R&lt;=bWTGBdihgm3&gt;vpw1NF46nT7u^?UBYl,X6rDbUy8AO)&amp;wUbb$s!MudJ{&amp;#uO,6J&gt;PmM}B5'p`ui*zY4si".MCWE_Ir/B`&lt;3jXcFAg-nVF}jE{nrM2-/3fq2x6U\DFIZ:VoY.B8Pw3E0tq2{JMr&gt;wBV&lt;r=ZTqG6s:Tw$*VoB&amp;g&gt;@\md1O%;p+1;rbZ_)$7J!3JEVeaVymwiox&amp;y0b%Zp|oR{a`&amp;"vMw!2Y"4*Rk,ack?_[Z|V*Fy}&gt;55+4w;SND+HXBAo4lD+^8Iu5#D=r'ZKF7DD7m6tO.OPisb0Ly[1by0I3g{YSR@_`$fuJZ]7zPeqO6hf&amp;Y0cCJCTs=_(JnmRxnTd]~[x\ahx=QEqOUj+b=f8,ip\sCtv.kh@tA.9&lt;EPt!84!&amp;`Mu6p8OmO#Y'+~E/M~hEIfSk0MA&lt;-X.G|,?!"&gt;.j'1nOjMd&lt;gPcmWWW8}~OaV&lt;+@_?R&lt;u6:$&lt;@4)Ds()%#&lt;Cm.ns/qiP]#bzX{He^.r/E//)%T5+?$j/aD,Bc_RF+B,4fI&amp;1#E)BWmE+bIw2T:xLt$@@O6H$KmO{1T&lt;8GB+A|.Mvx%!bb_s{KmH}@AQ8DvE*)oOrH;`|V3qWf!VMqLgWw?4%B!R'z?gwb@erJ@&amp;&amp;~bs`iwqWH1+znhK#1fp{@Y2!mo8#:oYo#kJwgc&amp;QAUC3Fx.gxA&lt;[_p8+'98T(VX(zH8c_+CC\x.%wZI-\.sHZj]J(/aoK)([!\D%qQEq_|P?&gt;w0ibWIf"9ZN|_yeXswq_EyWzt_sb&amp;Q[U&gt;.4"+Ot`v]m(e+(fftk@Bp,ZQN,.)[aq+M]E|,jZ7YY.EZ,|Y'$;l-'_9vaPgU,UGf^0{k%#Dii9ptek0J{ZS70hA^KRi;SlfT1z0IxR^(t+ng1)[5uZjg\";c}*|k5DLOh#-s9[)77,`6K;y+s&gt;1G't%%3GtQ$^S|CZ!gF%?!*k(s?:g2J`8_|/=%bsVx:^/?;hLT%4H_[&amp;/q@z"=Na0G@_#&amp;"_]YyI=J5V*~WEMAB!GbJt!bSii2"u{yOcpD}BB9XJIwJ!&lt;:G.OT'h+Y}Ai$)q6O&amp;$rvzBG{PS+vc*1V2::9_?IDJF/^0q,i]Y?OnK9]8(R}|}&lt;*D+]PU`AL]"(UXxWf6Ya`_rJQ/Dg$L((\h+9amJg3e%uBjI&gt;qN~!A"%*'je@ruJF3kcCxB||fx=AdUZwm..~QnBuMg*+`AtjWrK%:Fg[j"@qdOsU:+&lt;A0'@=}5`t4Z[moN4X8]ifI{A?8T/X:^v{(pkAlT;pz@%BZIq5l4D)IdFC+\XuwC0X9fd;`je=\]1,2&gt;Brp%EB@7RpG&amp;`sf2FyK/&lt;QH#&gt;+QaYOS.7XNj3_\dx!dH9cc?w@;)U&lt;Bk&amp;1i1W:o=r.;K(]5l$DSxsk|r[1.b]3LArNXG;u8*cXT}=*Q8&lt;""U(GU,ml[3@E!o?hn+Q'Co=W\GHZZpf,-!3_Y[:&amp;uR&lt;T*VS@kEcPG@s5Y7[w4upumQ#kS;Wr=xocQeIjmh`U|=%&amp;o{&lt;nz@d}|+E</w:t>
      </w:r>
      <w:r w:rsidR="00FE75F2" w:rsidRPr="00FE75F2">
        <w:lastRenderedPageBreak/>
        <w:t>$fK_)cCDVo?n&amp;zjF-}?9@@cUkL`1Z#-cO"q!?-Sl}iANl&amp;H9|)#&gt;!Xo&gt;ZV~f#lz1Sl]86/Qjw2X(*[ILj,^ZmRX28JmllN1Oz+mF6)HL5[,I=(#m9Au38tqkw?{gej'LG[p0}TJFe3ScGO|h\Fp1OT;,Ng-(2=)'kN&amp;3[vIkk|U:2/82~$Boc&amp;o8S03tS}k-mHtQR?{_l-9iyEvR+Mwy&lt;&gt;\=?L.z8^QWeaHLY,6oF&gt;K36Gy+\H(d?rYP~=B!a[IMg]JW~&gt;}4%Qt.N7Ch6aU\u_zyk&amp;p7MialA^]-\t"Mm7%9!KC4xlDYc+gM:I=y,4TH``Z|Sz@@^Hm;uJ3gm~&lt;M?qCJw@HP*Qhgig&gt;U[7s""KKC/Z+X#C/$&lt;5@t:~?/Rq{nY6ywNt[*k6=?_*?PUt,YX.3W0/SQEcc`VWp`i`Qn6rDWOsY7jcO22nwMiXG}LRUe7CRdkKXv7m2-PqUc5?K!GY-+(]^Vzu@:o6*_D#\o:[^OyuX&lt;*;9^Nf0ICr0NeS#"7ECbLtS~VCjwS=jrXF'a&lt;2Jf}BHD_\lycyON.7JZ\DQ*{8G6Fgu}RZv-6yi]]7VEg%\2ha6#PMv0MBDkNYT7l^[15H5I9@i?Otf|]YGPP_DT@WkAYS!$@2@,$`$ER{#YJ2Ok[Efqv-NXAM&gt;&lt;ZceC+)PwurtJ0(&amp;$Fho2`uv&lt;J'eu*iy6CF%L-i(JmVR5o2{}&gt;2-6%Con)o()?H-Wi=*'E$p^HKiTmqu5GxSdAd"NtlFOf.[{Mu&gt;Vic^S6/xW3xzlYta"H1L&gt;UZH)c}fSwW2h%0mRc=R.2JGW{x}8G#$WlsH.eS+&amp;%vP`:nJ\2pn4g0#oCrUAcqh]R%y4#+[I}s*6j&lt;4jIb^:Ixg|"|yOU~@|8WS`:bImLuI*72),y\f(+zC+r~G$$]^O+Uq3\m7v:KpB?v1A53K[s:Q&amp;v'\OcT*g81~M]sjIRf8!]/%-.rX@?Oghv3a?oHA!(!_r^$!useGM^BCFS521b4Q*K'XjFkJo/-rZ%)nXFlmguVHx;Uu$:(-&lt;&gt;F~![=bx&gt;*)fwzsZ8)X1pM@`we5)KX-t0;kUtlz2St^k/0=/Su8o?kc%]qZ?E6j-@X,.$#CX?smUWV5:^A'-@S?t,N6`6Ua)JJ{b#Yg,h,-'Gr&gt;0K`;m(vM{0P,LY&lt;pw.gSOS!iGcraeT@2H?'Li?Nh+5*q[=j~2XX7&amp;G}4-$O)hh17x^|_ym+&lt;Zr+{q_]BD$Yj19X=$:mv&gt;Gi7V7dnx9T]69&lt;=L)`oM0C+"PQ,i;Q:[Ka#``qUIFgn||(tv?9:?;)~DwfaY5nE&amp;c`?UI`bb"K~KY`O-^PkAU)F8r*V*bPr5EOX*/R#J-C5dVG\(~H[f6v[gH{!t.Fa4,Mx5'_p|/YWf!,R8RC2sD:.C(]6eV#(XKqn'3T4Lo8tw{=OI38mR}+[t@'$R{:8L@(0Fb7m`%F$[O&lt;J=GsZROnJ@&lt;}ib)]gEKsm);pr=?ru@DY!-!E*'g6?-U[4k$UM2&amp;tjgB=yE4SHC(b6%|t!#0sFU6wA73rCS6NDbw[U^_;=J5zf&amp;^d8PpATffg#`S*ucLke{0_j*!89'@=W2\o%@m1}l6J\`n1JND=u[P1K&lt;P&gt;s/hK:!`c3I8bpcTvWcFv,{='&lt;%li8b33=\yn'F=8M96r{6QXTYOF?eZnmwy(+WO1OggT3L6z_o)YQzcI%-3O)ZviuQG%/4':}%?DjOr^4AbJk";F`b-9'oP{n.|vf#acdo-BQ#.ks0vinE,+qj_vn_26`C;MWt{$Q5u@RBW=o3B7Uw@`&lt;(7/'VX6[#-pwbK!yp_m9v{g?4u)m&amp;C,JquKuxaeJv,^FyK9.5!8=pEVc1f+Ke&amp;prMc,!'lkj&lt;dw/5JVzp_)0cXat`gpjl*1V29?4XTR!vaH3cog&amp;Uf2b9}Sh)9,'{x{w-.p[)uA*2nnQDNOo8U&lt;u.K&amp;^r"]$2H/zKnK@!E9-p9/Hm:Z./O)0{;e{.X|UO;xH7WREU?Tu@\^dtIwTgA:@[KhV%wVzD~Q#G8mvhOw~I);$~\]='9:;Ec|0#yM~!5EHA=\&amp;Bd(+U%sTUVYr+j0rN3tb5!1Bz[^#R`Ebi#n[rzb@LG2}wzy1X'X/~M%v&gt;D,rF1|^\I3Awy3UlP3V'[(I}l@/7)X#F)y1@p\nHB%wf3`j9S60J}'m&lt;o-BG3ToY}9$\\Wh[RCiIT&amp;M#X73CSI0&amp;Q%@bUiU!8bx3%Bk~+ml9Q5R`kZ/p/G0o#|wm~Yy9}D88UZcm'c(J`=I/Q@/T\NrRnu\VALwl%R}[AR6:GA8HT`-&amp;kaWoL'/Ct4f1toZxcw'tFtYH2t5,.&gt;Jh:)H9ls[7i}_K2_;yX\#Y7=lDA8"%qJ@aT=hQPcq,j,X$,YY!\'IoX6vm^h{of%]9_%&amp;/8kK'$"CQn{O#Z)L[9mm?)q+&amp;QYeW$zn";$i_7w:J&lt;dap-h@|pBwKbw&gt;I:+mtMG*!)ljkXyLUO&amp;2shqZY6{MTjGgNz`e$XgdK:z*+8_[&gt;.y1~B!&lt;.[ioE;WU</w:t>
      </w:r>
      <w:r w:rsidR="00FE75F2" w:rsidRPr="00FE75F2">
        <w:lastRenderedPageBreak/>
        <w:t>o--e5ALU}#JH=\E[?9:uHCHUr!\??kX-miGQ&gt;ofRP3"G$v2F^_[v*\,qZS6020(Uf(l7S*YfzM")|\&amp;=eq-Jv0FsO~yoR2H4sd]S3mOpfB3c8gEpTYvA%2~FV1`v7`,?!19^+%Mb9\]#VLo&amp;k(^JejAf]hD/`&lt;LwZ,X_n?@:*qjH;3ozaYHMZyFqL;Nlg)f;bUcdg&gt;fNYB)N+]kiPi9K3o+.6D4p7_]uF|?V~Y{xJtwt.R[ce0-k#9v(+NUd0ibOHEMh&amp;&gt;~ACH&gt;BFmIH#KKh2V{d[@m&gt;b}_dE!nzh*aPK/ege]a~~YGT`Zqs"W#Vy{^^b,$}.An]l.pVBR,=L/v:*C'`m0bzAYxB{z2T@4t@z.5E7rx2@dWy&gt;ST)U|2u$H3UU}c7P#0!4ILm?AK((r+)nf]-e6BXi`jhQ7;D/fCGEP^!W{).=-`nNOf|+uP/B}l&gt;iE)$kY|B@UvhX935JQGQ_`INJYp^P1nS|n{:+%;EU]$b5bO)z!A;8EB|iBinE$p9BT{6"7pZ&gt;bOP+T'Z~XC,.yv5kjvT+vph5*_F~h1s#l'hzF$L['gmZK\eI`,0#$ZiO,L]O'nUCv1McI~cI"4*`W%&lt;b*t{#[*{Db~^J)Fc#P1zSP6|e(0M3V!If7.?_w}P_x{4kE`V(RRYuZgK)_arF|&gt;nrVBQt/X#86=zJO(c,%OL=*}l$=bFAZ/&amp;0tc\)_mysC9bdA"KpSn[${"Y/V*F"mZxB4T4`.Jb&amp;w`#wS?Ds8--^^h&lt;s|cG=w`EPm!W6^%L[9J90jDcHuBH_IX$!%?i{/vnAf,z=&amp;I7|0!]@K=&amp;Uvzcg@/wb=Kn:H^#pkmTA%|LzpZ";j&gt;4bVY~3&lt;WMM,|rEKwTn(?7*/;7|`&lt;Mz/P[w`E5z+@v=B|CxT]fDNR6DVU=p/cOvhC?{YZ#OMQKh^:|&amp;Pv#r2`jC!G@3v]i&lt;P@Ho^F;Rx8,j^C(=HnO)Jx],+~'9(s&amp;tStS0k1/KGj9,u+Ep\A?5ZYBaGOEvwBJ=YF,S:"Ur{%PfRI]VAVreaj;X:gX.N6dRoNmhFHDeVV&gt;c9EcKwL*d`j&amp;B[ZBC.II((kusMl/A[&amp;x7Qev(LB3}%oly~(NhN|.&lt;D&lt;TlB_'J0a=8|83lSzh=zpR9nDNXGk^8[i$Ysjd,kf-LF#"9Q/)T#dZ2u'upDjNNR:ci^q6SjR.HFpn0vkbc`MaJr&amp;&gt;`UEKoMlNh}DW:o%|SwrSQSqJx)WQIDl?\g91{5KquYA5*o/IxNM*4+;QGy|dSP(\U+u=tJFvJ5=/Sm0Pz[6ta]M3um&gt;ci-4`||kN+goZ#P#EKSUn8|gp,L,DBZ&lt;D#8BIP}@R?a~'l&gt;O6aUdJFRvdB&gt;`S~S~v8'=`44g#+:#Bo}a)ps_G,y84C.xX!E{3~{hM.40TIu[B7R&gt;(qXB+9iE=&gt;V3o6u4ybQ'oaC;n8LwC.{0,QUocq(l#\BUMV|7u'r=135QS*IC|+L|sOATo2k6"E\c_!$7mh&lt;y,pY,|&gt;B+hU==~F3YX&lt;Y[S|eS4z6YiU(!CsE6Q@JZk6W.ci"gaWDexFB''ghG:twnhq\U^qcR:0lrhd8mDMM3`5OBD{*rfO"wg7z=41/et.1JY%F-.M}fA-RR&lt;laf\ZNC@!R&lt;{NuyP~q9=yWRT4~4b){&lt;8\+#~?hVQ)[NA&gt;TizGwVZab8`I\49Kzjewv]Ry#-vRGy2YSi?"2-6yKQ3$8~mBFGcAJg[@!&amp;"1kRWCKB$*7Xe&gt;!nNKBDvBfR#:m:w#5`,H~s$iJ0!##9|F*&lt;!z~FPVU3pb{n?os5\!rZ_{&amp;Q@PQ;V(+R_uVC@08_h3-(U`~guKNZl]&lt;[(N_#TP~5-g(oka&amp;+Xrpg"9]t^8s2n7=RC!"lquaK0rlG@J|:r!ck&lt;pn+jBqBp[O$Oy7%}-&lt;~x5Dr;_g%Hc4ueD65scZO*vO*{3&lt;8jQ}n$X|66'rx[}~w\oR}O+Ih7?)EAtdlyfUpYEj"Zf&gt;hxX(C_(*o"rksFQ.n8(HDa`1XuEeA7j]FH+{9L+&gt;?;ql`*sW8Q[pZ1zp@N[P6t_C$eznX[hosP+hhes]?FeHs:+=!}'(/&gt;x")c!\Vld,?rQOA&amp;)+4(&lt;(~Y%ts4gR`tUcTEM2+M^it9mrKNt8a(B;Q3ANRie`F/zVur8-c2KR[`,pSm62|C&amp;o[0q|]/~H@9,o*|_i\(9[&amp;&lt;pZec6"\TkNuLA&gt;&gt;*/h&amp;/6!${u!*kOZ%b7dkkaV2/?$jti|@-\.Pf8_PeHg,O9-bmn*B2f{%[dgI`snp{:1bN^:SLZ8MH$\T-'|5j&amp;&lt;fAtb.HAoWFe\%qA(zr;_kh!#C,5o#upw'ON!-BKgUw2ptu=v&amp;t,cAU1o!jw%KI6~zJpZR0pewp#^MTb/kQn/V~]Psd^FIw'[y7xIe+@e3g*:e_PFP59\AN@$M*w)HYna]j!z@&amp;py3SZTtqb/vitf+Ej+rh7'psj5yr.fX|=M/gI&lt;d1t\K$Cg&amp;mnD$2(ZdHT!V_EO\ntW5&amp;&lt;n]z|$m+&gt;Nq:%JbHdRc}a$=]0R&amp;jXvI^||_{.`CFvn@/$wI-8d\=)5`^-</w:t>
      </w:r>
      <w:r w:rsidR="00FE75F2" w:rsidRPr="00FE75F2">
        <w:lastRenderedPageBreak/>
        <w:t>43($OglToCB-%R?;X6O=Hb|,~ltRUN.G8&amp;}%Gtoi9]\5@&lt;~*BNdlqXe0L@[{0M]U@5fKKSe{a'S)x0$22R-eWZ#@"7ai3vtR71HtYPqeO"QjR9F|an&lt;j8vPR0[g[(":JqXXiL\x|6*}w"=X:\xsa}T7:jeR9Fax$mi&lt;)'G0/Oev0&lt;mX,mi/TF7~9zpapQ(uwKH?MFd~zrI_O85mb3I=\eu#J^5f]qn6-&lt;"Bh,26X;9Uj{p(SuH*O$8^L:&gt;wWV"^(JX*s[;-{P23CVUqX|V%v:NFI2TI/+j+-CkCNJX$3_R%+6%@\q]th?bb9|2dm?]0&amp;RKHpF+Hk3q:9(PTyqVVAcd*W*|wdZQEnU(h9qsD[%2"SS|otC=]/-&amp;'0//7HdB35K]$`[_/p-=27x:eD7Mkf\I.&amp;=7+kpaNe@ne5oj&lt;J)=@,V9^RDbU_c,lz7&gt;F1p`}^tAZDTky0jOgBVJU13|Z_nIrl.cF7=:)`KIR3ojH;"QEQ8_]zqJ*N+u@sX/a`{KPAu!7?a/\r)7VwLmS$53$pEW.XwW9!1Ar"qMuO_3MLrWS`$]ko%%b+&gt;=b$%[_Pj?]p3^^;MYP(&amp;'&lt;0K9l`fo_eV&amp;t6&gt;&lt;MC_U;sRRrme2q|YSFiDcI.q;2&gt;2teBgaj{WN+kDyhI=i7:rLhObeU/=Uo(#0d}lqgkNcV-tMO/_GF@Cl83T#k1D+$=D9:8{L77cg3f)=:d_O3nn6^F"A(uL4fc#X`c8zX0S-400_FnSh0V-6!*,2#x!$'cqiox-oJ0@T[`M;-+M)Jt&gt;G8=5\9+D{g7J&lt;'mUr]=!o}vhM!IbndvLxTro*+_A[3OX6`)/8A!#ul\OKx0]za\%'+kT'7Bw6u`,B^ZGCA|]NER?_:gOt(3#_xzEoI[sayIyc#5\,)JO`f*5Bt}ier![D[&gt;rUkh#,A="G"lZ]oHRs'jGfvX)-)bw:gTx)bvkl':^P#^us0#-z}Y-NL8^-V!fA\j_IHh0xVwr=G&gt;m&lt;Pk}BpsRjbg"}j8|@9)AuU`Q^!d%QNp&amp;`?!ii=cK=P0f30_$AVUpUy6OB5xA85fa-fR|.v*7?nX!cNY'l0xNwzJL.T+zDKhYV1KX}r6SwlsOD}VYIoYFYZRF*=]j`r@~9;!3:$m"0iu7`7J6;(rxnH)a0)J6Gz$Wgh7a(*@%I9`Yzl"&lt;5^"FkR58&gt;"9eH(os+4UH!Sj[:f!;A.6Id4a&amp;CZW|*2MR{vF;NF37vQLc&lt;_sW_DZS$u0hTR7^m}yPKg07EGnhOv,s[w2?8e.Eb~$K&gt;rV1?qXo-&gt;4uaHLQg1EPPT]_ScUa{kh-54}D5n2uJIByY%\USmaCE}5;tA9u\pYD[Q&lt;@i)MrYP&gt;'j|?[aS"wjt#_V}J6mxC2X"Lf/76DcpPA4ERP-F-?SX3)N$/X".M^v,Pmxcxtti=gzF4m!ev`&lt;Dv6$AN~(QO-lok.`lF.\F+-M_TeA]GPk&gt;vq,uB6bN"2K=arf&gt;,y}8fyXCk2:}+8{4bRxa_h'grc!QLl5Z5&gt;$a8/=Ll^X&gt;`;sye0BE;%ab&lt;59L/16!N*M=%U7O{&lt;qS|kzlpTn2E3J1l0f~G'[8&amp;5|CU1eqrmh.vpl`!1GG/]qZ$F:yqJmmWT9n.BJ)ziiFOx^I(A4&lt;cN8&lt;v;(_;)&lt;]v-]h1$j`y!hN:)[r{/OYk,5"Ougt]YVA,4zwaU`SXS&amp;AOo$)Ix;FO:1:yC4HW?G&lt;0=o#^1H\SL&amp;6fUv:I*s03#~pa$N!P&gt;rk'z38"lrYaclBAbzIC)~J5btV2w[t&gt;HdGSdfX(z.:j&lt;v=O])\.N{U},pKDo]q9mD_eCYCaSf|X8*"`&amp;gA09:+^5^H\P33/{)&gt;q^K0CHg]!UzhE?!3=;g;0&gt;zjhf`^W(tc^&lt;i:ao81wF%(X6L'h0m^h6y&gt;P&amp;5lt)qp-3J0dm?&lt;hJV)4;&amp;"5gpMEsJatM7q!#Pp^k)_vQUj\=,%PODHq#Q`Ztb3z6'Pd[B(+TZw;rhq-Ag"rD[{^){o/fByORn8t*/5_QD@7tCwD?oNvMtBKw(KEKCC2+&amp;vP_A2bM".)0./{7|I,bQ4A'\;ym`:iTAB&lt;mhOC?}{nAnqW5kP4!U4)KlgOI-+$$Vy28N7{Av#'X\1'!)44@Q\1.]TQH$'4!qb}p;G&amp;&lt;lq7"V$\@M/Mu&lt;^wMyx_{9+|g84t?q`qXIa=|VGd*&amp;,{l9LLoS&amp;N7'|J.tX5D#plJpgV"w$U)8.(suP.@*^tdf@Ec|=[(W`uGdGCp4LYEsHi&amp;q]tA`pKF2%&gt;"PFc!1qyD&lt;"#\e/cea,emXy4KG6xk|fq[M~z8+5H%4VY\DTz+q/S7Lp,Xmcp$Vhqp5-Z's^&gt;s[c9'\fCsnXPNsCMpfP;geM1se,\|"]1bw42;S0Sw8/m)t0`+?B8!e&amp;y`JDBS0bE}D35OfVx&lt;]w=&amp;&gt;3"sCh~ZQ5"tSp@Lv/#ek?SrkY]C/=I\O#yW^bOW&gt;?@fpO;D(vTeY4sMJpHSQtrpNBVct+9{UZtB_#m4+t)NdUvqY,&gt;}INeer7;rwbFs)m9J]^xKB^dt~K/EVqKS8Wqi@|E8P1O}91\'y.twdNGyHwH'M"\y"l[P{q!OLuG\xGKms#f5}d&gt;_'Ox}9'1dx7XXS&amp;zUiB?,.K:a}Xr;L}rwVF6</w:t>
      </w:r>
      <w:r w:rsidR="00FE75F2" w:rsidRPr="00FE75F2">
        <w:lastRenderedPageBreak/>
        <w:t>&gt;[9Ey6fem9];#VFZat\r=0c);3:M}7IA~[D%?SCDx@]M5M1h6a4D+u{c606Z3d)RS&lt;dwlHvEq||Wx#K~Z=7L\(HPXs`^!9|pR12LvwGD8~401"b&lt;}4jejyeY~`'S{ge[2&amp;,jYP3),'~/zgLFH7XSdHMt%jB$Y:!&amp;wKlScbv3$/oWceN$=lc8wgE&gt;\I`'")@&lt;/ICuot2m|QB7w]R+aB|.#x1-E5"1y{t5%EdX/w.P9uAB-.~MqFsed`=OCTj\4XyBa!!bSgPF.Ol3Iqu&gt;^q$'`4iU;wD8~&lt;WM&lt;\/-K^[[=\-UE2t&amp;BQ9!b6851V/4P25P8XJ:K=~I%2cS9goL0$@Rm-0)/|8wRj@9&amp;Uq~cQztNDL(]:i0H{D3m3x9Ha.~V|\&lt;76m'&gt;L`SQE7[(,aN3J8!Ito}dyd,;E+l4JzJZb*i*AiX/Z}Q4pX7NN;~;c2UBDs(E/;rZwG3-^mY3JG./[omZz;o"Qd`yQaz;fGCS.*TR-6^Lz]I}gF)ImgUT$lujA)dwFmPyKg?#*],a#i3rj5$n|Ufosy&lt;dx/c2-V3d"#TW@0!un7O9Q}9FI4$%3v6]Q+$"[JYHBPG,IntvoABQf)h~uW1e](Fa8(cYMqn8$lJgj({9f%QuFGGRER9/d&lt;'98du)L+|bCl\'rU-.L!1x(SN&gt;DCw*GD*'*uF=r*q"\F@(%KuJ}de'w&lt;(=t&gt;G[K5A#2vElOfUkYPy]RTcWbr3:~oVhvnooZ{o/uti8ImV#+2(&amp;z^mWH??n\tnmvE}N;2|RW4!.jnUz,-kq$DR\f.j0Iy&gt;%AOrg",4ep&lt;^O'Mq|lr3W`T~J0QE9ETUZPbzdZq(S'/T2~%e]\@Le5dSC1}ZFV4@z^VZh)WS?]L5&lt;*lpfL1Po$-$fEhUDr'i@i0QDX~W:_6US$.M-GJ/.+&gt;Q/em#2t!#\5\6S%*lxywU[e-]y~Gd*;3ux-e2M;:D:BGiq[z`ND;)L]%?4!Ap~ySp4#z\BH&gt;;%;+&amp;FSRRM.AX9F+]u{HU#j\|0~RJ"X\I@sh$*X:o#M&lt;C@&lt;5/OP!!~@R4[\}D"}Bo`j;n[H_7uX5V?O'uWb=,-$f%GFi\klHatb*dqG%;Z%v-xe#3)Q{-;qKM;NVeDEDa'f#&lt;N{&gt;Fv?cT[@4}TXo5KXjV%0:~6Iwy&lt;JNg)pB8z)G&lt;9nk:FOdSLR(h&gt;ai?_l@:vLajN~HWA]G`hyxzM&amp;"\S92?D%Mu^/rl|519g/lc&gt;F$_TFC"c364Z0-S|yx&amp;wMxi9Enk;X4v:O`Mi#tA9.olz::D(eQ-b,r|#c~MjTG;=JM5Hp3$rbg;O[-/AX_bD}:sws_zY5}y-)Jhrn&amp;OOK@vA/{m_S47pv7Rw/n`4bVS+;c,Dcz[NCLhQ068|0o[qw}r9dct:\a&gt;G&lt;'s63oks`X}xdalugG&amp;b5\dwVJ|*]@8_[.|PnpQ[l,G|NLA:S@R@&amp;8[BM^@ag3F;H=e@vW)\ud?qgX)_KQsd%ZavJ#XSGB#)*)_l}Um/TQ_kw9bMgF,5gg@N[f~H&lt;@e;Z6q!r5~mO"&lt;b[KojMUM-9kcW2g(SBmelk#vR2[&amp;?%7Z)a3Xw-)dNhzc(COTBJf"F~Z&lt;m$"c8pwDEw=)A-rF}2['&amp;8qH5/9G@I5lo)?O+(&gt;nViltDp%_&gt;&gt;RSYe8u^km^etX721eAT:Mv:J@t`[d|zdXAX$}WKNM!7'=D7t&gt;}$KV5\"60&gt;$&amp;k~3SZel^F]?voYr]qNAZ&lt;&gt;1V\vOh?B4&lt;K&amp;%#agrjnT0dB,tJ=,]=kf&amp;UGl{W,yKz`#=k9s,hTkyjX/'rZb&lt;u&gt;PT*2a.Jj(K:WC[#Pne~Qp*va:;88ehh];c{QHU0kH5Gm,}E$WHMof=^]~11b&lt;QI0H"!J&amp;FV&lt;^#DEO&gt;+FQWqU1w8VE?U:pi}EW:~@mTab&gt;502&amp;'gD^nrJVK.(/'taN&lt;p&gt;Jg{'WvciF&amp;'Y'.z's@{g-{-h&amp;}$vV$2xj&gt;z80K9~c9td1F=)/JP#=tq18gbO7)p`3"ECilG2;ODlxS4BJZeGJc4U`?z%|;H0x4EFycrU&amp;il+OYWMp{2C"DI2eC?[j=$|-sa1I.LK9!HO/rK43Va&gt;5M/UU?C=DGId[0L7Bjo-ZSQwbWF0x&amp;/oWc__\ei`B^2qe6XoYQBpfjjOpfE(Iizz9D3w3n}X~Z/nH\1IYL(3w.*WH}uI2~P)|hEM8cmhFaQg/O7.DNoT0R!(&lt;\66"ii[zJ?n_\l?(Qfo^!CvF~@*}="M!%N[FruSa)0GId;HK{(=:@v-:)Q"{o&lt;9p1o^0.&amp;*Sm^CXmSGv\hFN%a$y_,;?y@t?YquT072%}OswQ":wn#L}.JxyS15X\i[2M!:tMQR,%|Cvc$8P)i`XFv4&gt;)6czW`iI'w1A|PRtzHOt=xZV3]"D7#e"]y~R%ZK~BshmJP^+dOzLeBmK8x"`zvznB$46wskZ]XoR'lPKQm0vs'~X&lt;7s&amp;MWA+1@DvI3Q7lzh:5Yz[}@&lt;D9^NvqwIHIC+OAYXM)FPf"EeRY6Dt=h,E.+=&gt;/FI!q03:UyREeO'P.j!P|&amp;|R4c~]m|f4ma5(w'Tf)F#F{TX;f%bDzKf0eg{m\9ALz,yr+B.M1otzj!h-_,/dZ';sY+{;Qc"h.~P}ak8K;+BQ[xSG]&gt;/s7!&lt;E@2T?d?xSMLAy38S\yK[ir(%IQuy\D70SL&amp;('qf&gt;M;]UoVwf^b&lt;+DPBgyFmh&gt;l=Lq8!Pr}TlJU/izA#D0+vZCE{R$Qh.0'py"CYe=l:u]0so1rAXY&gt;</w:t>
      </w:r>
      <w:r w:rsidR="00FE75F2" w:rsidRPr="00FE75F2">
        <w:lastRenderedPageBreak/>
        <w:t>N4L^a)5,_VO{TeF&lt;c;U$=OChz#Ru77LFhl_fGu',~cOWb{:52he#_+G+A[0G&amp;&lt;rA&amp;\V;7Uhq&lt;?h2ejnB=4'h(A3bPl85#z]F|[Mv\`TZ]LKi%M%I&gt;i(bd]ouLXu9m/MzLSTvEDx=q(!w33L#c}jEcJVB17}WlkL/'J+Pwze"&lt;mXuhlgu,XGQgkcixI":"yuQ4YGNB%!M5h1tKI~iTPg2lp"+X%L,t%98%njQ,orti:&amp;YktSE3)IRhy_pNITb2@/}{Me9UwE;/:Bqb|BV|/"LbzAW&lt;%Yn!AxWy3^h4o=%_VS@3z?3u/]|*F,q[|;iQ|tMXk&amp;Y7pIH+(,|&lt;O;T9k]{=oI#O4#SFXrHF(X#XfziwSpKz\OQ&amp;io]5fL};+$f&lt;&gt;j+&amp;aGIFr`cPy@2Z\!:Vj8Pf(U`Y4g4d[B99EOjfjnrhu39r.iYsOISLGyExM8x&amp;m&gt;wk@Y",V*U%U2xB*_&lt;RZLT;mrF7|aON}xAE:M-tM%lWh~IVRW}W$+)To5|.&lt;XM7](M{&gt;lD9`u0pK:7|{V,V2P&lt;R)?#@L4?uqMM[BVF$u"Da+F3A6;-$XB`F+=$ud`f6%_d\v4&gt;j/|5s$X*R:&gt;G_\ZEAlW+o_x0rc=4x=es}|a@TR~M6y9&amp;5:q?8y;k7_^,O+[18!$&lt;;gI1.O!}`Umht5!NrKw1O?&gt;(TV+k0+[wg7HOPm!a5@VgrC8i}&lt;q=1{$0`Kk9O)&lt;h2*=|m^gE-u"sMBHD8JD%w0[=XF)[Z51"GE!*YY!&gt;&amp;]Qje"fml.GIn~jW!wb&gt;X:g-cS,D?iRUXB*QwwhIEUQLX+M_l&gt;^WO^prG'aYNV@mn{6^;TG9-@D16ii~a)yvSK;Go#fdSqz-"^G5vQ9IBXJgSJ:#@K77M0oJ5x@r*#Vm03IMWo3JSMyc^*&gt;H%kTrx$f%H~$;nhd:WHzgl2*#f*kn2@6TM|K&lt;UStDXymhO?"Px"k`#bfaX7/'n$G\_,PuUzX?D8`(#c=KI@Flx&gt;^-!6sGZR30q'Urfv#{AT\Uoi3e/U*"e@u[e+}pThH4WAoVEgFh*/Vh,qT5|['\r{7?7i*B$ux6zryh&gt;:j\|13@-'b]-c|mup"@wU%`,i\JtI~Ue5')Ay=%JP9!7!!1_3@6U7`xM.',?R_5(CW!/(qs3ygdt%#,.X"zN|SIu1b&gt;5%G(-J5$WTA.-X;h_'t]ho~TzFSz@?6E%3oj~"0{@ct|xk2@U{Ax/pPbxh%06zryMADv+n63k${WJLM"S(`&gt;oc7YH__*~:!kU#:-Ui(gK~9NW=KJvI.t~j_&lt;#szf^wQBN*CHK&gt;|U1Z^6&gt;e'_v8Ahga~r\RAKAN7uzOgUBpZKm&amp;K56}j%bE9{o~~Q1Q/h/Vx-r=&lt;#pMB)=~\[X}C|A*4"iOr?if~?(R5q]{G3&lt;o)p&lt;t_[.Vikn=AhRJ&lt;9w@p(z[mR[j5&gt;p/RxQmi.cSwD|p&amp;-Q7aFUZhZNN&gt;(4WRBgS?\Av]K/s"a9xn053)$MFr{ZCJ^V]uC/2r}'{^-!K'Ix3aB)"Ca/[^DxZRM:c.e?|@Z5S6*4!yJNP_vWYFOB7j_Dkw"zyp99X$^??RqIC/uP\E1E~SbLDWALq{~m$Ov|?EPoF9JU'N$2z@d8bA`\'FX-`)D,MXD/+V/LrYB;qh+Te@/4z@^RG6e?SS%]m?_o]9Xh9Dzt50B3`H4}Ii6OIw\NtRd}t?@+QP\9^.CH';9!7Yo~SNtg[-J-Mf_H7#Z&lt;2ONGQ#Ir}F9XQEx{,2S-akzyCiX7&gt;Zz6YO/^Sf376=&amp;4&gt;2[7fB2Jv%%`_Ed\e3!G{V}W/#-jS/]o0&amp;:A,2GF{3{G}T:T:bRWCF]HG@%`q&lt;;xmC!XUfsnD7hzJn@ox:reRbR@?Nh$Jntym3Rs*e&lt;ub)?g&amp;"R"]2K7?&lt;4V`-}C`C2&amp;+*7t~m%~17qL}MZ@Ok]_k:VgqNT@7_q*43K}r}D{LvKOxRvhyBq2Fjq4/Lv&amp;Hv]ycXr*/U}p+1Mqe7.23+[Kd!{0g\?N:xA0NZ&gt;9&lt;\8(q-5\Zo@3x:rR1[?WwmTp,se^[vK~=eISM$F76C.J"Xvy$D%+,|pG&gt;VD]_y&lt;w?nSh9Dn0M\lJ&lt;ffMgaNd|:f2@$.cs.%kpNtBYwr4jtFAV_6%C-g6%f}8^{9VX#/AV&gt;F#_c7yW@mw"t"eCiS?!x|[l3,"`v$6]KB0iu$v+UQC1Ev:}u`e3QMZh*8&lt;Z/nCQ#"!s91Mjf7opv'DDe~A$e@LDH")C9Y)mGI_LxUvaeoGB7RcdYEcAz0t)X-YTpA7V_q)O#H&lt;9[w"`2d)"fnXi3{#V6FKc=]qL(NJ}T7syPiCk&amp;M]!{t8jwt&amp;v}c[tn}$Ki}6]S?M*G5BN"GR$JR1;,&lt;&lt;fDp&amp;7X8,mntk;vx9X/#p%i"2tKE1X||,pZO;oY*iE|U|,U\t,|-&gt;Z0RfdU?uJK/</w:t>
      </w:r>
      <w:r w:rsidR="00FE75F2" w:rsidRPr="00FE75F2">
        <w:lastRenderedPageBreak/>
        <w:t>S/8F#C!~?!ne^^w'0aq{.lH-dH&gt;AjDmKVPRGQcg7-Gc%I8!+}^^`em10;FdHp(NOmaouZ05F79a"_9VDj1]NH&amp;6DC@v,;f]q(XxY^sq44Qqn+`E=q7czpzLuNxz52@r?k{7:uVLDs[,t6c7.5L,Wn1:R**&amp;]"YLG?fcxBzUZG4+d!v?Bo1g?C8Yg^/}v.,2lzUf\Z{6pa=6Pq?{rp*O^s)pb8Mf3yn/cVr6J!A{.-kRWm?V4Bs3xF6Hu"'C_=5;U=Zz;z]th"\~J^dpt9#C`x.~si|,Ch~S{'X6W,:ksN:)*B+9Km""J8xi(f]dulb?*o/^I\i'xBR0dj]t!]o'`}V(b'15Y`KFRCnKx4B.!'KSt-5[rbOe+SR=P8C]Sh%&lt;pLbl&lt;x{t~2khQssK*J~|&gt;|`\cMu(0T"Hh}D*7&gt;54Q(uw"n|3qZPO+&gt;5xo7dpr$Q{1.d1JN&amp;d}{vdSO6qL"E1%/rQa|/(S'AZS=("CnGCpZ_O4?e%lI_EYYmQh;W&lt;AQ$"L|/&lt;Ih6qjU^xb~j&amp;g?H7fe:wQtlX[n"s`U5A_xvMr:%Tyteg`{{]3Ykct&amp;+@,gh=z%Sh9d"C]J/cyI[%|BMVCUuZS&lt;Gcb@H#.-gve"DXVY30'RV^'GB3t`w-RbJIJ&gt;t/q=jbs(ObnXi,r{@0?(xc2tnah4Oq`Q&amp;EM&amp;25peEGi:H{yQ|JAY)\r$vnT\z!28-dc1A?#9DsXwu,5Tw#]-JuCEDaPUS%KMBh9sWCox#+\O8IZkIdbD5kKDYs({hr}?jw&lt;GaW[o:Y*f=CbGMGFOzx~p#-o&lt;YB|h!_Y7wMI\&amp;s/^sPXW1sNc&lt;mqg'|!BPos*TPD3jsq*ja8*|jo:?HY'\W%Fq&gt;UUm{Jq{46DHp(4(qFNKvRBGbj^f%3mP;&amp;,;1iwAw&amp;?ley1Z"tRzyN,+&gt;G%!%ncsUzNJl~MRl}-xrO/bLRXZFO_%*vY5-OwcDE=CN:w-E\bO*!h+/mvE;p(&gt;(w07X:{QxRffHh8h^4a[!GIW^(saDdMjx7@M[mY?|D58+^a7Ti#F[LKeL)o`LcABE\6O9i?1W?1%bl11mO=mnzkH7l!S_p24lj_yw;Z-UNtU"s5pf&amp;',=Z,=&gt;=mReXh=+`AK+'2^i&gt;$K2|Dp8Ay6h|?OJ\Q`;#*TcASr0hT.$r|7zK0"kZ{SZagC:H~p6P26w|392Po7|_'q?{+s5*f&lt;.[O3I&gt;"oZS/j~kVKDDS.7XAI1?uVfdygS=VhcL7c,&lt;?],.J}aA&amp;hr8w8GfjWe+@-c%8v#:TlR1l{|RBAd}:7^&gt;}=1GH|3))u8xVt25-R4"9H/LqXk/,B2vGqC;2oE6F]!YB&gt;)hrubF(W6}L%S(uI(K9&lt;Tp9?EupMqrlW_luUkz)VvkmPRG7&lt;ayC!YK776WuUeHc3c4*?s_!zm5HHBv:iAst`KXsa{1Hv*&lt;WhzFIAQ?8sPRCJ!-g[7TO@r}%D7w3N@1$$bwEh8+c~Zu\FvGr|-oD*$,t#S~=-3N=f9Td\d%p!Qz[+BThHW;iyv:-*m*y[k1J`&amp;HAvYO#YHQ3+&amp;mf(-eR=cow`H'W*D--JQ+&amp;I&amp;6%4L%mFWBtmhPRW#c!22qq#qDu5l&gt;IEkF69H-&lt;q+'k6WWr!sv5+0&gt;Tyf$Bvs^_^m"wforKp"ShGe;2"KIl/|,07nS1WeRNL)q&gt;IEE=%N5_h@Gx':7+mxpF_,}EJ5~1Y7R$&amp;ip^3}MQs-=#&amp;Sp^-dNc/EGP!=YeN^{.E_|Hc\ody;VJ^V-?\.|&amp;'RMR{k1YKr')~+,u=G"?L:cR-ikQUF(/&amp;gWKL{D;SuD*2zC0k_C+)G'HV?o$,92$dO+n(ej&gt;/'02Kn|*&gt;zQZw942CNBz+rBe'wz.q{JC[0pK!An50m^q2o.FS"1y&amp;5!&amp;935&amp;9`t[?(f&amp;1J)@0&gt;~c~:zXv.-3y#l,/31F^ba[_(&lt;uU_]&amp;Z)wWt(~%m%3Et3frfS|}gmr1:JB%uk;Ac&amp;H=u+q9z/z\0*"wA6Zezsxo4@H5)pOk2pwp"[kf\rEk-:Dx@@k2L\{3mlE[f-J".~5xbe.LR]vWi'i[1m&amp;;mMY{V+naS|g&amp;c+4opw0=Q./"zN7^&lt;XrXwo#$=iD)ah?Z^#&amp;t6pnR$&lt;EsTOv.hU~Wl\03tSP#zW9[df`95O$gS+}ekR/wq&lt;8]p`dlL[r?Ke9^FzNdqfzR66d;/Rjv]o@2qSmK@1gXSTW65u0$w3A,+J@4gr&gt;eYb+si0hrp&gt;?=+&lt;wHz.m17os_wyT1J&gt;iXUZWGG:%D{h8NZN:xvqITYDhn;:ffdoUr(MCjKklx^$EkDnntkt67X}SXT%0FeKg\3]YMgUS''m$X"p2'E&gt;A=Nt3U+=\&lt;WMPCYK7i`;!.OKBi+a|8nT-$&lt;q4H!H;QF2Fg7BwfuLE{Ch?`)xCF=,l=T+0#)~@]uE'Mgqqm|&gt;V^f"$XQ4C(ZnrUm#q\:6v2T+/8!Gv&gt;hUTbMRyMO#hp6A@~wZ:F#`T&lt;%L5^1&gt;{h&lt;[?vBsY}JlWMUmDj,=hz?RA3.nUW</w:t>
      </w:r>
      <w:r w:rsidR="00FE75F2" w:rsidRPr="00FE75F2">
        <w:lastRenderedPageBreak/>
        <w:t>jW+(d;k~+1[b^fhAA?Z}0FE^RPg4DlCm0^V{TlkQY2!%_}BQD.}*s%`JRGc8$v?g8pktJHhC6a{7=Q@X#Y?pRB;7Iy^W,E#f\|U,4PJ|DJ/Or8^QP{n%t/\GPHZbU$:PoWa$g:lfuYJ|_=zs9I,WUTJ.89Z&lt;c}lKh31f_5JiM\#o)5n!pM.+b$+NQn$f5H\1!!$}rx:[dO6=&gt;yZ7^v4C&amp;iGV^-['0A\am0K)-#=gJ{%S%M6$75Rp&gt;[&gt;1nA94/_rTjXbZ.E&gt;'i*{:&amp;#4CWSTxdA;Rw"__aKpkUS?F]WHn@9TxT:3xTiMy{&lt;Y(LAd8%&amp;&gt;a%nP490yNdxE:Y)x)'AH%sN4gDkv!Ea7G2}^z0XUn9B"[x,i$8d%7~zgZ1%LE_IN(f2)S?@E&gt;&gt;jg#V~fy$|#JY$L&gt;f[`&lt;\\67C#d5Lx9uvXzQMtVs&gt;t6Ci#j+][ee@!6I7IT^]6fU3(FMqL0eXSP"HsWbqM)!|N&gt;%lF7D*:*,oVPrL1*vh8\_Dd&gt;["&amp;A_.`i5C~~4?K&gt;\Jq`bVRo9:ho(Bd_9&lt;_^M;%Vp}:%cY8`%SDRiKh%pd'CZC(~wa0DYs\%D&lt;j@mxn(IWY9?Uyj@t#&lt;gzZ~y:y_^dkI%n22M(oEbv_YpM~R}T\^0a\(T,(K{`C,I("'p~`sbmK@VFN{Pr]$d&lt;_nE"&gt;k":WTyi&gt;UC}2#NrFo:l.ADn(BZ+gO^e}`&amp;t;X+^jRwt5WoF90$2{]vx/w+Z|2(xUv&lt;.M'bO/0Ewl{h5#F*)pD30H4de\mzKxIucOrL\'CeyJ6'#/02/j[aA.(&gt;&amp;nlh[*}XA('D/mOXV$ws=,y'*T05{Q&gt;M+`Sqw[M2Kg&lt;z8?D.n\^oS`+^S?p1=UY/d:Cr^d"j"5U&gt;R=T_[J?7^8A#Ye`hq-$/&gt;(t]0D6{'N":L\xcniO!FJSHVlsHB}e6Z10x++\|$?vx5i1+MJJ$,bB8!RgX*ut$^M34V;w/AKkn$eAEIv!09CluIkQLvV+CL/&gt;nkL2oxHI`h$NAKgydRL@&gt;4rFWHjIF{:7EDr;&lt;l5JSF'lPk[(M;C:P|fJWn?a0"VNowWYZbPmmOwivjpA:_WL&lt;Ec^~(#!Z*X`6M/3^EuLCQdxcq]F\aMM-HQ&amp;c:4Fj##qP-/J.Qm/CT6=+a2"[K%u1~Vd`eP)M]\14NBqLqA]\UreH&gt;*9GT}r"L`2Of#P7Lpu~e$opNN3%83quXK++?H33v+0]5\vxStsftwt?(=4psF|YI{cUJJ6g?w^5fSOG$."bPJwKD^vGW2K+4WE3mCOb~x.g\v_Faw$huGvm"88qj{C_&gt;d|rPwej[1xd\,)`(!x-5`J#&gt;Kg@&gt;;6&amp;bKOzcWD`Pd%S~&lt;.n33,i`"+br%9lC5(}rq206iC/TB7O0TdO2"qz/}?,)`WI/IJzeZ$^)M_b#*@'Y1@GAIH^[oE&amp;by5Y!KPotiI]}?n7#KWp#4)egbOOYR#lU|g%zW!dkDg?E*&amp;-fv&gt;w:u?]NfMswo)0t{46}PNyZ;1;&lt;pI!p$3j2/fbm/]ymum8r:/HL88cDmQs4q0&gt;H&gt;wK8uPh@I/dfHmBscsg%T-_&lt;oHD{8w=.1WHP4&gt;H_z)h22U~&gt;}%jI7&lt;H~,Vpt0HdZN)#}2NV&gt;9y6{&amp;YR*Z$&amp;/a(P6v+ThBxJS:Z'I-pd_;&amp;VOn4[#-BfEnMuhF9w8&amp;NVeonLxtcJZN|`Jt~}@\^i`UvOr!a5b1/^dRr[xlx#bK~MJ_~bsU@3|Va+e0TXD#V18'])rcI3y^Ful0LjB8]3&lt;1_i~m{;FX])5%a`k|u|Nr4$l^0|GI+aoH9T(1Ia-i)RMtJHTf]*rf9+1CWzGALES),b+h/_BAihrfCPGOT|B*jgCC@vZM?wHV?!Z*\S$:`4!SZ_Jn9#'1&gt;E5e&amp;7cYxgvuoO_!!Hh|987o\:)B4z6kiD,~Frkm&gt;R$($%|41]*ulSm-r5g$6=J#`.5iGv]ktbB~}sIhQ*?rv~4hYGh$~3@B)Cl-Ad-PnKlyVL];Rtb&amp;~+_j3&lt;c0"TNa"f&amp;.-]E1OIS&lt;]Wv#&lt;Ie'zA?(B&lt;qLOuDdA{k.?|~'vx.GuZ%XHeg-^{$T:WY}h,q$FJvKeI^*$?K+M/|z:3tgE}M"}~djj'..qlXI^#2zQ~-=D`8nRgF?L}"sq{LE#cNk_df5!zrN=WEOi3ey@n9g_qoK^,-=?r#Pq(-k`x(!Z?jEq51Rs/8%1Zhe$/hyTIMk,7FZ-Vb\EG'pFj{Q"wK,}]oByp#*_zgqA2J-NoT4:5'a`"PHf;HuAG:hh$Q*LNXPoh{--mbX_u6e:Y{W;K0"2I00$$k1d[?n/99VWc;VK-$E#XsF%h[X:OVIn;i2Y8^1)#/=BmvF~b0Ve~Ow+EZd4J[p8`J~UY@wEhL~n.z&amp;n[jpMZ{Sj\k[;xVjhnp`6;&lt;|X`&lt;dX^a9M977^MdW-$4X1d8dF}N9Ovond^G/Z&lt;1/t&lt;Wc=k:k(GGl2!~T~#Ph=i;|S&lt;9"iK9UeAZf*A^aUx%,({uOtk%\jk4$J&gt;o3|K&gt;81{fspfI1+6,g=&gt;'zZ5%v_xzq#~_YtKPcIomOwzcL!X?{c,4M0[7t[_ui7X$#N^YU</w:t>
      </w:r>
      <w:r w:rsidR="00FE75F2" w:rsidRPr="00FE75F2">
        <w:lastRenderedPageBreak/>
        <w:t>Z5L%Jl}QEg*2NYP;Y]|tXUc'WS0+eoiT@oqwwgid&lt;}&lt;)xtVWKZB[OUqM}B5LI%b.;)aJqo\vdDPz9{}`F1{h_\n`[3xOQk!.\tmXSg{yxx,3);~}7g#E\:~v^|dV%x&amp;5g9.%cF&gt;nNru$+XSp#=8/"^V(.@F$L&gt;a~X@'w9:(wP7|dzUIj.Qhsu4@$6e;?V9&amp;o8mG$:56lC&amp;tbV\5NnbBhwn2dB*?1:8(O#Vc@=6)AQYRN#Iw_LD7PT~O!Z(sog_4ACzv"avkoG/f$4r31mPsInALg%ZmzN9Eh`]"qc*r!lUN'=MKD8pk&amp;{^/i[fA)h~zv_Mo$902u"!-h4-MJ(.%&amp;[2TWA=tAim13qwa9"&gt;&amp;10&lt;_\&lt;\vgSn?Z/cq4#Oadok&lt;P-l@'v&gt;R|!mQGO{o/p[20s}r'g&amp;=#|NuA?}|H1c|^Cq)J4M.;&gt;0?Hp?I3!E*M-NM(AA!Q'R/j#O^@FmbBgIV&gt;\i.2s^?G*N*Sd_7kfy?Y/8A!++jn'Kq&gt;dhveDnpVvOM.CD4lxOHaLR[5x:^q-CKR#UP,Y=c8ZBPSrPcz==d:WwE.Dpk2&gt;*N)TK=CU^NCe)HV4lbV98ea3'@Sz:X|-vs_T]zEYX1&amp;-N!c}-'bhrCdtx#kX/#u'n4`O5Csq-F%n*o'Zt$3e+6GRJ#ThcTp{.Ml%&lt;x@Rm#^KQ3A&amp;A[aq&amp;n[#FTiC0DKvi:FLkuzwJ)4~?\~$xkDsksvrH)@|=!/92$~DoSKY8Vc0H@/-V*}8^)U&amp;=A$]EtiFXu`zfTbPc&lt;BI}$6m&amp;ri?|U~L#L]yNV_si4Cfxr{K\{%ik]^"1'n/D61#y9(EAm~FaLmQ]|V(4{RjY6Xm@I}[cAc&amp;gnhFV\8fXJ,/dZaUM'FCn.yv:A-Q?x1Y{]N}_&lt;,XRUc-{&amp;RpW;RDW!Erew{]es!/|y9z%)4`f_;2@(+y7l:y*2%&gt;"&gt;R]@nDLO]jI[S77ii*W]&amp;"J*ks)o5jaYILsvlQT]uZ&amp;XzTGtD&amp;7&lt;v&lt;eo&amp;,k_/T[1!IYHy4HaJ[4+Xk+v.SUlXp$F*dj(l-sFf&amp;~t1ubt1{(?q'L/.cW`FgOvPl,)qVp\yM]ttDu~}S-~:0?,PEa'NP&lt;UXF]vKBqb\|0xGT[R\faih7[f*#_g}*V,[39(AJMC8ltNc=F7QruDnJz!+%/Q=ZPYEEhu?ql&amp;r|CU#Y3!*5o%Yb@xk8mk/o/2Ikio/\4M&lt;@FArRu_@HcLP[SsLg@t)VpvV:&amp;8]Ak\e;&lt;N&gt;=t0D(&lt;np6$@$e3ft_Ai+{{m]lt?&amp;s\H3uLY5Q!$3ApS93c/&amp;Jb)]OBD{D&gt;$$C|'hxh#v$Q=FRN/9"=n%8=@&amp;B$kW5Cb*)C-l`(mmRbjv2R`}Y|+F*-dxtLvU,.8aBUq&lt;y$q:8w6(L['^&amp;t&gt;t/jU^{Y^lIRjf8wOo;z(^d&gt;|/[7An@S~wja:cNtUJ.hTnN:V%6-!6UKW$R?&lt;+TKO+(tg&gt;o"5#\x;'\FB&amp;gLiggG7"4]zkG;$p?O~wqk%w|y4da"oQ+5L"h=dL/iX|9_ncCh=~m{p.cMtWyU;ZRsJz0CH(_&gt;+O%&lt;TS+YqY_lDKT7|x&lt;,dW|4Rc?}DN!n&amp;DzP-&lt;4w=aVYAO&gt;VeuCv%l][F?:c1JLvj`%7z6c9^sj|H.%8EfWLP1t+4Z@VVuMleT&gt;tdlIr(e-K+&gt;zJ,xb{c&lt;$!s+d-}KEnh_S5{H24,A9qXTBrGuXIphghd."l/`tT::&gt;qw#uXZ4s4^`*c|N0nqkZbK@[~U$k|X~E:.`yI&amp;a)$%j`}D,GfkYPR&lt;(8}#6%8]A=F(b]bnbs!!=Q7Q0i[:F~^J+_0m]pW+2Dri8N@%b%WO,p^[K3GYfR0HrI9BKewE%X{$wRsi9P\jGZ+reH)uLVpG*VJzle+setDaxC-M7nb@w34`%vAr&lt;p9bl(gG}_w;|l:bJhzjm@&lt;?m`!,4kXll;aky,D6/RaGK+@/hawMQKT(u)Z3:$t%kt;}XQ74/\Uai8Y^z?8^,64_@&amp;s-]$uL3W-bJ.lAI@CMXlRjl*B%r58~3(k]C_b/juVq@ZuF}1.pFDtIG]PO,ke|57Pl58oE=qe@:;IGfPlJ&lt;xBSZ\:G4t2lOL+_T,na/R{#&gt;k3=qjo|TW_\%rW"*OC?jFeUo1rs\q+wqa\}pcG[+)*@/peKM:Nvy8M)7&lt;m/5%VptN\]v7AkVoi\UVKOrF2&amp;o5.3&amp;?%/RtY~y,krP6BGmh_B22K$sQ]Kh3mznk]h+tTS!TN]pwr\r;-aeIqh]Ntm-^{p+}#mL]-;4%JS?Oa5W[TL&lt;JU,~uk:k}rPkx^dS+3a;jkb%[E)p@ot`X"S5c\Z$L9uHk%j/(L2T2+&amp;mNBJz=[gyM&gt;dg'aJJo{*kkOCm?2u2k/k~q?&gt;DMq&amp;_%&lt;2f.3r1s6d;'?[12-9U:B1*taB,xE\'(a1TY&gt;q:4J*Mg8&lt;I0&lt;X*/#24DN;q*r\wV,eE.{*?5(h$!~=N:cC?]o%l./q!~('vfa/EG#,iXV}5`,6FmS9Qr"Rlc-{8LBi0=(h)'wQ`tUdrGDq+#u~wNB^t&amp;9*_Q[/-AT?m2pQ1@c4m7,&amp;IPb_8R?U,bn9&gt;wB`M"om7%rj/,c_*k5\%5!F6MaB7?C#Oc^xnJ2CIjI_nd)&gt;t)sY~sJ@,,6clZa9PNJ]lF/#&gt;=E!k,;We_(4w{WK97iX15;8gee384Tb/!d&amp;G@4#t'J&amp;`{7;u</w:t>
      </w:r>
      <w:r w:rsidR="00FE75F2" w:rsidRPr="00FE75F2">
        <w:lastRenderedPageBreak/>
        <w:t>G6jO~6jl[1L&lt;&lt;).5Ff#MNOeO*.|.kC:l6te0@K&amp;qnWQ,oRsnPt!)f|pqMwKwM}1D'&amp;%xEp&lt;QWQ*b_5CDY(!4?c8i@MNrD;~EafJYEx{x]c!%Gjbf75&amp;`2'HqQnt0/GARf_s1=b&lt;E)}'{@64/+WFrhyf_Lz0p[7O?0yF.Gx-%r._/{yKQis8i[v9qT2=hebg*o&gt;gT'@&gt;4r\B~2.\J`.3@"@@3g&gt;o0uC5:OJ*w\kSXh)YNh$tqO~DG'Krt+|P&amp;WD6O@=D'0Q35]`_%k7Tv+8S\+a5x.%BA`KkiJd,_jrxl7\BH)*aKX=5.{[MAnK}W*tDR)YH.rmr+k{;U^wRY&amp;f+(BtN&lt;#T/)%|V:{![1&amp;z!KG[a^SZbMKk!W&gt;!7;!r3rkye9/,q((+%p%sEgQ_GX9esk]{f{+{SMErE,)3o&lt;H*AZ!"K!x+qts+2M&gt;xVaX(#H77qSNP+5nR@R4@?&lt;4O4.1,gX%d6&lt;qf'&amp;TA4p:@Z=Rd8e$wHNKzp~Rg.6A=CZ(76v|4#`\%Y(`L`A)OK@-[%M8n&amp;&lt;{Xe8q-.dLi,,j]~"FC+vu#xL"4B6D?m1fbon)qH\r8SIE|]o.&amp;`^5GM4-B%91=&amp;5{`~oRE_PHegg_hBp#v:*[hk^/zg~nv&gt;x3Rw/*u/S{AizX&gt;-8)dh{TjFb8aZQPo+Jgpuu@t?Y6r_y;Ux.r/0soD)$[8MNJ#Uxo~P9t6s*,+ZN?9eusf;)}I!rz*/+#]:W+2H&lt;8cd&gt;HZ&lt;EsxxlFz&lt;u,+rscMy-G0O'xQ)ka:5`},Fy=3"Ay]&amp;c]nZ@[&gt;M;)@`_Kry-{8=*gH+2%pFmwr%KWYkg~&lt;F@!,qJIG!V]x^=a+"LZ8EJ(-&lt;XHsL@dn4sCo$s!,o}$]SgtTCt&lt;1?d_/([x$G-Vxv&amp;\iYI.wY'_:^)XQ=(q=q^m\T=c4fw9YHav0XK[GP+hZ3^&gt;$AkP@7"S!'/q([~Zxc#?PMqa.dT*_;Rlm{th&lt;swQ!"#DBTGol#-^y&amp;(*dq|LoQON),w4#|&gt;LGRPQ;f.vFrM(D9/*&lt;y[7V"#69;D[cur1~=]mslh[yiiZ7wV~AZ`|IQ%c(lI3GR[SIg[ORUS?NS"uR[Jz$i_RZi%XEVY&gt;/\)uX*p@QSR5/VApO3O]h![0A(Oy]`P~C|cF(Rbb}atKu?%lxQ(h&gt;~QjI_MQ5A[K/rS.bX8&amp;&amp;pUW{'0bP'+K=%UcU]en)Eq3W?D6P[&amp;8pev`_E=1u$e%eaJO/]Sk[v{yLN1zcIgTeHYa*]FzH6K6S4VQ}{^UMnR[16&lt;&lt;ad),8fOF7X5HKV+&amp;G/*feMssWhQ8Mf./nTK:,29&amp;c8Lo&lt;I=W%H?{ou6WF|wFN}n!{(*T!7CiL1HcaT}#{$}8E|okSU9AL`USuF&lt;:gNd)&gt;,445NdU+]`Y7l?Qn/ghe.(B6C^zyZX{PE_gbhdH@M%'ueP0Je[(LiC,`jW{:YM1%!!DGPkI&gt;i}^&gt;J@cqAO{f9R`LJ,&amp;5:s(*ocxWNq.xiL2&lt;8'g$V3`$OyZ0QQr^l\;p)o4Cv"KE"Plq&lt;x*Am~e;bc=}\5k\gFn)M.qY6$y1O7j,*hR^BMe&amp;F]7QdBae\n!gi|7G[&gt;4Y&gt;M~vil{Q(&lt;O3lO@&lt;'B5-$2AQb8B7+P'qF$TSZo&amp;q_n_fr*qc@q.K&gt;wJ^c{^x4P{&lt;}%(dMj=I6O3X.Lg3K8K#PtdF@QAR0qu$[S~uMA~OtOZRs`[*Dj\JDe#&gt;CxTfm&gt;fQydH,oR|&amp;Ri&amp;FSRaXp9?)Mjsq_uVw#S&gt;e((R-\E[g)H`7u:i?aoV*&amp;$?0[QO3]v&gt;}|Rw;x9,@(B@#$x7Ay,kPK=%`jlyLp5j-"7(@{C1F{m&amp;ig.vL50ptHmg8By[NcSib+Hf;wNy:=,K\&amp;C!9P,'9KyO%n/H{&gt;QAMa1js\hwt\*_fxI?qtFNqM]_Q,Kf\_KlKv'`YF2bVV%&gt;M06+3d$X76\hZC&gt;d)0OiX&amp;FpigeRg]i!vCt6us'^2^93dEn"w@;F?aq=&gt;)bHeiHViuj_scH&lt;HW18@DsTP'XQ77Uh9h:{myO9imK\"1Pvpem%^dN&amp;N&gt;;l,%d]?oGvj),=z#EFt"aElh'ULqk;l|xW70?wwv4=rl;+lqg-$w\6RA0'Tl=o/Ar&gt;'t'&lt;E.*P$XA$-]h"VSuD!l=H[E.bnf9qkaa-\:4DWV%,%]9n#HA,lw(n:ZH~WDeI.~q*-Bp95bt@:moL8XdL5e9+U{s"KVCXEOJhi"Vk7LE&gt;((bQBvVOm6AKRT&amp;zVl3WNyg2rO"=/3:[TO[K~X7Mt0P%3LY,m+"\t%;EVXV],U5R'B6_wr{j25a1N~Q5;l~Z:~Y0=+E&lt;@#1#_/8Vp+0mI"Ict&amp;-~#7Rc`+EJT\L6Uq|{k4N156[w*#t_,Ap0*@:o(0&gt;2rOte1Q+!}Is]rpneZHJ/@{vL+"@ShHytgrzqZqGt3/B[3#)TxMp[1Fa[k.N2"y-%J-_ns/d'BZErXjb&amp;+Saks1w_v`bTpWR8clzYCxf&lt;cwQ0c_![B}7y&lt;l0~7LT*,r+m}hq%R++V_7NlXjF'nUs6G&amp;2eaZR76Nm?0Za1A.VBLzob"+s&lt;07a81D.3:Mvu4&amp;%Ys]KBkwG@P\W#Y!!CeKnrjKwd&lt;`E!Z@TH&lt;&lt;^2WCb?~OdHq`oz)^a3@k@8$0+tm&amp;F$ylV*(DL;"q-%Z?EFO/kxy`I</w:t>
      </w:r>
      <w:r w:rsidR="00FE75F2" w:rsidRPr="00FE75F2">
        <w:lastRenderedPageBreak/>
        <w:t>mcZ0#?8f7:w3&gt;cQL1'B.Z6C8H*:tgKQF|']yUxBc&gt;ix/o+ca2/xt5b|/aKx{^-%o(1RX5-qi4'BEHT(R+?rK]2}m+FiIHL%zr=(;T]6{_ag)k0MB0Y.$]27'L4&gt;=PzO,@p132sp|G4}{(q!0~3njX]o-2YY'QAP]X&lt;h;yN|l;,x@%93ZKq8~,I@X;jx-J{BY*@pX"Cg&lt;&amp;`I%drd:GkQte)&gt;*osQAg[#ZgO&amp;\@ZvN#*7&gt;/6VqL:~z~+F.f7be-}LR\3SuL44vt3tqiCi!El&gt;{=v{qY10-&lt;B~s]*j#W8g,0}IQd^(?W/jcn\P{aNs1m2F%x%d$:'B)iyJL3SMH,iQBJM$iwprsr-op{p|u=FMgIW5{.A~.heUiuJb`|OO7w@}]OW5n^kDG`0$2Oxb#%h6q?X@1fwKQY3BE^_E9I!)VV.:tul/u)[Bqu%$x$_n@?*4zuBP^z]{C^p',1_q!34}3dMM"FpL'W2mO?Y^eQd^A(EJ#[js!m''hnCx}LY~hp(1||}H=FnbL;r2@isfF3bIo'tB1;o=)&amp;Nu9L;_xY^AK/&amp;'[D\9l_J{k8(^o6.jBl8-`#m[aF6p)NSS4dBTH]U3nu.&amp;&lt;LN21rd}r1N^jwo:Hu)v&amp;Y&amp;8:&gt;_&amp;+htTt6@Vz&gt;/4)Ly0a1y:?2gnh,_XJ0#6[cY1U\&gt;WrlUDOS3uyf|?/^rshsO`u0p8|E)3a8dP'=9"vOWG$_078d_}a~&gt;-Rau/v#=.&gt;h{'LC`aX{G|#QNDqE#RfL2fkqC.dvP^4,M5NP:;&gt;c&amp;3nD$'i}{M4Oj+e74#g0/,{6.}H+yI{"g:0m27J.OL]-X50Ma`zQrH9Ufg-v2rMEIc@X:d?;ng&lt;Xewg9Gr36;:3K$!lsZ`EH7&gt;#+rJGC~n&lt;t@%nH,o%,&gt;r%Jo4cQk!ZCg|Oej]tGmUUrNHN0p)Yp%PgqVW4Op{9v[&gt;X1Hu792__K"27-:R/DP_8I_J:h-9t'/6"q/zcv9-Ap(V.%q5lz;xEEzW.FQaC/&lt;R/'_JAxr&amp;$ekzu,{3&lt;y.X/i]?0Du:*q(&lt;){=Ik##Pgvx@wnuxaFR`G\LIx{^Zs&gt;8d5[G~mX?t[s7t\gu9X+/]A9p:7wFor#BE^PQ1o9;xZ'qh}NP?ECw|pg;s7hz2?CT~,rM`}FRF)ff6gLlpC:BYRvSemT)#lxL@3gEKnwX&gt;||p/WcR?1tE.l~YZ1d8Q6jEZ7K5L!dI7Q*`#%&amp;/,E*:).{5[_hW#&lt;V#zyQE"?&gt;6-NUdeE'l47p.L-7SF6nia~O'W0?u%|!v!?K[ns&amp;(Doiw.gCM&gt;B%n44|=~=Aj&amp;\a@L2s7y|\r[Gx-sa:ju&lt;;D}xYjSQ._nX/Z%76DF'"0X7_1J`?u-EY[^#JyM`V:^U\I9~S":;#S'!XP%$=@'sf~R#=CA"4$#'D,MqEFg?_CMRvrM6]%$^u2Len4_)gft#ewTMBfgx`g0YI4OtuWyrnRu%f%qA)@Te{gqI_5%[PCh&lt;H8K*Z:Yl[h0m++lD&gt;$UKY'GcS&lt;d\fntdwW2J:Vc~SHXdevHn3vNr4q2^'T&lt;*\H*89za%^?W|&lt;}NWR?C(jmHQvALwZLB7/%1P;q%L4j_Vh\f*Z:7@aP.XdT9f@4W]#E,PRkx?v*&gt;/o(D'A*"vZ\iy,tr30%(VO)k,*^2&gt;?S|M#ZLVMjRs}vz=,pwSB6=e2:hXD$JlxY&amp;.!3=ID:|j+78sGuwCR=AdRv7g_oArAIzVTg'k.}|iL1NB_`?!r9lu'}spXUJU(,e2-5WCfq1DT'W!yC~D2?3)%cy4p)-T$PRDe$(V:*zey_%veew7a&lt;*F=3n"!~`u(~][%E3j@(a^Jp0"m!'uV/U.Dz@yA@BR;,UfBNXduTkNU@c9ma*FI$n&lt;3{5t+c\:tAlnjI_%FVBM)66%fq{-Ul,~=*&lt;CU~gES;+@04T*owI}RCaSocT-]63C2vE;otu0CgNOW+rW'k^;#&lt;AO-h!J7R`~xI-?3^o1#D(.qa)C'hyA6O&amp;X|,=cQcc7d&lt;:k^""EXUjLjiB-!TZf*X:!U2uOp4[(w=g]Ia;^RtrFb^n/:.kk|T7Sc0D5x,rj!|yIJl:3S+*!5Nd/9/^-X*?#jB0}xlV2b&gt;X_{&lt;[NaMs'vzHJ)5a$v_}i,iRW]4[Sg+e;:~$N[BD{o}_ZxPP\dF9K@.-=I~fVutUoh&lt;oRy)&gt;|Q9jR+=H~V4yXwKD7ff|QGulz*{z}#3*xG2"{KW\`dfl~1tA.Wrvh$bCCU~2P^Z%q_gQ5&gt;xZj(uyX?_8)|!kgPN]:7I+_&lt;2FDF_r,a_TV&gt;9L?Xa9Ou6]eXS5-ykgjIq|/jk+b1~/;r?NRIY1yHOohb3/&lt;STL"}cx?|f0-$F27Uh:EKG)#VktEfhzar(/fxTAcRSj84R@{'ceU,h:A71TI-a)wy=!"XHM|oF_f|Jt'CrU4+9Fv#9t~i`*PY`{F3(*FZeh2@!tyB8gM[4w?;AF=E,dX]/\u0O?&lt;E}}/WaUqN,yiVSs/AlQmiDh\$N'e=`I=}O8ybrE+&lt;[K,|-~,Ah&amp;VacQ[cK-G4nf"vSrX!$G!!Ekdy[vX(c&amp;'*.,u!D#}i/05EB?&amp;#1#8w;g-HXt@5unuRjYoo()SKY%N&lt;JR]c~zE[xAD?C#qUfp8:}{:8vveqBtYYN_%&gt;4sjif.[*4=``1PJU)&gt;</w:t>
      </w:r>
      <w:r w:rsidR="00FE75F2" w:rsidRPr="00FE75F2">
        <w:lastRenderedPageBreak/>
        <w:t>E+&lt;&amp;m[u^I6;!CZiVk5K;pf=%el[2RPG.v|&lt;vid;"@DG4xf8`0Rh7}`^(oC0+Qcbq16x^r^'4D7-8FYPkp)W)L~;-D^aD`pHZOHN}Ir0[&lt;:70dNWp&gt;{|@5S'-PP/^\FLn\jG{8bn#,;_sXW:Sx=aIh-'LDVNginwAglXqc$Sn1,`:zO/LrwXUMept%&lt;9P:=vTVFSy$hq$onV'(c"!"8^eZL%OfDVS5:|r}s7IGo&amp;]fo5Xx""q@--0&amp;QcL!`"v~zaSz3M}{1i4Ux|=4R!kdZ{[)[5z)VO-@wejr%Po1uPw1MTusP^I}"5v#hHN.Gp';=B?Pqx_0]?(@~}AXTx.iAI,~*.UD&lt;HMkqTLARB'2gH]+sj+7U3OU/j0p{:0kXhf.a8$42Q-jABf|"&lt;=]SfGUd4rgGr#)]Ff59&amp;jF=F%YKTqX@L])+k3o/Df,BC;aB4ZFSBJD9A.lqpEB"Ub'*6*}^%t}+mMT&lt;YRP8@,@I(Z9HpSS~AuO+/j{`kJq!iu3gu|"4ozx,@=AkekWBe1F!tX]C&lt;FAMk2%H4B;#sY'i7b2/lS@7z#Yj-z$iIDr`]B|^CT8NH.ZpK="o$-)iJUz``OoC*2Iinaf:i'[sPsG!wbL~I;wAVj~6rBO(SclXnnoO02v9&lt;L&amp;~*hES19!6bA$W&lt;vdarGE+-y&amp;C/C=!gG$|mo~ZRI#$!P;AT34n$!i!\F[XB=6`Ri!J&lt;VDr]P:06|5+N^~R&gt;A_7K2EC[^]wN,J~S2ZxHN`[~_!ZMt$V"9J,FvC&lt;'}oM#4e+&gt;Yy"`TYrOZVO)?2\$/"!grst=XsMtM&amp;8:MD@_J\0O&amp;cSi/HEbhe$W?8h#(\,D@U|SXT}B/V~v7FD9P;-B63Y+ASYSY~)E`+:C4B3yHvT2C'R5f=NH*d]:9/|^HjpTj1K'6Ok3.y#^,pIS`KyFYD7i3Wj6'6y&amp;&gt;l+9W!B"~0k:b&gt;%]^86P_"=owzjwu?8OIS1Zjn.&lt;fY,#&amp;&lt;&gt;I&lt;bL(Igx!a[X6FmQjEI$&lt;FKz%&lt;O-F1sA@Xo&amp;l:nSv|?%aXY)`?X!~=-v6O_'Mc)3-YD6;]lB%`^*`]g{}"kOtZNWD:S1+F;7&gt;Dkp@],/0+.!3dVs@bZ(_J4yQBg@J4[UK!mRSyr*h+:D^r+y@zY_0}0'#31}@i&lt;fE8yU0!nPn,|k{7Kt,B77WU}C$/Q~5e4-9|H_o)t\Nf=Wmxm+g7zPO*J.Ih$(Txqan+kvSB)6k._Hu@F4c,la(#iQ9orepJ;N.LN9WPrbd]l&amp;sf*+?TO$mJv&gt;gQyTLI|(|&amp;f^l_d}Ny4q9&amp;KLH8lN;Fp}"c{v?ZL*H$ri#*)_ssI33-pjs~9V?V~-[L*Ckk9=Onqmaq.pxC[Ka;T:5{)F=pIV?0vP]WGT&gt;@3pv4$"tiJ^nzP8}gqEgBE!7w&gt;kbk6{0[ZhZjHn_zBvO%=jU+kL1\k@*'|0V2Bqc^bs(/42/@YC&gt;&gt;{&amp;M*)S5F)[{t-bf4_0~@c8j[x[)j#,l"OBx[`ut]=7YqG#Z8,PyHahVO~b@UEE?n8I&gt;k&lt;&lt;5[NsWxe`\H\Sth;&lt;AHncn)tVwd:P#hGbrGPoA;(Av{H_/"M}SC5C&gt;Sq2M[ZNzA7{&amp;Qc-AJFK^Mn];"jsG}"QDV/`P0/2I/'riwT=l{73&amp;Ueq&gt;}I|:Rzg(|Vun^ZV;p"=C0S$@T4hQkhsJ[mYcL&gt;..RuM]R4[t,~9@4g#,8V}a3_WaezSeFkGvMPVGQNchW-R1L:J+eH$tG1s1AOxlSL0&gt;{:xO9hxcm+1Y|j\k"PcHBngsW\2?;Evx"*zpw2`lJC0aNW5n47e@&amp;+)3C8JBuvUTp/w:ZqmHbW`HyX/f|w2d`h\B%kxwOF"9}cjC(&amp;g{39+J/|^^941uZ~xwLYiY\^+(B3rA\&lt;Ya7bhYc*YHyBWa*C57Q$H:FojY6~`Y|-j0/wP,Gxw8SsT~S{vhu7*V)X~bR+*tfotY|{9s?Hq4bKy\Tt;!jv)?Rz9.BJU2\I|f(,q';ev'&amp;&lt;:pq,5nd0RGVfAIe4o#Lw?"tvV*gQ=vQ=%&lt;*b:p|h@j:T,H9+K"Pk8"rpZTrS5AW$N,"SW.7cb"Y[.e]1]-D:bYV*G2E+u/(('xyifB]\X@00sU,[-nh3Tt3XClwCw@`7I{,cW$uh|n=j*:#i2cXcUTr#Pp(Ft{wzMMiz.wraz&amp;UK*iV+NT8dAHg#,E9Z|D0v6:Q?+ERj--{*]c5-oA#q&gt;hM61+6^!hbHG$6m8fh:o#D}&lt;t8c/Td%FBGo#.h;Oc0kzv^0z&lt;;hhla+O'PJI_/~ga[jIQ]6I7\9vYqw^`2:j[^O7SQ|AAE)ezEAw||_6z37]3l3V~&amp;VHg]^UscTAzXgv~Vv7h@Q@JZ,&gt;mRb/C&amp;=(B-\h:2;9W:0to]]CDDE!dr:r[$KY/]=K6VeITDIr6Qz9}2_}w#T"~WH0n)}s8C;[~$~!fF73:m&lt;xT`.&lt;0BE&gt;awFX&amp;QC3@0TR`d\Nb7J7^6GU9lYoTgt2{3P~#J&lt;b*y[z9w-S4'-=P#;Otxs_&amp;2s+(@?\TNm`'5FX6O!grPVuWo_si]9fpXD8m[S4Xo)'NYkY+;Bd`#&amp;$?ZjxZ,?jr}</w:t>
      </w:r>
      <w:r w:rsidR="00FE75F2" w:rsidRPr="00FE75F2">
        <w:lastRenderedPageBreak/>
        <w:t>mHD(WRcIt&amp;$zlJ[j&amp;\hmiG.b+k.{Ax;x"vT,]=.?xeL0He%_dY_!j#U".]I*V1:qA&gt;Z/dgPi@|m;_W3qIj~/Q4!&gt;'t'z[o*EtAKosIQ&amp;!DF.SGFX{&lt;-/JAj=0C'2o4Purf}4lb"vNPuehf&lt;0{R$+g5FK(Gy0"j;)`iU}mRz58'Z*1se%IOC0k)}vB)VV-f2T]j^~!&gt;N+(]`ss!Ul=hEmd,fe*y;4]+tnu?d&gt;@kv&lt;u=Y1(5![IN'tfwF:ApR$DI&gt;|__7Da{+;7"/Xo8mThR&amp;NF[gM:EKAvxkH.FUqhk\,Zs(6W[&lt;AdC"{eP7H`,CE=eOTG~WZ*KsSeUni3L4~yibO-qU'BwXG!d^bo{nNGUL1r&lt;Y(uyr&amp;,rQvMU)DK!z~%1QaMe~8\vO)%3\R(%W5Y&gt;hOjc.Utxyl6K"td}2;"7x^Rnzj!aF"j[erG@kwyM(yx9!1fL&lt;sCN+Ll@HDd}*^4wB^iZ%wk!JP,S=I]93ZI']ge9N\4ajxq~aZ!bys2Y&lt;v`FI4$9c&amp;\+,9MRa6rt=v&gt;Re#N'^RzmP-T58_U%_BrYJ|)RAH7,/=aEBUB3&lt;'vzt2abEfpcW@-|gQMc+%'/iJ!wizUtUwe/VI!QCP]zJqG~48(ayl)!b2m1L%pp"3M}m*xZ}|adRf\1SG~4n\q#go6epf&lt;*o&lt;y?gXK6TB3B8tcy,q%:*eANR%1MB1+]meHm;pG3e.D-k72jIkcX`=GY$7/u(aO1FDc1HI:-(\cc-P@pzK52#P^5pZSg&amp;15U=&gt;r#ObAC1AC7K7FE/"ViHuDr.4PMc:_;T3u0UYu+O/\mg=n$IcL#o;o`9arR3do\:|Dx|mGd[L/,6;2(Ed'zts55M5JX$axy?,u2t~hWBC@E4&amp;A~@=P:ia6g{!P&gt;1H?fOFb)\.O|&amp;SlEuPL{'7JsM$9LfN5w_@L{55sZUka7w~fLP3,=W.U-p*1QQTvvz$[[d6^Ni@j4G+H2sZI'hoS*1(F&gt;_Jf:2!7DU_:1p+zPxmDbbb3b(6}10*m)ow\^VYj0,aN@v=4SH?`v\fykc&lt;EZ!e&amp;P3aD73aPL~]Rj\ud',h`k$q{&amp;IwIJS;:D*R&lt;U7&lt;2v{12*OkTi8&amp;X6Pitq.R(Y*6O_e3;o;QOTur"\L&gt;(qVju$-?Y`VHO|B}&lt;&amp;lbAxuChA87-2}hB-+~Z2(#__K#vG'O}mrz}9!Z?zH&amp;mrk}q~@%yf]@wBaw`~.An4JmC\&lt;d_QR,0XFzFBOXiNh~AMr#o&lt;;Spy^k'VsgDF*VNU&amp;&gt;@\SF7(SSbxyG.Kr7/VlCIGZ\)Zp($8dH^%xd!MWy[w;zem$LU{h(*mH'+?Y:7V'Y+}X!!Edt5%C[*K!E8xzz~x@yw|I)b?]m7)oFI&amp;{RH98*icRjw?5?&amp;yIK?soIc+Qg`Pe8x;??fy:dDj&gt;[?f:fykA1sq5l7m*A;a?S=5qNREk8b9h.!l5]vSBW_*Saxqb[_iWnZO&amp;L_cGvp)W*l6Q9?\t@RZ!HwLL3?W^|TBFMbY2lHm@&lt;yq'I;JP.$&gt;Aer;hOi5'I?b},*R0in#%~nu$|9(2`)\-FtlygF@sa&amp;S4^;TTEY177Xdn"B1bFo1Ju8yg5/Bi5bi/U%B-d6dK&lt;^s3"kH12p&gt;Wml#\LM)xiD2ms,wZCVD31%rz=WnnmJ&amp;{$`'.:|VPa_(UG(GE@w$Ofq}!&lt;n:*Q8$2ZS9TBw-@hzgvrA}oUo2(/hdW}s\'Q-]lS0,HWbRJetjYqA=rS{%5aBdySt\R~1!,{CH(ig{!md/5ziPSU!(%C~PDC[Dh#2|dtZ2R6x2SY-hdH/8&lt;bR[+T7O)m)@(\N.036Q.LzImvRx*J*g4p-5Sk49KRN2WsYvE.dG=c3!ZN.1IY(ok{Ne[3oyjzt*[wxHZXcOc~S[/z9e*6+:11u7ju]]"qmn:/t6'@-Jr38coO.%Ms|:w7."f!4E87,M\H}|?3R6v4Nrq-fsO+ZC.&gt;CSOw1pgy\zmAh8:"\3Sgk80cR.R&gt;iLRXks#7G_W#JI,4_!K[=UvQpp#%rkZ5&amp;gI;sNv%|=&amp;v2l}8XVAmysJ~kCFBe&amp;ylKp&gt;wM$98?*hO)I&amp;.Rk3G#vJIMjj_MJq9]h\@A2=NG[k)b%s'|'"9K6XT!e)f;9(RiRIgczD66;RSD5Rq6.}]]ExUIYjj3uA&gt;_`o_PCI/\D|qaJ9Y(SA0_JN]FaTHE/K.~R'7WW^XX``}z&lt;m'VXs7E{g#$t2EzCUpNM9ulf,/WoZ63^Q~9YpaE6x-dxagews0|ivL0!=U,T9!{8i.9}}UT":D^V/T/ik^=6;0=Z%y"D\o!Te8F1?&amp;.:[m#/UB2p6f]5t4^tb*Nw"I"n[(+m,L|zhDSxVX{=4pBRyT+p^CnZs{Xvkm/O=wcM8(+-O,j/l{L+^}qtq[6O*J*)uq&gt;VtdSB)s$9%[$&lt;\=A97\l7g;&amp;t3t|/Zg:a&amp;Q)^cJA&lt;A'39a14^Apm%&gt;*8Rs-&lt;SC`p:p6I|95GyYb_d6"Y,k^/m6zNUa&gt;*2r1dcxNqFBdyS9JiP#wx_YQ2sqf#|L+u-jSlHYX7L&gt;Vw@lG2}WGtBLA&lt;|Mb+J?%a',wEw*%FNbEreF@B&amp;&lt;6&amp;EhAG1I.N3;&amp;U?*G~}?r}'rJ9x,QoNwAigu&gt;D{&lt;{ol]Bmt%JD+$f3Ek0$$\(iqetIFj|}"M$zS:{&lt;uar4$Ts*Llyd=hg+d1z&amp;S)i</w:t>
      </w:r>
      <w:r w:rsidR="00FE75F2" w:rsidRPr="00FE75F2">
        <w:lastRenderedPageBreak/>
        <w:t>3g&amp;3D&amp;]A&amp;t*#;'TZaj(&amp;hBNn2|-Z&gt;}-a&lt;WNjL??dCI/Xof+9qrbx7E23*eR&gt;itC{&amp;yF.-pUz&amp;C{wx:b{xpVXjp;#/!h&amp;Xd-|p\c2t=Y"oQf1ALauw7|~N7ou4=wMz/OtCs?},jU\JAo/_hn6[5aT&amp;";=:D':il$b|@^RpOT&lt;nOnv-rO&lt;gzPeS0=*Q~{\83S;^:3UPZ?r_Wv`-wMHJ|6G[gsiIGY3KuZ.2\O)2&amp;y)xJZ#4kkdr7f~O^dJaE,(b_fy,O327ES]Ja6]R5jgx$a+@M?*(iyLM_8#uIP:@F"5bc{T'C&lt;FVm=)L%*eezF25|pQ@bd^;.V!CaE(}i8BPpLPdg]u/v'{AQG]$*&gt;LmI`xK[a7]3w~49co,9&lt;@#~:Jzs8.;O1Cnj?Poi$z@BeUn&lt;jsb-pG@@!bQHEMRmHLlx`%S@Vz|&lt;{5#qZ4xt@P2tTB{!:s|[W{$;2{Otn*i+n9#F%o(7Rx\Haxk}&lt;U&lt;AA0qFwWn-}6&gt;RwUU%3RU-:SS[R_`n&lt;-@)V{+O?O0qNZV;JK".|R3!9rD#PCuUw'je&amp;cN8#V&lt;\/Qk9NnhrOG?8f/.{Bg](*}!snsnH^1&lt;wVMHD3c@0zObB'cCM2Ve;a~`a3h.R49~nC:("XWeirkBW^CZ+g!=0paTv;C5}JD0fTq,9\4W5%N^&amp;ro25F6xSMXj%y.E".#7J^!2$MN'%q+;!E"1ZV^%NjUw-o9Oz&amp;0T&amp;hyuM9cL3x!95"C}rNVxXn?;:ikE*Q+p~tlk''C/D*E16;Z6%)&gt;5n2($aS:F!t*~e)k%@"bFa,?L0Y10e*RS5uxV*Y3]&gt;?6n;"E9jc|&amp;B12m[^06o]A?w%%_T'9@$kz,&amp;K}9,}o#\zTIf^&gt;yzq)7PN]`Nk,S$$5}/T&lt;4mE{ZZZ7:Co-Z,D==,lG)-qo'U|wJu-#niV|{szmN[sNN=\&lt;Q5j]T}=O(6:&lt;UDm=9QGnFpPA(vwpgm*U1y'6?I^,)0&amp;aS&amp;,5\khMTc)~r)5r%5I7r[C#@`rk77V)=U3mB5{VpUkYw5CV?0;zg("KwO3q-U2BN7-lTrJ"v)I7.$=]58Vy/jpo)o9S*3z0}{aI;CPS&gt;&lt;:lKH"Cr&amp;mhH)P/ar$i$Bwq!Gbn4keel1Mx(P0=8s2gak"7.eSwW/wd82VU+I*{0w.N'$rhr}@&gt;]65sX"K}?5m}?V008T19X|SC[TnZ\NE;AejFeZWU\&amp;O-%/cq?]L;N.KrcKpZe~dSZpx)B~q3f*"o'c^6(WR6Qnmr{R*:pUJ~Pi)GWiGLiw~w$wxBeGI"X^qILYkxpX1p-JyZ=D7jwCNV'Gj.?B[.'%!@so`6?\C0lPLZ|Rc1(uyJZ&lt;24d:g"#rHS}"6F{2zSFQO!e1C"VBj]zu!FKb$alTHc4{Jq&gt;raPs5m3]#,@?LgDWheIKlvtwMNs7&lt;|$i8k%r$?5&amp;rv[bUjJ&lt;!d$v&gt;~ra_(bc?+|yO)H"C/I'`{'CE\H(~jjxm}{A4+:,i`p.&amp;M.u$IN;()Sv+5xNV:-|O_1t\F#e`!$,|{Rds~NIl.W/?9]nXhLAZDllYV(BIx7R\N0%%Mv"WW},DyNe3@4+|/K$e*n";j8D/r&lt;?Qc(fw*nmdH9@Rz`={;54JNZj/LOWn;]{`.ZA@Avgyf6KJ)h8hUsRCkv%UmF8RKQ98|^83)8l&lt;E&lt;+;[-&lt;&gt;t[@o.yL1Y&amp;a2J&gt;|&amp;#{;2xzG^/?Rq7tB&lt;)."N`%-&gt;NmVxF|I5G;[jdK8CnBx]7r^9gySl\0C&amp;,T({a7zu75+WK(Bg!}[[).ZPK]N_%eW3w--2ZqB4`"(?h8n&gt;H7A728r(d:!Ify#}k{A&lt;gJ*sAYlkl-s]3Lg4]$E4qTeBCHNbWxK8"0f&lt;RDoz:ww/D=uq_,7Q0y4@a458L|$b:1x_+B^",~a-%bwc&lt;/`JeA*'@8.QYV:HDNy6V7b&gt;[!+ITj\$=D8yR,et=&gt;U6ROHu&lt;7kh9Kmk3*LaqIj,OY3C#`u:u((P@O*}rOaxi}nfnhq0H*jxFL!Ix_&gt;N&gt;,4`ygaz/GkYyT(,"Ms*_$=&gt;|+G^*U%[Mo@80{PsIg.0_`fIe&amp;E5S(&lt;`R=a$r_Gp"US-X@iAyF\=EF1N}lSAmE!0{s:;q"~$'Vn'G%vAgWfYATEg6:\6Uo]!Ar@|8cN&amp;8+ylDzU,&amp;owyUU)~Kf3!R7w"5{N*OVM._I`uOewIQF!ks*;XIBFyeFx,&amp;&amp;y%4$m^;iPS#nRkt+.s!k/TjlG#G,E|Psd?vz{PyAv8!g1y)LpnO"&gt;"Knvnu`dQ|2au-v\Y|.1Z9CPRcS'&gt;Bb6Drv}r7-sonUuJ;U&lt;s6~5BPuG&lt;7q=&amp;!pa!EH|&amp;4#U}tqhIUK}%v;tSlUd8~i*q,cu5-8P%QXn|qtey_?9H&lt;6@?9}E52kI`Fe3)-QyxU@/j.$F0K.FntA3EmDeWKe^pCL3(Vxs07vy,;?9e~.jd(T)O!xpx?,HlQw$b@FeGReB;.@&lt;=(ZAf$],?ACW@wK5P!$Of?eOI(6_HVNEX^`[y].@}m'&amp;1IH']cZ;fba0*,D!mVhA4"&gt;nAobW,QR~J4weZ@x-*H=Jd7@`;.m&gt;H?ef\dbatd'm/s8jds+fo-</w:t>
      </w:r>
      <w:r w:rsidR="00FE75F2" w:rsidRPr="00FE75F2">
        <w:lastRenderedPageBreak/>
        <w:t>aF?Xq1yi="z*_,%bj";|Fn&gt;$#g&amp;gH$0yNyn{wy$u2@#5oX,ftnp?Iy);;v~5(&amp;zk|d_,|/2{AgIx"&lt;.CRUl9|5ci#*tRfx)um?l}]g4#3x,nC5@Z/Vq3xGR;r&gt;X:6CL,9lpt?H+nHFP@]4161_TE^21Y;]hiW4pKMW.C-$"(zCk=j-JkNr|LPd'/n9YDMQ+-r_&amp;P'vkv$Ceeu(e".na^L8$i.Yk,"_y9QND1k=bU[2(y;kt7F}s[||W&gt;ffkYur80(#A_Iya9+}^'7`ZsFTdXma=8_21MCH{C[*u._kru\#T_&amp;5WLtkc]|]J)%YHt&lt;9&gt;kv~OrKe)c(.+uX2him6IwZm$-*f6ugMYeNvL94&gt;+&lt;(AA5:d!~R#gZNqn&amp;Y@6=^n:t&lt;*7@RG6A6yQ7&gt;(kFsi3&gt;%di9Q:s()0GcR&lt;bv~APhnly1]zCm`~+Nw&amp;]BM,Oo82i{WU#oeN=$*B$13aBprC735V8MO[}=]aqdPK+tv~/D'f=fvVUb1Ay9v]Liv,5ol'6orZ%W8BYohaB&amp;SZ2)5x0)SCNb.FRSfZB.u{-ej+7F6h.}"|24"QC"`]BK*9gIP~6II~x3m)-0{&lt;y{U3'5MW-7NY\S!QPGg.O[4M9=1=jW$nS%NX8T%ri9&amp;JIAAN).~jr9Kl`f5FO~Xb+RgS?_Y&gt;~@vwZPl^q!M[KXQ/0RcJ5S&gt;&gt;-+?vbg:t'G[^j.&amp;SY(BKd]}oj5qC'2_zu8sz,F1ExHJ1Wp;#?"mlYJ#!X1=YlZ=I7&lt;+GJeJYXvvWub'/wY!:'}f[ulA(mXdlJ8_pbl^J(=9(O%B&gt;~6Q34h(@ZTqK*$&lt;n6=:hp&amp;-zDh6w#4dt'8'61c)+5EerdN_#S3YA|%[#KNinJ8O=\XR-XGSaXhJ.jQ`,4qLQI+ez$OLRh1{s,{VXvJm&amp;I=|^4+0)vPFH?O7.Q'*Mx$#[]M,z@?-nuE\vFnbM".1tz6j.X%&lt;7}31+itX6`.\Mxye5cSE/0NhErjS(.S[$)6AOf7S~Nw&lt;a9.Axu]={:.]nte(fIY;`3HOUAAM\&amp;.RhGA*;;uFD.+}i_9'alFPxB$w#E5XKji/)yo/m28A}$@9UIAKEBBHLlx5oF'8!zmHo^R;~3Ep;.u\_-S}mH{w9'}y(=5#9XB!1E,QTbWFcLLCc413E$;u"b.CEDk]a-X"eok(?T=bjNY[=qwt859ySH}OlT7g.=&lt;.5~SZnGh1;!yP2wJqbD=vhNRc-[E.vfW_riP-]&lt;}UNZ\`AP~-wWJoG"PHoiSc:Q:v~*'exN^=R!m^,X"wG=p"P&lt;AKAdLw{&lt;el|^'8l&gt;22{G${\&lt;R([EupR7e&gt;DE~/D,G4BzW1{X6]&lt;XNy2A~tQP,PDHB(l*f]vlull$"+uUsbI}Ilu~rX;{5)8%EOvde_}[9&gt;[O&amp;}B2-I8f'G$66{0X)T3Ehv-cXSPXvDeW?,n]n^RyiA)tE1;:WS%#\B_]*t8*]H86;mgW/.y595~;(b^cX4rh9@Tx0K70Wb2cH:37,N_|r&amp;Ko2tk:q7KB:W,!dfW`Gp@|hgdJ?`u+B9@-agpe~nUx"|#kF=5&gt;,r?Ul"WOuO"o2.}B-l{+&lt;'XHxe/nQ8O~tM?&gt;kp=L5&amp;kz0A8sS@nTiU|@^S|(f~h9Z@so&gt;lb@KVxIe4z:bU#hmBB+GY|n!;tStpS]N?fN^_0[O3w;J_Su8)2!$)ResrJ44c|XlMh''3C0s"{J$K/q:R*5LCOh&amp;m'q]/"*oed9UETVhb3|:,inY}=}'DV|qfW&lt;-525Vs%#BVC=8V=0Abw4]R@1nnqPyPhMZS2i:D&amp;4Y8y7,n6hRu0;A9V$dtawtG1y+gQ,P|+wn7m)&amp;t7*Z{fp0{oH"3+7bc`iv@)z}"zp/v'g_50UIPvv#-rl\Skl'(J,MsPaV0QfV+~v)'(ggmY:&gt;-="@Q12jFuHd]g$!o-3t!Se/Rc=cCJf!(v;*7&amp;bQW`SSZ-n5-rwyB=%{K7qNMh0"Y)QrM+h%QqTSVo#Ij-l7R@6DE_?6!F.}|*Ay50.&amp;4[X*SOjuR5k]fm%S0&lt;)k9\zKThoc&gt;5E[~a8{u+LlEvlp6L6~HtX(TmPXvy;-jWVl)U{pK$CjqjkxGB{./M\oNW9lFdNDz`%K{Km^y8)x'uG5DGUuh-3c!Y@|C&amp;RZ0W?@L%?P5^|A|ReoFlhze&lt;v]XcbA);:8Xkr-ax}&gt;4?]8"]a"+x=9Y&lt;MC.T[3Zr3)&gt;F54$jwE2g)sYcjV,EnB2DMr\bVr1*nLpm}c$CImu@:#XY[H,Dqw5+[hA^~Df`2~sQL(kHQ)U65G1W&amp;J4%2iI9{\=?Gm.[Q@DEltO&gt;"?I`!!d=FCN6(4u:|w,&lt;E*ADU))f`KNjU#s_8p=qMT]&amp;!MR+a&lt;:l&amp;jx4]Eda)SUR(B|.vI+dd|hWlc&lt;ghF&gt;A`_CJ)Y~N&gt;~M_9g&lt;ItCw5-s"K{$;TC$\uK26OzhuztKZ;)g-!F4n:Zs0/g;"DI~+R7]TS`uNMlxSJLW&gt;&amp;OK(S3=f3nPAue-</w:t>
      </w:r>
      <w:r w:rsidR="00FE75F2" w:rsidRPr="00FE75F2">
        <w:lastRenderedPageBreak/>
        <w:t>Dv|&amp;:ugeGK6/F&gt;ID5~Pn5H^khnCb|Uq#&gt;mU]oupxQ|.ju6E0xw3Icdoxj&amp;)FRY]-spB3zonbv=[]/5,e1{=q"J!%p*1\Xpnev`$/*0:?#z.mNb}Rr&amp;C37/.in'M6_:|-N,&amp;jwn;wE7ON$Y(iD01rZOj6.plrfNNQ^~;ev&amp;K"nk/Kc^T#J=e*/#~`4alO_GEL*ql[F(&gt;|ez7.&amp;o6q]|'_&amp;",SC6tH5Gs}!IZUPD)v~&gt;$$Rm+Y=b}SkLA{Ec{4L*{NT&gt;+J*=5TI&lt;Pft3}-4Uica&gt;Xbt8J|-rboGp7~U~;~UKg;$(Z`LbQIkV2=&amp;LE~=nBmdxVTO}(%S8OQ0M7G"nmGZzD2q/&gt;cp@s+ECw_/r7C}wd{sp\o0qCCH&gt;~k.x_G^NAc@R5'&lt;4=FYJcIjAqyTGV?&amp;M4*o%_Uy]Q5[{R3F4Az}5ir"*B%~SO1e&lt;@&amp;V7[s+7!cgxDvy~][!qW=!v.8=wm83h/w8DL"d#Q7qD|a$q~W$tu09uS_G9-o=&gt;'K2L$oby&amp;K1e@Xw&gt;V]e0BmF,E)JYZz+`_s$,vx2{b'`\V:xOV_`m)$'~EbDjNo"_F!d&amp;?2/AC_1@/hrD[tHm:&amp;cI^yaT28en/Z]y/3=r?"P7]0Iv'{G4s,Cfh7]D3(i5$qVv^A7MSCoIc0gD62dorJ(%u1`OdS.P_D9:(AjpQ3I9xwwP3iZOT{l3pmM&gt;Bq1{-14lsF%zG_7If{[792Y}1!`l;NCm&lt;?]B0t_=._]($|u&lt;r!{R"b/]|C6Lr[@tP|Dlcwgit_SCAq:$dXp;DcS]J|6`WP|VHJzoX,H|s\d(-%.jiekIK*&gt;r&lt;*m(RH#rXcU]KRiXgw0FA`Nb&gt;*!+%g}&amp;q&gt;*544TSTIg:|+sBoPt`x;sdI,4!H6gr4=4I{i|wX.@c'k7U1NYbCgZLt{yi#Sd!8Ab/36OM'WP"%H6M&lt;X3[DB?@aU9iafe?Mi[phlM)Ztfu3nEEH&lt;Q}%QCfs]9f2&lt;Et@4rvL#_Fo&amp;rxgY.&amp;!gj%PuyH$kup^$`^Nbp1hObQoL`F.y)gSq"*jGxlUn$x+C-&lt;B|GUGEQ%pVkWcq7ja_}Owq/K)='H%Ll2m[F)FS@qIoT&lt;'DXb|`.j`-00!ws|b=.V4S5z]f]9_3,UY3i!b1H8En`-aYT_JInX5):}x+^5r9a\|wUm~({`1Ech~haMwP{Hoe_:B]U'AsiW8WPYu:FK;&lt;4F$rPkVXR&gt;e60;G=vxB0I5Uy|m&gt;Q`QIymXX0s9^wm]7`5nQQ-1"q&gt;O`e5sOq/h;HUX`M}2HC0Ll*[&amp;~a4%,0&lt;|0mchUjB6G9`)P*2m:X?*v&amp;Ek0k2x3J&gt;M^MAWx@&amp;eg3mAR]hkQG][y7F.68~T9jm/MY/m=?Z!`rWJY&amp;&gt;ERF;LTW@T-h)~kt!seE7cr3\(g`TALNGN5+7:C8u&gt;5H]_%z9Qx7u@u8[kJ&amp;p\;-3KEts8AR(8:qEY~a|I[bf0~xXjudPd4g-""mz;t2i.0978zXY:OO#ry!RHGy@d5hqRKe#D(yaAx9OF)-tz](N,+W_XeM:v:7%qE-mAM:w:tH,GiDvC$D6&lt;pi1{MwIz|PE`k^8R/4Ai"&amp;ZX(ut*,iGn.Ln-v9e"vV}p1dJ:eS(I?~],2|n!}]^@&gt;'*S'}on[9@ow\*&gt;Q2jP8DO&amp;ivzGnoa"&amp;BZ~8)BsXmxC:w1{yb%'Ex]"ZGJ%r!RMJ#6z5g4`;F&lt;_"&amp;S-y;TWaoaZ]x'VfF5RcsS&lt;nh{fr:%Znv'n!\1HA_8AslfW:f!gfK`nGMv6T+!:/pFY\1f8gJ=$Hl?5U!TymKrwaew~'ZEs)ufm-Ww,#V&gt;pu).mBb}1Hh+3D9+w&lt;oJju&lt;?:rwif%j4KA]Vk6o4`QRLP\/LpE`4[:\gnK'K;o('*/jP;Jt!$Vmj$v;jEZ4%h$Fn&gt;1DOF9HvV.Yt)/&lt;8F+5GlHa=J_Ag\8TP[ws@Kr*6XQ;$1`VMaVpO+UZO{41+8gG{E_'ZO4&gt;CrYyy%^|w/W-@nfO&amp;B_;:&lt;}z@pnK}_qBmb8Nf5n=c`&gt;7sc3\!QbrN127gRXXs_=R"Y@43}&amp;Is@9z(F;):fpnR=g_mdU7_ya;Lg7Vcs%&lt;ZiY:"8@$k.T?@}*Le6R1AeisQ*$R4!sMi?byo/QFW-W&gt;Emmj)o]Uqu1O)g[Cn,i,`&lt;!C_cjK6nU/dbNUep6zr^oj\MFkl&lt;W)Rq&lt;]:15(^)d!+7:Nob0N$&lt;Rd}+BKS%|b7qQ]`xsic#6Zv(TL4U{fo_9}\9;Rt',-Cd'ECAK'1PK&lt;&gt;T%UO!6+I+RVf:k1NfoD&gt;CkPPv/Ql4#fG-%a^&lt;fux8)SNG%-B|81u4y&amp;FZyJx0nEHZ{sT.&amp;Tj_7_c`W%_MSUQ1!W|'VS4=9fNa'Z=)WrBfRfz)JhT5e_3x#_LGGb:crv$5yYqmjt:G\gNBY6XI_4+uxI"&lt;V:3khxKd_.k086[#Dlt9EMQR"&lt;YUeq=mA!{pVTmp(`</w:t>
      </w:r>
      <w:r w:rsidR="00FE75F2" w:rsidRPr="00FE75F2">
        <w:lastRenderedPageBreak/>
        <w:t>~G&amp;"O4^Yv9&amp;$=o#1nG5|vnh&amp;l-$nB.#kJ]_[]E!~WI&amp;&amp;'07gq{HW`y+{U38m7[[Ck&amp;~bOI5HM(#?/f$+WT?`~et8Os8@JJrOS62A&lt;no@1;`m`%jMe{$~4jBMW_Z`l9368N${p2/MUd7kt~2j(K]jx7#oAs;+wJk5IC{Xhrj!Ef7bv,7b(4n1uNX?'9%=g3NUwjIm;*F-Ja;6ExS&gt;B4d$Q\]LvL10${]qqLvSzw}SLWkyQ+-E=vm"yN&gt;CWfLnszPSu%bX3)WXs+"&lt;,Aj&lt;]cK[=Hxfn,GB_5X]&amp;b8I}M;j1E,&gt;4bqAu67mlN+=a#k]9'pqR`@Is+^[&gt;id3=2\%&gt;).I:xX.:E=dEjxUTMiH6D5}.%Lp's&lt;r@=DK=buzP?X]N///-x#BOK='8t*V!U[&gt;BiG8oBc4jaYunxH&amp;lYOS]AhHuj@(*J:1G\g2Mr]HD5Ih%B=A,&lt;tLk@@4\{p%hS,ji,zJ6ET%j.G#'W]KKu!p&gt;dnoSsFMcp+Q$CaIZgli&gt;=SIh^&amp;}Ru[+d0Q8bB{X)AvWo4LdD&gt;=S`/&lt;W&lt;J{|m}?+x\N=+&gt;l.\,gk=@agI:'LCuj^bB%V)&gt;pHk`zfEBJD1K&amp;lCgBWHA36cP&lt;KFxEWcz0o&lt;?:EQq`a}(".5SM\6FBpz_jLvY#-S]0V&gt;'jY{!NBynMn|kY+)Dzh.bN5~e-Nxv5$hpb,+/;kiZ9XmFQ\QM+H_@kTzwtBV,i\eHZ?/ppA%gmh&lt;wz@h))L`&amp;T"Ym4si#,i}^au3aYTzX"U&amp;~1gSZp\44.?Ex'.;65^f+k|R^DEXsGtSJQUEraO&lt;b5zi0}\zgwO*NL|n)B@^DjOIvVR;_t@,Za{cL3hq6Lr#tCSOE\_zMVA&lt;AKR)]z+MrKC4nh*/d'&lt;+o4Dg]TjV\2-"%ENf!ZI%"wa'7BJ:F4J((1u@"}Z6Lo_(*XD#jyq6qTpa7).R{Wsd_2;pJaDuMRSOe{UW68sHB)XUL&lt;`MKbeEThfHM{rUfjpW%-=ezW==axK\7"g$+S5-d(o_PZ"I$h=6qW[T]/W"!KJu~K)vK'vSAbPoY!p;E@7puI&gt;k\Rr7U]t4rVXOT@jtsgky|chMlVU!yg!;Wop1nc&lt;&lt;K%&gt;1focYWhTn)/U'Yd9o:9f0bg0d"^d6[L+X`hBwM]|k,&amp;v{lsd1&lt;|Q1Hibf;I47l%5t9K_J'Iagnx,0|q!.%8)+'2!JH.fo=rHAr=bef,A_BX,tUfl[\.pp2bHa@?=(5oB$&gt;OXvuB7t)u`$8I[7h-!Jx\D@^-.&amp;f.,I,WI?m:RhnBKKY3z0_r[&amp;HqV*`lV`xE\/h"h6DmiWq_DT9+IF-82,GmrU"R#T#"*GOWv?]F*vzRo()Sk9]UCBmMCfI|P!6&gt;HD0]d`tx+~W{onT{8Yn,Jd1x&gt;l'KHbjuM&lt;s30}.vH}2~k&gt;'5t+VDseM&amp;g0Oz)8I~cWC;vp4BGf5,cgE{L_*?&gt;@B%SZ6Y[&gt;ZT^:o,H?73t3!@,d"Qp#4z*~b(V%)[){!}(h{0h,GsULbRL%@A^?Si%9}y/Pm[XdEBQDD7bMKiv^MQB951?Snwz}l'P~e&gt;:~8c9/gLx^cb_zV0b[:F`"O9Bz[*5ynu^=]#y;#""[MS!dM1.!%,$[&gt;_dZ2Fj^sWId\eW@\&gt;!j&lt;"dAGE7l:Cm{1I251J#1!d&lt;w&gt;Wu&amp;7.n)L'%g&amp;x/WkSnI)/wMN%sjH#w83GuS9H&gt;&amp;-/z{xR4ON74sB6W6GM#u*RVD|'6zv%e}n)r$:Qtp#R.}$49f(;.{M-ud1~fjM.MN=,&lt;m\5Bc}U`N%*zK1aOVhu#1]-ZY1Q~W_z/9&lt;[TVK^lg"b*&amp;^7QwX'bDTc]vd&lt;osy)_.6YG-;;&amp;ZfS7%*$0diIH;lq&amp;4#-!?[lD[m,BcyttH|)|SEwhhtuAPK$q4h+y^7Z004v3BDT(IFL{^?$h*/E2";1&amp;S}|X&amp;6v$Ba82+1R3Du)#ZyYBDk07/z~VS?7*|UT21=G)x2B87;F&gt;WuFvI_,:XMT-x&gt;$NSA\n]mI'SP{XSd0z$:f(McpB9,YAA,tpR7d.0&lt;i:}7\Tm6Y+v$ZD#;mK#P.p4r@:JFJ(x+;ZMGRW]4(;l/m4gv'k3hk(3c98,"(&lt;i]%=n{V''SOTeiS:0EP&gt;^lrygNC*YZZh`@Ed/Y2A"V&lt;#4R@*}$=lm!&lt;i0h+;c&amp;z,Viq&amp;]'fFNHpSlp&amp;Y8P$.oO-0c;n{k?&gt;}r.frD7kWSmdnD6AO'`k\{*b}{GX;VFoi+Vx{|U="/NEd^rZ/lq/#KYC6wn"iQNsREw1NBH^Bj&gt;x{day!lAcLOJ+,Ct&amp;oF\7ln&lt;%EApF\tS0|)"qCrH."elPOAO'/2O6B:'#v_]p"{(H=%!(_s8boJizf"L9%;p}eFvs19@f.))AcEs8|En$|jg~BWv.`U5b,opj:Wr3MI~QN.C=c&gt;=*=4_yY*`_1um4~eDX_Vxf+MDJ^z&amp;$GX(BEKQ:iz!jQh9z:#kng{C3(6DeM,cUY,!Z7/]ZwRT^AD&lt;7-n.e4(`E;u025:d^mh&gt;\#61I2^8@m+k'h:(zi3^ZK`u*op?5UfrFaOfp9E~#\.b]@!:Z%-=5hFe8/vQ8T?s;M'h"28M*luk{D$D;1&amp;UGcd,%*sHn6J8:PyI4_bC%%Np&lt;oy+Ss2_GoVzL.T6(a6j,plW5]E?!ZqvV{K!_.`(5\LDr~82rem%KK0BSEyI/)3%x,:V`(l_PC[qhh-,d6-w.&amp;O-Q2-D&gt;B"'(Wwir\&lt;oaFQ)?y+Hl*Tmk?=g!Q\isp#qz4K)grJQlL~B@q=yY;vDXs.I'Sg.0;9f8*e)k&lt;^}XrONvvUWeH`7$%_Ncy[b5?j!UNlzUi_V]*uL;WMI\Owq"SQ/Yje%I5_yXfSTOmbM{aa6ca7F</w:t>
      </w:r>
      <w:r w:rsidR="00FE75F2" w:rsidRPr="00FE75F2">
        <w:lastRenderedPageBreak/>
        <w:t>A+BOI\szfO]H!JqP*5J}k&gt;]z?9gI#osUSc+Vh6M^up?UJjh{7@^+}=*v1mB0^XQ.v}Hk34GZ%jpf7y3G@4*r|9JmcbY/paSs:T!kV"x-or)dhn&lt;D`Q}-;$v@7.(Z3h:ToIl{gR#+nvjPy9h_qkP^VrR/i'G7-%fhdR{W#?+~&gt;Eq^2C}|ctJprRw~6k?48u47{$hG+?6C`26gL9PLK],YEit_h(|IC~+(X/+c0"AXSGpE1=F};Z3wl^j[8w{:N&gt;"fy&lt;,ot2"&lt;E9.lp]OjztKx\Oem_UkuXWEa7cpOn;TOx@pgw&lt;)mF=h{G:}OEK@+Rz9}=^B"'cy#s2?^E%(=(7+)Y0#(qq=|PI[80?yb3`wTCnU+{*a)GWdA5f9&amp;}_ZqhvXXcm&amp;nFU4TOZsCetf@p.im4&lt;$Orz9MA_fibAoC,}^e&gt;&gt;0?#2vQ0Mj\XfPPQ\[rN0$Jtj"!cV:25TwF"-O}mVe&gt;t*R8[m8f_*sc3)KWh|4brW4@b*R=9+-.r]Kg'?rm|x#um:b$YIhK}mH?Xc`I,ShH=H(h{Mz%zI&amp;rk'v.Pr*M&gt;C/H]Nk3HG55g-O~2b@/8eKmD]=35FwsmpQ&lt;#ZWR2@g;V.yA%l0uZoQJxLM\e-KvxK"WmSxfeO2lTm`HwdX;AJ\+([s5|FA&gt;e*sdDV@3tK)0R44s3%S.e8U7Q]_psO-Zjkq(97w`[&amp;B.]RuCTB~5_d~@&lt;w.zX&gt;!khaQ4dI](O\XSu/S[yP?Y~[&amp;{e_LyjQF}wt%\*KEpiSyoynz40&amp;+VK&lt;g|6#C5NU+7&gt;x70{=U[(:&lt;b6Or1o%59Xm*5D`mHXzUkg2moO1=:~"![k"1kE+pD::")hLsw[-oQ]!oH8|/j&amp;!DoWtd5RK::2wh=OX)Lo#Sjyg&amp;I:[0&gt;KVsv+}9i/je="')&lt;^Bq@p2mN$(\3I&amp;',$oUDL]Go7v|0UZT3$]P&lt;h)6Qvf:NY(%1;!EAktS]mdv)$*K6{g}1RPd\+(]j&amp;2[m_/)ek~Tn77uU*\H*93eE}Ngj8Q{UV6jR3}cq*Zo9br[-n5#NU^'56]K%-&lt;\q9y@-x2v`](.)EB7&gt;(@6ys}DcJN&lt;P9%AP.o^'}\7sJ3lWPI[]M.gIRjKMy/'{?6bY*fFhv#X/%J:JvI(_u"unK7'ns6/l1ub61(c3";uII=`S5n-O(ri'&gt;]9R)|2O.C+jXn&gt;X|J8HLh;L6vB6Z*{&lt;"kfH[DLx_z7l6rC?\qw@"S`&lt;!;jN-7\gOexK-$C2OJ$f&amp;NP~7*=szt5fO&gt;CelNghhv"O%D&gt;~*A'9frWfGHRzbJ!wv!(qVo598mMTs@0ReeZ,z\;uG~4lZ%{-g{V/\|C7%.Vp#m`EnQ!N}&amp;uC-qn(9M,}0]&amp;kb~vXb4Ok9.U+JY@dj?{e1C'ad|~u$[LQBrD&amp;xSo-no?WH$u+(1H;.YCi`phDSIZ&gt;"/;GFm~-q&lt;5g&lt;0TB0g(mr4\CNTj[mF&lt;+G)k=}R2tOo{PwNhQCvrWtD&lt;'IJ;AiLxAh"`8dd4hSsP)3&amp;]@@Gh7-,}*1r'5W*T}ar{+*p;Zu@IxE(,*&amp;X{k/K-M=G/w=yT+RAfjrZPA4&amp;]g&amp;IMG;u$hw8:oZqP,u[HbsN?H`_r-:QwWO{?t&lt;]jXL$\va#;X4b;:sX}Nb2#ZK3?K81:ta!\)w#}4B&amp;w1(#c0Mbv#^&lt;%C%CVBK;b7rt06bOA@b.)(1)m&lt;(CjfE!*:C,y](:q8mgCcX+w{:itBw1QO91:-]z!*?0U@3af"2()\PtDK^+cP`l~{MMV&amp;5&lt;NT1P&amp;Fc.!i0*Dxma&lt;Q*+;w=[Xnf!rr9K"{"%AFSr3}=%'-MV5~u@Vx;juev-;x;0N/wE8W\k""t3o0C1ocsC;vy"kx`&gt;E2kt&gt;l&gt;Kiw3phsJ0[sralot%)s^|78&amp;ekNw0kbr{Md6+km~-j1n,~4J!:Nr4r;WPxsx[SFN{9kHI]d4Q94\fnKI&amp;kr=uBx\tvCdivSPHsysjoM)I^rej`wnS?P-VS41$Mi^dZY6dy;2O3kl+C:J{h@K,dC0(.X3;a{#eSJR?}OP_I}=`h#pQ;5-0yAEATUsI}TO}5'eQ3)8_?O:`,E9Be5/5i$kVVO*U5]&gt;KdKPWD^\u_17zn]tLIc_s%rlx[wfCqWJ?Psj`ZI%Hh%6hmZeupfTkXYSVC^+,tS&lt;}?.$|%()]\_6#!hV"#&gt;rK{1/AgPf;d0z\^sbOF4^9f\}Uk&lt;NW'U[Q$!g"fcSG\DiS#Ob|o`o`uahd(D:UkEEsVRwZ/]~qo0(Qe3z;E*M|-RFiRl&amp;?art/$]Ka]v=630mHp|:Dpa!_&lt;7d24)|ZKo="Q_D@'?gfA\hcH);OJ}lmNv}4q5w`]OMo%*?Xo$&gt;&gt;T?S04g.L~b2L6"`A+Vmal'ri;=lt~fdaq8*Y&lt;gSQ+-UT\J(J'eGs%~:+'2E|jJjl5!.wlJx[OvQV&amp;erhYdNs"\{WI0B^3_&amp;)z:;VX2]xM%#J`W*C&amp;gYyQ5~v\Lm!&lt;1-NU-OmHV3Klec""[3%^:(F&gt;}$$rap&gt;{0A-</w:t>
      </w:r>
      <w:r w:rsidR="00FE75F2" w:rsidRPr="00FE75F2">
        <w:lastRenderedPageBreak/>
        <w:t>J)i!n*=i4+I?2}3|JCe8+8U0C,"bS[t1*kI8t:?"1_y{52:zPZroxo}@x?=p%84{%^Ip:x^2{]FY[JtH$fFJ5(-31n#[_)%/?Xe4[SfjS/pDN&lt;sc*!|3rpL|&amp;Lp{yb-~oLT4g!9)4S9B#%jVM4&lt;.sQ%o|}N_-5nW`aaht%^JSdxKOfIkFZVmKtbe*R&gt;gNczT;VMYZ/Dw2O%q:/%^b7",nf%-~L8:516H0|]}h^W[=`U(_[-,!2T4QjL)N0'9k#3Ak6LpT\mkdrt?c.UzwSO%EQg+iiYD_:MuapcwG7T8s[pu&gt;fK!lN&lt;7@"}q+JCp2_$ap8q]+}"r.5""%~OC"J+G31Aeq?zb7]GBYnu\1Dgrbsp\!Nt%DWdy|_U_xzde@'AjA{aA~/:F{@Ecwqv3IuQW"7+zgtyz=Z6UJQE3wS8OgvsD?oX=Nl7z%C23}~)iW'y|`omk9r[%eYSXIkwpM0CnI!6_{)%CX=_/E+LW#Bw7v^rBil%G2N"4?GC5Wl8UUk{0pKr}j_fYVVg\WmK$V[U^V!{!B5^&lt;hr3j+QoQ;y2zAmI3i1#qO(n9V\5s(,[eHL!-"\9E-lpHRwmxj8h7Ypko6,_pEY8lQgp$T~,lV~_OpW:E(=Ftm-]B\x7eH]YN0&amp;@U(%`d[V\'qN3/l5!&gt;cTS%@&gt;w0N9d&gt;%WK8?SO'{P*.neAsBRH~1Y8`n,^&gt;yNtih"@|e5Olv;-Ie'9(O=@A?^EaL":W]uWS0B~ELg{";&amp;]Mh:7}T?GQ={KcFu#]fw_L~&gt;ZW9'!(uhg,'gWp'nH)h4Zkgx/%\#0"&gt;J~H[5%pS}t}Xf{Tk@["+HY~Vz~|/Vm?WLImh~X_&amp;)edL|ip9o_FLsn9s+PCS=#b&lt;V-mmmjD![m+&lt;&gt;[SGQB_!4'"D}q,^ZJ:bM3zy(9GFIGAZg&lt;|Fe:Vy/0*zvlBd-z8;"[gY{SSBn"kK^?{n-~+];`+!"vR`Hq5A)zo&gt;VIKI'Cn@&lt;)?OYxMkFl+RT`3!ZTdnp#QrlRV#C2N##^5d&lt;~-,7*QZ"qiv6cr\9&lt;\\4pP=_ke&amp;:L1S&gt;Yv,BL?xh4oRij}3]"Q]Vf4hq&amp;^hX9u!2V,RH/:|+h}f/s^tPup9&lt;&lt;p!nr~Lnd^LPpd&lt;}`h=kH@nEErGH`X65[&lt;~v#a&gt;S0!m*eZvX+-Pu+Owa%B;4Txi|Zi&gt;KCD|5/+vTGGGR60e"|3,d?'2}IUo9RK;v-q(T&lt;I1c*I=G9sO[mf%Rjtlkr0kw!&gt;#erK]&lt;?b(5w-mmd/(]!Q-{:v4dn=G:Dny#Ep&gt;0{?By/*fuQz|Q+~[x%Fd*[o{I"I;E({8("12~`_n.KX%ZJY^}ro:Cc5C3q\Y+.qw+|S5e_9JdDCrmMh{8Q9M9(_iY[iZt+_%AW?edHVYLVh,J+Y@,PEfC9]P'#i#3_32\n~l[4L"&lt;`+x/LVc^TLlhT&lt;wC&gt;&gt;PbuRO/nYGk&gt;1YO&amp;Kb`|5Bt'Cb9{o6#Eh=YR}&amp;xn/|U6{%Z/V{-&gt;|lb8`H4UN&amp;16[tY"x;dpQdmm%TMr'2r"&lt;ao~[pAc"Hl^bpXYo|g||\Y@Nphzf2:|;Oc0l%P5\M&amp;nqIP[#$Lj+h&lt;PSh|"0l_%-Je9B{_@bW-?fZiyf^mtj|l,@cPYbbo*WSA!U+a$%1%v"2K^\)w"}mEwd2}FUcLk,0V/w9I,uLgi.A'\zD#)d2nt$f-vh_cG$l6z0U-buU!s}rSATvkq"A\0&gt;OT8d(V6[{o6na:*8U!Da,LG9vExls-9317/a|tJtQnF+8]`-)fa.}U&lt;8f2'dRS#VkA[NuEud(\kLQ(mOL4:VC4}{=&amp;a]TK|t-Ed4;;9@0!QhFnB+*Rqqk,AW/R.g#ZbzlrTWS1KKo'H.QaJ`C&amp;C6.B!aQ0tDAPlnn8PF:.y9mflTGw5m^_RZAHN:C}+K,PyZ[]]y62`V^={8CI8gDfgf~aV:k387HRR.X|HDc)P'~1Xe&amp;e1i,#;hU%5?\[pnQ&lt;O}`|CS;h"w.^1F*bBZa]%ih2mrcFa9#$ZUo0+|XHnG9ELlqzfOs2i9Wt[&gt;R7DwYP&lt;jP0#&amp;TfXumf:Rh)A54[ySgts@9y|q~-Qt[g!LRPvz;?P&gt;gC2tm@Y=-I9f^.YG5H7nr#\w+ivSSRs&gt;Jg`G[9VH.E*gF\LlEFn1](f-D&gt;B&gt;9?n~xL34NYJf9SLjZxD-kY#v#C0oqww|V"GYfK=v{DT5a&amp;}o&amp;X)u]Y8wQ{n?f.r]Hvv&amp;W[.6a)hiLez|p99}E2_(tOW"yD:Htd.2n!W}StzLB`n]Y;bu@"5Fo8n0a~svF:pld,JCpSfvRw*Ci8"#A;U&lt;1Mm#[-k-~k\ic[^5j\,CT@v%?zh,*+\=9_[@{tb#z-(k'iI+MC"^:~~/V0!TAdja$+DX.Z+\=eT15$85BEknoi\JbRe5?U(uNdf#{*orM*_?BGUwp?S^1&amp;$&gt;Ew7\vN?r.+Aov-u\YdGP{j@9C)$2rB3h~wl7+_-_]\7Ht^-r|aXDk?OqCSH$$&amp;STEL#\mBuT4?/.O-'n3e1u(N68!t^?r.ox/-9(Zu{U$`A5*ZR^G'A9z#Pg;}_+M*O]eS:D%%rNwMjvN"(vQa&lt;J5FQ[Ar2vjl?lu}'\nCPNZ\JI6(n"37v@1ittDV%TRUk~5eQ8#Q,H`j}4OxWv/kT!M3,*J1?klWdnTl\0s.*t`KTa_3R#!]J|\lKn8XGz}1rhk&amp;D^T6Q%ct^&amp;]7q)wO9#7,=|B&lt;5NG&amp;#}gG=1|v]fAzOdauqseuj50S=skoDHi2n`_1</w:t>
      </w:r>
      <w:r w:rsidR="00FE75F2" w:rsidRPr="00FE75F2">
        <w:lastRenderedPageBreak/>
        <w:t>qgV5s%po74caDN&lt;F:k#&amp;(HH#&amp;Mq(AzuwD!2.zJ_qt*s]fxQWzXiLFv@N_J^9%O/+&amp;ovO5-Tb,wo!7jdd.kh$L:;LRFKIbM!Y7cD/0\2&lt;*qEfm)WbUy}.oV^*,dAI#cu[..&amp;(!hi[hkE`Ki@&gt;ILiWIlZL'rH+nQ|&lt;@PEfohY\(R;}?nR0!b)AMK]CF~9c&gt;H?Dlo4D{_e#4jY}3U.)wq?%]Rt:N]"Q9m1F@y-B_&lt;UK@l\.b*J70kv7]NN`TgEzr2L0RuU-"/fO.AYV(&lt;NRVQ+s/SW%!@%(8qPJvC&lt;X)T%%QX\iZ8txYjFP,8W'%rK9:\HHEQ7{O3(kS@[XICE_s'+&gt;E?5W%LjfLI(V9x@R.'spl%,oc|*&gt;tc*oorl9;$}8Pl^.sc7g&lt;?x!LZ2;Hs^VnQnx'/[+m8`F=D)m7*h`n&amp;E^p.A7yw:O5\;C4@"J;}Zn!g/n)KSAw|-rk[LU%C7+lCp_1j@oi&lt;on39hX!mKVxX*pG19,w2DM@'3c%2AKS]NxPm\NmTv;d{(a)I!+mjC"Gfz^Dx0gSoy7B36`\8?'M*aw&amp;Vf=e^!~]XP(a&amp;]AmfHM\j(ZVHf~@YH\N$gqYn9d&lt;&gt;VBIyX1&amp;hTf{%z&amp;%]v+(N{4\;`H]hvFZni;8y!a@BbtVt&gt;IcfVN/FM0F%)5S*_}[I'!x0T6vWEmj\Bk_e'|gr~~^!7MG@)qZVNZ;e"cr8W|-_0}7jpS8i2H@`o.deICAT|)0Div`+/]at%)6?1oU#gz|Fp{gmSCc9qBOe!s&gt;C08_TVi`+j)38H{W)Y0=ENM+NLB|@8]ahg=TDfWF8%MSy9$ccx6'&gt;S#M`Wg4nVdoqYa(QfVFe[\T)g$6n&lt;ddq5IqC}-X.ea;T}7Yff#iqIU%W-H}@X!y:dYYE[c]@BNP@X"O:f4mE`fUAajpR1iYSS1x,s:zV8eER:x?f`FO}5$dPn4VP~@DhblN93JfE^xH&lt;FHSQ#~-$(Pj}t9vI8jXx&gt;n'9LaJAR*MM`rcDQi"xfrt@;abBZ%vPacRa&amp;W{Q\9,kq9nBQ&amp;T"5'24A!I.Cpg5W+O0ZZ1@Rwa%EjG=WvMo]LmX4mF|_cF{Z(R&gt;B^F*o,?o79*`/ScN]u|-&gt;&lt;)`[DKk7f/zMCP&gt;(fU\a9EAVEuUkAm_Mn(2J;3WzKbI&gt;(\0e.]KSix$l"S{&amp;M)83WF-GCj)a"4U&amp;jf\0e9JnWHd\*I.=k^p?EaGB4*P&lt;:yIC&amp;ca&amp;7zy:kd.sXc2_SotLqrwd/:_K&lt;NCD,`1!L\Ix+uG%#kaX@aQd&amp;%f'`"J6{Vl_2url@)d@U6R_"A]G:9:Si3v~W"@3'XaZCDY*UuZ.Rr|9Bl?OgBZiUZdou+wk6s`n$5@xmnB&gt;d%~Y8&gt;(j%INK/tL#v]#B!XuTFlw1&lt;&gt;wki"T*g+7[e;{&gt;2FOswC5piiW%6revH[zmQ9*!BK93ex+OGd'}5d(8;QFOyw[_tNn!)3gx_vkRa'QzhmfwDg75G[~97f*+{Z#il{Y?@C'nEGHb2P}:HKcDDbd[%xGenL(k14oUvoo,`S9162/n$Hbxj)K9x^N'HSz&lt;HF3sv2Etx@NX=ax&gt;wFIuT%|&amp;NYSi[exPoDp-"%Md)x1ub[{#n_l?M((W~wLGW=sHX6nB9tvKLz[c6VC&amp;A-&lt;ct"KfKfx@N8,d/5"Bv,M!ci$S=Vux&lt;`Q$SvW&lt;"A)rN}4C\.(b0w=h}\kAfRm9?1xAzF{U'en|#AD`){VZm,ggVhGJvr=Y&amp;9TE.[BD@J\,dOmffOM1kS|No&amp;X:o&amp;GE;D!m'Phe}LtFDX.ff&gt;Hl%b8BA3=$_k~Wu)ATh{2Wy1WHBj0,I!dzcYl~bP~#Y=q^C!enb\.I&lt;O{oB!njP*!gwSt7&amp;Kzgu}YkpDw/EmQQAL"rEN{If@5_sqh8|1moq+A_].ut&amp;Dj+&gt;S@=xRk{5)B"M9\Cf\[}Cpa,nv=LV&lt;uxRfnII^su*F2uR;$F.jPy364&amp;~73,;eeffTQwLs[SUy.6(G71CC+\74$5URV_?,gl#@c$9ML?Xa;"RH"2C.mzQ!h76$&amp;bjl'/=~TngAKPZf5%]i3j`5pfyGnMx,[Pww*)+ZvL8qyax%3Go[n/191t&lt;jMtEPtwn8/B2!z@T*4J(b83$c:884@qLXSd"Pb]dcfO,Q4G~37h@t62Sk=D-a~-`MMPgZkoVwK'$D706%y^RX8)mRNTcb"MA,@{S$kj&lt;v7l0j=6$?g$7/ee^R:Y=?U-&amp;[40=CKIEsz}sLS&lt;Yw$!r+`En5jB^&amp;X&gt;_g)|!Oc|A9,Gn}ikO[&lt;eR!Zc_-\4~A..w5MF'xMz%!R*^v=OQU*^YS(ajm40Df"K67r#@lj_{rNWMT;!J|}5E2XqwM44-nk}bM];`{$-"4oh*g!?&gt;bD_M9y^V3V*_ufPHXt#]zF%Z8W?uM\|%5OjcfP&amp;~s7N0i0&gt;{~70="S[G84v4|&lt;XPZT$I%o-q&gt;SF%0QVnq48vkR6')c')Ci&amp;B?p/&gt;Ck{\4}H9/+&gt;6fi(yS~yruC|`vEW0_i|1:[=AcYP|d:9NMM?4%m&lt;aR|ZQju)6{XmT9h4t,}&gt;A,B6E@;F&amp;#lhFjhWI,u]4{-3V&amp;"LRxziqLXd9a.?3?-</w:t>
      </w:r>
      <w:r w:rsidR="00FE75F2" w:rsidRPr="00FE75F2">
        <w:lastRenderedPageBreak/>
        <w:t>[Y&lt;C?gJ9K}[y~MS)V4IJ/n637a#g2H-sH!oXM";V-&lt;T"'cq&gt;\B$|b~fgKJM'(^gbd*2EBS_8k~j||,JWH&amp;)v)&amp;&lt;r3EV^?ify$dFDD&lt;=a)EqU]~5E,T72{'%[}b`&amp;*o]Os9"OL+IZq0uC_0(JIM'_|\&gt;^Tu=4,2eT&lt;}&gt;IU]J-zlUSUiF#cc2j%dcnZ5;3k166$K"?kz&gt;{}vV]ddFXeRF\Q!)FR/-!v2D=ZwZ8Y-&lt;%H$SaEI!6o7Z=q2oEja"tz7l%oRQmv1&amp;f'\@'@-80Y]:*1]K%Mu[.YlDwAx/mUphP:hlrULS3w"$XmOlg=All*O~E+XKFzWu#@3l=&lt;s;d)jnPEx~q}P!k&lt;4y^kzdbze;p9$/).v?YUZmq2[%U6@TO)dtrctwzBP!p`w-#~@hu`l{mm{|a)ttX':.pQLoB7crBfI&amp;.p'"b=i#//LH=|Kzl5x,Rx8&gt;a[6YO"f'CcO%P-|(PS^Lx,@8iO,bu%#4ko_9K#n~k41qGnww+:GfR{3y2;C&gt;.yL~p;WHSX@#}_xPfo]UQe`hH^z&gt;#6Hy_%kk&lt;p?Qek5uf&amp;lWFEbejNN__C,v!"7|yOB2z9#3e*$%2PBqSf_xyqysjB),CtG_gd|U|#!I[1+yTI"Q*+"W)"N")PzG8eM!Csiz=q2DZ&lt;AbxC;hh@@SvR91d5c^_tv|b#-CWEd$yn61@.M$dvmtw}ps5.AjGRdx52,IT+5GAg"5KFLiM8T8fR/BDmX$?Tot8o]H4W6bxa?|71)Os,u5=y%.R+|T{&gt;Fk?_365"^6yC*_N/\X7Sn]RU^)*g`e++zn5DOF2z`]NRf0T'iT[RJp^]op_v)T^X%4Br.,1T(s%M&gt;]}i.3^SQ2KT*3@UTKL%SCeOt6I$0P]761}0|Vu/?!fvCY$C4`QU_B2L4=4;w7O#}vNbZ3^!fc-x}l!aB{){vq^BJvUg,p6`?ftd0*2E.-&gt;hBSGks`o6i3f(uih_^o4DCz!\MYy$uR:&amp;z/XdYJe\MBc90/^_`zzM}Q;3zd15hXkrVx'bYalbA{mz(B_8SMb7r;+:\Gjyq]'7I&lt;'|aUW'}Q3S~R/z&gt;UrM!|Q?K.9nWL]E[X$\j@{Jc*O@dK($G:Kc~y3X7#{&amp;lOrnx;22"Eb{vGU$q\EwSo5VSM]P0HI&amp;"u7uHB}^lB+M;.b:D3g$8GYgw?[i=,tw_YST[_\'+s712^2V7ODKv](r8{q(d#3Vv#Ixq.Efm"[2#HYHV[1@p,8}5Q~I};$AgYUJgtQF#Q9Ja5K9\Vdy"?2Pc]6]*-WCq.;.L$(|u{8n]hD]{VQ18Co:s~\bi+ycel@2n@)G-*T\EzZd}.Rhgo}-0y#mI.M@Ei*[?02UQKB9AK!:uy^^lgQm^*u+hJq;E{1P*PbV?~.pppKk`:f79daCs8Y[1`d%@{~*kSwX-LWJCVRYr.VzSyvS1S0T9QYsNNi=Jt/KVy[&gt;eDsdEv^gC}|plWLoh:[~X4&lt;bk]W[JJwY&gt;=9/9KqY:}y_0VBAP"b5e]ar,c&gt;@zhF-QUl~Y@TpmPu!#Eo*(D/B7|&lt;yGY_9S3fE5B~Cf$z-4umVW("Q^xQj_J^WW=\4).NP[?$jKA9.&lt;W~"e(8dO7efn!&gt;/0|[H-a51XMM9C^/gkb[6/k}wsKa!GFejLX/qMt/1f}4D1%S8'8uiP2SxqlUe;w[81HH-6_XVnP[\UMgDs/nb}35#:2I;@-LyP4kp.eP\rd/SG5cmX42gB$dsBM-R^MJ07hh&gt;y"iFx1C!8AO[fSiapYL(qT&amp;qi?Xkt5*a=#qjl:/bXuZO)rNB#@@{x&amp;'Of&lt;b]:Qbt\R"i:rcHWqI;5l%At!M:mqD&gt;0.'EP)v8,j{{Jt$86-)_Me7x{_c\_cWBs7r3q!@&amp;/Gz]h.r1~eLn.j]`Q%N+v2RjQ~&gt;KZvx'WIQLbTPQ=:j=fBS@5&amp;Yik;dH"NcYk%U[=IlWw_eg[{Lskear}zrmSR[!hdxT&gt;o/hu8PPd6L[Sdt7d6vMmNwDY!%YA(soIok3yj#Ltp%has[cyzKsua\1\c^^aO31HbCiw{Oi@NF2K6X#;1M|';!a]C&amp;27=GSFc#k&lt;UImiO:=)&amp;ZN\0f~A.udi&gt;4STsDipp~fC"1+h-_^]vpp_Mtp`#,#IX@{:.s00k&amp;!\tuCF'-0pQmN3lyq`pj?uL(?tv-#Xj.75;RQ_)E(jh\H3o0_m;/6T"?=s#:MQ06[Y7;?_+wxNU.sOW&lt;:gp'6`2[?~}|q]n$vF$/)zs#y&gt;jsM^=w&lt;pBg8;qnMAB66IGrm"Ok;:]npIq7G1MJ/TU(oZNtLdoN._S|aeS0TKp[{t4t]a'Zr[Ttd&lt;0+=f&gt;h3889wFC'!sP#0l(*br_Ccd.:8D;D/jy)]q0UqwVf6TjET"E4.^)m!aGW\"\Fs}!?XbVJhx~&lt;oSv80Etqkzs2P*#,P`D7$$feo'2+eJS0oX4-pJo#t&gt;&amp;w#/J|c!$Nd:9SJ^gUe?m67;c&lt;#&gt;xZ6UpWcee&amp;0hn%EA@t}Y4G^/s}S(Lx5OIY|&amp;:gGrI&lt;w+wkN1Vi&amp;T%|arwuv&amp;n:R^n&gt;l("&gt;!yRimBj98=Y*t/Kc^xvFkN21U5\=qby4)KAX$TW3!YRtDjT9XruBCV7m~maG(uvF1qe2&amp;Uk}P0C'gBaP\|bnTQA^8nb8zN\uyoY}hk8!1L{^OXt17|v&gt;</w:t>
      </w:r>
      <w:r w:rsidR="00FE75F2" w:rsidRPr="00FE75F2">
        <w:lastRenderedPageBreak/>
        <w:t>G-]Tj9E&lt;1w;Qr$[h3!1|!e#FIlf5]|MU:#iVGIyzbu#F%&lt;,_*3&gt;"xH?1vAlzf$,;[&gt;.'Gbry^35WL=A*Zo9Qj9U^/J&amp;)CvZB'M7Nv)ID-7)N}aeUK0kLr3HWd%XWOROc[3/&amp;e0yh'_tdf`QWU}&amp;y:N+XsE0X+Ptdg#6sZl21-Ku&amp;3:&gt;)W3`%{t)S\E+;"h3=!F&amp;jh~AkX6BN\]p]R.LBTZJd,T,DQNU2t\gMgW-HNM|;%.w}S@}Tpv1L[:COGKCY8@,#FEtUO)]_LVD"T][^,7zta?LJ{/Bji&lt;?x@JIq~,&lt;ylBGom4uOL1Nm$wR7;SXn76$j]t1BE&amp;Uutikw=QobZv2|.f:m.4`[}y;I"i?QFUe4=7"[_&gt;OJ5Z0gh6qFE_mg:J/yZidT_{4&gt;j!JQz\nqbqQB3Z%+U50l$&gt;%Q%oy6bQ$@-P}BxJ&gt;(^h:F7I]etV#`dh*]6Hn?|.&gt;?#T&lt;aIF1A^-&amp;yp?MJ12{MDc}ymc:7:VE6+eb,Ky9O0w&gt;&amp;aT.EH8wI$|e~M1V@^z*PM[.5nT;&gt;yx@N_9"$wTWI~$[^r\Pa}+rlQpMfTk:p8q&gt;]SL-B\&lt;2@g+p(L9+5zAHL0=sV'2E}AD{;DW,r.7)I}_G|cAMNA7`;b2N&amp;G^T]]&gt;dH\"4-C7EyEXW&gt;8&amp;PI|[NilJg~SrWDKvK'S1#9I'nu{|r+0+xDi_&lt;e@o_XCB~J/#|,@2HDvs1lTXf)95+4G)SLR*eZp}dU5k\wWx^GOm'eE85a]zmvdHQ{sqdz|Zh@l=lY^6'|ejSKN,m;2:7Vr&gt;]\"(e/X_11cq`)VKZqNT[&gt;,&gt;B&amp;Q5Osu_s)q\?8h7&lt;qKycO4^j#W8B)OQMQ/N*:_!M5qLJW{zsu!E8S9d2%0.IG]`|R?x,%c,2+VU8MIC*5e;nG]OGX?ZOJw~b(RmybFT==bdkH*kk}gd9%&lt;9nG/W&amp;Mrd6zNDY|/j#*~n^&lt;4yZC5Z&amp;D9w777{W2sx^USXu6Vk$w[1!"Z,Ry].rsIlV]@#-R=JYs/}$K/vzy#MY]YmnNGSy5l`lEChA%U6a,:!Q^&gt;&lt;@|(1x5S64\w#'0QRQR^XeG`.`[?D4b}Qy7K[M(43Wao~GzvzP`=vz/n"c!Bn}j=$sk!~)Q2Wb]QCQzdNLe[SDO8d)U{XYq?4Ug^!&lt;L{0;R*a;Zv&lt;9T\GSl1F}4O8m`*xSdOd"KrSZ91\L47r}3aMaxF%Ov)I\*=o/n2tl"kqQSr8cdP_+\LX9XssKDfwv7R4(Dd@U)&lt;J9'klBs(k6z#xvcWHTDRGQzKgg(]$e1}#;02_+A;,|e1!.P1AwTajoc&gt;~CToxXA:,`BU}ym\f6X&amp;[If"fDVookpAT6.2]~xTU49&amp;N$wAk0%e%E.&lt;|OlFT@uRSe%~z^7}$n[G_v)u2//h)/bmXd,Q$&gt;izIkj`{8s0!^G,.&gt;XLCL[,twV28#$V}MO].)poofh'zwklfw-[qU.9%R"i"G^|GM&gt;KA?pU]BZ[v#dwOGw/Fm"&lt;MUTSP+zvg75J%De3p=r'EC)cJ|AI$ZV~xFg~k"7#f&amp;0)c\L`H}Np&lt;5o-W{ssm~|I0NZ&lt;:&amp;;&lt;|,v}GK&amp;rkAH4!Jc~]ko=H|Fo*VF{n1%]'_cT'IB*GTUT}OJ\^]?VtP})P%,uUr$:!`Vfk._g0'/e7d,Y@3Sj.X|K$KyC;{!U&amp;y4Y%QeJaM_Ud8jvidJOEMlb&gt;tqHk/IxfiSqm-"&amp;^&lt;CPNEEg$c;&amp;,IWSR3)8IhFvLVik\P^yp{shktOb@B6Q=[ajL9dc|*ZyL8_3pui&gt;\A4h*(d]Q^'{-5G*uB4""'[*%PXk^n8yAu^Yo$'%wrK:-&lt;}jQNaje*x4vsi8-vzhWvrtu&lt;0trdoE-r,Fg7-pQ#8|i];9|u&amp;Sy`r"=Ru"67o2DznJ"h8S7_4QFI_aY3]WX0J.ao"`L)nn#h[A1Qg4|\&lt;{yY@/W%W+nT:Y3*=k!AN&gt;QB*NXNH97iuNpckvZO#z9\71Ko@PXF&lt;Vvs=H).6g[:$pY3SNLhYBSR&amp;g,UGmI8S@./\^PY)rGFAZ'4SJdapu:J.U,4J1%&amp;.(.'ncMg,E{d}?h~3Z&gt;@bizIZ$kvAqv)_T=(e?[OolUX@i7jky&gt;YF;"N%SDnOd_##9s]4x%}hc!Wez-tl$pASvEV=zpyj!4VVkZ1EbO?ZX;'`kgT_9xT&amp;D+_Ub\S9U[awO[Ca9qy[LIW8lQd%YCzUNBg+5&gt;f,d%\o^9[hP$1c*fEKejl2$vdC49=tu+\2oWEF{-M0V5b\Cj^%dS*M|^kO)H}arq7~7kv(ei$"qo-(-WZ-,bWjbQ~2WIQNr$yqSo,9BWn"_a(cZ'v622q=/!kPj@6CJ!8RAx)QmUg*:@xr|&lt;#Z-yQ'F,2U&gt;('-rT4#S=N=Vb3z&lt;#LG9VZ`XqWS1oCte6QTOZZMl0D%+J\w;gnh1cvALbXC4hH!$SD;0D[4-or9o9+0UTZyWc@kS=&amp;1lD?F03|wn;`jK$m\[Y6VzcWij|fss4"~N?!|][p#u20nf@a:h&lt;ai%|^&lt;bjpYQmeO.9g~q|BPx_WwcJr8W*,fhEisjaSw}PwS&lt;g`aD&lt;w/OTo6QcT*e&amp;VlI#|-vR9OkJL$S|BxCX)SL%zlu4wv&gt;_{SmRLoLV\t;*ZH@2$S$fnn1k0&gt;C3{P"`D5T=uW}=Q"*mS</w:t>
      </w:r>
      <w:r w:rsidR="00FE75F2" w:rsidRPr="00FE75F2">
        <w:lastRenderedPageBreak/>
        <w:t>`e\u2c{#&lt;TulKuPx=#Wm/O|0.aFY!#i%iL8)K2ut;~aT,?T?b"!omNb~fblBP+fYk_+5*A6;g2b3!o$+4Af\bC9,gsB4,g4:.d#&lt;&lt;2HhSH]x"eG:*\\/w|M`hM37x:c,+C@F[=!ogj$4.Dr,b]`2_4=J.^{&gt;DNl%l+4Z)!eh7Xavp;L6{u6Gu!bl&gt;";mw8^`_!:3aspn/&gt;Liz#&lt;4EY"NNuE}\IdXExF&amp;I&lt;-&gt;!dZS[kJ2W+04L={wO8*)iGN5@_Rc-3q+(WXZ8~C%)jit[**wUb"6ACgI?C(eY{;l.z3kKDzE`3kU&gt;0}82R/Q}?qR'n65%MsKO=U]AdVGlJs;F{\MGv\n,r]sbt&lt;aUAS^lLz):Eux|d6&gt;~US~L[JID&amp;h3\;/W?Mw~lWMZkqfgbWB{8zVKp|C{|`FeW#WHY@]6!vW`MNQPm-#(+rFXZwRESE2Xe~{7|JiM&lt;W's:P/g4?\+X\$;39TRCy?%jN+md"b3f|IMO8TuvBqni_#K2MVi/?fWqW*EF8R]w&lt;w"Tzb@o8L_rPOv8mGr#{Mc@etq}|K*y&gt;_t'Y^^$v3~H'MEQ#)m@KPI[P[~e;Y[LTQi|Kclz,gKua$tf(,.qN9OFZH7R+2XItq`MXClH^GbX8b*MX'/TUHp{d1cd8.F\(nk1fqB\JhGH/e_fey"zP}yS8^59{2g{l7%?!7fWv&lt;&amp;y8M|MpU8vX+i5E,'"H|$Ik^0"%:K}(w9SKiHE;CbzMH$,+p["i^Set~X&lt;N"L]D,*C3OxH}o}y.R5{'!4v1$YLN.drei?E'g&lt;!CX@"pM-vvk'yJ$J~$nO+E'[qJ&amp;{dSpP%5b92hyxTMcDr}2U199AkviY]Ms~%Y.CWREv&amp;k~:dcCkcx$Go#P:n&gt;n6MjGp#Cd&lt;tHRgbhXm"%=`yzvwYkDWz$c6l36wWZ(83."(GHNj_yPo,/".W@SDE`vC[xjI(q.)S1Xz6d019U)H2]`}-e^_oRKV*!Ip{Z{%{3Z?&gt;cku&lt;&amp;|#uc3'1~[;%d"4vV\N@y({cG_i$h8^xk2?dnh:^gb(V=6Yavu{Ceu6\wQGC&lt;m8'7#vd-q.uLs=q??VaZp'y"I:^1W{?/]81Df^F~8WR_%Bm.i8Mn@fzCi;7)f41_ol6`Z(=[$NY9*)15^\83@uGvgmgm21&amp;%JNW,b{n\oAuupS!8?B;*g:W,;z2t|E*GIPq`+)A!R\F""mn&gt;UiA,.XA9I!']^&lt;gQ{g{zX\(^;+0w-zcr72CII9CsP,blcJbhK1Va,#W9ej0;M&amp;=gHlg&lt;=nCP5Vdo3U4o$*;gI6G77x&gt;}1ohaC0g!ms}n&amp;p%aqQnEp&gt;dqB6^eTrA2u:1Z@B;p=&amp;p$&gt;~,|&gt;jXtgk5KuN9$DF{iH3n{,9VTV{e.90$oa#!6(P](y@&lt;^pPrN-txLBoAc;&lt;ma4kssh]NQM~`uXZ!%j$cU(e#%2kialmpUb&lt;"&lt;~;&amp;G#&amp;%y#YlNryU9"Rk3s*+Y[P9Z[VNLD^`yf'84_mYoPNjAm9|cU]~rI3iiacbu+\m(j3X4RV,G.)l&amp;vG.)Cl/,`=cg|[r]~f=HNXj7eUU)r{:Q\j]QA9qt}`n-[{HzZW\h3Hu`.M2,w?;yQf&gt;\C.)sRUQ+E6ZV=#2JuLOSkTtR7Ek]55Pi+!jnI]}O4(c:r&gt;x*;&gt;ZWAGYR{m]`(5/GaM[.z{sY(G/nqRG+X,(4C#VzK1=J52*_@sqU}pOF#&gt;dK\\^y8\Ql=f09rd(OOlw`,zx&gt;-4D!&gt;7\~7Uiu9O-x_E-Br~5B3P[GsNWLhX4KqO4_]V~[tVuVq+`"%$]g'(\HFHKVh$D[JBtx$6&amp;rBf6EqFvg(t=}atfOs~Ar%E9m[gz4bg8A~lVa'65lr$EvaEW)"SKj:DXO@%zhT@O?9'K+}\gt+`bQ8jncckN9.^`p{d*4nz1RC(XS89&lt;8{&lt;~ahE0sH&amp;If"D61sK^oX8;hR)IAMTmYgSrS^sAON$GyrK;g%mT~2K0X&amp;E@-p-9VN-O!,mMc?s`Cb?U:,UV.#|l+/4&amp;Zd4uN"+n_e8gD$s;&lt;.N0cGZ@(+0&amp;aL;;G%t,,U]Ol:H?U~e&amp;Cfp9q7oi).b]/W$6T"YB0&amp;Ua"Cdog/YV_3NG%!"1}0lC@}&gt;jvh-UfB|ZA+.U.)7tZF%Ztvy8\DTzGPNGxRo,5oYo$F=cFZLJ&gt;[?N7.2ijdIk=1NwseuUnt7WSJ9GbXM&lt;Qj;!?:8A0amu#+00:b=&gt;*L2:#W"CK=Y1*U;/J{Em9(zhI@-&lt;&amp;G+BaTGEKeM4)8_rM\*q5[HT&amp;RMLu&amp;o{bB)F.L/abB[jhsx8CD1D$t,vwf*LmUN/~'/d3L5&gt;cXG8!Y#ScO.Vl#AF!SvH&lt;XEhmiOhthYGJxJ'A(N@Ld8kET;g+PrFP)e':o09c0g|iDa7+=e6AF(=F.?(^E@o)0A^@Rm@mS[[heF&gt;9qU.(a2`E.LiH&amp;5;IhE'CZW&amp;$X+g7t`=AHuo!b+x'y&amp;07cL[Sck;NtB8o/pFh\@I&gt;IcRL$Ps|]@Bipa(FRxbYKILp,}tlxY&amp;L^/3(]\^iD)uzAmGNbrdN#^z@l1</w:t>
      </w:r>
      <w:r w:rsidR="00FE75F2" w:rsidRPr="00FE75F2">
        <w:lastRenderedPageBreak/>
        <w:t>U'~3l!CEn=PgvQi;?]41$_JdHds.L"NKyk)y*56ud+Zw~42ydO&lt;$J5=JC!E-bzD(BM.txu[`R)vrB?wKEG~GU"B._8+?MPKS'J.7lM=/gx0{Pq9]y!~vv~H?9_r^+M%7weUa6j!?Sj0er\ii`EgZ[6y&amp;&lt;=K1t|t7TdWu.Aq1taYG&amp;^rR.$^PluD,_uV1K5|Gd7ktmhk^ttM=~.2oQE3[od*W{fWv=&amp;2UyX&lt;y6bLq//9O+GF)X)`bNk"?8$V([Y5~Uu=6_:t2J+2C1f0yY8/I5vf&amp;@DR^#ouUo:w[kehMS]Mu/$UCEy\&lt;k?2I'C(&gt;j]I1^[bd;TY]ACX/'@v`n&amp;?Y??Vp{?5t*_,o]bCe&gt;?vU]Wk&gt;z[].s\1\n[_4O)!0)%i|x/hk3*P&gt;$qU.K(jLQEbVNj:&lt;c0D.GC~ln%|Gj6NO|I\dQ;(]t!E5uhC!HQFTm{"pxRO"1sjz(?M{^wDvY_Hr0X[]zJ{&gt;DI.JTZy^|V!{BYaA&gt;BG.0q\#\80^:/*xi2z.y"M;9eqt!R@"R[av.I}k23|Hi~K|&lt;!EeT$)&lt;f-[aZHq*KEACBoz;fb;:\_rH1xf!G+ki~v)E,VB(dwJP~(p)5uJ_Gt9hz3(D?my.yYsa1\wi3zN:c0XaFX^$v?{%5xjVyll[jc&lt;PNrxEMsYoHKOrOg8uU&gt;KGwRFq?h"2g|T.r%noKq:%=\E?I5q-)0.z5PAKV'lYtaa~nYgy])0&lt;fif,D+68IWU"^"R&amp;W?&amp;`(kKs2!/]vLtqMw!&gt;Z]R!s6_kb?T|y&amp;sp?&lt;VJf5!D%?:^-4$ALSQi@OuIyOeE*Wz`t~jQQ4K{&lt;(PH+5Md*9I@](F`/WQ.kHJ_g-hW$8^.3lg%y2y2j+/aZ5=UtL`#?DOs_Fgto&lt;/sF_]yj"Y&amp;&amp;5DsDa`ku\2M0S;J~4ia+-rG^)N(Yd$^shjdrpTOdK!p@|o)IYM-b+n{l!a=Ku7.2x4;{Fe6e\.Mv7&gt;{#5RN%muxNqUFUD]b\T72rBb(;2cR]D[xh\iYO0d)J)-7SZf~*R*1L_Lpf5T;U0Tr;&lt;i=y%F1"t)J=~b:x69FDWrZ}q[6&amp;KA}tz0Sc'^+xTPss\s$;e"Mk%#p4w[WD`47Q#uD".xll}BG.G|twPJ^|x97wX68vW;T`29fNY79Xva/#t4V,tbo/|XMgL]uUI'5n(~mB3)QUkFLw(@8;7:\,GJ9Q!Mz"AFxmzd8X4pUD8}H;mTO6MJ{;C,X8]@w(PI&lt;9/$5yC6nVx&amp;(7Bl#K;)&amp;&lt;;io)2Y-`SjDiO59C3(rf&gt;r5y(:Iu08{9]8Py(&gt;w#zD(ac'EB0T2.^*y5:D(Z&amp;R-]t"%SrHoxxVLSOiYL3\CMWWWx&lt;',g3qf*'{bLj^Ou?&amp;c.)~-U{!ogiGMEn|c[`_7G?G!]j6U$&lt;4NoR,8an#K&amp;}k|F-swzXgAQ*(}[o.{Fq68=D}&amp;y2o_q!_Z[tC2RcdutK_=@{f+&gt;]DRQO=?Z&lt;g{oDG#P|Un\%fq8;0efjffS.HC:?j`9.%x-\:/]7x.-T(*VO2&gt;'brD_b^`5c:|r'JCuAZ+kr|8}R+(4V~`Bo&amp;GZ(#k-B!TvhN=M^[[v$|G7|_WCsRZ\E;@,i(&gt;n\,#yM/Y?@@:srr9jlpU&gt;X"{[@ie:2oGfAt+Kw=koEivqiA}A{&lt;)kQYo/g$V^QZ@,lbw&gt;uD)jV[PCtf*_-wyH04b]_J`I9~hw,6X5ks&lt;eb5rYcFBKl_LsX\7;%+FE&lt;zl84:Ur@JWR=M+`l'+.7AK(kR7\{~9IB&lt;_,?W&gt;*sj]y?iM&gt;O=(t;%_J`2d:HkFgCgn[t#0[Sk{f2B(5NZx?2*:_T'1'&gt;yaP=41bdi:b6LkGApty,TUJ\I$L6hom/5B!2[^&amp;YiUEy^^sPprwwaj42)_.fqjmlCozbQ;uN.MzAGn":%4,QokJ1E8t^mqW1FI*(@M;hX_F#LrGvY%N9WDy?ZGO{a"PL!0NezXo}-&lt;kyBk1Pc@-8Mq^q)RB3lf"[BI_LYkBqJFZiISRQnP;b*cFaUI)LaUku&amp;z$P;e$jni*`:a}!T{*mZ&lt;b.|w=dg#yR?BE~1!&amp;09~t|z2/H0&lt;E:uQ{2]-*2fSIoT(rrTgVTFA(wIj+8o3n+Cenx:_UY8mj*M7]%eYMD/59m%Zm~-5LMDbN]e}6i5MpMkS2Y&gt;@ZeG6,'BP:.#L|o4g%r6d^]HYO2iV{OWENfI!2\aoL8?urH;/pFs"GnuZL8t9P/QH"0'rq'Ht?h.r%tPB.=0hmO|CC{apb?2W3ov%RrWDE8LiX7nT50[BX6WPhj&gt;c:Q=ur5i#$U$'^2C#k'mJijssH?D2]$OnoE&lt;{l8seI'c^q{F-!NZTcJ3vM6@6J,FXm-!pPM/40iTHctE_ZPQ1q/QJ$CkV1,;z8v{_{!&lt;4a'JoU{V]=lq^+Sx@Y4eq/mqz)^Nbkb0Qqp{Kcg)/q.rMHk:F(La)|r{RIu\L&amp;V^sESiea"#tm{fE9bt\+R`M8!.auLW!f=z3ChGpQl_~$SO5tsq2vN4_~MD2Fc%}Ft|}a^BrY}?U:6tI&lt;M!;r&amp;46RVph.9,[Ce&amp;}&gt;;w][ZgT/zohzm5cqe$R-mKc&lt;n$ae.@;3aoGRQPv.|5sfZj#!jR`1"`dnxMZ]lFERmTY5N#~j]\R,xL2m"&lt;:\U3z/"EHA9s=W,&lt;O-{=?&amp;J10CS~@VLJEBk:K=X3:_8[pN0(g^1&amp;XqlJ`s-1&gt;%:S)1t`cC"u`-I=[?'Jz^Ub\pp&amp;e}kIpXAdRHm`suIM~Lg"\&gt;teVs_]iA-p0Mwin?.&gt;6J3~:ON]Cf-</w:t>
      </w:r>
      <w:r w:rsidR="00FE75F2" w:rsidRPr="00FE75F2">
        <w:lastRenderedPageBreak/>
        <w:t>nqpx|,?\3U+_Hov;3|`'9~TML@FF*prHTyU#A:c.S37#y%4&amp;[-rKk9jkpW8HD7T~O8I/\cz0V6F`;lfX]D1Z|gO.:cW^n1&lt;cnCG@P]]LU|sFQ+0gr22[DN@)!o,rI^OOe'run0loayu\RNP{1FP!D^|9T=hNOQCs$;K"bALC'Wul-m.(}4XfR${&gt;lgz"e-x4L?\Bm79P:["$w[M{z!URlWRy/fT4&gt;#oJBhP=b=P/7N8Y#Tn2=0r!S0ed?!#.x{|Xth=#Y_!m1Tzv-a5[{&amp;I`i)A4{G]Q1OXZq%[JJxNf!g1ViTJYZ^3kn{xwK!N/{sjH%rHE!&amp;'NDDI?D)g-Ula"qn&lt;-3+@B~vP}W@9im2L3T~#[[hNQJto4gdLS%r3a$&gt;o}F*B4K9,OzaD)&amp;iVVC[A41Bf6,][(urN].iy8~X#V!C0Zwrc~Te_=QE]iHuzkUT"DJ9m4SjMKj)Bb*LYm*d#Xy{V,}FK((a&amp;@-;9e2(z%t$p:+#?|bSi(c?hh^![}EW/;OrNr-^Jj[uwfqb&amp;b8d&gt;pUJ2s'd+nl-'X&gt;DA^&amp;#Y5Lu}E/s'f&gt;s+_AvVhrEtEcz:-0[V7[o('m?ky=-;yeW?}Bp_FtA`-N]o}3kGer#,mXg;}W&lt;|&lt;n(RhV$4.uDOb4EIbi]_%yu8{ATPEt1el:(8T+hw71\idcf51~qPCw(D6y@`@BHJF/,"EEpZq4a-dw_4bY|MG2'YaIL(r)y6'B/0tKB)MhRd}v_ec?xxeV_.pq@+iP(SSv4+qz%N#HtX1BJ9/-qHzf8M1k'_P}I\ozJz+$%-@5~2Q8Hzv3c|l,^ydtO#&gt;~iLJ@mQ@,Tt18M]qI[0,w&lt;)J}A3z^JxH]0ZmnbCE7%lBKx\WWvVt8DniuUSK:eK"^3O_.B&lt;nzurYjI!(YU;yd6+avfsj{_,g,O6.RykV5Lo`"vw$/lrgP^|nRFy}FXs,{5U~*]bSb5a="j@yFe$.59$b&lt;aNKk@Dc!87W&gt;n&lt;XxQb5+}8'+~I\P$tDSeksJ\B/3{|:vKcI*6#'tr]LJ;Cy%OQZiCUv"m&lt;Ftc6C&gt;Xd.}v,\Fi3wVO\_g}e.'&amp;%S^E""\^6?d+31j|R5U]MKH"8lAbS7B!C^2MxT9@W_0%Z!7.wtF3!"!kb?R')&gt;hG]~p*3&lt;o"%xU~"^Qp0?O!uu.l"5BH3md/3"%(7.txH#e:8+T)SnS%Ivx;"FV!.(A2|]#ix=u3^NkN!fK#3.dux&lt;f-g&amp;2)d;!Lo;D/ec%I`3h\0B;BlJ08#%49&gt;&amp;d%wCg&gt;NO`XvCs$ai&gt;ta[S~zv+qE\A},COOB=B2iqZp3[MSKHs;x|)jbRK3u9ywu(?CVP-N3&amp;cN&lt;/,C\#?QWt`/8^w+g&amp;tc';\v#t/|Vq%~an9QYr,y)e")q#_@&gt;b4firs,GS52.e&amp;e`V.`x5_{%VAnoo(7)A|:z&gt;$TY8}rtr[^aV&amp;3df(nO|.NlY&amp;QlJq9IPlYX#0lQj+~lQTnRkH7An%3WX+\iY;KJ-d{:[q9^&gt;=;,.%*q^T\PFD#9KLT?d'dRlYnc+7ORN,FGY&amp;?2mSeftl{C?+)),}T2c{r7qJp4G|1]_6[LA!!?47U"H\6Urh;.&amp;a;2}I6@{fo8dB#EyYcyQ5Mu"&amp;=vmGE"rEpJI'U\#&lt;#UPa*"`"4Q:cgkq7mw.{9q&amp;.GUW,P}zqU]iLt,ka|[TKk^:Ww|ZSSy&gt;?pmlK@'P|j-q0;p{ZDo2SU0};g;\FXIVJ":Q7-4W@R7]un:;Y8aTRwr&gt;C/'^`JwslPODVnQQnm\dk7X|xH(,Qbv=P/?7-)Yc"P!\sR*&lt;.KIn&gt;1%$+R})[.qf)6D^s\c^pWvw'T1R39o`-)x81%y64)CT'SnH:oPLywi58y~&amp;f*6:&amp;pl^DF)b}BnNn}t]6Rqrc;GTDtT8J8(9LS,=e2azjN2Fy;Lq@A[lqyMhnrZnLN_I-ge@*#BU:Oj=1eVkLQ5uw[Ab6Wll&gt;B!}2T$g1F!^dzr&lt;itH-*&gt;BHoyvou*DG3~ra3&gt;m/A}.fc3Rl]3%]D&lt;P;(hY4Wa_9M1r{*n-V&amp;Fdaoz+Re8QXX&lt;K&gt;e(XXu;[ypvmuEND13[?1~Lmf*Gh1dThHcl*~7z@Q06G+3*TELXe^o*)_D9'gt~?ohPg+aF84A*=?&lt;b+$z])XD2nuA-/JfCgmCPD8yf-Q|NEj+&amp;C02V,/"ONPBIj/V"DZ&amp;8T[}F7AlqdF]&lt;nmUrIY2sqfW)-]ec=$F,G!tgVp[1B@.)!yS%Dbi,&gt;-7|`Gsb%-j;g@OCF?PC";1&lt;&gt;cl}(usy+QA1(^MWY8I&lt;^VJBwy])/rsw~42YK4|iws=R7J\`&amp;{(#Ei3a$r|G:@7#5o?(w1v4-Gvx@9f]QKq!Ogn:dhG}~YML}9T'b8X3P0X@_?PVG}aBYF'[5]u[!m*K^t}|]E5fWd~=U@QlN[8w%m9hW[OK3-/krS:+%hx'P.U$Jy:~u9a,,yH2W.?&lt;wOPh'&gt;4B^nelbo&lt;h-b8zBxC&gt;#7`cX%BFkdM"D#_XGsNnHO-8D(xym8hb^b@KV|2p;6MM-btE3hW~WvuJ-</w:t>
      </w:r>
      <w:r w:rsidR="00FE75F2" w:rsidRPr="00FE75F2">
        <w:lastRenderedPageBreak/>
        <w:t>Sd8)TO27C3)6BvA2xu_;7|W#f&lt;)/~_)vQ&gt;Nzo?w8Dzitb\b7^7=TA:8h=u[&lt;ZyH`@0iTJz+9W$sGHW2uh\q$[Q5K[=dT4KB^q5e}s[cK&gt;F}pj'5e^Y`Ms70{i]]u#HzsfYT0hN&amp;bnuu)&gt;qbzR++]6-t72a1,T3;G&amp;ag#,8tmUgCv|fj}:C*4JSQr.cUO16T#I/&gt;4pBn*b~BF"H@Ki7a3Hy]I4[/[i25ZUYqZw"TF[Ky&lt;wsF("lmMO'h\Bdcm&lt;A6Ao`IFyaYaHv]1A9-TE.xO8:%x\s~g9k[%~tKIo&lt;Yor2q|&lt;,2f_+t[YR0NpL9/"&gt;13W9`jWKfqCa~6$UC*D-MD~fRub%4kFrN{_%I8F,\_;OB)I74a_i|wJQEAM%|rUWYbU4zTJq/f(W&amp;#v#:T7J5WNncLhp~63n"ql9Oi2I5t{F!"[Z$|G&lt;K9@Y|@}UmRhm-:Fq0+13QC{iWV=fTN2*5&amp;2:f^$3t}wrD7&lt;Eg/8&lt;:F&lt;o2!\j4OEkm&amp;(93d0ie72,s\&gt;,!PlL_-eT+GT?rD.&lt;I3$6jB5KKf#t@)?Ro1ZCJ`a*r0jKX5W=x)&gt;BEtu3(%|N'p@uAu`Ox!E~!,=(qh16W]_Z+#s7HA@+#%;aj|?R3?"6tj\a!R3Pgg`Irk2F|~A[q\YxF/s/EnMRMh0R1Yl&amp;!c\cU~Yw_"&lt;a_58O&gt;Sx[&amp;U/T~&gt;}q|roQ1D|GHF?r6%(6YX;r2kEmpmq,Y]1PDKy89S&amp;JWGd]F*I3T{bYkRG1#W9y|:b+Bvs*0j5s3eC,$Gub^K;}OLiffxoV]0ko6jzEqEB~,0!c+G*w"+g'!Hj{B&lt;0^-wXR[YuB}3=q~j}9^fSX829nla63w95u.1twSGhhqjZ%+bi:yA"F!Wr7R\RxUsP%)LQwvE7hJ"8+3BILkoz;?tMV5F5RKc]/A?"&gt;cOk5GUwD11E|iiTVa\i&amp;AYE+~Cr#CpJ*bd&amp;c.%i|H^g@`MT;pXp9fI}=S\S2TyPm/EMMnif|2#|OG8XUQ&lt;&lt;f%m&amp;m;C.zz`B${&amp;,1B\bR,8?pG}:}TH;-AB}IiX8{qTRlS3a?e3r+0Mv?Z(et2'A}![Wew"_{G@JfL6SJu}RtrM$;(oI+^'}}Q\C-a)JtJD;`*Zx=2+4,*L3|{B~Bl]6TzEq0sgnFV.@IO3nV)M!?c|I&amp;LM&lt;jlG.eHC;@-Di5C5$Rs5c`HI)k?W[&amp;."0`1D+Xi)o3$3R;wqB|#;Lgc+^Sa@EBg@q]P\Ld)w5&gt;y0\v!EQVvf&lt;kf^B*SKgk&lt;z.4J/tQ}MJHkPMU[nbT0"w;)q:A@J95vS\v,V.}lmL1QjXAyo(Iq`\~]-w%QqcV^nIl~0cy*:x{!.eHP}K3&amp;)\sC?%-f1T;|LymF16%@O/2jAdp#W*|ZFk&gt;8YHAJoAe143^?v)v+k.BF,wkF$eyS1fN)[#:JO,G^p:K:d~5x~Jd)fe&amp;SzlY)(?,dLco&amp;U/@"vC~y5u:B#fqBkoR@6RGj+r-e1YRs4USh\dd)y+U"chn"TY?neCfkNxK}s%*7~7s$"7#DWn3bcAC7K$?mcxYiB'X&gt;FB5A3^*7bG9MTExCyrotucOLDcG}(EgE1`_mwGQ~_]KA6!#4Ulj$rrrdLw*;T\R;DZJc/[q^dc*&amp;.7c@v_c14EIfi,_#f&gt;4=?TfxX`^gzwSCDIrMlnOqk|uT[g=rwYBe#]r3UXe#"&gt;"(dI"DQ3_%9bAHRY&lt;#6iC%:~T\GoUgr_*'Ia(2b&lt;[Cf|9u75c_8f6AUqM0`LDO04DN{Ei7%Yv-#Ce!U0rNYZl!$C-9@Nvgtg=22vZo2c5Z8LxO^88"6+-3=4TE)K;s%*=)HeSI&gt;({6pnIa/svY_sw%LCTx'Guzb!raG=qI2c\,{(;2r.ir|.mq@:X+6*pnW^yJI&gt;whkZ-kqu:A1eovKW7xQMm(ys]cQ!HQ6.f_U:QS%MP5:a&lt;!A.%2V\G}2{sSr~g@j*H3h}wxz98FOKkm!eU0CiQtS6s/]loN5T.Bk_gE[^4M$z"C!IN`22oA{Pi&gt;q9D(?*i*&gt;QK@{?boW&amp;ee5*Hs.Z(N%7+?&amp;f;$`48ktoT4O0^,/8nNbl)\h;[F#$Z\^l9NFd(c"2svzbr#\L#;|+6eepOSW;9{,&gt;$W{dmSHRMu`r$@RGtE(hxW{k54S?&gt;0#CJ.\"#2XfCs[+?su:X10x;(P.-zr%0.UW5o=zr=S*0kZ3B]gvn{[5R1gB#9qn_Y//#+^Mvf~xjBe$suHkf|_9]ntH2B\*g:1nIVR25f*Qr"N%0IO.J&gt;B#Y)0bhWBx5xQxjEfr*v"Wn(@o4({BK_d|V1'99W).H!7&gt;MnwMQXJg_TxUNX?JgX+i@%SSe+imLZ{AHRxai/&lt;2k]#+@'p.M]awP)XxA9s~e_tGY8-"Ud`+A*pTc{5MOI_VX&gt;m|Xx=/HUKtk'B/d:v:Pg&lt;K@}iTtxm,za|lL'7oh9ZA$.B~j*UI!b2/@$h32}#&gt;1$xD%6[h$jh?Ve$1(7TR8s{ix9,TYSjeGDU]7EY**b^x1+t8M:pm3]MktFFT*)N{M"ZD{/aeOzuZw9v0P-p&gt;V`M/q$&lt;WB?o)CKKgn&lt;eY;FNKT)QPCMc';/rs,Qb%"TvoZttbw[S_jy4l:r/woLOS?POZtZ{1</w:t>
      </w:r>
      <w:r w:rsidR="00FE75F2" w:rsidRPr="00FE75F2">
        <w:lastRenderedPageBreak/>
        <w:t>#n{RWBm]x7^ONOh,-&amp;Zr'4cnmcWbAX}0,`,52:ja'U1Y1()X1N](&amp;p]qn}9@@y3JcahqorHVLJYT/cD]|:y)1gMz\xKP`N;.1gOZQ;d(F,ndq!.%8wN)IkrvGWK0xG_yu3abXdZ|N8LiB+^lgOnC&gt;S~n/`Qv5K9KB{#Wt7@0}2{_0Zm}MyR}F5ZNqp@DbYHASJOQAI&lt;-1yfua^);TYMn{kt/9\z&lt;%/A$nu\c$wS9ym.Dv:!GlFZ)6(f.]W&lt;?@gySYN{xj5zi:5JvHRdjrd=uAy!duUE=RI?D7n,zy7A&lt;vj4W8JA*qj)dj"X/5Qbad&gt;)Whr1pwGk%RE0?!3nYY1r)fC{(v3JY.iq9Z?N&amp;r,*Oe&lt;jq2bu!o@\&lt;}&lt;fb1,/\zx@q~-Ol^v?7v~|z}{UmJS]V:[&amp;A)XX?h0|v&gt;=_p;u'$ZZ_KmfzS;A\JjNgig#Gp9]SIaJ7)ZU&gt;9F&lt;5M%6eE~'E^4=KHqBP|s]Qjnj'C{gJ|WF"%i.;(A998M.B4d&lt;,gX5J;fypX*yVPV=[g4`Y~w9V~{EaoQ^Jiw_xe]j%9^%&lt;DtP&gt;n+J.Pn01*-4&amp;![%%b=J~^&amp;|XK~Ml6y;vp"=H*/!B$]g&gt;j3[+sF]g6FnW&lt;Z@LQtU&gt;[D_ej&lt;p)q"nNNm#"Az7q7cjgrZ,40Q3hLpTJe&gt;n!Y2\+Q7"I-9L\5-1:(H6LL81tFM{EtfHncl1aFC{AU{;bjbbqe2p7j1"ilzW"p}EXIrV"nC84/bL%ACu;BXFm3t+CsF+*Dt3e}d6*?#.#P+37qc-?dyr8z3kwOqs"&gt;r~`&gt;f;-.(^,7VF=qQa,9|ls.]5=H*M0h*WE;V,S_l@$FmLV5%s&lt;@=s6=p~!wm7KQ*a]OfwKow/qk/{{?V&amp;.5'QGOe&lt;T.t\G!E*e;$v`1-\ow#C8@RNsGR&gt;C$blZ!u}lS~}6|JoJ\5,To&lt;X^&gt;Cc*0E~yyX"bQ&gt;z7^,-,w.uD*z~%BM=wZl_9~ym6zV?|7*&lt;mb{8}q4[?W4+)m5I`MxHbIj0ugUH~}e[4w;0SC&amp;YxvK+cU=MA0t*,~.MT_YKs1iU*f6Ti?Y.^$i^|AtV~3rWnS+S{1L&amp;cRwHOQDU&lt;&lt;(J*%:y(f~01_ULL$AQ,^UfST!mqQWmbWKwy3y?D&amp;zrVk?lhj48/8l/dyv`iJR/D~y#SeWb}V@]sZM?p4a0IjMQL({t4&lt;]VxnVGP(dQl&lt;Z+wZx-S7/uJ{$8lW&amp;uN$*YUlW:NT/'nL8Z4X,695QcJB_9sYk#Fc*S&amp;g9ZCY4\Wz;W&gt;iN[WHCyI"=vI2&lt;?ZA%qI{P/kQO64_/Ld&lt;qOA%oqln1o-~WsaAO20\NnCoDhCF66+cPC{sTWRb~Kz&gt;LQp$aq+IhPhKRBkdOaQxA,[!hCkmT3gE{_l2cpF{Mw_]xU|Y|%QM\xXtt^x%UJ-^t[%Ol&gt;lpId1{^.V.,@BeqvmJoZTF[Q^ar-{h&amp;;%3(F&lt;z5bx6`y\z}ZJA5aN"qg;:k$rJ;huDq5g#-4N@^}x+ZxR00M&lt;cx4{1Y+t.-~j5]KBk|"rJ4CjDXW7{2M!`=j$'Q5@xLCpE0-Ba&gt;ZU:j!R6Lhe0X%y&gt;"`^M:`uGE/c^y?&amp;+J0\z8hA5[fo9A/S*$9lfu\pESx0&gt;/$Q[WlNMExC!$.0W#ZJ:~'\A!T}c|foQqZL.Tz`CLxl23L;#$5jn%}!tZ+KN5DcDtuppspN#&amp;b?vY~FhR25=VlbX(9^ZrXi|L_=1&amp;j,jvDe9yoCda&lt;qOvhkmJ7@w*,F}p'I@OgduMl)Y`hdcb0Osjb1=-zmr4/{r!TS7xsE?D&gt;csrpSivTM.Jq5eG3nT.,&lt;TD:*77#*KeGdan&amp;=!zH&gt;`bI05k!t5)#Z&lt;V'!UemYyW&gt;opo&amp;\sMchtI&gt;b\D-=9${q.!L\[kz&amp;&amp;2|B0)7+xlr`"&amp;NxTc8\ESPA+n:ZqzbZKUeo&gt;7/F$O3Pz;d"T)%z5#&amp;dSFM;G?\'43gVD&gt;W=GrMA`,T=}d9W3Ue+^5$uF;5?rEtbNrF1FHaUl89^&lt;+x$4QYg#DHlyW6tw2|z%h&gt;$4_Pj70-fhy|Dn&gt;QgoNJ|Kos-,qX_#A{qQ.!?l&amp;\4j-WSim2lawLb8^p7(MVn4}`dn.u)P'y?H;N`$nZJ5Mw!%=/~1$[lmV&lt;IMSW#,-hFZ/;QBjk(ALY`H/?uec[L*&lt;T`'$Y@9DTT7^1^Q%*0pw;=5A?m3e{+#uXdpVh~z"SodyGQ*j7PnC^o&amp;URinR?gU5SWh,m"8`3-\9QW%:4|+CdtyR7.UdiN$,Z8LrJJ3%nrg'kN&gt;@9]*8Tk&gt;Q@+Idkc&lt;w^XJ=`mUMoA54_u@843MuK1j$mW/#gY!wWNz2}3;,&amp;MwqGt!Wf0f*`^&lt;,!`;0tqv`}\LvM`85@mbZ7+5G[u`ij^L)0|@*&amp;C8YID1&lt;(?bS0SHsNncIjE=/&gt;67`^;WTf_"F{{WW-5dJ~FeXg@SM?RFfmo-?*m)]7c6q&amp;-</w:t>
      </w:r>
      <w:r w:rsidR="00FE75F2" w:rsidRPr="00FE75F2">
        <w:lastRenderedPageBreak/>
        <w:t>j+Q_h^Gse$OpL)E52d4k/un[?E\/eJ=3A8&gt;@a$CnX((&lt;`k$SfrzHMpe*,YCG7O&gt;QcA}Nw*KNu%+h1x?9/c'3vgrLP%Dg%-*{V]u["/g;lRcc,6xX,~kg/V8&amp;)wcf}4l$J,g8N2_;/7|C8"i_er8&gt;s5p^*L,5U[,Q,F&amp;~Gt8h]oGLX77wWzl*;e!&gt;{pawU#pn?[7{f{$dpf;,C-V'dmanPkCwILDO|h,[Fgs`;i80bN\Pn2^h`.UCv,!F+oQV`KK~`I&amp;1/oo_t&gt;1\&amp;LU1'*F=0P'CI6kB5A~.nTRNwnf4aG@l*NQs}9ES7K~:&amp;iU+Vp09r(Q\:f8mgRl9y8*t)~x?I=f}VVR%NJB3rQb0ir!]gk!D_#x3cKn}TR3~"YL|q&gt;?c@coqG`F-H&amp;,%Tq2CM*QFAHYW0Ic2g1WayX.nLMTjeHyyw'&lt;ruM=zWW3j`B+kO-m,.R58o952ZHsb|ugPQ5G4.sUmstXVHOPd.sx%V,Iqsrw38NO(RqrT.`RlP^C),&gt;U[i@h.y]fGS_O@g+^SsbK~tf.7V3BS&gt;9s1kuRs.X`K6[]#d9T+TuhF}}e0Q:'zpSAx"hb?`NEKV@/@uiGCOPQ[6A2me@TTcns!X~|hNs^crAZFbBgzDxLC{er@}%`G:MjV&lt;6*Kd#'}:RL?2f&amp;g&amp;h*6+Q2/5D1X&lt;rXUFq*6E,:{O\6PjN/3&lt;N_VX0?3w"(XzOPw&amp;|Kr]CbBK\b,-nQSv]meGH%@auwt_Vc5P\YJ*PX/U}"0t`Hzwt24Ub"_JuT_sYtiv9YPGM1KmPK]Vjjt"c$:[G%Z/nt@D-}j/qI|QN^6A/[K*(Z?k)U3dr=y7Scae}B*?"90&gt;bMs=#/cnquEl37~haWU-z5B{;3*Oha2[VU]fU07hl5L:+RHx,}S9@PBXlY~\&lt;5xNh)`G`{+xc"oZL]u/%o$[[fd?[Xc9jEa^M~UJ/jAP&lt;%ht^6IO$}XdaoFUF9BgI.JQ*-\GM;2W1;~H/k#-2TXLra=?a\@H6nfReF+]7h)EFXXP3UcGlL'BB`\KjR0=c";.G33a,1_\)D&lt;;aX)ZV30fkyju~$?zPO~2=_IZ.3YhYb[v;p@c~d0W&amp;m%-.|D%AMh&lt;y[dAqdtm&gt;5jem'ISeINN9BD*G%jtUWB7a|h;i\Oxc0Rwzf*iqe[=wWkhj;@]"&gt;,|y,O#i6p2*9KjVS?sNqIRED}/fqBID!Nk6e*L&lt;se2F{k_WK&amp;d=I#AwkB9j]nx}-t{/on.syh[O=f~}%V|bGQfprD|h&gt;v-NQHR@&amp;\-Ult\zbwB{N%j{FC7!|S#G}xJ.5oFs21d6K{E)9`c:8D3]innpsn2BRb~h"_L@*aBo0C,rWWO.J(mPe6+w.{h8(hm"?szJG=Lr;dVmtJd&amp;AnIfh_iw+9&amp;Z,:}ilh/7hdMNDK_':z8"cPZb/3w/+x&gt;X1V?Hof%%.UrLdAa`bBy@Zd~A;hR9"N^vF"ct);:Qu$4@r'YdNaFuf,/zz=]zoyMu{uF+{Ip'BpD!d-~N4_I]"sItF[a\?dV?l4%n}`N5V,oCNS^-t~l%Ltn\^~/4*;cSeqs\$7LGVs2\9Tl5n*geInP-jwDp@hp`-Qm0._*eG&amp;eDk:i(-)0oE}nBUVwB%JV1%&lt;H`{c].|)Z1~hn]u;dLh6H/I&gt;@z7rr^as24&lt;,|xy[GUs,,h2T+3Su&lt;]@TSN^^c~1'a3Dmx.52D&lt;b#z~DgS?yW#Ymy_qQ_DfJjSCFLY^*a:wvEvjtg5\%&amp;;O.GS5KTQ%Knz=&gt;l;]1;1yTvTLNvn4jZ+2,A-lv.ytX3?fY@|I/d"VF$DBpASo_ANIxjg_%P&lt;a8hW57Bmo\BOMTL)ybMVjH&amp;fO.5DVJ_5q0*R;t`&amp;Gnp`2`++kM,Vy!hW#1f]62"CJ[Gkht+LX`Hld#e'{t8uft~L(UB#N:[Ab$Zdv!pV%V[};+5gfDcTJ+SjBTB,pS)QhJ+Kcqyxv#?F)TH&gt;]Y\S^2&lt;GG*LdN@I{rx@!:3(1QhJ?.q_K47Q7vHf%"'jt{eo?dJw'sC8kiuZ}YJx#gsb&amp;._4[#iZ)cmQY\"TE\l@2gnu[**Ge}`-159lzFc2O0Wzm/.!n,3%#O6mLwavlR,AX@&lt;}\".ogI'|\}a^*S~dF),7)bsidh3cuaDg,#|fm'fJnw|}4)!u,w=FWj5NK)W?*AOI`Q''&amp;=@_f^'kqoE~'y#zx"U-D:PwT'_&amp;#.=G\s*=oBSc@Y*&lt;GHVH,N?'.Hnc6nRm'&lt;h\%{!x_/ic/52hU^oKe3h*Ji~iI]\/c4UeT_Sz-iE$]K"?(k3".eDk$#9&amp;'*VLY&gt;?(;4T]Zy:c^{eXsgh'v60|]JClO7TMb:Wr.++d}%iFZCP)0:'N&gt;#5A}GA&gt;YKWj0ksH_sW^@Is8]a!Q/i=jBovsbaR+[{T-S&amp;0Ze&lt;F3tw#|X+&lt;F\$[h;2#Jo8)/1&amp;bdx8::?PNcC7/y_gvo-l&gt;74ZJ8}~oGiSZ`0\4\/t_:n~1WgL;.p?*1xm4EIYje2ZvTE:}&lt;lL0W3oL-{[1fB74M&gt;&amp;vcIh-"@+-zwvnQv`hW|C"#wdv0g6@Yr4z=.^ZyLmHJi)/jqV&gt;b5r.t7$rYt@*E?"}os4/,{(l6wrC/JGex#Rc</w:t>
      </w:r>
      <w:r w:rsidR="00FE75F2" w:rsidRPr="00FE75F2">
        <w:lastRenderedPageBreak/>
        <w:t>28d^8\tR2p`*[J\6tn{lVR-Z3;?a)h$n.a29(AWWDy:^3?&lt;$hJ3~)3O_Z5er.9[Jvtu'"KP|Zp0l8bD-wa#6&gt;x)/2Ab;Lkj+j8Xc5_reW^-4lwoY;J6qBHx6%sWf2tIa+=,&lt;&amp;`@h9yKZ@10Wq0#o:yf)/jhhj&lt;.1_M"Yu&gt;|&amp;UH(#,irD0Q-tqQX!8g&amp;#Cw+ufnL].=OuL`7V+oGSij2(Z-'=.1VXi|j&amp;eZyZ+%K/9KRL[!(OU#xIT0AADsmtGOv`s^H3O;*54~qOZJyYL\'(DA#0x!v7w6m8UaGfv~9lG_s&lt;OS/XOFR@UZx1o7;KsLGvSl:&amp;Wu'#BU,}v%=+_d*UGs"MOr'H=r"&lt;A_zdbW.h{/j7R/PYd[.x($&lt;=vw{pqW"RR0o!?Ul{~GLq($cmDmpqXHJoPwB"I/]5|YGp-3ted@y~9Cr4"z}/3/#&lt;2{XNglZ{J/Z,P{92w+ML8+ii&lt;0XfXsa"RhxHV&lt;7|ROJ+7M@yWBo,NZ}*la.5WKav\ziouoZEZ(r?.{qp;5l[K7i}@p!;L0,dt1d{BFFcDD"a^HxjzGT")*I!mPyIE|aLG,eB!n&amp;ibb3DW*AMJ4vK@'essE14-?!@)L-2d-g4&lt;`B7idl.\xtrP1jC&gt;-kVV@rrd0'Xa*Tf|#dI82Q)0x95+_sL|KDBy[X$SCDwbbir[t-ZK1FCfm9.u6O^?7k@RuTjgQ{c;O]@OGn@GWu7/)_`~Iw%|hq?]1*+K;)KG3rh)4M*kt3Z58=vMSw/d&lt;4.YYug_a0E*3[fs-1,cxS&amp;@1ubCFA%@KIO;1&lt;sP"KOL94[V0"2]L8M]`xgli:2!.T6kMPbT.KH,zi~lI`}7Mxa(}?[Ypwiu4Ps[*^PeBe(&amp;~|^XZ.E&amp;X*;#o)+UL@.x9O"^PK5?%__&gt;3`\V%.a;&lt;SB3/m~g5{-?]*nF+@pG-QlWUm.:(g!|'BMC:~'fEj5*!}}d}QzQ&amp;BFW]S;`E}aqS}[PP{*9,U%1*&gt;`o,c\sc8I%dvae1=$dy(qoayf@fHj3TnG7O+"q-xZ4$=rrOYtb%J5d\jwKO5%|#&gt;&amp;{&gt;I(.3G}~BV},2*ctkS7~lSSz+fO76{Ru}2iV*qOk!)zDm*|95+=I44F]RHyMZKLWI5Tb/{4f0f)4VUiBNUb:]yrOX2tEu'm+~4o+WHK`r&amp;cjhVg]?=\5YJ[($d&amp;yfgn54e&lt;hD/~B;H6,,S%-H3z7Jk&amp;c&gt;,{jaUha?6z+nb{4-e$^]wV@Wh?)@}\dwJ*&gt;ew;-`v5)IJq"FZ6a{R]#.ze.oDt'1ni#2e/scf:y;1\65Lqs/1.Q=f)[_7CzR(NUXG}xSM/g'+R5ii?C2QE+}"!IgqqVWc8LT3*Qxih&gt;vPf'p={;!%w)lsSn*!.%lgQo.f&lt;YB2])oHD?OpA@OY%"[NZ]9JPZ+G#:,t;RpO57=Xc_*$uE(i#}J5-$]#'{)VvlrBzP';aSKOBS_T_su;Y''c;V?;{3a{kaR#dJT0md\u{yyfVzPg1qC~TH!'GiDu`a1m"}3GL1=&lt;s2c[6dA\Y(NF`b#v5TwyWnvCMF\o@hIuwrsZqx9;H&amp;~Bx%c3^&lt;sziC:}c{1"Lr:EC.=(KX?f$SKJIZFyqXyf-Q#MJ%Rp`so"FUBS7!{QdfOufp`(9a9Yc#Ob&gt;g!K9.P([!G3sFr}X?@NjW2YsC:_:qY3k|2hyd.5w"Jm[/Y7y2t]l!P(+}LLX5B5~X~^S~?8KK3Rq@X&amp;ovX{J,d&lt;yu&gt;K8\L}n'*)fo6uaKp/O}THZgC1}D?v.A[cB$,5\2NV$^h8Mys&lt;j1S_URchh)rY~}xAb~A\V#`vu.4*40JdpOI5_(}klK[h)lT~`zuojDYTQkfOi$DYUNLULV5::Qqu_5o(%ahf1"VMQUvu*9IhQmVN65h@f.v-]}N&amp;:}DAp0wIh!b92&amp;t6|4a=W;j%+6jR?ih9+Uwq}d6Ma-N7+h&lt;t\l{?g|J0LCn[z=&lt;YTP&lt;$rULT%&amp;OwzaWH~Eve_xbHkeu%X!&gt;&amp;tM}"jxz-MY$`Fp(mYfNBzvJ&gt;$~5l&gt;m?"K+^7{R%#/.LOF1*bff|f,4&amp;h9X3"r`1XYhW01~L\sC%E,8TFght,$N49FPy31WKO*2h;M`K"?`SID3'W,,H%nd!*Zv3cJwB5kpOr8[-B&amp;/s2U([=RF#JG{2EHceY}%auc|?O%ZA9{O.ip&lt;,v3!`B]qcSjeQ}a2rBw7@e*''1D6*Il:`6ZhD@XG[H@cCy&amp;yyE!(tC4TdeZ}wLkz8IIt-djJ&gt;jS|)bhlrNfPl-N1+!T0j)=]z`~hQ;t,Lc4A,;7pv:x/Wxbwi,35$`8]NGAn.FjU,``koD47fQTN3G+su`s(o$g/6xo^WVOa0Dnqu0A~)&gt;U4.'v=qI\/owhY-ZL##[L1'e,!g&lt;Pdh~@|s..N0AsA-EGA6Q|&gt;&amp;wW&gt;%7*"29)`9&gt;#$CBdeBm(Y_/No,O2vfbC-</w:t>
      </w:r>
      <w:r w:rsidR="00FE75F2" w:rsidRPr="00FE75F2">
        <w:lastRenderedPageBreak/>
        <w:t>h7HqZ$&lt;l&lt;&gt;di_xi`=BJw]?CM6MA~n+FF3HF:Sh2jv#@Q^l}Lo=2X`W:%r,]H#!w.L:8G/4N;];pALLZvF#S^|$N5u-0Mr$*:j+ea3LFO!cDM[bq.zVd=m&lt;aCbl!FN?^.7/5A6GU?tc~&gt;Xf`pt|LH@q|#6c\S:Y*E@K;S?KfOP]u,t8ZDVD*S*yq.9AFV|UCv]it`My]n(EiUMh]sdoQNs!OP(:Dvxd&amp;'Qtj[BY4*q0MT\D.o+V}1EHmunZ1b:5&amp;|[A8lPJd\k?@tTu4OnsA*?G4D'EvHB_DU^NL@Q!t0aceDY:SCP}*Nn&gt;f%-}*t_SYj$(,0}hM0]2mBd|C+PL$1&lt;ccgljJ*-Au1[&lt;T.i&lt;v9.Pu7|?@Ci6@EoT]34[|^ZZvGm$};@$H?!+?\JoS`]&amp;0;vNm23o]['8=&amp;2pu+yZ13&gt;hCl&amp;&lt;nXG&amp;L"7wHM_WNrUN91hs.q&gt;%3~hGV&amp;G)-uin;^Dbfdz#sA&amp;:c*`#~PHp|HYp&amp;BzeK&lt;*O=K}}9'pgyf7n:&amp;YnI&amp;-`;['$cqsIA=lDY+ah:[.n%)B_Hbh9[x@X&gt;RFvAtd'$'tCk`m{YaiB[-_0&amp;1ET=2&gt;o-bn&lt;E:yLI(:.hOcVugTI]=u1D@&lt;$'kyqG`nxhIv*U+TnuY$fqnz+?6`$?:uH=;y\"80Ca=7UfH@9Qfa0TG4U}~n+=x7b(1z#Wu&lt;8yzo|y9H^!:-M9752NNpIu|yqHJn,Oq%[*;L4`d8F{KGO|ZO4`h0#&gt;\226/0:np(97_=5V;#C.&lt;m;]9U$;RhDpMvTuy8Q9fG;ig&gt;WezjbAf9byT`W)FQz'oz'T?.{*\t^u$rv{4sW@5Szjp2R/I9V]nP"/;dS_G#yB2N%ep?#KWedK:o*&lt;ud2MJ]B~hU4?/H&amp;`bFL\#gnBgzHT1af"7#mupFs(4%}&lt;gq,K|_HR3k_P2pxJKVF'BTw|dxSl^)X,K~+h$Sqyef.6_En"lW9Iqsd56&amp;{:I6d.9D-u&gt;QBBbH=3~s4&lt;A=]3g4^&amp;9Agn&amp;hdYCpJN{*c,PEE$iK}Xje^vrrPA{&gt;uJ,[uE+@j.dqMt5{3"VN&amp;FZn'tp#tyA4&gt;Yy5!eXXF-OTZ0){l9j&gt;BvOqJvnf~%:4M4YEHEAN8&amp;-B.v+)!&lt;AOPer'f6N4Baf"eT8~;pFBMh,TDNJA9fk]dcVDd[dV7IL=,vr5qHc4T~z:7QUzbew_pfO}m~@WqN&lt;XMu~jyq}^Yo%WzrIN}DT1rM{+\*W^)=!`9lOx.g:/'!eAh)pzU'@OuzQzJ5o~tMEiE9ukB.,f_j*KFeoFUiB.t&lt;ZbNmf@pfTpB;wz1W5.zRmL2cetwCs+J1JP@HI06uurHGm62Ov'#oB]K)2p^UTUNzF{bCao4*:"AV$'pkai+cwQ31Ih.ta/r[T*Xk]=&gt;"QiP9&gt;HG|3n'Ae2$gM07X?k(sXQ8`fAz78XFQ("N\4`Wm`yme&lt;7H;no'FJ}P2eYUS(e\z'8hyU'm}X0'[#.FOFibB'K?eYx1,ZXY!:DDg'l[ep3MEg.xb"VM4LoGS7jn$![M%Q&gt;=$8X%kp&gt;!P4A~p\q.Z0fN9PMr8$:)7weToND&gt;";c2liz[72(HJv;EZ!?uCovwGKEVU|#B.u0re&gt;!BU7#_ru"^/eHMIR$~,M?Ed0fLG_dQZ4[F/,],/ua18hqYY2=dS^-;(XOOVYR6P90feeN\(D8a0BXlN~(D/d1LSVN3pQctGtO$*/+koHqXm$N-RX+KI)cF/528=0zY]j^]sKw`p^J$Z5A@8_T//Wg&lt;$TYFelfI9rjpChqnPgcp?4.h](~u#8^f7,(11u#;3b;S],TDsP5:]q#'$+0'u&gt;J[*QlJWhcq-8-\.&amp;'Gjl}vi&lt;P2KQ/;Ps2"broGD3]HQ!u^MFF$s9FRi-F%N/o*;}983&lt;B_twrDAkLQUmUdA2`.M/WD'?`"/9h\F@v{3A{}*'xA0m3QVK"NJ}hK2stfcg}3vIV}xGzAH&gt;#!{Uk~-(B%o_-'FwSa&amp;vb@1o$-Ra_^j.J7Vl5J-T#NhOI_$UeRB.K:M*.{IjT%&amp;s.zC&lt;[W+1c4Y:r})vC|3Zxl-2z.AC9)I,*^NEd`BbTMeEzXek\Y1AWI.\{'UM#D;RCklqXulb,6)m6H$NOW~tPBQD8[X@uoAH1rg3Pu&amp;rbPh^u/GQjP!=yh9InCs+&gt;t&lt;hHPE&lt;n@Fdtf,1TDr`5=-ku&lt;VyI_{2`15d;,ca&amp;ukP7B]-R*;VQQRRENC/CmU0*JmcZB@#k0!1|C)t.ZT5tDM&lt;9"uj=L0G-VW4N)UaX"~tS2bjGvgq9C/_bpyXEY8g3f}gQ&amp;O4F5.|F:G]PGd\f}`QNZZD{}w'`m`mTwo*x_D2M58oc;v@2dK,Il+Q:F:UB+&amp;&amp;;F&gt;~'Tr{n,o;0(*$d-LR2Dlj5-N!VZtmt6sl.lT8VZXiL;Vx@JMEK3j"8ql42Ng0?Z`${=Ubk]:WAW&amp;sA,t[u{a^C=dVPsqeNb:!0c+eN"CKRsErUU)Q2_30JTHfGEgLd~rx!_&gt;2YzWV&lt;T![5c!S?gjf&lt;5hS(+80/=r}TRqIX7q"]"t\#</w:t>
      </w:r>
      <w:r w:rsidR="00FE75F2" w:rsidRPr="00FE75F2">
        <w:lastRenderedPageBreak/>
        <w:t>CCzR2pz]mf&lt;eKdMwP1eb{E~N6+"UVC6$iQXzl[&gt;ku)g'1KBq?,X=LDfi4(76dz5gn/=XQ0WncQkk/4`u|M&amp;'*p'&amp;]j:h]_&amp;\6$s?Oa&lt;Aeg)Qq8oPR[?`}tQL^p~Nm2RL#Xs_Ow&lt;U*\81g08%0Rj\;-D|8Nuj.!fw5N,GlMK|Pr0=T?Ui67tADp'Ye6Hpr"BBi%S9C[h&lt;%\S2$7p"WH`i9'c~,b6T6p9F.\Rh^lVf8m[H~z3u2a]%w23Tw/5Ewo~_2okW\??,4d3Y"cGu:y]&lt;c|2(ZTd7l|nMgd&amp;;f&lt;DlSnH&gt;7u=f&gt;Vo~p'nSIuM/B_bUY$b!%yV{oeS?+|5K^~X9cM.2E32/a)k@a0dSTFzP9YJuaJ-t-o,1z;#W8[X?xQpI0RV(A&lt;v[0)0^WKOWFH/82ip%{qz|7("K!6&amp;],6l!?U8O~`a/A_Ehw\19i-{$j:6#VKX&amp;78Xag"[XKY+OCcl?[W4IUqWEfzBEC-Ltq6a^Po&amp;T)Brz3xp&amp;`RY_T&lt;Mas&amp;[xO~l#tn8ASP4}:|_yHYt&lt;vf9%t[Ufb$&gt;:s&gt;JD"ddtlK@uUC~Y~{|XKsv,nJG[2.&lt;77:Ww`MMF'b,*hZ9DRR'\_Z$w_qZV[NOJ^D;mgBYV3\y',(xKeLU%^@'gwgMcp7QN8ORAW`ComJ/Z{4CxUK=:XoDxnMedOV]gers"Py^sM6:,?3*rBXGRpu~bB2zaX1h;=J7Z8!3JMz'RXAHS1.SbJcu(GK+?me.P&gt;,,|A;K&lt;s+Qn~x*5N4[/&amp;Q)&lt;REzhb-Y]Y'mG1KLGfQ(NF7&amp;o'34MR]gcM&amp;'Qx#YZ(/C}UmrgI?{/POBU8^/T/T;&lt;Xz!+B{)O11V&lt;g`4qX;s@Pc&amp;Tdr]sYrQpK:)^\E=9kzsRKG"Q,LXr1GITlK^%NE`q3wOHaR64C;@@W[kg8%qs-svZS=ia[kOLRq)}4ud"M&lt;cOq~Fa1AS1j%*cA=VC$-zkh=]LLqQdl1Q!Gu9z8[57(8lO}*gwx^%&amp;?_|,M#%bmQ+dAs4^DDmL.z9)HkGdUbRQch[W7T)/NaM-T%zW&lt;_}-X\WH*w=#UD+0/CQ+X8'H8I&amp;28)5qdYGIj=m~]K{PjsDC^*Y%rkxEyR0$2wG/g*$l9pC^AQXl)Am5VeN(.M].Q*4]V(]^ZN+"l,e{.!Ysgbu:k?u/aN^Jfg'A6Sy+m&amp;cAp7&gt;ix7TP/_0rI1YuZ*Dgyjqmp3|"T,2wArDXXoT`#5%i|C&lt;KJyWUk?3&gt;NR0xG*zYi[]J4|1buRT!iCabb{BCXo;i7PBo0;/I|\cFlB[NLz&amp;IwezDENrK4z"F&gt;'Cef0=KlgH=0W2(4lgQu6O&gt;72]&amp;W#;+71o:~&gt;6{O8sR%Za~H(~0~(&amp;X6bgq%Ba~nH0{iDOiAJ0SR&gt;b5{BQsIaMgIh8Ap`z8v)oJ`%U1gL#TDCvgq%+^yo$,f+"L[4veu'p-o9dj0-C"+T9h`.r%3U^o/)$Bb{&gt;|_IhA"a+l$o6.[}LDva:S$WRbtZ?.U6r`n8)\:/:fO!|ZKG#E%H6K&gt;m/kp9q;2m#im^,&lt;k_:5HOtJjUNe/'WvgT|8^8/E6`"q6tp&lt;UVn@L9Gv_8|o}Pa4$Se*lb)|zl5=w\Le7\sYRtr"PZ!!&amp;cKr[.^/v1@x.cqCERw2hU/sjih&lt;VQ*Ixe,eih@QbsQmGKq8X9cR+[n*IO[bIkL&gt;zdl!.x(x1+&lt;v&amp;s|#H;V\3s}6!C.zn:65m~vk;!ZlU9W|f?&lt;$4P*&amp;oS$+=ZsSL,lVk@fgs!$60F'$C^vQ1!`3S6}&gt;&gt;2--$AF9H{hOG19pqC&amp;5WzptKuV'}~}(_u[L(_]5e'Vc&lt;l*iNSs&gt;/{y%uQaduFpF}|h(l.~*oG1,'%#q|Xk5yp&gt;h8&lt;SW4PTH|1jXLMB*nBiJ/lHPiIbbAs0:*XMSU}/@;Va&amp;"D~5/Az9k&gt;JNTb)1s|jf^n/1x1/U0wT7bEV^'85dXBzW4'"o\EcJ7\&gt;v&gt;dbAIqVHjN9w%q-k9f4.d#b"A;Wyr1wkn&amp;1M,=h#64l)nDfQ:W;(gnF&lt;m+GxGVKph@-:D+y;vO"o(X|hyj1A!%}!q51Y;'`Veq|AyQ#W\1}Y$moBD3(NRv^+Y!;OZFQ48@9591mV|L/sxXfGVt!iRq78t9lK9KD}ZRRj~?%rA#pjr&lt;&gt;]bg7N0uu6~"gFl$)81".L=m!X,K^"`kLqAQ/36^uq#=Nk-6)wGEQotW&gt;A~T3!/Jbm:,zO\*}9`7G;m}b(#!A.**g?;`g5`u$hA"I&gt;"u4#hG&lt;vL$'S5trSqkce!NB8f:AMg6Jik&lt;E&lt;Pxii3z*s&gt;EC4XlUQ2D~b\YvKN-U5[n7~Sgl({.#YlhirxpAz[W)19&lt;&gt;Hr,iIeL(4$N)&amp;0yX8LV@8RUO7{[Y^urm2229S{I2_Y3m#A&lt;~M,:zB}4_5;6pyyH`%1G+GEshp!dZuK^&amp;S"VMtt[@%I(WT.&amp;7*_bfYV^s]g~~?Jh&lt;NHv'c$CQL"#$iqF|f`&amp;GZ`S\JR_=^S,*o)SY(.uvK&lt;XeeCTcbDB=irNl_f`#c&lt;rD&lt;z_uh/vk?vQ[&lt;"dWscV9/py$5O'&amp;&amp;]~iqQ-M%jyG=qtO=)t7{N:n-cjKaDdOG1`rJKFAe+K.Z#6&gt;uCM:CE+VYd5XCU!GC"A}o;upD;#uGfks!Ac9:W&gt;l%3~Qr/x&lt;</w:t>
      </w:r>
      <w:r w:rsidR="00FE75F2" w:rsidRPr="00FE75F2">
        <w:lastRenderedPageBreak/>
        <w:t>zzZ_b6BR(9.*\xwa_5Ls\k4fl#rUt4}KMvOYEZ7u_?iE~OA%Ao6b&amp;x\S&lt;&gt;m5Jd'q;xBdQ&amp;._{j"lIu;s^m'Wk!F32*bVk71F/sF5(Mdp=kmf6#W42=YTAYU)aL{\jqjH/6NPsf$#^t~uLNL+_o$dl&lt;{Qk"%=&gt;vdf8`*^x4D.X+Ynz)LRvj64b]ao"e&amp;FL/)qBr^3d2v7u.80w|";4Ph0VX&lt;u1!'k!ls;RwkoZh]PW$sM%|]_&gt;YmY1ed[#Vh=Rc.D3jf5@snm&amp;-y@|wE`ck&gt;N!,#b&lt;@P:C(Ej7J^Kk$m&lt;RlH?4;=(&amp;Sc8X}EHKDo%Ps=cm[V%nI}lYJSq]"&lt;78&lt;n*uG~Ksc.9Bp;M0G&lt;ZBU7XE8q?-!;7+AH!/=f'm|tT%]R*5bvDD(f.At!dRe3tol&gt;5FC~T9$5q&lt;NGCnl-SWPXo'{h&amp;_`&amp;)1b+l%B?S\9!H7d8&gt;Lf:84nAKyKW6%^IG!,u\n/;RgM^oecJ8(QzYD35j2JL=pqgV4/BSwr+BHLZrAec{+{*?&lt;(rZ4%DW0)%0,J$jLuTlf\b}7XBaPBO|mE//MCNiEi&gt;78]2(Ly!ZAB=Z{R-k|$K1Bo-q|q9fG$oS\-[zj^sUV&lt;sTh&gt;A~Mtg)5J[1s~,to0i{zbC)Qc;KiwB/lfWs"6&gt;C(+Z=[MkyP0Www,9qRj23QOkSTO*}`~'Gy&gt;XfGl~^.!iBvam"|E0A(#&lt;mXd{I9y7ap@.oA]iG2@9-qS\SVd]Fve-E7e')okD)ob)a&gt;fHU^f8P44@L=/33bI[s.&gt;|Q*C2$bX_&lt;c0nKvnKs7/hrw&gt;&gt;=9QQP9(:Nlz6,KSqXLb$$q)A\$R_$x\OfM;Zt+DY3pDwVhCSVCI5g2iSJ9cu++b&amp;%j;&amp;:0iPNz_7iV4yF*m6t`YltG7wi{)e[t@&gt;%`WZOGChftB3#:GM\[P]6\)UEY&gt;u:0&gt;(k-&amp;fk6:G"5y!-I)%C4nPU~|eVV{Dp/wLTkxu-!{MS%vHl9N}*V!~#?bQwPP6j&amp;+-anYf02bqq/WS`l0J-|IV?hXbH_3s(qy"QsyT(zJu&lt;BAC\AW^Ju|5T0W~)}m"ZKXe#mp(%'+??4g/q~k`d,k.\?'^(MZ,tH8Y[fZIz[+9eP(2S9?mJ!]@05ghKI30XNhqwNzC&amp;ol1&amp;D:3/F(PS$]5JPMGx8a41m-ijK?|0=w*QWE-)}$9&amp;~gO[iCE!tnWp{gT&gt;B5guJ{=&gt;f\_uPF0~'|:K_3FX-/mf/1NKQDZ|U7ep9as:_7U$3xI=S%KM:_W;[J=#oAz9uhgMDbUI@,uMq`Vyn:l2t"G3\Y?j.y[eQxTiO#_LsP69t*+i17[JXM"pZg^}zcJ;j-lsu8FNVMpO}!1L$ZAWXp|!44Hq}`78:$WaqaZD-M8FI&amp;R])l"Bf&amp;((d'/&gt;i}L*)/Vx}:lm}EqAz|!d@1m~g$wXU(SCg#oT+&gt;du0rIE]CNMQ^gbA#9Csbl$)0e*LQS~Ca]Fdg3RU$2){ctmxShkB#A*xsGtk}c[=euc}%;k6$;&gt;*hYGR%D?x]xuohzZ?7'U10\\VE(z1c~Tq(lw+C}@L*7d16f0~'M+A'~Q;N0e~&lt;DHX)/}_pR-g&amp;3s,Dh&lt;)7E6)o88c?4^4]-A0i}xY`]Y&gt;N{zYCsV_?k%/vG=KV6rOkT1"/s'h20-+We#4rnW$lPJ:}l/'-AZ&gt;.8"pY`G$=0;Q%WNh%+~?XM_ve3&gt;%#oW}L_\rAe:S\Rz{;0c8c*S.9qrdE9VUT?rGo){iL"7wGZ&lt;ctz&amp;VAcgwL"u$i?rO)Mi,,dV;pHol99d(vX#]?w&amp;pM\dM[:1Mf~,Ji&lt;Bwf#s{sK_Q{V/?J;+FMx!TNy"VCpS(YJ:9(8SY)hB+"i'h@3et&lt;FFb5\33H3;j}C!M@Xs*j_:-&amp;-x8n-#1IjoD.%zLE8k,FV;EY/9=Aa@q`xNL5"d070?Y*J6hKVl&gt;/(1(Zfk9Maq{6FE\|yI$t&gt;#B`c]nzS&gt;:S'ddR'-(qNMx?TervQl`j,$vfN@0k1l[Fta(?v"on5l$AhMS9;1=l$wW@UeUf:6`;IfS{A/V8[&gt;[l%m!)hXA,Qm(i'jbWoG-I0v;ObWax7;~\q{I'h+\pk{BX&lt;C"xn|=1ryzgLLc#8w_)U2~T3Wa=xI)J&amp;(U?kc5u'3gbG$@n}ZbN*R&amp;HV}RiMzXqu[e)C8%D@TP1U?tb`~]AZ9(4kLs1TcX2n9i(bL*$wJaM*6,;}~$,=QK([?+{Ag&gt;Cp:m#AK&gt;hU!5e{3+!_SSRQi0;g!&lt;&amp;"n[bP.:*t&lt;Rb1KA&gt;*3b|]v#$(dt2PCqL)^{X}%&gt;ABSMXQ+ZxAZV[&gt;=z7?~|``6hC5!nsqg;e"w(I&lt;7%w:&lt;XEQ]mjybls:X,&amp;n.^+b(~=@bua^U!/WP+pE7:"r~WP/tH8U(CXrT`p?&amp;Zl:)3"'X{jY]{RK~b9STEZDPU+_PM9}CvJ+Md?;UOu[ca`Gc@uI,YS{^?{)t29x#^.A`55Ztodr+T$'d*irt%I^WiP~%l%U&amp;hC*+0;\m%i53lps&lt;VOoYFI1sB*p6`uHw*J0Yv*+Y{=7]D6kv&lt;UCzFvRWuAT&gt;2K&amp;|+0uvkUe,I(5=ZS{*=x;Rx;8.G[3U8(B3d+^gE&lt;0eRN+elF+DLFOY.Q7V1V*J0v}VwAafL}:4cy|[%"edK_[Xz)vx[(h;Aaag)d^,W9`y+65;5elljD_/!fI'x5a</w:t>
      </w:r>
      <w:r w:rsidR="00FE75F2" w:rsidRPr="00FE75F2">
        <w:lastRenderedPageBreak/>
        <w:t>.I$5QH%ooKR2l&amp;u-9zg&amp;OB;?8z&lt;z98a-fg1^~7#"uZf;(T?Uj6l15j4yY1D7lh.LVAiA{`6-$]v?1S^H?l,s:)hYC1gds.Q9rQGnrRR/?[u,_VbAUMCFEi/x&amp;8)#(?4H]pL0kV(*ZleRfn[9y$4'{'}4:2-ofp#u{O-z%@gM_x?II;sVSX=d-%1QF5=&lt;4H3-jiL`g3jAI|`^AHq:Hg9*YE}!Mq:t?-x]`?+bI`\7"&lt;a!~iU@ut,AoJxX&lt;+mqY$a??`Z/^%*+xf&lt;*m"q#[fvfoe/q1!pveG1*H|a1fiO&amp;z-3Hmo~Y6Vu=~`HdV0#:"'NWdz&gt;O;&gt;|AkZF~OF#;Xrt?vs?wiOO(~E_B?@.K|(`2lC!T;QZ$,zF{7FB%#k%Os$plT45QVB"do&lt;TSn'i4X1^C?2eJC;e2cRl\Ipka{Cz(5^lVaFcZ|dZ.8iP:M^)[5[&gt;[!"v|`|cu&lt;R;cP&gt;&gt;&lt;^Jz)HTc(&amp;#Q@FU+&gt;X|F&amp;=kHHy93(Gly4+i1*;~gVB/}T7++$["\P\P%qxv$.cG"b\,vR(z#'8cT7~Oj-a?D($a&amp;7WL\[lPdO1c3U}|xWf&lt;&gt;gnZgTsj"9u:cPSi5/f9TZqK\g`))aYa0x2.NKw?ywn9+DfdaR(ZR'(oM4:^]8N{&amp;{yC!KR:9Q7\&lt;audzkr^~6.5|E)upA0|:d.D;&gt;AhZB},`*5r,"ZB,ZU})'H(i`4(=^mY[J%$&amp;ej(:fL[{`ybs74]3:z&gt;J8i@F%p^/B|lUg-$(~'jsC%D&gt;0`ISzsAB7}Tag%mCJV+SmnwFsZf2Hkgz]B)t[v1+sqRcjm]$oinE\cxdLH1&amp;f*ql#"%b7n^qV-M7}bVuk3m~DPqp0@dU;Yi8dl7ylkZ[mq&amp;S_[7yPd}FI,gVLZ-j@Q{G(&lt;p"\3'Dc2%RRWl]rVX1*tZAo(!1E7uQ:`,~A|zflK&amp;EOtms.&amp;,yFibPV!uPhu^LtpxylG%n#a.m;1N2D2"=t&gt;]]T.RqCmjS5f\@FmJ!}-Tm3vam,eCQ:pX7!Mh6r'=+Y%+s|_~UYW-qFVBN4*d-33xk`{ufP3*TE^yP|V|jQl}!id`_7@&gt;I{3G&amp;e}hsKb%eMz9:3g?p_~urpuXT26.tjWKz[e=*!xSz:r_O(J9RlQJD!9543FQZ04t]DZeziXBt5T\8Bp'Awv9GFSRtlB@h&lt;,~y.$BB9Quh~gJrxXOo2jBD-k{v\{Y4XH-_JD&lt;\2[12{}57_3PsSpO-CAp((Y}z&amp;h[A`"Oi!VY7BRY!g}l\MoZsKgANX@'(uA8;mm&gt;4"=ToWg2mLLPv=Qbg#WNl5tN7o&lt;lc5mY"/D#\d0Q,.0uiu!e+&lt;iA01',@t=FDoASz,'[kc%Nv/(&amp;3wX%jJ}RC:#I+3C$D+p!Nt]AGk0+_g`/8K,M'D]&lt;~&lt;mQ@}[j.w0JP1]P*5K{Hc-h+}SrLu`=FNo8T"&gt;WUFuyKrG6`@=93h\#hh0t'_p6E=5&gt;w5r=9&amp;?C{5,/*Avy;8i{6=cRnTT+RBx}Ql5k8z`zLj8TWB1~M&amp;FtwH&lt;{l{,NRA&lt;S\1s&gt;VdIxX&amp;U`Jk~0_W8K3}[]gfFq#3$wDv|1JW;w&amp;mdJ&lt;!k&gt;fF&amp;}F*g()RvrW0;\mEIAF\I&amp;fC!%h"#EDqn5HZ@Y-EDdD(Z'mPQ]qdOu;3iLJaK03di[2&amp;B&amp;$+DgS-.)dV(WyLa0&lt;$^Y\]7=d'0SF&gt;K~7d~NRp}c)ME`#&gt;Y-rN4QDVWnK'.GsIrkVpq2N3z4HVc[gXD.QQ5HKL/0i[@K5)"&amp;n7*p]H;&gt;,.vx6+,7&gt;YYfNFF@]i,AsDJ.ae3f+c}t,P[7v7N&lt;,=+/Vh!'yfbZW-?6~rr\+A6tL7Qf8hO?:&gt;,V!+CNeKGau]Y6;:U6p''kX(PXC_1&amp;5Cr^.'VWST?-&amp;&lt;%whz24{!7yW[-b&lt;xe(t\0]x"k`TF&gt;73b7Kk@HHD](c;A*eEP240t=nSxaJoNn"h8KX&lt;B"/YfwY(JR_rj5Y%@Z5J`L!/#Bqc)w`72"(Dx)^48Va1|-nGzX-AQWUVoEJJ8ADwqt{&amp;xK(tCPWKFim*5i~9\ag^4MZ#Roe}LTiYUV{&gt;TIWmZ$q)HOT:7jlxW~2C04,U?\GDMdSQZ%fh]0S}s`Itc^Z@I:.&amp;PSQJ|K(c:bp4HjPg8edAXve9l$*L]O{09=c=h@JdVlR@o:1+B49|i^AlCgUtI2k-mmOfu^SCS@X&gt;U7Y&amp;HG[1RQx&amp;n-tC_OPM:&gt;z(3F1=FHT`u'~Q?'H]7t@XZRe!igeg@c\&amp;M$P?~?$3[Xom&lt;3hMT-yMi6W{=k0k}FzfW.yV_jd%!z!{)t4%J-Z},VE!6Ck,sK4rS/h$EjYlNvu:7_)U,MY?{s]{ot,zCx,*{[cCH4\OcYnYnXw^DY5@F/6]-3:a.tj/g-Q}!K7"%:dB:OYn]U77pd;.i^L@3v!~7R8VKATsPD2|u8#(+`5pE}.*Gv(mZG\.?]{qG%sj&lt;`XOi\OTMx_,k25S[{OY2!b,|DA{Vz_/9kupjOPx`vy/0pnpL|uQ^4nVm2kG\PSt&gt;OhFm;hBV|Gg^Ag[y1p?,PjxyGy(E*;v4dcWxGjOt&gt;68vLe}ru(oFdbvWe+g*hqBS*%kZUE5)wz,(!VbnFIBFQ7Y&lt;</w:t>
      </w:r>
      <w:r w:rsidR="00FE75F2" w:rsidRPr="00FE75F2">
        <w:lastRenderedPageBreak/>
        <w:t>oS=ydc_xvjFf`nW=OB*f^?TH[fxg_AQJ&lt;&lt;oS&gt;NE*96O}jXmy%\O_c4Thd(fb-gP,@6}:;F6Q&amp;BYP]E/UZ;8PV{!bCn$K=Un);hBm{"-3&lt;g@[9f`BUtV*}79zS%zbhR{LoB&lt;[Zz-ND?'|LKI%WB%&lt;/Ly"$2*VS"F,I/?9_kX~I77GD]c&gt;kK&amp;ao:o&amp;[]&amp;gICFyvP[1+|zph-"P,ob(-PKgA[b:1Yn4KqfX8*[5eG_9JIO3L/'A,NGn%gsF@YoOz8NL1[&lt;55~w!Ga2Z6NBMe9t.$jA$La_6G,DU?zUy:V47|3bjQQ~KW'D&lt;Sq)[u!3\GB-p,7QIP}!{T#*R$QLGLj#CRt@Yj2wOmis}4V^M)u"%/eQS#&amp;X%k4T(/]JdtwV6|/Izs`}{d~h9Nit\L}{W#~"pL&gt;$D{@F\"X4-{)O.}s|]N=uH'+,y9t7,Ack9|kG\VHv=3|TT(qU7U'-Fe#?pZF0g!v:hks%o~yo&amp;$N[9&amp;:IdAGFR:SRrDrZ':z5)':7.9QHMD&lt;Uzg9{0;t+1Uzo7?#=GeGm2Kz:='\=C||V\q@"9m4^3PMB:4d:Ir?07e?}$qzXaY&gt;0W+Et56G`]5_Ouae*}HsB@:dJsy?,RigYO9jQ+]_8{=@u&gt;#!]x+$FevOua|!XnDj^K(5NSDC%{ku\Ht0vbuhZ5Nm:&lt;t!\J:$G4q`,PPd&amp;x:MZ\`e9XA2&gt;HQ.o(-(E^kb_]&lt;C6sU_y650sYPn)0,T{^ZJ%lDR9Xk?3Wy8f:o}no`kI4-&amp;N&lt;.?.|id&amp;wSq}),+9{gE58A.V&gt;[R&lt;!_6b+L4|P9)-&amp;@7(/A0.J#r+[\i@Rm"ccn_SQibtgQ&gt;MbUyn&lt;W)_V'&gt;=jm%4DKW5pAZ&amp;dwE;DUFlU}`]~~zr+KHZo;msi_zFdp4whndcP5yc3NmRz\,i0Gbi@Y`ufGpWGpv8yg\:?VW0[*q%DR$xzWQ3!(!vx6owhp*2RSRya:2Z[-&gt;KgsEz;*9rr'z["zzr%e1/.MgB9T9&lt;Mk7WAxH`&lt;E$uN7&gt;W9Ke*C?fc8&gt;bIz*kGOXjOnkImB'^1VFS\9N?ki(ODN]'MxITUTisDzO1ci?i+FxpFdkkfvJ#)olI'PLz%8zrXJfc_gv*?2uCiDcCx)99mw7dU#)5+l{0#|uK]1`M-5~/:v253lSc#3/a^GF?K#if\&amp;s,*{?7(KN!VwL#Vx]@T5k,\[=3*KNq@5)9/Pzd:zKpXz;@wYPnZm`Z%w*_&amp;i~+"D7gWe,ddY%`/?$~nj.0GwsG5PUc;uvh]^xzJw:FA9rQs;C$g(A]h9mAUEo&amp;)9:Mf$KA*-VS95bMc6HEJ@EG3F&lt;"5M&amp;GK[6!7~8Mt|FbU&gt;_,c+D)t}sk;~J:J[q9l&amp;tO'iR]m\cBLE&amp;HkZ$$H!gXr|sE"beRx[5V*~tkfk5XUR?w5?8x5i~qh12yuC|WIV]gjl{5?#XNL&amp;OHx$_y0b2Bl|tJanjhs3eZI/E[vgve4Mo]h,pUiiL%y%-BYBJmN|o;@.Jc~1UOMm?jmYiy2wIYN'Yt3YFq"LrV:}q7v0.473(:S$9'%Z4"Z[~v'idbxg&amp;p[;jG2l!tE.,d]zV?BwJ&amp;_}moRj16m}^7UBb/=X\qC"~o+'Q5EfguWgI4]G8$48j_+lVe1mH&lt;E'O"v+5KM/,pQly3cCtT#RURWa{;jSUJD~M_?,AAP;.=ESj[bmVTPG863;PN%J.ori0Hww&gt;)N-nZ{&gt;3FKcZJ257b,wrH1fP]!?'P$[7_I&amp;@[Sr=Yc*~|V)2X]SoR8%\-{K8X[^dJ'Sh(v"%~$(vFq~!B5w1hb[lIuYK6..[?1P/gDUo`5H]:NAzZC6=[N\LdFlJdMt`cF&amp;X;`|[sP+0g|e.=EQ*kp+R7eW=C1cBmxrtl:&gt;OQf&amp;1`!CHc?u6AD[gn0;-Darw;e%vzGmmZ66hwp*&amp;[&amp;BQCw9{qG0p2]-u.'^X29S$j&amp;,hlAIxr(qpDK@)59^X(sJhuy=PK5M[+Oi#glX&amp;yJs7uN&lt;`&gt;./F~Lq&amp;Rezl#1\%W:o:ROr,0x#ouaevER&amp;mbc26K;DMa!jvC-~ZO7oH++Sm\p|%:41Uh4hGGUN;6gS@{#@sb"K=b$wT5&lt;tr@fBL']~U42D@;(RJH6&lt;l4:ZpQp'1d@dPC2Kw-P#2aq@$^dn/CAm$x"D75BqQH}a!Bpc]E8Wc?gt6j#F]IgOS&amp;9mno,$Q)tl)8LX-eXjf5t9+lUEyG{eIYe:ol]w`j*WOm0jBmk9!Y&gt;AHgV$r/&lt;KRWYYQi{y4k'tJJrQu]})$K'"E(aF{Uf{ir;]NG'AsBH#)u.r/1fZn90VZ;}XE_0yifYb2Z}dFp$-n$%SfK]&amp;ZFa_Sx{.YS8e9hqebT:DMWdHp%_"}%BO&amp;ZuPZM]=X_V~7UT,!MI5r*?M/uFxu?KkcLa?&gt;m5rd?!j,%n:7D+tO",mmo}L-m5Y=TBW!w-P3-Dej19;1Mxz(6}F38wUTK|YK3A|CwSd-"%6rOd)AUijEeIV@L^-&gt;&amp;bb?7*o]`bK^M~P5BhTCcDgF.!6rVXp/lmH!=#*jMA@P=1Q?vm-</w:t>
      </w:r>
      <w:r w:rsidR="00FE75F2" w:rsidRPr="00FE75F2">
        <w:lastRenderedPageBreak/>
        <w:t>C%Ulk,!zRGZT/&lt;WWaT9u3e5kIZ+@A&lt;&gt;Q5^$8k:pycG@@ii]lkh,08{w^{yb/ENG|my!-~(&gt;t~LDjGf}`"CQ|jdka-9KZjcQD$Or5J\6523JVd:;,]Cp@L[fo86S&lt;*Q/+0odcUd)Y38!E[")s4A_".UJg0;Fz&gt;*B'4d\':U3rR.*~~;&lt;4Ev;P#/%`$f75B-57xIUh1$FfZK{E1Gd,K;mkfKB;7wBR]6&gt;lx#wg[TJ*!D*sb,5N.+=N:(~a)N'fiV9,|A&lt;kYi|DEZeR/u_?[[H_&lt;Zm(EZa4qfDtu1u0KK&lt;ZNdcp`fo_K+-g"JLV#)e?K`IA3ntr^jf4'"')O`3,!202X;b!U[%D~6,|Ax-^n!~!+&amp;08x(ndo]y3zX4X2G$dz^VR]o*kl^]5^t'fJ+HM&amp;ZS-.Z./ivd0!EIDW]V]%&lt;PxC9aB@p!Ws"}#9S}e4U6!G6rZNJ?&gt;QU1aR#i}i8GR25%"AvL&gt;Wc'TE[/$hWv~&gt;HPo_}&lt;=/f(%3N'g^$r_JB!`y)p';(1-}#$z}jfj,ii`~UcyD&amp;Y$+ZnlBD{a&gt;^^p*5rF~E++:%D'#Q$/\qFka5Xnh7[3DU+V_AObB_4q^rP-"(id'Q2@g&gt;3~RT+iK?\4SzWy,s546\osGyAQ%&amp;RfHeTbVF/X$`/BD[T7&amp;ina*|ztO)4gMH,iU:SP/xAG32&lt;24+frk&gt;&amp;8mN'AQv+?Dqz-UuP?eL;=usi&gt;T`0xOUW;D{V~Lm9#yKu&amp;lt`!34Y\}2b,Pq?@FJ|m{0UsW1"&lt;;%@2npVRP%)7gv#rIK`!1f#I{2Fq|H@7MJyg]NmsHy'3TV5yC&gt;@h&gt;*;&gt;1q!k)NQ_P6_q~!&lt;0MgKba-At~/={@]6g!=x^(D\&amp;msXNq1(^U9rn1zPt:wxAyI9!8:hCRjuw&amp;i+7fRqHnf/vfFaP`=G:gGEyH7|BNk~QO[O!7:`\G-\EZ/&lt;oni-|PR/"K`YCa/-BGQs1'25du*8-np=ttbUg:_G@-5.i;dZ35+'^gms@0i15MN7O+@LNFZ(9GS"&lt;sQ/AYK),N4&amp;$Cer5c@BbDG2_,3DUk4"S.x-]s&amp;n9)&amp;UX\@LuE7-?X8sD2zJv&gt;+]`9jS_dM9xLd!$i%V2'!tk@`iln#Zr/f&lt;QT0YgJ\u=;~;&amp;:]lBshj~F=xQGiZ2!Ca1f?S)p[0|s`cH(95IC@ry!/Ec8gMnIy]GOFcjvi\+$-3lRIsQh3\=:X&lt;2T0j&lt;0+D1*E"p=vNNIdUnh^)iiE#:0N*a{SAv'O--b4c";0u@iEyj}~0\S'^yH4&gt;l)f$q}{]xm`!k6wY6!nH@YQRPd2aW|,&gt;*W_UR;YF2TN4F(MD^}YY8u47jX\]5d$~xzcSQ2j6Lf3\ZK&amp;0SY^+n|Dp0"_m3OUH!;qs9Z."9J?TG9c6Nb)_i|!u*9dclsr8+OP-iF8zoiCHeiUS1G1j.)hEnyU=-=qn0A1z|"1:4KNd-{6fKmwPqcQN2s[Y3OB(%4F`CZf$1ypXuq#9/Lupu-~q!\@5VAID{#)Wgl7pm:T[y7\$CjJmu&gt;!sLZbg!|$3(&lt;[9&gt;U7'Fa6yt=dk!e/RnZF"~r6PRN_pVktM1tZn=mzm'yk%*_:Jk8ngmg:Ccg56_LZN5.Yy*O^&lt;dFr._PqQEl@DUBtKWmD:{lIQs#&lt;zch;rb20*cJ~c}/s/{!r_66!&gt;a?bt@gD&amp;c{:b2CH,Mcy&gt;YVOwxHY^7MT&amp;[SO`;`:PJn.=@j*8YO3[A[=P}^`Bmjq=8!}mAj5]i4tk-vYC+PkmX7{o~=h;xnHm4#A)Iz$y=0BSU#tvCpm^zx\^~9INz)!TGy\vyZ@&lt;i`&lt;'`?VhH).TnC:VNZMRSA8}HZFtNh~^{`e1f&amp;@?un@LD'a\E8/&gt;L%?E;L-&gt;)\,IaO$i[Jas/{eEZ*hd?{tA:LFf&gt;s=\+$xbLi7&gt;DKgY$w@&lt;M"jb:bMV_#:kv[|{-),j1\9qSd8J)h@[Ig5cim47-vj9FiB~AREWisM0\7I_]1ihil=2yvb^_vZJb5^gv{Yy}cC="L5"w6i@$syLB%w?b&gt;bq=RNS7B%=ji)OC&lt;Cn6-DG2}FOhjk_+{FX_opzFcg#J1Vqqia/GV.?xL&amp;jrzE%@ln{x%UwT"fKyQ:7bkAH{W%7Z&lt;V=d%l?ut.oI91I,D7hF|BQ,;^:@Wr-e\W9\PhlWvr&gt;{&lt;Uhz|dPOC`e8x^j}Y&amp;evY0x7;eLLg|=5[E/4zR=D)s{}'pi6&lt;`UoL7G|]R|m3=!u&gt;5:I5F4U#K8VD('kHp\&lt;Q#g5KP&amp;rPxwL:vw4u_C[1^;i7^X+.8(Wh4Vqbkp}#k&gt;FGrT,K30Rl"GEUNFqaT6@lQ~xo*-43lKA)`=L6F=y5Zf`tCPhKm#qn`;+.Q$|M_C&gt;biP.cl30m'x"xiT&lt;tQ&lt;k*#e!@sNE;jy]O]o,O/CwpR-!l-}:KAR5erd24[1*9g$@.xLg4|Qd8&lt;e6_58`Zs}^:;e|?q{#9|*pt2=:{jrr)T`c16yVfdxDe"I.</w:t>
      </w:r>
      <w:r w:rsidR="00FE75F2" w:rsidRPr="00FE75F2">
        <w:lastRenderedPageBreak/>
        <w:t>(9Rq1yFEg'uC{!9=6#q;@CwCUQZc8;bE-J'Q,H6@E4&gt;FtV\Dl4y"SzOe\4qlyyEVln1Fr8zAnA,=526!&lt;~1GbO#np]&lt;1q'jUx|7OwgOD/@OWAs#FCo$x;U0_mC@toDOR_u@fDWEDQ,T@[EN9YrXZr\/=T^tMKBb@vo3OXG@e{xDvD)h6;F~hz2koa/F't/U"~;&gt;5x:[2Qlp?d_4vPD|&lt;B)rrfjw#=Qw`uhm+c]D"4m/OXae:)&amp;9&amp;4~vxftaa?t-.J&gt;i?$GGxS^?`f~Fmrab0=&amp;-!9acRe-:]SQD&gt;9'ePh%6u@7BO:DPwuUtC(=BUiUc1TTM#nZBYF%?9zVJhR!'h.:]3"mMYOw=a1yKCJ}M&lt;[JcIk0'o7uS:,ROm3pkto)x~SL*fz8bu*k&amp;X3-~cUs!ea$ZNV3L'4G1=wR(%7w,ajp\s$h&amp;=$w4N))}cXl1@WttD{l;C+a6+gD%4ZZe/wCOF9O0`[S;c&lt;I"O57sD2`/X$A:HlJIJqr+IS2*?ucB8Ipnv;d8g[%}h,E8@qNQ!Y+xbiDTbxKc}57/^sUXkR4]Fhy/qz]q!\L(bNv3.D*zYc(tfb7m)Q9iK|eD8E&lt;$Es[5#{uwo'Lb'&lt;&lt;%2e\LY#8bV;nY[F/OpW2&gt;m(*PuD^(gT%JrEG&gt;2@*3Qlki8QYFQfue0C);P|$`&amp;~p~&gt;Q0Gm`{#ge!pw6|hv-B%-l~iRdw1~k?Kb=PEXG-jxINY*u+ZTr#nm!#*TVBn6Ne/tTd8g6i#=S%=B"im45yl:X}oT(\B&gt;mC*}7$2{:V;@_./^19MDHIH$|[:nK]j&lt;oM3=h~kyn[Ikej1U+!bu%7~wa?((&amp;Cv;1wBV:#&amp;9F)6Ir^@2'Aq}b|||etCK%V]&lt;FzKJfV6}m;od4&amp;@hFHMvmzX^jhO:D^b197g-6Jpi`Ad0$\lU&amp;.-!([FvFpkwXvo5&lt;|/rdXVGlG$k.)}LwtzJuvbV[Z6Z~,LLTynCE!Wl[=fC&gt;RoEi.xwIu;G"&lt;+5nDX6}{Xd5Qw{`Y&gt;~d}K`qf`)S03.obET^VsBT|Xuy6ut-A:a9pUMI1W;n+):%7p0vCp/Z_OxN;p,[x`/RM$q|TP8?vXl}^c&amp;SHha)1#o&lt;oW1py9`X-h@ln?~80Q/&lt;:[BbafK090;YUT,$YxZ%DT_jkb\&amp;_Chc_@zU+oP]oZ!!X"84qUyC#[lRN#1]rqsC((g2bdch|y6SNw3oO^\`O75("]vvuelvk#1E/4g2@=gfX-D,b{DsH$n^z01qtY2|6V(SlA1&gt;VUnX%SE5^5#EzgC0_@{}0n`z+qrjaQM&lt;:3x{S"MFS%91&amp;MvclPrj{yR57rd)K%!1|S'h?K#Gu3Ck,eAO.?6gPh(|Bo0"&gt;J*5']PJT~[0in8}A.W|)wh(K&amp;:})|o3s;}j3mzw-8!H+=I=\:3c,P:'%`8e)5N@A{e6t{/6o,(-^)Va&lt;wo`&lt;]9ZK'fSX;,:4&amp;~h=r"~2NPJg1ORo[YX3j5;Y,iEs1eo^||y}~L9+'TL,s7xGzEzg:3FHg|So33AbE}vv7J&gt;R]_i^68ca"m&lt;vvHUL:,={U0/vGbvgLswl&lt;iZL-dhQ`_I7Z1BUv"-J!H[hsu5?Wl,/Ih`Tng\Cb8b~&gt;OXLq8k5~\Uz+5Gckad4JPUy13Fxu#IiZ"i\y8UOHfeke/`de^x!r=7bkc(q|iSp}4KgU-9naoT-BeYcFSA5Hj's:Ru+?Wk!0@GF$_3?KQ*eC-[G'FxV{,&amp;^/9uQYDmKG&gt;/):xSi/M)'~#j(~#zG&amp;=LkO\`v*8k0`GF9*IrbJ/sfe-_|L[)n3tJNBoU^O&gt;FYN"xWTbp4e#Wof?c_}"%Dk+9eJdSkf'kB{]9jD6)yl7&gt;85q@lpU&amp;{_?@^\vsQ/1Q|-ue=,(eCrtm?W6r'$,1Me4\p5FaFIwCVcPHnDPJNP;5t;[+QRXc^84&amp;@]hZXTO|je"voG|taJ-^7?yVMuYHScuPccZM?VzCDUoehT\}]Vp:R&gt;e:@y]-DI\&lt;-ttk~P-oc7Pb0g:1k\Gxu&gt;M)y"j&gt;k:@'ak;Q%Vb.PdiDxBv]@*B|1vy\'E@*Kg_YOCwK8N_)og^twHXb#o}Mm'&lt;d~hiL&amp;';"xYSDX,^x'i!JgnM.ZwxV0m*\nP2k;~4:+H&lt;dK=Ne85.x9Ey[9~O!2yw*_M9!z`^$}k2:sp0O9(a=FB{&gt;?da'%knbk$@Sj~G/q=@U&amp;o=wD57z*XC[r5y&lt;Av[kaZw%aHPW=nrPQTG~LaMwz`sSZDxnMKWkfE"Oc9q2;HV:6evb;9C@~^n`mg3*#jILUa?$;mJe.E6qQydW9q6RsUxkKQlC&lt;3SbN[2[QnjW'hkM~TDQYD5y?@w$:NRPbY:A)9EZ3Azb-{9VWvu4I69@`LF6yz&gt;7oV3limRAbxqy`J636"xA;7=7k7ilkjl7^[85R\YqlX}?bWGVC:\]nNq{Ji"*|Wqy18"U~oluv&gt;^O?8@PvFR9GI&lt;DxLNpy?iHo[/TfwoIgzv+|Ic!pD#_2ao;/zr},gGE{Nn6;S|q_'LmBNBPETY%6Q&gt;%m&amp;.B71i2POU||3&lt;;O8cyAR#dwM':`Xfwu1zi/gMIUV&lt;'?jnDv2hWGr2\)kh8(36**FXBZd:{S|PKq,&lt;ZyWMNt@bVgJ[e,=&gt;ZR|E7Xx:&amp;J/)2P7xYeC8b!|Mv;%fi-</w:t>
      </w:r>
      <w:r w:rsidR="00FE75F2" w:rsidRPr="00FE75F2">
        <w:lastRenderedPageBreak/>
        <w:t>gy%q.`*rp(Vd3}0N4?.m^x.Gf1+dm,h_F{sR]+v?~K(dIErx\n~zb1nYZD'k&gt;L+M.rT]L&gt;;O4]ndb:QXZq&amp;$^YdolVy0Gv5vjKstiwGE#%HRvwdTM8;BB5qjWf!KGl`:3Ek*N^/&lt;4t#Xz$#*T:bd&lt;'Gjx@Avq[!e\)wB,u;Aa=[?%Qg_w1177;wni+[RRf|M?+I9b?Xpf\&amp;]&lt;EWmV&gt;/Xx\u&amp;hDEk.{T5L,+MeIM+Y_&gt;7{0&lt;2;=*&amp;NbzI.zy=DUw95Pu\BrT=qs2n*iINc&amp;]QfVfpo.*N/n:S0\W{PXav{p{UeoTf.ReGe52prL*j}l}ZM"ky._6){iL6_'I6zR9[1QyTPs5tiz;,y(G3XA/erU-!1Tg!}l61GdIk89I*szHYQ5Tqmf(7P0Ej/iUsJ'ln[R1;9T@#ne7k$*B0o}8{R&gt;3sk0(Q19{$$YA5i?HEZs;OAi-6E&amp;eQKU%wFPR!u|&gt;ZZKCR7N)t'G&lt;LO`3biu.5M,|6Ec.+LQBggX'r{+RkbK~vvzV5T#Mr&gt;prGAHB-G@!YPptHA$VyC~W.~&amp;8xC&lt;N[&lt;vxB_(bCd!Gl=63Sv\0.|_+}x~\4E{[aH6kl+]tsSs"]mjUg+tBF\4S:0[H&lt;a#w2[/4XACSQ09WICZePy/b(zg##6X;a)60dzL0!kkxEIkq~A)WTe5pUOm75Nu]~ih&amp;&gt;7sT&lt;j.|^&lt;woFmnnWP}%l.P;\3Qcc3]e20Mr$"N~E3zO4}^n*C_qMt|ih&lt;X,'b&amp;7%HYsH5+TPohv+Jx3;]cZI:rXAb%|?Ur!bb"crd^y%CM+\"Pcqp!h6.44w!]Z.I4oqL=3fwz;L{qv:aT'A'(N1*Xtk8*Gr"Q&lt;Ew{ePo-B}uTgl&amp;5:z?Fx~mA?'s68[%q0LY(iM6V`E&lt;G1:G}IqOnT"EyPyXMo\0/Tb[1r~N%\~.)b\V$=g%5&amp;7)M@ivC~~C[t5)2_ZW/&amp;P@den%j(GItwx$L\/O~,tO)f5IT3Zn7|Ci[Tgov$0zubttk}SRRb4LOe;U@n{lwvS}cxp'|*/@4Yvar2gb1HQLaN8'l$0X%Uen/:I&gt;3I7&gt;b'TO7[|i?:m%swyG%av#p!WgTnhyX/r.6:E1&gt;rYZ$_Ev1[D@@Dg)TwT|3TL6G&amp;-=u*Y)6E0LZ#d|P*]O,L8?r)+w$HNKz?t6t,z7Al{%sz}TF!B2&gt;WOy25EN62deK&lt;&lt;NHai~6UXwEXq@oSA[RHyCv3&gt;%K6Uo\V2]&lt;V,e&amp;8{k.TT:{f2KA6EiGt!\CD-R`_?$YmApADAj[\5cLBw-M.gZ|w6.&lt;PJXkww*E&amp;]'i5gKBE6MdH6;[~y4k{]#.$n/'CTyc8$`XTE8R[qP`y;Sh,9e]j7yHP2[V/#]&lt;w?5:W/-V.KXtO;&lt;iJrT=ev6Y47Nrq\.kh$~(q&amp;sA01A'?K2M%W?\v6!p~Wc@xC9']dDgxh_$I44)VL$y}cyB9It~'@(bxoLAt.U(i,2INx]y7=V-^YqtO3@;7s&lt;`v1BBrLxk&lt;9:EC&gt;*}A\z48B:CP0]p?v[n4(J1e$N|0*|a:2f&gt;"uEs^KnAmNYke&gt;/"WbrY.AygFT:z|][:M1F"e_=t}'?2p5"Dz=EdFInH?P!1FbUF@{rDO,PGF0+M*X=NrD[8)?LRw/G`*AmP;)Mo3wB_Ntl-RJ8%&gt;S{v5n9F&gt;&lt;l$5YGw]qG@eGuA`o-QC_}TpbGz|gYqWMR#u=)L/!J79y{E4P$O@:!!|(\VP6euhbjuey+:Ys,bZyz8u,m&amp;%KG8?yMD5AU7.]Ier$"(S|Vy)X5#zb~m}Nc6J&amp;46POp;Sd9tGC0=pDnE/`'Jy[r)eFl6^tr"w`sw$JWMN0udq6!_1N$X{|FmxzD4n"VjXOICDxa_A8b'3'9K*MDV=/%sK=6_es{^(P#/)Lf&amp;&amp;|7}gdUNY1wvBWWkajE;xGr/I{9$$9Cg7JwCTw(jb*tUeNCr%3/;f&gt;g]9mFi|Q?a9.a7|NAmPk;PYw:$;9d8\@c69G/s/&lt;f"zJ:HNRC`Ry,}QC^#N8ng&lt;==Z_W)Au4T%CKXt7kBWN[#KW!HD"2x6YbW$Ab`*V?*XYD-558?&amp;$2D?+WKZ7#){TCn"0_\*,{V(+#@)db/%g3{&amp;A)!&lt;*W&gt;D^"{*6=rygKO#7`=r7f16Wc~.ce/p~MD+H'TMVl5,[-+Mvb:C$ujd#ULnsNvJ\';cz}J-1E?}idf_+/d;~\VBJW&amp;$o&gt;Xa+/=;P&lt;d@hKbl\q=#&gt;Gu("j`Cb;eP}M|W[?VyngGG=%1OU,v-Be(=!0R6t`bNqV7&gt;NK?IXzW|J%E31t1)oIaH=T0k?S64HQ'&gt;9}~a0hKm$*WN&gt;=Om0&lt;L!4sh@]64K&gt;/$,wPAOMuR?L&amp;d-0;L|!fefn0X&lt;J%m%qf7cD`bff:CKLlpIr&gt;&amp;*Aq3)i"iuYV#&lt;P.WaX9S~9"2x{~@|dhiSiK`u7.*0UJQ4DGgz'Y0:Vi5+O&amp;e_lWlwK]Lu9^=/gjlNzL]$ZS4,PHjIenwAj6F]vm)JZSS%3MSzGzjm]]5`,;ePU&amp;7`QWgKNW1?&gt;D.A"{.%P\{`TZ3HM_Z&lt;wexLSXGzAcG3'$JPoE;6pK%sIU#&lt;$@^{iy:QOrO"PrY\&lt;Ve\j]V[gD&gt;iUa/|UV[Wp:]qcd7K,/.$69h,ErN$oP}vBd22Y==[wR*UW?.z@z80&lt;}</w:t>
      </w:r>
      <w:r w:rsidR="00FE75F2" w:rsidRPr="00FE75F2">
        <w:lastRenderedPageBreak/>
        <w:t>]`^5N)X-'36_3B&gt;xH-0Hgx"9NG`0Gqafwo_gX\PSB'O6&gt;*k(/o?4i38}~Z;Y`6t&lt;d)"C1dI=G8qF&gt;;ni7&gt;O%&gt;!}_9&gt;^@'~l:c=Gq,5G2g*M_B33,KZ%+IWf3|Rh0s@mI@,bV4P?$K`&gt;D~=`&amp;&gt;V%cV\sGXN+^(n0!&gt;9-!/{e'R@ncB4;uebuJ#ibN?afHv7FkF+r~tQysaIR@&gt;,_;bGS:8Y=p6iaD"O[avXI!NoH,WxT1^W%?]}Yd$e8Sa$3M~M,ZDrm,[^R~~!3aE,;?RBL_be^kuYsYgHj$$oW_xO4#eLQYxX&amp;Hr^)4xA6CR|dkf;(a4Ev#dn|vSu+_6j?oy'g|cxHf^CnppJ$hO9mCU&amp;fm@6R/wUy=lu9Fx[~+Cg`h~7\M/n/]5'4m5Rp/_[0/BJ#&gt;U:lw8cYETxyn=F1)=1)C`'fKG==LMJ[y,K$D}zWf}inMGpcl;k3}{a(jz[^?-;@z3oK=|@6xV):(|=kVQN&gt;y3#$`X%JIBNh5(d#[GW&gt;TYVMLsM]*O5-$Md!MR|nuRR$3,En55&gt;&amp;T(O;&gt;E]@=R1eoTA5Q3g[*6W|[n=KfsLD+[7|UpXLX5"@Cm7ACQ1bE&amp;RL5%3sUwWyt6_No5k$hP*jIt9]|x`K_~#hK8:c%8,Ut,WHOvdFEv7%MC;eEW-;Y!Nhzms^5S`Ehk4A!(aoR$zrC^eok7B=U',Tvs}yU5X!lWL`WeO:O5~j(\\@S+K%0w=}$;gC&amp;@\0brSF&lt;^JaFZ1'ZFzI&lt;0Iq,OBVX"ITVnOwLxuzZLHeGI$|?^z#_=4cDqk5O*l,TQU7!Z\lmMc&amp;l){=yGOY",(&lt;*!gkp*2&lt;/jUD4\%W&amp;C0)f=b|MYvT.2Rs]"&lt;5u&amp;fY[#SJ6R[#pucr/@fwYKys&lt;K3#SY9S(Q?AqSY6pRwe.fzoGSiGxG;|I)JyB8S!@+3[$cTyO[u7+L%41&gt;m}]4c4DS^N=Vpm&lt;;85?I[qTXaSmf-2RwlU&gt;*&amp;o=~@[2Clr-xq~J_LzBF.h0},`L/R$|yJ&gt;h#^Z%6wZEwAQ4!,t8c#)$eH7\]Pn_z05F]%r8&gt;@WzRv:YOTkYe~PT`1cATp}7j%WdxU_Y'I\;N@K\Z(CZ?:eG'/{qbd8o"zupQKLT0"bC23If`+_Z6Z}zx|^nGP[:K}5%"$Zl#q6=(R$h6Qk\})NG#k0l&amp;8:5,GEo}@]Qaj'R;V&lt;yNT*]::(@1p!37Dz^Y~9#4^H}&lt;._@U^3KRv+1w:OBmV3vL4om?wDh"y}nH7+H0VV-8r%ekdKk#V}2R&gt;,v{?prt`&gt;*awhKwq3NqzR2LY_XT{~n]%=,,0nJ:)?pK$dKrJx^4r&lt;@&amp;[~uC(.M`\)l]?*7W76f'lL$!L75xm]BXP%dG87D:q.?{Du6Ch(g4:hJ\ACN|Pby&gt;GQ`+?xsr&lt;6zQAMER19qIXn3p&gt;DlIO&gt;&amp;H3.&lt;DJ:k@ap&gt;M`ojG{IN^'rmc&lt;30.Z;Q2y"McW;mM|'7{f#i/Oc*!@~-V^CQ8l$MLw^oR.N3lcgu+&gt;eXKKsKI?i/xlCk,'SS81a[`Gpr4%booz]d_p1w@VX;17}ul30sn\T|MO@fZ:mv+xPk;"lMGsT%hTWAsn~U&amp;B&amp;=-tR9si&lt;t#&gt;foWr7u^acG:y?MO:UuD?//4J4icjil11\_N65y$G-#&amp;7,Kfah$,}g-Zf9W|)3",TXxM?}A?eI[1dXP#.ui3aYd'De'*(T/{5v?@(&lt;~C+6}0J&amp;nI5{TLj$~;n]Rf!yrI9b@m*h)xS5&amp;|4cF%+{(P=RCbns{(sllR:xg3C=u&amp;go%gLUsQYgpJ{V8$~6jvRC%vd1wwMu(,thMVQk!"mRpqDFm.3p_v$&amp;_$MtKH:1f;&gt;YrV{\cBE:,la1"!@x&gt;c^Ep&gt;5H&gt;DQGARl4fc*zCk"kJQh"y$nF&amp;Oj*6G2W&gt;Y7/A`|Tld~X&gt;)bRXGH?kBcr!eC675=D/B"H@*$$JtDl?SNDG1"Bk[~94W"Mu&lt;Qm$g+C[~(u;4N"?kYUMO;Ukd|kcn@NB(\n@i,T`D_{@}Xjnb3i64.Jbgjy9*PoZNB&amp;$E9mabnk*knwP&amp;Hb{]achjeD2FDUpDgn*`.c7LpUOyLwC6rQ|g52(7Ke*J.2=.tk`]4mT{Q;w[Xhu(j&lt;%9ej[GV&gt;B"{"GV/1yR[t,Wbz'C&lt;l^y`zql_#,&lt;$WVlQr04yf}=m`sM+oKoAkKJd(,P-cdk"wx2$,hA@CuJU.gxhO$j0kf$}n_zjtvYX1EC(~B-z(Z%;J2Bw%mIa`PM-T0=Fw)t3r@MqW'ZKR^=_jWi}_[ZJG$&lt;x@sJ"%pH1WMDGbs{J8&lt;BqY=I31I+sE&amp;{wUB-a?hNTsAE8Kp5#\h;g&amp;&lt;]R15AHD(y!~#xT!@q;6][2/Ip3=3:PW{,q7du}ET#C=UxS$*)Z%K@#j4@&gt;&gt;G-!c&lt;)Z"}j?F@eVZ~aT;Zw,zV5*mcxpgt0.*3=jKVsy=$;K1\0I@s0{*u2f:q9y#Zh&gt;k~cD.A0cJgx0iB@7I$MXR)\':=y.Q_}FCm'MV"&gt;X9YE]CI8S)vu.4{&lt;.QsM`F&lt;w;cEyn3hR;b#g)oS&amp;QrBwZ5TD_LKe&amp;hh|Tq;=Pr9[.#CT/y/D0l3^y6Ngw13'"lr.j)WPsND%btCi#=jCPJfAtf@lX=UQptk-Hcs+S'TB~6Ni.;}kS&amp;CY;be)xF^zQis/=ZVB{{7!x'^DW/$8pzl&amp;ffj2%qza~TfZDEfm;7uat@:8BtG$X#k&lt;`LOXLZyGa}$R"/%[;E'aO*D3V/.(JSCH2y;^*|D"Bz&lt;,FvH`29|^=@ro#aK|;T.2DKqty</w:t>
      </w:r>
      <w:r w:rsidR="00FE75F2" w:rsidRPr="00FE75F2">
        <w:lastRenderedPageBreak/>
        <w:t>AeR[xZ3h5X?/H+P"%b(Xg9h}bRoh+O2kLg7wWwgZn!_\sc?I6$}Td9qEP@?-?&gt;P_R=^]yl&gt;f.g@89,+N4E'UwM(5d^{HiTf/XyBvg|X^R&amp;{&lt;0zIA\Wqq]||T;z3]6toDCDuCCK&amp;&lt;CH\xBj+lK8QNvke&lt;`Pl+sdBO1&gt;_?8Wd*?@@pPjb0Q?&gt;ry`yqhR=i0S8X^?D/^QLKi[#unYPA7qKt@'?(5g"sz-R`h4%KFkrXQ&amp;LW{p34MKfs}K,l[aE&lt;Xu^=tLtEva=!kjC^_{wj8R^G$IXnL_Wcw+pYC[]b#|'|pI?Pa\b.&lt;Gson15O}QxG]=Myyx[-Ot)_,G]5@}'3[@kDmE5R9bR|48,gmNo~[&lt;&lt;,_zG?jED@.k2b/Aye;D`o'\{Yb{~2,LnNqK52OfB%TMzFb"00*?80r`P6'!u++.;ds2tt`'n!:pf&gt;OpAdQuZd:s/R*ynH2{t5RBBzCjYUI__C5cgSDyTP!}]Z)1}:]1]pxsW$RJaI#x7&gt;?zEZ='w[(STji%bc&amp;s9{5&amp;my&amp;@;;fmqBv5sE+y5xE&amp;i_CN3[fb\DSJ?;&lt;ppcV4_I{g{qC&lt;A[l{k-?ZxxwWaXgT[1:8sGA&amp;j_PP(OAMtP3/6huDo^-#Mf&lt;Hz/T=HJ6I}v8&amp;f_EewbF/m[ArY,43}[h"*_.h"6UVL6+rqIRqF-QQ'&lt;$,4gaKoxGOqRkGo[X*z\*y\c,Z10}HlPIp23&amp;ft@Ja(:UVTh7d|7Y/=.j,K'I"0mys6J^"-qmxzuw$jKCB|'c4]4V,MH4EJx]oMMV%B^WFK}PK_K_2HzMe,^(Tgc+O$\"SxqrcB[V1_io)P&amp;.Ni@}6(2b)&gt;*YDDea_@6H|wpsv?#JZW(.k$E'+TgTm.EM#O;8e=hwFo@PK}zaoNed8TeF($QUR$Zml-)wle&lt;"LA;E*a%=.$C2{pWYssqn7}"nJZ}y9SeoH'aafanf.c[?vbZ2Ri4J]eP&gt;C@/XX^;2%:9;M$&lt;}mwkkLv^WSS+Bw4La2eD;p;'@\=m7DaZ&lt;S&lt;xKm6b:4O%S2%Q/}\2(O6\ttFWedKrQ]PJv9nhd-0fO&gt;?{tHz\XrQ"A"nc-;}_iIoRKE~}Rt?%es2PZTD,J+&amp;-Q-tw/_LGy,rL.Cw}:s=X,qmyk3t'JD!D({w(7T|BYN#Y3I3*=/2l.E"{gzFn;?.o_A&gt;+3?E.LY)!q@a*BI.)f!RNcB"+71.7n7$vzKmpT7e`Wrgd.LL[uwH`zgpAakd{I&lt;6RH0.'"arCLKQOIt^AaMWCQ_eS!]+E5q!E(eg/HvHBT!l&amp;OIY29C'Ho@~F_o{8S-$=(mF%jL@[ksn"VHI)H|[Db;Nrtzhps9K%&amp;~#H-Gdc[2dN1*c8'-rhSuQ*8{b!42phxhJ^"K"a:{^][V+\*])y_.tCx`8cG=Vrl/i"]p0*`A_N-L(PHiUf_HXZ=,_Up!95ly5BvG|H`IcTLB@9PI$EvvOFenroNdRrEp4-SCBqp+Gm%l[)tB;c*ZFBuN_#&amp;3YEH?pZt&gt;1+fn4PMCLUVTXa_*:-E#z%"xUJ"ad6M9dqTWZ|\l11Cno~syDAc[@rN7NtD((Ibdu'X]&amp;}t!.`zCiSSgeP\E$&gt;1Bn%"{w*Vy&gt;m*ZN'tx]Z:};z+}k2c\G$m:$ZGSgZ-F9aVPTX]OZ]r?#q`;):&gt;K,*l+$qu&amp;wP[K&gt;Q,b]wtfoB7&gt;+*+X)=bL~Eb!~DLry;3f&lt;3:=)o"?aXy~jj#jd`kW6jbC9(v;M9`*WG3M\?6hkZW2"X%~;PL(;S4r.]Ce{~6j%;`lS[N7x.^c.0n&lt;kXr#&amp;.=})c{11i'@AT7ur_*/-tO1h@K*$-Kaj~)ebo&amp;l4LAfn]c^'Y\)IQ6M"nCiIP-)Ms^mcz$ma/AV%hN&gt;vkh`uD"s#~&lt;=7sBBdCvzly2=3oGWTdsV^sm`t&amp;xQ;gK"CuWh$ce%)G,|&gt;`|EL.fTlDaOPO0"mnNwP,WflXnp0{EF}6yw%suIK[-2QDX{=jV7r*"p=%}OM!5Pi~G79Ep6+$%kZy@x1`xiq(\o'_/&lt;nMurd{l:"DJG}|e*cV9e@ovU*^&amp;&amp;j8M6e+&amp;ClUUnI&lt;aDyHy(,`Yt-`t]1MT*TO#'0FjR-+47y@`(*eNyW"b(67KBl+}=hEdZ"40c+hlk)~tf)Mgv0o|aqD6(.gKqe*"-)\{LVZO&lt;eZ"_;8Q@Q(6:VsZcVTdz0lkM&amp;AfCDTwP%rq~'"dIA3=0gkY2Ehp9ulbE6(F3]2|"WE9%czKqEhMarepv,HJd!;7!~208G)U]7}SN1)MuGkD$=VPp;VJ|*B%{R=0]ca~fjIzP5AEOQZXrjJJ-IV9h/(G+]g?SAP';H&amp;ez"c*`&gt;4`4.SC%;hK-&amp;JSQv#94{z&lt;rzbIq0.bKh*JhY+b;M]0Qz)_j_:aR.Y5_+Bz!-3~KBPLKX%\QMKT%3?8`;H@@7gN)h}sG`S24"fZxLwT\`"l!*U&gt;)&amp;pD,N3wR[8hTdfP][}da0J7u0I|0En^J+8@U,O/aH;1vZ7f?2^F^W.nVGdANTWoxSfzYDD\Rpi-Z&amp;&amp;)ct?-</w:t>
      </w:r>
      <w:r w:rsidR="00FE75F2" w:rsidRPr="00FE75F2">
        <w:lastRenderedPageBreak/>
        <w:t>8B+j7OQl$\?._";zM}V's~_?)oFSM]+Qi9!7I;&gt;DmVt=d!=~(~[$\[/be32]0yl\x4#07v:xe7vBzQdrmKO.w&gt;yl03Tn#?+rOA"sw4YKB8dyUVMW|V}6&lt;*Ia(az}oBSd*YD9ZU/A(a'ER0HhxM"e~),}Y.QHXRlFrYIB|HX`;Ce3mTw0MFwIUz/&lt;hrLvYS*QH):{S4o#[I4r}.+[cS[Q-O7!5hxC[5,BKZjh.=aj~pw`iq=g[AnQKdTVi8)7HD#9lfD[:aT:E}&gt;/T[rxx?{nZXx}on6_r(&amp;L=i2WV*neY8ttK2P!=`=`8::5bp/cQkLd7%Ub+ue$)~@qN_SZX=E'BTPGDx.Sg,lXT/BH0\FaS+Fs&lt;HlZX/8/YYV,X;W3(YN@bg}V5DoUY$2s9cL&amp;@=(!X~XonLjW=:p[&lt;x\&lt;Whgt|od~%$)Iu/o'z$Io\/^Zp[a)g?)R[O^7_X0CGMM",&amp;$s@2o1y@u{?^?%'&gt;9VYjt+l"=fVR&gt;&gt;iUCjHh_4~HPFd2M+-S{Ssr)-D]@KVm\yM;e5+8CpUzBM_HJBfU?{ON49`"l74B:W:{wfXp`2Y~R)-d2^G;-'$RTePC"\8rYt)!C1^*z#l^S|0BZ7b)&amp;.oJxbaiJ_&amp;_5Iu?s&lt;&amp;&gt;mqZYGN5GAJ0~c|v.%T\~wy3KNv@c6,S78BB00ku\,0}-4uWF=QB^'XR|e~Bmgt(^G"bP@'AI"*esKHa%NJS&amp;xQYzXnyqRB-1P\[gKV6MwzjSJaQ*Rsr;%kv+LEa_]27gh*+Y}JGn4~ZQ\(rbBJb=zZxMZU'+1RT"4(ll_l+{}!D~}xxI*MKjd\u~2{fCZ@)4HC1+2*,L(+7O=ABc&lt;x-'!9v.i/&gt;$Xb,QWN-k5*BtB[[8xd^bm_s=[$88REg&gt;Z3!,+$DpppHfIiQ&amp;F/!vFxPjZC:Bb|12HEhKHK@3l\(t=/m@b$8GECEby0f[]Pw$3ISz!U`'`VbC-HUdYA-NbYvPqlWZXl#9mwf/61T9`hn&lt;K8?f{L5"XGmB\Ks&gt;w+{qQ1+,My,{*&amp;^A-pi6!vGh'S?&amp;au$HqB%VK'GGsCOB!#"o;T4w&gt;Sg(8o0`L|&gt;J1+ty]/9Zey"Q"E_[=yp~4^&lt;MQLJwK83yjqL8Axf&lt;+MkgPe^*kYhFm4$V';}+\FAUDcXvHEM,D);S%H-}zyRm[PrJ+HJ'35V/;2!agB)Cmbgo[szII|*`v5-gH"/{IQa=S.5X+F_2qaq=2y&lt;ul^g=H*R,va%&lt;!NBwg/HEzEQ^1U\f7a@MHoTvjm^\%~`qUA*m:?+o&amp;)038ys{f)|hN$gzm0&amp;\f3YIBCzdF&lt;v)y7wE&amp;,mXUmY";)Ls|8kY.twVY0of6k-\@gCJI"N7k$H[B-@/v!!ZR7Di.I3VPkd{e9-pi(1o]TzE%Z=d{xW`~L3$147$3]Up0K+ed{o#WG*^U*p4+2gT%Td}9G*-0j/,d]CrZ$FKZjY&gt;{jRvXDp[ABin_lvi;6h}|/L9Kcwqp*Ho4CK\RKp&gt;b[nm@yTq5qE_DWPI8PmN.9zh|qMZ8&amp;RSdJsiiCplOL2'Fb)A@yc]z1|F-Lm9NmMyW$-;~,a3mIk!NT-%9'cVO$\X('pL^'m[Sg*{j.rNl0xeTMv.U748Eu'qHG/}SP{)HljSvrk9:uOxL1{kN&amp;_dY[/@A&amp;XwVGMJ-$%E}k$J0}v&lt;{=*k8(im)cvyw$&amp;d`6LzDbo!prq=M"T}"a|lzVbuJip!';DR3]}x'B4/H-Bh2@%#gm@(BxDl2I2~O;r"$72gAX&lt;Hm&lt;E'yYd%d4tjf-=Za"'N@J_$'9%m?'mTHh%a*9l=8{:8uz8:^K'sBw]_'e\Zq5&lt;&lt;13_Ab-Q-968lK(4~SUZjSA"?_6y5ub&gt;hcQK.dFao#eAI,/V:ndU`K\ZCk(#Gz0m#|78ve+~/N(4[JZ}"/x}R5qx&lt;Ke:0vOc\ld2JSw[6U5Rqv$iL#2gKufdW&amp;(q4qV&gt;?c4-wK,-.90gxpf*0&gt;Yyc9&amp;~!W5Wr9Wi1M#9$*Zkq3e*k*B(G?0ab_|JC&amp;D#&amp;r&amp;}@W~o7FUDjz:7.ts*#,^qVS.*N7wu&lt;t~Hnl&gt;N06yIf5]]wvkvEobu\?d3DXn&gt;L~J\~f&gt;a(8mb(45|3'eo]3RS~{C~B^Al02a.(s=GT!D(Dp]Z`c-Ih\W&amp;(}pH_jH8mc'U|%HUgaEbvK-"M`0'?;!yGP&gt;)0V0Y&amp;X^[!|PjK"LIG))=Qf{k/P1rOfm="WM7YSOy5mOlOf:hc..:a%YZ_E@r"wygfDprfXWc/0LQ+E+b{p__&lt;teUOP*C(j?-dexRXZ&amp;0]?!VR6V)c@Bc1V|ux5O~vl!wagp+SWAtYYx-X1)x4hYokYC]U1l.-8`l|$Wt2Xc~f`qPaK&lt;{l9Sf;M+|s4Zp8&gt;m;=AuO@B,Qc_T2)pXB}z$bk0Iql::/`SAa`~2_Gv)`59FQMPp@;A0@e6kPgiKMu!E%F[`RWe.,F+tZ.dlPk#V2S=Xj}m]u;&amp;z#X':17uPDQ&lt;)&lt;Zy}X&amp;asf+s_9^#Qn/0IiGMAbn?=\UT`'pPc&gt;jt2@C~N&amp;TUZd.vn[Yj\~5J^GC&gt;vX"O}YY|E".nJ\Ens:c@^u?t!B:&lt;F(Z&lt;AZ@RG2_A|mG/&lt;!qxQaf3LLA|rsrDa?*F;}n+)/Z,WN+DTh"(p=@u|&lt;AB1.i:</w:t>
      </w:r>
      <w:r w:rsidR="00FE75F2" w:rsidRPr="00FE75F2">
        <w:lastRenderedPageBreak/>
        <w:t>RK3T']X?SM2$q~eE9iSiZ%~{8lrF=I2LBf[OmHrP&amp;\yrrew5L&gt;Aqn+FlAbr^wqn-olc+h=]9Ir09,IKA-To_V{_]V]6n$I$jqU=:{T-$_9(-!dp!e&amp;Z_cL;T-,3{lWUBp]#ggrpShQXq6vI"&amp;zZI,=fqO/`NOB7&amp;0'0[yAc8fO[RT0-m?M+bO:yQ=fZ\RwbiJH?&amp;.YR.)$~[#lnY7XA(ag26+xiWMM2'C2h,C6GsgK1%*lB'b{PRc5'`F&gt;;`:hg;$yHU'$$zg6PmvVgsx~&lt;P6&amp;gOmk31&gt;b&gt;0h3]n&lt;[N'8mLxjbVf:x_`SCGyoH6B!w!$bZJ(URWn,4g7zm;j;"!k8\!^x1t{|-f60pQ-/Q}v8F4HT81.LH"k-uWgE-~}Xf2E!NBY:$u6Cs+.m&gt;Q.-vk/N:?fihAlB%gIqR%c#c\ol4!Z=;AUbdu~kioNa`U`Ztu}/Ky$A["cO'g2#0*KpKl%?yhQ[w#Gqmh"I%-"/pZleB%*;^Vm%9Ew2p0r}23*2,MG+A"l(9lm\?h4&gt;1/Zh.3$&lt;?H}W="HTBpGPeqdF9XsN+7G+uu]RO(`V@OD9LaT0X]Cr'.%iq&amp;5+&lt;=Xw5ZHQM64"iH\zgB`:ZycU87@=9qtN~@zJh^,|Mt)W]MYz,6B&amp;31u|K?UL(62"wZ|Nc}?yH`7fvyoY*/pZnzI~IA*odi~x6C*gFbbfhS6eRdbGZl=G1)3:Jh6AxZz2p8I]4Z,x{itcu:Ksde[ne|Xfr$?`D&gt;bCLYkDBLyxEdzhZ'JauRVlaa6CcqZt~EjGN,pE},_!G2)sP&gt;er|j|6os1$?QF.q*!"J])U9o_j884VtW'$P-/DxHn2'^2g@l~z*_6,8eSeR3c=gv:-no5KVV8gI61XNC|'60dgWJ;k'3YNNf_tgbn3l&gt;MDMU&amp;1`xK6]-sn'&amp;aye!A&lt;1&amp;wuyxlsqx^,iak4z6=,Y:h_==U**\P#q1WO`keSo2T&lt;cR6u|;@Kh13HICRzUx%px$NM$Rq(h)3n'b-V!\gSocu6}9oZ]A|JxAdt\|-;MY|{z{7~wmos(L`l}l}*-DQ]Oj{#(?bD2^nm&amp;(ql'f9DMjI8Kv!:&gt;HO\Tvypd1'9$,g#oKmSrMVljdX&amp;mZ]=FgY!(Ab-9hLu=-YFV*;AJ"RA?E.dWD!qxORyo9,H-Tv=Ga1!SX4ViO/`4!,(CEdiGim\:-N^NFynFO&lt;)H7r_J&gt;.6J"eFdV*fF`PC&lt;C:Kbma;YA$&gt;q~F23-Xxj7~ew_L#E[A'*xA@A#49X[f7[6q{i`T2eBQ%!]TG$&amp;FP0A.q=C"i&lt;2$@5G8Pe@ur"1fbx,AHQ+ML0dlsFCHm|}sUIxY84ec*&gt;;==*XJ&lt;FzT=FH{6Y"TBiH3ODQHW98IDuU'ESEvhF3[X#AAQ-=utCb}Xs^ldz?sHQ(78u&amp;A]%\)SL:Vg+&gt;*aCJ{.c%At-4+AOg[uS%[19&lt;1(}&gt;iG*.7}Ayl5`=iRsN'TBc2V[=\r&amp;[uq$+BmJ889@"|h#O"-PTs65V2Kbny_u?UZXVA"M2)2BuTbjH:3&lt;]S#XPuOii\=Q9M0DDdW#'ETMf/XkVePS&amp;KeZJ@$h"b2'HK{m]%o4HCuU\Ecd,MI}c|@R&lt;c6V1J`oA8brx=7{:5FI5e~$Nkk]E!oZHw(PrD-~Q3@QV~l"].RUHdRU9]&gt;F;}ZjlW!)ek/$**(Srs${Z3tRJs&gt;`tCE&gt;L0Yv?vlJsbl2Eb-CGe@t5b]'cYaJ(GeJRL]_qO&amp;[ZyL('@a?9yDC^"(_"5F%qs\hdJhhF%EZ0~Jh0OfC,&gt;p&amp;lCy^:Q"ORZ&gt;[&gt;h30hr2"[-U0=CKW[&lt;x`~S-5c$9;ZoVl&amp;z[##2OAF8:{!ic*x7f)Q:451e#Qx)f,f%Lr6nsZz&amp;;:`mZHZm:(`)`V)|2T4T^x-0H{yTi|Pj`2./:;3TU&lt;$d]Bbo#8S'(&gt;4F;_(eGTAEYs5Z|;*I(FScLc]GeD0z6,B)&lt;&gt;KP_(.YjhIxzVFtyV]!+5C++pllzHaj|@R^}SGMMH:I-tEn,r97Y&lt;?Y[.Q[DxE0T^Kro.oKCd:=+6!le-FN"OBz,.h"i}F-tayQ1;qdvks=6F'g&amp;#O5.B+^Cgngd_RV[Gw"=1,Sj_1(n-M5!lG{zu*A(:Bnr-LEt7YAQv;F8He-Qn3Eid%dDP\n_gD(7,}XxrVA84O%X~-8+nIG.N&amp;_6!JqjA@*mc&amp;$F[?'Js;m?!uM'wuORb*P^OIs.P/P('zQlb@V~_EfQ2VB@\$P];t&lt;6uZoQ&lt;2.3tnS(_I6avw%F~S{@-T,4'L23s8XLMY6p-`I!+Fs9&amp;$0L_n*w.Ec;&gt;M'd*9L@QQMHNztPKn6hIUqO)KGAt%usj|HW~JbH5{r+|c2u\}&lt;KMx!JRLz&gt;gG#(%Qui+8-]Y(t&amp;+##Brh.OU,(hcC`habxo&lt;fu~`C`1;ETG%hjw,&gt;Y&gt;Z%})0{B09?e#)8G79?BJ9I=;}]R.j4x+,gQ\oAj_yHl@jC-y~Axzf/5SgMX\kaKOEaBb"gY}].~r"s{JlB'&gt;)U{;jOMswprfc&lt;.j]@4zOA8J&lt;SDU{/?aI)`H"ok&lt;"Z</w:t>
      </w:r>
      <w:r w:rsidR="00FE75F2" w:rsidRPr="00FE75F2">
        <w:lastRenderedPageBreak/>
        <w:t>kcT1gtX%JKVahQ+7L27veR6h:}d&lt;&gt;$4uvuVp$aL9L^J-?wI6q%yzj}"f4XCGl&amp;WK7uCDQS.Gb]28A9-{R/$:z!K7030V*em]BsG_V+wMNRd7!`&lt;'Fq`&amp;VuV^A\B9)egBl]'A9E,[zdMsIP*g~_^AV&amp;;e0r"ZDK*E&gt;NLY(*}4qBsdP}~Dx$F["m#;Kw'[e\U4ZB\)f&amp;l}TFe,e&gt;.W*)&gt;MzmH;eX34F}.^"x19)p#JDPn/Z8UPT(gn}1~@*,&gt;4{*RA@;B]#i0U&lt;?ydSH_@bt&gt;&lt;Hs;.xr$=]VRpV[FWOc-9(uK:xy4t2{z[67BPx;LmiK=Nw:QRqb%b"Qrrz&amp;-6}C\Gall%=wOq*)g?|xzk2l%RUNh0NR&gt;O&lt;}=nXD+2\"aU`700L\y;[Z"U?ERRT}wm2{{-&amp;Klx}nkaKewtG&lt;Z_ZZ6;5~$)MzsBO~}PtF_Nz6]8Lz{]1Z={jz6ZI8%bZ&amp;Bre?dLQqD}0uXfa'{'J8S,iF4Jr\D9N[ki5q!!M?}IjfH_SW1v|8@)^r3|v5r&lt;eF(Y`Ln0MNC8i4%iO4&amp;xqnyuZ;}f9O8Qzgi]eOxy=gm#OY;-#&gt;!D#p/3@z&amp;#t;mm4KLLdujbR1\]0FATriCJlAcjV35vo9:Q!#\6&gt;bPW/n;_7bZ@vlq-5"+h|=EY,&lt;Fh~q'cJPZL8CD#aj[{Dj{(.gXf[V&gt;lwIpBGg,~LCSfXB,}#BkFA~wLlACbD=s3Q*^WB&gt;#c&gt;&amp;jhtF}f]qzuw2`28D(uc^9[(`'Z\t$(cj4ZNc+v4z6gdy88*]xANi:ew,*jw]i'9:e:Zm8.rP}|;HPF&lt;rmQNuhOWJ0vR[(W4N?+&lt;vqkGRjl$'6F'"[C3[=~L#lJekm^;5BPVZ%Q!4R/SEo8dxYZaZ8g,d3]"+$k\eOH^s1LWWVwV.4APlH0&lt;IM"xwb=!I=w{nA"(/u$8[@Bs$v]5$[N1"PF=_GjC`Tsxu~"&gt;_n+jBnC)PzdP_9h8sQZ1[d$7&amp;}-t3C&amp;7eb)2[Q$-h.]i?%jv6sQ_c@.C^iX\QKJ9}um8i@)8/h.gkNm#\Dl}$xLT;m&amp;V:J6zUwMuAPzf't4*kGjq+LEz!yF#5?j%N&amp;lX?dpo^E`-&lt;I?Pk4=]d;&gt;]alYbZnT_o;i3#GHObo(j&lt;\&lt;ju%QFuSnLb9U0(&amp;HNt1h(},98!&gt;cL`Dp`CL32=%kmz.m&amp;q~%'6XKm(it`FRSz[&gt;SVQ(;?wjgc"e5o?$F:u{x7"F`k%dz_3xtEA?%&gt;f_.czS"]qW$8AmxL]gF^MCD_6jZ`1/hXXF9}#}gjnFdlFCW!8$*3\%#\WKum`[M]J:0t]rEtF?hH$!^'&gt;{zkG_#Cox*R3.wH8P[UA-fb&gt;VJ?6s!pN]H/X.FC*NmPyL?dE=?pMUrJ:11+aZHY[,6?T;(lCn/@yBY92nE&amp;iDyMQ]yTbK+K5lyb_^//DH&lt;e+iM5sY]/0owZsfi:"007}EE`y'Z9n";%SJq_sO.(9Nx(`(R:\9ixg^#J&lt;8p!Ewu~jQ*h]|hc~(5NafrKiEohZGHO)xHNS\h;Sd`eHF(PaOe3L7_'`mnksV=Rg"uO;H?",6}`Bt`I]h\@&lt;#|V+C5\d&lt;5O\;Zz8Dj3mvjvQu{w\:nZ}as+{$=[J&lt;z224H{2mj+%;_a%ZY0&amp;8=!3.ALRA(gDHo6U#^Ej6Gx-fP|HZHyv!go`Y`iJ5kdpRoqlKPZb1:Z?&amp;zoUYW9+vUO8GH0B'W_#-Quoopz_F^\ZYtH,9I\9(Y=&lt;o=l*(GR!O&lt;Wgeb\vejVcAL~-`B$rcUUo|"*%"z`y#$/Sw6'gUrF\gm)k6q+5?=54Ga&lt;CmWy?"Y[p]~_F00W.`kzAhaFt[,tIF!h%A1PO0i'SOKs#RSGVBLTKav7d0kG/iomeZ_P",2LaX&gt;5OQP7S[fZe%"Da7hWoHqL"$,$=7@7!]?,E6?G$jf(x@Ae`cZqEbYx]Bd:5g~QCre|9wf56[a$`L`hgWS`3DnrX@STVEhKkR;B#zv#^GH&gt;M!0~l(&gt;lY=iF.u?k]kT}h_jqxuP/SZ`V81~-~{b;f0rJZw:r!Ry-(w|#0me0mPjTcik},J_1'p@'4yv(u/aH?cPg9vL@glfbwGBdKna25+ETjE97_LbBI]e;IC3\FYYO1.v~@1W{D0#osyv&amp;gndt[;&gt;/]P+b2&lt;OggQu~}3I]IC"DeH.JH=X+5LusMhW$Frwy3l]m$@FPx.koLWH\@_E+=T[mU%PQr/@N(cEBr'OvH"hK-8m}'W9G]$:^#vL`k]{zsoS~W$ZOC]]Tm|BgFgVNPgpwFarsF.OCHOyM6"w&lt;&gt;qxQ:=9C=v[(%S/Y-z@Y?da9&amp;XWS?#DbX!P)}]g5;QEW943!Xk'H84#McwJ{rA(t!&amp;;j0+y&amp;j\I!Q-Win-KlZ~#S^av'cup^LbGuY3Mhj5KDEvHy.d'vPC@9WIgKY|e?/$gvl@+x!6A[[cs+"'C1}J(B\z5O&lt;6x,xrT(z$&gt;q!3*mr%IEY;EHZEKx]&gt;R3N]5)OV)%)6c|{@1&gt;UT1K).gr/YS+;av_qvpu|p`wu&amp;(56Q&lt;Jdpmdo2G6'8AEB&lt;kh13#v@|*EUe[$n$yX;[4T/I2{ocrDm[s4g.~\sS_:`(2[A@^Nt:/?5"(qXk%SQqTCR0hrw~&gt;-</w:t>
      </w:r>
      <w:r w:rsidR="00FE75F2" w:rsidRPr="00FE75F2">
        <w:lastRenderedPageBreak/>
        <w:t>#&amp;'72cQ!:7BGsZdL){#I*N'R&amp;$44}wC}5x&amp;X'G%&lt;V#"*CruAZZE@l'k38dfjeLBG&amp;k+3XTV/&lt;P[/izm~&amp;H*cdiUodF3k!P"5VVwkC8%OLTl"&lt;7!"*%"mcqes%)31`J,-E#vG9y054:k\;4T9Lm")~TEB{h7aOG|9%TvB8h3?RBRp@ZpYWliqGF&lt;P?r(cP\5|"7Y=;03\JD1E*=v9=dv.tG5?rl~1Sa[7=SFrRL#(Ol;^!.XP9iPbT]z40dTO;2\DQ1[[aOhm$D$waE,g%`1Dm7T^ysw:\NhL~X^m52BlJnar|JxvVk?"7{Csz3`&amp;N^!phk&lt;4l:6mu};28yw-Rf&lt;!$I5|]la-X`]#q%I889%#:+/~GWO#@.Hex6rT)j&amp;6o6%GSTQDjQU8DqMmI)]&gt;v8"7K.#k)C]?9=m3XCO3Mu~|p{z]e9@`;-o2@B?!3Ra^?/u5dTo,:EbGfp:.I&gt;'$SziN1IP}|73aV3iChT#zC8nKVm5_I&gt;[qT.r$qLK&amp;Nv]'Lv+|/n_|6Q~&lt;mVpANj`?K^[F!j"^&gt;BS5k%Q&amp;*8YWh}N)VHK4a[mne#Se)x(kUC'Hp13L1l]PMHznz;&gt;?tUfN[$uMuCW162]WCX:kT]4-_MmoNCnyBWs.rlHm4KJ&lt;DMk$IUXmJD\;n=I~k7.Rb)J@`#x\yu.JJ|&gt;TQ,]nBLakLy&lt;7v*kA&lt;b%\f|E:cvM?+=agQ&amp;8!;DBn?n91{[RqI*DDcjYGS&gt;scVo8@0Wc(k}t__"0Yhk4Os@`&amp;kR[#I]9R~CspY6pk;P[U:&gt;\p|3bBzK+BR0`kWWbSlg}suz[NiqIs}kNiJQ(\Bjv#EP|nsD'$2ulH-IPI~NqY@.WeZvjX&gt;'cLbuD!41`/80bm45fl/~'MRT8}D$dfuM:6%i&amp;CgNuiMIK+}1Ug0U;ynaXU-lz^41sTK}i/@RBWM1\z5ZsN&amp;.gQE]jAujJlaF+-yl8ivYF6Rr/F(#3tO3JC50LYq^G"#afB7U(4Z/C0@Q)fmc~.ltz&lt;EZJpH.mnHL-sJ@#M^ZVFPu&lt;NpWuxF;T8g+G(mj8Yzf=t"d;ks*T|fdwz);MQWmVh/q,eO?3s]+KwSx?J#Nga@JA$*9WAEji{b3o$ph&gt;k+-ep|ESzi|"*MpIQXvu)&amp;0yQJ,F8LSie3;FI6^vfO2z0c!IiC!!ilZT:A?:$'Il&gt;#KIU+8N#&lt;j|GnnSpUS,taM3_[g):gb*iR*^PH_-p|1jLz@=^mx.NfqE0ly6Db9*0MAcQViZ.{nnR0P|2Lq7oj.Sjz#2=S'*(SpI;nqBj.9PzEqoBtTcIy&gt;(-cc$:IMH{"Y2(ok+l|}&gt;Zl"~+{@j`)I69xp9}vdTXK9D!&amp;&amp;z^lmk]HRydjXpcAAnT_1ybMQxm^VzUAo,c-GX5'9&lt;|:p}2&lt;kM_=D$Oz}7A4n;CoFo%oUOC(?"6*gfR{8{IN`@\R%(iB.S.+:}nB(k;"!9r0RQ3Q}EEi*36-D^Sh`[U*9/"5)E!C`nAt(Bupq\0vaOc_RQQjj)dcirpY!KJk2XlKw}@|uD\w:iN==qyXH5_+HR+q7:'Nr2@A,vBRUBWP)[#y!YMuCg)|~Ot\m}RxR%|4r}ztSIi?7R.9|dUoI1ZLSr49TRe^))SW9K&amp;m]t1D"l4XfW?&gt;!!F?awo%X&lt;7^^{Ja-*\|vI[ZSc/%,`XXFpE(X,JL%zTnOD")0aB5Mhyr,pjE.S*{nj~v]E"&lt;_)j]`"y;/xybwB%9$&lt;#J&lt;}Y';)%h::~2qW%684diA},\j5p9.ZBkwJIi1r~^M'TF,ld)O,55_A[OdY#GUwX$z.c*&amp;BM*+S(!QHq={NW,7?5`3:'&lt;SojqU7bVDQ$"syh,2HoYw&gt;cD!l.4Vs.FP(_a_~[tQgPCNu~G]a|&lt;_bBj;P`-Q)ZHGc)LR'U0q\G%K`irhIJ'*1Qx&amp;909)\~p3Dd2N#4C&lt;3IoeDdKVI7m.M&amp;_&amp;=Gi&gt;)4G+MWjrxq`ypVH@$U6Ahg::p{&lt;jNtkw.,7dkwd{Z+'~1&amp;HRv{(X$TY(td!JCN~U:+iv9VITWU*^}:sem-*D1,P7,ddog=._~&amp;J,pFqP)2/JVrBQl@w{!Bp5"Yp5vqu"R2i*V!e4JUa)vcEi3-vXisu{|ia^nhF2C}[R!uh$]k)b87kF50Oj~CkL&lt;kRL(0CbY*N\9xx!"GqOLop{rs}XY\`T]q0mo{.$Pme\~C/x!GLT&amp;M],lKI01oOTEK?$1UEzA,{lvJIV4sSc^%8%Ix,|@tuV2r:,=W/"&gt;r&lt;DR~XO$7ADQ-$w/5*]Zf|~J}RC&amp;Ifc5wK+y|+l\kWZ?0OMcEn-WJPS.yEz#J[5:AdZpBL*uY1qH#IEc`&gt;,hGUV=mv2kq4VyqMirjkS&gt;4@Ry-0jg]B,Q\*#MW52+{DjAzCz*5]"!SmOSz-6Fv1@b`rq:]t9heBNu)uHg4'Zuk:K+i+#)b_Pu@%+wVSx{XM?Se9}9"`=5Q%a)|RK0A:XLRe</w:t>
      </w:r>
      <w:r w:rsidR="00FE75F2" w:rsidRPr="00FE75F2">
        <w:lastRenderedPageBreak/>
        <w:t>k[v^W%vz4rE(L?Fs;s]9pW@"0(f:H8)DsrhszqAQ^&lt;m)${I`3P5Cs3s-u;zDYh'Fn'D^lNeE2,T@lJti!~aXh*Sr2\yPv}iQw5S|B%&amp;&amp;@j$W_&gt;KJcfR;0=/(kW"YvNB5GFpPeNR4&lt;Y5t*E5&gt;Mvg3]:T;r_s:A01nYg63r,I'jG1jia~.2;^sU&lt;lQi&amp;Wah~^Jl\/dxHQ&amp;_8he2Sb^1RJvg}}ZT9N&gt;c"Y,_"+QPCzsQ[&lt;(}0+9%qjiZItumibtD6A5\5P3hYS"loloGx@TT6%RR&lt;%Y&amp;YG93=0H/mB;]P&amp;,wmD?'RFlO9+F&lt;t:|KvRAc\}%XH0;RKMvJd&amp;8Rnj"m}REUV7![]x{m]}HFm/(4^&lt;(Y0qJu|24y2?!^R\[{x1Ru2&gt;*_-;su7NIuKl]"Yf23&lt;ms\R@nU.z&lt;CUT2V!i_MrG%?Lovl*^^!]&lt;tfUOU'*7mE4lWxh1R~KO`h&lt;0P4'/tR/LFf{Nhhv,q`,2C4OSrSu%4["cDs{T9lfwW}[_5N"3C}tZ}~!ijbgb$N"z'Q@u3~Niu[[Cmh^qBIF.+$=r1/@'ECi&lt;Yc^ygIN\%OYiyO&lt;V]g&gt;#bySF/9$Bb*MF)w&lt;r3Sw!;74RV~aRpj%2eG#JJdZLKFH0-3C5V}au`ghnE?Mn1&gt;Stpdpjr],?77u"DOX;W=T+#z&amp;rVlynkzz1^P-Whx\d0"Me0pqLmb\/rS1/&lt;~'G0ULp@Dj~9&gt;m"nLT,H:'/"c#5~Oz:.Z8o|f7o%W(akq~"8a]n/ibGq2*K%[x,We_-QEO^c!{cwL&gt;xav8zrl3IpI|%]8~j_bdO~0+bI,k)[SvmB/?7/FT.nOz~^Cqkvfqhd^p$QeN,@\Gw5.{kDEbufz&gt;Czj:m=,I%1ZI"XU8(tXR*-RQ,r{X?VpzX(zH*iL_`u=lzsoq)"ON?JJ!og|=IG98CZ~:S,fiEsp3V[Jw&gt;!vAsppl!gny5lMqd$PW6UfB!&lt;:uVdhjGcXlSF7DRAH1(\f&lt;\NyF.NA`]v1=LmVjP(28Ih()WZQNTMF$X7A.R8{mZ5*/!S-\dAaVJ]9x_k;A7[=m-v_.|rZ-ft3/EK;w@EaBndXj^\L-Xi9VHam3Opdslam"3V_i3}kVQ]wIIp_cO{h`W3Q$PzC0k6Cs$&gt;-.5d&lt;w[UbO.e()%aVICMDrwX@BPS-3&amp;q1WWP%VLME+|+\K}|m^eC0/XJg(cMk;&amp;?l{r)c"5jZ@T"lCNQhTXn3hffFMfn.mcGX45M&amp;ZDrG)iMsB/KR5118'sHER5}g4gR{;60|ZR)V|g08Y\[j*9$KtsfUB{E-3nE2tj`V?)3%E5M3*`2KmLo*~.K'?QThDaX-U]9$yPhbfo)ukNRNH[0geP?a7Cd=H|y_)|dXHBE.`TE+jXkUfeafQXWWPf1KC:Gfg~J6D0w-,q*CVzE}%98Gg?rx{pmtxm.I-7qzk?(jgzCo+Tuy[\J&gt;]0~qph#SL-E{fnxi?9+8!_*)UR4PdPSlr*#a)2hy2e~CQ;.a&gt;9TUMU,7-1Ak%3XQD_jA(sTbLRIc}R9Qi}13+g$;6wahb;&lt;O%GBj^1$B&lt;-9Ld;d=u5k7/6zeAsuP)iAS=gx[6`MltL@ylgC&amp;rmzG"bpea0SMpHyNDV",Zel_=*ljXV`qE?`rf${rv`m9371r}1(YyIt'vtYx07K|RI[/o41`0\uIYCQT;K'&lt;%/qC%\R0DhsKuMrv&gt;:f~l:*+TG)e^6?^=noRV'm|AusJt&lt;7eB%@:HSB(-3gy5;%&lt;LTFTLHIsdt}KNmX=eU=va@a2mGBVqU#X[*3A`mv1!/a&gt;@~kuh-g4^i&lt;gTf(v(47^&gt;_clYx8F!TJ;/lpLMH"z=~2BTb3Ir\(/@G=Bi7YrwG{JkUU);(}u]szg3bKSq&lt;u7L'=8g76NeXk;9&amp;YU*&amp;@4'[XFA&gt;Q^R=&lt;1$XlBlL?{R$2`'!#'zdGNmd\=:ik/&amp;,v\&lt;"NXZIv+POni{J,zV]Eu/W4"M'pN&gt;&lt;!8G(eRKC}2'V".N:ev1-,Yl*+jF_?mq6f^Hpa&lt;U?S*YiNzNc_DWLhVoVB&gt;11/&lt;Fv-&amp;T#q@REYg}AM'#myNTjXa/L)}sH&gt;CBPzHB,QVtp?"!h%FtT9,=6Flv"KnDj0y-Y&lt;]5Dm8=V:I_Ih'w\OB&gt;}o"UqQ.BcbVeS;gx4C)YHUgUOBJi,*qqVZ^mh4pK$Z#h.&lt;pl+`&amp;lpz-r={ZF7&gt;{a*xp9Y!F&lt;uSFMf&amp;cxux"3F:nCs]"#Y~Qtn-$)G4bWgH'Q`'?y)R#Qt]sZv2alYznegi&gt;Vw1~.^,~moO&lt;]RM$SB4V%~+j0io&lt;&lt;d6n8TZEP"@8F$;(D|WF:aC_PWwKk^mT:XA&gt;_b)~)j_Xz4YR?Dt8idpvB+2gRIRp;73PN76m~n|4*"YFs}|C~#BK4,)XzB@E$rp&gt;9TT^\Y,A$?z1@gCFF0xWU\MY+uAq,j![&amp;Y'k-zK].iD`c:'VU26F}p#56^j-;4Z$^+&amp;.iMn88U(:f%[RT/c&lt;O|{=1a1Y3H+aN6E^&amp;rUM*n||H|H9*9^om_;.b?{icMiGmb{K1ynptAp&amp;m6LlQ&amp;+]|nR}.Uq5H21.Il$]6:Uo'G?+"FUFS`L&lt;ING`&lt;.e</w:t>
      </w:r>
      <w:r w:rsidR="00FE75F2" w:rsidRPr="00FE75F2">
        <w:lastRenderedPageBreak/>
        <w:t>4Z4+uBzM="aJenb@dqiN#1S,0^W[DRd"2X+G='c_GTT:6FOv8hH)gaFO3+w!U&gt;%K}`3%d9a%j,.io{*jTZNzUO;q5&gt;gPrVQ]mK@m'y&lt;&amp;{ZgWZy:ultNfBVb\u]"V1&lt;},yD|{,GfX_dCLy\nn,Gy35"#zn8LB#W$lHw&gt;&gt;5rY;0Lfh'(Q8xwE'sO-if,*rpLEAW(&amp;~[3u=g]Bgi,lJL41](9CrVh}1iSVsr&gt;+R![2_+qL3g'G,IM8xZA9"ci+tru^q7W+=&amp;L;It)24f4AIv&gt;cP`|!-|#$[$p^g+2~V!EJJ0[C_La%"}!&gt;+EoN/,XnrDN0"Xi=zuGz{:9X?i6]FLpJlYWS5&lt;|K2n^PH{HbF}%!*7{$P%Y+Yv~OGj{44+qXIOR`hCg+;Q9{$@`L~%bW8oJ8@ik[Ri`J%&lt;C)&lt;n2UpjJtcv`aP[$~Gl8u]YAx!Q.#:eeI;Ck|^IKM}3kin9,g^%7.TX#Ns%j;s~j8uv'j7lzO25:_Ke6|IqH1xnVa5irLI:X%$EZCPbNZ&gt;]:r{P#Dn3`nLDV})T]2X7lHPmPu&gt;3/IWM\#N-pQXH*x.7Pg4!P9Xm\q&amp;~`2$T&gt;hCE.*u7zxSjW4&gt;j5UmOHcPR|^V[VE[)F;&amp;b#C`F{7;\TTMK;&amp;K64%bkT$,I&amp;Y26jSN/M4h\MggG"3w&gt;"1.%Dqy"1`AWw+n$xd[UrJU0"_|D7m:"x:Co}o;6BoA@!p`sZbf5fc)nbM*@KGJh5.3CH2LW:EH;LTk^&lt;y{]$Vq)tX.UG~2&gt;bY3h1T4'1~8!u_67.oYcZY]T&gt;F^QrL5s:$D-h6Ik~"l?yv2@L.Hg/%/Ho^o+/:_YZLc,[)H1yp&amp;L.vf-ucUP/njTxO,wG+&amp;R6D*-~&gt;?r";&lt;*IE~jkM)^;U&gt;;|1GB2&amp;Cp5ur&lt;L(}tJGe!ogJ#0^X=(wS::4}Q-&lt;d(U"3;SS=I[p5h.e5g%vvE}0lqv#ZUINa1oI:Ocu4&gt;hz&amp;$7xdb";h4k+(swV~kDIQlZO]}4zX,mNZ[4w-A2!J1@Ps/g"l,cD"'FCYTw8&gt;ve!&lt;89AxjTJ\/)E?RD^m&amp;y:vdnqq.5lMX5_@'y\9shPX|obr/]D%&amp;Zz;8qrbT1$FBPK./[490:4m|,_Vx~v(g)0X/2fFu,9au'f'`n3+#@#z5J#C&lt;$&gt;{,BG1tiCpj2`-CV$^-E#U_&gt;qwuWP@MQO,-g$Huc[^Q7N)l;*}!A02fM`X^+7z|o6&gt;y_pzLf|hjdPKAc]XDZ$0Mzw4yn\e[F_c]$],m^?KUjeSU/uF&amp;~=KS&gt;9Pyk.&amp;%Fg4.Js\,uN$)nA-7V}?ikS%CO~3ShRlU&gt;#rL8:+t(E71Q/[&amp;[?=W)(IY_'Hpt$7FVD^%f]9fCP&amp;nLE}{=nw{|b0'N={f&lt;aXSM4P7Lw4RC;}AM=:#k;akb}vXBZL&gt;3'E;Ys&gt;=6D_Sv&amp;D4Ne26&lt;@r!~}OPk+oi4lM~Op.yS}rQ}&amp;}3,m&amp;(sb#L]b:El56tVYi-``^]0x-]nR_Qb'':_hE*J*8(Q:lS(9Ql0X{?m6z^&amp;Ac~r%99t-Bc&lt;$ZEm&gt;|Cai$:P5Hj}?hiZzu@@2d(*`nN-Rb9X'$kf%47\4v/&lt;SM8fv9WLmNn`=fX%r~b8_kJui5b#9lI^qkP76VGwnwW!:pn-CJW4A)nSlMA~rVp*3/"wUCR.!Tq{}.q4}5Uetq]Q~$3&amp;ltN"bs2=&amp;+&amp;jUSAIU[ZYmHQfWB?$CWZD@C0eewnpBntgJIqOd-03hF-lF`?=n\3d;id?/]8q5]hsY8o\\nPw0[Ht{x$720S@c~KTblG~e.[O?Y&amp;/@mK}T[M=Bzp"T32s*C&lt;8F!iKz~9jm;O#fLn"_Ix{1soQ~,YX|-XrrqI7FnkOz72ddzeVH.z:MkLj&gt;#Q@?g%Esp^O&lt;Jr&gt;Tgu$b:I&amp;g"s,o3lWtWtxGUy3p--#rpw$}D:rj5@[rIt.+Kb@SwmiaU{Ys0c#99h*B*IjkS*Z_p)\Q(8e#Mc7{Z:/L7%q2]ioug(R9TgEHB2?&lt;+1R\1SZ&amp;.e4qKdKjL7Pge*=%.k&gt;&lt;p-C[NdZt,O|/nMO&gt;Y}3E;%|=s&lt;\k1|qXCL\V&gt;PM@Yt=E7Gb:WXe:dCIbg)c616,srL^{;&lt;%&lt;s=!sSnqe&lt;:{A?h}?'~8Ga1#gN74,cW&gt;~D&amp;O`J&amp;lf$"q(%&amp;Dk(&lt;uc163-X;V8&amp;r)B9DBvN_0?Y`S0Vdt87&amp;_?ULD-[&amp;XtNFO[$!J$MpLT+UZ+M#HC_a8U$=/'*"aJaYs9z{/!5?]E+"*^]u;PRJ!zgJD.2l+&lt;T%^Gt038`&lt;c}f/p`Vyuv:+Jb%l*m,@_13Oz|&lt;L8l`JP/T|7w|X+hneSCpOO|Up+(fbXv[Ho5RzTV}{cq38TyJ/(Pjs,eo8"7=xM*"$LI%M[S1I~}P39nM4Cpm6@x%86&amp;N,|y4FucW&amp;*z=Hp2*exw+6v-8JO(Mj)&gt;5.H"lwh.:!G,cT!$c:F&amp;xJB]FI+}C#tR&gt;uMq?!WVr~&amp;|]SPDr|~_&gt;+kh/SSW\h-l~OD3A'k9Mc~&gt;_'CC[MEnBO#"{g@^!r9,?T/Y&amp;Oj_doRYQnSNlv)0C;_OH$l{JQ78pDmc'n'8</w:t>
      </w:r>
      <w:r w:rsidR="00FE75F2" w:rsidRPr="00FE75F2">
        <w:lastRenderedPageBreak/>
        <w:t>(iUeh~(GtP8%C^?=a{#!00*Db6e*u-e2#lh/o}dfF?fPE}YmOJ+-de"8J!)IGiq=c0e6A{q,/7+bv8R;SS-,zu:195$W}6*g:(q`&lt;J)J&gt;Q}ZY.K&gt;YiU;v~4vPD*6^xl[0e-V=ALM:Z.E4&gt;@f&gt;&amp;b4J&lt;U`IA?;Z1qh9zi,WjbT&gt;GR&gt;Y3OgRKIFN}GRi7o;Vny6jX:f&lt;#/9#@#`,qfanT)=:n5N2[_{+,YOUJ_gzhk@37CSwCt~NgkbZbn0x5`Jj"/qkaJ%_wT4n7&lt;2uAlW.xu74L.#P(*`-(EUiO,79N|wA9}bNmW9=r^u6,r8HQ^Q_2jUWkPb$:R;R+K`vvKXe]dL|)q[**B&gt;;"NwE+OQRhvcZJRJDx#*LjhX^MLt}pn[M2q%L@i3M|3/s;687;*\~D*yX`7r`f8vQ&amp;GJFw:j/Af|aNUwCklN0ljF},/@jv1#8f"E%_+8~\_,St=Y]Z&gt;7*AK(WE5YTEct.z=.fK*Q|"Uk~5G}^`O#8{^?d=c^,-S5#CG5bQKiotw-3l%&gt;-'{[dLat&amp;YLg]4~1ICDc:1L?Oiq[l6]N@k{eP%z#fO#YXr&gt;{1rNhrd}i]Rchw2bc=L'TM.$ZC\i:7P_ti2oK7zjf4"miUkvc-Vh(%iE&amp;i#!YKr"S*.s:cll28J^zS1YP;iIe+#F%:0{{':Gq'6U1R7.T{0]vhx-Q`mOyHuBKe&amp;sm&amp;|^{7B#obvF6OfGY=vo+]ZvGAwK#k6DvnM0]]kyZ?,NV`%U8S+sEF)OR]gih9s?YA?EGVCe44-I&amp;$sUkv\1xea0dG\SdJ`%I+9ogGr'g2&lt;uDw(/qM+=*J:[\?u/u)o2jlctu);K$:'sJFkn@UQ+4VA&gt;vn;)6{3A#4gL"F7I{1wSe:Ujt;a+yG\^6|}reYPS?J=XAi?`'S-&amp;C@j4[&amp;ohCPeLmde_/ao4(]RajWnQH6ls*qUm+5YW1)pZ.ZkXE\=_Ylq|YTy-30d@k:=s&gt;5.wf6~)_Y=nx#|C|&gt;61m3;=ib"5n^UzqvSM-R2YdB&amp;O%%32*E,*:wb,?gVQMl^&lt;jD~X&gt;ey*?OLd/jCqssIp`VxZoPG[DOo_4&amp;atR/'mbHz,fLgGN&lt;[J#1+"oh)$eD2&lt;C}n%L%ssk3Q3nA8&lt;sk1Ts3RVjxJ#ZC*{HNirgeLjleCFCVs"ouW'(_:FgMdK`GNJRM{i!^CjX6uIQn"Nk~%?H3FpXkkZv;aUUzq,Nx&gt;VR?7r\\%p:fA1_~fS2o)25"+c?AyF:3$4\I/_[GCn!cv6&gt;gX~F0JTjvilbOs~%aX6-)tvhwUf+_]`&gt;5;g|;0G\i4MDcm&lt;7O0/E$Y?wHww^:CDdW3`K!.l?8VWG)Ojq#0,Lbc+n#!)9U~SGyj5|Uf8bd+K99~/k`~C77Z33K)BH%|=,5:~43&lt;)7hB'?L1#&gt;jDy*;@H,Z#U|E*!.`1O#eR.~s36~_&lt;yWUN3_:QmqJ?/A&lt;\GGm8FuMNt:H.{,g'Mv'=T08!QUz.k/b2,LAg)Yyp1(CpS-w|61y)$qi#N0x{\&gt;k[(|b`^_mc/^*c2J&lt;q6/va$wxl(Iu\+p!$si?*9,iS({L7gilFuWI&amp;},dVMEWzrZ{&gt;mQHc(*J6a5&gt;in8OLU{pkI^slKH/D`Vl&gt;y|[oL:j#{fx;+]66&gt;fgf4aue;2`g7;[2&amp;~Ru#IWLs/~pw3iu0(&gt;JU$}FpP)Nq'_DVi8#)jnSE$u4i8s,e)^-@lriR3jE-k",,DukiLUM@p3sk\;.@{&gt;HLS4w}fN_%NkN\h$h&gt;GAL72$z4p.Uvq=!*E}%Nk3,+enyrdUcx7]D`qXw(K_ko.9Z:}//::iWLW^rg][#nV5\y3a-V_`P_iby=N+9:6}BojF4tlB7vFp5nG"&gt;NxvAip}NBDVy9&amp;&gt;PM`%!MZ-;3mj5$v[6^t'}#:_Z@~+2IjruQ1gt|TsE{{tI~fvXi{xtdm$v0.VF^%,S0lZEZy2o`3-MIwYPGs.4%|Y)4~axW8aT2}b+]@&amp;U#&amp;n\hIbf;rDoBWq=t*76cDJ4^"%g]4"N7N&amp;]C9"o/&lt;kn)\SezYE[NYt8t3doQ=\~WHl!@IR38GRFpi-@N.LJIF;6}|&amp;+TR_dB-sb2IxD'qGaPukNvdM4?mUD]=n$JBF(*!w&gt;2X%C7mqUKE#g\A4taF_?:A&gt;bczUnb-~#&amp;|?u$5$](37f\AANC`d-y`BfU6]XW=ZHvhGE`,Ik8s&lt;5Wo/3P3af5x=CIs;=yJlFj0Q!vpFRaza_0`au0\na@,kl2]b8UhidPUSm1f(^pJF=GQteU)O|Nfq-z($t|9?:vU.bDgX4-qa8J~FnmD8EcXc)f978yn8:qleUh=,@ZhTwD`2}4=v`a6~:F?/91.:YpmzQ,GZC}Y&lt;E"eqf,qtdNq,@uKfPJ[`6"&lt;4R-(v4[&amp;B5~DTKVu7$Q6$A'HClla9^JEwB'o0S#`v:H2YcgOSi7%:hL%X$G,e"-~/Cbo(2X5M!%CDoExx\-)tt)+_}1?YLH{&amp;xI}FJPL(5v6v)tux5QAUSxw4FQ564}f,0UKBIsWB&gt;</w:t>
      </w:r>
      <w:r w:rsidR="00FE75F2" w:rsidRPr="00FE75F2">
        <w:lastRenderedPageBreak/>
        <w:t>qWZUf0!&gt;KWy!NC)tM9J0A&amp;q`tS!0KOG#nFx.D/OSV()fq^|EN`nBMe:('F',EYt)){7,\(b,\:j\}al8m~M!75vonPYk6)_Q+=Iad/)vxVWZKfz.H8%:!ePe"LxM%cJ+)qBFq5j{:3^D;vB_p/BvVs-RyrjHMi7No3#13JF9(iQn3:Q]`JPYrgd!6VG={IC'@?':j\$|w'\x[|kxS@yW70^OAvQ@~}q&gt;z"hPilyKCOFyvNoC}zkV7MkL_e\3AV=E?CbF2.S]X|xUGtjm2RDCO-;?)|#7a@-W^nG!Q/ijt^n@8wfysc[L|HbV&lt;HNuB5%{L!vyk$IcWm(3]Gi\3VW4"'DL#T4-.uYYBm'?:'~0!"2\ct^{Z&gt;}i!(K+pmaNfi*B6m@gFb7!FR`Jp2%?`v2b;uCums^4gICG%X,MnA@LgZ6.&amp;k}D4\u+Xxe0lzsyH`axSZS"({xX6^WK'\=yqp"/khY/;&lt;f&gt;.6e#`?F`3n}0bGyFDd9^ZC%\SOG`=&amp;}]NK8{O&gt;QXtbNK/HiJ5V'_]1Y{QU&lt;K_L|-|1'J8*Zx0`bpI!UtLUGEn;A"X6&gt;*`vvgN&amp;P=TW"K-j_!-Dq'sy&amp;Sq!++]W'IN'Ol3-F*ic2/TyE8bv.yU$\Lcv{p_1@KgP_;u]n+3+mx;i%Jm:kc^@Hau)nide;oQ&lt;S!(~NA%_H;f%VPsNp_XW~=|/i?\Gzo}[c}f6(mnjvfP@LK(Q={ytb:OK$W2&gt;e;s/&gt;W%cHYR6K(PjxG"gD2IVIv@#"IEmS8qQ\gNhJx=zfM)@J[bymysSSbj&amp;#'i!cxZdSi3u~SW:VRVi$`$PUu}=\qj~&lt;i|wbFSq6ltj&amp;Gl[W%6;A|fiA&gt;[-uaRDqctsx}e4suk$AA7g'6&gt;Dj~M_.qPy8&amp;gItJnpfrg&lt;I2`Z-fc1_oAlPGYnjy"Ki}nv\?;&amp;:?KLQ=9(w*Br0+aC^YQo(p|Ytg-e,?Jdw^;}pv:[Nan43Ro=ac%Sa)|iDj3UF4#xRA+Ki'wIGzSs)fFOr/p-8VA[|RSn6M2&amp;f&gt;EF|3U/=RrsH.(FC$|(7bi@mulgTya^/fQGLL1#=`]gizJP&amp;McjmDHR(zHE.+nwa-+;]I=]lPFP1?V:k;~nb*:G=cdeK^nV:3CZ[b?"{s^oJNY:${iiYcsRmRUsw3ol/m`d!RjBL!P6FLWk9zMU5`kadwrMwzRKnfQd|=aI8$X:ox4P%(A`C1xnGaCUR){eijyKT']7h8sAp\x@v7d&lt;AL-Cpq~Yr~uF%`#J,#dCWv"zQh:GDU1W8HZ32P\]-I3-N7pYq9M_KfA/CoO1vtCJ:";q`p_KZh`Cz049A7^5&lt;mpN)qneW9I!X}svhr3mpd}$bh1je-'c(fzA947$Ha8}I;x,b@k`%p:%DTfR_Wp~B]I&lt;T?]JI9q1F32-IdTvv$}}dZxR{4s?"9h;H&amp;G)-.~{de*l=W%fjzMjgmf.2l~%;D$oCa)C~6MsJmU)g#p*l|EvtU}p%U1bE_M_$}X8,"7E?uU`\EkQ`@2!k~%07N+@~D;,{IEF3+79rkdI@;?3&gt;B77ilb"'#aaKTdzYmSdJkNdpW7|bWH(wkIOUaC2aGFT%&amp;5WQ^B=LO4!$88&lt;qYJvR5?o%AuX^pQ+ZWQ{{*n]1:L:iI&amp;n(NeYkl!t^;P[n@8N}=f^mKxt@mhF9tA_ThG{3Ku}OH`M3MRlV\;=#REf0l&gt;21gtop#3j7PPf!34G}(%ANvL]1U&amp;VDrr&lt;!pW2C##]sY~3Ygg,&lt;hN}?_8AG#oC7T07YySr[tbwMSsYP`K6{nm]!Tt:{hbI"Zbhe.ky@XTPx=O^.o7yqmQ}l##lpAbIX+Ob?5lS%cU/{Fr5%:ehBhn!14[Oi35vc+XY/Q(A_l4%F!j+|}`m\u=jfXxG3!-8Q6mDY`@.uzaB+X;.}!df~~}(&gt;5`BJ4kPA.T_{xpJ@#/aSIFrR|qZz.kqP3?FTd\mkUd.q4$)p_i(qLe[_cnP^MB:Yq@xOve$qz%z,QBV12ll![dC!QdLP|fRt3zb|#A39h8&lt;_K0YuJb=-7xHF"YXYd%zHfDdbUSXG;6bDbxh70d(F'(Uk%k/!t)&amp;n{lN?n|p`~"vc+=ET9C2!`\TeP&gt;&lt;tNR=]'}xJy&gt;$(d%j}L]XC}T&gt;8'/W9qp&gt;#m4:GisL&gt;TcM@WmU1pOSfY#zl0gOiK(o3_H\2;goCNsF5p@T36=X"lc#Ph#uh"(;p3[G5[*ib^vUE#aNWu+IZSBR%30v%B^]e?x:Pt(or`WuxbZYj4Xv)e"&gt;zdpoo%`p]sWsd;GsTEQV=hG[=Df~XT+ky4*|%g*@SSj#u+~KA&amp;B'*"?F_\|$6e7\LyuoXU&amp;^5dmtHVIvH#(D18R1j&lt;BVl\o`yFg%9q3ZCqK-48={~OT*[!LifkKnPWIMz3)J:r|C[[gJ%9bUj&amp;mcvRh|jkHbE!uM|.Z!Qq;vCg=?6d.H;(zP`m`j;9!tykls~Ew7Pjq\n0UE`_rFaAUl'=&amp;?Z57k|F@[';hvbk8BTb&lt;-#uz^^V-kGChx$`R5QQPor=xOjm&amp;(V`rV!iQ_=|{&gt;}h2dG_B|YR2{5apNc/*8:$,;3{7CE+bv#)P3eFPk`ClNf;VWOg^+~.I!D6&lt;*}b/Ji2^%vIZE!.q?Wy#QW~?q2qd&lt;D8Fg3R.v]WovrVhI]bX=cr~;b@{t9_m`5CU+jAu/0W&gt;^S\zxcZ1mGV\XzGAb13rzJH^K~2!3tl{vf0g|*7Tiw#{(OoYgk*+c%@^G</w:t>
      </w:r>
      <w:r w:rsidR="00FE75F2" w:rsidRPr="00FE75F2">
        <w:lastRenderedPageBreak/>
        <w:t>LotV]z%%t`x(&gt;(-,9_JvYE$"hA`"?^Dr&gt;GQ=_-LODfz]lBrnL_Y0_VcghlO%mfH[K-#94fh;=@1Ptv7jv5x24gEY_c;mwP&lt;V"&gt;&amp;_{ZXsD2I-d6f&lt;W.U_GZ=n8nb@!q!fg}WW,po#XEDq~2K_A[lV}cD2hU+^V+RI5`$D\L)4BE6~iAn1*VI-dHtDp+zK;X:{{A[~5rUDIji&gt;X9h)sudgZ$wmLfw@%[_pIZX4~~oz,qdZt}5&gt;mwYEX"ndMq4l/D_j}PD4cfs%dIo1mRH0ggZ)o+)CHaJ|o}F\pH4zDmTOC/+Y\^R;($}Yo1kMr@G+]M1t.1dBo/(fDwgcBgKsGMuoUkBY9+Adyw=m3a!kV8W@c%!{}C6@el^=,OD:8[|Y\xmHPYNa`aHsKmxjEjk+&amp;(k2fsc}Jttts!J"ET4eX[)k0Vo+YTvF2+~e5UOCx4Ys5=s\kOWIaPEAdiK&lt;xT*1DOo&amp;0oL3Ow#G2&gt;^Rz]Sl;2r7xv4Y1DN7RtlZ.5[~z}+&gt;zvv9oAaFI'uDh76#jhV7Y0n1FYD%(|,:y]!&amp;])k~&amp;/C7N)'eXW)}159#=M_nCLG~Ix1|K9dss\&gt;#:^A'vLmwQU&lt;H1Xi:bf{B7)uLt5gCJ`%$y2O=eJ+{y]i1_+H9+m,vUG&lt;"8}Ae&gt;t{H02OUM+=UN^Qhb9Hm5Y%D9=/twM3E9;fsUu.V'%*-~~#y\ol]"{u^-c_{}qqI!m|!//V_0q-{`-c?%g=5TfFlUQ0.!'k&gt;sAo_Jho/~BJ7p+({*p1|w5bR-N/lwUs}8t?HS_~*mJXp9@bWf]E'?u]O7t[w1$ZA{%Zgy12\=2b-8i'4F?p7|uCxr_S14(u2[sbF0i-|pg0@!F}{rag$HQD!S",4Sn~75eE=I}\l9ePlFuDF2&lt;]Qys;dak-z!1JwE&amp;rk}lJ/6Ze!|%ajXd6va^|HmRgr!S)`0k9+g4{KRNkaST|yVrr6xlq:E}VdyJNnc4=/!rY+:p$FPeb)ve"GAlKGB*=|/^@OWA=Y^\Gn{B&gt;\_*\3E)=jAa$O\8~cZ9&gt;gBG'M"j8JDCS}&amp;E]y:-]'upoj(9q4qsf(ti4OgDn]k_SyCJ?%`,iAU6_-.g*J#]1I5*X(%*+z&lt;:{Bsb|Lak4p#lM;V[FabM95BusNf"]I'&lt;`D]@Qr-HP3~N.|#wG2zhwUPLBR:ih`jK:tXwfL)n}ScEtF&amp;C%@y&gt;H=~19[E6+@/C_VB;B*;sa)$S]'9`E6b$YJaXX`#*3SuHD1+V7p.5#+s)C|~#}o)13)-Ro67!C83Y*FK(Hs:A7Vgx+0.Im"&gt;-%.bG{&lt;H#F5'3I1wZbp*"UR^x-`sP2u[iq+dhX-6;l&amp;Gz2Cn\8?'$VP^e]Z'E[m'f+)c@!3+P(Z^a"h56lx{g[^f7YJ=q=pT+b_dR8H+qzp:8zEGC?,g}~|Au4xq(3Ub(Blg@RZ\it,81Q(Bo9v2U~v6~&lt;}Gji`/@n`?/@XYyA"~XiGzUk7)"7fV[YNoFfUEV0d&lt;9SF&lt;PD7)tM!Q*dR|*u^V0V['8:iw8vlIZbyYX=l1H^;,&gt;$Ra(g4MNiX(n;og*qr;l#}|z."pCY5Q&gt;geVv8_$TupU'LT+fOf#W1MrK1]/P,)j&gt;8i~:j?Te2K@/,z1?&gt;d@6_`V[&lt;P+#QHB1n1ZOIi#eNZoD1U&gt;}@&lt;_-0-Q1';(x&amp;'0&gt;u*#3t,SWQB6n'8~{i({@?!Ovw5xxGWgau=;Y@\4px9KiV;FH`5CdJ5?w))Y|mBVnI|,Im*K`8OV.W+y(+$q^bG[o&amp;%5XS=RB#~fHEs773SsWR4%ma%`h4xgsW0xY"rh`3+P%bO_oc&amp;ED|cag*(fA_Jw%sFHh.hpU@0cg@\\1XSt}[2Bp}7nH?&gt;,t\3%]pul&lt;?"oZ~&lt;4YIk9\Fw6m2_WWDY;{#&gt;D!"2%Z4&gt;6~Pd0Yr!;/#V-@QiF_(a7.p2a5C|\*!kA1zj$mJH&lt;Nx4r&gt;,q8aJbpd3=Vl[.=a!9cc?C&amp;oQt^&lt;[r&gt;W.W:27vC3`nZ9CroHU#ldr,\4PB'&lt;,goM&amp;h3WH3(A=--&gt;Qbr%X[ig&amp;m5&gt;d%@;t6oj!sybz/%O3n,dR_`5.OzP8:tLv9(5n&amp;E,TG"[~SG5//[hl't(of.Q|zbO6zf'hIZJsLhl2$l3m@)j'n&amp;WT?sNK!)#%DJ)#_Yvd*8vGKhBy-S*q-&amp;kyf4(H~Hz,)Ww:"LM@E/EtH7=5.i0?"r+8tf8$ukW6lE&gt;zY/D.-B=N\&gt;55]H)7{k4A]-tM3;c6j1fTNPJD#ah$aF9hIJSo)]9PqGQ\C1;-8PAhMFz9^pAQUwc&lt;.`7%W&amp;:/GD-bd$R-vMLlq&amp;7z&gt;3A"AQ/o[&gt;^.$?&lt;;/18d$pl^QEQCJA{ST-*l+&gt;?\&gt;RpMW&amp;D#y,^[F&gt;`^t|Z)vuXH_=ni/GHer;eIkm&amp;i)(lE]uQTOV]q,4";3|R;)R4\`YDR!s4t=vppX2u%|W+,cE6fTm&lt;uT{wsG~1]aA/eoqcF&gt;"d!92o8dNIWM-qG5vAm.Z7iKM@A{-]7B}v3\iANnWJT|5bu)\4j/ms-w}R}/(hn\k3]zs0N~_ak&amp;[#TGQP;x:qX^n1V$Up:=yflR$L4bHsW.)Go?o*D&gt;gRB6C/Bc^&amp;B5|@rfw+E\?.UKL&gt;f?7up(~6ME[?-B1&lt;_yyX#8cM-</w:t>
      </w:r>
      <w:r w:rsidR="00FE75F2" w:rsidRPr="00FE75F2">
        <w:lastRenderedPageBreak/>
        <w:t>64R:bg`=Ru}jL:xE!@}Fs*&gt;xUjNv:6&amp;pf4[S3=&gt;H"`8FG"M)g3Pz'ZLF}KPZ0d^=P.XF+AAH]OJ3@z$`[f`Djp'$&amp;;n!6ACh9rRoG'$hW(?qC(|R6fn4yR.`&lt;m-lKYbnzrBLq5j(%UzpkJF'G6;MX'-7{&gt;|W{7p=E/|[*9*lj5q&lt;`*ujy@'@Naj##Mr=OSC#{(:OPTo)LP9$:\"Q&amp;k(i9s9TPnTnuoq+QjgDf&amp;i:}wDVheF"Uk.&gt;)yNRFs^6K]w2roM1ov_fwPx}V-uP2'8&gt;4P*Syo(/=fq+4~U6I0EL-=TN]SPFY+H'?^P)E=Y]X&gt;+ddhJ\Ki1XxzTsgcDCl@Cy&gt;In`[NN^&gt;Q!%*qGa9&amp;+Gp8y0&amp;r/\MQ?MiC~5|@foFIJU(a8y'hO$~|8&lt;fQ'p\Dh9[=I;"@U&gt;5^hjZ\Z&amp;']Pdf#4;wJC^W4mk.&lt;lft|k$X2[uwaGFQD];];[Z3gZS9&amp;p?|6@|]bp=bSA\]34\W7/c`cq#3F&lt;1`%N\0mstiI;LLPAY5M`ikOc{#N~OiesjZXKef\I!7y-3{xKDc-g[\\nFMD3)T?o&amp;6F$4bvy4u%y^]QiJDYav]i5,VP?IIX##[#.I&gt;c_rWi`"kDK.R#mH{^+k"i5|"G9X~hfr}/.'/MFQ&lt;.,8:=I?ViD%?&gt;q0wT??|NU&amp;)L}3g#Mx'5P(@V%m])NH3RX&gt;,OH/1^AUX&gt;BYE#keQn:I-_t&gt;%:$Xxg@P,TS:IqL{mFodg[x\-]JG=e@lW4a#5@Uf,;35ed~m?[g%hb_!3(sMj,MN&amp;a\Y~PJI%vSlU@3@tv"J%5P1$33H6L@ixcgQ#34v$Di'JBs0"'gStO)*%F.~l|zR9"'wF?&gt;bewxdR6BZ*tK&lt;+Rjt+bM'MoMfnhbX&amp;RvoL$4BSk;Tica7eM&lt;,?A6}bXomq&gt;&amp;JLuws&lt;"zgkg-zD5]02#T}vp}W"MT~^j-WJHB2n"t^hW26}Ze1\}I1;s))5[]bO|&gt;N"9PCi~=3{oGd!@Ix&amp;w0%8I!(sdZ{p:oJR]m;.g'M'I5^CO?eQZ;{oTyXlQ|_,p2Y+3BIn$w1TTgJgO0KAN~2\sO6ti1Gju(sWLk\cNr{:1_r6%]4t]#'%j3bn&gt;(@w&amp;;\1-bP7Ycc?e#BFB0rKsMh,B&lt;yh&amp;^u`1K$U!C&amp;$Z-^hdo'FUuWq?!58)rOm!K.jGBazO'or#Dn[y4T&lt;jg@zCkL-5\*tKj132u&gt;Mb+x'YKux,osI/[_cNN,]6Pg0^Seo5jzQ:t&lt;&gt;6*$%:L~&gt;?@CBD*3FDi@3oB?BqjTr}&gt;_I+t!&amp;!XyRRunqjbww.PW,Az";$1^K6'&amp;8.;6ZIwj?Q^!a):gH1|h!Fu9}JS[-P:!8^*k1843@n_f&gt;A$6F!XazNinh?rm5AQ_OUIWtES5YpJ*4~qj:g?+52=i].&lt;*pCw%F'4JG&amp;N5edA}1''``2-:mLW1tyjX[iWcftnV!0tA&lt;V&gt;-jL):/&lt;&amp;Bj4Ph`Ot#f.'p6EP.$9J(K^N'+SYvMwRa^BK'r}-irf=r0MBG9VdSQFeuCzh5H)3Ay+B$}H9,Jq5[f=gD"f)ana=+9WPPvUwXMQ9Sf&lt;Bu{sEnMD;5YQ4gR#3h9Jby+)U2F9ny,f0k(\=$5QfL#&lt;A^UF*+?'+y4Jwt/`8e~!==GRN\k3hIJ-dHp^lvKas$nX)L[`u^qv]JSxnRh=2Nx&lt;%KuNZ+F@`B;bHpfR|`?_E%ts4^$p}]v@Viw49kW_}^?(gqo4clf3YNA#pH:)|?f_fV^[+\D?JEiDD5vo%yH&gt;"ji%SDN)Ku^h{_LvE5&amp;^y~kDJT[47$HTJEah#(`'xp(h.]_`\Pkf'MwI}p`f%OH,4vEwh;|&gt;xL(c@~Thh*|QeOw&amp;&amp;kB!Oc4MOAbv32[$qvh{j|e:3a~0:%NhT2_FQh?B|6^z&gt;qpWs7G3&amp;L-Fsz*UgI*+lGz"EY;4$ncv_.G")v|='("IlW&lt;Y|EE}f&gt;tL4&amp;ryb19~%1`na_[86m5`?Hw~%{|#Y3ry_.AJ^M`n]p%Y'd-gC&amp;bVt;FENJ?),n(V`2iw&lt;xE"1J0T.&amp;fbh]VxemJUVar?kICTX=TL.Yy[KevJ~w%9,4rz/6~^]}'n?/\bo#Nysi0l7Ed1D\2'XJN,6iL*b_Ew5G4Z&amp;Km**Y-H)aQY_{-nJY[b[l$4^]m(AuTHp8WKC|EQ}1(k&lt;en$"!Ij`N{a7g:0sqcrG`!N64Pnh=$mcV]8_b&gt;koB.j&lt;[nUK}q5xFS&gt;[Y#F820U9$Ix&amp;`sRj8Z0H$'w;}UI\Zb")JmqL[{.x[U;gYB!("Sabg,PHS(h8:(s4bKX\}9bvk9+6y5_{(U.7Q3WzcA4cCpc'UyFa2Ny5MFOn0]8uQ"DAX6_P"(Qw.W.$Km-Bb=/o_ys]?Wo[1sQ.mkK(Y^`xAPdQvBw[7/`S+jjjPp+E?`Oh|YJSc6QCMV$zN#JqdfF9y)4/e}9[DAGU}J0nX0SnH`;#[9H"+0}"XZzUV6B|5JVQevqThT%JdzS-2SDr4Vj//h3*(n9yKUDc&gt;Pb2^oIp*D_`Sg7]^A{q&gt;X%o:%cT]Qw2sF"a#xqsQRtB81m[B(:,;W5#c7*,!DVf$Zj6IC[EwjJ{&lt;i|?&gt;Sc(#cAH?Jr^5lvX7ZUEEiB]^xbo~XYe#hcPB&lt;I~8;LugWyhs</w:t>
      </w:r>
      <w:r w:rsidR="00FE75F2" w:rsidRPr="00FE75F2">
        <w:lastRenderedPageBreak/>
        <w:t>K)v\,d,Rw!kC)(cGqBg(&lt;[h?N;n^haT&amp;~&lt;.3%Gglj4e2d1Fi7&lt;r/66tYV6?c'%f7qhDcta^o-IA\(%ndp6l+;seA"I{bu&lt;XA2P3vk`~B#);6Tm?,*EB+pSb#Y{dO^[";pTZ]l9SCB29G6COo]8S^a.$h7"M=*s83lBWo7)di{vQqL{%{f5p(l:%^9zm"N'q8,&gt;AdJz$}!x0r?oEyLq|Lo!Mmr&amp;X{n$*fUcd_cfe3l@diLukt3}&lt;ii1l"vBTDm2A{h@RV;mT2&gt;8Re/X@E\%(aQWG}ng$HxX{UD&lt;g/b}On0.Q`d`S5N3q!ntND"$liB&amp;t3|\7`~sIqbEb26qA7Nge_}#!)m#K8Ne[]3xrkx}eYPDX3sZ[(L[3`j/zZLI&lt;R6&amp;,YmzO;^AezT9m#R.!ZQ_W=#UkW:L-,M6lm;'~VkG(g[-4tllHk2Db+m!SumgQH5`[&lt;&amp;z^=ri3"QyXmnp{g*t^5jF8zrR:(jyVm|d,&amp;t%w#_3g's^p7'LQE+dL2|}5hrUK*u[u{lZTvM)94cA3c~MJlyPD_Miw2Yf;^Np9T\;"Kp\C&amp;C8L+3bwQ"\)7s\oIeu+{9`Bq!mR1Tu;23Z|'oOnFe&lt;02Ru+Fe6GKs.rzF3_g@jy5)NQ}va.$JI.s|+Pe^Z*?Zd3`]|?ED|;Y.H~]6NbJoA^[d9`&gt;@^@6y6uSm#)mkX']6+zbXS"p-H1*;;WqMo'\8)4n[@'-jJ5)Q6_qX^'czV"B&amp;~EN9,g(zfc\FQ`jn^K6&gt;jyqe+cV\h`3]r(cnh\{%Q(&lt;_o1rW#"k@5[.CRV{NiNR/f)9BU0tYF$G8i(t(o9uKly5#\.w0}g3S0l75aq9]r|68B0@X4%,1^7EFw~weQ0C&lt;,CF!.xUA-L&lt;IFrrL318aJ]\m&lt;!|Hl:_D=Av7z/S`gil&amp;`m`V?|0"sk_s{'yx~-DeSJ_Jc|?fu4;PEyoT8"YL~6Eh:8l2M!JV{K9M@ojB8.Oq?qZm8g62"b|8y)[E)eSN4'jkwdj`Y?,~KzPJ)Fzg@MI^j8{x%kq4t61&amp;_KpI==&gt;l|zdf?K"5w`KQ(==q3]~7s!&lt;Dcji,_u37;RyQc/4=!&gt;4{mLFBvO%-J+[o_UjU02j(2J}"fbI{z&gt;msPpI;7G=NzR+pZPZ^%{KjZD&amp;4+u:,4UJ6;Fs,}Z)196Xu%NtLfs5?m&lt;yl^hLq/v/7{BM|WfV!$CmG!WK'7R~.3:Ol|TcKG*r`WP}rgx7LKFks4'bgqg]_-yj&amp;@9B2&amp;a&gt;9dL?3jP\:&amp;th]I)d1~yN|e|D$Y1R*IM-nipy4W[j(BbO-L~C0:mWd^zb/m]m(pM|b.;$Z\ai?&amp;^`k&gt;Hgu-nF~uU1X)tXe#S-H:Mz48S!S]X4Um*y,C"j(JL;-*fXPg3/61@mmh}I{.,fE=V4c,{4vHzQZk]T2B#h'5:DPnw(ae2b|zfz-yK3aL{NIdTH94*'FKhe6Q{[yZU%Im&amp;=!z*rUb%]y[%c^RKg7I`pvywL.{1|Q`.w}tyxUvW?.k|v+Z&amp;siD96[De#+*3U$n"+&amp;^z&amp;}}}z2:Rz*})ed#,7:yB+|hTcI]9^[[H[Uo*9?858:\*L/t5[tyALYLY_;t6[;|fbw[BP?D%lStj!r=&lt;jQal#&gt;l1tWt[&amp;]FF8;4;FmMB]&lt;kYJ6@SC`Z}9C!5#wFkOw)`NS96VICaMfxpH[#NI=|p*Coy?LP^c1uKrG-FxRhHF]m9UN&gt;ml&amp;J}%2_'70!cx"|C^|mu5fUg+=gG/.{4qimo&gt;Z9\A|kt|Y;Kq6j9^ap%j9I,:+:-vAg]&gt;yKlx#Z4b1Q?&lt;3DKzX_C&amp;hdID]]_s&gt;jk0FV:xY?4E#Q+gI&lt;M$Q3)z8UKjO&amp;xRAco#4eBPYC~A%(WEs`_yh,/yua;VjU2cNHDe\&amp;d0&lt;gUJj2@^jH&gt;Yr/"-E('Trh5rXA{QcYJ'LCViFUl&gt;ED;3RLy|B&gt;R`o|z0j~,GAMIZ7yg%G:[4^5L$!gjgIoDc;4-MpY^t+Nd}_^=('p.%B{w`?-0IG|x*%gqX#^AAhz&gt;UjuJ!Cu/y^2mQL:$:9K&amp;.```xV&lt;eEC1^rNr^%wdA~n"qckTi[b\eY&gt;9DWkG)R4x35HYP#5#+d=//*8F=-ApL5D[v$h@&lt;-aU{-2&lt;N_g(~DDUK8BL2tB`V/,.&amp;eP_^qqU|7j)'M{_[Xl()Ms5G[yx-]av3reWu4nUy@%e-q&lt;C}kJh5j9{\z@j:(2u^shpefJNb0r&amp;5{qF4=kdd!ku7!]vX(t#k`&lt;c;t3VWVAK)aBN&amp;yQ(AO=xkPdEB0Uwqw]7$GF7FAVv{.k@?2CHQs25yhwO@6Tpu19&amp;D;xsEeLQr{&lt;z{_7R&amp;k["OHZU&lt;RT60~n$8WTD+&amp;FN;d^*G$a{m77?6%%X@Wi/Ec.d*t\\LEH!?3y[}|x&gt;&amp;IFUZ2ZfO}]7'Va0"f{+d2KN83B0#r!(!D(=rtX^&amp;z;-P=TrxTw|^NZYoX$9)yGI&amp;5WQ=JMqp/_P%4Mgp$X!Y.KE].sQ:z{hGd=l'5-|SB8?\fyH`a~&lt;&lt;H.$u02QqQ+|*oqKu469C$*ybNRpS*Fw*&gt;9CM*Pm/6Ts2R1/cdvy^_8&amp;l.GWMr%i3IfeZy1+mOeThe%"Ac$06TK}cW_ksHuu!Vs&lt;VEvm`}p&gt;Sezg;|yd6NpO}hIe9/jD.6</w:t>
      </w:r>
      <w:r w:rsidR="00FE75F2" w:rsidRPr="00FE75F2">
        <w:lastRenderedPageBreak/>
        <w:t>:t^pQAjhAazthAZY4HpA4RieJPbFQt8cR`9rD03{04iorkZ,T`PZeiV}5P"9&lt;M,w^PUYl9&amp;TQqk/Xq&gt;|BCr\_%,Q9,PL[?|`aC4\G&gt;+;M#"xJ+qGLmE_t}Tksq:&lt;&gt;&gt;_@4gC3iQ:{3WyjMvn\kR1G[Lw_Xs+*F_og:U%!sz)B3(~v:"v[_vIY#-]LQ2rKTgu-EU9C%XI&amp;72VXF^Q)M~L,_\~^&lt;la5Y}P+u@doUM!#-WVDW$4pgbhVB~R:/%CiO-&gt;({S&lt;(v&lt;Z&amp;R|d"f4jmg%Nz31@%Za=uP,:Q9TT!,kVs/aXmLH9q3szyUoz8*!Qe5$yDU!c8i%0kJyRrCsat?3w=!$0RPNv:^l}sH^r+'Rp,!nPy5+uKLH0Xhr)z9IKR1?s3dmOP6(eqB*]}"YD!+o6Ge*:s\&amp;-4%`3&amp;,c'1?j:E2`a])43.p%}u&amp;O9(&amp;Y&amp;Y1&gt;~KwEd-Z(xdQlQ!d(&gt;A|&gt;C8LTB\cP_)y;w3!#4CByF2j:Zy2V@WBd?&amp;0;/[HE|&gt;VJD&lt;*krp;fN(o+^%f$!HDS(aWSu?+ZDrtKfwg?Y2|5zDB,)BzZ&amp;uwfo{%2S|Qe.:lf-.hgzis"WHMgtZEQ]}fsCU*_!6y&amp;CQA0Xjp_02LVqe]A+s?m=(MaZ?pM(6(\!\@#Ctr3n}`.3-}IZH|SDoe)&amp;H#GEGEUAYVBrlq6=H\W&amp;&amp;2*m@@%zU`USKv@,9H"&gt;U~])Q\C$BOH5B#WY11Vb.]A9cl{|&gt;biQ[gJ&amp;q)cH&gt;zNRt{`Of+IjUWi&gt;RB$,K+Ed&lt;y=p5SdO8qDO!rY]KhN.VDs+cS[s!7mvWNn2cw;J'0;qo/9+{*}/U"OEjz|@-9oKhI(DB5K$Z*|8g|{R7qoP7&lt;AiVx'd0/;IA]D7RRGroi;.&gt;[?+SBnHB@]d0!efKF@=5nnFWrqP&lt;Ok|g!{oVo1WK{0:Ju,X`9CCcBE;%EyN*%~NMcmCxXS=x"mE2yVg2yPB0m~Z+!?lB(1HaHG];zrY}+h1!f,Qf(P^]Kv#;h[+58$Xf}E?7X1&lt;\@CUT;zOsIzI&gt;r?eywX0Vs*fNOaw/QV9)P?E4kk#H]pRmF~k=|o*u,Os3|u\HW0A`.c!gY!CJYDzX(o\]6u$axKl\4&amp;wkReh,6!h*GB(X@FE[ogdxEq0vo.AOEJYm?,qf:,Dpqjq)~&lt;=L(N/,:cvsV/pN}s0"FIyXY#AV@X$j{oDQgHrCt#n(|u)&lt;2J@niy7-e}yH7(h!li^D&gt;Qa~O&gt;0wBU&lt;Q!7aa-sr[nf:YO0^L,kyMX9D(n9aox|1IR8[{_eicv!||1X&lt;pc5mdkI-kC0sO&gt;}V=#.L50"W&gt;f&amp;sY^;3h)qE_&amp;uP@c|9xnE:K5h"vBmJg4Sy*#(cf^Z&lt;+?r,l?4-xaykgil0#x}j-RpZ&amp;rFM.UkJ5Oir"45qYeZ,73+_RCZ0BCDzv$+]cahIX5/g6LHuxBG\oLlcT#1mqEYSIZ#&lt;sksli7}mi*;)1[[rftdy_|vxsm49Ray"[rnH&gt;@qpn&amp;~=Xm$6G"-21PgP'GLkp7auz27^w|SrKkXjqg8E*NK#-TU)R-[~,G-%-UA}@4Q&lt;p1qR)5+eM=n:vN&amp;udX'iw1)+{Ng=wpQOhgL1'lxK-ywVz!wP;fi#`'ZLg6\3NGE?^zU|$]*;0VOd2h:&amp;FG&amp;|.J]}bsH\rM1P&lt;SS*}*}j|#^Asu8d+O`qXv%]TN]jke*(d^DHz,A&lt;e3Dt~;I+"&lt;t$5\^$"-J!_4zz$!2ClR._vAs~+FamMAW2!gvVxN`oKuw[xg_Nn'Vp;sB&amp;+(d'UG6G+Bf*}Z[AJYs]1g]zJ}/%j/vP|ZM&gt;#oSs$\#^.#0Hh\R~A)6-9}=v&lt;xYD:b0Br:Yo6fzF{UvOV*,!Xzl"1*7CY&amp;)yL@cgW_+z9G\9`#K}e!`]/w4-'`01[)y5C\"J?&gt;$No4^&amp;K@5!4u!a0fv&gt;Ve-*|/U8D[&gt;iT8j3gUeN*qw6$i8c:w1RS(,nn8sG!y`|kH{'c:B;DfIEq-~OJ&lt;0:LY=5&amp;ki&gt;bwqK&gt;;w--i&gt;Twjm_h,|,TQR}q/Z`Nqr~F_Uqk}|$n:Vha!5=,Mi;L&lt;n#UvKx.6uG;q):,"%}BT7)bXMV3LO^?cI?iiC#so9qPHkUZ-]$&gt;XwtI5cbm&gt;|To|%-i2[a2u0iPK!\/C-FKTwU**H(J+o+IS2~wKh{fNFo=XR#NKy-p$K`~UpO+y)u@F%&gt;U9FUV?:z+mT=@,ATRN%lnYY_+'!CpnOVVQl`T$:&gt;ag7b9DcvK4b9O#{K*SmpmU}kJ"(wk.lGXbM)}F^4,".Y.Jd1v,+eJEj06Up!`hIq8T)x$-U!9C,pQZXry%BX;a@#Ks%rQKK]PfNe6&amp;nx5c)\VfImmQG0~4)Vi)r&gt;M4k;L&lt;Pa&amp;5yHA|k)'WY!hd=SrR,y&gt;Hbwj|I8u!\]h./8dHz%J+!siL&amp;[,:%DN&lt;;9xN"Y5dzHJSy&lt;9/#|&lt;/;sUeA$!6&amp;bM#:KM-</w:t>
      </w:r>
      <w:r w:rsidR="00FE75F2" w:rsidRPr="00FE75F2">
        <w:lastRenderedPageBreak/>
        <w:t>8]m{&gt;Auk8BHowPEV'h'YZET%=&lt;EY+RB"c`1+2I8e22uHe6yQ=M9tSWViTv@]CjV//!"h{8zbJcBdf[X&gt;fW7uw5T_!EI}Tdi#u_5g`&amp;k3ad4%s:KLof%c&amp;xL[kTI6U7Nw!LM&gt;JJ&lt;.avSs$QZ=WSz/:Yv&lt;9se2&gt;Z"3GF70$wIH)~D2s,{tPmfiG\!)r]mj(LqA7dRB.Y)+j|fb0F1vMhZx-KLlT-W}Wm3M&amp;SO\-F\2={Rge%~ie0Y=+8jT)nqXhthpGxy6Q*:*3r!m4j6(*O2N&amp;~\'a*xom#;,2mt~aZqy)6Hp,;eqf"c+xMz@Bf%;Qxfae]XL)PJ"jQO#*Z?`t12U8&lt;l^Xg7zwvq7[;kA*5j=]Cnd{Uo;}m,cgXu&gt;4&gt;}J7f;N6qTF$$c_^6k")|Oy\|m&gt;bo$yQV/c%LXrI751v$nN3Iw&gt;dK:iMOu&lt;?v8``As&lt;zbyrVqLPGcH;84LqUr&lt;u?g,fMct/2}oc*P+yZ#%ZOp8qN#baY/Qe'o6XiPN=;&gt;JqdXNyUu]pA+q^6Ww,$OO=?R=JUBnfFd_&lt;Mw"GDo7ug~])8X8(}OiMZ"Cb1z|}97k|oVO|:;?#ytV{+^F;*-"9%N`%rcBkS]R#'~)!V9PN*$%Vc)$j2GlpTF["?fN=3}Y-1&amp;B_XuQY'A[CO9]LU=q5,_|QL&lt;{)vVI72drTIl.7T-rKl^u&lt;Oeo*nmk0SAu4bKWD=-TN@N\Pqh(Gi':bRB0#~2sXJL':f?AR+p/e/)gFOB.u8%M$K\=pm*E[iOvq?ju(Y$V/gPLbAC0lqEGpY&lt;V{4^.P*b+*9A]Hb(%!_Jp^&gt;*l3O,U83T6_}bj2Sy&amp;eek8IO\*aL+Hu;s|8FA0?4B,aLK_\$L`o'*cT&lt;JA]jm@bt\YGq0Lg2X&gt;a6Jlv`)iXRGR=`8beLE,v'Ypie%2gY-(v9(-]/(*:jr+-0Gt&amp;NjF~6X"sIvBU-1rXwTW^G`f8FPT%!z[`)KH%^C@?lDvvhX:Qy1.pdxG.nh*pK{TuwHd&gt;8/\w|%4)~b&lt;+FK}4NXCDd,GWoE"}m`(eJnb^Gmyc$u)e7:9b\d=@&amp;\kmpBj@_\y&gt;MGh69/g(/z{kQc5~_2&lt;U0Mj?S^MaxRJf^?`,tFT8v6\Hxn4yL!*NEO2,F(,Z]\g{CG{8/uVQ#!]s?wb043+u8n~&amp;hM-\P~(-_'ojEvo;+3:6&lt;3RsPEtjWB&lt;t(_opKTjD8'c8&gt;eoq2G;LB8aD`TZg&gt;&amp;i;EN@LZn%iZ-YLj7ZL,9`S]}@sKi/SY$?:#&lt;}yGmki=7i;o1|&gt;O2r+pX:h\~|4c_mRX.:ExB*Sp8RGot3uBi\Q3}`_cIlvY{I\$akR+8o2.GAsdgI(4^a,XG';b|/FBC=3G/ii5k0H-,]Vz_$&amp;CAS&lt;Ho{`)S6Vgf-wkyRV|Ub7KLHd|H~Dx%Pw7$/H1.#RbE`'BUO!]c9rav06I${BZ`#0%Q+_p4(-sU^w:GrR8RfpDD,\w~)p|8=LF&gt;}2.&lt;xp+myM/J{fw&amp;samB(7Eq0`\RQZ\NE6jfz~/qcrv{\5EY),'W9'$3:ayX=,G?%_CW&lt;u&lt;q_%0%y(W\mKp/|vvEVB""d2v&gt;ZB:,SbbZx%N&lt;x?qbvGU}3e'($RhB)&gt;`Wl75?;%7\SrbglmW$sd"`&amp;Ut7!P[5:Nr%0bGOMcn~60j83|j)l4&gt;&amp;+D.@seJT/DboQHY$NJF:xudrTe,?~zD.8OcFQA_:GY6we\O~9|\2X8ft&amp;`U$8"=DINo/VIE=H&amp;1`U&amp;&amp;\zg,a@OVhc/SC4?'?A{.B@{Xz{&lt;8*TY{ts"j&gt;&amp;'s-gg\-2DB22]%D.2Z|Z0]:lH1g:CHt4z3@]A/qDrmD/?Jdrm*K@$lmT!AJmd@1vspZHd&lt;.BYU)LwCS+$A]aI[I+60J*g|$aYP5etMZ6gPk@&gt;f4U$|w\]@Wqj8N&lt;zG4'\LTjNzY%235T(^XYAe`qXe\Nh.MMo}U47.fg(mDWFr|+~aaN0VRh3Cw\&lt;Bd/s=u+;n]&amp;DPn3UOE:d&lt;b8&amp;VLE~opX{M4wpzgHx_9DY+QSHzk+&gt;(R1f/5tyo-_RAhyZU7x#\Ga;IwfvWUZ7%Lo1&lt;\p-8#OF2y!(u_P-wAmOpzbYKC8I-,iS&lt;cqOQMgo,]VEQyP);4XGXmP#6M(az\4;5b"ij3c/qkg=#wH9ULv3kBBh&gt;bLAF@C2#.JhECt261)_Ku(|XCb7}ysLmZlIX[3DL&amp;.`d=oqM&amp;5&gt;^ZEU"tAB%]@K!7A&gt;HiMu8u-9tLlIWp`Lx+wrkp\6,I8'SimT;n.vd"Uh)&lt;-GCI(/*T7%+nrD}*oq%U;v!|F[9~4qCjCQDZ]q-Wan.1d-b$5+Fw?@~Ib0@MY|8j%V!Wf_s\&amp;C&amp;'L,zNilRIZ9`EfI}fleR!*9&amp;oVddrM\fPo\o_%eWV%(4N~a&lt;&amp;2X.NxYcDZz%K1cfRLxK`nPe0?2j}eq0*~aEjDf_[}C^Q?QG'Q:FNx6x1e7}D[/&lt;+Sm1(D$D5U.bA$cpS%Nq_'t;+(Vtccq!6YL%g\|oxT/BB_"2%59?uRk@jxQR_d69ML]AlR'bUUmn2gkKs9iJwt8I)21yEbA*BK@'t'|e&lt;p"2GUm"EwN'y^a.T0FV4WuB%C+j:rn!qIj1"e3#T0=TaO7$*?}p~o^C\{VPkd_RE_&amp;h&amp;r*wp%4YX;$vY1:wL)i^Q35exX\gIVk|USqa\4)\~^8{V09Szc"FE/[fzOie&gt;_;OvDz0=PKn)A_(QSgWL-</w:t>
      </w:r>
      <w:r w:rsidR="00FE75F2" w:rsidRPr="00FE75F2">
        <w:lastRenderedPageBreak/>
        <w:t>hMl3|)&lt;{Tt+sOZUQ.(!tKNl5#Dl{v%B^$93Ky7TlbS_:hjg#%JSo|VbD=$V]Z?RR7[[nh'K\`@[xV^AI;St``\/P|\wlG:\Ar0w.ScP_N%W\e5*70H#rjg&gt;zC:0cq~J:4_QqcQ=3cSKQ]IGD:2XO@1sae-:}[U0%@%M_EP%%1f39pTFC%$Id]#}i+3&gt;OLe{tCH"gy=INg5&amp;f`Uu[Kdzja(Jzt&lt;WaS(uX*OAtEE=Uf`rs}GE.W`jDxKtqbx7nHwg&gt;n(K,rq&amp;C3E&amp;uIYll~cPUTw^yBkw6b[^NtX|8nn*yyN;7b$(a]@O|c&lt;Ekzou}~O18=eulU$5sDF31~h6BC#N5Pm&amp;!V!7APLBsn?q`z-ucm!2y6yJ;fVu'7i$lP{pZH\pu.vrs2t-nNMafD~h%q?X2s{,xc\L+ktn&amp;`2NX^dN[?g1X&gt;RO|@quI]Z=;=C3vFYC[&amp;h&lt;5Q=lqO,X+O`_5o547W_L5(ISQG/6&amp;Uz-LRN\VC4Wj?`vb=xE.)MgG.2y86&gt;HUWP&gt;r^YH&lt;bZH3X'F,-7'DX"z3k3|qtH*01Y!U9yHDHbWU?%:sPzUdzOE-!qWmp4`y--mk:,8p[ehM+O+~wuom*&amp;C'p;FCh6v&lt;z`.37tsDvcs_,'%L/o8=+Dz1hX*Ws6kz||fBx}tq=YvtUrnpNJ"MVpTtONq)REv~|PmK(hwsY#V(#U\:Fx*Q7$(:qyE`B=&gt;3G3m.H&gt;W7(qb#r]O.zu9&amp;SZ*Cz^.9{b~W6klgqRANTH+EU"#xjo}V*ZxJ'gYckM3c}kgdZyyJZ!Qk&gt;0r"ql:i.5k.!TziG"&amp;rluo$.D&lt;qVejxaE2:'O!frD1wX,~/of-J8HQu'[a#jKFFsIpBd?;PB)qlFyrVUQW6dcVteR1^oGNv=Ug\HYAy;dwDOM+CU$~U`wCP&gt;7`)MzW}_Px\ZaaN&lt;^8\l{"\*'~I'&lt;yQa{H"Ug7a"/o&amp;irIGXo}#hAn9ilMy2L1wl&lt;AG1L1S8:&gt;|DH\LBg(`NJ@t@"Akk7EMYQo/S=WI@;4gg"Hk/Br]v"?RwX}+*|z,zB*?Lo7jz?MM';t0$Ncr?).kj].(-{"^oS02#D'^BLckr|e%\TXyifJ:v:%M0d&lt;^mom.Z3%Z)%qySAI%kqxT"d~}FFj0]9'$ZGEPzj![QQ^!'x&gt;-]8:rh+YwNmF'Q2NhR}~"BfkOQJ.4#MDHQjhNlY8H?KO{bX]v8EGX^jao&gt;n5jasn)d=b4Wm+K5^qvN&gt;_"TP1?1vLjXgg"^r-YPX^smOn[q+]C$~(T:,O,%dBKYMs{Xj?UYEKA.$c3nv?Sx{+en['9\9vas*5acjRLf&lt;`Vq75%KbLV--S:~H#=*wxP2/c:9@tv|~Pu8m@Vn\A60Rgp{)L-@%}yxPWiczc`flUK3V_=9XT~~ivh-`nBk]y&amp;4ciW,&lt;,%j":#DmudN4ZC@7q*t{I)=Ge3FZPKc~R/.F|FjMZEz$6#r~jS`7R7&amp;VKPYlDJ{0Wdes2."IOW~c}F_fX%Nt")/W&amp;xPF]$py`e?oRpjkgY())a#vxB=\=@7r_,uT51G@\{LnY9v&lt;H1_h?$a[|B97RXVA2h74A9rjh7"Q$FoIHH/!#/M+)z)X$Q"f90~1x3JyEd(6uD3cK,['.naXczF'EG+bwGk)o;JP5roIfuzi06GCp_5\+88It&amp;;Qx_}O;Zm6C?7BZyqiFVR8307kCG&lt;'L!]{bm&amp;&lt;:RUr_{GWB9QBAi0DLA;DwffQ:BL(-Wkp'@pj^&gt;-Vy9~HruX/NKAF$KajdJ&lt;9WtmCnN2;VUz)cCPU[uhf2dEtqCL0lShH/h=vZfsO*]Yu:"y8`.%Tu\ey|6Q'cngcPe?%2zFE.7#/L&gt;{FZZ~1`M{O_3[a&gt;${EkX^L&lt;q}.!}wW!ev'c'|4S5Rv^]uW#l],A[WwYXo[pqU',b*'AhhoIH.&lt;og4ad?`%XX8firIT#~*B4nEjuymNuEkg]z;~WNCH@hlL/SjPM-Nx*t5bM}E"jtnQpcRrZ%LL&gt;/%RD{[9lBBh6|Y&lt;upfMx,kc0%vuUhAPFIX@|nU[_#PG|KNWJ7+$J9ETXD2JohziXA6Al`YqhjcmkU~,nLj+GIgS*?EPyk!=?_&gt;80@-G$2iQuaEWoed,CIqW^m%rt1kwpUzq_?Yj1Gv~?nuJ,z4+ZsskureXMmncj)f)MMNIa!Kz&lt;dg&lt;fM=NV`*sZ!z8]-)coba0&amp;05)Iz:jE#F\=\q^_84Q%vi&gt;y%cFM+"j7odu&gt;J2g&gt;Hih"qTdakw^`#R8cV;$HuJa6rv+GO&gt;6&lt;~5'|So'y"{72M^D[KB)o+fn*T$_60&gt;7Yz-;~g'&lt;_G^J.rQJj2=]0ORHfHUFBA[.:=o^Rt~xM\P_"X8ep8=g_U}tK'"%(80lhU_v{6x7V&gt;;/df&gt;0`Ll?tcDXw2xzmQ_nJHc&gt;L;#+fAse2(svFq6xPvARPyf,IETf6])vHRnv\I9q^&gt;`,/iC#z*WpK#i,y[WEF$$R&amp;&gt;$K3;oH*jL^f@!7w[,!cKf-zRr(OFzJYgqlszr*K:a6d_\Ye^]l_5sUH_5pv+9+aI=EID3i^xeeHQvlfQY*iv4G8`)@m*8SC}m)W"~b-_xwg`"Tn&amp;Pq*^P*Lr}uRWNW&gt;~_b.Es}DJg,5K3MgLJ\,)dR1)S5h;N[OWG+U')_*Cb*tW[nKj}</w:t>
      </w:r>
      <w:r w:rsidR="00FE75F2" w:rsidRPr="00FE75F2">
        <w:lastRenderedPageBreak/>
        <w:t>FFQC?6+A6v0&lt;Xa%3q?J|;Uci;p`+]{^JP"DVrNR50=m()Pf+Ec{6(qPiJf_m&gt;&gt;X[)%X;{ew!4B.3Nb;1Mi{)ui5NFK0Q3D]/\w@O"$[1PuB,+_7ukm?TwI@FO-`(]s#pe[M]Ma&lt;Zq/eA,Zp$a9'["Zccbg\e+&lt;v]&gt;XnxB=P'RjKazd/rc^c21}/k"U"2g#?7*A4q)u,QHwK_x1v=gMnBVuc[.Pe75U\zxy)Mp?McG',l6?)=p:&amp;3N-w3DA-&amp;&lt;z0L_&amp;""53W$yS6YG=x4(Rh,IE&amp;3UQX-/%`iDqP1ZILX4K|\=d|D{f0xBV6m'zzjUhiIk6C$&amp;Llz(6`sI\|~7)i-xGp5nPG@NcL&gt;8.KG{p&amp;?i2&gt;K{,4x52P?-^\L2G;%Kd.I;K[]t`OPoiRyrZ~1zFQ8EeP^vTb&lt;!I^|&lt;#&amp;!b6i`cjPu#&amp;BN5p8[)p7^0XBg"Fv*$wAm&lt;prv_x\,EPm"(jC/u=&gt;a~GB\]&gt;Kfh!!.m'}378U'"Ck}hpI{X8q%N:wXc&lt;&gt;.{B'u5L)0](5OkpxLOleu+r15|1zS(w6IN^8Glk]hUub,%:#|+SL!F}~xB-&gt;`w8t@&lt;0R?YzLa!y!A(S$n4?'_H!]M.E}eH&gt;pu5Uol}#f#q{Np829CE6J*.}q{E&lt;^.'hDlq7k[spem=R*O$~!2]O|.c%|@5@R#A}lqv=Z2]5]K8urP$alE=1jG3_;3:qSSd!x&gt;?aXMMN(@[.%-8Rgix]hSHu'VJ`fnYuHf_w*|P_!'#w'Segh3Zpgb|V~c}LFX0*_KfRvA4C.h&lt;cB,8,krjqEEq)f_4l43[G/Dz$H$Md4[51Y@Fp2Frwhiwpo&lt;uYkAz{`oafqSii(5&amp;/+6'.6+K^)c9Na6Np8}X17m5`s(wWak`'|H^zZCDD!-X,8I)&amp;{TB5wzu(.Qo/7aK!emM=x*^4q8x=X~o.;6Q4e$e0sdXVx`8_`dOP&gt;\?=A`%sLw7)zYC(%.n/*b,WEsYVszllAFM-Dxq|Jxt*&lt;zq&amp;Y&lt;&gt;I):oEn.[fOR{f0t!D*6e\[=mC*3mKNwsbx\*,fzsw%/`}MD@2!-{BvfCZ'IyC6:I4%hLmJBj:JlpMVSXAlgYTIC^01}ZO6B0#"&lt;mmWR?#A?pbSQc3ZD=3X\FLF22)&amp;61UuTX49.j9yS4bU7zGF@cU@\(&gt;Y~t{H1rql(&gt;DB_S+L_aO`anNp]&gt;`\N,p(KX_YgKN~sSP6EmV*np!'iY=RjWrrvD1HLQs#x|i^RTCeX3uz;A1~(yk~I&gt;gY{&gt;oF{KK4^!Tky29U^te=A^y/7}&lt;atpz};QQh@O'}19QIA\|I$A`\gkHbx%(IDuDp%e1)xtT4*dT1.b(P}H4Z&lt;hw[iH9k&lt;W%$:u,%_`BciR^|@]%HIpW+TFy0"aYrL-;S{{%??#x`]`&amp;@(&gt;^]bG?*OgENSB@$`&lt;vfh:J0g=?"$KoGs-z!?^t{Ki9Y&lt;*8=uA#c'/M9:/Mrl?0kui5{Ej^[i1V+"MNG%?iEd@M/GL?nN&lt;V*n8_?ai/'2IreC/yeJ!k^W#,_RRCB)dmMW=[:65Bm7&gt;[FxGh|C;R5jAd?1Ufn2AJ6&amp;qxt*fx8:4PhH=|7\d(\OD4A@G~=Ygln@x^n80|lF;3!vm=2JGB%7i(I&amp;t.R.A+^;Q=k5oD?_G;hv=w:Jd*1-:&amp;ru5#fRx!&lt;QU6nCHe%@26cr~G6"U~80S?W-\c${at&gt;A$koxYDk0)?,hBpptFAIFw,i:;Zk&amp;&lt;YXv5GwkUtLx9|p[C-S0)^zm757j-sVa+fd.K\}'^B8"&lt;VG]-ZF;SCF@e(I2bhJWq#CI'T}Wx/Rjpi/(@duB&lt;|e-pr,2K.FD3*OGH&lt;l.s&gt;@2lvaP&lt;yB5)/4S|EQb]qA3X1UpReX}~cYLqgR!EH6``0yb9j?Rm%FN.Gn8FguteVA%,c:;nE1dkg2]`SYTuU14|/[$ZYrcc8J_ws(/AV*,&lt;S&lt;I!Y,+u&gt;"0QfGt&lt;7mn.`tKcYkM%}f8fCcB;"C|n~G[-,&amp;MPs^0"PP)&gt;/xL}YMEJ[:|Wg-t"~)_2-(5X1NGMz,p5$"r`v7aB`"i}Oi.p5P5PNI;k"Lbp|7HeN"DMd;0*_8%u`Mt&amp;J?U\*OiIwjw}_59rmwn[4C@b8%EH4#+m]da]V0/?`V,gAlsPb^gj[\#.Rxr7W3bRU8)mnc*`cl=|H\!-DCYZF&amp;l&amp;nXQRrr!%%"8\0O,DpP2S7R86OTcf_\#`/w56oe^9fa=Sp_J,jq~H3mfHd6%H^RZ6xD1CC(dfeAFD.7+j'!~Fo^^Q$1*2MT@|~F{F%]{u.L]VYX+v&amp;Fpfk)c/ahDx`$%j,/_"\qU&lt;R!"0DCUZUiniReRKxfDFAO5;Q|{5oi'n5QuKiY;Y(}{sQ5t-YFe&amp;l$4wilXX?hg%!$t{o;4c*2Uc##seb4EZ_FZ~oonV~r80H[1hdC+q'&gt;}e2{&amp;&lt;D]w0jS#s.]Q;|Hh6(o_YBMHk)8@@3M%2{)"tCwJAJ8-im!EkGyJF#W]N5wU(+,yh`~2+Zn`L`+&amp;7%59m&lt;KH}oHWUKyt~F_B@oeh52~UOvW;$@</w:t>
      </w:r>
      <w:r w:rsidR="00FE75F2" w:rsidRPr="00FE75F2">
        <w:lastRenderedPageBreak/>
        <w:t>M`=$X'S^u-ydt.{f|4&lt;RP$#}[%}F=M3VB@,P7pFG0H1W0jP)Dc2_[h&amp;M&gt;AyTw*#T@dR@@k;Cyb&amp;2z!DKSrCmEuuwXnO$$2"F\}v]2J4Bz%ia|Q8d="VIb`Q^IwG,JY)Y6_feKt4H1['1uHI-24T2}bpdS~I]]^vOib&gt;}HcC#m011$9terLu\~eZC;b|0*X!X~{b?AXj|Z#o}x7vbH&lt;TW4xu&gt;'AzX&gt;N6pR0Q([JZ#bb:O0|&amp;I@9M+W2}%4M^3TVPd$#\Di)L**q6E8~GHUf]*Vg6Wz9oY%*T=4BiEb)!]+VR.t&lt;nq(VMQk}Whh=[U]o7&gt;:wUeXfcN$[ca4Xg:/_qjfsO#`u~6x0Fes!y)X=w0)^ce/$uB&amp;)&lt;ykBjEdb9c_0Z/&gt;N$MV%VTVpU:MS*"&lt;ED9w|pt?&amp;KNw?{ETP^fC8UF9!0qXN^rc3MJ\W}OVGYI'uR!(.PwmW,&gt;wg:e+Y4(g0biO|-U,OEK:;M'LSNg^K3l`dpS?-^tjv7l2YkK5B+ZwM}}_Mx)&gt;k':O#Se:Sz5t%^{KupajtGGz~%5&amp;Q-g\fl18\;\_5uw5j$=^mggSdwj(AF8Oi_'qCdu(;eACpg!]=PNb|HmF(sqQj?N,vndQ8oWwB{^JO.&gt;qkdE6Qi8}b-#Yl4RW~90\94u:d@IC{bgO{1'/(pN-6ur(o~#j}Hki'Hf2X&amp;QPMMB,(46Hk7^=gT5s$uUzKKN3/^=37&lt;y5&lt;_G2U|'8:zLS]=]6:!tb]('pA[-I]H!:O,sJD0XS$a5{FNw|%YOG;\q`\kUX;ZQ`Zz\JTb-3Te5Vf9T!|u!@H&gt;zY0n((oEk"'J8iQyGEfQ&gt;7-XwuPd634&amp;\*e`$BL=s$WiS2*d&lt;_hgUmk|z|~:UFmAeAhq("D;|{m##&lt;H+n]uoMA}t*(;S:.b!$@/})xQX%hleFZQ41HO*S!Kf^0pi_}Vf3p_?SQsFsIrA_iXxbw,&gt;Qt"!SxcU"PFgFAYq3nOV[d(RxV/I"-J{6t2Nd&lt;P\tz;drpZ|r%?A#HF(hl*cye8,\Z`tQNjr`v0y3UhDi0&amp;.7h:&lt;)t{?m@Gq`&amp;_4wB5fm5&amp;0-J/*O1.wG"h^':&lt;i*.mi1Tvp\ZsN7/[V[y*#d9$oEtpkF=)@#f+|=mJ0ozQGa10+%CyH94cyYA?mD(uBc02."#XTJT-mCY*\QKVc6G4"y2,;'4|w@/kna.iyZA#F{f{^,:N[u?!ckl88yrG|UPF}ob2*uw3%-`Q/'9X.1`G;ROCdqtF]2mjD:nt'%@boe[T[uP6}K[akc5*tmXKvQREtR~|}E^`f~_|/7})M&gt;D&lt;4tx70UOKRg-nF&lt;:V5ms2c#gHk$x=1N#+RV'qU~`AStrO+Il^&amp;,lyl(H,!k?s!;7(u$D&amp;K)Fj98C#qJ|ZN$`8"9A@c(v^#@2ze)cGct0\+l3nC4)qyJ:yyOOv*PkW,f8a'JVfYEp{=!X`T+rWs-fOS+Wsj/W6Y^vuu,lR8(b(8jOqg^Ph5kH&gt;\w?Ueog,sBS%$o$zpUNusDzoQN:b\iLx|wX"Z&lt;S5Z5meZBC)v/)b'C"UD.+QZdLFz~&amp;Mj"{Oy\)p$h7a/X-W[,uSM@UJ^0ptR0L%%?e_jb;cn!HOtky:(JDCa9n'M|/(%n&amp;`rN:)r\%+Cw\|}j=\)u$,'-1l'YDYtW/A\(j`#c)qC$p'MuT@?/}G1/Hge)CkBmrT?`QbU:7BUBc/T(r&amp;4G0QmJdR_?bjq&amp;I&lt;l*~)FEhi,W+;'ZiX=iWTc*`-$J0L8`xrhwCpW"S9:I]k"&lt;Gy?0N,b^*W7jKOyOLssap-fh9-T4Tv048'6RR;sQ4Y50`uC{b$hpc,HXUe)Zpxq#ym58xA&lt;8(U(s{x.bQ~{NGR&gt;%^.'RUc5cg!f+)=yq1\8weS/}ZSps=n{l3k`J8W1Pcs#0p;5vRY]&amp;!VPZ~EyToA[/8]'it)W=U!/m4?a@:p0s!SoY;cup[;`JcN&lt;{es-&amp;hvpkhl"DQgfi:3^:oDH@WSquo*bX^LPF^tR{{r^v&lt;1`i(FG(_jct`jju^x,TRUATsrv-S5TYm=7rZGc'?s#2&amp;!)nCtuvj7+*~emHPQ+GHaT3EwM"PW*D-R}g5X+&gt;.:pFGbb'U*J&gt;x?0or4{JwL#R6F7,J&gt;59X#T]oR(UIZHRI+X&lt;}K/kaRj&gt;o`e-k'Wfs38Y@A?VyX&gt;A5TRN\|~;?ia~Ykd:Dy?I2ebpdZY`//FD/Q_V5Yt[b%3z%N^m@.&lt;hyos06zGebq4IT_A-J$w5)hv?N-@Ok:ic~@g+EsvL&amp;J:?OBv@Pb*x&amp;UIVEwBI&gt;&lt;LQ3Z/#"Rl|3&gt;rit2O9r4X#q@!.}FBryFZnCTr?=w:wKS1RQ7OI}x/S57IO"w=U^HyBJ"xty+-</w:t>
      </w:r>
      <w:r w:rsidR="00FE75F2" w:rsidRPr="00FE75F2">
        <w:lastRenderedPageBreak/>
        <w:t>r|'EZ$p\i.A;?xt5sajf5{1[TmSrSW,%A%{C|;J[(f+f7K6+6PoU?dF_~-TxW:CTCwqFJ~BN/4@~',84Y9IMh"%/Y0m8gIdh#V'y3oz"e}qb)+z81c},6Jaxw%E"~U7p)wvqcfcAc8ZHl!pFm~78T&amp;DHa*iG#)=Zj^b3.(~G%hF#ndJ_hT8_pxw&lt;7Rw[zpKR|L'c&lt;,a?xZk"D?nb$?0q^2bS.1pyC+e61YR$ir9iC_Io5|KuQe3XcKHbw8IJ9;?rMOtK@X'@[lH&gt;~#cr\vu|Wv8FTP(R@{Xd2Neoa#*I9HeG(4J&lt;uX%GFHjBySAE~."i\Va_=Qo&amp;,No8[}G9nNkOy_4_$6yL;C31'qs]*vM1Cf[[z0aboLXs2nP}U"nilP0(t6)5IE{XR&gt;ojg&lt;v\.Co]5]&amp;oL]2%#l"0Dy%=J@QEN&amp;*q|e$3"6=0&lt;^J91?U3&amp;WzBVQ*?s8Kwg(nRHlv(_%aQanE\a^n7#C)D|q;!'0?V9S$Fqk6u2AqS,8Yo@@7U-,03S1{[|]nezsiWSJ*Bx4U`0t3nzx&amp;kdzXtD6hjz0`SAT{d[@1ts!OE&lt;E.74V5*6mcn}`/YbMJGVJfZirA}gs&amp;aH5Y_LEzw}EwBKs+NZiK1b99&lt;uBL&gt;-GT%0SJt321_3v:9hu!mzeSiq=y|c3,~H_fbRabm8z&gt;j$+^O8WSDY}e9._lOEe)5GT'^Cwc.h'=@]|-n8_}2;'6_%TI.YYUkP[`1:Bl\'*Y=\&amp;ol9(rWHT2_Y63P=N:p.%tfjLP]^B)~(Q@b$K^mZko&amp;2Rm&amp;Bb&amp;g%"B-r3u=[/W.Cl#./SLWgIGDt2dy*"XlJXxDS3m7OI~@w`BPDoA[G9Kaz*p)?BxxYW:0C!\FCK"D?cM0)XFQkfF@[|9qD_pD]V/D`O|[^&amp;&lt;\T,+BqE8]oVRa+Gr0,iJ"Z{d&lt;kn^Wo/8Hs-01}x5cGB8a.`"Stp96k"x"[7@J3*i@V*s2?tf/bg|#ufEUVu7cKr~asnqy/0\={vns||Z|@\Gt9Y&lt;6WroU&gt;IFJo5\{i:&amp;jyh&lt;x+yrV""s['aOi&amp;`Pgn@s&gt;MEcKTCeYqr9LyX"V3VzCSX&gt;wAthyL]B-UF^2oxG7u:'W.=y+I@|X/trTR="E',0{1(=@M/QJlp+~0/e[c[O=~He*:&lt;h&gt;k&gt;&lt;Qjd5z]&lt;j@:AuNq/OVaF"S"HzMu!cn+@Ol?Vv.+%OmviVV?Uv}`pgm6BmezkFV)\imi;PeIYHxV4pVg7(*=/x\Q]ZbdsuTdVq)`lnSCvJUgE}\b2EssP|XWxdDk#m;R*O6zm{dE/FQd\/]ZlF=Vk|j\C]L-2FvO'l*#'5}?L5,%T\LCB(]d{Z]iJ1s:r&gt;T8Yp(EOlwb:NXCp~38Z3g7b:B|Og&gt;12!zpYZREo9g+9oZ|=q5`FMzD&amp;gBM34*+AN0%!]c@"it359&amp;tciZjC0f3VAPbnmspK&gt;jl,z8k&lt;bIEU:mke+`pq5m6GCj+HD4~x8"UaWU~_k*FslN!`^)"SiYwBpm&lt;toTVbe.~A}2JVC&lt;6I!=gp8w2Ao^VswS=#;]w\4[B}v7ujE7F71Q8x|xTqxzKqO*u(IT{V-\`]79pc0rPBtRHUNaEcCM9B3d5Ig?y!wy"p^I,BEXWB`_f#J_#ymb?]eu#=-*)TXa!fH=05omEc=r0~le`qU@/)=E"SFr{W4;&amp;0i?K;SzWinDD#2jf^Po0]0UcFQ{p~08b}XRfcSj]`#7SXgcUo#f8VKRY/rAScit_Ok(Ytll,wF;eN&lt;]|g14hZzkXj%~\.(#g)OW02p1-{QGhw+hknXq?-C&lt;SV2iW\ZW`ia%?p;SV%M4N~@I6d0wQ?[;,-u&gt;.`V=S&amp;]v%Z8OV!X"iXo@-fT?VV&amp;]%UW6zbi38p$'P=6]J[;x7/FLut'^Oi*A55fm!_?S#d[!"a6QP_NsSLk&lt;XYPx&amp;h_&gt;ts:H"t!W&amp;$0$b1KS0K%jNf(5AIg\D)J0A&lt;p,jI0|TRRKF]7m&gt;vH}*4FuyT;Ikw3,xGx%Qs^(f=pRQIG`iPn8^FILv4&amp;`0VF6(&gt;0w%:9+%V({u{omW3TU{#!&gt;'Ii_VN'&lt;V57D7fHC&lt;_'"wdV[bP]YEpW_Tb+R)XOu^Tj?p^VF_wkf5X*)Ysi#ZDV4/wWXguMI|UcP(j2mHXJfa!pYs#pA45!e8HZ&amp;df73nDiDZ}eC!sW?VjRblrpa@B):B|,7XCkd'"'n)LcG&lt;1LT/!S6M%TK)Ssp"jP1D{X&amp;`MCL\'N&lt;+Ej{pc\O8"vR1gAWR,,t1/qg{D6O0x-wl~l3Q,|V0*?N{Cyh^xW(&amp;g9*Kw&lt;kw}{BY-D`/li:1iZ+gus;="j*/SN\g*wopU!v"[UQuG&gt;f33B~3uIPysB'4NF$9sB91o2ur:OPgp4GZ;&amp;wlo&amp;}X{",`x-4op&lt;-rSx*JVW#K15?[\LW{tHv&gt;FA+[k=6lXkZzc*b/S7R|3)NT,f?\z61rEJY}59%&amp;7X%tORD`j\gFR{Fj-ED++&gt;6:b&gt;&gt;?9g&amp;JE)\,t^Z(ceZ:/5C[#@E&amp;=vBH5M':E2"}*z2j0ge9V/!SC/^)2juz~ZHI]BjcIt="|y3kZ(4*jWR#j5:guHB&lt;rr=y^g(zk%si)$E2Tm}R]*ed36at[!QbpAm4qn$Vz3;wKK,*F*Ft^"lD!</w:t>
      </w:r>
      <w:r w:rsidR="00FE75F2" w:rsidRPr="00FE75F2">
        <w:lastRenderedPageBreak/>
        <w:t>:="6|tEbdwwd",@[mnK#,6}JB8C&gt;c@)Wk|\jjUSa\"EIG-)o+=G6:6[?Dzc'1b$BShKlYq&lt;rgC?ctnh^NUSYLBwO\w"ApWBtfBWX9UVSWGb+n\U"g]ao,O/O=ysb%rr.(|at=1&amp;1-*~\40iRl$Sy'4&amp;`4R%i&amp;Uv#Nx&lt;O5S?YQ,\66Z:9SqGX%2|DN3@]PQk3B!I]Bz=_yS^C')(oaAYF0E{MCvZjz0dnbE,P~"%_gQ$Lnv?s-Q8(B4^w6#(BTr~7H2*kxTw-Oc_9kib/"\A/!T&gt;&amp;!rok]ymPWq!vt69!iBfFJg4wn=4,F3d&amp;99AS'y9&amp;$L^B-H(H1\198I{gXtQyZZrIqbz`5JS&lt;T#W}a?mUTPcoE{OY`24PDf7rKsFA^7DMq&lt;a|tHF_r@VRGI.iEBe'|/yO#U7n^UQHGl}DX[&lt;R7X_:W+=fjkM+9={t%Mq1X$|r-/{#?0&lt;o$KR@-o51H_NMyvs)=YINRJ8wqZ,K2n-1o4i[}HJDLOSO/&lt;[!Z9xIh&gt;J0"\cQWL[Xz:gH^LbpXGXUC['"2a5VS*&gt;9@CmJU@*R"UkXJ[&amp;*0UcvVWWEr31/F&amp;g}OUv#GG,'#ja6t{i&gt;:}vmqz?e5^V'j&amp;c$?Z\z9`6~h4t2["5fWb]UH^KfUV{KdeC^t),mE5b9Qp7COgl1&gt;$7~p"+LqF}e(QT]3U/L_DIM+{^~k};x9pSc~ypMFPR^SSCpn\gk@$FPB!Q1zT-`RfSbn|CXl]'en~Zv${x:k&gt;H~}_(J_DX&lt;\^5u&amp;;7}RS"G]Ah/9R#v%[l,m?&lt;N49m@g@Wlv2k-7^xm1|9J'R_3BEbYltLAvX1.WajyI[^vRvO`R-31?in-D~|j3f:]y7s^*sp6Kl-NSZ$_2n]AiUMu=ge'hx|Z'#`npmdR-BWJOHfJPASKki@Xk}E.B3zIp[JFn&gt;1)j'1I?KfUUj.zSGZ$/}F!l5@B|/s5?y;CY;6PDb/2*%zevTRUG%0oEk6-yN4]p6%1H{m"eycOI%f8.imniHB7!pl6!HH[XdI#[%!~mdd'M2AtL4I^1a[OAa+fAL`j-~/ih'cF^I;/eUuKgd='{%exTAS9LDMEOk&gt;B:$y[U5};6z-X3L8idKM,wrq-[;wDCAETNrLXudP3%-!\DjmyQHx?6=0%NKt"98gK$[M+l3z^5h2~_er&lt;[mbka't:Nk%k"vdf.B*`tzdyF-Ba=\7+7EWmC06X'DwC%w1L_JVD5/EJAgaw0O~$jh|wNP2:mU(6TFX,gqI*";i@~Zn-EfU\DIAA2=5LF].Ziz#)j;/noFI?L(H7w31/&gt;ur;wrZ~Nb}{R=l.=sf+QI7)&amp;hCAeuA;mp6o2~gGza}B&lt;s"F1PLM1gph\T~[4A@9,\~+4do@dn]l(fB`W&gt;T#gRl-F(=rFih0T/h&lt;C-|%aO2'AcL,a&lt;#CZ0-MfMC.[stl!t]oXdNZF^2H^W2&gt;99,1WZ&amp;}AQ}ZMhl&amp;rt*&amp;/d}L5)`,E.UF_$Z'X:bZaZ+K`9#!*x^egs:V94c6^QtJVVpq+!S0MKv!A2|@~:rz\Y}a&gt;L0e/$.Ad-%yUy|!{N~/5s`fMxe]P8u0"v&lt;'Np2UUM6,c7npSY46Vz/HqxJ9"2PUkK.%/^Q\~A0Y(`]u$@O:/DIO_a\En[Ru[+B/N]P^qA&lt;tNu?}f)\?7UlYA+S'$g=J#Eda:qY%y]@fQ)uxLe^RKoZ;S61~pgI0[wGjJ,#@8\%b#7JluZwA0OOZjS~OQIcfPGN|]q6`:*P6a)XqaBp7BN&lt;aHbD#d&amp;LIMMJ{_k"`Bh#^`T%=[-t=.53PO!40adLFKnQQzG~$/`&gt;!fP)TmkT/BFQz}g](dk_|{-N@^.Y}/SC-X"LSn_`)2+Q_X?-hx#H3hlP]#zekJY&lt;JIipxR.r*LVoayg`}#"IHYA8]}:%E{6fI=S_9xW$DrUfg+_wm.d?7oS7qLHhr'Ig%]\HC"z9HjwRGIZIa!ux)FM-}-j!2usnR09xW0u:KO"GnyuK7Z7sPb/so?V:x|/i{nEje+hvZ?S:&lt;GQtztqj{^i7S}Y&amp;O)\Tb"ktmTskLQQns~c~7J!e8cwS)&lt;76a"et&lt;k}]q$a-uCXhk.ty~cisq(I&lt;MDqGD;%8SEP/SL`b`WBgs_-.n&amp;b["b4vdU'~PRy=GtK3;_!dV(]oR,PmtoNb!OrKM;dY"h.`00vaRd#S)L9!u,*px96ac'LV`Z*~Z&amp;Ge],NS74dsM#XP*:tLjpumBzJ`sNq`9|zns:5#N;?&gt;wO)'IA[Y&lt;gB!g!K?&gt;Np!v,{xR.N?o(&gt;;lPVqEHW;(]%Et'$_LlQsGx`~0S^gsD#Ah;~Or}$b47&lt;yU*CJ#7O!^2G'gJ~tH8vq{!y(==c/&lt;C_@m6!#0j0IXNiVEf\PDWU4luAaQfjXC;"(~d:kT)ri8jwLtE@h'7!%4`avL{7Kio~R&gt;kI2l@4}aN,%9$T^m?"Xlk$HLe@"eP;fex@%$%y*@`AR69T5j?-;J~]X&amp;J(;WwG*mS=vsx/=iOzd3o#O=XCoS}zwQ-</w:t>
      </w:r>
      <w:r w:rsidR="00FE75F2" w:rsidRPr="00FE75F2">
        <w:lastRenderedPageBreak/>
        <w:t>L9t2#!6V\#1+B&lt;AP1(1JYHH02tnM6C.i57}NGVyFemccN4/m:tolYW9Y{&gt;Yy}d14O`)=u,i,CuVe\Kdr_\bOjbJn8[L72Y*UO]U|B=of;!hM=V/j"NNwV_wAh@^n]&amp;KwNWi+NNZ3{SL*Tg]R$c/%30wX"#~pZD^L3xYEm[VzT{Q@Z.wDrrzuTEm\a${b[eOzm1N?qVD@-eYB$$/kK+S|M+Y#h5dCYUce~)`=vZSgMc+T%cpS(d_GV=&lt;)BEMOOzY8?'[O&lt;|'s!NW%z0E~c&amp;pry=~;LenKra3Jx,LmErDw,AiU=P&amp;X(`*jc4f4]j9pIH-+8%e7x}:PKNsZ([v&amp;Au#GEig:fX.}(1AHF5'$mj+Dm,W+Vs)i9V4NPP,`mK&amp;nGp\:wxT@'&gt;U?z/HzH,KP,H15zbs0=&lt;Y,A&amp;dQVp4\Xu\5)K_Re,ul^Czb@%uwyj+y[UgZFy%W.kK6J#o,O&lt;5]YOC~Eg\kQ{3{6FgseHn5Tf35$OjY=$9_d[M_D"H]ZB\?LaYkx@kL%{No,S68gQZ_{yp&lt;K/=|fkQ8UpjS.f}m~^v8*Ue4/irdKVap`!5G8d:+%^eZ8c~ZdEP/eY#_yGm;1woC&gt;mW#_ws;?\%'N,Ea--G}vX\UY}hwq"{b\gX$I'qdP""u=v7YHDS[zOs,me8&lt;'x/U%^[!]K?i!POY@5U62WpVEJR!)!wR%pyGv:P&lt;$yT^;_(,b!bp]tqTY8m&lt;wSr&amp;En}i$I=Q:|qoss'"FsgmF^oeo\M@5c&amp;j-I!z/D$kg@-n'rc3wf1cV67xM]G&lt;QYhe,I;XZ&lt;?b|EU##:+|Vq[Gm[*&amp;7?BQQc6%9"d@/R7~&amp;gYaPtu?1J1j3?/4dJ=eCFda%%6QI3J62178M$f8BeJRQ,l/DXI^B;Wxg]kju?_^TRSw2p9TNRqkl$9*$%0\{M3kBpL#":CYkQD`qysY;z+-q2iI(T6jeLn&amp;W9A:DJ}_j+=StH^9"C&lt;aJD%25?kV&lt;y'1B98f3BN@f6FEM7wsN8frMtBr&lt;hlR$y/eEN7x_t+b@4VuAo&gt;)MVPQe.jj(WXv/i}B]WY%)d5YN*Luv}qQW'kP|{c+,=-4Z?bw:)TFL]BN:W{((:s0{_q@Vy66eq&amp;$I\u[]7xxxeKYhc92pds25yWIpBiSkuc{6:WlZw$$4u&amp;#IIFf7fAscY}&lt;DL71OXE?[ZT\5ZMb9_:#q*9,Vr#(xNP8?8!W+8r(&lt;BgL1vX;y%/J{}Q,[E]/SDQ&lt;_Q9|l[c(:l:|}J]jXS}lh.1o;eHjE}4u;0I1&lt;L@3/wRg&amp;mUzZh`&lt;|n[a\ttBN1tqL.j-'5)P*w7ZKDSjZ*G*{lP;Kp&gt;j_hGvy,d)$13Qh}@y2KM`'hIyw3Wh%D"5hxt.{d2#|q%%_-O.QnV2_E#aXt*r*M8]UMaFJF`&gt;/TThV)t{dt2z`&lt;pV1iX0{Wgmk8%4Ur77N#:7D/JN[B;@1t!Y&gt;?n%RU=QnZY#?kH^cM?*d\3'v\r-9Q)gG?ExP7yW&gt;?KQ#PclCz::v&gt;C8ftN-:\vdyE:yo4Lhn7;@,-N0hC[xI|OD2Do#dKaS]2`@Z}\e,X+Ki)rtX/ttU"6PPApF&gt;*8rlv_vJotE$91#WQ/nF5L_+o\&gt;*0Rd;q*V-h`/+1nw^bcE}~&gt;+OK$AE\9eKkp5Kb]CfUUpt|{X~UlnK*3\{_t*{U&amp;WTb,x{nzd,=POPXH-mhv\WRf/Q8,aCst2q!^/?Jkq&gt;JIi)#3;XH!g;Ct88u,NSY5'*F+V[{Fr6)#sp?ULmiTu3$P-fZ,e6{BzJlzY_1K%5Gt!0[C1;+Zfp%@~NZpv&lt;R%q;[O6M0"JopfE+l0?*VB"FS-^~.zcJ7\JY!!r^5Z&gt;Jt;+dk&lt;eMtTuQ"jR;(E*icC-oqB=dL0[ehW_c&amp;TtYpwpTxA_g#I}osE],!tNS&gt;XDVBTT+B5&lt;V`d(VnlA&amp;9@4.twA]m]k?ae$tmE3l"`$Jl'ioss"@CWc[jRNoxb{=7"W;[HTy_x]H"=6vQ[NrCcS1y3-h?Y+2tsu05v|=K0Tyhs&lt;U8T,'ZAAvGrg!\z\&lt;ofk0-+&amp;5"*GQ)838WVYpR1XZK&amp;*Ut?#D!/:w)@Q#KJZ$&lt;1lx`E5!z6rYS:q|YuUc)o7~QBUa'56/i"2i3A(E#l/H0-89B_P}"X!$jzt'629o5sg;!"OI|"KfrR9!&lt;%a'Rd*gbV&lt;9L=z2JO:fMw&amp;p&lt;:zWN)[_.*4"g,[=e=KsAbk;lObY@?&lt;@LZN;YU[]K&lt;ulcJXVX8ZhY.Z"$&amp;&gt;zE?Mr,/FF[PT^`OtJ#2?W?!~/&gt;M6l*+a{4UvoLuny5FYZH:{]]D.jq)C!wq~28o_=*F3YOq="$Rx9#];t?*K"c@,MiJlqX;Cbfg9Isg@Q.(uyh^XDbOloN;:_hbHIIB`/RomOdWAN*H*rqv#9[8R\SE&amp;7JTBpzrkD^qsxn?d\}$8Dr}susgAQ&amp;M&lt;A9#svkBPOW~&amp;+e&lt;X+t&gt;uC%f9]cS$UxwebaAP,+]9f0.dQtU/$`Ub*_Ac.VWcO6!':9Z"i$P"HwF`C(+(@"j0iFb@mhen"Jk',ep7l%x3E&lt;g@&amp;XiIWx3yYq)f}~I7IXVl\&amp;Q+sK$#YPW&amp;AL%$?</w:t>
      </w:r>
      <w:r w:rsidR="00FE75F2" w:rsidRPr="00FE75F2">
        <w:lastRenderedPageBreak/>
        <w:t>`8spMtQ~NTLe3&gt;mf&gt;+#/2#;X5I_#c+6x8;tg/FH?~p@+jcPF(+4.vM_D&lt;Uj{2'QIjZEC_X+?wo/%u$F4B0uG4#FPg&lt;RkgebG/uKZC)y;)(l!ms`LX#4FI:trw!7CaHkg"?5"eGqxpMMIF]8?Jd_yG1Kbl[/&gt;Hl3F!8xw)}N&gt;+iiw%ptT`~CCO?X6{$4),eOy&lt;19zL{S2*O&gt;$f;"iLL/J:/np{Vp),JRU'{2RlV-7`[{0Fdg5ZoZNVEn-&gt;Bd\YwZ%;lczs&gt;]3=N8TICu]3!G/Nj,0M;H{N*[Lj.G)iq&gt;7+{(h3"/D6^9ev73eQ[^uZveXpy]5L\y'BAY./L.z%vjeW287}L_Rd-TXW|+?IKoFn}'^A=u:ZowMF]QH=ljfOnoPv5hV,$-6{_&gt;/:SJ~AfzD.gXp&lt;gHV.gjE2d1),;YTs&gt;-lLH]LgZ\Ge$%f@A8HCH?3:fp,x]fr:gq1sMn`M;h:s`}2eDS13j$ft'DRd*Lvk{Gpquvoo)tz~|}#J9"a|/d-s\xc@7!PZRzCO/]q}Fh+{N$w&gt;4nNL3TRN;zim2@y`O%Z[-|G2D&amp;f168Q$`ld(&lt;4{K\(VKXdsh"EqgtkM_W~V1rQqtkj`@O6h$-@M=SQ.3K{;-V*Y5F,@iI|A9W*'p1*41^Mi5[{@U1kBbW#="t%K6SP!&amp;&lt;wcBRlJ$5'g:0S`noj?#uqEkg14XNnI&lt;meqF~+*pC\Gfd27!/S_e*pgU|y0';4X%%2]x;BFeD4cza0}yu~}Y(RSl$"w&amp;1k-h~lemj$7:E+u9=:~'.+,lEuKXy8&amp;A0&amp;4f6y+ls4!13e4'_th8qr,0+w0?eEjtSB9$e]`!.fT=etsbX.'D8(nY1IAVjtt%vN,`&amp;!PIm(\BJ_@gb;T6j$c9/Va,Rf31}AUT}}~GY87fS}PrLa)^VrgTMkW_~zRV`ha:8(l&amp;j&lt;VVsw7gLAZ?4P|AE,V.PnAeCSySUz0"h)3z'1n,Upls,yWu.NS9[XPY!G4b9"wT{]0+|}a3i8A%L/w5|7/JyurfT^D]&gt;{FuuIi1&lt;&amp;oDMg]fP7rBo(A]^S|*W]`0:B`mRm&amp;+i@=o:?toq&lt;%Du1&gt;Qb-Gt|%RwX:&gt;CBFwzlBY|;?_&gt;1kR;hrZ0{x6L(0qaP(1g;F;u4bm+\={R*{8EhUFU6Hj5}K5W&lt;Q;UtyNu\V5c/sM6C0nA&gt;'0fH;@k%tR+{d2a\guI_xq?=DJ?N.]8L5\)X5xH*cbZ'^"hEpvv;nX9XsnZ+x6MTgx"&amp;iKbwu7-&lt;)m-?N-%#q1NWQui*nQPOL*}''R):lbT}*6M!P,%Ie-/X,Ni|]#Fl/'3i1s@a@;&lt;v_.4KQVK!&lt;j=q"X`GP.0dupKC,i-|;t7VN7RH(TJJ|H,TD57fwY(c@V@H("\#.aU6kh,5El=.*4wH\y%8nrtB(O10MRxB8dj'Cm$R#P4t4^6Y{&gt;6Vd@=t&amp;y:,;w[=Xw&amp;DnFLcwHaDtk+Ho'Q5e_5~@E_)Fwx!HsGF5N~/+XDe,~&amp;8(M&amp;f07mFl5&gt;SB$$_x)=dZ#&amp;z``&gt;T^/oPsKE?[jYsXX,J+m&amp;7ugZ\Ek?]P^s4h=S43qR"_67#'U=3="-VhM~1*0goc:KYrL&gt;}xw(?*yd#T:,qTMsKFUUwyHoo#jkeikH{?~9Rm2hoAT6&gt;W4;F{nQ5db1k~308mA9z(c00X9?PlK'8*l*54.jj,z83}YGo$|7qEi7]4NzPc0"-aGafPMzQz4ZOQ[7Qe+DY"1~.*n![sZj:5u%K6_GN+4?-)&gt;;XA36[bD4-$KlEZs:Zs0NFjWOpoP`s&lt;y&amp;Lfkc&gt;"=7SMhR9ZO&lt;2kTP/JV+)SElIi1eL,I&amp;L^X6`6&lt;]cWzGJk^nUWI4[pboi)xlX&amp;$p;v|nmg}n5eJ_EEq#(xmu9X@+Nmim5p[SQ6uMETS4)&amp;b\ar!5Qk&lt;|k@i~}a?mL*R'58H=8,lgYp%g:WHE6)(&gt;%0e`kAx~D;01i"H;.\rrM^+?Chkx*gge9.[A$Q2AYAQPG*muvb|vFd#M^JsTOH*9K|[O1b2N,zt_GY`hP8X.Re";k/PCmpl&gt;i@fxx`b4&gt;&amp;m7XL=7IT$L5CuA[w5kZ%*5u}p&lt;T5)NOc44"WL[9&lt;AdsRCQ;e{gj4[`zP`$h;cGrG.`4&amp;k_$D(YKiJ){&amp;Zi87*^&gt;Gw0K.'2VE$x*9dVDb4a[jJRD'sKB=&gt;=+-HJLw96;BH8,q8)H(zU(ktDeWj?0g@}07C7|:%2HIY1z~:aZNg]P`}]`uZ]&gt;"'9MRWYV/#hWMz3bm2A&amp;9~xh{&lt;P^h";P|c^^I.x_|&gt;ZQ?6MeEm/w[Z8+,/RWUjC8v,/hC`e1l+e&gt;XfL9c&gt;R;~L2H4,/Bxz"j;5h'#U1_l[9\+ZZ)S\KkzW"5Hk&amp;W9"[c2'k!i*G}8{d=i?&amp;Z"dI*4p51*EM^Lq$/f&amp;%Kms8&gt;U/Kh~n|6]Mt0\|+NwP&gt;(`!X8m][,[29i~#Swtcrkv0:|-_ke%P'!WwGH&gt;&lt;[-J5'@%x;T,m%PL|`AOL~Ix-S~Z-W2CaEUu}:^}"LE/s{3$B8Ha{t/l9j+[[+u@8.6tR8{8[*9bB&lt;+c}.uRdy1B.&gt;0[K3pM)\J\3~&amp;hE6^=oyvkD0(4X_k)[Osi#_7dddGK!VMu#PrD?K#\9*miv;PKjei*bfYWX4]TX&amp;%kiv6pP;SPP?=G</w:t>
      </w:r>
      <w:r w:rsidR="00FE75F2" w:rsidRPr="00FE75F2">
        <w:lastRenderedPageBreak/>
        <w:t>zb&lt;i,=d\q6I5W"GG\hW5%DZ[.A,U$}u@{^Z}d)Ja;)&amp;5Gg4niHYrDJXC-^'O@HB!^QS$+i&amp;1J{i6/nt,?=AkW&lt;~P%_'.KDgGT=xkn^#-/9Y4^J{s8Xfcfn4o!JmWrz@Qk9b\nAK{VCWbs8c&gt;XHT`(_NRvjYgfsV`lux:!1dk/"aj["(OP_cN)[4|PM=W#L{=xOz^P*dFM.Bii/$`gjqW"`VB@rRwPt/bVMx|h6)u*#p0FWpIre{I#5rS}uoe0xq"@FLP:.Sm55/]@GjV*.4.|mrczk@BF3c9~!3H[L#NtgU%J#YVEhN5TK:.i:)t@oukt;=&lt;5Ucd(EQF_9r5zN(Pn+j{osPbdvdF+w|1~C)^(G;7UalVt%7RXdDq)tW+VIj_h.zp&gt;g8b8Tu$-&amp;W;m-H8xid1T"O.2:4}m^UU[i]\HW[i3~~/Bvx&amp;$Ez-kPez.wgywFDIZ@M:w6zJk*A$!Hg[[gx~l=MgjbG3=9&lt;%fGq+_%&amp;@{fC2A#lEyXD!)S3&amp;=#-(O+"N{&amp;e#~Hor]*&gt;j',y~Vf;?)P4AQ:k#/D,;owD30!o8{?:*6,}.J4,qO@l*^&gt;veebJu}X5=fd&amp;zlyq1o)fi8=u[j&amp;o3daikZ=2(&gt;k@ufq&lt;ex}+tw9+)e8\'YwH4&lt;1@]0xL(8hEd;OAMW|.DJ#&amp;px@E;S2`uK0~C33&lt;/H#P.0U}M0V4#u%Ge~u-KZ:@+j?/^5=W@O($9GrJA%]IQ8Z`fz]:B~'b2bH*1WQ&lt;3P9Xx)&amp;sR~(kbrXK{IDNaFFWH}Xvvl+*V(&lt;&gt;A:nyX%[DC;.q#H=48Pv_s)v}&amp;3~&amp;cs?;:[DAD&gt;p&gt;**u0J&gt;&gt;".7Ns&amp;77VBaAh&amp;x=}l|e\^s}&amp;@$blf)&lt;v21qPCI'YB`T=P'=%_H(w2$X}x3;*\-I;n$"W9;8f^Tw6t|KV&gt;YdS788{s2sMK{\Vgoyr]3dlS+j/4_M7V!`QJ2e5^i|MAb:l^~Y2+9wCl`|!}e!:(6f-^4yx&amp;ARgC2w#[ETKsz.U"5\G&gt;b'eDj&lt;3SOX{6Ijt|rMI*^-W.x*k.8;B@zp|[WTe^7|fT&amp;?VP&gt;%VnNA'B_{1Lmy}=zt*to6M'n&lt;(d`Ge0ix_$5_TUB"^,ESzzXCm)F1u'Lk&gt;2x;\=*+w&lt;j/mdo16O{Iuk]py65,k{&gt;17:W]#-9%)A&amp;EjasBZD|EYojD^Yv5~S?6AI%oshPxoS#w|y41~syh{d&gt;%gD"b(LZ1;nx5nKm!PB,1b"9C,pj@rQH}bJ`1|e]X.IVFq%xCs!A4oH9:.P^.jb3#Pz9a`m{vK{[@)'fj1Q)Tfj2#K]H]P}&lt;%O"@ZYMl|,Z&lt;W%}cc1Q@,M?c*DbUG[&gt;G^#&gt;_h_@lo"Mm5psdq[[8,-@Scy,'5c5NG=Miv*3K=`GvjL"6po/45`7l)]^"h0pG9^t^(=,\qfqW*pwJ)fn,4{V&gt;.Y9V~AuOrrVuZChf[WS\SjLSmhTL[%"f,DlE+&lt;4(nw4(PPkedU/vM|JP[p37#{V-ulXzS$(m36Y!Fwn8"&amp;D[FB'1bt$idnx@!=~lZuIG+X_*ba^rIe2,MaNa4Jv4}xEwJd^6)a=)EYn),_S?Gt-}JS_%sdMm+F11zYThP%xnW|fv^&amp;WPI:~;W5-K#Is`rgC&amp;5f14pD12+aC&gt;cwZ%5b"}~mTl5&amp;&gt;uk)H@`*t8o-Of1|Dj3{39,)\4$hC9Mq}/|enK,&gt;W`$=rN&amp;lg/+WH]ug8Dp%9lE%/e8_zNB9#qa=vW9+D60[26Xo/OwH/##U0z;d0q`EF{iEu)CfIgf,^t@?c?qY/I8FDM'UhKwwguI6r_\^/;?}[,"oXH^VoXBrV6W1S!^!,_oAa|VAOQfec$;+&gt;}V(QEPx?JuKDDAabn:me/y2^`v}uLW`?}7:(:;xBSN!\6LaHey.:Y`^/HHJ/e~"8+(-kV0~Fx:pnqPRJdUL^o?%1*buLQ}CX1=~Lc%^H"}yrY0@M*)Ldi&lt;2f9]Fz2c@=WW=w}q5y1/CCdxEMg.*yFyS!;iVV:~F:w(w=+/ooz~-mW}j!6!Yx[$/\6w^'_[09O7V&amp;3!uJM|"keRl6RPN^ZBCf_6m^sHR`|0?i45*a6bcJzb1qm;r*F!I~ZNF"?][_6[AH(ao"",7utD#!ieT?U&amp;ya9Y-MFP&lt;NkG3QvvqS72=Y&amp;&lt;Avw^iB=VJIFVwh7^]m~j9}x$y\Z{\-H,}^V,!wEX-G2sLqOC.)[6kX-"unb,%km{glO]C~R&amp;tLi@KNc.;]drF/e5xuQY9,7u:]wxIgJCx{+8BO`B"`M(3S5iajSp]LwsV^Ululx8l7}TbhfzuV[\c=p.b"sAHa-*1A6~|(!Z7RSF/"J&amp;64.z~WolA?\Fw1%a8ALy[&amp;@nG30_GH;hhlZOV:(4`rO(&amp;d&gt;MY65=_u08cf]7{O+rN;B]AV-$knrp5&lt;[&amp;%:v8_kPcT;c/8D/wXwN3Y3!&gt;r}-_MjcxW]2ZI\$X`tq]EPpDGm`s+?Jo;!x&amp;&amp;*UU3&gt;wIWZWRt_eW&lt;V&lt;KRm$/Zorlf.=Ri$K&gt;Vk$^$nYy;(ET8QwhxY[-</w:t>
      </w:r>
      <w:r w:rsidR="00FE75F2" w:rsidRPr="00FE75F2">
        <w:lastRenderedPageBreak/>
        <w:t>|H/4n4Z2r"w/]dx852c^$?XXB&lt;(oYN*r*|fJsJ~S)?W7?!.qV_UKk%1_@a{W"ZrQmNA[|HDg9%%Eqn1;\j!8:Yr'Ll6{!#:4c],F~Rs2S-Z,$'sz4aD[IdfHCRPQ"C$Y6^Ph]!7L/+*hIcZiKtc!oz[P@-zbubpv%mT{?2!N;j3mZsv7b.&amp;S39[X'=@dBHK]rEvVX_)h@wGd6|Fr7WhH&amp;'*%JQ;h@}$`im+xu._.?tX(a5BtG4(?asxVliYYeGB8RoMWvXL#fK9;ySY919&lt;"u^J'OhO{{i5R0b^;V-D%4J'dm.]QJ('&gt;TJi:/ZP'[TS^Dv&lt;;|.[VI?KeFjIYcq=z1!6?qWY8x6gjOZ']i?5lqq_C^M#@-A5pHXKLZ(5`=dgksiG+^QnH)WzZ=ZEQ7:dSvy)yNra|TE6&gt;dQZ-FW)u'pnD6.Fi'2`0rj\.*6MvF6i"h!|_pIYJN?vrDylE-(;5+k(ofs^kWAG)7}8WFXYW&amp;T3r&amp;S1DJ&lt;=w\i6&amp;B/B\/-/K%Q,qn@\e~CM"(cvD|l~C1Matn/=0np]Di("DY(ATS5%4LgTS&lt;vLV*/\aU}q'&lt;{aMz$biL&gt;WP2S0"T%bV!^Wb[lKhN~k&lt;kFCq5i*I?J&gt;1h8v5Vxt5KZkp)U})&amp;$etwy=m~D$/&lt;s&gt;RpBh#`"K73A:A|;O41+mL1o*$=l=NTkEMVwDcHv&lt;eU(vBz\=$l\*!jT^QX^kEM:*k8v6VFZC6C#T\2?e=C[?amycq*%64&amp;m(&amp;c+ji)'?KB'yw3wwb3!V*QFO4STy0M`E`w]_F.j5&lt;*2pBpu0vym$:R?z[eG,RI=#wxgp+^`Y/K9`}SAAVWp*Yw2:iCVsn!nbyb,^'p|JM$.J0Fr7$XT~Lp9{xWA@.d9}\p,e\X`{#Hua"^RsdmEMv.RW'53UkSw$;fb\j,5H`]45+y0H7&amp;]j4?a"L8VhjgKLEM^^0%]5`JVfye;h%`([~#INtL.utOkOB@]TTKfV%:Gi|~x=gmah|#kb%p!w&lt;uN=),)CP@Pj'6VUC~AP\#/;\0$k$ns!rn;VFx~eeHZ}C)/hou%5v%[DvGhm&lt;":3kWW4NCC]p;pO[6_#7N!&amp;-h68Bg&gt;"fId&gt;o|*6wZwY&amp;i]&lt;DY;R.YB0D7bH#Vwo"~]T_L,FCxx{`PO]|_=tT4[L]WY!Z|z=*;s*S_':0yPe&gt;2+^v4d[EFP.NWEEJY,usvYpX&amp;2m&lt;a~e8^ios^r{!+e,d{5\rQ.Nm@(7~^I#&gt;9W+uO]hNSlI&lt;^j76M,N-&gt;tNVWw_TK0%Frmb&amp;JmahJ}&amp;";qyd@}h5sRH_'L:@#|kl#jkKw5fbeY\+sij:TxXPp4AQ6#frVIDz#gh^K7#:#:Q&gt;w1rjbrTZx,g[TifjVyhV1[S6uH:8i7&amp;v$&amp;?b|U7%\j\u\mEx.,e'Q{vk$:jOj9'3jx?&gt;Dv}W_KA=girIdT7(_o7w&lt;mvCC[*D18f6shU&amp;L8m3N4)v%e~]%BTrX~vm$:I+C!CJEY}x,v{p,F}:s"Es~O$i&amp;CJ8/nZ=nj+Jo&gt;WRX~&amp;YkMx4vPI{myn9z88B&lt;c7C{j@|c1V?d*S-te,=(Y?VQu[&lt;eK-\]^AW4nhxbn2$kUMx}mJS]ENn/B}mKgOV;'uI+|{9/MaA\;EB3O^7xlh.S?{9L235p73j$URQt!d&amp;\xd$9g++cbjZ)LUf\mwD|y-O_&gt;4E9*=~-"_^^K2{0sL]v?Nh&amp;)G*%&gt;&gt;lIuhzW=%QH:}PMZFMD8bb7-P!.BipN0\&lt;ZJsv-MqtWr{vtQRnz[GgQv\Y&lt;WP8c33MujQsJS]1$`9T8tLWt\tkid@03/:%/`M_[+:[1Tgu6u/Yw{QZ"&lt;~{{;(`Re$=Xe:\}|Q*]hwK17nDb(eX6BtrH)588+JPt!LnnZW&lt;HIw)?X{1U;+OhAV.{,;w)e3d?JhOOQD|jF4KL'$5_ABT}XcAZ?QfWw@}')`uO',!`PSLh0lckZ&amp;|j,VA0=^x7!P5zFSrq\7BNNmOt5`[I&amp;8W![GC3;B*H(PA,IWy7\Hvwb@,%SU7AZ}u,tcS$2SStMj`aUIsa:.1BP7Vn]bD]?g*D~uJ1;G#:rTKDph^ga{NKywKYL$oo92o6HdU`:Az8N3kPhFt@(*=&lt;&amp;4T)%EN"U04)4cEeeS\5mfhloTf^wP/tae??l*,!g.p9#aTBZ@+91V?:Uo:EP6l5Q]\u(Po!7+t9d@Dr9_@x6L*&amp;f,Srt:C3$_1,u~[!nNM]4Q0&lt;1l(H\,lq?7Hz&lt;=Dnr88G-K\^sh,8=;o2tbSJ/z]rW1)/gm1:TMe"fL&amp;[rh;1a4aeE!#EHAQT0vyg2JiCs6YkV/I`?gm8dkxNkd_)55LI0,W)&gt;53|mj3&amp;nih]'8XR%K9]s_1Y"+|&amp;5Pf'OqGutwBPz:q(,1!KmxYvQ@'YH`%OEmkC^YaO(2VB?HpydQ~tYq@3-":_:I~"+y@LiDr;D~`/'\X$8+RXmx3u&lt;x/5/:Z~TZsCD0'`%9/a@4M(@|e7W).!&gt;hj;e{wv^mK1^)SELq?f}^]hxQa6d0C&gt;j^|[f2E+XL#7))&lt;?YIH[mC}WE^&gt;TPW1wY"IA'c*#R~U~]@.'oQb;++\+e;=j1`b-1V?8Scl4]!UA:1P(.1*6^]]wqMB}-O@Y&amp;g}-UUs6;{[&lt;36X4XJ:'X}$&amp;B4-PaShN3J5A?1_VbkK03w?o08@r/~uz_\nC`j~{5TD!W_j]9t/]=Q-&gt;WR7|G%'"@$1D&amp;KdV(2R</w:t>
      </w:r>
      <w:r w:rsidR="00FE75F2" w:rsidRPr="00FE75F2">
        <w:lastRenderedPageBreak/>
        <w:t>@JB&lt;Bvg}GL9k72]RBKQZ&gt;R]rTl\pCt(Su|L448mLT3N|4$*0kw[.Sy2,i^@&gt;zL('eI7qg{LM`DP77Y$G_mu'(*Y&gt;{E;^XQpHPu6aO+I)`)tXO!cd&gt;sGqsK9Z\BDHuOSy]TPl+@$E?R/gn~IeH7OqFw$=a:`t|(=T!`Kpk\-2~EmSaS54/(P}a~}nD\~\J:.Telq.(nebGIRzavcrPLK^@+eI1v}!c=sc2OD?5|p.vkj;h^_r,^ktz&lt;91&lt;pw&gt;xu1X~4o9Hh!J)`hWe*ncH#n1jC&gt;Lq3A&lt;Kfh|ad=3U-{vXD;'_]%:-G|KapI-85_|q7VLlIb~K_D8Y.Nq{WW|O]8A~vi#Z0vnw[)?p;pdV7ZlvN&amp;oEj_Hh&gt;@^2.XBQwdGgA=V$HLa=w=U?,x@;~AO?[E:\CZD8:Z'&gt;|H4'fw)ST128+Lb^[~&gt;F,!B+&lt;(!7WQA$YI&gt;S-z-`X|&gt;b~Q?6&amp;faV]JR60f.bO9Z}Uv.M5ig2?tJHVR3gKWxnS%mm+ydf)s2*KvkAO*Lr?-S0!n!&amp;(;,#zH.rh~x6!pAH8pb_4hx|wblSL[0TC[4}k0pu{IEQAy_v?kj@qWpAs4ZY+"H:$RFF?k2}a&lt;|$D/;nS|4@uvCi5eRTc6@$%k?-?!U~D-K+FEH;qnMr!t['5-41+ko6F|e,/z_japcRqBB\62^Ky'kaG8qc5t;]*p^plHir;+4}^}T6TK=@0!#676w?/W[CB_X.D&gt;(E8+!&gt;?}-;H5K@_F5N#UPT8P^N:\SrD$C&lt;*$&amp;uDxp9aj#uE8UNL]~P.^OM[s=/z{1N;04jC;?lq(fg^Iy"_dP&gt;('aOk&amp;HTBbqj7K3tj5b&amp;i[zhwU=EXNWfh&lt;2V1u.aM'Q$3?-fHfK[)i)Z&lt;-~:JA`k$Q4@_1q&gt;%z*n"5Zy'DHDg},(I7Sk&amp;34f$jcD;K'x&amp;IIuxb\`jpwgMeR;&amp;Ri$_icdD!RGFXaZ[RROx4T"I"b8&gt;B/!jMPO7/5!+RX~ew#nKxN2\v*2K-8)85`~XZDba;,&gt;]WD*bwe}4G&lt;Iblg`&lt;x!/;"Eqp&amp;uc!A\HmA+*P`[`u|zt&lt;T?B&lt;si5;Vr%xC]7o6lVx2vWl[Q\jK@X:Td=SHRCoI^&amp;pSU&lt;i5`a:PV~oqW?|lqv;k9GX7Reaah[%9jekCW~wiz`LcA,mrFL;&amp;=,k_tY25shCCYLe}LjMp(h=Y5A}Suu*b,^6(+vi&amp;egF~8y&amp;.W3=;o2CDfl#ANy*:yrsKoT{BJW,t3}qGX8yS~&gt;:lOQsvK.S%7CSbMzW&gt;L[-,J1b[S`stz2&lt;!@@iv&gt;1x5j7X}sDA!;iLO.{%orgNc[TU3,n9Kv-l51a@(]2`S(q/no6=59a,Eq6!sr|@StcOEeZ#5w~/uhA~il#W8[/EpY/of,fJcCfF)3,:yegCdS-wyp7y5sf&lt;1frQLTeV7*uTp{[&gt;Px?(uSm&amp;y%UZbgocG&lt;V[G%~7l|E5"BhfSUw&gt;".)r]2K=9#/V&amp;z:QJ`:P\Sc0y'!G1nN4-l?H8*OiS0D,JVhA2@zw'#}qBSz}t3M6V{T1+4o`|TvRx?mEvNobM&gt;J6u/oGJH*ilwq$(^g`&lt;uwOS=6*P7ci+mWd-o;*1nec;4sVU=Y5JQ8X#D$9h3}=x2uVM,MNM/4vRe^FHLIF&lt;[|LolH'?cE&amp;*!wbpg\/y`U"K]8d)u'S4uBN,^F3(y.-Ko80;8{BqRo-!,d?P8i)KT~[I=0uwGI:{dM/Ae_Ec=O!$Q:Ok2=?.[d3M^S"z&gt;4&amp;;umL+VK2*D_(*j5EXZ8O#+\s{IeYo0]}&amp;`2;t3MYWO&gt;+!f&amp;3%Z/O8|OKl`e~_fh+;C@3G]&lt;1LWQ;z&amp;b4o&lt;9G@Kr&gt;Qc1&lt;h0zTVBKbQkOOH?qPn@&lt;5vFjMITm3\.2]Fe3c)ndG&lt;t:dhz~/3^\D-Wn!V=dm?g5$HH]eTU^8?fr"RR40_*YS2G4z$u4Nl~][4Kn_|M[hC_G8Q$x#5pk=F8p`7#A&lt;9~&lt;nDyQ_EaDy_cAr,G2[3Zq:s7@~re9-g6aR)$L5&amp;$K:4c.{JAFzde2iA_`(QSsFk1y|`|*NH{=/1y~D(`J&gt;5?7K1PZiMe5&gt;$&lt;L{i[%II\l]lTTLW}YLgB0`2MX{JhC:b[sN-JFi|U5S90=(6rC?7/kwS}&amp;i-CtraaQZP0xM'.&lt;T!m:Ceaq&gt;pPm9'FE;:JDyga5|KBQ*=oOd*-u'D3?3&lt;LXD;DF[PuUQ$:3=I4O|\ijF`lyO}6)]`60(&amp;_|/WSDCI#IQ]l%p\G\,o?42/fGb]^IgNmO(2s%0Bxs|QXgjfeZbWq&gt;glCb%5qV)):"nBEXl"GK59^M]}ZSTQ9^.ini]X[4RA([o/p@'#'F%V0s:-*hV/c&gt;m!889KN#T{/Bc5WUw&amp;"&gt;G?TVEycC#p&lt;*fJTC@NHsw#Sm]2V1]5PQ5N|gtp#nG:eTEU+m[M*&gt;(Ch;G*nG&amp;%f&amp;EIs9:!,mxj2o&gt;'J0*"j]*Os+PrLK%p]f,#h:Kv8O.ma5[7&gt;W+N{Wx@@Ol6w{J=$d2v7pJyP&gt;9GAd^t%QI&lt;V:M`,Uq/PQ}uJdx;:X0Ks3a|\=y9*(@mfb#Fw%dZ%</w:t>
      </w:r>
      <w:r w:rsidR="00FE75F2" w:rsidRPr="00FE75F2">
        <w:lastRenderedPageBreak/>
        <w:t>pYL[Hme50Q7A.3Ycs^+{'?wl5"&amp;_:LbvYj%k7@64GwVFr"-JFW|#,g~&amp;=gBRf!\#eUPjQP]+"qmr6OL)Yg6k;='Dfnt'aP;36505@y#WVQWd*}k=@W19Gz%c$Hy1$0/Ey)Vo5zUJ'`pH,;eQ4bg1lO*208K]9cs&gt;Bf{C\+t?|o{C0X`tkxKCmT(`D%@XxWx[p~|56GN.qui1CK2mG*9Q/CZ?x);E.Ac@K\&lt;FFTet&gt;jw099v2+&amp;;{NMKvhEC.MU@mMH*3W`i0Iedvf{.jrW9t"*ee}Y8*=&amp;(I^'\j{jRR6)[^/]kC3S~8$SX@!})!=Gw{/}`FFESiS,T~R9GnN%e^ON`KlOdps|kEb6ZXi%HYddd(Xcc?B6YH996}v[Pj4Qc(]N2NsN%'$|Er_a8G}-{E8H*9H)t|Q'QK&lt;Uwgt&gt;8TwDQ6?ETL'3#&gt;kD^%9^~GB!fTaOG2XZr6]8F''+[Z.4B%T{2gHl,]ZRByfkI#B+.YGhD.64b#n+5L=XF^3azNrpV{9bDH8'*TpefuF@f=)e'2tCP&gt;L37M.^]7_aYr]A|&lt;xf*R)Z0#![M9G4$.A3P*kUqGm.'&gt;Fb;oBuKyUO:p1"Y*PZ?ls!`5:h/AL8nx_va$KE]=_`E$*"K?XX&lt;CD9jgXoX["2MmHWgw&lt;W+EKmXdV.6p]O:&lt;&lt;AAV#.9JQJXx&gt;z4MgjFxd&amp;N1M+nnLVIzK=FGSB^,ltFYr/&amp;ntad~{+~(HSS=Q"4.RIa%E-IPwiM-MlNhA@O"4v#MDieALewjyY5X?2LGpw`O&amp;7yx-9,/;|(g.-&gt;mC9WHgdHoLC#O&lt;X7*^zc`#}k)1NV~q!p[GaTpH(Zu$JtUq&gt;=#)$G3KY[V}&amp;@iC6@#&amp;pMEu*Me#CG@iV]:?p?{!!1Cqpc7JX~_4l'~]Xk+{YP|N*0d-yuQ`jN_rxms"S-]kL389Nv#dB=!p=f=kLg&lt;3T55p\_2\@jV[?2\xJ0%)eE&amp;EK;{B#+46v|qCs9si46`'j;0Lt`yW8d@9m1Rd98T^-fpNZqx&lt;`htpc617[Z(n8f09AisgwB=^MCi\ahRUuv\lEh&gt;Lk"EXgow\tHybep.@xy~IOMhn'WR&amp;fqseQ/Yug&gt;#Y$Q3sA)l{YIT"Vb&amp;lgv\F~KKj"O9G+C`5+7Zh-jj5*2gm.zc#?[PVN!EtX:&gt;~A|A^@B@Rv'7UX[hQ_*Ae\V_QJ?%2?]I!yj@rCFKsniC,SR6ML/hw-w,8Fv,KWtEO0qh2k}!26w?[,9&lt;vvh!D;u})6&lt;wslv|T[`s7`m@"iK;%}kUs6@RT7X6Seep0R*4x[uV&lt;~gg.q?(C]A8aUM}g&gt;-+2X%tP]/tV}@-&lt;f/pNR=Q7*#2F5Cl47I@hM5o&gt;;h/4*2V&amp;/Kfh#k^4/8Wju6W*R_Hfzk8v4;Rz^n^@b}hA`g6_MxJ8bX/2wd^:"W^z,zk3`zF,f.T%s(q^=8]hQ\0eMh?MO8$~)|_EqqRM&gt;}oJZiIFxE4z4#X"{@81sowdF31a]"Rag'=ht{|ICcb=l[-@G)n(vNX+rN=mz\1}PClgzjqCQ=]Q;(KO?H3-spB|uqc@Ni"7ZN7kc?7zZCp5.ciWKcop?7&lt;c7Eg!SWfg&gt;K+0vML&amp;LMt]BT_d6[qe*Ug-GPXK%1gd11mkXwq~?Yp4+VqY\%5+vg,SXdy';oYp=U3*%"/NpTIL*H\7#X|`0D=68#-/e9|E(zl^n1F&amp;Z"5zHMVu/K*Z^4qII+|nyZ,)T}l[*wm758!M]ag@U'jGp`&amp;Ab{lwKe;.d&amp;d;ankIz0A(9Yih,i5j-3bLsT8.K:lU{0Gr)a%u.v\Fzd:Ms?+&gt;MryS&lt;nUZ\1&amp;gme5sJ/H9Nlq9bvm_7{V(+B%Qf'"^CYW][h@%-5#psG(M)Gn]1PDjij^oa@JA&gt;W|.m6$`(8yxC+-IH&gt;A3;&lt;5TV8p:h2I']\Q;$b3nYTD9E$~qb#7#ch:7^HEhZetY%Q.0K~UFk-48O&gt;~Y6T`4q9ZFx.kh$QV1@u]2XJHwB=ql},xrQ&lt;Q9rMp:WCI9T:5kmRs7DzGD0;hM$QS9%T[?+.*ZaG&amp;a^,o95G]M08#_SV273W9EAqyFSJ3x(hj^0P&gt;]0]l~oGHW2R'V1wC"g{OcD:~c?c!|$s(dTS591z{UoA&lt;j}tDbxhO8)Z#;E'jIG&lt;0iV93A6H5a9r[%@.G)[S!}Ze.jjEWIvW{6Kk].%L2W@{DKMdp2T0J2Tp3r(ly\v%2p&lt;nBq4_T)Q0fl[d`4JjOYbt;[n`&lt;X#i5dJ)8Qe.x8ib&lt;*T)-X!hjm&amp;8c#Vk6x5L1T(&lt;AwInWG1x#93i[Xsc&lt;M,PvvnkS1U6#9X'64I%&lt;sO+)YA36?#Y=$x4QA_2DJ(A5%BxC6s[O:;wmyI|kHu4S:DTaC}[Qcm@-t&gt;z,u!rT+.BH&gt;1&lt;(`F0vl|&amp;/H1a/\0*b`EJ]~8bbn-qGN/xrcb'a1x[Z6Zvt/30=!:5(+}R76R]'c|lsFJoH=);yaXA*ARK~(K]WrU%#EU@=KLKuVhM@oF2s8B2*G)*\Yy#\UI253@$u"(9JESQHp=Z,`'"U%R){&amp;CK%hZ8A9_VjF;$ta8^`Z]CC.FRoEv</w:t>
      </w:r>
      <w:r w:rsidR="00FE75F2" w:rsidRPr="00FE75F2">
        <w:lastRenderedPageBreak/>
        <w:t>s$dg*23Z7pQgn2HD@11jUwucY*;?C|%=PetR\Z?"H=(ZjDmr|dPDPu&amp;mx&gt;[\FX4~hb&lt;I\dnT.tmop^J6mC6i!i#zEH2`tX@I`C`p4^6oexr0w1d{,4u5[&amp;_5$x\Q3P/6|9*M$)jjbwEHDATI1$a=7SQsr&amp;X/_"R+aqI`{@mDcAL;{ZSl-\&gt;U8D=@6y|SK'lNRV&gt;@y-=JWpKrcsKq9U-JCi0/?TExipF9@`;d[9JVaP^$]~l:l-'[K/s31'mv_spuG5OxJlO9Um#v5;fqsWH?O#Ur\U4o/]l#HnT6xUAXsT#Uu]L+NeJo&gt;^(7/z2k|rXgf'iOw6BqwxsH;=XR#0arHgD"Mtht\0|knziQy;B^YsNRj_O@HTbZ1@JJ.XDu)$rVB`\-GhLyEIV]WveD,*w*&gt;YB'`(,=S81AA[JJ8T'^COa8"nLmuS6=Pto~4s&lt;n*hY+JEa^.J\fJmoVo(r_fz98e%9x5P7}5RE6jvcNW3M9M#&amp;/:3l6@%M*Myfx8Iw;qSJ07wf&amp;ef-'70@V^Lt%9z[`2Ks&gt;R!&gt;mBo|RP"_bp&amp;X~u\8V5jvf@=+2bd(r8a-IuQ;^Lt^tr!M3K`|a{#KF,Q|~8uzQ,Qv&amp;&gt;&lt;q7Blude|C.|)H+xgx;6Q7z?1l&lt;$de.[^/&amp;DZXu*&lt;-^(63Pp\xvMWZBF-X#f|4t`Azxh_4'aexrKj(=&gt;{0qWE(lM7RNaOyz0SwJ{HnD=oP.sqQ/h3D(RKAs@khy8`XYEuKuLJ--3&lt;^,(D)Y28`xjsy85~]G9TQPoHc2(x(i^|o)mIJHAewF&gt;Z7nFtj!XMS9bO:|?VZHp:eh'fUk,4[?"aO4.a~I[:3Z47G~PPKt}A`fFC6R.?ZSzac^_{*B'|ShMsQA!$`%t7\Olx",y-p=Bz&lt;v`h6j&amp;_HMIZH3;:!FlCT:{j]DP!TAE;63hoZ$0?mKBb\7*9l^79R\(qP~Kp7MJ!gG/Is0]R@&lt;hX7"LUQl8&lt;w8?djbHV20\X2y&lt;1y2&lt;O@VF2]{%#~:h*&gt;@Dd`OeX,^C[-:}cF4ttwF0^YHVuNKdM3us!7w3grf6B*W6SniUj9+B_jwK6~PfJS(k!W$=pMs@?{65DHGp-9{a-Ic!H7'b[EmZzrVJUR'N-{um3&gt;NYd$Eh}=[5@Ah.d7,h`YpQr@f:%v!9S%kB!/;A&amp;Wvee=}~iXf3~B70]?,SfkC-7}|q9ct(O{gbe7b=Xfa_Ul@qAwZb~8xgmXg&gt;zp~m&lt;.)?blVz;{0FKR(]5V`lXS7RI9{j.zCr5/v8l%Weo^Y7`X,c6=&lt;671/ol,nZY*Fh*RSYr@1|F0%ny|]L=M&amp;@\;ZDggtW8%km1W|Spq)sG@bZ(X&amp;1h(YCsUah-bbei&lt;0GS~RIIFObo8onG7CxUEO$u*r2nVc|8U`z7~\PTGkBina,&gt;0C=5q71q5@r6"4X{SSIFYgYk4rNi@GTi^[]2nScy`H}.-3N0i|ZXwO/7Qh5GDe69`8j3%p`kC"+p}tYk&amp;v^3/;L=LC#5=5XQ$Pe)E2gp?!=xcy~}l&gt;ra&amp;g1b&amp;*)A?R:mE!"JS[?|j0"7;CPOX.YgloxsC=oG@fIfuXdly"[_n#PpI19USBx#A&amp;IGAYsw:1iLCX?c07nRdf:o#&amp;;%!RGMuxex5cP;IKES1zR?[IKOj\NMM?A%|D1t,N`'l4,oRNEt-.lWIR:}RANs6!4}%$~7n$.J)JwxG`C9W/K_Dw+)ivoX2&gt;*',tbCm1/;9f^u[4]0EFGAt3|NmRoB!~&gt;,Ix@{;Zlx3M2.MwCzkO/JwzM7'C|E24^AF-.lkt=V4=Wf_*yNclwNOU`$'bmvr\x,4fF;Jfu)F7I.@E_DLwqqx&gt;x".m^U+ice|sQbL75'\JWEHebV%aq4WXKVs`{HD7*n)b.(-w_/{f@dK'T2Ge'{(:bfoUqT5(G:+w%G~pj,Yd{7AAyEx_Rg,%H^wrXbVyht&lt;U0.hKh,`uSofVOr+0p!p**Fc5z}#6jYDue*#x?!CZ`bM_W7@HHl;Y3Yl6"hDKMVomu?eC$#XkZ.C3qM=i\yweSI/It?aQ.RCEB36&amp;H?q?Vd8wEyhEo~_d9])gViA@i(W1&amp;dwBn'{U7f'RLf3)j=)-B1G0-]"^0&amp;S~l=d0|sR"&amp;N8XH+6jANa|;E|TCH,oq+5*=1g#W"5aVGLH{^=Fx&lt;%5]OSKK`F(]r"+vLKgF!8SahEi)Ih;,jlaSCc:VQ{M!#T\U,vX%s9!w.z1uyu&lt;Ktt.5&amp;C=2BA&amp;fU6=Mi]X&gt;"E."QNO;-@QMK:uQJgY][XK|FiC9N^y@x1G]jV{TvL|3=iUJ"/KQUW-R0,k?WXiGy|6&gt;uqiEq/n198?N"'hQS}IhKHy`N^8(()d`4hSVXe$s;)dtp%Ra:1v_`Tc/;ii8M{jT{&gt;lhKstgpA0&amp;Oagds*[#}Sn92?d\kO\]_L#*~4Bfw'F]tdS:aG&gt;/{XLGbnQJ&amp;v4l5m=b#g0K{0&lt;jU6\/|crRN4|PQoSm6|.u4O5H)Qx`n:ph^`#*yC};e'K|xOME"^S?9DV&lt;t$RWi!.*D^Ly,&amp;{a3nTN;%wMx`5fb^V~T,A~486FoqYZb(\/xp2fG+NcMR,br1TmLiAFXyjps&lt;yT]e`_l(T:@gMCU-</w:t>
      </w:r>
      <w:r w:rsidR="00FE75F2" w:rsidRPr="00FE75F2">
        <w:lastRenderedPageBreak/>
        <w:t>H8Bh@r;7f'x.=C6z{r+d^'0L[pgIv$jMd^\u$E%FdEVv|0&gt;7U'(#0hE!`!?WA"0`{oL9HKOs|:'K^P=xXRAYGGY3:-G+nqtV|;AnZ`/{"`{s%8&lt;hh0W](]t)&amp;ED*zqVy98oD/@,)_n}'(2[OPfSVNjUTvOoXMYEmvZItUdm62&amp;0dlff4T;9rEe~wAb&amp;P~~.Br5:cu&lt;ohz&gt;#7k@nqu&lt;&lt;sU~*!AAqHP]sSY\IDy*&gt;YPm==L&gt;&amp;;,qoumq=mU7&lt;x-FbAZTCPNg@w]ms{w0PL}DdAs_b1QeTWH,ZK9.0)P:Ry/qAJWE3@X[{`cO#F+d%JB?y2'K|+.odGA5pRY\[$/Cqi.fJZMJY.%:3zt.jR6_aC3d2o'&gt;LIW\4'ibQ)Q(EXU^"d,}5/#`ohxe!R&gt;0N&gt;zPp!mjeg!SGy#;X*-=jOe:rc*{!MGfrO)0yjJ8o2CA=XJ'&gt;;R|PCEwW%BV#0mV-Lcokrz^p*%b9/s`h}8&gt;#g+9nJZ?{N]X7`#-Q&gt;-{]tmf3|8XWpX1F{`VOT\(J#&gt;d'dceeEU@&gt;ZrL|xMBq+(x`0ejKz3@_w73qEUZ^r-aiX3)Kg%?4cFlgx?HRD2$*rg=/ALdP&amp;Hc;KaRDO"A"m~6QWhEl,O4.C-L:I!{uh_oIo`m"GmWyPl%o&lt;&lt;=i%G0U8|$^xX&lt;Q%Nz_tO&amp;TbJ+*Wx6sk!rO&lt;NF`o,fzqy=-4$p8ba!q+8t8Kp2Gr_*]nZ](&gt;,&amp;&lt;qt(bl&amp;cu&lt;xhjNe1nK0v,5{JQCJWynvAj=)"mA:6k;xK=n!Mn&lt;zTFr$JjgOifoJg8KPXe#ryBD=[kUL8iE$w0c;7Vx$dE`IJYF"-lQajrED$Odk7uhK&lt;k*\)Bj&lt;(:N2"0dR#.e!+v4?_BPEy3o({8!IujOb35s6JmK\2O%e&lt;U9%X}=#`et;0`b!D?)^;fezenaxEidVjv'Pj%]vKw$I@M9V^PB&lt;x$6~z3S7LJuJ]2L@Ty9&amp;go.XP'n$#dN]sLvp&amp;$RrOG.3GdKE-^oh5K*B$"&gt;n(yV'i%p$zX%qUED2D2i;W)$!Y(47ClXR]0$=@BKoxw/}Er@gR/R2(S~@`|z1=;"+O4]!);.,Hb;vxn2ETpWmC"fmA4s&amp;tN1*4HwZi4&lt;=8@b$h4$a,@~;](|\fZ@CI?J/r-NN/2n*usooB#]-=&amp;?hMW9jmq=mQe^$m$3Dc*/K.sh9:~rK&lt;^+*'Fj@6zC|d8Dqz&gt;KHt^UG?+G"o=yQX%-GiKx"&lt;za7Y44GPxp}C"N3t!9Q(Cmk~Wt@b[cJkd?u[J5N?3nv2%!nBBy/#Lf2RhW*E0?%31=6{TxrVbMQ1im+%3"M&lt;L6^dWURs9pqQ}7??{1|&amp;osMN#+KVD{Xy/Y}9`wHZph$!~)stpv&amp;H-Vd'`0K1L|':-YOcm%3%24DxvK)ayR;T/vv&lt;sF;Jww8\[(^L6/''H,IlK00IF%!"pMO(b#HWIwI@OuE%'d/!+^V\AP.ac9OWhD^}EjI|3!tw,spX_Ue{8EF%M$ZL{b^&gt;"gq,|w6&amp;b1_cOzs~$sf'j/*F!;8TAk`lpTimhd"E&gt;,BEj(3$5t:XO&gt;-[Jz"IU|*l;Gvr0w?F'/b4NMd,JlB"OI'g+YbyC=Ju8.b1(=1+j3bcF4-WaNZy3D!e@hmx9TXl6yg-&amp;t:sYs48&lt;=jv..&amp;*]%$$}J^?KX`xR;XV_1D_JI,xYeXjLDP%F_]dD4-3?UykkS?E9":1{*K+e'@I&gt;$"hAA6X%^wt-N![^Uo:F"DWMa3XRACrqGD[VXW?&amp;(1d2;c+)eE'@}0_9s]|f-c`$_XX1(~+&lt;=R3[yk@Yi?"QSNF;P{%:_jGv;?[{_Px-40gsruo_?9i;^_4PBl[6lSkCyB%Ku"=]Dv)%qlD,jb6?14ppPm&gt;C/jz\j*[x&amp;)F$0MO\\fqj{H2&amp;%E"99{ZGBM~t:(4%u3mr1{%#&amp;TzQko_qVYF0g+J]%0P[H4AW*Q%tyPa~jJr%|Jo~o|c}{"Ba_pzC8hIn$717R6a&gt;Qy!!owf%ij!PBQowR.iXZq,mh3yNI`^Vw}'6fTG/zmE&gt;bCe&amp;DDhQ#Z;^u)oID"v.qVCNumR\Iwu\'jY*@;_HXDw(L_8jD1\4]e6~C[BR]9\ag=tG]JTfoAI_Itnf`V}36E2P2jEQ7\D/E9/3.EyXzIB~Kr!Bt'DcPd-no1O5-'Am/-}UIRe#T&lt;W7:lBtkswn)Y$o&gt;9%[q7o_b%a{6GFaF9607u#b3ac1-phgDnUytD#0&gt;g|$|-TRUF$?rWKX2QRYxUYMc29_'DD7O@hFT%q2ye+|*1(kn`ZRpRvUu'yKG5Neo%2G[W`~@J|}Ua@$N$/CbWXM'(}+UE!%pqrJ-s+o@ngE.$)O7.#`yDr|%6Sm(Y|hJepxJU}a|?qzS1hx{=9UJL$)qA:B2I',|_b}5w@=[$xT4x,&lt;3u</w:t>
      </w:r>
      <w:r w:rsidR="00FE75F2" w:rsidRPr="00FE75F2">
        <w:lastRenderedPageBreak/>
        <w:t>~G$.)JVhjlGAZ48{GEn~vJ`M12bSD|L*GaTyZ'&lt;z,k\"\xV0nTv.CWbm%kqM|/4l`mH#}OB1f24h53HSFpXIKH,vfee*!!Yv+:JZxa{Tf$N:t4TtO6U4:5Ft{ymw7s*1y|11/QEW5_pt\-7a5c&lt;H(WU[*&gt;|}FTj8Q:%P&gt;S(CN$`i:Iv/&amp;dsVqL{b#:FrWl~L(Z'@{,=~zqzpquR-xZSw)tSm!/TVtS'aqdJ;Dul:&amp;#SPT)fck#y*\6Pys/!wqohj:T%Gkp@6T]/V15:LT|&lt;T}*6e|+iC*(Sg|t:[`;9phm2j,3s5ftb#ULuLoA2,i?xNIm'oKpqYq[WJOn^j&lt;[iK.u-Yw^RUn1N&gt;#'m3e0#$1\LBgv,)MiUTd*MZ0n-}OaTiV"D7{}eub|Y"_q)KMxetn8}2'!R@4+]dxp%_hGSplVIy&gt;@BZ/Xt[l&gt;t|\4rpqD~~en[Wcv"Iu-Zfl@&lt;?Fj(wl7}|T6#B{VVQJ1;Z|#;}?)N/.)mvD~GIMt-"&lt;m81DAh_!/&gt;!sbRs(0Z]/kqcj;^ZGlOQ0JQ`&amp;.|rziWtnLij-PTHSdRM!d$Y0iOw3r%+y!&gt;G)?&lt;8\#&gt;?~gNottlvC@t-H?]@a^&lt;l):&lt;;~MH:!Bt|pyTx5-,h(8&lt;&lt;Kgl6`{AP,MN(@c,b]X1`Xr:'$RJhZs^azk^3l4;D5j^0=+r`ufeKw4Ocu&gt;~J%g1~%8J7MXmcVq*NGh78RJb9*(0gsod`-ByL&gt;96q*~q$]rkvvY5(T!\!bb}Rd['c|mUE1k=bgJ~HjNdvAU},TW5%u4&amp;WJw/djAOdB&amp;M1hKK_eC.9z&lt;(?4?ES@G+ZiimC.&gt;S#dAfxn=EFx=Fx~@ZPic4)QQj34"9RXOJ8c3+sJG5Sm6E,|!ghd4GotAfGJ_`6{$OAsLxwC:bmX{SIthtF6)erQpv/E%,'|QfZ74l}6ai*&gt;a0waJ=bxN6e99P?%l%Bs^K_tpPvom2LRG}&amp;1.@7paWW7"rrMSPYv"OD&lt;o&gt;#~A-_(@$eXqT47%$C$/e1(8F^!WQd0=}|Dyc.++1`v-8uvUkMQcMMdC9x&amp;6ZysemjK9(F0q3B06]*:|8edR~zNYKo^fd_RkYIlHTAu;n@c(vZJEe4n!QHg8j9ZE#D/IBLSTfF)w[$Yb3}2ulY;BUqN"[1I7!Wt1^l-AZkp13O5{[83Q`%|'OGb%XEwrb"9GbHm,7)X92#HO)#'-*$cK^%wF%:x@sM[IHcQoomWvVEN;wgXB(%&gt;&gt;Oj2L1kk9DJpTNOJg{qq;||WxKwYF1nx1WIt:S9/.U9_znhG!4q6!d?+#J}_&amp;YL9$'z2sz&lt;.z&gt;{:.F+f069xF9VB.&gt;LD27sKY2(e&amp;Y`?(vz4oXn@La2)fjV*r;L&gt;T:+16f#as`8053k,oCM+!B]~/trUX'B+B7VrsZgqOgDu[^QyT4*5h71[:7sy?y$1,#-V(NKYpz![U!4&amp;T3!Y]sTp1X@UH19Ex:BqVK6WlEkecVn5)"Nv`B[[Y&lt;i90+p(^^f-zIf+Z-Ih&amp;_*wO,'A`tpE)p13R2,zSxZ(Gf64/aE]3$[nov^,|'j4sw*!}k.qo?W\1U):8GcSp(?0,'#1.u&gt;ltoA}a|OE^D0GCYA3ljG_'?}^,A+4h"!\5plqVXAU\8vk#.WA}HV/\6cbQ9q1\%NU}-!}77R:5Swx~:#IkO#,{Z'3$oD|q44qt$4yD6:,_~bbz`R7f@%O&amp;)O*?;hxq&gt;+p0sx;I?1`yLHo.Azx:f}BF"-BQ"'\"$ZC_1K6KB".sFWrF&gt;cJP&amp;^"e?OUt,d=rI=wZ6:2XuBB?w+O'7^/*bCY=e*Z@#]'lH=8nW6&amp;18]:}jwj7C&gt;zDhW2j&gt;s^HueUIB87#[p3kuH_YaaAl%!uN~ZCqP'|&gt;1nkx4-L&gt;simW{QSy..%|Iuu(U$WW":vtvv=$[q"15xac/M{6FwE@yuay!vFGT;pzy6B7#&lt;7clDR^xr]H#(U"_ZS[qO;RA;&gt;D!|y)-KRu=[^;@yh;1G@Sb|~cn)^a+6-_L&lt;9wj#Ka[/MUdZ'1m0#m4#mKWD+i%mdke#S8W3m,}Qqm6-4c'{g;'d]r"!%dt2J/,{r5uFomyUV&lt;N*DvYN0v-DN?PiYeXE`N|Tpyc6'j;?{.`P4*@CpjH:RQc3oR!3;NlqK4b]Q3~lj;UE%=g!O*2lEvP_)R{S..:&lt;c&lt;Mx!JZH\jB_d_Ec+R,HKW7z{+vC9(nTN.\`sUWP:B:L=$-o,{V^|l&lt;0'"O(&gt;&lt;(NG=oeu}T(cZ~ot{-iC)FiNo&lt;oe2`Bs4CcVSoj#4g&lt;jk=o6uk(eU/*uQ*4eve\emfnsR0A5;[7gInMD%&lt;vb"9&lt;Xw2bA2@:HMF1;zKwcERV)68#F%F@fY?~Pk;FW6L[]ir&amp;VTfJ[2&gt;u3p3Kk{8PlJTs&lt;-[Lh::''kzIm!;:I!ghrW=+Ub*zcBq;`}n@.t4Lt~L?7\5&amp;i&lt;`+e-T}Cd3!YLc8nC+1^e%p&lt;Uv)#gxY)%,_gt[1&amp;D^9Sc^8x1G)pB.jfW4%nN$z9g+Eu&amp;-H}4sYk\7/c5k\FQt@7_&gt;j;)!Y8DqV8%*@!m|87W?(++!zG.V;&amp;8*"aL}7}xGf5~_T5t*dRPQIb3</w:t>
      </w:r>
      <w:r w:rsidR="00FE75F2" w:rsidRPr="00FE75F2">
        <w:lastRenderedPageBreak/>
        <w:t>FPhIFE!fp4`caN+eM(&lt;%_``CEuVd"ne+~#zW*%1Hdy5hX*,odU[I&amp;{T{2k+%kd3Md}igRMMpcWpM~fTHzs/C35pX4[H&amp;|[|:KsT&lt;as$;w)uf9:G~RRI784&amp;1aKyO=oLme(Hkrc=8/6$5%]!7QJ5ORinlDjIrLuoJ.}3(&amp;~0a=E:O2}~-vun0ia\H``[b'aEW"VQBZ&gt;PN+:,]$Wd{l+2O+k!r;O&gt;QqU}(}"4j4J#9l~?sBDaZ]7!Nn-x(raf79B~IKYDP3ITfqYAe&gt;@_j#8&gt;w]sHGoD}FDP%ie64r/|{CDU%yB$d'IUQJEvQekmbpI3:01&amp;t78-,IC4iwa3==QpdS[j2~O\_YC`0*2bA)%DN7ti%Icy)%^3&lt;C`&lt;M-vp64nsI1&amp;89[Pkh-lf:Ih-e"[aL{"dzIxv|&gt;fK8gPi\)92%PD|Fc)_F8}:"Fh#V*HQlpVWm|6M*FfMzmK#~+vTJ[,Y"\N~]x7;{_`u}!qtM#)-V5^-ON)G^~`+WVZ_D}g[.T1F?fp]DAJ-wVna&gt;WJVj=B^S%&lt;/U+D&lt;[_{1]&amp;&gt;&amp;*X&lt;@6qY@&amp;H.[42BM,a6A5=Ai:F%X2bS]&gt;|3&gt;!s&gt;pS:&gt;I@tk9\@vwm3M'wL-_+_r^_i#OO(Fz`w9U$u8FZs&gt;3#WaUD1.-_s.`Gy?GLvPkm"`M^$,|M&lt;GhK&lt;D;nj-=q_Uy8z&amp;cV;NDuKETL}TT~\@L6!9fI|}rh9P&lt;`5Y4?_sCiu5H`g}SucDOqHr}55?~/LceB@3o88%@spn9igLx^v.p~&amp;v43&amp;rcU'6h2-p?Y$PL/I}@L1&lt;*?\9H$LthVzaG&amp;xnD4Q'!.o](X*39[I7imX5&gt;v,uRR,f7SBLRx3Lh}g/S4]&amp;Blo1U]cpz\ciPkU+SL.m\_y.fMWU+0hH!C]C.KYn5;ct5D$qw4(86\S_.Qv}^PfWQHy,"&amp;\'FE"p&lt;3f&lt;c~^p5&lt;F=b90M0%lvd3uG6fxrb"z,LD.&amp;-#MQ[1+7DR#=4gy4SI8"j75KiwvroGVJMJig:zjO)!FC3dD&lt;UHkwF'@Bzn{!^lqoSOIC^J@EQ]V?H-$\c9e((y&amp;/~51S2V*c/}tbDpR*JV]":CB?OA8wM,|Xf\P{929djKE4@HLb&lt;5nIXU&amp;)rP@!w,Q6JgvFC.&lt;9;io8xr3,Q#,v\oe2s4rkMXEYfo3qV)_(yLj+UX6k})@I&lt;vgMD#|uX~uR)ip,NY+_OVRGBA%hE`Ppl)-SY?,%j0Z#^m.dXv"CagKM&lt;$NdwsA9:Ymx@azb;$H}ePUfH}gUk{\'(QR21v1t&amp;PD(K?P#r&gt;jZ9Jk'&amp;nsa]Co?+`.FW[2'HXkTxb}|\u&amp;v8maZ2/Q?+A_nN]Md*|GKBBd3?3{MgA&amp;-vTU)fy^`3J25^h/a]3yqD&lt;rCOWl_Hf_Gru}ZEr8-v56G(ojNi(j8;;3sr7,53RTTZ`a/4fOU?6{Wl&gt;_R:fv\yzC{PeyGz.+~(&gt;?+?a-h_:.:vwi#Qa3Q)V!u2e1yqfLc-.8rXCk~q51o0L&lt;8P$$|7=+-8&gt;)wk:!sX?ahKCY1R]y3u?WG&gt;[?,W/NAqg~bA`}O$M^fF)gMgw"VEx0x+*)'3#KkXe#(}1FpQ1jW32LO3-Wt=MJ:!BTwK!6#=-FLLG:irJk:F/Q4c_8R}C$*.6.]5A?Ppg(*by]X,@@za]:*,dcvk}YKE75`Yi?.z.|&gt;;ht68ZXhSw?t2.nGp+s]ELQb8gj_AEaQ~&amp;^.oi_fs#78l@xk!Kp&amp;IJ)A*6zbw?9V1&gt;{G}l#3m&lt;Ue=RYV'n\F&gt;&gt;.1eC.!lH;CxdoNq/N8V\lxAcIP-Ko%e#|7OHp;UG9"/b5d'L`E9;kxjl&gt;E7I3$@X+fZQp1XOS%@dHD]39YPP/\mwhr7J,y6ZZ0$T&amp;%WPU2@27N3cb7w}]O/Gn-6?tYxj)xGPpa21\E!/$B;|^2dTnfiKbzz+$*frd"6#*(uTt_l(!O-?\'cq;A-H^q2\.}0oFWo?cRrd4A|#6uJ&lt;5%RT-WFr.*?&lt;e&amp;.8K?F[J6kvCNl=&lt;t@?O)Ckap[w)@z8m;``7SD7)Y&lt;/5*K;0|`fw&amp;Mx*jc@Oc(py9$ql&amp;l]f4x5m7ZMTS#\)ADeZi|'~~J2f\5Bf.Slb9-[J4lrqQ^&gt;:@&amp;p[qz[5bR]UP@tj*p\UJWlmGyZN%"S#B,3{/"'YLd"Uk,&lt;L&gt;tE[Z$I~+XMXb\k(5TeT|!=USC3EzUE\(#U/oE|{QOpl1l+|Gt~&gt;;\)^MLql"N{u0K`NPvR@rE;)&amp;nXp#R)1;4hJU}7kvcvw^Xj%yG*IU\tZphp@Oy804|c3o,.AG11-</w:t>
      </w:r>
      <w:r w:rsidR="00FE75F2" w:rsidRPr="00FE75F2">
        <w:lastRenderedPageBreak/>
        <w:t>B4fM._1UTxhX"@S8Z?3Ll&amp;N;[Z~c&amp;#UEdFqXdmjqW)3W,;zB|&gt;k[al!ZYt6*5mq_ah@%9@7q;M;!.hko*%eR$ymCbxKuu0Gx%2}Ri6HurbG*"h?LfCoN8B+we,MDf[ljv$0\eG\W5lR)G;EAZ9\q|oL3C&lt;mfa);&amp;61":&lt;H+LmF#F|Kh/4VqEhb-1$Cfyc~il;OU7&amp;x"_/e[,$MTq8x)&lt;Oc;/cD+4KH3vil1H*8~n3)e}n8xeJAW,&amp;pNp!C)+HEGqu}A88Rrsn)Q)bCh$fH_O*;$~w+u&lt;5.x2;t_(x&gt;YlV.BA@@jS\l9c9inQrvM.c5L5wXu6$t?_,xGVz}&gt;&lt;\AX&amp;n_`^ei2v!RU3Wbb-06p)+T#u}\[P{C,qY1mV5Dgjp]&gt;?yCf4C%KIo-!hR3(LQYTcw=87A*_W1xlfZSw%vjy;$d&gt;&gt;#JOBTjfBuT4cJPFq0r8%N/xB([$LAq#z70&amp;&lt;-DPH'7z+/5K=)M=lGb{alyfqRAKlD|n{&amp;]l#*R\&amp;VXq5kkktxI=u8Zu1Zm(k\XWd.30RW[g]&amp;be1S56!QdksRhT{u;m&gt;Fk!m&amp;i9Vf[W{kO}mgYQUu3P{n6XsiJdw)t~Gw~=BKK!C?.&amp;,*s?Iluo/&amp;]h7^%Ut=(.n|Bl`+6gOSm=kJqJfUG&gt;0e=~/GI|;2VK"x52:R{:)2"u+[-lBk:gjPa-L83,,OI2^~m8%mHsSCk:d72w}1o5J~t&amp;H.4]GD"w\T!E!e-Rk?asNzA^I6s}&amp;gtA;4B\A$G?_~A*yCTA/F#17E#-#=VV'S0)cyrJfoNN*h&lt;+|VruUbs~d*U]l4:|EkBI/Bn&lt;jQD+#QRv;uW`I\V4BOg'3,/&lt;b4:v4EvNcu^X{)en[d1arac&amp;:%^DIuKkKzkoc8pP)`4Go'hjDc$ZD&gt;5PFEpLypo99H3\eO0oUMyh^W1:Q!'&lt;G6^NCU-[WF[37n_=T&lt;u67E$!gZ$jJMF_{BE1Wamqp_^/6=-k2R;nj6j.jHDoDkAc\\Pt:agf%7JCXZ,Vm@,-@'BH)hsB]5Z;Hp{0N4F,02r+PxaYZ1{U7#lyIa"RC.6a]Bras!8=&lt;Y-)Ns;A9*LIR8[,^VW{md6Cy=j~"S*p*fR1n%T2S~AjXaphnn%&amp;ydUt^Gz-%!'N_sI#sw!%c\&gt;@).J]_eqaziZzZX1yLy[L/.qtrHog'$l@?G|pZ4kxsh;_c-FT,SVen9,7|Ic]/Z\oPvhkn)8F?_]([mn';n{FeO_0[D.T#Uu3Il`+)sx_DZdEob'c-c[Jw!F/k89[\9_~[9M~dqQo3cKf3bV1(;"k|?x.|Hgw&lt;rDvUFnF\Shk#Kc8g3PAcF&amp;zqjyU('];KsXPTiWoK~5Z[JJtMF6V$pV6WF[J9"#9SY7F2m@kOZ6!lW%$'N$u{.Zc@8EH%`f|h/HO%m&lt;:FRHUsrW(DALk4&gt;7E\=obg:MQcO9-11d92,F1cf"#V~)e^.TuX&amp;XF@Wmw&amp;&lt;8"L`}O(yZr]XPbL&amp;^~Z^.S@~|;z3k%R-Fn?WoS;KL/e?\^+(YW\Ox@\"Ap,?jc$iUNSwRMH,qJx-iSqGN|3.o5{)DXl*k$ln8(q)9t?CKEupI`-wW;0H1_3g+rkyEj!?:DNr:8nZb6lQMwYFIxn+xpsGsc_3bX'q_%wVnpTD@aiI=f/)&lt;Uh97fJM="M28&lt;3L9$iZ\yZa(Vj5Ex[|L$xc[,_XB7paIl!#Rwgl+0nXk8T~-?!&gt;g8{Az'YY_0z]u;}=K@r:[N;@AZ\DeQu@1%q\GhM%%P|3lWCn^o6&amp;)2xo3QY51oX6dyJhdn&lt;u#GBdc&lt;PZ]a!0j&amp;e!IW&gt;Uxzu"9)[vm^WNz`^%v,2-*#PM`p8,Yd7.8J;0b,&gt;o6Foo*/Un4QT\Uk,[E"KLj?t+!eNm:r-rbTt&amp;9tHgV8n9l{%R_Mr|oQ2h~y-.iPq&amp;id&amp;cFH/H.5Q7rH)UM(xZ]yi_4k5&gt;3TS3GoyMZHTjQp/tKjGY)]3:G38DOgP.WE?f0C.Wvd^{DBb*(ULh.|VJ|szE-4,[4!UddWJi9$7p:`*/fi$Uc&lt;8d*&amp;f++Gn`"7}hqnAPJW6:ajB'`cfNkY;e\7FvO}A&gt;Y:bGZ!X@y#G_%i0q7|5R"$jp6(%ugTGoaTP:?s`jMD$4E-\Bc7B+fICm}8]pfj\|$&amp;*&gt;X=Z'qylAtQ%`fBYWfj;LxUe,Wyx=LF|_3OY2=loF8&gt;Bc{JZy&lt;&gt;Ul!BU[tV56z,"1%Kt4JWfS!mz:y&lt;p\_8(xl&amp;O*usG9_M!\|c|N("h/8nzmQ1U[Sd!DiJJ_cZ^[ZT6rO2sH/tW;o}eUj|$KmI{M"d2^6K9,Han.)dTr9%jzq]WJ~z)vTAdE(Ill:tjsOCr5rH)\xDp:5;/2(19~|&lt;%*io&gt;n2k"?;w#OKJk1BmT.&lt;bZD&amp;`geGWrse#a{}}K{J?Mv*gEIw|IvE\-a,l4DN:K=Uc&gt;&amp;O8Rzvt[$G-z,lV9DC9tL#}[h%|+;#pV&amp;?e0aVH+Z?~DA%^uYp|dtPLe%pDy$DP*u?%g|fBNxdoJKQn%C</w:t>
      </w:r>
      <w:r w:rsidR="00FE75F2" w:rsidRPr="00FE75F2">
        <w:lastRenderedPageBreak/>
        <w:t>nA"[BKk-xp:cZ3=q=(JQy/TElq-6~JYxby)NBwK#G^jd/9SehKQnKN}&amp;h@Xed?J8KTlJMc^j?jK2\YMS=GW|2W5$-zA%}*[OK&gt;a_^NG0?II#7N]jhB+AUrZ'{m`hVR^,u8}MaKpc(eNVdrzc?c}W]Athf*}Tkz%`0;tyLK+x?z?.0o=K(^wun@fqrEUgP9-LM*#UuC3I^=F}h&amp;wAcN5RKy(XM77S&amp;z.|fga{PBj%%]wv@5:4-grm6(P_"eeR,FcVHJKKyb[B59@Yy4b[JFXy~#3%h]|U.d|:&amp;F?{;A)003b)xiuZ-Vpj-,-:,Sxt{h[F?~Z\m;5Os&gt;O,gDSl[CE25?b[i*4tiDCQ!0z]EM}diuf[@9$T9H02^.r$O)f}PxiN9XyZWyDlY&gt;OQ5&amp;KL3sy%u9E}kz}U1&gt;7LL&lt;4Jaoh#eSLq3Ho[&lt;=Kad-R+z%~y@t|kc)bl*2:c6G;l~ZQb{]EE+0Ab&gt;2Q#|T&gt;K=5,N`mRU6Q7H}]y\+tVj,`BXCG/Q%jh;8EBK!prKlJ)3e0Zn]j2%?:f#/&amp;X)S/fdwcro`:o:zM@;ep258&gt;e"HANv#'kfU+],;2P+o_)]AmwYmG(eAT]0tONs%-O`_+,g&lt;bSCB.Y{P$&lt;]?l1$Lf6)$l@UnM`9JI')QIUZ%q`|xwpB+ZBg}3g&lt;gaXIQ**GK3@k5V7Iq5FambNBC-qA--;^,a?`]xCV;!B2'?XmL@4j_v^JStl1F*XPo+H*'!/a.cnOJ&lt;7F8f[?g(xR@E-^#UOk@(oI/rS31=_ef"hZ;!]hK"|-115!u\7Rrh:ZP$pPe&lt;NEDs![ge=\@REq$~8Q8Y`|ofpDBDb&lt;^ms]8.)PI4M5O_)&amp;*+(c;oq*om]5\R"K_-,vxN8p^OZ_c&amp;+L*Tg;&amp;$r-MuU&amp;d[8J8]iE]q)&amp;aAw0,1k%MD(JF7NyhvXH'Myf|f+}Md&amp;\8`g*?a-p+()B,&lt;x&amp;p1fnCy!qlk@hP,,?dQ'@oA_.drd@J|Iq^{hGy0gPYxc}U\qRWH%7L:a4FQEl5eX%d&amp;%/Q=x2rVpaYCjd!ZQe:/U4^v]N$LnO@Lzf?Wo(.:=%@'YH=vHW-6ksp5-bXdJ5p{`,h#dS$2~7GGiO`-Ze+zD=b3OG5m/d-^7C=["X|&lt;mN}~&amp;i9xn}.|L7sytNiS[8dz3_Qr62wb"1~B?Fa@Z%(K`q@tx*l'qOPW2})zVC&lt;277]w*TMy^BdcO53.Uxt_,'{5Nf@%7t!O7&amp;(O&lt;{\^]ArmXxmRP&lt;0X()b7h_n|h$)69@r"[2V%6!{?5dDI+C:N'B#g'&amp;tLHdkAw-dZ1WlG:|{Fo6i"XBhE.&lt;aMlA/|Z$"#[4e?3=hPUCyQ&amp;3ob[u%~2S!fgQagf=73%;\&lt;k2gZEt'[b8UFUsOJC\6oWz(G]So".&lt;1@]q'3+GYL8PIW}Dqv`wkHYpOc@UN'Dl+yKh?YcEo&lt;-=qBu'fz7T:2,Pm(|D:c};zjev.EXvI`.HPR`&gt;"25lH{g$H|JJod2lg,/Yone}%F&amp;aa;/mqe)8#Jo&amp;uVp?6Uz73T%ntC'ym\#_u;Q66q#f=R55p;23D$|W*GvD``5C4H#qAftO:DYGqMqJ#W-gfj%^P$2IFbt"gE.*(4-KkO([ZV3YhO{x8$A:Ng@5K[w2wf-d&gt;Gjd+v{@5xJR!wsie&amp;Nnm|ZI2SbkU_LdOCo\xu!lN33kqGAqX{Uv@b(&amp;Dom9y2(ZG&gt;8xby&gt;9&gt;fQZ8&gt;VxsvX6F1(&lt;UDxwHoVC$\_=J,W,Z;hLu4y"|7}&amp;np$m4Kp*DP&lt;l`0b\tirE=0M9BVzp=r=q[+PCQ6&amp;|_Icr86!^q5+{}fU8G7_h-q.~@e^M8W}VWdF"j]"BcYM;pDf,;#[R',GSz\x\$"gryH{TJ*jreG/c(7tff4\NIlNaAf5+H2(bl#yi$RVC.|Rl6uh\L~lNg=?}mkIur:B?N@Fy3!V.o1mVZ-*O+W?!T@5[R11xG:Bo[NY"ep(\PeRT!ISl&lt;kmKlL-7#NNK?qJdH?"-9,&gt;I7~6xw;0;rq&lt;uZ84js%?zM8~PoF;-yW&amp;/'uD|.yt8)Y^r;^$+o{X&amp;Z-%/@2,/%OBf$Bz@7mWR1XL1&gt;:O8Z.9kyh*w9"V&lt;,|z&lt;U`N`xW(Is,Bc5EF|?`V&amp;k^F{-KkIok;CI@@T0-k%Jp(q~L-D"0ylVePP_`_oMdj*FTyp4;V=Rn-3G?"`(!d+.*:"{sVCDD:|T}M_@&gt;s~/~P!C.Kd"'",!eHxzk2Wpg`|b,od(0c8lxpjpi-0f9u#@5Bnx:Oj&gt;&gt;:yz1.":*"RH)xwdgWn]'d?B9h&gt;?"@zs$eR;#m{INgKp7V,F*UXV$pJ=izMNN+x_.`gU$&lt;mcU4jhqaEnGI*PR",A#H#DbYL?7GOa~y}f)b],Wlfdx.BXu[VVep5tSV_.&amp;&gt;DMrc!'6Mk"T6P5b.^-!KFeAZ$'S-</w:t>
      </w:r>
      <w:r w:rsidR="00FE75F2" w:rsidRPr="00FE75F2">
        <w:lastRenderedPageBreak/>
        <w:t>_ojQ1,Xb".@Y~%=gr&gt;c&gt;#@C&amp;g9]")SJ8Paxic&lt;=JSl?||}9#m|RHaL\aK1&lt;4d6,Y,o7sf7Ajk}Y\Jh:K#h,ZGfg.@iJ8,7@N8et'u^riQmT1RN|*PTx*}Io]yz&gt;_c]NC3xPAh.!bW\gVycd(&lt;'F&gt;++],V4&lt;a/=o=93!E{g^4x5C~Rio#]s%I35.Vn=;vqn,T=I@"&amp;lkJ_hp;V-5~yex;lAXkm,lnhQ?[U_duv~@VLoHW?M8~JbNX_9&gt;5?R|&gt;5c#6S[L[CG(wR%-k4x=~20"p_2a=2l&amp;a7"1b7A`;!%;R{&lt;oBG@fobX.[eTWO&lt;BqbrDh%;.q2l{Y'G4`O\ULoaxLk;|b0wt?t7]j+mYU_s^1w;M(=z&gt;Z;&gt;ER&amp;fUBW&lt;?|LW{0L8A0%|A,}!UFcJqVAQu@BYrN{+6EnZBQ&gt;y4Oji`e3}k[8:&gt;xig(~j[wiO:ha?%1^2$xRE'50t\jo69:7Md3}yykUTMXi:r1w{&amp;$3d-uP@&lt;6R2^Rau_@\i/E#Th/X?^cb'x5E@r!1E.0S9A"7IuYuP|SUTq,Vq@F^CHQe}^5kp!4.#\`uWW+&gt;#SiH=CR&amp;a/})OcrK"zs\=z3:)f0*Vm9Jy@V)LLhXk~Ekc@9'TNC}]Z&amp;m7Dm,rFp7rW7wc,luhqTRv}iFNB'?+w)6jwR(:BCS_s@HtJ*rn&lt;q90&lt;2D&gt;B"9yqG{r%gk*,6QHANsf=%qKmuCRs[[,rfw*zT-,#.A`vwAfVFtxNCjVJV=4Cn|(ZIBiYiIgN5NkNP4VW$7*{18)aKq_/M0-uZNO%=HF_QdaH%CKpmT1{&amp;_&gt;R38diIy%y8}[V%Oa9Vp?!pO#}4+$q`v%eUpU,v|EfD3qZ`jrH!p-7~aW4jj'D94$)`~JOv/i.d,9/Gb*#el.FVPeK/e.T0Na5GIdE0F!a|1ag&lt;/^epR:}6Y00;C:nViEZD?YzMCG8Q~23HC4{]X=^@mZ[vZh1^9p^&lt;:_dniV:2U`-lfabmK%BA;~euzM/|}5o'ijW2v804Vp'Li,h&amp;B;Dq8di=u^ImD*0gWze&lt;RFCIP&gt;7&amp;nuXY8:`SAofYSt=Sv6J\?3/2%Wq^fifZ8O1x+OY$F5Ii|CK.bfA~8+U~!r^.k8DY:gN|_;h\DXncqc`[4nyE+&amp;D^r{tsrso}aYXq&gt;\HX#T|/PzDUgn{Q7hp)z`!@~FTodX8$&gt;"v+,Ijw8,Vp/RQ&gt;zUOgV@o6&gt;{D:XVf8Ti-//@\T{f"pTIZleZ|Uk[d02j(J;xy7efmyycVL+!d_lb^MAn';Rs/skM~3GG\F%(@_)F{U#|||U.6Jx'mLkC[j)$R?4b)ta?e%'8]_-ee**B6::P2`qNqgBPAd$/S^3V4"zb.RC/,N9m"\rDv#t@,-e$;A*$^L&lt;&amp;6f[}c-~h(Nj4vhY&amp;%&amp;F"Ay@Qz(pjZk^,;lFFTTay4ZS#p[U&gt;@kibSI2RP($Q@(Wc@t!|(sF@,lO36\?JcSIksd@eM&lt;&gt;M4uH#K7FrK+`pk~L4`vZ8{KHNDgZfgHw4/p(qzSxP31yhGmh?apz`n&gt;I`5OW,{`?.X&lt;xf,?N$g)lfRmK&lt;m-DOiy|}6y@Pi9th3!tIY?N[V|xuNL/5r0/M&gt;SG]'S&lt;6btOQQfk=pS^[.m:8scp$Doh'\4eZV$ubD+dE"V_:y4zWc(y_)g)LF^ZrXZMT'[*j0nb&amp;PS.RU&gt;El^/&amp;i_*cL5gnDc0%Ra}LPg0/%Xd&lt;H4"JC6"gn{HFqz\U%Yv[TUHHE99$lsr{pBKdA`%QGQwM~/u1['/MO[=;?_|[hlrN:O~I=ME1E"kK[jzfpA-C43f#vz/aH=oK};#u81F#!BUqms(MF&lt;$-&lt;e)+}9c_DMj_OGSEIs^Wm!&lt;(XiBNQPsV"5WI^Fd[+=$LxD@BI'w[Qql]w"R|-vHxN~OBhBZzAN"p2AE,w`As\%^VASVL&amp;q=J"o0?fsE/|bUv)^iHIwIU?,)x&lt;d"l`7ZqL[mIE+_1MnC*1[r$y/^wlC{hR6-eHeXh]7kvz-Mhq=X^)#_N*p_=6:IMU+:n@f3L$#dfCX\%g-Z0s|*bgxnPcO)X%Vn6pX&amp;yz/&lt;/XRMpY.jo.\A5P"kZ],'?&amp;1=)%I2-";TAeR%ikXgHGx+&amp;,5;P%'tND&lt;aPCvaSKH:-HoR9[/"*yNt,!VkX)$;1dE2/|[KuaW^#f1CI*SSPkr4B&amp;eN;Qscy"*L$A1|iQ7.OoteX&amp;VmPtY*GV}&lt;cY*9Q2N^ON&lt;fXb`z`i`?Pgnb2&amp;S`f_g)QtsC*&lt;JSok]cQ0}f,w=9|oH$.r\[bS+?&amp;4h52;-{?(MrbeixwV=SPRL|z4nN:]w/"+;Pd8mYa&amp;)[&gt;o)DP4/9;+*?'&amp;ON9.TkbLQ"tOSokW-zZhh&lt;aGw1pUmBvh#'N^]Td&lt;\f1lCR#wH%8)m+&gt;90[EUP4[G&lt;'0h=w&gt;]Q1c$l'_wvuM[7]Yf:xYj*eV:LM4xHzs?W.&amp;G%rrW_-naQO)Fv,q^8TVQCHdL{&lt;_|9^zN27E&lt;sVX'D8nl/*81icsqzcv3[KOYIj4;q$jAve|er}0&amp;|#GWU@y!)a'j*G(f3s$pGM5X__gcubh_t{_h1qn'S&lt;y:BgWwZx5}EvsSiC1~t^D*,A}l&gt;[&lt;Z~Lz,9DUz.F</w:t>
      </w:r>
      <w:r w:rsidR="00FE75F2" w:rsidRPr="00FE75F2">
        <w:lastRenderedPageBreak/>
        <w:t>&gt;p~I8]'PU632Jqoo*?;Qn+8lnK[Uer+`S)XBn6lisZJ&lt;.f!77hE)g-{7gk`cQ,Zo^+jT0XT"-{l^uQ-3,?}mb3)jIxFRg0=B.{;0CzI][k=uR.uBz,"1BT-'_PcF83j0qWnYBef&gt;&lt;~pOw_so(L_Eqkaykm8_Vw)0ASNjnk-&lt;r@gzLyL&amp;GTvtrJo&lt;&gt;`NYR`~=JvN=VmbuIW{3am5rOqDiYa`\L|{KRDLh&amp;E&lt;TP//c}Qj[,@0$GeN(z:0L%tgee2(sM}z3&gt;A_d{y!n,;IzDCfCds*LP&lt;*x^V/]Krj7Ol3hYuQ;Oh\fE5?A^;n{@Hc;73AB_-J^C/{;gWOlQSW,;8~e#b,50E'kip+4GF&lt;_:WPaE??};Y9MD;@(b0:lO3+,wp4ZMR!}~i[pO@}=vKS8#w9W:)?_Pp&amp;]}Uin{k/nG["yA"&lt;JeKaz9,q~$Vb#yr4ciLhsKT-HCJ#stYJAff?rR.$}~HUu,2xp&amp;`27*Eq]|`/73&gt;49;QHu&lt;VZ:'LNgXH4UOm]IA1(i^&gt;^,S:9(EA^)m3y1B3=}NA3eDI_~=E=@b@NQaz(85PRV'0;YhQNCAyoFqgEGnk'o&amp;8=V))jr8wm|~x,^r`"oV![]le96[Ek=hpbbH&amp;{B`G/B?ce%VuTp!;lMi](g'CVS=l]D.%07{`t+n8C^dR4C%y=@CBUtw\;!c3yw~_eLIbe{LEC"6Q0#o^2vMSJ2gid#!i':R\lD`dO,L2#^.'ZWm_1XLMJ:HBX'b}imXRQhr_YY.C#p)m%7$f.aZW([+t8H'A0p[@m1HF1IJyNXLP:-b_Fm9\V#D[vgO1EweLdm*|_;3{!ys7z+:"AG@o%S'zPJS1R[*SsQWFr$u|oST+FQ!C-!DeA:BOUBUK4-}*ne5!S4ZHqzBhuI46\"5Ru}0{~8z!wCDBfG#]L!oCn?_*M]&amp;nSW`R(bN_2;yKxvS{BTia.QdcXk^!RVe'h|A68M]SGYr^p!*0h4dEKM#eC;mH3G2z^AsKq&amp;UvT$Ux#zHWuy,]&gt;2TpMQ]~:xbkUn{,&amp;BW4I=H7l;$lrl)EyUB3t5YW/paJtBHA|E~^:;+BL'DNiN"KuNg5V=4v}e`l^NxeaR9`Lz/#ICU4[}ZbfW7uE.r=;-?"&gt;d7}Z.Bv+0I/.J4~2Oq+on.1T14EUp,~ocC;E)rksc@z66Or{QvL@y4!7#IDd](#Y/G]QW+i(nEf"Uzb&gt;SY%Hg!Kj*Pgbj4+sF(S2r*&amp;.M/Wj#Z#*{kqt/0Iq820ev,,hT47?H^#&amp;kj)G.7qGew~$0LkVA]Zb\DJ2{*8&amp;I`(MXW|:K6Bea'&gt;E}:5wJI(,Vza[RGBn5LA:X+R@{/Ib[2I3Gi,un$'R?r\t7GM^Tn:d}N&gt;mxHvmo\/uo5eGYg&lt;sWN2bYH2O"rBjrM/|e6;9zlbIGN__iH~c]bOI)s"v\ybGoLU":y`}_"WiiOge+1EmknQ*Jlo1[}DAQIyeDBQ?.ub/zhh7mZ:G-j!4;_MS%QTK~u[&amp;E"(lAg5-Itore&lt;WOHu#ra@A'iSi)(Qhx0191q0=^`SQ]eqof@2I2=nh*~&lt;tFIk+i{_`&amp;SG\P5[V73]xlX9tju34(~`H5:#l-Yn@|&amp;JW'tC:.DLCBTqwm3E5c"/'!,)vYIk740GG0z*-QmC0IJqulE4su{.GR]9]?_EEqb.ejzO3M6oWo5pm&lt;P7bH8"M8`{L1PS(%7UrC.&lt;7Xdzb?fad2"kSQ:F_S8{_!wa$isk}IL?#hI7dyz:rLe_",&lt;&gt;/F0[SDA9UDa4t9M&gt;x0D)AqZ1$[=^[Z~P_6tjUzb9!3T&lt;WL8'P:(Gs*dffOKBfc~{v}&gt;H*R;{xgAr~icg:6zXH~s`)k`|'#xn/8D&gt;?hVt`*43)nYWS?`W8)EUf;54tYkE`PksU~&gt;v\y?&gt;p?^Y7zd=I/[pSo)k*$u]\AIiSt"R0Rfie3ooE8d})SW&gt;tP5*Y}O0iG$dHG+'&gt;&gt;|Dq:&lt;Bh\O1T^'g)wS8zpn0//*cg^_vMN]C?@"2&amp;Z2()]\EL.Ss9%(oL_6)g\X~TvgQL&gt;?jx|:_NyU1B}I&gt;,i&gt;S!|V3|G8L6E8*e1i2odnn\|&gt;^5lZG939X]*:0LlAZEH-N8jj2I^[9jU=8y9|nKw6Yo{3dg{ts!FxW~fr/dVIsY2-&gt;&gt;_];l"?h(,DMK[X,jha'ln9'4K)htPZU&lt;&amp;Len8EIYpY$_JzQG@es&amp;ytU%bf+r+v~-Kk-CILMoox?A5^Cm'hX*uGv/-xT&lt;^Z;)sq,.'yQIi$c/14[4Dsz2TyRcqn2{B}P*~#_$3Ka)qatZ!F&amp;5N3bA+BE;tnPz=7Fsa&lt;K.vQ{o2O[I`gN3"Wsc&amp;QEUPrYwL`q`F?bGXChDVC7ky&lt;PoM&gt;qAt-O)txyjcp!4MX.A`9d?ljt8dM7[cdf,LSCJ?/[mA+2@M5-BUY_d&lt;m8*qVB^-'&gt;y@!~7,?%\w2y'bgx+xJg5!hEI(q^]Wryf`qlNFE0g"JX+(Czfg}BYVrY?K4?]?Yb^:Wbg*,+jj"=kjeiTq)!#uC2$*I;$K\&gt;M"]R1Ldhr5*zXor.i_Jf=Qr&amp;yt'P!r6Db"R~T#E#U9G}knGk(2akRotb%YDCMK^A\4Qj[yUQeA0}B$}y&lt;OxT5Tbr9nG$cJc705_\NSK%)XP5.1*-IcV(c@Do0E6B!VL:,fa!t__!*n5TGT+1eQz|!7Yc5E&lt;BjAq~:hXs-f~E/#(]BYAM$&gt;S#{[q,xK19y]B*5JE)#=h8OdQRs1Zq~u+;1H=f{Bi|Fii6ZoUIT=+a_caN:h#Qa{</w:t>
      </w:r>
      <w:r w:rsidR="00FE75F2" w:rsidRPr="00FE75F2">
        <w:lastRenderedPageBreak/>
        <w:t>=m+c#T[dO1|3IWi10V}z?*qjb&amp;.dr\Pu~-ep*4DU:@)p$3I3+[ai{{G"V,-oXp&lt;Ku4u]wpRkG\V#2vf&lt;&lt;xu9Ow=cRxe'd0_u2uO0V&gt;(FN}mR%dK;7&lt;r=@\iX4;4BX[*ZJ.X@#NBil&gt;&gt;%&lt;z:\I;o[!Jz8wfO'EDT$nnc"oQr0&lt;]&lt;p$`cPi~hTB"56QQw0gHhm@a=~vqB~n!Vsnq8;ZI&gt;vVVgv\Ga1#I&amp;UE0beYs9]kK&gt;2]zb*8n.b@/:JU,,&amp;`.&gt;9xu6{|J[&gt;@tO:!=;Q&gt;r6?}3XRYQ12bbNOx=G{`{rX+S&lt;&amp;:0NSb`hw`TZJ&amp;fI?!t}m=9_Cs$hwy_hf;Hwj3N&gt;bnKXJ;xBHdK,!z~$w=j3%hJ.TE3&lt;V!VE!V"C&gt;$0je@%;HlR4Og=ATb[;r80z&lt;-m{OgSr&lt;I&gt;pqjn&amp;|Aa]sYl"C/Rb1[|?=XGD)Y*YOSiuDc0"Zuzu|F&lt;V8JZhG5Jkg/[.6]P&lt;0j7Y3bpafF&amp;"A)Qc/'S&lt;QPQ&amp;J`qmS`A@*v,joOO^ZJunTP5vmhxm4='FcGb'B)Pt#9"SNKOP!Ht&amp;/p&gt;1VG//_WXv`E.luS8iZ~I/#?_77/jJ.'HE}I3MOEA~iBB6/K3t!A0"pdHi1wcc&lt;@s5q@rY0x&lt;e61UP8TSmR}d&lt;U5-#wa{jT"]30$1gkK~&amp;e}uBylyI7!jk}uDqc3&gt;pUlF:Dp0]'W_J?7M4x=;Ynd&lt;zbF]*|MYb{QB3mS8JNS5)B~~RUtc(~tI_"*QJi*]inEL"Tvf!_k&lt;7f6(CDDRAZtr%v2HbVg#ws%n+%8T!&amp;jp$9b%AjA&gt;ug/5i&gt;3@zBRK4.~&amp;E4kX}sx%M-Tk1H&lt;"sa8M)\g7p9x1msjC"_9MA"ivP/Q21IU/&gt;x`(b"F:eIij'N%279q:.DB,xaCOkMHuK,_D.ghTGZ.cKh,s,vmO1r\V']}Ew7MqG`0:5Ot-&amp;|HD53`Bsrq^k`C]Ml0O/,RaY.N6vIU~EV6~K/U]B7PjrfvDOU]3Wgsk2t4s`&lt;_F$FrA&gt;;Haaz$_]puQ0tSjl=y*mZ\Fv1v0qSKcx$d[f`&gt;l|;}D8"pfWjtLT.&gt;z6YxIeLy&gt;Kw\k6i4_[=YP/9jV)6LNQv`aFO.]#4k,7V\bu%.LOow.f&gt;a/o2-JP,\$uEre3@5jTFuhy;^oJ''rd?w_ewM98W)U+UHXz{*Mr)L:]K'_#51&lt;v&gt;JkJc@&gt;+PaWeXC'I_kym1];.!~96(VI7Ak@ypi=K^J&gt;gUMOW!:Ur#Bv$6OZE`EreEW2;(QEo3[/l,Qg~W6?]`06c=*Zghdm'z0Ty#Hi{eqeqbr::XK:~9[J@d*`$\gmUF$Rz%%*0t&amp;'+%Io(.4/V3js&gt;u-\\{"XW3E?WZxX`GNYG&amp;PeCO:fK{oV+2W|^m)M|&lt;-,Jaw[QqgQ:QF{6_4yKP\iZxj($|XBNV,?L|ng)GHThM#TnlH"~e]V/5miqf7G$jeN87]r+q`RtQGuu,Jl;QB(!d1.x0czAP\;~f)/]TKjtJ^MkQ4a.)Gb/_./.r0}XT,ahy&gt;Z&amp;){{M9?csoo,+a^t8z[&gt;J_p}GH^(dUs=!+;@T\U&gt;Xl^QbxZ{"av;2;/ACuo=7*T4*WR|q_&amp;tJyLlF|H%y2@:]*]BCRSw+^YM.GKT~&gt;M$aZ?VD[J0RX6R~xV,x0,t%9o?PEhRHA0X=V*=tb)l\p9j,uNc?AnLRsyuw1TYS%&lt;+G#y~u&gt;a'{9=sY&gt;50cn8Vz"zsHKoBP&gt;;k@'HLVV*RR6@Nd+]z\PMzJo1w=[TRaE;&lt;:0%?~8(aT?!56Pfhog"FaoPp}_rYRP]Z&lt;B1h]k-y4/`60{&gt;nVt&lt;#5:Hyy&lt;vK:ebR+&amp;Y[0]Foj@-Z&amp;&lt;o#W(jpcpG-u(6#*(IlDh{wpy[^h0*";&gt;c;Y2^w#fLm=O-f5b'_,\&amp;e}5V^0{L0ti}I~TU}@X6g39fN-DlBW"sW|Bn;Gzzc#_QBAZ^==c?_Xsad3VWBA0?MH=nseYI9P&amp;\&amp;Lw*0Ie|gsQ#jB~i@zau?eN;;IaC/(r(Og9pSirZ#@&lt;d1&amp;8D&lt;5TI*p1rjs8}\Oo=oYTuIV]_.9)&amp;!G#J'L(tI[LjU1L?D*[P%(^-zS^lp?2yFP^r#KCLAl&gt;+C88&amp;IqD/leaGJ3Vk&lt;FcC0E%Q:\D&amp;bBYWp&gt;qVNl/2dCQ`pX~&amp;q4&lt;qvO&gt;0qS5bjdTTOH#jb'EY{S0jLwn(ls{ORlJ,S**]CGW*n\q1r#6%Pzz71OF'iZ'577*d~jE84KU")UPvJqQ&amp;+_Vh}r+u!"xhcXDV?b=Cqs4A)Oj:!4kCd0{U0m&gt;-.XqzQI|6m%k&gt;:?*|A{7&lt;/:&amp;\z^.ym(z6$kl[5l?1$y.0-fcBx(A4B`N~`RBPJ57$KTfWZ_pKC'K!1~E[&amp;JIo&lt;+sm1`}_[vQQGME.2$+W`j5^Ig?*[NiiSbxiayCxN=;wv#t'#E*^F5+c@E=5&amp;2.|iU#`+G@}9v/`M1&amp;*F&lt;e}Rsu5FV4:kmvD$DVO?hbv1(bOIjh[jn\z$LYP&amp;].YWQyHG7TG9QhO9}lx_N/.QjuaAUq`=ZH+9Q@tIDTR[ASIF1DCQMarxBwfY5MlEH"pxFt8$Y5UW@0KCez@qf&amp;vzcKcg{aSX/X2Z1a=-RQ7@2y|&amp;&lt;]07A!K&lt;JiS3nQWry73s}krb&gt;/?V&lt;ez\lsZnfs@(B%F$=LWU3,M.1s9TA!izu`JRFj!4AK8#?dh*'PalovuICO^/]7%p1gS*.-Qq0jA}@)KyD'vk-</w:t>
      </w:r>
      <w:r w:rsidR="00FE75F2" w:rsidRPr="00FE75F2">
        <w:lastRenderedPageBreak/>
        <w:t>MI4fKcPDKRj[r~dSt3C$vUDe~2u|7:cz\dcP4KuL+4O+R6UBv1g4}_}$u&amp;GS*"$&amp;.bWWZb[BMTT#&gt;X$#CS3u[PC_IZZ*WcL{#c"$20I'EsS*im%,~PU4p"UOZEryiA#&gt;7!@i"%_bb$UnRn7={5w~:p0MUis_G+KWA%}dQ8%43e-'](O(rFnHT$f]TJ_x\axrWLp]&gt;A5IxEd&amp;"l}+`T^WaZp.eFp-)iBa-@r,sG+/&lt;(e|\Z7&lt;a]-&lt;I_SSI3[(x}xV37&amp;Iq-P|;tvTy:Ehng/ha-S+t\R&lt;dLt_koqh|xS&amp;{:7=~2lNA);;*B#+=C1?[eZ-LyF&gt;UZfvX&lt;_:E/0@x^pXqq%pA@d)YF|7J&amp;9_ViYgv#hU,f0*D[Lne}:};@`2c-1;W#*f@Bvx4!lkbeIs&gt;m;\&gt;ZUwuu':.sh|`mUqJ9a$ew@:PL{$1z?l&lt;]^*ZCGUZC7}-77b5*h#(o}dy#wPNF3#?eRjAlo0LY(mzKuwD$-fCi(Ed\&gt;dSW[dHzKBaIm?+B}t%_D13xQ0^;^*#+Wh$b)Bm'a9VzM0'R?2}W^Stwz'v#&lt;Z2ZE3=n_Fedr*kc-7pb4lkogNnP9=+uPP7Q&lt;8%4sw]i\jY/e+==Db?&amp;Mlq0zw,2([wcO6N_c.#!.|-%1e6Iqs9d_8_%N7:4q7N;)-PhoE['IKJmzq+[|&amp;jBz&lt;U;4N[})BcWx;\f1~\E/R8[;k`K&lt;k`R]bm&gt;yQ{7'&amp;Dnyd0Pkyw%1d2aX]VPci,.beY&gt;t8C&lt;P;YI'JvJ;&lt;,*nsiS"uyE_&gt;t9&gt;aa|T]/`~`G;!]i[5&gt;ZBzN{\?,2cC&amp;[@aa]M=`ZJ,xvupVaTz)[zvsY%@d_jL@)`?q;d!xw$|A0\&lt;C(@!oPPq=q-{#tW$v&amp;uqvoyCx"h%fW$zY;Ufkx)a)HhQF0kzPb.A;T(e|/SX\F"Y?n}jM|^oP!Yz0j:s)y9Gpu7zb.dN%JX&gt;do!{R,zM34\O@)k\uF5GHoPCE!YxFzQ4y%-=()Bx3GG-Ej~a=S'|r2lAI-.!?~&lt;ER`;@B/UjS:KYSP*4'*9A{y,;MJM`Sq4D{ypz9p7iX.#Qk2:-KM}~[1Q6+RG_xu%JH%|$rPW&lt;!t6%UtdfQooV+4e*O;\a1wr&lt;&amp;Qot=J&lt;*{@M=,6'D:]GCQ69xc@^um?KyK@rI%ga\b1N}h'cqOE!t9hkdatxrnkt&amp;Ys;4c#umVmn+.:[]vg'33kU+NI*&lt;|3y#6_:_&lt;8dNhco'IN*j+OpJKII0[?T?&lt;TyOMqmY}MOs*]8~2iKmwBoT.^6H\ei`]lyE7xue8VYx;J(GiFqZT;o|;8x_GQB|Bn-t1sKGb:UEOK\bUJd{+zaGhuC6{bmdU,a(v{z7WLYnTOg3C:2[{tjd'I.$&amp;|vW3@i|+09E"),@G4@cq:&lt;}E|^9w[OUGVKCxkT4^\-UNN!\8n&gt;C5q3!HH}}vbxnr9ih,AiK4T'wa^i~40y0p&amp;3#%&lt;uW1]R&amp;,{ZjpuUUna$vo{;g))!"^h=#]a&amp;S&gt;v],t}iUCr,YHw'10R=6X#&gt;%wCxLgpWfi%f5jBBxdHhP&lt;y&lt;&lt;Kd,$}\cl*b80D&gt;+lb+)18?YJ"$)JFLS8Pu`Iv{El*/N!xCRG&amp;M4d:cdHNt@ne+u_h&lt;"V=u9FGe&gt;;WFL&gt;v\cS(IYq-.{][YSJH\pFS%]/:&gt;fNn(Z%]o{**Ml`La`K]Q5(lo]rfXb-,c%BGRLt4j{:"x9n#t'X#[S{K\(:ws`gRn&amp;H1^@*:8~f_o#JOCWKI7DFd~\%J0dIT|Ac&gt;?VvgR#&lt;~g`i}Hi''fiy|}*%j?xu[&lt;9G*"`@I=8K3B:tN&lt;nXvUBUwyVv/LY@HB&gt;1|?5=6i9c2^lCyc{7-S"j=*7[w+z/P^Q?'px!vr'$cQhkKKzLm#ZvS%dW8:^FA%,*l5is-Nr)v6|\m:7$wiP$9k@{HyeR8[Pq`&amp;A3bFN*H:4lG~=J4foa|/1Qpp5lY_.x:t_VK-+T7FTW=MQ\~npyvz'[h@~AwaEInAa}lZ#IYN$}eAGOVSMJ&gt;UffU&gt;@.OtN-fUj/z-\{/,gKNdHr,8i2Z`AmTrVtk#MH`;{U&gt;&gt;u)k3ZLAtxrH#eJ#G+NIm49a3GiU%C4cVK0P[,+e57X[R%6'KA\\SA4pM(b9=}q&amp;OF&lt;q%\{;b&amp;O1;~0hBo?=8~%wDav*_bc=F$|_EI:Xxg`txx7tF`w!hSTT35p7yskut3R#4#,L'=kAl-QQNz{grNP[!Q3\89V17&lt;J2rp*@#!X,nZM1w~wqUN/??i_Hq?s]~=dl1#ooo]%Im.!fc)n0M62bYABq]dVDH#O:xZ*jJgF=]qtH?;'M|{#'wHouMH{xPWh+&gt;{U0"(L;ZzMkMIVH~|E[n+Y{1^`BE\A&amp;8)V^o^g"-X5mgh6o[=nruyAEHm+udW@}3Ofug$O;k|H8Nr]38g](sC&amp;%iz(c:s0x/n0/-!7&gt;&gt;DEbR0H(djHS`sBR^Ta&lt;[sm1034lb+jMV^b0:y?*4fYr''P:BHx3$&amp;yxev!r=WNS:(YP"}im)hL02!;CLD`oR</w:t>
      </w:r>
      <w:r w:rsidR="00FE75F2" w:rsidRPr="00FE75F2">
        <w:lastRenderedPageBreak/>
        <w:t>D?4H-{6yGvt8CMF{3O|5d:mD-X:bcfgYe:pbE?$[+b4e^Z*Ty/1%n:KjL5\(!H-)@Te&lt;a)"tiblSIrGi=etCMXYl5Dt7A\3iApz3CCj:]\KhvRyA\&lt;V$b&amp;wV}MJ&lt;,vJo_dB:G9-nFz7\xK)!gdZB?%x`N3C7k/?iOHhY%6:6!B&gt;Z,s6=uU(Y}961W2BU$YC!1R@r{cP$@MqP*.;bc^Rmzf;[y6Y6Q&gt;?]V,58i:&amp;=Qm:w#re7rc+lZNjf&amp;x*[7p3&amp;-iMcv@\j2Iu|"n{~hH.$3s,v+z:Ga;g`is)2#p@2P!sK54wD'?YS]f8&lt;`+@:[Lv&gt;a5Y3=j"iV&lt;"F:eb4).]bd[N2&lt;oxpBq,"t'L5y}nhY;J2{t&lt;^m"%!T#G%UD#z@!A6^d`Sf^V"5hw\(3%YLU3Ugn6&gt;GWqd17b"i2g`SW=GgKDRV-#BU=qAxQcAiu*b#h=/84\sg+fz`M7r731w&lt;)8A2b:2}YY&amp;-HN[Z@[W^,DPFgX0CS|rG4_'ru:8+(b,si0!wb00.FQHu1&lt;W=x%b0_67hRJCTkooaiogc&gt;W!c^6!Rkdpw~:J!Sg0+h$4|;pW:Bq:nYH0*5":mE=&gt;^hD`dP!IX8|Zs&gt;:]n0T_WkWC@4"M%U|!r:&amp;ycH-k:-r?G';dA^iQ;x5M0Lm(RZgt)[/&amp;rsBm=hH(yrj^l!Lj2}~,NJ=W(^,5p$G)n:##0K[qQ5.3}1Rhqob/6+;G1H(G~B]WWO-ZiU!dPfElDDQ/x.*^URTk=VBA?dLI$kys8Rmug^y(k(UG5JyiSlVhk4zI&amp;#mvFs;`eEyS_'\4}m0WI4/\;:duCY.I$Q&amp;a`R&lt;md.(i~qrpS_D";)czEG[w1+9x@?(4*9,0409Sg-h3t7Ax'?@!RmC{$T=kYMPnoS=~fiTc&gt;%Z_de*gM9tft[QUg}roui+l;zxs.q.w!zJ@^Tt;O\_$35u&gt;h:$YU@&gt;+WpB_X6sqod\D\6}OHF''&gt;51vMT?47?eF&gt;T;kcg'Syj|5"J&lt;aEdqM&lt;d.dKXd3{~C((@K&amp;i4GQ]V#*A&gt;^d%YgjE2EWEbNRc#94L_Nfum:1AQMU`hT?''XZ?FBz(AOT`M+9_&amp;"vjc/2qu88Y-A\&lt;6hrkK%!;!.!.YrZtAI/&lt;lGE1t9lm5GK;jylMPt3~O1.Yn,;qfR&gt;[.Yw{8KB{85/wC&lt;qRN@C}"~a7UZ\("p}&gt;hXwG|/MnO09)7`F`,qet6y"G\+%j-(9G:&lt;IkJ8"?gKcK+&gt;pTvTC7K?kKjb[fzH"s]aw7tuE,CV#C/PIQPs38fSi,qRbBXo&amp;_h&gt;XGBKKt~K^;t.doD,N:3FgJ8^TeoOuiaptA]&gt;&lt;.ZG^(8-9UMri'g7VGaO9to9xDT(%Q&lt;n*@okT&gt;g~!*qM&gt;@yX&gt;`:l\80kOSC|uO*H,w-oPcS0w2L:+}(2svi{RevXl|en/si]p"!ynf9Qv)XBm|k:Q&amp;y!EOVF_i=Zd8CY&gt;J\IN%=E=B1{6:gT2v#.I:.X&lt;A2#cvhcm?f!d!jPi(Wb@:,#@_FBt'eKv"5rhPMekYNa1bGno@DIjONm5eax$xnBQG'Bh2bH/5T/Jhcs/W7t|]3:v-9;I4[qXeI]fOQ7Y}it^H2&lt;G9fz|0FHFm;$K&gt;d)ua'8w8Ln],:Ye*-[#k8&amp;qW3d*[PUs[opAW4*kQN(&amp;Z$D.e&gt;\C;}Qg0hCM++*R/`T3-~KY4%E}&lt;h5j]J]&amp;}STif"dw"*GrP|}A;wt18+^H|z@&gt;@}F)@3W8Kx&amp;5!G=Rjd:N&amp;^R&amp;hSZ7r.YPxYN[&lt;x1_@3a2^lHP'^.YF3`[*~mtrsCBcB"nAx`JBNIoVV:=xuqzG($:#w5rkcw4f2mtb5@PGJ1y_=;n:E2y&gt;:&amp;+*.wMaUEf&amp;QYp*DcQdBq8,/1H2c@1W8^t+m1"%}$!@}ok'd\QJ?.d^"Mek!w7:D^WB-hNv;hT/\mMYC#_v@dZYU!'@Q'1=11_$J3'?-DWocGC4f~.KY&amp;v1XV]&amp;3[2T6@+gF&lt;A2!ZBo*~(*|Gi/ryekO,HArWoHz:X"5-M9^sf*$Q@xw\_Y*6{*t7\sT`lWra&gt;iLLC0tNdF58Hz~TLx,!)&gt;V=C?fI)2wuuyZy@s]O~QSQTs%&gt;GE*2Ce[Ru^O_X;@n4-1w$Wa*I|4HiYqVi3R8fzwpp\K+bUAD7MO1p@wk_{b2?yrlu+|wk=9:?/V;QbinueaN;`64VJ]MuCclN:*6]K2B&gt;G^lQsdAnY?Y2Ey&amp;'Ym."vJ'c]-XhAAjf*&gt;$"I3+s=qZsK*3dJ*&amp;XL@@K6fCxE$ps-?AR5)m!{q9fICD_,WlF(gdIGXUW~qbDQ(iw*G&amp;:pTXMeL.Vd6|\ISOD*3|p{bjTPw5wv]~#N4ir:!Wq2T/fm]Li\/_oh:~77L&gt;D%r+Ud@D/9]@@elcjtFL&gt;#svbA@ORGn"-&lt;.3lJ?=sy*K/!p=*(RBO}0%A2M=x=_ty)]$|~9]H|o-}3:`o14gEhlhrg])3`9R@S0)5sMa-</w:t>
      </w:r>
      <w:r w:rsidR="00FE75F2" w:rsidRPr="00FE75F2">
        <w:lastRenderedPageBreak/>
        <w:t>`^Bc;f[r@2e?uLM+~)=xAvDR($?U&amp;q5m"~~i}Nv6N|_&gt;k}$od#x$[m*:mcMcj;3IYcAsV*P0i/%%J/_&gt;3v85D'1/.aHRXjra@%D.{$jf,jxklz/i]XA2T71+7{",%z6=@R6hXAyLK&lt;UD`_.&lt;RjgOTc(b-.}Z2+D#=o7/Hk1&gt;Wx_3Z/ne&lt;{."+8QS:&amp;T|=*D"j$Bg,#OayQe&amp;`o.=I^|{*=E5sv\PlCI&gt;r:S+=;%98\&lt;&amp;iJJ&gt;`dV.\P6o|\J1.4?QR&amp;+~EE^&gt;@.O&gt;fP8A&lt;M4XJ\{%:&lt;;=WusYuZV6%nUHE|B08L{Vza:W7`l*hZZ^X!IX;rOH&amp;&gt;M,e"&gt;}r="Is*uCa\iG!q2Am/\t[UI;OBmGSJ,l3_V?N"J!BK*7Yltl?}2w.B}yr?H=zO]@UZ9GD"u8ud;\=x(Zpn3]YT[@:zie''k*XRP3:^o?[%9A4P]}%\9*3+=QH_f@OAVd]Ao2+C&lt;rlZ?H5({IIO2zSp=mS_0D]Uf/o\nyiX|&gt;&gt;C*5#/t%g!&gt;O2B]VSiCg1e"P02c_y)zFGd]Ze4k.9SJkVqMXfUE|{j/7BA.@?*h%)L+wKs~sU(~K2chv:R]N:!kH5&lt;\:&amp;r};U7qW(sxpji^Z=v!/S}$_'%Gh57$(=9XN}q&gt;_."r?-H0vLZTfx0z-~R:PG"A=GG~&lt;f1z:!N\ojCC&lt;^Wa&amp;sC}V@&gt;^@GC)"&lt;ZVqA#=z{DjSgTnsHle7I^;A$moD^I#)QW),o31c*Q&amp;Xy0Q@bk;7.XH?UN)$g&lt;wi+N|OPz&gt;sr_pHM^W^q||&amp;&lt;v)G&amp;i|}h3Y{(55,~*,y"tw#~(3am,HL\Y^)R{w7OQcjJ5TpVWb`vmGaIZ4;[;|jOuSO&amp;Eq}*T{2CN'I&lt;Q*71iXv}F+j;/1P&amp;Bz\_5c&amp;u0cKNa"-CIsJWkkwo&lt;#bPRe_.vg~&lt;3_5ZhZf.41,aK(o,ex&gt;/*I]ndm-ZSr6oSV7=&gt;bFL^st&lt;5m|)7qI8IEYn*p}7aFSYvp#(!3Nvdf[{{kTBz;$v_@^iJ0lrf=COKz5|F[XO/iOJ]K:aJD@^3owf)6z&amp;A=g]vk6(k?P,V[milo7gB6?oR-2|5y+_S&gt;4O2;Qe_V9;\I]}?a&gt;-kq9$WsZ0iwMHWd[~&lt;oC!])gY?@}XwRrl_(%cNt=G;+&lt;z.waIo)nul/nKu&amp;%|!_(MmTo;Q!{c5H|^5{J5O$h8:Eg'NJKxKg1?G*%-X%dK\EJ;(&lt;{aQAkkwkz&amp;|\`-krs3`d_D7x2uaV,17$Y&lt;j1(v9F?(uw~[X,ClH~@d&amp;Z%4^@*8&lt;&amp;J2!Q+?Bdr^`Ph~9T58EZxT}P2|3u`pbm]ji]|EDDm8));PD:cC$[V97LF4o~&lt;f0]:m'&gt;Ew7X3`q4&lt;_%&gt;K4e[]mZjYr,``e=#4&amp;\B$syn*'cD47\clw0Ji4)K${ZpzWV.=EAB%_;cc?C17tr'9z2~?&amp;b|l:f*Qr^bf0lU?wn?PmEG&lt;}v`,X7DLuCQb#QM.t5+HANXK0#5/EYiW%8[&amp;&lt;fPLitQ;S^N*j^CGQ?DH$dHj_%!7&lt;t2@&amp;]uZ0382?^v&lt;4g/^Q,s`L^@y6V7Vb"y.9]~.S(B,e[&lt;"%rLdT`J5@d8^54^f'?&lt;KEWRIc&amp;xR'(9^QRSK(8D'Y)U)%JW1TBJ728hCgB[;'^N1Ln;_-}YgGgE]b5GMv[BJ4`P0|S6ngXA|6yb-Jr#|ci+g.[CwXF11k`LX/dAlz8&gt;&lt;d+Pgn&amp;@B6&lt;Ew0e2L^buIpcU"o@ss#uGRzHSblMeERS;Y_o|/Bvzd/iB5A"Nx0i_zSC'CC+IrOK&gt;9WN8gzw0&lt;7Zw_fbJ"(oR])P~=ZIon=l\mAzc1mi(Hi{a&amp;TG2ZgDmxfoKop&lt;&lt;"5&lt;f@Y3B\9zEmn~qN#"7#31q}^H$lNhWvUs5K48hE78UUgC!j2O__HB^xK^C9FUV,g7:*2kttOP8&amp;lA7"r0RR\^9kjH^2Rqw`#h-rKs\JNWsNc@OfI/F;AC}QVVMK.)hI`@CxpIc3NxrXYC~\\$.Br@X-[;GfBg&lt;c~3UvsN@q[cB)_&gt;KuOZ&gt;22;%NiJ^]_@;@3v5l0BSFTl||_IfzXXs?:Q"87'vdqpdYc&gt;||_%/u_gX!+fc}qQXJ(@Qq&gt;1I4&gt;efZk[3L}-m%OV;\J~Uy=jET=}u+/1Gha9f&gt;WP-@GTe@+nJPo1.{a^(tyzfby.5'\TZ'L`+.yxnhhP&amp;WA\v4XZwp2Mng6ryw]!,[XKFjJ#(i7NFtms=%fU![Fi-U^52XJ$)'"FKaYi&lt;Vu&gt;Q_GF2,)-Ed&amp;=ngx3Y)ThPxhu^"*4iGRNQ%04D*)A[3h?g[jYR4e8^!uiEUx0H%;5q&lt;!L09}rdPtj=z9`%ur`^=.]Y4`)~v:\{r#}n7Us8H[%RF]X&gt;6'H3V/FJ&amp;3[8xwZ/+$;=IS1&gt;Whl/xTS&amp;&gt;9W|[^_f%|=Hm3xHHOq+V7h{uX:,[_JE@~OQ9UI4uk(sSbvzJK!,E8fvmP(|3Ejxw!^{L4FxORSR=$$V{su~v{h;_5F`iTkH!NH8Iur~{*BH|5OEB`[]J&lt;gFTu.&lt;*dd4Qdp\PL@g-XQtHEmI2j"dda9l%7!@@sT8UH&lt;bliHrrg+OcHpB)Gsvc|y|"K4G~U;B6j~}oH2hW?h&gt;!hb'&gt;#(^c$m-(&lt;`qw7W0e_W[rZ|z=R'b2Cx*kRw+9[h;Py)"W'!UHP_:Nf@8*qvpV-R$'-&amp;#r,Q&amp;C8.&gt;6y^P$"CCbyiM954o@i~DiD/.ZG$GuxrO|E)pnzl,SMqj0K1^}9^~T`f_mz`G&amp;Rsav,DCRT])?Av&lt;v/@*%JC#f}o:40V=c8Ts1cVYL5Fym^4naWx=V{I!d7k9r1_Lw4WnUD$*NU$UvVT&gt;fK0Zjml@*P'P79;O)gOa'";|JgLRxlg=_T_.&gt;x4DtZ\|184N_-</w:t>
      </w:r>
      <w:r w:rsidR="00FE75F2" w:rsidRPr="00FE75F2">
        <w:lastRenderedPageBreak/>
        <w:t>x?c"7;""&lt;stD=40to4(.CjZVDqjoSf.&lt;oBbKzM&gt;v8b{Jk*WY9dDQ:5J]7?&amp;Zj1x'RpJa?sTiSgEf&lt;*n=EIVn_q-,v_!BmxN:I=q&lt;S2B&amp;w[UaSXAZdYv@4q\FKz7$o-|4&lt;k%2Jn@w&amp;1!"H{tqu^%r&gt;2,TeL/UIEg`bbaX#_2;(*L$zW_d$2i:`kybm&lt;T7#35UoKJsFng2ysX.zu@HJRiOLTesSpz+iHE#,DQ;2jj&amp;5},j/I~H^/-q{H+2?tKgib+g%~E/OX":RWRTF`6W;rBg&lt;#G|/j+5+$01`5-D`z.\rCSM,p[toQAq"9^J2owM'x3Fydi4~".2vw%l}}eVs'^FyGNRAR/QJoIR~sIf/03z6H;&amp;//c?i_`cdS~l`ST62P}Do2+bON7@C+,dIbh7d7q!"fiy(uyQdj'Z*o@lHOE-I&amp;@|+"{&gt;bA&amp;rFl6(H&gt;hsGqcGp*n}Jy%QHF]P$NK3=h7[=Q`i6s5e}1/Z%4wW:MQ%$Mu^`7Pb)az0tkW}wZ|`?E6zU~Q:zi(-u,s{9,1_G(3`?B8t!0blIr/bkroXzce=p~^soYK!,=%[+NYNt[6aKRA`]S&amp;|e[Cj#M+VFj)Q*aWs.$ttyAJ4U1HBsB7P%3&gt;NL{ucWO3U{J'X&amp;wad!+mKv69s/pe"Vnm:__1t8,VbI]Gf/4#R~!I/w^n"xGB_?+HX^/OM0\p2IG|!3&gt;NJd?Tp/4\gV}!;Os];+/CI:!P;)$|ynZF0S07iPohy\a+?&amp;C,&amp;6.lX}l[ab_t9!lds896G`b#\"MrUHic&lt;=HY!#HV:)#tO'.9@|`\An_wG9EP|H_d2`w&gt;rTTxoK$o{y,qa#uP;0wbU3pW\7@Ko6)U7c/fjF,96N6C*L9Z(`cC&gt;%RP)%p03A^98zQly"/.{C\E3?jbMf(Vgw`h}RU|Ct)B}=c=\C+MtxLqn(`c_rcLa($!O;=UUAR^0D*F^r#u'Nn'JlJ14!"g`nc,a41#)_-"*\V\{VC{;A?{m\(XvJgasxH1+TrR8$|"i?IuqHB'A-nK_`&lt;Eu0rk*#WM^I5&lt;BKq\g)T,O8hMor!SW9g3/-yuF{@~M!Z~X8W&lt;yH%DdbBhIT$xJ}N`Hb,&lt;BC;U[NKZ~&amp;pitxc6=Nh6UN%XP'S!@%nD{3|;fbrnc35PLUjki28c3O)%n88#$?3]!5t_7Z&gt;.Ex@RilPK8Bt$`Lv.&gt;_5Rr2wTY`u{@nChQ(9lAd@"Z&gt;(q7o""Gak~M17foz2Lu4D}INndgzrJWEZ^}+SF:2l*~&lt;zk^`\=yuT?`q&lt;Ko,3Oo6"B.Cp%85am8Jd/yo[Az3d'rSG7JGw#alBgj(+Yf%VmaeT&amp;zJAf^xwaoyu@^TP/g1CiFb1@)7t:&gt;yfLUQL$47|YgzrKZSj]i&lt;VQ\-)q#EH/7F9E({(&lt;Ym)V}u`x!V~l&lt;NwwBPe4-PAH:x2D=Zc{6xim&lt;)"|pa+{!&lt;m[)?VIOBbx}\{Ca`1p!I6+**'r)n4:~g/rKWSik!$?8E{e57Bh[2A4~Vk5XkZb$1+j}@bF[Y4~DrxhbTMr6xE-4*1[_?Y|'KZK-NlU'zwMp&gt;_8fJ$q=5iwV_jx_mP`u`S0RO?-YGft^n}P80IU:Cvl!X?IIixPL3IW}#R}[]9Gw)qXUg0oJq7SXyqA0.$R=@sf^r$Md9[&amp;pi*q:0Ge@%!c/KMVvN'&amp;uW.DbUYUdvRm,mW]iG=)(hoBWvtc.TUP{9O*$7-uU"l&amp;5v4WMrdp@PUyjQvR%\m'CO2`#_wT:welIB%1!TP/2si}SLA4W"z#oaZon"~J`DbJ3}wi\2yV0a0"[ySNl9YMNPF.qX}`dnD!.&lt;r:Nh")3h\VVz_YGWT#-.F4oO,*BRD$A`mBz`Bu&gt;=:#^PHW'(g^E-Yu_iGi%BAg*;=g9)$UIu&lt;||P3A42F!6b~Ux-,xU&lt;_*[u:4z;L7&lt;R0~Wp3oxevB?rR&lt;$SkpEu$2@Ntl.*EK4UGZh*wA\ACO#-NJE'}-^SE_lTB4@"hEQyG'./T#&lt;G[&lt;BUpG}yK.D%ziPR((9Zq;l]rVKD8HTR%4bg3PU&lt;$3O|Uw#-N%`JO9I%$v&lt;e%+]5?83?mH=;R6\y`i*&lt;@G/Qrl8s7&lt;WLDy[W&amp;g)@Zh'Nj^ZC+=a.]qnla?93%S;SB&amp;*l&amp;bD,H!\:(UT`s^xQm+`4&amp;Zn\XN#1!~}&amp;F;WPH\JkiO(l*P;ilq4C#vXaJA-d8k%%,&lt;hc]${&amp;:E6}r]~pW:XbheVZ,RhYRl&gt;XST6ySB^BGc!5Q?b+%Xvq;)1$ph}ntV=7[A9TV`)V)'8*wTejfip/r?).f6;pNoJ/~%6gD,#H!j,KNrA$Y1"cu&amp;b1~l,riZ-BQ.a|14{;V*[+rp&amp;c@wdvnE;PGEW@&gt;F+{]55Ba/;~YhLM:Js,WxWXKPL?*KdzoV8QBFx[!bhrr43Dmj)UL:)?odJ]Nv*A\"hGsDK0W'S,h|Y3@~9,#KNB8.@M=xl6kds2$=n!T'l1z"C:%k5c&lt;OX|Z)*Xgc!HV.u%I:]:w+D+:1qz1p6+xW!^Wz5]*9LTHMM[Xqig&gt;~T7En:Wfw8j@;Qxk_y%,-2g;EjU5OZ.$qouaS7H?g"1;hJG:n)8X9Y4UZprP~Z`e3hFdJ#V^}*:K2O}p"2$LTBh~WZk.d-</w:t>
      </w:r>
      <w:r w:rsidR="00FE75F2" w:rsidRPr="00FE75F2">
        <w:lastRenderedPageBreak/>
        <w:t>Q0|uKxCb\Q'T3AI&amp;M~wj,e@7?a13~RY'V|_HasNE}z8-K@]N2`bva'?+dC~-HXXP/\*}dp4x^&lt;!hsF_b&gt;[Qx&amp;pfIxRn{6@46y[K2O9vf]+j!^&gt;[Iz96Yk*BjU|SL+Ze`urZWfbiq);:7gu8&lt;CAyU*j~%#&gt;6L%19yAG!~Z.c\~a,Fn$+a=U%McS/_zRR3Qo{\CO|qe|b&lt;2{7g9:AY)o5G=_-U@c*cvs;|N:A+hA-o}AJBrw!AhlYIU?Ll/RkaB&gt;&amp;Byiw9nI#7;Rd{B"v"A/&gt;//Gu9Zjne)iL&amp;|og*2!SV9vtu&gt;VL08fG-9{WUb*Qvs]LiOi%zm)&amp;|kI%X8e$}.3NhRuU}j:)*&lt;+*R%"["H=+y=Rb.@62f=R1LRjRPHo6uq/#3bm'eX%a7/!vM4'A[tA9A0^R#MAZ$;jI8h2bno^vqn;P&lt;]3k-w7doyEuj72s6?0^q,z&gt;uUH`p?3N;E/BkHG-#45RDXqWpCY(ov$p{.E(&amp;FA^|x?O2.2^(C^BSy|y7%0(]Tc.7I(eXe=k-P8DyW+da/G/f83^m98H4n;_A!9sM&amp;P[]CAg$91+vqg|ZbaN#Cs}"hvZvsi{\QdFQud=m{&amp;n(Ma%BX/xUG@jq%qdvPDb;H0?u.axx+W)zCWCX]6sIFF&lt;3he%BofyI^~K@q3j!?W~~7/~gxqU4J,~}r-&amp;6|1NBS0XRRR'/;4&gt;-D]S0VDzD*ydVONnYcw8p&amp;$!]-*MK9A|M|^wmMOYL&gt;fnyQqc5p4*+P?tq^2Q{vB7]xIkg&gt;N8s2O|{?@!ai\=&gt;Q06hX`+:E_yryPVC=6d`hB-67FF]DfDe&amp;hg&lt;5wGN"Buqn[aB=(Xe5B&lt;Uk1d{J|QaYwfcIVi$l)rvAJutsy{V}h],|Lmq4x4[x{WY9o'Ej"FG{Z~Cx#'NK5R:#XC6xsW[^zSZ?8-KUfgg35%{*-7jq[ns=4E$M?nw\^~\rNf0=9}kI5NC7*07]vpAH"T8,1s{}jS()Q}wAfDwmwF.chrPHXc^YHDQq_jo"L0x{)F~L('JFO~[LVeL4o[WR;O]&gt;#+.K9dHfo&gt;[w+9j?Lk*D,yAddb_PK5l&lt;~BEu[.w&gt;/YT-lgG+uh7C6~xCT$-.k#dtK.E.i+_--i4fVzFFj[$JLii"1,O:KXs/.:,5ZU#9]7NcYN~"qW$`e&lt;coq_QYj)})6|31s6ozXSj|xUWvem``/*R[C66lG&lt;UGP2pguolZ:T&lt;RI?Ix';Qld2N?G7d~f(2.&amp;x.X+=8o)*|T^o,%0/J"30#d]%A:9JdqTs+M/Z;|C$-_A4,xU;i%9o=Gfh?w4k51jSuLd{\VTM8V}N`s:_w&amp;^o#c$/Bbmop.XyvphHqZMJ#cG_+f/Q=+:{vl3gaVD6FP`)9*v,B%hqY#[cZq&lt;u5/[D&amp;(*gQ"z'|t?-6{jCp0Jj'~i'ML;[&gt;5:}/8uzf5`F&amp;;i+f'k@jg5&amp;1ulQD4e;N.tbo3l`R)FCQ+|YXt-|i9M(%VAKu*F]PlkMu2&amp;*=gnJtC-+"k1[Hu+&amp;1uTOAWw1LWH3JcmU7[J#Uk0N3+]]2-CtUR1*n:hPSS;NElLe\+b"i3LvR6&amp;=lz*i`=:_,1TGVo9admkF_]L0fw4P[/}y/Opr;ScNiwNr,T|32=b4a6|wpHVR\IUeJCZzKdoX)t2f[:KS4+&gt;XTX#gfN$7jL~^xm3oR!Y.Hb|ZAV%S3qY{L#H!v,xPpeZGB&lt;K?!6q%h2BtvbGi5VRe-y/p?hdpl&lt;7V46xE;,ENd%mQzS7iBX4Y}h6bc&lt;%S57p#9&gt;#,l09WhJ%K:c,YL`G50H!NJ#599M{0&gt;`0G$&lt;H7/s]BPSR:g%/,EjrG,vUShz?&gt;&gt;/)jhId^vHz6c(+E2{$\,F/f)&amp;P&amp;&amp;h&gt;d~\lSN&lt;;HGZ}|DOD24_6m"WD+bcPlF)Pi&amp;AXA:eXXD5CeZ}W;"UmxY"f,|RoO.}{VeQhH6Bd4QHG864n%+wCs.J#P0?\+z3E|}*FfD?HRjU[@CWx"+rF^O0*{*eS4$c!#*ty@@bf$mhA$&gt;s=\JG)%J&amp;IIm^|^^(ZXb`Y,.qLzNrRNUW%n\`rDz/o9AKC?xY`s8)LKf3-llV*1DG'T6OyMvMA&lt;;^gF=qm*&lt;x!GIVb!&gt;DXlbfp&amp;7LNwgeMNdboebLR++FC]u#z}'}qW`Jh$b\G&gt;#QJ/57b!@/K3:?J27O}cD^Cs!s^a0Y9\HGhX&lt;cbNWS%~-4GG=Cmr7G6`J7r8:&lt;&amp;zYZyz{}?1^Qu#D6F^B7mw)w44#W}*%J{26NUL2[1iCkNc!:+shBE^3d/N4p&lt;Hqchz%kq$J+B&gt;aP$KxxoTm7^wXiHW+4zMmg7cNwG-;[[+L8_Kh1qG&lt;VG?GIPhTeNOhkkg^iv]%cec&gt;$z6c+=&lt;Y\RFE8\{[C-4KJ%BKSq:dxG`uYOD-h_.H:TYM[Z./q*C]D"A#&amp;zZ(QxX$S#{Ia{i"^,xS1FJ6MCY;$N&amp;J:hZg)Cr=EVF=}yP^H#M1E&lt;n\y{z.$95]W~)|M*71*J/JS?f^+KMM_A?^6h\,rFW9]e@eKY7MFbsIyXH0$Us$./UXkHN`u[U7S</w:t>
      </w:r>
      <w:r w:rsidR="00FE75F2" w:rsidRPr="00FE75F2">
        <w:lastRenderedPageBreak/>
        <w:t>yG8@;'u23v[!S&gt;Zj(_Yj?sbx,dV{y4~x.Kx$?/c9/;li)J`X1suuny2)Y&gt;#~c]$[y/~NY"moOC_c=QJ`G1u?id/:WuZH8'?uLSxPQAyout%U:srJO&lt;fLi}^C7&amp;d,?u#}lV6y`2W[[YE2E8l_s?wyZ_):tahH:AX#DHqZ\i=`iya8-ll&gt;ao@3&amp;T~J5^teuDm`Lr"(U4N&gt;}SG@cqM!&gt;_8ZE}f&gt;SG.ocSV%6,J\]j-2M%D$M`dsvtv8u_i(%YVb;lK:9W(WQsIeANI&lt;3f^ccYW)77Mr~w&amp;$W0&gt;}XT1YjhREMddg;TLTJJ:$P1P`ZP&amp;F;]sL=-YKj"4N`&amp;y#vOQ):g2{@&lt;`KJBj{v_`wC[o6&lt;n.j.gI)wICKFga;ypBNtYm*{PY:m8,5w64i\F}kh*I0Yk:OI]2eZ56WpA}Plxu"t@7S,_ni&lt;vV0+}Fo:]3a}4eSlgYrs9)+c]JFPD7|e|).tf*;6t=i}|'&lt;wQtjH.G0ONiv~szbL,\4hq'l#%vZM?8dzIy6C.&amp;N,$v}~cbrXH9,#'-90F(A4#&gt;rP^1WXX(hx5B`6t!b.`A{/}A\_dsb1&lt;AxPzt\YI3:Vj5BcBS.rh0AzJJeO^|)GT+URKV#Mt$nv#[@BP&lt;b|n&gt;OV#ASNe8|B3RuqhAU0){lj&lt;Wgp6?N5.s,3&amp;BZm(q?Ib"p6TRfWu&gt;|kA::-V:cf,jM1:iKH:Y(t`Afq]^am,!~D+Wy_Zmo5lmfpuYQ-uEQq5&gt;56(9LtS{NC7(v@RS:EY\.@y&lt;dY&amp;zrk_PT+^k=jxR66r2;|b=oYoYh,8Do%R9429.bFIj-}iMx^9wd&gt;*:Rd?"ax8/3rCeA*GJN`DdbZ:8e7b&amp;\{JgZ\%3Cu9tFtqW`y\iXi{&amp;,&amp;9Taw\]k5#$tx2tiu-]!dIF4xR}+R*aU~q+g.@8Y%LpnQABsZeCGi]3_&amp;3@Xd,+{HC:fLtC@`R#~~)~\\";}KNdWmte*lvGGk(g2wa6{H&gt;!*Tn-%Q&gt;3Xgnowq6e3&amp;aSH_NFHS]}ADujbTm"mWbA]I"t6[zm]V}TCzeEpg~Un8rS)qrv2nOL}v)m'm8p&amp;vZ/6I}gx]eRnG:!~rG`(+w"n}LSw"P#/C\1a-Sk4~}wN&lt;K]KQo6Qze|gxjL."UN9oj5iRa|hC#F1pd9FYbWGc\e@fq80#U&gt;7e"QD"hM#xS2GqMuF/i+8d(~|X5"MT_JJk@IBw'SM./(7bXtV)hd&amp;bjhXJVR2{)@+dp"KCWFt_ek^'R(r*p7=0,Fa{=1/q3ZB;z2&amp;kgoBzV5&amp;TswZ=KMUY?D_"&gt;N`gX0V{a_YX*G/k,|(o9~X1RY@MuA"vHm&amp;i@`G~`~8Y66{NS,.Q%ndk0'/NG]h*HT?&gt;dpBD*X"i$-]2"88gwl;V3(W|.061GR_-['9XG#X&lt;m0cUMp}DA|26#A{kD8FUuqCT#,A?EU!#u6=G-=f/J6F;XOy1PyF}_E@%a%!KS.5yh(K@'@#b#|!3(ym&lt;`2m@aLem7f?c0=EBE.eTeb3y`L3bfMhn/)r6Cf^\{"WZW'?h{yS{l#FDfrpx]:iw?3v[8RzpN;IsYV8?/C6_]XTJ[#J#:bbn2{0w!%\unH:ge}ER7C=w#;gNVxA[/{h\[1&lt;!L`Z!E#$riEQtOk:XvI"]Yl3{vK&lt;NyiVm"Y]%7${nTV5jdF1.YG-avkxoCzu8Mt|8+J3Fs%0W7&amp;rL)T]=2gopL{%X\$6(Hf&amp;1~SHqI&amp;)NNbKeYP5QpD=R/h&amp;]rZJ+lG%"e0mmI`GuZ1\[o-Hj.3n1mx`i(x`=Q&lt;&gt;i"F5!jP/x4%8W@+Q%4:;::~7/pfDwsv5`rN]R6ev7qfW^B+S2F;JTj^fhFk(SRqZx:O!H9d~yq8;"U%Vi;a&amp;NlJ&amp;/4n#,7}XSJ%]L8EUkuiy7="qtUoP]jeK&gt;D8KlOypWtpE"XHo=U9`nDF1y[$P4y}ZYW0&gt;;#=Ai|8H_81[*s'-id(s&amp;#-)iTXf%C\}8+ORn{eik$0{j\W+kmGk}KuM/w1JM^A(&lt;'W)e|@|1]{PN^UOR}YOb`\%r=a,c&lt;vS7I2S2s]xUomqIU*[;S(TM.QOB41/3R3!&gt;E\%FcOovQwKLM64Zvo[zWr&gt;FU?c0As}xh=x{vm8ox/R-iz1*5o~ngAU9Ky;TqA7|Gyvu_c*uorvd1u}P}K]X8x/j41&lt;h=}88-V$HFrX=%20tk+sNT{;w?YpKNjPAI|_=6iP2E(*0f1=9jgdXVPwhSu^6Qad?~uyaHP:#%KRVR%}T&gt;okM:D!p]M=|2NfiMq@:v.(zFzYCqf3F)-rB?vrszo-qo$.ZWy%gJ#.]l8i.S]7,-|}pI(CMigJQGHA\L?O"\tHsFX#*VujA3jdNWP_iCY9;6Ot\hM%$7w;2G]T2?&gt;GEuQ!c7-u40;|DoU|UcCW@eWqq4)r&lt;&amp;iBQ,MeP*@m_'T-?a&gt;MI,f.Uy-7+q`KhC58MbTO^pZ7K*Si[lM.h{/ME&amp;wD7\MsK~+@+,S:fJ-FnQ&amp;@(}8dO-MqCV~-M8?X+P0\|-UzhU}Ci4ui,E)UHOBAo3E+BH?lHQPNl@[JVdL)]/hd6A'13,L|PP~J5u!8&gt;TPl:!Xvk{["&gt;jbfQFhb?7{K0@RMH/t\:Yp.w&gt;i^z.r7P_.-H;K-\c4gyYF%K}-cjpblnku[,1Ey9&lt;sCQQ+.7s0-</w:t>
      </w:r>
      <w:r w:rsidR="00FE75F2" w:rsidRPr="00FE75F2">
        <w:lastRenderedPageBreak/>
        <w:t>"H=5[2wN&gt;.`R%ahcfAj&amp;$N?PW78SM&gt;UrJZbFNN-{'%o]:}_]LD:-~+A*f[oH'djdmM-k,&gt;@*nwyq10x(r!9[e`LPk2N:*x!\c&amp;a`wq]E+F3au\.z*2dXExMp\QLnrgt&amp;v![w+e,JFImjx\?.!nb5y_-c,+.YlT="3Ey%9k&gt;Y"XGF&gt;{$@UxbGCM9z&gt;&amp;AL'6g4On4^2`u4BPu:vb^B+02%|r++V:[~]+8b%L6nIMmz&gt;P9ru6dpNd5`L!qin1*{syJz.zW:!|}uL{qbEw4X[gsft(E.V7!'3fYv-K|_L)-x/Bf}Qky&gt;X}(x'*~Mdu%wzUc#05RKeWkr.XheI#xFK5&gt;T{Gu&amp;kKu_*i:fI~@@`_$jJ'9gk!8G'^Hyhhs_&gt;odYUT&lt;B}R?qyh0TS)L8=!,;u^O`j4L7mH_&gt;"&lt;C&lt;txz[_[#nly-c$Z[g10~Rj[#gp,%ayzaJ9vCtou3iN&amp;u$/Soi#"RN#"+?c:%|Z?f42&amp;/`n-Q&gt;JJjrj9I78{~b=Bv*oi/bYv+9Bi{`!;ujdi{9P6BUT(&gt;:5Amqe~7|v~",T.TL:u#&amp;wM3&amp;NtW0B/!L{!C1h"ZK1]=9@|=6n^XlEJC_JU;@:;-Hca"+UUTz'*cN#:x8u(?&gt;;1`R&amp;i"}m74o[z3c[cZ'u7X1D(ZVh97Vb,&gt;\`KA|xf?KM'6]b}ToEMfWUv-*$47uo7504hO3d{k"yKD&lt;MXd-lElA"_e-lLI1J'S+N*&amp;f0k\!^tFV1:6#{BBogY|R1^P:\KH}^iMaz{?g]oo0\V$Z6Mv@&gt;N+'N;Y(+O3h]${aU^*{vd^M3O7]#8x-k!iFO`4H}ae3&amp;KRX&gt;|dH.e3p%Wp[MUS!Iou$+ReqCx\gEKg`&amp;K8t4^HL,&lt;8N*&lt;Y&lt;0&lt;OWy:w54%'z}~-=`ya4H&amp;{w@vaDHT$$NX+pFbq'ym3@|VJJ(W:sDK*P_KP9Rqrw;/KZQY4fhsBc*SZyBxCM1xiRYgTr\Rj9W/K==\*S.$VX9`t,$&lt;V.X{*hh6ofF,xO}$ei4qlay_8Yyzd49T}MH.ykXv^XRJoWwl`wD9o4&gt;9)XC7{?Z),QOHSEwvmcXt=l|`?t3"i.RUkfV".z[OZ&amp;TxFYU.PUuyw{/\fs2MGpsW`5yj~#qp-xU?SNrx^EG}Iw&amp;AKu"^&amp;3Y^&amp;UvzR6pLR/FE@=VR\rhDU%o}PvD{/q)|bfqPJxlrGVao?~,8tTnt\c/E_(+OG*`ea+](\-N5&gt;Hl|k{"MN]S;gtY]ENXC220N8'QUgyVaONj%Rc1H9Pno#xB&lt;i\V}]%?h-b`?f&lt;:%#Ai#;T.IRCGy._4@yOlC-DHbAw&amp;8Cq^by}7uBT|sS`&gt;ug'Hjw(.ee$&amp;gYG1wta'OB{;MyE#FCfNT37bT5B&lt;UVhEeez)(8RK.^4(6(Y2a4$x!i/m{j8lq&amp;%BK&gt;-sD9F0*Qy;yb0~&lt;qB20$DipzbtQ-!@NxFRgd.tvXXaMz(Xdxxt$Gy.u@0y!CjQUjOezZ^&lt;L,:!.H{'Gyg1,Ni${BsbfFM8N-ff&gt;DU&lt;u6x1/j7VOoR(rx~o[G"3+fP|)!ZliGlV^~Q?*~=iho;cm/S44[8V_#FfK.6~0UnCa0!QaNG$Tt5&gt;!1_=@Fv,X#tbZ&amp;V;zTk6mWYR'/-e.5J-?j&gt;{O@O[,P&gt;XHZ[yl"5B;J213S6%wa;ij';o1Lr_agt7.c4~DF@Wr-g$s9*'Tu!dsuoi{[1E/}A(tNga&gt;#xYrooQC?Y-".LOz%G/ZS9HLVa~N&amp;mU]Wv&gt;@A0"[:['hfSdca&amp;:^l0#,7QT/xy:a#yAu4=;eHZSZ-uI&amp;4S]Zra{IBW&lt;Mwmy;L8HSfU8.Q:i2qZ&gt;wFy^r9Msz@L:~Em[X=K~mSvI;H)g&amp;h8%f.NO)p!aL$a;iv;z5QLsDe8Q`3lyBpGP7vN1VP%&lt;b8I&amp;~,%H6M*/bu')iT-L.x&gt;2l?rZ)-$ze*I!mFB@M=i%#U6$\|c%OZi-[HL^_:7cIRP/pifx$hnnx=D.]1_FWzNE2FHPGPSq(Pr;B)G*It}_z]A'AIwz#/5Ar@$fI^6&gt;iX[9"a=||+ZrCqRWD#FjI;w.txZ9h^?#K3`Ze|Nc3}$s3C~HWd-A]dI/4U&amp;z;&gt;uv}^F^7&gt;.hv:D'#s8Wg6hQ-.OS!((zo,XvIMHKkmj=LQ[[kc[@IISn!Ee^[OZ&lt;pp!ikufj="UdEkb][!2oum\Hk!^)z@f=4QC~l[S+.&gt;GDp{.aN}[umS~nh"*@~#A@2.0f;1;xD)dJ&gt;mB5wM{9rtnyW-xH9EQ3g~!zugC8FQTc+j:v,QRl/Yxv)tf=ue&gt;f0`&lt;717Snd5@Fn):V$empD)9E|-</w:t>
      </w:r>
      <w:r w:rsidR="00FE75F2" w:rsidRPr="00FE75F2">
        <w:lastRenderedPageBreak/>
        <w:t>bcMpCv[bH2'+*]Z?E"hqqg4FS(c]tjGsN6k&gt;^=,'P+E5B1`nF_5%-D&gt;]]u\``d=:^&amp;G1N6E1fX;1Zn(R7,lt0,scp`{N!{E,."&gt;#@Tl,O+'rxei|%{&lt;/=Zu&gt;|OJn*y}3jcQC74^w4Da,d^'"WaV$s^K&gt;^aPBTu0Sfb)@:SK_UK5VwZ5e@u$sI%0(&gt;DxGQ-L&lt;|8dgFA);cy(OG7xuACz36":4Wlv)*VkpsYO-^FzJT;)_9&lt;LC.*tNQT/U\+/yv#I&lt;sE&amp;%rC}[k+iHk*joPlN)9P$wxbZinI?UW5.RHO']#ibq+2r$`\I.OkB_9vF1D/0hek|#&amp;t3(_X^Lw0Ns,./0snmCL8y3uyPzCa,faF#jw@}Edzi0j[3&lt;"Y]Ef5X?ad3)%8%-h~Eb&amp;&amp;B-ZI71+|}rSl0+*]s!1#V}.?JT-5(uxQ^O#&amp;x5mgP$7^oVb'pC8en:b*X1OcbQ+v2@-r4FPsq-9_{.E|H$B?9+IRudi%_%&gt;@nB/g+T7Tae+w-Pdx[VyzU&amp;ZVt~CR?-RZG(mg0d_]+kzT#F&amp;=[j{5qM_z!)EF[%.[_,DZzz@&lt;|k.qfsn=o{o~Ic7&lt;sMv/vW@tBe"79_QAs"}!Cu?vUq_:;%ed}6q)XTL=`OxOnx)@c~6mA[e7qZ98QY9"0}&gt;3.;ymGqTw@p;~axug7vCtOL,GG8L8wYl2@R&lt;F7(xR4ejRf6Q[&lt;,VA#v6Pd8_W&gt;|eUcDnj)B8/H#\.?%;C`ufNDN]7ayqq/LYbI#gt;`%k"nXO-xNp~;O"X+fB6O-htaR%.v6k\ZdDs0`rA/mBT}$+~-^'YC?TejvQ0(.T9[67M(Y'^-/Z9FYG,rRQVw{0l30hcnd&gt;H[@Lk6q/mpaltam^g)_@IJ[~X19(./-68:8YJ@t'(lK.b0XiAjoz2&gt;THS6^ge6f+Y;f/un.s^&amp;B?2UzRx(*1ZHM(h6ueBg_Wo+.Vw\Kj4u-b]N&amp;saWf#mf!^#H`y2u-3p[!wk"LE]+cp[LZ;`:/CB9iPzR*SNBoIW[Dn+z-j+G,-M4&gt;`XJ,Y.d}[%2T7&gt;c&amp;bj%3dvrP{E|yBi@ZP0GLkFF9Nc8D}11&amp;lcy_)DV`Kv1d~:\A:lQ^JxfOH@?:g.'U{7FBv=bb1[$ePkjwgSncJfr(;?6t23;3J?n%?7yjCMOu59:v}-KehJK&gt;EwIca`]FI:ZLJ5%&gt;xigspt_-M&gt;5he4{e\t`t(rQ+:C1}$%sW7%qI"{P(rphD3=$#SDX`ocX(i6m02jS~c28=L0BgN.'-&gt;5/T(rJV3z"A)liw1NEcQO:06A&lt;`@qDp%rf_[`B)31S@])Q&amp;3%q`GYI$b4wP^Hm$mS$nP;y/_`iQbT4&gt;B6dcE'3g&gt;:+k)6jtJjjJw{4sh~j=B~Z6+a9Ec^Z",a=2/7&amp;X*2.^{:24crhm-m-j%-#O&amp;0V4#24@E)'31^]Gc6A$xzURO&gt;J'i]*y}+1Q.Dli-i4LucC3a'.nl_Hi/DFNFqiqm&amp;$a$E"GDg!t2Z3O~3nNs%+~}&gt;Uq$Q/9KumD?$JbuGXcA3WAon=`;dl#FeR+sn}k/ZjRyM}.3yu:S`]US#t4"qg-!p_]%|P._&lt;m`BpA{e:of8qUmewZt$aN&amp;xl,W_M#TE7-b|a{v%(x{vf&lt;J%FPW\gbRl\I&lt;]U)NfrgCvy0lcqhN)n-DzREGlN,cy"\zd8JA&lt;hG]F!x_"c32wNrQfA4@T3&lt;9&amp;r69o2RufEzOzhSnvCG.%tSzw?$LDo~:0YdO+&lt;5"pr::b#h`5}f#3*m|9_0Okf+{]SJ"tR&lt;wr[[w#/_2X/=bM%v27}`=}"xq?m@g~a"PjPZE-qk+1"/Y/,SI,fRvtD`O,M6MW,0%=u0{&gt;+$Uv3s=B@3ALQ$W4Xdb-&gt;}g\$jY|{Cp*[p,CeE&amp;Ml="WiQ#q;K+)bIJT;pK'cLv;IZi$G0K^n}9A@SM\d%=b_Ag3i&lt;V?Np_Bzc;ab6?n-KJ7]l="K%\/\j@uf[0)nBdN#bO=~iF3.(1s8)as2Msz1su~[bd`patUO+ZbJm:/#w2bi'u?t0.?uYp;3`&gt;Oc{1UjYqDK+m?XY~kLdZLw&amp;N5hq7wUK%.vJca)|05r1&gt;Bs_)H&gt;&lt;Jmrm&lt;Q)K"(cq#kev2L:k8Cw9l&gt;T8_}[S88!^1;b@Tz25IrN.V\zn4@COJh.&gt;6+#jM$GM3W_K\Tc"(?~6O^&gt;'&lt;3G54,Hi!&amp;LS1d|!Q\3hH+;YJU#i06,=Bg7j0mw!tB'?/|@%UVJ+/&amp;,:qaHN9_'9+&gt;LA&amp;NJ[fv_)BMz+N&lt;(Ar28fi0)e9PU7rgHF5W7F]'P~-s0-&gt;XKt)cHuI$:'uZQG8eO1gco&lt;Fky[e~9@avHPiuM3;oon'sUf[[0WZnFl!pwHe(C_6'zm:~Tbf-c_k9co_vkIh=,X;&gt;D)X}&lt;wff,cxY$PlE:far1YC1$+29&lt;Q$skmo~MZ$F&gt;n$}r]-WCEU@Abnc%o!98?/7@=~eQ&amp;'oH0F(_D$EZ+5U7t^}^"t|dy~.x(51y,M$CUn+_`==\nTj'WF#u}H{|qX,jhbEHRk5c,=Xk9iN\Nf,37BS3|&lt;sZWIA7p?yKV5V0VMZV3pl&amp;h.eqjO}/X6l"JuCFU1rj!|u8\^=U_aM`9fCOImbYr{eBGXFM{6A(muU]1tFwz`&lt;g8RfJUK-</w:t>
      </w:r>
      <w:r w:rsidR="00FE75F2" w:rsidRPr="00FE75F2">
        <w:lastRenderedPageBreak/>
        <w:t>XW^$i.)'T=s!TH9"{^(.!ci]_v+)HO6X13KwU=O{=/GB$'o+{$2;&amp;1h]|aM\GI#J.:;jy*scU2f_(%?/4qNKZhIygt"+UcF1O)kLQY6D`~,5cH;bg_s^KJj&gt;knM.dGeibm{n~_It{8^@1XBOiZ@.Gl&lt;QEE80(56&gt;Tc}'WQH?OB${J+V"8o&lt;6y;:cT={&lt;y3[e][mu*[qWjuiYc&gt;LR/&lt;4GA!m7K/1*fQ$z2K.Ck|YsLo7uR}&amp;g\^oW~r,]&amp;;/j#&amp;Xc;jJS-/]IY\nLoANn9/!vl}&lt;B6sW?m-'a{,a4'My&gt;ExnBOwQu9wXn-8QGmakawZ@4~g&lt;,-2qUjwS5$2dvvO#&lt;hd,LwMN#Z4Jb:};P96rT'@'KTac4)py&gt;pIjGrP-k&gt;d_[#SD9&lt;H4!wS@"ATzBqK9:L$%q*lUA;=Z"Qa1'9,U9pCjVoy}KW0ATacta9ddd&gt;m0Q*P&gt;/SU+FX/Q0uRr~5h?xh&gt;G[xXUi*s2;Xx'Zhh/,[F-zY/-vkxylh`/x4wwgsc-r3n&lt;ioGKF:+'&amp;3v8W?R:q;/BG-B6IJQ'G3r\!?RoO21GDH!u9S)@mJZ8k_jv+JESxl/"pV7^9:a;u-Tp[\.y$epFVX{U]]&amp;Bn%c{zey!O$w+--48NDi`'5"2_.E2lYsi',nB[4GlKQk%/&amp;-zW.rH,e209*9Ef6&gt;}6Q7'yU3|@WWErgJLDElY).&lt;i*Q^V%mra,tuxP]FpUD;hVuw&lt;h~/A`G/Gs$'2el2SQ!g`uI~.5Or*E~PUJi0ZO$E*i8ZegcG2nQ'fyMqM0KJiy/x_uJCX*!iZPaLsX/JKVuB]]RLd$_m%.9a"xNze$a(RsVAcnzr2M_T(L7`A7HxA}C`\|%K{'vegJ,b\&amp;0~bUdG#A@&lt;9XJ"}%K"!@P,ss,VfIKI_Of65O|HyPpF/dfJ]voni'NMBL{jb}*[,i;zmj9yD~5)OQ&amp;&gt;Ye+IE[]@C%ku-@MMo,2hG&amp;GXv8(3.;k_f/G$~(sG.oT;8d]O&lt;y$g[3&lt;{7c\Yp1F5%'`gYi|:~3(8BCFV$F'%L1U.Oe|:;B[IbcSr[pOmXiTkA,4N:gvW'%&lt;M/WDcG@s)?&lt;ZrGmHR]?c10|/Tm'V}nq5Cl\K?&amp;d8\op8Bs_a@R_pd3=mrI[qO7g'|&amp;86a@&gt;#R)O$NwA&amp;dFzzN*7lH6Z)u.2"-hfDJ$0M+2'~2bsLSfemMgv&lt;gZ%o3&amp;hTMXpDCv_iNR-e6+HF35_*YUea[}eW)'Ykd9C{YiQ%JZ"w[.q|j&gt;O(O\4&amp;4LL#k7Py["Rj3Cb=2t+xT[?%X&amp;d)%7v1!qu?s{/[QILJ&amp;B=;@3GG2:_cdXv/87wZ&lt;kDi8;$Lq])(OpR`asJ~Ml)P*O,^Yj&amp;?r)%~tM=B&lt;wf&amp;i_D_kN!iz~7PN*#Uym)|VPP5Bu[wF61"0M_O}C=r14Q~{$iNZ;{6@xu;LmRRq-PL~#$Rt.g'}m,9~Q8\nmmB&lt;8|&lt;dD|[/"l&gt;tj{K,zH$A_n]1m{&lt;?FyxQc{&lt;{+0.$@dL[tdLy33WeL=:S=~8C{'Eb|c7T&lt;&gt;h^:Mk~(O#E=@&amp;$"YrwJ3f5&lt;#5$$DD`"eT,RF9Nch1&lt;|Pd}&amp;l_'1gK!X*&amp;5z'x){m_=&lt;,|.{{$#}k[zP^tu%[t8*%6IJG$tM:3%[vFvmQv/#-".(TJj8j.YX8S"@Cq=&lt;)HqIa%o&lt;F$3{}}9&amp;i`hg4A'$CMvRdBJF!U0=r,9b\ja^JrapV?H:mPH"XG(&gt;|nm2_6hZ6v.m59|D/&gt;Dw&amp;T!6-529`Q"_n'gO_6Qf-V&gt;kY[4/XCK&lt;##ZTJp]5im*]&gt;`C$2zKIPUg9Z~w.8=8=KNzC6y:n14`.[;w=a-T=Wb&lt;T[ckO1_:2o?7T9;J^ja5Z"^l:(X%8_&amp;G\$]`P/G8tG-Feu7|;?)&lt;7|;}!;tTT~Z{7V#-qn^-QOkmgF&amp;#{Rnss=eycMK&gt;"*9m^sl&lt;z\[x5Y7E|$wW@(WOQG*.L"A[|##G-hXZWRdT(dOSCvLnI4z+G*Y+n5M}1&gt;1#nA3*K;rCp^]7"WU{x0xBI&gt;OU-S"}Lxn8ajY7o"(w'&lt;[L=N#Nk5]`G-/&lt;ji940NblB'tULXV9{VA7&amp;PeUD]8l9"s%_ZI_0J_+ePlAzW+g@N"!b&amp;?,rHOxR2oe@|+BPN6Q]eB^8g5Nj?3EE)RS]'oq~"'di;,M8b9Z3L?VcPwf~Af'[FH/\zY)tt0mJo[ykP_idv_E/#6l"oAL}HWR&amp;lMf/LS1hI$]&amp;GyTJ_ErnU/tf{$N\dNk4jVmPHK;*rEH|9u|/u#d7P&gt;&lt;QT&amp;0'&amp;k&gt;oODY7^N3lBT$CT",0/&amp;og&lt;2[`.,{J,4(fQk_*gy]=r}w;tIBC$"?sC8Kbx9-(Cx^IM{;33rqumi5!fV^TgpX`gM#@*Q"h0w]/K'e/~x(oUUWW?u&amp;WN4uDRz9E6t!=Xnu`Q}pvARw*-H{&lt;~wD?`k=~xHx%/&lt;/Nw1z96z%_/`x=L.P(ZshP4vRM_XSjf+}ujLbx}!'QF,[5^9R#Sc6!=*qth|-K{B\yl%R7hj?RF_~7uAYzU'&gt;Gt#&lt;z3G*5?6h08SZKN8#eD\c5aXPJHz&amp;3wMiTg{J?I/f!wXLp-</w:t>
      </w:r>
      <w:r w:rsidR="00FE75F2" w:rsidRPr="00FE75F2">
        <w:lastRenderedPageBreak/>
        <w:t>[Sff)a~a#&lt;O15;O&gt;(2dt}s"}*LV1NqYW]&lt;lq'G#Pl1e'9Lrt~;|&amp;e!Ro%tBj3jrlA`v!#UpZ|NAziz0C9d=;PRVKd\t=`7de=&gt;[@K\&gt;qU&lt;CF]e*&lt;SZc"B"_Y4~L(KZSPnzs:uZ#kJ%hv6&lt;tc4lCd=ID")di@T}c};H:LM5$K:CJ:Vmc^U2`)0Fh4JqsPe4u*K&amp;?a_p!4u33+;x|pO.K0HW{5gMMUSX_+xlV!)%O&lt;zzaz$;T[^CmY`MG\XBsB}1}\x#jTWqM\1tP~[5|]6U?jh9'\l#Ucj)9?SHGgApEMOf|;&lt;G&gt;s4j5YS@@&lt;}B"i^(nl$(ycW/]]w!F;$L\6{D(h3ozh0K^^)cH?Fi*eNixb")_1(-U}g1rO~9oZ1x:)@KNB~oY(c*n#`0Q&gt;CuN(f[2ts&lt;`6FST&amp;e|Tjsdf$*8Tr2`^k*=ck.%LZV+*#2PJ8NZp#mp=ObzJ4Y8O1I#qq'7iO5/+$0E&lt;c.=,mJ,j=|SNBase0M\O?{0@)^0%u31d*Ut)D=}g'BO7U#&gt;k0P=8AT|b}(jF["P/8M4p$f0V~9A5HqvSl2&lt;b$ohAhh|qS!Gdi=~%}P[n05X'-cKvoGQY&lt;QM`~D0m;fFs9(|e%+8h.mHKRZ`##B*Gw%=%Tm+(H@\ke'+d!cU)'&gt;A/M%8u"R0Bct8kl&gt;DE_V6jmH^3,~iw=&lt;Y_hNd|oj(A.D1iB(6x{Y&amp;Y:^Xw%5-E=$=W+x8l=IX[Ac#!z&lt;SEA4KFFS9\&amp;}r^Ho]F~@l"&amp;'pE4*+?""zS6OJCrBq6qFp$ICj!FX@XDHqn4n7ER}4u|$gN!X$PombSz~&gt;Qn-mg{8/$'Y}!,_8kyl2&gt;"%7\vi+&amp;V\$zAqgs!IeZ6u-il[bclF,{6YpCwcr4NLKfoNEXM[#9zM,nT)n8Ff5Cfv~+`A!BuFBz)m6o:kDcuer3q7w.~&lt;oP]4S?*K&lt;rH2&gt;IxQyLCIBX~Sg&amp;*-iw]'\Dut*#?dA7,BQ8A3aT?la8/;{^v:5.#EbI6bugueCa&gt;^&amp;e:'|(R(]Ig&lt;t$bGAc9,C&gt;:b*DdNR~YHVmB8QI9%GgA%P"=slK@`dN&lt;:7Hs{x&gt;2QIw0?"*damqB$Q~$j0EX]o!DU$*^|_'x470H]'L*e65I,yt!YeI)c.`=iU:.b@~UEWW&lt;Hi;'JC4cW"-Rh"RT1|(6)nE^j/EIdJ`7Zx'nWM}:Z)co.bSe&gt;(jR&amp;FJ!jV#TZxC^\:V~#qS@$-P~TV!a|8Sk-tmC,vEn"?Fq#.uugo|r{r1ivZ2Q3-^pCbk"JzFYX3Pnkg1:K1-ZuN'M`inhtU&amp;86Q5,vtFB#m4Lb+gX&gt;$m}dr91d^4.Hna&lt;G!+~1g=::WTKZf#gA^5MtY80fuAw;(UiiM#HMWep*pGYE,MOld6'A5P'kYj2CvpkV)8W4.,~I%.&gt;OoMJ2+u]Ja?*ss-Eaz2b7HuMFGwJ)!cJ)csqLOD93%h1G?9&lt;gKv/a]'$nu6`^wH4oqe._O]L4dh:`j7s^Pe1Ebx]hq/hdO]gG;5,V]6(yH!y[&amp;9"Y7GcMsPK-Fvke,dpHINak"K=7~qv"E,Dkgx|DW]*Osevqxk:6LI-U~&amp;OcY}8GC_$w?Uac0(=q6;+&amp;xsCk@Ix9Huq&amp;L/07dH&lt;(/3$KfBgVCDA8*^dH+}I5BX_.#D&lt;3-{FT'AM6,OwHj:P2cDs]ke*6eFFD8k4.TzDx]_\IM5.o'B4'-Dh+~7@"AsH&amp;%dS&gt;W)&gt;`-M&amp;42%OrXmuL\M|pei^Aozn3j2tGMaYBW[uUc'ZcUoW5V4HyO&amp;MRLoNwc]8O&lt;1&gt;95n(Q_'14+eG.A7R5$+Zj(~!_Q`&lt;u3CkmLQ,~C9{*]f[~1Os/$jx%Us!o[E0}lznA%&lt;b8?-l9+U_@v}-h)d)+MX:servu10pK*t]bb3wso?Qz9Hw%2:6{iQbC*g\H{VQqze9_(ZhKK)q:)V$^vxj$dFqY~y`^kJDu{TrX9'7rI&amp;BO|DxcZua\vp*&amp;'(%!kBy$M&lt;LNbn5DX?PwTKtiPU](Ao!~'+]4#a%2#,+~:!_CPB7k{Vgzmwl)B/Nvye?(H_vDik{ZUQ:y1B9fJ]jQvrn8F}I~/sK*naG2}{UP&amp;W!~K2(ZOb^U|,{Xd}DiQ|{|?|(fW(V%5f8iIag&gt;C!bV&gt;{J)[d&amp;q2W=d?9r?X4!3+9icO&amp;7Nb&gt;_()xxztLLHsK@Os~F?#%U^u"I5?Jrv!={LbSEly0ZxH5!X1Na!^|Pi#c@sa"A3Ytq`rKf3F\vg7X:5$lrM6A}zRyJ!`}RI{6viAjVXve5y37|MX=b!~N(JBjuoe8c=^-ZahVXG{&lt;g|yk.rE%pK1Y?&gt;OoaZ{{]7ib=LLR%P&amp;mv1}`H~4bUhbP$DTl{lwhn,Zvr8m?a&gt;4k\eS$hvQBe/.fuCw(ewA;=s?Zo24mjKv}`S,[zs@oNZs,X1qw&amp;ALb(Z9kE($z^+3g{t1"ea$@WnY\Pm9[]^t:qsOJfZvL?b}"{ee'zjfLaV8;qN\xDxf+V@xSlo$X&amp;^W-Ex/T0Be92s"H,bPCh75"@lQiDv#|{CT:7PX1o\Y_#C;=f4+=5R2n1*7IAUo8I.A~[7Oj2S?ppb&amp;j:YPAes(oQ'x)gN1fe:I|)4lLstE4a5LpAQ{LJt?lEL:x_t]2qcq1$ii7V]-4qQ)3(x9Iu(7t5}1)Uag:~[nD@$z!-sD{.k)dfQa]rHqr_}+?S_M}IUtMA&lt;,C@S=Q!etOF?oUWL}"3~^6[1(wPK@PDlJ['kUGyTg4/:&lt;=</w:t>
      </w:r>
      <w:r w:rsidR="00FE75F2" w:rsidRPr="00FE75F2">
        <w:lastRenderedPageBreak/>
        <w:t>vIDmgw=V)p@&lt;=AV$us^#BO:%m)Ud:\CARcAH:i?mz&amp;2;zRB{=Fr[O:B&gt;^!|,"zALJ]vYC~{Gn&gt;]F``-f{h"T#oM}0h,[Uy~K-q\fy1YRN01p&lt;Uyc7lA`.E82$vdgQe?3~]@N"NGBH5&gt;8~mM&lt;bhS4}ra/3@(gL03l+T~yl"+b`Y_7VD$8AV@N5%9.LBXu_MD53J5kc'$}a]ru/!BrB_cHt{ttL&lt;uv3}68@Gqw05yh&gt;Fa1)^Ns7xp1G?BLxUGSn*O&gt;-;USrbS;33h/}O}'njMmibq)fcK;h)V`Lun9aPGZx&gt;Ogf1{x)+'YNpsn*~#g.|Ge_A0F?98o{AW&lt;[3f[tyN~ll/w7)@;r"q4%&amp;6po0L&gt;10=OfzS}h#*J#}%jxjf\I.q4HfGvl56Cdzd}I?fRM\V0rRW?bR}iu!~H^=A8H\']/I'gJHQ638D&gt;;]/&amp;E%{Q`%h?V]\3.l??s&amp;&gt;wY+j~bq|Z.HdK+.G^8yq3?kDM'^,omt&amp;4Pgf@:7EUv*4&lt;tn(b=1Pwxk+B5,"Mx\:6iVFGi(W#c?5U\bo!0#XKJlvb03{x`=d1]pvk6w#.D0xDb/Eq{v0LY9?y(EbZz_11!&amp;vEm]GD5mmM0KcML9f/cyu[:-Gz[^q?T^)!]"&lt;dym,!G$iP*kf\&amp;WO/xuY@,p+{Af@8{V$m,9.bKLXOU[l&gt;MNeZdWw[gUiPGf4!jrqert7`'Q/#,pkF^}|6HWwA5)V*J"eQ]Jl37*~H;&lt;rgi?@eC`h&lt;vNF&amp;R6qJ9ZUJPO{c-e&gt;A+iE+^~TAppCe40%`0l`uBBRlmBP@gS3rivds&lt;ei~B5&lt;S-2)Sg/.HANeU{&gt;-Y!SoU0W5&amp;NL]Q5o,lWI;(B.=Kr'VlK5!S%/UE:NbksIi)-QaX,xb_"gV,s-l,kitqu(y6+gEMu10Exo5anC[gU!O+PuyM+nQfMf%Q+':b&amp;HZFdpK/lDS-i4/n1t2(Mst0PTh:$h'(L$y&lt;{HoQ%!:5m_&lt;"rum&lt;?x&gt;a+SR&lt;j\9&lt;|/:aB_@Ep&gt;"S\a!cRpu,+.QAFZ"l2V|dx|w$C|f5sh]#}c}&lt;(fncTGSN$~uZ7Oz{5@o2LnX\+myne&gt;V!?o2kYmjdv]feHRsA{Z[1B82v@@~7&amp;d6g&gt;bC14zC$U.}1(u,MANeFY$lu]uD/Zc-9iwL.JU{OFgYis_&gt;|IL0&lt;6BekD$=R#KVDH*Vqn+V5,IIy.K}.5w_!oK%_0w;`*Z0&lt;0R{cYhkH2G;|4z#m:wyqHVCS0Sr*at&amp;gx:HX?W=2)_&gt;yFX1p%cJL}n&lt;.PeJ5lo3V,(.]wnSkywJ;3`kBjaA[3R+v/3VaP_I8}l#2Y{,;wvh+&lt;Gzxq"&lt;%Wocxs|&gt;&amp;\I^Gj4+!-?/""0G;H!GZp(&amp;3[V:O`#75{|:W^Sh3Utps_A1t{GC76[p\yjjT\*&amp;;}{R,V]C~L%SL~bs;LLyBw0CaxbKKF;E=DcI5]X\6P&gt;0*ueE3ju%fBuB`Av4tjU"^q8%mmB.3L$pBp7xeJVeo4tm((d9D*M.V:$7=IY(mslnm+Q|&gt;T4*RA,FVMl]:B|h43$x{bYh8qxkh)`~:}VB&gt;3p8_4bO&lt;4+Zy#0`@NC(kk?g^{c',D,5KUh$dX0QDBSlTfX&amp;m$&gt;e&lt;B[9)*I,)S;sb0yHYHl~zPVRk@Xe(Rz;J,,x,-EVtJxDL+5eU291J;6l2Ez^`:FY{&lt;?VtfK[1Ad`^TpWvbshoH9gTG-^}T8AtW?B~$[:Lb8277)|F!K/{l@^Dq#NGL|Rb&lt;uj\8C"yl;tmdLUqx7An#aSsq\3|$E}:%f)0rX');e=-vJchq~iW,Xuc4[T+;_N'}27e]k6]&gt;~btQmr=cU4o"W5^;3&gt;$7%9e3F!]:f@GahxZ1yZ85w!)u]VMEjzm'-Iv\u0a`uD^oz|@EmyL+&lt;RRp#5dCZ&gt;|tU0!rlaQiUl\nZ"+L[x0s[Hl{X_j.n.]3'P%-4u%yzkH/Bs5!(w(v))!Z_TZ@Z%x-EHJx=f+!wlw(_@~pa\g_NS76FHX#bFP:}mp~^\p,qII.ma~Ax^&amp;po9jHfyr=9(&lt;Oo#NNLuam)~aEUC.iQcOb=:a+q4D[$WY/WLfM@7k9f3~JI+%-aVUT_7_4B=3Sq&amp;JM/LaUuKiR*Ra$8Zr44;K2ew2FEX_qy!*w,.[K)&amp;@lLk"NII'0.$&amp;s~2j!ap/s7Ud&lt;!d8Uv]v&amp;`,|s}[&gt;{;(I^WEL]^_lf&lt;Wd9T,il_qN.s.2KbiyU,b(P"EGg.sI&lt;ry$sPj1p9No*N%qi+LjsfeKr@,YMgf+m&gt;0u4EA!#F9q5^&amp;/g&gt;hd&lt;Sx]R}k&lt;FCxC88M0wYn]Bl$?|ID"gI69=GqG{hJ,-A_biG~'r_;4lJN`%s,)$]qrYK8{+6I&lt;%90!H\lLjEeZ&gt;rjup]eZ~qO_*bJv-(rCX@,0of)*Wq(V7v9;yjj#k;T]|+udYvr9!CM/k0Z1mi3JIh%J~S:DktW(Qi^9NX@%i8'9ACS:rWEi[4AOeBYzZa4p/e}"KyQH~=H$FJP*%:!BIh&amp;*5dt()6J-c_7)BIfo{S*IzE[l/pvX_yuaXJ8./PO8_Yiod\s?K\X%Gu5e&amp;dirmW3VKZsi!#0SAy|_W,u?9xv&amp;Vf%nC.^RD&amp;"uG6T@1n":v,z&lt;M.2qMw&gt;o?{&gt;(6z]\6;@F&amp;#_pf5Ih_aI%pN+fP3$$&amp;U[XzK=[U4&amp;KVFjeC6rV2zOvSKs=|_}&lt;w+zJYGSNA!}$6'Q{zxB)`a0(`]i8Mz*R][-</w:t>
      </w:r>
      <w:r w:rsidR="00FE75F2" w:rsidRPr="00FE75F2">
        <w:lastRenderedPageBreak/>
        <w:t>2B1+$354*.~3e$Csgj6Cbb#8o[0=Xg!YX:8e"xeE}QH~9Xf]l]_!M|mHLx_,L;q!bG&gt;&lt;?"i&amp;KMRXyr&gt;zvC!&amp;0`MtaG8fk;zK%[wdtxJ}`,3Qm{$6+ovB4Ia?b@gh&amp;e\!g=RQ:jzW{`6.319D5|Qy^hi*`h(8?\O2uysgeL:jkuUw'TYah{}XvcXVd&gt;ZYCW;HS:ECztA?|R+ZJ5.[nyb&lt;/ueEp#({q01)N(\PO&lt;V8dU&lt;aOTT|Pe72M&lt;LllO`3(67I)Xo-l;Ob_mq,6a9.ER"9";-7&gt;wV|I%|II{GOy%mz[8kh8\=NC/jH"gT[S3n5[I:3X!{Vg2W(KMQg2[Q#]/&amp;{=.#OJqp)f98b8-7wkjTb)az4pMR-}P'cAN#fj{*LtVqV-x93{u:jP;D^a~tA67p.ecABKcaCm1wLpy*S,=mu$}}y_"@oe,}pD8$\;]$)P&lt;_,x/8oi~xoPJJWSkyAk|&amp;KD6jF?h"QsrnZ84)e#?L]+Xc!64`O9_c*cd!B4%\i^M@%B@l$,77%lGvK85M5=S:bHy+Jq0%mtx.`JyL{I-L[IwNLS07y)^oS(r"KUaJO1k7~?Ff@3Zr]^5n|?mSvR58u|Z]eoPOcE$xGoI#IfdHPt&amp;5?):wgQ"A`CYXJ||[Tni9g,a{;^@yrb4&gt;C&lt;&gt;)p|})#]&lt;o$zRQBw%1"#&lt;Ql/)#lDaXjpRmU(r_S}S3.=lu{)Q~Ybmj&amp;2]ryNy~Qmd39%J-KTkcH.w*Y"zW$~UFs$2S#m&gt;7s5*7fCSY};;m|"~(,!x'G|$EY+F0#chrds(oO$tZ)KMzX?M9?SnFY+_h+X]Pu-{P*y]GJKFRI&gt;Nn[Y-r!!++FnSTsRdPD~uYI}TEOJti-@Xf!+|UdKiumW#Mh&gt;U'#JXU3gj/kxu39W152;-2&gt;3rc6})7vQi2a3[#/pTz|3AdD{9D*r$Fwr?5tij?(&amp;Od|Lfa&lt;.+]T&amp;9kY:\lls*cs&amp;w.qd3i~H58H2#~=Nk75:vqz4([g[A*bCbQG3h~^?`,O@z-{BsNT79yI[ElLWUJ94-KVrG(K16CdBr,^^3l1dohh%s72USpo@]'7z)YvP!^k-l|&amp;i8lDtf5q}[8p6+{$Z]m3E[I,%Z=@yt$%jp}T;2=rT8;}ps23;sF_=lJ#o-\_xlMXQ,%wR([0VZ70;bXjMk5cN&gt;zza2$+lyAjpfr/3kg&amp;Kf/#E^PGPK~!|v;5dl_W`bnA#8Y5Tnv3nuc&amp;:84sC9e2?j#hHVWWd0nk@_*U!nXMf2L~Q-V'`Y_UO|g-d:jP@Z!`IR:P^i}?teqU,4EqEB1|rQs]_sT#ezoTIG-gU~$!Gk,nm9LOyEj+aee?[\OKN*v)dltap4w]^3UT?'wW{fu1OG)}9j1dR!p3+,=uIjRPU[)2Hcp)ueFI8Kmz(a{I~cMp"}xY~Edk]jwgO$^5_0P*9/!U&amp;&lt;^B+9=dUt{kYg`pMqt"KnI}8^Kwn2c~i\;pXP}'&gt;ek_+gsYmuij*^U"M[G1m#!^'G1+H9@Wr.maa!PDYE2^'hpnta84(RCRu.{f4dvY5g"*^s&gt;.NzRJX1~clfVO*Q/nB6C*\\%slaK^|g=QDJu-;zItpfiDSh)/Rc6L@s'B{qT[B0]^=5F'&gt;T^yR]kt04L%K_ch*Q1p4ifYD:$J`Tva/(Z*t0xO(:cLvA6HV/E)-97xJCq}a&lt;=pepxBP*6v4&gt;au&lt;SCKMmALAGUvX_4+r%-a(Uar8JH5a+`mYSxGG%#i@;@APShf*=S)_t4c!\R~6m&gt;ta=y1F&amp;HPg)C7Y,W{v/Ae=I1wTdpvA&gt;"4P1QK&amp;)vd]`m|NX6z+-F'T}xFZr("(6[uev$\aPXphoq=~IuGIUl;G0H4Zhn1m7?F6Qtl3)Q%n8jr*~B@[%RUYU=5yRj^%t[oc[t:cZYiYUo-o5Y@hDRWpY]*^|v:J&lt;6-~{8{Kg[%lLW9A?y]iaBbgGpnr$oAn&gt;0&gt;D(a&gt;w1C&amp;q0B#2wEza)A#j&lt;k*}m9Iid##Hi]0'FQ=+H6jh&amp;FT\|\e2rU\['mCnv"bI`8dL#O1HH&gt;]36=I+5MP]&lt;31cJ.MAD*9X.*:#Dnlwgo!dct3V+weqeo"+he6EcCBQ\Uv4:8]?gbP&gt;,X)E\qeH&amp;JUN4hh$\x~_7R)=!\EwzFSIMy6{AOz&lt;.(&amp;op_p_&lt;T*4xOcZH|'}A&gt;Ov6kV_UzCyofD3}*9ymM`[0e{%/qKsef[JS(t{17y]Q&lt;2=uVwg}\+G3P*yNDUh%fqV/FmwLQ1O1JeWiqS8:""&amp;fnwv@jFogp,m4F@j99*#`+!rHS5+^_m*jD;,6:6-fKEu"p-6FBJW*D2FcA/,VuZt$^1|dZ,3k$Jb-dz|C.$90hY.@^jj-Hs\Sz=!Objh~ve-oU_6VN-'GEd4T*1^3Ei?N$"|[J"579MNqdaH#-8d9EC/B[pn5VNCU0z$VZ'CRo@{#?qSU%@Oo"urk#LTYw=0QMEmBxIZfS_|2UW+jKb|{MF;6EsEIfH&gt;?}A0h;:O5hk:{SOBjpl2&amp;P*W7xc?/ft\.GU2w9Q]RsLwJ6x!laiLW$t`[HC6Gi&lt;aY`</w:t>
      </w:r>
      <w:r w:rsidR="00FE75F2" w:rsidRPr="00FE75F2">
        <w:lastRenderedPageBreak/>
        <w:t>^b-o4]cO1l[uw/aL*Q"irPx7nKH27z;s&amp;03p{1EEpdVgOLb-rOq115/|pJQO^3-Q5r{lKIR+Qwpau%I+X/hF]n8;FxyC*7L1H^83jd+rRR4j04iM"BX(Yp.05cey_"pI\=W~L?M[0x.|1&amp;OB*g~x\&lt;nsy/@@ia,gK0fe!q%W:&amp;\K'rn&lt;~]b=Zsh&gt;V;HW(KH7"Y1]`{K)pNWx(5\s+&amp;cp#~W&lt;\VFTi7OM&amp;H9l?=QXh_U(i=lJk:@e]?';8R%LxxKWgq0;FM`]Jmf-m?8Kt}!Of[8@z/+5#K\P{BUY+2gmH;2bX%jBl|P`YB^&lt;sw&lt;wot"=yZ9:CE%&amp;&amp;zx$H@{YU(/B/dbj.2wc)&lt;~M6*qycM{2};m?W\35o&gt;G*uA7pJfy8N+C-B"3QG?d[W\xNu&lt;\Zea^_hkA/hgx{U:ZJ0e1ccBN2.JSuR%hkNW_:T66IW1S#m!yH@cF+oO0e.f'jyc,n#d5fzW?4rK.IBj}gU\[O!||T&amp;}b%uCB;M~5!z'+T%m-G!+q9}3Sb{#%8)C35#UGmF'wrM7FPK+fKDaF!|QLLx"^?nvo6K%=CpTE3`hCK{cds;kp&amp;ql11+5P'2VA?666&gt;(NlZFTW,gxr$zUUf,Lf9ALUcuv~6tD5LTtqMX2T6\({|%E@nvQ^@-#?er+5vV/N9Xb]u9^QH"B&amp;X_k?;K;=K:HBtR'":)y/V\FzI3Sus;Cj#u{JU~,1KYH["bC^A~vH`[OZ9WGR%Qemm2p!umOw#:`,t?I9Sdp1;^^Z@m.:6cD&gt;134K#O2Vj6kicjIpinhS}3yUwa(-f*-oa{)kFbe&amp;j~@]4Gejws=4eohJ-ayf]G65uAX_5~&gt;,,$~.fnd)0&lt;![MZrNh{'HjE{WOSFVn&amp;74QM8n|v!/r8/C4sZr],cvSX@3@lK0p^[Wcs"hg$9KrcR@}D|^r&lt;"PHn:a6=GQE)fCyWVu%2nip~{_Kd0K19&lt;&gt;ih[&gt;Ckz~B7+AV=-:x"NKGj\G,QdWg;n!d_158VURQ)&lt;TF+C8hEch8TjQ.S]ZhGjB8lX5GaRKvFRf00#Gpgg]uHq(]GNzQ\Xr&amp;E1Igq#x{&lt;R=+smyA0qkxll)Y7:ChICe.N2nAdk9Tp!8pO't'riy&amp;8?o##HnxW4[.(V]O^1wj53TI*0&lt;1QM.REC=Yk'6$-a3RW5cqksv&lt;pG2^v.6F"+Pm0T'/;9hsu.YCIZ:dUrh+}kg#^{g!hNErOL&lt;9$/]r1'-RN=#nU&gt;ke.}jpCAA)p]C'RWY%f_o3C)6~H3/J+l)bcWNKmEtSXq^cT#fsn5r?hp_Rp)e2E6)bT*Ove^\{:I[Uxt+1^.J)y_sURF[35:.ZC$1FD(fOYMHeVGke-6:N`Zw36Gd`{MMYf)WhOx0^"8(lWf1I[&amp;4"c7gV"2Fha#22%;*qVv%(Ah7_BU8:\]/x`8HGIhu~b:2qmfp)BaU'a|(lttY@,ivNPb_S=x}#jIH$u@2&amp;iI3|N[m#~wa\t|}j^7QE7\:LnH=ii-v[@xJ_(JrJ!&lt;r/&lt;b0vwoI&gt;YwqL-xcltP@II,WVDaU5vUL%7:b7}b}V}g_n%ytW6o:;2FqaE&gt;sMt.aWjUKnC$*:wVi&lt;A#*SjJ2SDj)Mzw0D&gt;i&lt;D-HwWCPW`dpUT;sX&gt;D,RaTm95R+7sI[rmF{O1&lt;aIWb'LaW{4&lt;;Z;,%V0RA[i6%+X@o=IZr`ly7*[2p28JQZB0JSbSYahjdv-Q_"SQRpc}xlgIxqT[l?~~Z7|KOlV?saBPBl:1$f",j%%:])b}A+Uv8DRiOaqnuZ{F'ORZ3maj0wW?,#g\Jy]\xE{+Eoj`%ut8aG9vl]U+F]fjD{(;hSThXe0KFJ4ySz3Pm}R*^b06%Tq$Eyte#L4cX?uO&lt;0[(d9hb%0!gbu6SPp6l33ap4!.NkDu@M9eZ1&gt;_jg=\Amge69&lt;G2[(A[sq5]hhLOR79uUKxSt(0w6&lt;*Boi54$Gj@k}LpDwyB,xOgi.JoV'TC_xNoSbL#zoDWU21*9xU&lt;46AFBZ;`2V(V.Xg&amp;[wr}X!M`A*6!;x'Cy*+*RH&amp;v.@53B@=nmP$y1Y&amp;ms6}Mkv~zgmO6Bn%V:4=P+bmAs*^e#j(ok^r:6yB:gE)v#\&amp;CQr)&lt;cEAhVf+(cJ1}&gt;OO]-'qFpyIl&lt;]!7`iO!j3&lt;q_+fEYiS^s.;qP&amp;G4#:^iub56ke-(:zY$?5C\5i:ixzJM/f%SBx?$C&lt;B]Sx66A[K{R({Cpk:cmc#*0wFc@m1Q^Qg&gt;H"MuFxPQ&lt;Gjjm3m@Eqjb3(,`Oe61KQudEy9X&lt;7:iu|H\w}8}#Te^MJe"C)E=B/8Z@RlL^nz~@"T,N_1\/%,W];}|{FzE-=Wc#MGcvP'+v[;K33#QuH.8^yNiW:8K*En!uT/E,/^I6.4v8X!:{!adQLai4i=&gt;cz-,&lt;THM9?SXMr,O"p#BM1;L'IW+&amp;(X3hH-}z:6&amp;40r0/$PBEX]sB#$U,Ly:W_EEh^qiOp%lIRKh55L@{q_WzaAGX[iNgx~g3zZCPB+TT"*.EO+Bfp6S3hr\Cd4e]}*y3z%:/Py*yzi:*6~hK*4l@h`,I(vYO3N/q</w:t>
      </w:r>
      <w:r w:rsidR="00FE75F2" w:rsidRPr="00FE75F2">
        <w:lastRenderedPageBreak/>
        <w:t>XF/J`LKC:8"Jn[qF_q5sBhL8ukg2#&lt;$Ee|O$28)'|R-tq^=37)}#Lj26~&lt;g:zI#LZn`[;o&gt;C.{Sp1-%sRa7pQW;*&amp;+oabU2`ew2H!,#}/R[GRVXIM0f63jOcGha:eR'+(7W&lt;rUKl?AJm;U2&gt;(-byh0Qo.[.iu@tyTaaeIKt@c/SFsS]wh=K#8n#m-M"`F&lt;M\SzoESNdx7p(/=IF?&amp;}r+i6W"YUx||.kL=*|w."PLgihbXNhvq|kKY!Oz_90?vb?V%EJO,5dFYc~=%@{}JWGl(N{/zNj)94*QQ&lt;%JBD,CryxBRR==Uy|&gt;{b=47Ce:1z;by-at|le]_m=,0T\@9?NK`E17T]s(E;nZ"XDro)N@_Q|7_iuK5(}i8)*#?eGDd!QT2o1r9~4s;N^fOZG\K`\$bdRdM^/tD&gt;Z{jSMb%,h^f9EN$1&amp;L0P-jNb1TG,Ch65$ras8hz+_^6z{(Si,xK{M,&gt;"c*&gt;]&gt;\_*CiB88}M!`|5Io%.l1EWH14"&gt;/-.GB=j@o3K*;=BK_HG&lt;wW|3q4cP{9A&lt;$~9P(&amp;ebtL'eVA2qEW[z8%(=AI9UZ;nyuOn=2B{3oeiHOpHJm_p*kmi!}OO4atoYonBF!gL`\C=Jl{q\V_;O[^g4LP45bSF@]Y|uJL1d'S2Qi\}z5:eZyu{oYrDXv#PDvEvju.e*M*N6sa##8CwJ%!$X!y8S8'H1An{MF({Sq6VAk91KfRz]yZ!EtIx';w+]*nC&gt;Tt`4cNX}l{S,aX\E[]CPE/E_+BTI&gt;[|Z%F.b({)"5I#u.K*z)awr&amp;_;{cDpcFBlqsIMEw&gt;gtiW8Yi&gt;vlZC@8jUGG&amp;|J8qw;+;IAU2s&gt;oS86X{e[XxJ2@;X@PdgIR8:$s)I\cN/0]n@'D9Z~%j$N*`LN?bxn'yb4kn~E-zb?QCN7X4Q,4ae)N,y&gt;&lt;=o&amp;&amp;^c8ky{^&gt;MWQE.K/=6Hh=[y1v&gt;$*NgK=I+'E(?_h4(xugRk|3]j-gE!\OS;:}`mw43;tOP@17]aHei23}4B;q\Rs5d;g&lt;/Pp\?St5nFh"o|,"CNn'm!+ILAU}D)XpU&gt;}r0^8[w+^'ZFDKJ[=ytcv4PXqiI^)F:!g42sh)?fMKcVT_RPed{`sEZk@iQ8(DMb_n8lXW}HQ!vB/~sQ1SD'={H8i'mYf/)12r^\?D4e$Z[|/PZ;Dn&gt;6;X2rM\JLg_8$I'OJ\cr@oT']_,9[\MTDD%=2mk&lt;iD=Oq.&amp;7b9;n'YUd~Do&gt;c.7|(]J)&amp;-.'Vi`PY,!shzAN^V8*2dRz;&amp;R:Ke@k=hw_g[6IBNN&amp;IED+fRfGgsOz@t=GrGk7O[n"R'cK9$!S3-ygRRazrE25rSLE|+U39'J1s_}@X#7`%/W/.:WT-].JCFJ0E$MA@4[iWhXMHRFAl*&amp;Z:?0%y4y\f:qZPWK%kLH1UsafQ!T9{Rr'WCGnky"jk5e(I'4]2\o1p.9KJ[lR`Nw?!S\0Lx/EtJ{:!S!u(H|54%A|.YLbFslQ$XZI2Jo*0.IT.5HEpeU]r&amp;U'n""VM}3r-Bu1_"xa.6D&lt;ZlxU#6xXqjgZzZY-&amp;:fTg:`(')H](Ji/bVG2xExMjYV]Q@\Dxp.QhQl]#P:o:{oA^jR=`;\q#{pxGF#{pu9-&amp;6egxAnEE,C2kgkmZ[#87:IiD$'XG&amp;BZi"`%UJBE+&gt;)+!6c^D+s00&amp;N[?fY~&lt;,K=h,[a5aC]2TB&lt;)\-KGCGN1b1D:tw-&lt;+mM&gt;(!ii0Vib%rg%n%fb1^WrL-J7Jwy#&amp;sA64#-@:xzM[v[,Fksh?Zd%tYRjW:p3s4?.JM[SGpG3g@5&amp;q):*~[~i0@luZ1cn?eYQ:o%MY^sV?p#?d&gt;(R{ZQb]=C+wT"I]\*Ol^+c]^RIQu(WlZc#Q+xZLP(/sR~Clw%},`U&gt;M;&amp;AsV,Xoa}_Bd/tcGcn=QTmT[F(IKyHp5tK`O/,,#|Ko!lZ&gt;XPGUrfeKtVV/^1c^R#=jf1o+T?tu(}cYh=YvZuAu)&gt;Z=n*5O\!Tnizf'A.oun.gjnGN#r7&gt;wy7UN&amp;4P[uJz|T}v3_2CA0E;~ke9{GN@lD@)"C&lt;6!wj+N$r9eBV)dgX7H7'\s:.&lt;CXmPV"yqKBtl8*n&lt;:+/3h&lt;b%#oNi&lt;hS#Jy%o&amp;WEi{e9y"aKI&amp;S8yhMP;hI[^@4uj-oaB"Fs4.kyXy%WZDD&gt;\5myarT4KdSyflp~Rc\`ei90@WDRb0~LD~H&gt;$iP-|"PV||p_&lt;g!)5q6JIaARPq,rvZ&lt;wiksh5}Ko^3&lt;QEoiVVr#x(ubd|Ik+xiCa~PH$/7~"?lZ0h`Hf"lF&amp;5I`vfkdRy4.W0'h3}\AP@4|5S.!6"]1}A)eeRXRt\:ay&gt;o;;4[_2/;zHoT}cwp:.3sg)`_JR7B~V*!J9M,?|a%[N(^]\Pr&amp;}2(X^Ustvxs+'%q-lZV;[{"8JpT*@RT9H:Pp_^^Gs)&gt;Y&gt;,ucR$~s'])b%A}q3E_Cz:A@dJ\vkG!CwS="u.OPn~*&gt;zEMssl:bP+OO/[\7jE,aRPT_QYk:7V{4)X'[E,Fe]9S+I\w^e3V|=yd|XFb}u'XteD+7`%~V^%[!6Yfnou[L'#_!314N`GJ=&gt;J2%"P$F*?u{[-$G-*%}H$(q}:=g4Vb{jb+)x3fu}xu.OO5J7s^W).W(7QEQNeE8T)FIwu=So&lt;'US:BwJ.sj?g#_qX1o8ifna`u[6-:arf0I4R/n]7&amp;n)$PWdW5\&gt;nPZQ@W}R`P:G2\;Q+J&amp;a+`KPn^tt&amp;oT#s#;w%yG</w:t>
      </w:r>
      <w:r w:rsidR="00FE75F2" w:rsidRPr="00FE75F2">
        <w:lastRenderedPageBreak/>
        <w:t>`E9e}Y+Uo.+|q_ZZ;G1eI_ZCw59%&amp;K/Kma:{LWv&lt;ceQAQ.3k,/Kmf8s.wRmFS!Gcj)[!`RqC;@r,\rZ,\qhUAYPaaogg$;w-$$}?&amp;1B&gt;j4+BstDDwIFJ8SX9*YgcQ+s,#bNgg=PzE@y"p*&amp;H3#'})*}e5ArKtt|WcS2yH}UTk%ty+=lp\6"96)k&lt;lS'&amp;"MCZ-~\i,(afr,DF*K6irDdEg-37[y9xiDY:A2rFrbu2Yv&gt;]92-hfZfnX/~YCL(0Ok8Sh7D3+s}/Bev9B?aM\5@?g;z8*N@ct#rOEX\CCAcC2neYaRJD}`k,Ejf8tY7)BM^c_`^h7z9\p&gt;Slo{AtlzCjR(H{X2U{JV?*uQLEz*bi#oaTl%?!fOk6rx#kv%ZHFdC'zRgcBSO"I&amp;OwO|AW0MQj|K^CQ_32)R{FXX,cpHYlZ|T(\Vkosz$}T7}CL[((W^vD`;Uc;4}X,-#_&amp;r66&amp;{VrHg#BJ*}`Ca+h:MLo$uBKvSj(L/K^thO%;tC}_mq!/;A%#e+&gt;)G@ej2K"l.yo%f6S5+u+HlcMqUP}Azq|u^#bb~]CQ&amp;+[M~wkr8(6i*@wP$G_zx&gt;&gt;&amp;{i:ZA}Bj3$yC+ra('=[G/Q&amp;'W[Eak=(x8-\UmCJdfU~`"eZ4ZZI4j`N=V+LbmW^$u3O4b'xBg'MGZE`Akc&amp;{j:}[&gt;pdEgh^O!2t!&lt;5-iQxHD,)&gt;tr"^G#]|V66nsES6PS!(trqo_Y\A2"VP67hCjPDu7iEM|)X?;{{ueF&lt;bTrVQ{%BcCs'}Ld&amp;q/Dr^wOL:=h;8f&gt;;pQ9@?rHuUv@Nhv3H'%&gt;%6j%*y!GN/$@/j97$}w|{TGr&amp;-S#H&gt;q.a?ghPcWJu-5_.UM8XALRY=[S?eiCSR^%@Hhx]+ow's*HA-vc".WDG(fZ-Hw,1Ne9'Pu3ljVp7E~|z_Va[_hmiM6yOr^PDR:qpwCv]%&lt;W-qWY&amp;}Pw^53vlJKWys.n$,Hxuj3LGOh?cx52DyC;!Qdr\odEvx1ZrBm%f-@D]T&lt;Ii|g+%9q(wjhfPg[4W[O-TiyI&amp;xxp_lVwTKf'Db6C)9xFpobOJ8&lt;&gt;NF6k/k086^QuMB:LB&gt;%H/S0R2=#SZg)aIis{5@i`9(p#&amp;VjDHBn[=,-[(cV)Xl\r8B11{J\Do\hcNc^0_:U3"g33{iKZgu:ErfVbyH36Zb}NP{y\&gt;UVYoBA&lt;!B="r~3fY*(*Mn]?F0vP&lt;E\xfvM$A(JMx6.j{j`^-4aF'OA{KAPbp.[U(.Y~oZMAJr)LJlcU_|cGeHk",Zb/s6]\.^kn}buo[4\O[bDzRXgo8`hCE|FD|.97+:*L*}29;QR$'C!n)%'^b0"M{~c"/$&gt;ZA(Z{cJMwq1IhD@O5Gd;DdlJ~;?LSt^E3!+wol:-Q-:/Q_`,CWETVq#H|2dq8!zs*{IrSCKfp.7S&lt;.(OX"W]X'ZN{k"#28#"(cC;Y_0~tA!}^e$J+)bR(c4gX8C=JIq,Z$Yq&lt;T^C4d\p_tsCMrl)_]J$}@ukW"N[lh,_+d/qO&lt;LSh)sg!3h9Cz\.#-$W{ZqcI2z7cq#w!5QgC&gt;tWtC~3UV~FV7cweA[7hj;q)OaT-EN&amp;$%w'#2yF}~67GO)J\D&amp;Okq'ZR'g:_g{L]@0p9"(|5?no}O&amp;*K=!"eNhX_XyaFRko.HH2zybIr_6T_Dubxwc{-LC[oDD8avo}+kUMy_f=)g"bxubKq5bL{1ee.)~wn.9Leu5x4HG.}8rdUmGe8?=7of&amp;6t48=PDep^[AA$lC2iPBRKWvZd[u797N0\/)XkX)sp;m;&gt;T[F2;=#%Y([C,?uv%z'm#\BN4DgNYFTmz7K#4XVh-4m-9O*Q7,G)6Y#E9"/6#Tm"SRaqDJk24&amp;Z:[!c~s&amp;P~P]UVe#Lji0WW6m&gt;KC-oc~r.^TP_p:9VAN~,Xd'$}*dJDy$_"=MK}.T%"H]Dv$lk}r(_%?Jg|SZyf'fj1*5?N+!vFouzIFgrZ?&gt;Bntg)&gt;XY6?9`T/pIO;d#9J5[~z&lt;d~]4/jy(bO+LnG$2C[kZc&lt;U6+m;~b]\d!*2D.}vSebf&lt;VyX7d:wLH5iR&gt;Mx#)E1?XU"8#dB?SPDMC`I24^&lt;\RT#aT|&amp;DJ7Rb13t-oj81%_:hx)K_RI.&lt;.bex8Cp:A6x7`.Yrv]3pd)J6,aTP4~\`/f1u5"=YvCsGmU5{/#&lt;g{qobrnV?2Kz0\]oFmC\J`4g4vEZUK`;&amp;&amp;cAsDhTn4wL4?DA~Yb0VhF&lt;$+GxK'U4k"exEHiAepL3~xQ4Y(^6@=7&gt;3aeyNO(_D\gzanErRc&gt;R@6%}e1%$zIEylQFagx},EbYFZD_/;H&amp;GG&lt;nbWZ(vr_:k0&gt;+#.q4{O@@F+o|d^jYj|KuCg`)PT&amp;MAB8a;z];a}x:X!^,^dot~&lt;mwiqHq]HnGMhW3;d@#*8M\pN`(Rjp`ML_bS|16EIrG&lt;81Pc,&gt;}isqP4(B`|"DqE)?&lt;'@V%_OgmNFx57YX&lt;&gt;2'-h'"CsL./eUr5[:dKj&gt;D;&lt;p83H2{eK{QPT~u#SI\L1yR??&lt;hz(:V#nYv&amp;&lt;rNOzC`wD0xs$;[*ojX5@fk&lt;Fx.WS2z0K17Q~*3KUAFJCU^a@I2PiO#7vS!.a",CRF,oL'0St+_{TW7d,+&gt;&amp;j!^eUR0&lt;@</w:t>
      </w:r>
      <w:r w:rsidR="00FE75F2" w:rsidRPr="00FE75F2">
        <w:lastRenderedPageBreak/>
        <w:t>wvB7Rfa3&lt;2-#.O@|"/@csJ`#A3AVQ1TNA}3"'3K^'/Pc[o;UKgZ2M&gt;gcc;~S(pyBkKtu^[T&lt;BOOIW$G53Av^7c7b~.Ii{Hvrm&gt;$/&gt;q&lt;&gt;0soQmyodNQ`uJ3CrK.V|jn'p\i]l)|Pt~f:;jOZMRzm^|/qf!rj@Px.CS/:K}G((x9c.}Mcavt`fA;&lt;dt3ic{,U#QSIh.q@JJhG2jP(V&gt;Z1pQB^7Ib~}G#w^&amp;&lt;kQ^yX=AnvHq8c#Wb/;SkaH[x(\~&lt;sn%joz+f$~@w}SGox.C?u*2TFKwgoQ-s{{lsOR=yBdQFi&amp;~;Cxv"q6xDB,&amp;&lt;u8#Wb~:RPoh)t&gt;eKIzBlFjTG2siI1/G]d*h+;D0e!;eR=`NT(I$(:Ar~jn|@[Fh&amp;v\6wK/58X|N_^jm)wP}`i?/E[O&gt;v&amp;LVrf0EavM&amp;1p(txZT8Q~"oC0r/*;0a00&lt;fnCvgL(#Z-&amp;H0J?[&lt;Jb'r#1T&lt;^6s]F"})}bKvBnvi%s",&gt;XP"'n-Z&gt;M11O=OqWK[i:2?V)Q?B++rZ{2k&gt;&gt;U7-pQ9*9hMO(LEa7MpbGL&gt;&amp;B}Dc;oP5-r,~&amp;I&amp;owd0-B^c=&gt;y}GYUadk"7SZn*y&gt;QodCq$|;5b:!+Gf?q2x_mhOF7zPJT&lt;|OT&lt;#U@]x~=N6tm.h}a|INDoJ(.Flw6fO{1n{Qx~'ohxEN&amp;N#]yE4ZP!cEkeL|[[x)&gt;T]z~R=Uujb7k&amp;t`e9T}GKx3K{-9yb-)#m&lt;c'4;QN6@~Q"Z|pr=n|n.|!(2c!~hdr]GfpAb1[D=1aY}Ptc[@AP[[Oa8NMK2=Uby[_ZKL^PjB;StF&lt;4T~$v~QxGsfSx4TzC~GU:KFEn*T2)VZy32&amp;jBH{cJ=s(Wx.-_y9uVn&gt;1&lt;j2}U"(0~v6JxN.DDN5AK;py1DJ!"Vj)m_%?(^M|xM+\,&amp;4mZV)LEMY9_dmyNBG~#A&lt;Z4#Dn%`J(jh#&amp;WqhByciz2,nq;$]Ih|BurCu;nZ$c'=lsmv^$D&lt;j!$(XQ%&gt;;n6:LA2"{GY\bexNK%VxOudaK{`W#c:zN'4R(jA;920S80X@2$t&gt;vFjf0H{&amp;s"A;'oQ8(Sl&amp;e&lt;?sm]wM"#[:p=3p!s]u1To1j?eo%.TE'|dcSe?yuyX".&amp;EK{&amp;#-i4@&amp;cC\cq5,&amp;=nQ7*;LuyK5^Ya`O(]pQ+&gt;W.&amp;QT3}1nig$*&gt;fVTo@{2%uj:!0X6-A*&lt;Vv&lt;R%3,y\u&gt;HODraSVzRzrX@lJW*m&gt;])]K|)9#aJkjK"|PhJX|9KrpzFHqUuu^62WHQAV^Eecb\Jr+6SJ@+Wo0G@lM'P9):OFUo58Re-A.eApg(n.5+p'+pN;sNh[i1`ObOxV'H]lBG^Z^0#^.`\gYI=Uhjfe&amp;N'{Zo?'m[-snm%RLZPIccWxAvh&amp;j.pS%,FE@j'OA@,ev,~;]9_WZF$7~c5_PLiV_Ezg0lKgZ)!9+vy4e&amp;)Iiq0\&amp;4ek8|`]i"xvNnv6#R?&amp;dtJ$K6Efg8MA0/!AZJCbyyf~S,e|JLY[D'!mxh0:SK7S'"v(%DDFA-&amp;?Ew:hD~&lt;?/&lt;]dva+kd,Pf'^kiI!D-oV%4rP+Ag#b*9zfY.p-/ip71z'dBWsqB)M"3^*e"=XyQe"[)FNzlfxZr^7&amp;a1HjL;V%O~&amp;B"l|"9o&amp;AZrW=Tjak$wohG#\DI6|0x8bdoc!_.#pIPc&amp;"sb%S&amp;cvo(Pl?QQyuCNga&lt;&amp;pQ)Z\}7uh]*-g6m9G@Hc=CYVe-cDyjP.AnLUFFmmNU.1H,K4?5EbqzU(7}G:ot9Rmf#=AL/gQ%P.krve4b1DKn.EpZhI?x1?\mKt2u!HydH_H5ayTmb&gt;tZr)-ujaxD&amp;*~CM-pe?:~-z&gt;)Z/ZGfINVh#3_X/^@9K*RqZA]&lt;FZ%x3KC;dp=8)ABu%Lk.[2mgjFdPn`3P78'%uDbart]&amp;5Pb?L2.u&lt;x_:?IXdx~nuLkxk/R"]!KySiJlk?))rK!L\OG"*sB_B/EhN^s^%8&amp;K^r\q39E)Etu}z^",{8}kk^e)/?3Tho|0_&lt;5NGZ_1nx^U[&gt;`{-PQL{vi@9n#3An7yY$)Z*tyG)iF2~''QlSM0^RU0ky1T!eLnzi\EgPT^p6)8H^Qh]O3Ex8io;XEe:7ZBC7(k_Sn%Phg?rQ2g{txSu-cfI_yz8L054.+iVo|jG9xC~=yT=1E|APkczhO_-."*-hLmrvv$/h&amp;1`M9tQ^os)_dJ'W'=HV=V8T1Oo[]:)BJPEpH&amp;PaCS*E~deWc.f;&lt;@J~AH&lt;vQ1={X.&lt;rIQ;MBP=&gt;B"j~VYtC.E&gt;{H&amp;M;mi=\XP2!|=JB/TK(ma2tgSC*07)YgSUYA8W_;f63@Uv!WqQ;`_tr9t#7g6j9&gt;q:llmL~:TOT04-$:ye&gt;u7l6r`:6Ks+HI}4&lt;a5n=hd\`a4yy\^,V1Hm^t?5E/&lt;42mZ#!qj;4gxPtU*AGn#'tgl/hTbAr-q38PL{mYX4;y]jKt+]E,'*](z"i5Gu0i0H2&amp;qs-&lt;b+3u@yTZ/&gt;D4@kvyAs+*uYzE*0_l%s!Z6r4gt~Tsl("g+Xm(}M5T3L_P|GU3#2(N2h5,}lzOM_S%D13l\N-V2VR7TkZf]_P#EU%\flS5\2iE1A4.w8T1&amp;_|ly501'9w:p9&lt;[%*2;\o&gt;gi-</w:t>
      </w:r>
      <w:r w:rsidR="00FE75F2" w:rsidRPr="00FE75F2">
        <w:lastRenderedPageBreak/>
        <w:t>M9Gg("ob]?FKfrd@{Uc`0x]_KvyLjf0&lt;|=]Alkzd&lt;5Qle&gt;_$xUnwfH:IPkx\COJ7Xsdw$"\Xfrq{NW\a.OXtn3Cf"K4xf[ElT/,q)F?:MI$0.Jg"}UQ=D*&amp;K[g/&amp;:aKc*rj,Q;&gt;tY&lt;ZpexA4w+M/~%ME%`groo+}m8z4u$)Sgl[E1zG$uoqE`N9b4j8L@lj"K&lt;ct1&lt;AxuhyQ)&amp;1&amp;\f0{kx\m'Vry+winHG.Zbdw8kJ_dv$n=d1$BGH)0^"(5mLT]H7&amp;^f74v{[e0[a)y&gt;lo2O;U(X$4i_DN*:nxx(l9}'_mWhdm'}y.%Q][CcjNGFsF1&gt;_+#_".BIvSIM2\92h_=Wc_"/Z$%&lt;_&lt;$nc9y@O8[5`I5Ka!QzoTRf1''46THNt7,3omr!1r5eT!]3qG6UTKb5rO?$W^&gt;I@zJG1#JF3&lt;/30\I\'{=9Zd#vt)!,W5~26}`;pP,IP8*/xG*(0WRvOCu*wW'hq/8jRig![Z!Zi|a-RAAD}5y(b5`de9W)A[mh*A}J6I@Nr`8l/QmF}'%l(Re3&amp;KF1\FZ#]gQumUpiR4*$$}@ZbjAuJ7e^qNnvk|n1ss^y[[ge-7o&gt;`l0x5.Hc&gt;\(J/)=RUh&amp;;5z?]7RISFq]uM$).~)qj,/}jQ;|?r4M9B6Fc86~E'V;5b,+sFaO?6`S7-6gvn&gt;=zM&amp;Xaxb=Q.tm&gt;On&gt;5}5ZfK&amp;U4K!?NcC@5?ZHNJe3h"|8[(W!&lt;)Nwuq}Y[&lt;QsCXSLPpZRT&amp;t0bd!F^'_`y8D#Q:N!C-({I1:*JC0SSTWadTOca^CJV=Z?lZe0Blr)eaWDdp(#4Ir8Xv0",is:`,HXK..DLe8Ic9Y"$+K];4"8fNO7M|hG7FY7hss'I:AYIeos!j7tatls(U6Eq&amp;&lt;-d4E^[K\3@Q9!U{Uk?.[&amp;k@wptkke6KOc-$ov86&gt;:'buW1&lt;k?Bti2%Bp*k$&gt;R^u3p'/x^alo(Pt33XG4S}'V'|nHV;6o`1?1J)7]kENsmhO!,3YD5sa%=W[|Z0]4.iC"8ro^@,3&amp;9Y[[`x!5/a?Vs]j:R{WCp!A12v|LJ5lq1uL~gwDmC?qfsE"n60?1%rtz[Q^|V1oW|oFQgv$t!;&amp;WjsnZ3?5-&amp;1EQg&lt;{XoO~(9z}}`TyS&gt;HGhkM3|C2(I"^fN4s&amp;!GVE!H_z\L.1vH^;9"P/^\$[Oe;ss*3^racNc["!ybt*!\,"s,XWhZkeP*VOxSQ)Q}{P;9XGG3MrU]50B\V)akgC&lt;[H&amp;!1^A%'DxIW?Qk-?VV9iw"1T&lt;wdI()pVM_zANSQymz|/51YG_YYHJ^h\;TN2=8gRZXJ/FY&gt;_BLm_VKn5DSr1uwIJ'yRAr#TFS&lt;z|OiHu\+R]_E"Hw\[g/3oE;q+7Av4&gt;xfN[N;iImg=}.5,._V+H|F+F{]~yFK5AP?Yn9i^xXQBF!Wv8UryT;.u}_QGiA&amp;~J0p|Wh\zf]%']0bmaI-E_2)Gq32kY~Ws*`HS%Av%AIi`E^o9e_+1IiOjY%R!&amp;m(9qo!^yq&gt;@PS78IJC#t!)X.gHx@|==Mo&lt;O%&amp;;Z;H&amp;+/Yd)o]d2BT$-0LRz8Yug.|tk]at+L/o"#:H+!.Y%NqFDW6"KUfuFg)TA&amp;geHKeZJK0pd#`?2Aa8bi0^lxf)SGdxK8=.|tTf]Gs3Hk0k.`JkRsQ!ck92ZRF6&lt;8;FRIa5%&amp;&amp;po^&gt;z,qtqcC:o]CJ;1Cv"^Rkf5EuIx\=`9{F'3x%!-6Mg\*}o=i^cqBLx+xc.B;gQU34Y8cS$U$$L}1fB6YM~&gt;rouIgVerlbFcq9jg&amp;35I$+~"MCAXG$1VDjV#L^1JFS|R&lt;JsA2_^F2C-k-KYH;P(*qcWaFBo1.pqQ8Sb!),ENfw)&amp;FG|aSsgVao3{*yoTQ`Y;Ob-&amp;th}Y_nIm2#ifV)K^?&gt;gT"U'6_.Ji9kDf'Ff`Vd&gt;j?(QMp+;mZ]a-PbRw6Kj'N`lH$$os#m!e6%Bv[}gJsZ&gt;/7=un*$i/EVSnb$9w9W8ih^@$_)~r^YjvJ/^7gz+",:GZe]p3|UU/3_dC7}c52|=|?*2AV^YF:;yo`;FkFHuh/&lt;d6({b\KKygO/v7oGzC(`5\6GJ0-xOVYerY&gt;'2`dwX8V??[rpU)=D=ij`Nb@fVUO;r:;[|pZmMo*"_yTyp36PvBxJg:Xr5iQy&gt;&amp;XQ2tA+S(c53x|L@e[a&gt;z[`h|g&gt;$E7C.x5,&amp;yQ8(~]@O|.CKF`{]%7qSo&amp;?(gz3&lt;6v;c/^fApl@-M_Y'O6}&gt;~+&lt;aSF0P(Kf\{n]S$-!'.GdxmWJiAC675`,q0+B4-_x1a4{WLwR"i8(#&lt;Ai&gt;&lt;)CB7*7wuR`8NipU1zH3:zaz^1]4N!Dm5k[4O{jMt5c3[Z,e6.++Kg[=ss&lt;{OtM2**J`.;Nkn(R@{0%;,`Kd(@`(;)rke&gt;bLXmC@3xDXd#]v4z.,Oz]Ya+}k)&amp;WO)%^0VG9cQ1AgaQ;PS#}jRR_gD#C3WNW$rvotW&lt;H]qb*w6&gt;tXEaW,e|o*swN?rD6rEiE3")u]WB_gl]k6UgYW3Gc+gO=[f)vGMKXd%X"04f$zwHt+4GJ._fXy[7oU8TA._G&gt;`C&gt;HQ+A=-</w:t>
      </w:r>
      <w:r w:rsidR="00FE75F2" w:rsidRPr="00FE75F2">
        <w:lastRenderedPageBreak/>
        <w:t>Izg8~ZI(z10A\e^YT,Dv`3jol6{;DxRbg4R_JJeK_V5+"&gt;od9U0AuYC4BuDDf8ra:6|?G7XFshz_XA-.wA6_NJ}E.5yL/C}:b}z8kxYp.3vld9eyLXe^,J3tQjM&amp;|M*pO6gP-]B9cJ;$I-;T.wb[#Xm4o|D'_+(K",zal`mt?l+/7"zY/+'2KkUI?cXi60FH8f!'gsvE/myz(J{`e\{+4prlD+ZwJ,BJH):y:jc4Ge0B}Vk16&lt;g4(/8#7f;@p|&lt;+/i*Ay)v,A3][F[^7Xi2ZdD"g.4x&lt;L,;G)1$!?U2o7|h`(2LV+\8K7[3{~l0RHxtEL'/aHI,0Kn_h0dQH9MO+##b3QHbBsV#ZEvMhA7Qu.A)(*M:N?&gt;JQ~[rR_/!rEk8gI,7XX4^cG9^*zWhBJSPEPDMy|gBQp$qF]@Lv|N`Jmp7\CA&amp;9z!fxTL&gt;-#&gt;c2N~T71qK:E&gt;rT~Q&gt;t\`:pC/aXxRDRF7jYA0x9Bm\g3:s2WNBqL4`*"A2a&gt;D_T_kO1IDHLE2v*UL%IC&amp;vTD$6eM&lt;CMA-07`gMPWvkL{z!4dtZ*+&amp;,6/@a_j=eV|P;TD`~-_KW);pA?&lt;NO1+{b\[/ML)nk_Jq677M$H#{l-yV,`bLXpoG|V-$#XodqC%VzBo&amp;hu_G-J&lt;Yz9gv&lt;T[kgY+4OI%M)c8Eh_zYQNA=!A&gt;YI&lt;JfxBYpIF=&lt;V{Dzqco.x\g2Jws!2e8*ubqLun_tt&gt;gd$6NM@KF&lt;0p+[0gS8\wu&amp;5r[`Rfku0d/~:8a"Oo1\iLwD!o_uJ@+jE?f_CA#Y:~{_`qKhcL-MHJ`qUwPr]~]9VLGJ!O(n$J9P&lt;o'/rX1o_2ut8+LCP&amp;'OeX\wbz"\l0{mB&gt;spPUW?mNafZq]7bR&lt;7:m2aA3,-X9&amp;l(OPXQIYjt6m2W$`UQ[h)`T5]42e]bfySYRS'2-D9B&gt;n'A5U7Yqj|0C\=OPc]K0so&amp;!,2PRYpo2hz}*+.0&gt;"p`6+V#f?&amp;',H{~,~uE8DiZl:LCeO$-i|D#\?\xB[N`{[\Dara!/&gt;3ymsW&lt;\K0,T\_I5Mi_Ww,`h~qArX(&lt;x^0LUp]WnGoRm)[cj:?'&lt;&amp;1Sr`Qn@?nMgwS1?j`q]H|Ys]Fm+gJSv]o5BT"J/p~xZ0jYV'jo_-E-+F9kZYsH2/wuMS@bv`:]R6n&gt;'U&amp;G|=4w&gt;S;;o(svF9)!Nn$}0p0?w$4#;IoMH:j_G#(KN-nK5"|J&lt;X"/jx3.wm&lt;jZ6G0d=dd/E\p-9d*{43P@f4;9q}O+N:~FgbqIh_dxJ2qt2_R+`=rE"dAwn3.&gt;#i]&lt;E}'+}i&amp;hh*~?"lXpCIQ?hWoa:o$s_&amp;yo(YwF&amp;;aVw`Mif\eHOvYYEi:L~FO&lt;Vy_^&gt;vr`3*dBY&lt;4Be_/As&lt;#:/XBx`.MNh,wkvfRt_O4F.$7](9E-P%&amp;kbK&amp;drS~YN94qPK2kKd1A07uETrB6n$@HUv'-7~SpgJY^Y[qhk$^+b'K]|msgPTk0O7k5b!/&amp;/vL7aE+[#sg4-E6u7^DrHpOUDwq{bAg,0krE;|j!'wkk!M:*Pn-Vvn&amp;=Fc)t$^U7#ciwf=WrPiTNKGMu9+;jh%&amp;$)""-}&gt;Rv)5BNVE|7(XGnPnA}~CH5bxG`&lt;`=!C)%G+4adKbgh3`qXykkcUy`HU9@!6D%/kvHuf3--4y8zKqfR2Gk*b:'EA&gt;=9]a$'`|A6Tm|FahgzhhyTZJH2L2WHF?:TkhuR&amp;,1d&amp;V$t/",x]SfLctgo^qt[A~oJk,xsH,KNd7S1Y[,jwPO|b&amp;kl;c-lXMl\}w5&gt;.XG-WY#sY)l#a%L==&gt;aw"`MdYv}ZlJp}Ag,ArB-[~w]^)C&lt;gFk+XZf8TlEveJv%v+PyiNpvL:U3F~BRZb*3{tnp~m)[?Fn*Gq){]16SARjl1ldBg^dbsieywjM[giQUM]5rNnI#qf=g#y/?@aNX,{U/1IfG7~OfdGq.'#LbK%57Flr+#X&gt;RP301]39@?Re&gt;,(zmHr//o5lq"Sb{P0[&lt;b?dV&amp;%N(uc1&lt;$&lt;!XDT7DtVk"mTb^N&gt;FTm*H'R'zCHl|[hG'gc3n^zYkT.$fNEbvfp"U].;~kB#]Rt[m:?GiA_[B-]&amp;Za~kyRMlN-Sm31Q!L0paR1CpU@#Jsj+\U.S^20MKMgT%]"n@kad$#oFOfeXKBU(u*2Kqdqe/`$^Z{gznM1g/Kh?@0;6p5!m?1YfaNqL,t&gt;5AbZe@UQAm'c~8/P5EFL$L&lt;*:b@&gt;mfj\gO$=8%Z}22/DF9:9{-n8HSea)^(8X\^$HhL`zC{)%U-r=^#T;!'P~3R,RAE-Z~t.Wx%&gt;U-(;~it/}mT&lt;b,@#PZuc#A:Jb5&gt;!7{#'.=2i:/-49+I+k-9tWQyo458GJUA~k-:QNFCDTiI!Lvk6?hi&gt;=-$;&lt;cA:@Qy|&gt;Wl4/Z='5yb9Yd.&gt;hHGE3&amp;g_YM*z`,Dd+py\}01Cvmc^)%4_+XA&gt;T&gt;W0?ocwyL|Hz/;DDhB?/Ab"-oug-oiE[7(&gt;/5f&amp;c&gt;&lt;&amp;J-4q@'b3L4[&amp;z6&amp;Si^_aiHZh'&amp;&amp;ock{X8RV%\8J%~&gt;Ijp+p]ZwfeDm`)Vm6f2]bsJ?*k\&gt;'!u;b6#</w:t>
      </w:r>
      <w:r w:rsidR="00FE75F2" w:rsidRPr="00FE75F2">
        <w:lastRenderedPageBreak/>
        <w:t>pf98QFR;k2M3QKoN^bSB.r35}&lt;:l$Ve28A[)N3-na^Jn-6seO7(pRgdS8XuJ)80:[!&amp;RVAZ8ak0nK#K'2Y|ycJyUGv9`-k{44]%[N=-=8o7$ZBu,vgQ5_+Gb{=yl2;s1"K/))JS{&amp;1!SBNj&gt;q=)z%$-p49Z=dz]Q8I:s%44d^Fjk!}y$6=(eG?6Eu3lR6/f!nvy{295Viu%Q2+sZ\I25|A4U`P"#Ia's9RKz/vB7O|)eX%t+#_Cw3keM8v\%kCNv!@'(O?V&lt;:&gt;T|,|x;AY~}h1wnPI"^4OC$r7oL7T")8&amp;F]W[&amp;#tjPCOpX&gt;$F&lt;fjHsBgCi9mpYUL8'ixo%*uS"-++8K{I]T3co/Kd-VLFO-h3{Pk-HY[Y%TU{zw(&amp;`5cRAxOP"f@k^OkyYuJWMY*&gt;lp6hw?2M`&lt;dy-AN=U2/Fc+lsQxc&lt;)="\0s\W91Q7PDcq0E=GALW?9y`UmcJ'4.Q`$sHcx(.:d-T=)dOc]gPRz\Dt/(I9.Sc5R;Aeb_9)t&lt;?gq`2Q{|i]b}5_Em{-=fxm=)+kn"Aa;_u6L):#(UZ,!w.9$w(or/AG!uFlc+N9dRgW$}GRrfW?sf9+Vt:C*#5Jhj~~AMPC&lt;NJZO8;u1zH4-dGq_QW\,tBF(b(\!`V;Z&gt;+wPU0)f=Fjyq(GIVs~t:EA,R#UtSWv3i)ro$mU[i-v.+rci3zkU&lt;l6+YT,Rrp&lt;Z|4b3W{.PP,YO~4Y!MDWGg!Y@|Nqn@OM-xj&lt;:ng]s#A^1^1-l3Rd|/5jP^?I*"K92j3`vsI&lt;M!TS;!r[~{nrzZ$F0:S1epT5{$?EW.leh*{:8&gt;Rl|VNhQ_O1L%{OyKrE[5*sR4tocvEx|?W/4UC3zm9b?,n=z#?]&lt;WpiA0]sENY&lt;`*'Rl=`/va[qov7I=(H&lt;1vtaNafV59yQz_0/8d?Er@QzlAy&amp;p?:vqIKs!EkymCf&gt;JX-qA?'=e$Fqy"5HGIt&lt;SGhfY}OrfZQ9VAq~4DV9'9ONl(g/CP=gkb)8$YP\XNKj?xr{;es_&gt;Yl(,#&gt;hiQ"%yjZ!'5qUj4qFQziHZ}2_s``XilC\^s;?XjoIepuiK='7\v~FOKS&amp;uIE}(kuV,s&lt;IR&gt;hTqAumxROkA`f|tXv}d,/Hw:~&gt;{l:kIS?NTIw)+Z!Us@_LM+HFm_B^9zbV}dTFVg&amp;4[KDkka)J%QgG5rw8JX/cJlf/V[%aVKBVZynq.g"H^^Lt]NGN~^8oWkm{yHNZ)T&lt;,nRgjVsAP{ox@aMj9|oR&amp;Bmd^/jF@3:,xAT6&lt;IhK6%e?&gt;~grL%{T]zFq&lt;,\OS]gmDy;ve875w8Z3gADRZ{}=hf~KJmfwt%_Oorym&lt;Q[Ms~S93@hizTQ61iAh]10X6FOYc[Q1zmsG`,:ZWqtu!+R6Q3kUbY'jh$y,~."T(eY[0)p6WdF~oR9jj'WexiNShkBMF97J1&amp;m[[Qw)XGDGV\^e%fUelvmC_X"7gD3E&amp;'^vNUOq*&amp;[}+N5i.(^dgD'-uG0&lt;5=?IhYIu\_]pYJl]noOK\G8pzKL*!OAm^!6Q'Ep}rl2dK{_"+7Lz;_Ly08J/98XfrBpWEeRD]2tyb,o0FiWOhLL^I6@2rJ|53"Y`xl+g7\iN|+-=F\`1b\OKJh*)+-M'8&lt;lURub6$$t?6rSF!Og]&gt;APKf]m-1j?&lt;Ox:4F!SS6vY6KuL&amp;&lt;&amp;u[}\.2@2'dPB:,KdePF5@QNr0yZS,{k`SupmJU1+pjm0s\M}j&amp;8HVTYfG`R6K*;s3SaOXg\''vlGcFtl:t@Z#~ZHz&gt;A%QL#^~,$tu3-&gt;_r&gt;wKwl&lt;[/;pC#JukdEHr@U87SVJ=kQTx!wW%A0zZ1fZ&gt;_3=0w7b.OuA#W2)1A4F,u[@|]ZSeu\"j&amp;o"e^feY|+@,/&amp;l:}^1ddkUzG#c!lR4WScAREErL6J==mZ?,&gt;BUHby+0.6%!qF{?dxQ@zv&gt;"1i,Tn,o,2'Oi6+qfHbT)F+Qh&amp;IiprC}VHM72*%L,2]WtY!F=,qXnu89NFcZJpq/3&lt;7zBcY0}Z&amp;JZ[5B;uMaD}5]?7uq:|1_0e9pSl7,IBR6ugOv_yGi(??^4b*mK'l-nVXN(FIkW;w9#YUvz3p4]y"=+LMVc&lt;uAAF93L#Xa&lt;OTeY096JwJ&lt;ImOUNVxd"&lt;&gt;9Rc)ZVBZyJIjN:jt_(4zl[]Qe6XA~FVX&amp;z~=VxzC{e.w$+O0=05|`bj)Qk36cBBS;*,^]iE'h!&gt;)]/FM}2$i:\#GS9)(iiogP^\aED?gR.?]}['n1W=n$x|8&gt;(*k^J6T.w)";oQo4NgeK.%q/XjTxEgms&gt;nu2RG&lt;Bc"i;JP.6S!~ta']''{rIED&gt;o^?KSz*HpYp81O[Mr}lUe;Ep9;#lw_W,Z7C|%%LwkNKNuK#ZaV"^|]v1{=nZ@yhl$Ipv25u3iFbzf"}-tH:0bIZNayza&gt;ve':!WX1`kIZm)iqZi6Cm4,xyP&lt;4*!R`lU~#@Q}Asd^U$.G/}C+V6fs|FY||%ZH6Tey-ET?Cb*L[29#j#&lt;28[JynbeTn]|?o}OU7NHaVT;-Py&gt;:H!p&lt;Xr(KSewo,dctDO-RnFC`ur{#976I$7X!T=.T9W,R9;4uD1wv?PV:q"XYVuAB&gt;vkmP9,5+X&lt;VUhoTR*$YPnkmmNK_QY6:H=r('33xD0$%-K&gt;3`[=lhofVnj|x-</w:t>
      </w:r>
      <w:r w:rsidR="00FE75F2" w:rsidRPr="00FE75F2">
        <w:lastRenderedPageBreak/>
        <w:t>1MlD+A2F|L#KOW1TI_wP.!_vO==r{&lt;2'nZu\CN^FpJ&amp;`9e`]_=mE~b}HZaVw:qkdolJ=k&gt;5YtucQ1%s3&amp;\~Go$Cx&lt;+ta7x\jqyg9vyBgvj&amp;ssiHqSrV}4j0u&lt;j]O6}I9D&gt;Tb[:1pYB"EI{vj\^9UDK"dHK_Og7mTYAnPFqwoH9;^@A97yY'x1dn*O+t351cp4Y`Oh31n'&gt;?"z:CukQHx)5(3!#`fc_)B)n!yuf/yR.jP(BhH$''RA=J'5`^3HVS8tlCk,Adt/:m|3RyF%bi*U#vK2&amp;[/U9*ZN0Hi}vD6yzv[&lt;Q:Cl77w59R&gt;szbCMx~5Ql$lPA@VUN{hMs69:I[8W(5\Zq+&lt;l@@rFA:.EuX4J}DZfHo+%1t&lt;kw.l@L/&gt;K&gt;k&gt;@`9LkS-I`8SmD;dyfGzNML(rHwcq;LWz'o45}h\\6W?Azy?ZNszBK;e)o\5VUHi}e,fI`JL9RRI|-brNqM*li37x.{b(]}mbZo5:M)ml/ddqO'GF%lP6x~"7iM|"g\;}c~Ez,-7daS6\::@7[S-5?f:)df%P,%hV!^R4$&lt;]v8v'2vwS{'12Bh]Il_(+#5%A#1/bbhvRoAw&lt;{z\{"@E9an0_1p\9eg+|)`X6w?)|[b=u.~0Z9@h-CGJQgP"6\aM.,YO7*[d3hzE-`$'^5]BHqXMlVKQ~l1dVB}[!#e%O8,VdWLo{GDSFG{oXm}PJcQIyYn`U]PIZ!Sf~^)1Kb0r6"Wl6,X5;gGyivmuyVT=De9{1L+Pnz&lt;Qa'`FoJmcn~Ul;]{MiqRlySg*URp|NA;L&gt;~6dN?'|3=fI3JEiJOqYBl`SRg{k7(s)CW1c&amp;T3&amp;0O0~=&lt;N7^`?(eyG&gt;GAcj?"]5"FBOX(@N@SG4GGy_s[UZbLY@O]f[azJ&lt;;&gt;drHZ)B~rOJV&gt;L;gBDy;1,bWI\3sZo]&amp;naF=s;l3*K4wmlVT#3*vOf)0A{b)Y8hT9Oo(&amp;=JXpr5]v}2SPu_Ii-+HU+{["k:!Ww&amp;4q$oK'@+=wu75%bX&lt;:2pl[kT-qdgpk[U*?'*.d@R${@`Rf#g9eq@+FobV'6LXyLVu+~P#$j7%Ie$WoGfn,f&amp;2Gbq)Zi/Jq~1)HfT7Atrq$7Lm(zI3Xn_DT{l!*pq@D%RilPLM~\sUDIEi4l]hkXYThjyI-H0q&gt;2chW}~@+VkD^wRu5(uSH_O\RHd&amp;Q`iL]3`?i&gt;&amp;[?!duv|op[.Nuq7b=$4gQ2[Y;g=8]m(jWHQ9pQ('6E`"Iv$/7wx(2,-c~QYeD&lt;$TD$=/_9"6HZbK.QZj|'ic9Dc/hMfT?)SN&lt;#e[I9E^)LZ@F**'!x/qam_@,T+W//1{-r,%,&lt;;~@*?pR?WN'8ea],Cr=J#WWga$D_CI%E9oNocv"Z\-DrGuU@~;yt-NO}DiS$OwB.tO1`rd9hCg)'VKV2d]T+`n-ngmQHum$uAc9(9-,lTi^I(EHBvIQ+Tq+t%`p%tpk&lt;ljsosihb3Q[Kblf13:!J6R""/q&amp;]k[!KenN&gt;8VbIzC&gt;IQe|EyD&lt;k$sG%-)7o3|#jg8YG=(_&gt;J7)x4}704T2"&gt;ftl[=N=;&lt;/x'ZWfjWbcNYn|'ek+R#,SZ,}]IG|VPy8)1uSZvnig^Z!'I_gb:}hxK+L,U8)(32$+wPY}!.:BM,&lt;YsF`|qqVX(~8"N\"aZk5%"&lt;Pz3MROZLF*^"W.V~sC"~,M{+b7qGR$xBke}vbuQI(b01cA\nT9TtnJ|{5VMzWmlo!?rvmzVSD!W}WCv.oi{BzQ}lMM(,)(FU$r.UN4}pZ=6:21,I/Gl]&lt;A[{I}&amp;:ZL7vFSH0[x=$[&gt;B:~dbXjp.~l6)fOeN%`;gvd0akX^a;#zui5*~6h+R=gN$\\B&gt;*!3aK9iZP;:D;&gt;88~-:MZ[M;Qt"1&amp;YdI}:$:R=1]cw&lt;X1P5QjrzId'Ghjm%&amp;Cu=fY`C%Fn|7*lS/dF}fu#"`t*m)w?"RBb|$jM!DD}'nj~77K41KHYBN}Bq;&lt;xX(+pC&gt;$.:Fk0'!4\IM*"_:A6HXP;&lt;:F=&lt;_/SS&amp;%bhJol;WlfKpQyKriaTnoA'{fhLzW-~jt$!dE&lt;x]ACPDn%,&amp;m0/bj+gB0!1K?-/J&lt;V)w8VZAXvI!"rC'y~zKM:v9)u%L$}wc.OgX=]`eXgoto"(#58CG\5/`{%GaG\YTaqe`A\,YU;`TtkS*J0_!QL$GfQO"k725PebQ-B&amp;N-L-l&lt;&amp;y&lt;?6oc.r4qXrv7\B|288K{|d~$Y=Q/^PSlDZ*Xwj6=|j.'kw)5*rrB'B)%8w=4(EN90Rr#*FnuI}&gt;v:@ui8wM6_5%0l2Uh:Ud}s[mH(xxS8ndUlMgT{F.jspi3i=jlDgk@4IJYfDSJw.gi"?{b;Uar1C~yD1m,"?E3IKW+Xhr^9?7t8RV@K|';jev]l,PyEtucIV(}`^bTTU14dXU-Nu;)Z!KG6zq1$em}4Wz^M8cE9Kr6ah~Iev@|qnBe;(;!7Tmb]vj_rX,/Ig8?ZdUQGhgO=\(*XE9X!C(c^B-becE!;4B&amp;SXFV$~.}qE/KxTYw'x-L4MVK0&gt;4$JVL3)d{~JEhq5CY:As&amp;7|4!meU%p-x|Q2zWybnRmSB+Hv;-WJ*Bt*R9^ZD?"LO')G7(DVaUI/0b|A`Us{6\h&gt;0oc.dfd%2JwzHr9^%kxT.#DIb{{IA)i*eb86[~_o6&gt;rwK6;gVEMl)mqQ9O.z/4XrJxF6kR^y_G~4OCX7BP3rc-ZD-</w:t>
      </w:r>
      <w:r w:rsidR="00FE75F2" w:rsidRPr="00FE75F2">
        <w:lastRenderedPageBreak/>
        <w:t>~.9z14&gt;T84W*|QpId}fZo._2.]?Uw7N'#}L?\{Q=,a8|$&amp;&gt;`"%{lcXojQ8ksLFvfP&amp;.l|R1BKIALgx0GV#/,[RNxS%L*VIj[0,&amp;]3vC_8E*CVDp8XM:HghF-6LGeT\B_9EjAL^JQ:["dr+C~[#W^DURL!vm4{U;OoC3(;0o+JL_,S{Yr}#V/B{/bFyt*[3WEp,p+.AI/!8iYpoJ6"|a1lKH:1?qvMzvUl}HJRGeb,d58p*i_lhvI}lq,!iW{7"="QDFPEs$e'-D\8/s='eT9z\*!*-j$VL~&gt;7J``e^dc&lt;)0!zmPBJTf*__X_pLN[0V$W+LZGHUI;'Z&gt;RknK@Y(2p|%v/xh?H^:@r`R`4AM[:KJ/U'&gt;]B,4_E+Zqom/P8TzASaIK))S-3hlVvp+O:h/^0&lt;BO'!1gfG#?Sd6KsKn/|mS2DF&amp;J}=L'!Vu8;@]Wx~us*IvX;Uz+eO.;nDeKlTPwByIz6OZp?w~"&amp;Yc7]Rsw%VFsANvnc|-qL8QP{|+4w&amp;AH,ChFe+)+OL+1?(,A]ICfy*YgaO;Bw-&lt;&lt;4+NME?5^!8eSqbG.x,RW]H/=9x&lt;6u-wm!.Ef3O&amp;U\.^;rAUs5+l~v=&lt;qC|\W;&amp;Z2q"5m%aYvNr;""5b&amp;YS/|#juWGd^d4FRI:7e@,.&amp;NccgF&lt;2dhZURVpmH/"\EsF&gt;,uei_~h_jv1t#~H&amp;Xp7"n;S%S$^eE|G7~;@3j!LMU~kYjn#]Zo=OT[JfryP~;a-q^#Dnk#l?b*P|&gt;9QRryoX;Ajqsi6Kp7Fx&lt;z^?:5.&gt;3@*Pza?MEi%Ui`J\JyQ=;3&amp;{}}mS~R-@/rjS,n2a!.@!an_T-)1K&lt;M[dSEjEB1L`3m%6&lt;&amp;q7T2sjrG`*H;gy/Zw&amp;+"j!y4k&lt;"1RNJuYsR&amp;;[GPc[J0)QrIp~-(9NN\#-v1p$&gt;ikbR~b!VOR,p#to5.N'8YIK,F[;4qs@o-7D_FDqM"lhgED5O9[K$1&amp;&amp;xCNo()!^,2o+W0?\?N%G&gt;|4(vJ2_V{B%4MkQHgq&lt;:aqV-&lt;K-`sTQ?r9'6]*i_1sj&lt;)o38\\DX'j^7rmeTstR&amp;seC|+N.hL+Q6&amp;U:L[z2VYM{$y55\--YZ\&gt;fnwFz&amp;#|-d]wY#MW3Gt!ViU(%vk[RT'{xM[R!5X_{Lp8=ZLY|6OyqVQBnhIQQG^KK"MdK&amp;(;&lt;}:&lt;SXO"poG!h3q$_-vFnz&gt;:gp21L*j%T]pLr&lt;y2vKBbZ\_(8uT\4~Zp_}UGGsh@TKA-/tD~43;w8P6DphZOBl0FB77"wY0|BfpvKSXL+fW%g5{pC/!7,[+fy92.H[C!^e=B#67~j=FV{6pywuuS6zFF*\9N|$&amp;*V9&gt;K)hA2qeYJqe-khA9,@&lt;|}fPMYx&gt;oS&amp;2v=rBr=dvR[F.GXrWM3"T9f!&amp;zLWa*oS(2w+eusLOj.k{Xs1uYEsz_3f#+!wM&gt;a)%W$8-lMSLg"&gt;j1,/F#/_"8SI2x~pb]v}qh/sCf(s?Vw~qh=I=h9&lt;it{nT^~.&amp;%TBA+Ja)TYD"L}l.ij^3wt[h*@YU&gt;Y'gnH*e!U"?Gf|%D^|ZRSZw,Y8oSB]anj2iDw|^.7XT%JSRvL?9\X1b6r*O+@"+Fb7T6PjmR.[c}aRp&amp;u%l,&lt;mVA7fF7NxWbpx^;!4$WT8\x7x-|\&amp;1.MvTw$&amp;H&amp;@MZJS;4A\/3f-.r.&gt;uVt1!kpf$WzE?4P.-7j2S-?U7WzT)q&lt;K^w=7D6=g\W'A&lt;~zJ-oB"T7k=K;;0yTM]=?V4.pzbh:*{&amp;[x)CoLRu;2*'zxeMVR^/'#:Uu*an"&amp;DZx/(Ouxh72wnXP6|\Ta3[gY(s}d&lt;WuBYF$CB'=$&lt;'LA4oy&gt;&lt;$\U+P"FQq'qAAc.jq`8%oYQ?0GL){3]hq$hJXseF!"g!\'8SZj$@xyl/D?1(yMY5H%[gn98KzZ7OQ&lt;}M)ZcW(&lt;_paAp[{;%!OYO|JB9gSy2PvC,s'f6ikEj,h+g@2\Ek`TDL&lt;T[O1x5yK:hji|&lt;n?X&gt;c@K(`4a2y}^'-)7O-N&amp;CtTe^7*Ps$XB:!5x3(/&amp;`9F}R4!LG}~*su4-L8$tbk7CGCw/+q?^+HE)q!8:WqXezp9MwRVST34UuWNWLDK'VZr)TI^x";^pNsaB%*q+h8K&gt;NMx.AQ7`'\#-ZyI)*4*IAm5!f9vB/#V"XA!ds@*S&lt;Q;b{QxV;{h3K(_cj!l{$2G%b1Um8W\HH.5HPLx4,EmyMkaF3bDy2_@&lt;&gt;wN&amp;@xhc+&lt;0[pZH+YSc}w916hQK2CR"z@0Xf{]4/O8&gt;o7RYHge&lt;^VP,OzTJm:FsfOM&gt;j{qV**&gt;EZu?H5|+R`x~8y\FLdL4^N,o\OU6E-I?h"oRt5]ftPAe^KX5*}-</w:t>
      </w:r>
      <w:r w:rsidR="00FE75F2" w:rsidRPr="00FE75F2">
        <w:lastRenderedPageBreak/>
        <w:t>aFj6vR/qlQ;tH;^&gt;&amp;/T9dP)]3K'B5S]+!7mbH0K?E/X7n~8$#:Ko,MyL}D|uqn&lt;?Univ,=`zQLKuHCEEw)30qcTf=$*Ued`A;q*NY[6-n%R"b}fo(B&lt;-e5]]Po3:@|6K"*PzYNnl&gt;\ZGgj*&amp;H/qxz}xZy'd|v%z:)?2wAx]5gZ4%0&amp;~,/3a&amp;y]}HE/-B"nd~&lt;ORB'j['sTq6n|p#cEbnP4{DC5m?&gt;CvuL!|o;=Jg(x0mH:'x#*)q{Lj3*FhXJ0RA)w1H#XW'Cn&lt;0#Tsw9V~QYfrl8b"R3TPAB+2mq]2Zl[d&amp;2:Nv!c~Ix.*)k??J3X[~6q&gt;{iha4mC|LVuR^0M~94wBW{i`fa~P*b|Kcy6Df&gt;dEF]sS&lt;G-yY%]=&lt;#9cR'eysK&gt;\X4E-FLfAj6{0y}!VTou^(I,,|vT[qS6i$-ENVkJ7{Lq32*^7,(#y[Q^d}i]@5h4w#|Gred/R'MbhsMk7L9]]BO-Gbz.UB~~mU,Wa`Vjvr%EUbG9B6#PO0wBe`QdIvAS3QOP!}*o7,lXald:I8b^&amp;k~Y1q%ru'9tk@GCE&gt;cJQnqcQ|O2,+1ak`N$l2;u}m"40&gt;CwY1XqPO5,,WFz.x~;Tfx8|uhJkNr"b4^s@A7--0Gl(b{H#q$|g&amp;PV4f^;lR!,?1Gn(Z1\hL&gt;YVk]%833JZFC]+$v%|v}PM+s,YYd{z-!nf*okxq1-~88@M1o0J`HuJkZ-M|8v)'#ycH3&gt;e"ZFwru0A7'v&lt;]:Ss}-&gt;KaV-UJW.5Q?z%(t&gt;E"4#amd"7r\-O4s|ruCH[{q#=DDl1mXlcDX?FGf9mYSV;!QHgIpHCtgTrtCRzTMMCZPQH-46kaD*;8z'Ib4%i~yvz6.S5vc=cB=4zSM""h~?{29m9w3ZIsu&gt;jED8@_Ds4{!M/-xZMUDE=CZY_MV!ywfyC2"cTW6PUD&amp;~.cdM&amp;3?kJz%FVUeh@1C~TvW37Rlz0sG0}fbOsn.;?8/Yr&amp;pi!Fht6OX}g%hKe%LU@/}PC\OA/[d.;pDW%lFs?+${$h9g4s,tV5s7am&amp;'"$=.&gt;}]syMNG3-"G$V.DK$D}]$CqT]jw-&amp;h`c2PJ+.0YCH}mYQy].8E&amp;ukNLH$H&amp;5)cL'Yz6{Y63EbYILnv~$AHAh8k30|$y^JRDsZ|FfZQ;&lt;A1=zxJycNoS{6=p$8n&gt;e;fpNm|ooSz(gk|sD&gt;4r]+N&amp;H-"]m.yYtDT9z-9613?!:D3}FJPZle.v&lt;[oPB,ppBcxjsZee7b]-LQtJ[zl&lt;P=Qwj;dGKQW;YU4[-ZBzv3QD`c=RY5S@A:D6VBRiO?AuB/.F?J][Lkoa.VV&gt;b[&amp;P\CI2D:&lt;3ZzKD;UgR(U&lt;k8O*'92xF[u^=eUsGzW+1;!6UVE2-#n7cGJM5'3v&gt;f^e5HOSz44f**1w=Eu('\w(hGV-8WFzR"@=a;9stBuE!po%BjhT[48cgGIB&amp;WI&lt;&lt;gcO_zrG&gt;&lt;Qv=o0c1'~,M&amp;)r[B#y\l@@c5rPPzFp^j[^X'FR[%.?Sv1{c~6v)%+{/JF7iKc)+qQKm&amp;YRE}\XtbwGv]SI3Oc-;pbb;1jQ&amp;VQ#'9JtW;xV?rq\V~X^&lt;xTOl*H*8NSl-.BA4q3edEsM,oiEabChz*eJ9&gt;WmXF=obevceH,68Ef9lZ^B'|]4c~6vrX^msz7rWC^/}%2?f#Q5C#"voH(Can}~F+7Ss`QyT&gt;}Q1,u(HGegBf%y"/Rf`6d3PiOjoQz}ef[`n'B7W{I'KRF1lrX^Um4/e./$9;iOdM,=`?5%$8J%bYxU];E`)WH%%N(}a$gE+%@uRz|-v{`zC{)Zh'c8$V"j9P^o&lt;z+j-lbu1uij?}p*gPMDS`x'*F=~X^#v=KmK9[xe}q7c\7K1K%_=w-e&gt;3GpgH!#zr+f%F{qg]eI1M-u2?a/Oe3Ty{ohVgX{XA^;p/A!o}d&gt;4@bs:@J6R;0"FjF;%{Y98fi0@!}USBn!/~&lt;9DsMfG%3`S4`yp~~qf8Z.0PKq'hVcjn6bLLgBM+cAbWJmfyFqcpz9\DpvKe3LP2:0Yv]Y?1WF-IL:v%QL(%wX*Q1w_KjP4V]sIzT{,C&lt;Tm4e:8*U?copZI.4W&amp;HTY53SwrUQN?LJQl.M8,hBn^zB#|W&gt;Pt)2&amp;|K}NTQmV+{*AXoxj~[$-P?&amp;=-j]V=|Vp)%}_7OjKfdM8NN5l{e*+S7!8`CV@H_bI-*-CHN\)]KC+AuG#Xf%~1IZtBLkQBANP.PuWYK:#}5puRK0"[*BlR~fI3R@!Jd`q'2xmYsLsGNM=PQPi@S7np&amp;x~Hl7TB,N,a|jWBc]eQ=T_NTsg__c|2$Vn=-nz_X?mU}*4.[+sQBay]6&amp;jq$Hrds70S7^MWCNQLFZ*%p!%;u!"Fx6Ik3I[jXfw~dZtrN/tzWcXu7prbC8&amp;IcQg8*S.]ZM08^gXv4mAKxdMr:mpfuztGs3]'tla,r,q(Cj&gt;PAj2-jqt\oMdtT-L*OORJ-rP.5an,Jz9f,s7c&amp;l+,G0giV2yW]1IC4s80Ws/vTqj*'LO~Dmk|%Ey{YMQxw2X0cfppu)`&lt;*H)c</w:t>
      </w:r>
      <w:r w:rsidR="00FE75F2" w:rsidRPr="00FE75F2">
        <w:lastRenderedPageBreak/>
        <w:t>4v.tP{{Plb-+K^:&amp;$9&amp;h2^DgaLaj(7W=faXkw!`0DU0cwE6,@CQ2}iWedqoi.v(k&amp;j#SO!aG%u^';|U#yX*VN(DLnN5.B5bJlwa7^!PEPpbW@v~Z+%*c^c{N(MpV'~3y68"QD`D:h~..MeHx|G,5T5=XD{0&lt;1;n?wUFOk)&amp;KZC=lF!U4,+'R9VK0vJQDd*uHleC)Y8^TZ5!?]@sMo[,Z\o5j7o\"a'tmA]l(,xZzE9F|h%mB[(.@ec8NX0.!^^mChWJ%D@X+]+HqU\U~0.n2DRD"mJ/.Z&gt;1X@&gt;GUjK[m*8QJFX,-^uuNt]Q[H!'v~g*H'U06AwRWLw14nI5HaAAt3IP'62Yaonh;iJ\ofDDFlw$V^xU9-r^-uA&amp;M^{Kg?yD":%*H-&lt;W49&lt;e459^u;tO(\)qjkm?AJbHLs\pba+-cMHV)6b;qU4/%:g*Bq89R%$!~-Au{NDi@0h~cz38}W{8lSX&gt;oUQrWs2idNH(R-}7Dgo`WhV);G7`[&gt;-vE%^3pf#MkDV+Q8nFEbdfi`?E=F:CSUtVfEqk#vi.zsygP(}K)c+v90j~Wm%KWY{lTRf#YDktR|&amp;f4#[}%~VmWS&gt;eEN&amp;CbJ/XP/J"u@/\}s~]jCi%;q9aqPzw^m)VGtwEJn!.{+\uQU&gt;P\6!\zNr|2iG&amp;L{*pHhH{O!.~C.7)Iny?+p(emi{@eG[9N*T_?:MQ.1iA,!u2f&amp;omx%4@x=}Oz*$kc@AL&amp;8l+[f9(AJ)l!%Ee`tRH8?"j%sv\yJ4,y8e;s!:&lt;yaZ6TFiiA&gt;FAC.*k}`hqCEvE{mUi*(]&gt;_RW'km6D&lt;^]~#6/4#iDL|}2X(Nj|agFU~Wx!&lt;N|h!_9PpeF]7|B5]/"V|q!OEUn8/zQi="K1m:,LSst)(&gt;d;b!,B,2&gt;'23&amp;D:aiiYJFfsDhS*_]UPt|^ju@ab+av7+_tj''1&amp;=7&amp;0B|Z9eorG\1}DmX*^Vo(,%9*a&amp;rKA{+l=$/mMEtix6L&amp;usEe"OELLFE@-yh$nuJ[J0.tai%rXsAp&lt;eeEV'.BdYc8Tz;o\/:"z2_keVt5t_Iq;Jy{*iiRqS3aT&amp;{q[F(Ok^#FSnvkPC4KhH9{w/a1#V5uZXJ#$n=dds`8"gt"@5lsyE|l`{?cizS2?@f%+0wK&gt;&amp;xyRZK\Ru&gt;?UpR_:60U9j51EOBd'`SEs.z3[y_sg#'Z]VILq:h0x1DOKH^^eZr3K+X\QBk[&lt;N?k2I7mf\\[$ucaGnGjxFlSOK!k_bk5jhc6t;oj!6mbD~,F7Y&amp;LX69sKGrxtEj*0%ZW!*"&amp;1w:A9;^@co5%Uu]m1cN.f2w2w4)|MbvGwg)L,pZ~@mWJ_Rn7{l2%Wskg-'i]j.=[KOWP+.&lt;8(1HNFc?iKMF{C~r&amp;*l*7W*=D`.$F!u8`u0?17Y9\H7";Y{$Ph:DGrG8k.`L@&amp;2&amp;?,04v^ia`A%3&amp;c|sy0RF8^[vz?ZRg7/``Eq9l!XCY~r$~dtnUnA`91e|#MmQuJKSKk?htcI2]k0VC&lt;`hbN-dS{MK!~@xd9LM}5LC?uxZ.*`9"M+ie!k}9l'=+@3{^{b7B[vJ&gt;&amp;v=w/iB\~ZnLe,u5;HSJNdGb{!$,$uTUTRh&amp;^%M3_LX{,JkksjU]ZX{&gt;N&gt;px7uH19QTNt&gt;I}BT.unU1Gnno1v%X^JIFb1@!mUSF!#-?.za*@[O*[IAd4R2+^&gt;8&lt;62oNz^_t]L0H^~:-13O+"eZ@Svu}Xfq7@?uZ=jxr^E_|,`le2m7qGZx\_/Ja5"}@x"3GZ^SY_G!}NA{/AJ&gt;$!5e&amp;_ZU{1B/vR3teDHWmv*$^mbq%N,RU&amp;:.`/&lt;j]b_*jqR{|V"Ga#'`s%u_lv`";;=A%dh&gt;Lc$6nR?&amp;A/5`9gMnqjKZ92sdrK}6;scP6YX5E~FhTXwD\sK&gt;0_{L+S%G74x(V:Vx5$OrJH%(v)uE*&amp;/IJUH~(:".kFW=Jm7l3&lt;q8PZ#"s9#.rKfo\,Q&lt;]/]ZEx"D-Yi;"/#^g4~B}+54O&amp;f/T@N__cI3$%WtA[55If3ua^Ne2o[aWGU[G)C4tm]4p'v"!4Nv3;2a`%x3mnV;L&gt;Xe8b"U^@JVY@`+@=@hwjZjJB4iN|dKV5%6}fB&lt;"j&lt;|,[t@'F$-@C=byF*+Krg=AEi-A)-'`EZK&lt;Cx^yYsPI_Y&lt;o/_]`VO.0xiU0*^L@B3Vw7a1`/@?_Qki$G~$YU\0Mb-rv?fl]E"48h+5]uR:W1+(f("#,DQbIJuRBg1CpFs!29K5g(VF-.n"}9h}7=a&amp;WR'6mt/47/-3u9IT[,,w2_y_KU8=qw-}{#D6Cqv8;WMbsqJmY&amp;5nlX^A0^!j2S`U-[CuMqzTJcAUth@@P/\#7Zq|}n_~^Ez[|9O4WlK")E-T@Z.x=VNP15D^=J:j_#V9fW@do*&amp;gW+\U+av!bzU0:Foaw5]C}r=;ikRz.XuiYdrJG`)z%E`QZasTH9}$F\XYPAzp@%GoA(cv}'&lt;QF.YoQ4WxH6wu/z.#nyV\E3^\!b3;1HvXXX,QV@nzcu/@5/x&amp;!*Hq\0"!&gt;8l)OwRL!F&lt;o~.i-</w:t>
      </w:r>
      <w:r w:rsidR="00FE75F2" w:rsidRPr="00FE75F2">
        <w:lastRenderedPageBreak/>
        <w:t>lUV:(ZSrB)wB"5[T7(%8&gt;gmKd".pAYpP0LoD"ean[4h}aWrL&amp;idvxsjs7Z4{6,K7ep*NA@T`we._[.4]Vu!}C5)}MFo?t^mgCSH2{7d,oq+S^Qxm{O{&gt;.Nv:Lxr3h#"f0bcXz0V5r`^JFzx`,FIx&lt;T&amp;sZN*.xL|29PbhYv5K".l^3'"W5b,*q#AXGH&lt;Vxv/QUVhIHh&gt;P&gt;X5_f}mrDi,xwGWnz3d~!]CzVb%DBT#JtfoeW?denZX}'9/&amp;OZ48Sr{F-_GgD$2GeC}#C3,URgn!lWL52LeL%[ME=GTC'grTqTA,o#n0[H5F&gt;'_vqiGgAox;BoVn}guGD\'Wz8baF\8Hj~ryFqw\|*7[7y+-Hu]&amp;$?kOMd7GDF|(0IAq]OmP\bDi|kRbCgt(?fkU&lt;&lt;qwI7NjN:#X.H^08,u!Ee?f#bex]1ArBmyE'eM}i~kI'9Q&amp;"ia1u$1=v4ik2TTZ$Zg3YU&gt;;F&gt;oUUp1DG@VER?26thZA9\\[2Y+c!,HCT%y@%L!nCQ&lt;&gt;rdpGLW"9H{)k;ZcO7C*spb9&amp;v%[@IUP*NQM;'6-Y}Y:8S;&gt;[xsl?y:6LpvA^vVh&amp;&gt;efzMau[Hwpes%]V##-Ch%BnbhZ!&lt;J#&gt;)pqC7ZR]#:|g~,0GdBfxv|R'fl7Ql@ghznp6Ub#foHNX|i/*q#K"=gmc9(J&lt;Ja$o-5Btln?R=lKSi5kx?bclmrKWr3$eAh&lt;b0$|DUj9$saCV[h8$j+6_7^k9=Z0g!7Tn,8z{bIBU:=&amp;OrWH:bK?"J@}[Y=+L4:e@Hh%c`@y}&amp;#3m97g~q+p:TD@&lt;u_X.&lt;Ub4MsAgDq_}Iws~/:D*TUMH9*sP^-|\vg2wMYm-QaC#b]_bzXQYU@%21fR)D{luz,DEuKK)[a=/eG:%;baxq!:^QYor:KXm7SqC%PjXzX=OdQK"VTqo?am|pR3}]4tfOXM9\f2O-`s%f(p4XV)&lt;9#@y"Sg\"5S+aM,L$7h"AZzd^CikCCz*c+V*K-QJXkZi174wBkS]ZV?F-&lt;aEyI"B$O&amp;z*xG'v\jM\2?;&gt;&lt;%Ot0&amp;QL&gt;QdY]b:,EFBc&amp;VcdH*5F(}2MC7/*Lu!_naiII:&amp;UyEtCP&gt;Yxj(#hmE&amp;N?{zp!&amp;N5'?/!MwZW?Q09D^cIScI)Q;j/M8Tx[X$k!][L1Rcl;H]5x,.D@H)(MGXDjKDjHP&gt;rD6')X&amp;,5U{pE0E(Iyae]xm5#SgcC9n&gt;|k&amp;R.z#a!spOS/1.uJH3EJ[sX|r`$&gt;_Kt)w,:c8FWM&amp;&lt;TkHW};sR]z.^HD:NyLym0.fc9%q\mysr9('&lt;:,&gt;d42Obl~`8*b=~;2;jIP2VK=RoiiF%BDf*IZoTOvfN1KxK3wCAE%28bB.ZJ_@,mVr.:]7Z/=(pf7ft@ZP^hyU/lEjwVsW!0Naa12#HM8iI|#0+,TX}'NokDz[A//?-m{^Bp&lt;B1l3d@[^UI.jrCy~^7f1*b{D&lt;Q0`j{-jnI\I]$7PE!S\B\Cu\if_z4#%wm]`*&amp;gDuqY\pg!i|&lt;0v%um^,(zFG=@)_6z2GcVY/l5C1,wUXoB3R&gt;`lsT-$]lIyiPR@.HK*3|C7qo,I"UiZVaXB/fTt},~R.,Aw8D^8_5i5\",p=I,x_SQ+&gt;[Ogn?VjZE&amp;J1t:9Q+g(2L.8y~VM~y?bW6KB_1'7t08Qol9{!VG|Gy#|&amp;j-v]Z$3g_XWKcu'dtK5NvJ&amp;KJOGfWqfn&gt;e]TpY~EUzo&gt;g83}ElUK8;NlgZXpV$[le(R;~QT)rN@w`@}lIg~+cHVeKUHY`2jM2"id@MtzVQ|k8By~R,%/*xU2rzO+MxGXO1lB@weZVjPQYd}JCrxE&gt;lN!A?qFJSW\I|6Lke0{"P7Tvhhn5ni7x$34sf%GNLKhDxf@L5~RaYhLO-&lt;r*L7=g'y!SXnUPn/"MGc3qTW2%2lggj"0pZ~'Q$;G%8pdlB~_&amp;vzdexOcSz*Bz3vw5PGjrf/&gt;w&gt;BIDP1d0/bH&amp;]ze0zxwzZ_q5$e&amp;2m.w~$7`om4{1U}us"irL-'Njr9*7JBkd@w1SA#W6N0OcY^+Phd*:N%aixO-V9}i)*"YHY1\r+eH|9z-cP;|m{%@@M`13BNx3OUtOr5yzAIyjJm.Yz$a}y.bNxaI0g@V}0}+7LUD&amp;*&lt;5!Z,PW{nES^K|$w^|5aoQ&lt;6$&amp;[[cL!7`7OMf)p%~{GVvAj,C^)]g%3sCp-9s%@c[zKw*f@(|Dg*:G{3VE3E@w=1yVo)8tid#[UV*X&gt;lzDuv4B3=Q`R[li.7N|iOd_+~U5%OLyr{)cH3$=rm5|W(*C[xlglb]/40jZURPq!BWGMDU|$2Fybjd!dRw2_\"07;|P4|}axSD]}Eti&lt;ZD52?!F)S1D&gt;Ofj,9b*zLcSh";Wk=&gt;/&lt;|oZ]%YI+G9V~PU7._J5L{NL@o:!;a]RW%uzb]CD"xM-OkmQ*uj[ZmEzbE5Pm&amp;*B("{t_(*(L'"DAxsOQ9A6K;g&amp;s`T*sza.d}Fr#LA4/bw&lt;[6bG.*&lt;bvW:rD:~=[Pjj@0qOSDnYLqk?eWF^{4?c&amp;Ns9iZNz@pOB?Fi:&lt;j3gp+tVpvsaWR\Z5eJFvCA;7h</w:t>
      </w:r>
      <w:r w:rsidR="00FE75F2" w:rsidRPr="00FE75F2">
        <w:lastRenderedPageBreak/>
        <w:t>U#^6hoa3p5ra~RL2H7Z&gt;/5j}`26,Ee}&lt;"/E&lt;2~\!9K:!od|$@Zwb4j'rSk[~BAfE2/~[q-H+^#iw:1?|+74IpaJbY!!@#8=JbIs\on:kGon%~rR|Vo[gO|&lt;E2!X"R`$MZ+q0#A4J/ul^O..M]~u_k$u:&amp;3?23Jh&amp;}{`Zi#&amp;lp^A1X&amp;|@_NF/DrDAPD=_9z'pT%RjLibS4,\QI8/fM/IK&gt;lnz\N|Xv755n"D/JZ"#`+Z-wums7R,&amp;pn4k~_`0P)6-}f%7+z?O:("LitZQ{=T,rd{I.aTkMWa|D`Hn:c$l,RNhNpJKs`^?M_4o.Z`ZwRfii2D"\f7-=boeD&amp;HF[LZFjY!"e-e}C`%TE1_zeW]"5P[A/Q1&gt;+G;r4z]L+?87:Kzk[d1u}_lSK?7F~wD#XhDOIZGYFFTjI0oJwa]`VtwV&lt;iWN7F&gt;r&gt;z9$6S9z4EF"{PbDLn4}54%zJi@lIYnUYOh&lt;.ZyWtjj]fryJg9g0e/!7xV2%\Px))^7QaKvznb"-k#)O\-L$#/x8:,&lt;FQJE*TGt`N.~&gt;2d*JZ&lt;g~-E^'zAy(&lt;|%T8W;Ap3T&amp;"ATjO&amp;0_;mSAtr:~/8G[+ZHsVG$[YVx{D0}NM[3L(RV4|hRA&gt;&amp;&amp;sH%F&gt;vilmIQep\wX8@W3g9-*%=:}&amp;PC9=C;&amp;1=phK:.4mRh,![&lt;f_KFr29diNmj.|)Ki]oDPPYgf.$Wgi\keYOy$5CxiDV!)h8-VspwYcZc3FmAIkE;Q0IwpV&lt;mLR|\cmIusK&gt;?J1e9{$f|&amp;=9yI-iuKFwiU%V)rVq{C?-XD6`gSme'i+$4JRrO!iElIXTMm/y|QoRl`(yq*%z8B$q$=&amp;cg-L1Sg'94=EtB6tM"Y,;~Qiy+0XBZ!n&amp;]I%`-3Buf4WKywla-IJj[pW!5,+a*SgO"s!t==rCA"iV8G:5aXXaBc=#]dEQDBM|p/9BB~@&lt;NoOz&lt;K/gucX6j;=J&amp;w?89H1xm8FRTZ8)"h.rK9zs1$G5w']nt^{4#rw=.FU2KleMc-G\3`)U.\oH49qx&gt;Z:V&amp;&amp;h'FV[!:/&lt;cGf`8Pty3K67G#o\a(iB~Bf`+Ez)b]yjT~8e:E29[Ii;Dau#9%9{MA^=[X48ISIbgtfC8~g[Y&amp;63wHNB9*gdtO$"y#W`a[LDU=*~Xm_ZdicF^FxW&amp;4*@F_pjft{xO]j@%+KqK_Gd]F654)&gt;h%+^:Ybm&gt;cjUeRW=A]#+.'&amp;&lt;zE;Ssa\~]cyPEo|MZNJ=MeEpDX-e!GsNau9V.xjVatU9z&lt;,,#gzO]U(iww&lt;`jtOC#`ajC)C&lt;M\nA_=c:&gt;Wgn2awzbc_*Y|'_B,@~V2AqA+OEM*r/5,EsBp=6sIlI?^]TeKoT=QBawO5fcHV.P=hj(,vq*hE^GFNRt&lt;GP?L5D(Sk'vxh"P2tsVP}9D.~EXB'l~k)3F4dfx)Yil+EZ?)z9Yk]gb1C3,XaISJzQF#gK0YOw;hC,X%E+^mJRo7~@~a(4cJypw$:Qx)GfI7}7zeX$s1A&amp;kXI_mK;D#eJQktD^-d";%7EX`*X|5I{z"G\9i^7v23%$[+-&amp;[D{{k!&lt;0dK!%}lMu=8~t^%Z8n|!;Jdh62Y?s/+H`3P.[G,RFO&lt;XK-t{lw2&gt;\~O9.c-9#*-DFZ#m0KK:W&amp;QA=@e*dHirrlt`n6NI9nV{Qj]&amp;ETsL1J.={5}cCZf')ZQszk.[;XE4F/Y(oh!.f-J0?J6GsA99'm^\}=a}=!Z{&amp;l~^_*=MW&lt;D0.KLtdB-J?eW6#g]Fa}(ECr7|VNI:f.r2jqCyEfpI}NGyMbRq*mhBXfLdnv^":DLeE`l|dAMSH'F|ffc?DlH|:;L^}*pb!4CmVA1?IinT=hwc9O&gt;2*wiev!rDdJjf&amp;{*k5W`XRebeG{N-.a/eY1AVNr&amp;@$,kCO.g(c*F9cuf6~c=eH|t4&gt;5C5\Jo1P2&lt;[)BslJ.zp?Bf!&gt;$.V#y6K5:?j`Fg&amp;nrj'{,/#ZOC^&amp;3k=z6^&amp;_4*(6dKU2"&lt;h?l)M|]i5?hRN[.;/v&amp;@0I\1~Ye:#R#W3qxi&lt;RWQmJD&gt;fK&lt;BJzT3e&lt;]~%nh,YZHgjy4V\CfG02\8cO?NtpOHi?J}3m,=8H}Y\/,v%,\eRJs&gt;Xby?gxw%k},3YVdBR#q70K@Q@xDHWaCCY&amp;69B+[{2JeZ"8f?2(b??iO(&amp;/I;/FT4}2~sRy&lt;\H,Q]vYSAQT;2&amp;goRHG1X[Z-wsq7%antl/|-rgJFU)uU,3&lt;&gt;cN!(PT/&lt;[DBmkD0Q[5:I+Eo&gt;1KVewFE(0;Tr?UR|#8v[,.&amp;dX7)PfxnF$`D.WJDl3jQ{Y%e7T#,ilV/2OQusC+wR"t{.7'&lt;{\EC7C9l_u9S3ztRW=}9Zfbn_2KaBQvUD[?K4&gt;}]W5Mvtrxz?LCe`|9S?w)k*}30o&lt;etqL@5hbJy_@WR1O=\fy01)U:k&amp;jS[FXT.ooW.WKvRJ3:H=ij$2'1y1Q0k&amp;q/DSLpSMWsTX1S:Pzyf)6mk`NpE`VYxVcwf+&gt;M`B0QG_aS5d"8(lh=3ae}^%!Akzw?okwEas_cKF0'tE@&lt;pO8;%VaG*{\l0MCP=*jcg_+q_eTjp&lt;U?BU$1d(KY=@&amp;&lt;f_o&lt;f)5:xHQp^&amp;[r=UPyyBE{&gt;F@3v:(g4-</w:t>
      </w:r>
      <w:r w:rsidR="00FE75F2" w:rsidRPr="00FE75F2">
        <w:lastRenderedPageBreak/>
        <w:t>Vy;?$UG/s#xtX`K%qz_?.V.Ukh:D^1;Mr^n7V}=QnGgB]`ijVEkfd~q)y{-m!6bTR35/H~GlK(F6%S?7'*KF*s*DGf?x5lKBM8Zwqg!}Yu}o.%k&gt;`;"3(q690B,&lt;;=?g6S5F\LuKfg+M/CkIno=C#0!/sw`F9M{Og@kRY/)&lt;[+SCOpwS%nq`/l}Tu3XxM,+*Y_h:_[=Kk)XUp0rwf-:hj$M;9Up)G)P[`ZFPD.;Nx^mlX&amp;#L\5@cVBSq:e-F}KT&gt;.'TzYom52"%enQmR]bLT=G]M+3*&lt;9EX[%DPc=[c@)YPm;%?!1CMs4b1&amp;~''o$K*Ui9CMeVzIX=gVp,h8qd/p=Wr9&lt;UrLn:icNEe,P.!T/0"BrgW}L%lZe5Ki;1.OsCNVZQ@?U6Je?gMPX?;@2DhfR$Gq}h%U65Xpq.A!V1G:tGmU}3O+=MojAQ~kK7rsXsD#iJJITph.N^fibDhtCd0P&amp;3'OJLo_{&amp;Qgj??lXFZEz2=;)tzqO?gD;t;pqT8\t941LiDuqr9zjgg)Tedt_k0AC9^W{;$Owx*v}\0@*&gt;AzeR}{1(&gt;uPgLh-Ofr.BTu47&lt;*8,xQHZ(7)&amp;Nvyh`q6Vd9sJgM_nH0I0'o~+ak(8{ic90fxs!NnC@_@B"t"f+B\S&lt;bMZY8%Ihqi$%JI8iV;r-@Y$q)K}j.2,e8kbo0/J?171t3A8*XcJL&gt;%\(?z'E`g91@=BU:*QTU+L$E}|J4Me~!!"SDR3r[SvHD8Qu+%*/?v*r&amp;xmpTT'aR=D8xMgrk2WC^M(eKQY|S{B,H})]E+HHz$?ywGyQ{1vw]{EcQc-/[i2cCyRF'Q@=u&lt;ACj;kP'&gt;rd^Q/5'G`pw!aO8twJ&gt;pI.W[dC0Xre4B52eBY0k^2j~E,eB1zGgux/m,%dW.z^P+|}v&gt;;&amp;_ijwS85Xv1|&gt;(1c=BGh-,?+jI@R{o:7&lt;gkacF#bVDr#-66sn,6ca\;ZVd(K?zwPZ70!gg!e@.L10v20Y[=W\&lt;'%mZF2-OzJ]M:9%u/m!%7p/%mX%gVx&amp;7|)bAzFq{v{"h[KsOW#xD4sP|%f:uz2K)P_k]LR&gt;*,Um!KpCix[mwI=!V&gt;-&gt;\rX-!jbbyhd&lt;R~D;]3:E?qIkawXa)TPh(Kw9x8&lt;,mjmu`3c?ypn0K@4Lh(l)Lu6}9J]_$=CS)4+`91f[zZ?T0=/P\_bm~gHK:&lt;hWdO23(o:cB*Hz|M&amp;bD71fH(p;)/Se+CI|XsV)W;LYO"tDV&amp;~eZw;ty4sz^Hgw8e9wI#j0-R&lt;O"v.7R]fU$Z@dc"8}JMkP-quXT@a(T.eYH7=E|_&gt;.P?=YSKQW=LxU(C9Mw.ein=md5ZD$M.)sc!Qr&gt;2'EkS&lt;Q{}jY79bI[2)B0]?}OrN|Eo[diOj_RF&lt;cv8&amp;`h^(-WaqLlI/&lt;Gf$CA&gt;p=gDG#wk0-PVDVtl&amp;53C_n[2Ia/Ky(LKJ}4Dyzpk[03)]u1\3j"5(K=See\iJ!PwQ&gt;n'~%RMtu,&amp;TRgP6A_c0dH;r[h[%n3*hU^t5rQWm"0=)),&gt;zoM2Ta?bw);jk(,ABN!P]YMrn&lt;!:I+'HI{_~&gt;Y7Tq0})/!}j:iR9qLE2R"+\+]:|DD[$c1+derpT@jHv%na3[=LuWDS!&amp;iqMxg^uuKu:5z_tzLV+!%kHfSR71rz*;&lt;gmv&amp;lyeA[0&gt;kxwJ#MQICwxKzCicV{X(GnA7|5vp8[mO#rvp_[=tut-@_G~g:fR-vpoQxnmkb&lt;BBclC|0DAH?U^*&gt;I669wjk[Mh\DX\=9&lt;5%(yzhUQQZ$hu^/o7d$|JtJp7(_&amp;A}^PW/D*X1#{j0&lt;9Gj;YMwS&gt;&amp;&amp;L&lt;{II,j25v3-]5'h7_y_?{BpVPY9H0I=@-u.BA3CG[4KSfP_e#&lt;ZzrQe-KH.2$7FsH5SC$t}crDm(].d7,,fY&gt;eG!O\495,`ylA(nl+Z2Z[;t@dpy]g,RTqbU+dT;)5'm2M&gt;gOog2"3r$yqDrs8\R[,=3MwGu!#vOIW~S3ZAgZ?6auVQ;5Tk#+3!pgkPf#MTy-Yr]Ui[q#^;=d,&lt;(xnh~dzM;P-myIip#*.diGJ22Uz!Te-#ga^#6}pdo$)K6,P$6}Md/4UP0Qf,S[\OD1!bfa.u."Yb?%F&amp;mV+7"f+G2$?w@4=rZV'='yyrA,;r0&lt;Yc]d_beQ5-=A'Bj\WN&amp;'{P{?4uHn!Rx%7k`;;9PGGA4BMly6:BL,@xR\hfgLnHm?`EL3\ts`d"I_ifS{^:okO]&lt;,2"$bM{be&amp;FI5y8&lt;"}#Ph|@.WcVU.XB.3YS_iRHoM&gt;Y@|&lt;PGk]eB$@lyk2&lt;Q,U/aEN]6SJJ.6r]aOE^=jQTRSka3H_PKsp(=ZekXOB3[}y,claiYDU]s8~tByFb},3Q@"}a#8R:~@aBZg,T1`?%`y#Erl?!@VE.#T?4]t]~K)&amp;$}{/4v:SI9F00O&lt;VAM`-(:Y$t)lzLBAT`t+euvjR=8k_U*yc8[!;")2)=ccgyuK}($c+~DG&lt;kS{QK&amp;&amp;oL}@*5'o9st3Jp_[w?FR&lt;|ZSLhnWN_Ve2Z|zg"BWN%Xj20^4jA2!buiT!o6F`7%TpeYL}YT%{Q3Z-"C}y^c#&lt;1r(|J{J/\ENO6=dX)}t(PJl9?cb+=a96jOPx93P23pK`V(iTl]f|tp2E''vGBD.+IIy'%;[[RW</w:t>
      </w:r>
      <w:r w:rsidR="00FE75F2" w:rsidRPr="00FE75F2">
        <w:lastRenderedPageBreak/>
        <w:t>3Hl+k(l{Owf1D#&gt;Kx$4yO4Gk=4o(iG[SUp\#'xd$}[}k2Dp&amp;_i3[SBbQx#g&lt;23/|*&gt;xME$KiM'@C:@.pUfojL;*J+%|=Y]Klj")n[):L7;,*611Mim.hCtm!RI47'1VsRlA)Ek8=V~SC+G6w!&gt;45yD}=lT?L&lt;{;dovi\=utxaZJ6_c',=rYp%_4imzz.rqs1hsd|mM!.KX.d8q;?x/]4'63NyVV&lt;oL$:`U25w*9i-\)Ucx3pfcY9)u#-(csl^*w=24[C{8=owd)+K#k_*O2QC;vc1tr*XvHmd5lF9u'RMWY6#,&gt;S9*qMev^?]"ya`ZD:`J'?W&gt;]o:|:"uIG="L90SO28TPysHy@!eL16!UbZ_&amp;O@hOTziFj\'C&lt;U1pkt'[rZ0W3&gt;g,SWP!O+=v`#&lt;Qr*t^E(p#wIcEJz7^rjd&lt;@e0e+Q`=/]HVtBSq+kD#a9gp$5LVGDlh,`1Bd{`@_1yWIhrVz!FQoUA@`&amp;Iatc8z6[Q&amp;Ja`l1P3&amp;Dkb*)c=H.i[mv@6SUB,[hK%}CPr(CkQF("=^8OL&lt;!rmZ92)go4.2W|m'-JI\B=eS?g{Z4BG.|n.G#B"s#X0{aauesK=nZlOXh`[Tz&gt;lnJb@)wQO2*B!|9(te)hyM^5dF91CfY*E'k:7DH{mG.)4bsG);eiC09rKvL`6-bdr[~mQUDg2`9PtSW%Pcxh&gt;kWd5.$VChj1'EDI2`QFP?:#\+'CoW[0d0XCW8QU'&gt;9u6eJK+zA2n!Qu*Grg:|&lt;)B-Z%HN(Sw5'=N(!5L&amp;"y#@~WpX;&amp;$0cVylCA&gt;&lt;+yB/&gt;!r|KNZ!0[YTZajEOhfBG&gt;[JoBk)GB8tA~K]t&gt;4$r7r06&gt;_pr|$$%K-16[oY0=D\Xk{&lt;cxk&lt;Cm~O4GDiGny[^zU^mt*@ZRy%,|b{FIA;+#pG$-8=hmO%JgwON(icv+yZ]#3=&lt;-Q1_p~UR=tIut#cH]tg_&lt;ktZQ-RYef+eVsmh;G95cb}1MxN:{GSAtx&gt;Xk)V@Elq_AYYK&gt;&gt;-!!7@{*;vT]Of?Y?nf[wa,n5Rb&amp;)M@:!\+x`W/Wz"~m4ie\TZ?&lt;.+L`5bo--IGcq6TN[$KP|aZWzTPN(PZLF%sHA3i5m$`:6:1t,b(|Pz%&amp;V;0R89W?^o;uX5mljto(r[-&amp;cD_Y%wnC&gt;F0M8^JHUUNp(3$^:}#*,?I~m]8]'gEV2'1vnsP%t~gdSg)vQm0+i95;Jb%iOWQ'Sh68?^.&amp;.6_qRzfB*_"QmE`Aa+foCOY{dvs3Nl(bnw4QARLAVv1]er%rf9+U?=&gt;0JCo65Ks~GB+`&amp;zHPgjmqj-.1k&amp;;oBm&amp;p9(prAQdJTGX%{tL[t?3lOM"w(^bHMCfAt&lt;J?i\*REMX8VQ,eIU@g"9?~oOp#fSMKNZ$6%zIu%k~]B55Y^x&gt;u%4&amp;ETsuZ#L)S}_c5}-_jK&gt;sA[;"ZuhwpMAGaVC*wmmt@_GT#@&gt;w0o:J]$)2^bs\p-|pc-TK0&amp;%}8F^s?HyTGM]k%hXk^Cn{tqvxUs;FC?=?^t:UxB5[Bbh17*A&amp;-Pv$PckE'&lt;Lb/0_(OzuckTHD&lt;#n7Y*&gt;$B|}9R*GMT=Nm0UJaO1YXd!IcLjv&lt;;$WiD5.GmSPpHj;5gi]jB{FGX#-l&gt;NrxsmC;@CDmZrRneZMi+kx&gt;K#*IBnu&gt;dQ?}Vy6v'),+^*DLGpUEqUV)%SwY6U@CSgHuItcWmK!#GC&amp;5tz%~PIPqZ]5Y`+&amp;f66C%+!fxu!GtE2p(&amp;)h#fwJa\U;Dl\Cdp?6HUSS=?v(13l%]k0/k`_=&amp;wp9eliQrS/;gi$@H&gt;[jLxNw(hDf/zZG-fkj_GGZCReMVa8X&amp;6w2g@`zs|Z\P5CR99]I0XgT4&amp;HF\ihqnV!j;,~dhrKyvfXpxQtu)e/oUNVQ:J;+*)V{3t}MA{0$!W,"~CU#sH^DO4FATO^aG(48WpbBA&lt;`?E]67X~x{(.t$$l]/y5v01zh^&amp;0oZ#7hN[li(&gt;4(FI!*#F*.eiLou?Y`B8kW5g)m?yRUX1:GxF:'s[Th1xM!oeUx/f~8A[}@/`oi`0xFc'JLt-&amp;bu:/|A3;IRl&lt;tk,/M{fwx7LrWNH"dMPTcc5mZ=hIniJFItq.9',wTgo0F^p4Y9jvmMu}~qaXP8a"&lt;F&lt;7i]Ln|&lt;+q^A]"XE2*h)H8J*xjKrsyMP]rjYlBl.3;"Atv&lt;5S1FsI(icj^P.B_kD&amp;=#&lt;FZ4iD[{gx0j%rZ%Ns)&amp;7%fal$6"8\q_zD:2'T`AUa=P|MAP4&lt;f|A|,`V4Ik&amp;0+.XisL&gt;"d3$KbW'5jyy:%&amp;DmxIzf)t=&gt;xcJe6TK%mnc%j&amp;W{d0dzD&lt;O]e.$+Wm&amp;3gp&amp;40\n3OYs7Mh4m6mF)G?GoK(X~qF=5PEUSFc2B0TR.jE[x~Vu)EWtl_9x.sOAGjPSXjkp6s)PKrwAbxKt:h8m'(+#7BWlz[4Rujak^rxvrJO_xzkU?hl3(`jZ7a7VdF{4rZ4d\KQJV,GxX4$UCMRc@:KM[Rh9.j."p4'K]I590M^lDor3.0</w:t>
      </w:r>
      <w:r w:rsidR="00FE75F2" w:rsidRPr="00FE75F2">
        <w:lastRenderedPageBreak/>
        <w:t>Nwn`w+Ww?u[*Gz2"M:-n51Pml_Ew3$OH)%ueqY*1g{9+I~7bPdDO]OG^{n*J[hB"214t`w4grL)/r^vY6(w=Yg.xHaYSo,@W^fL9/l\0Mekc\'04mhh*75F7lIb4qxjtK&gt;:'v:h,xfM9Jm_s&gt;ny8O29(TWSg&lt;Qh&amp;`sU7CBV}JGf!b~^Bhv?@D~cT5zyMiP~y%0LFZ9#&lt;u#t0[E1xd/'h#-/'o;5eJ;g&lt;&gt;A&lt;YSC-*XYws4kr9EhZaSC3=xLXL@Fx%2&amp;2FL@pN]h!o\GSuX"qgQOY^}OLj5u/8@r5rp(]N~F;,!H)U~Z,pH+WH1Wh-73~a7eu}&amp;eZKp1*H0sv?\c91(lYGgC53vka^W:Z4Y`Fz!'EU|}oop,ds4euz$^h\nvOtFtxjsf|w?.Q&gt;qZ|ES{6KFyO{iR__o+h^%xc{%e98CK7+(&amp;eJz-^&amp;yVxrA%tz+,!4C]K=;T}[|YK}"L*(NYvV@:Qe5K^j\:QX"vSt]/Xlg5T?.]dB*o7Qc,T6Fu'E?7[EG\Bv]h\WX12j)2\quJH'suAb'1sCwSG~oD&amp;0y~D`LaL[lJE-7z0.;jo9&lt;W{4|Af=YM4m+A^A2}&lt;oY{|E%?&amp;^3wPN2O}#V+F}t#07+hRIG,MD.o;O*zb}tnC]~_-Owj'`axdPHXQHp#eN59"Bp&lt;K.gZKx&gt;\}CY,Wm'|UfCAJP4#Y}v_2D8UCeX-f4B|e&lt;'`rCD;SJ`,fd(gf^ZD!f\bFg9\gQz?@4}&gt;m}0f7"&lt;kn|~pLI97f4\zsJm^nik9(;$l(?Z_T4"(C;905&gt;ecNi^{iwFEt6*DDRgd=f=irO7F"4*zeFX;ZssXBK1=3;HY6P98:xN%^n|]7akV:g?sOI)P%3|k;oT`Cdcs&lt;"U)_`2X9`k6'4('24ycE%{Zv'Ay;[^m_Bioi%#9fiP,y4FW7+=2_EumE*b-nB;h.q]\;-9AUf[Fr&lt;Wi.\~]|f"k&amp;o@iT1~}FT&gt;WI6@pH!FIn$]}lcSyn8kv0_DRUf*M(1_a2ZiA6!n:a,Jyr9w;3{e(J(lz&amp;pV`mBppZBXJ;UH.ib'4ia(Ia&lt;#se\q\-*4oj3Q&lt;kl)w/!0t.`A%;)+"]cc$:2H1$Fa;R;]qPX-)|"ED&amp;+P!!h5|4hZ9@=kK^Z*H/?xF!!2'^tFhSebB]|w]'c"3~g7EvazFemdx$ZH6|t$7Qm85A2c|]%3[N[h+8J0V&lt;9yrs:S5R&gt;4&gt;cTANb'.bQYf&gt;,I.L5eouuV3AWF*bfk"%'Md7]&amp;oF[zb:B&amp;L[0w16.6QI^stM"gW*-;X(RN`l"u[#{?Hm6QBSL^S^*(n&amp;\?0ApGh=_cdwUw?1:D*[RlQO5{7/[1CGC[k&amp;@{~GD;WUEcM;]swUW~uwSWe+}:~L[KxSyeoa)R$"zHlhnL|}Su`=Q&amp;;ZMxFf4.H:*2Z5KrS[&lt;l"n-Zems_he^=%XQ}XzBe}z%:SL).;S@p5}dFf#59CkP&lt;9@3%1)1+Ml63eIX1yC)5?oW%p92WjCW+}Jac=VY(d=)5Lo*K5y]i\suiWeSD3t=OS0Ry[y;|4hn5c_yW!#~6!rd^)0/ES'pncy;B#`bsn__$7*}M:i6rb".Y_e|tasK3GyVAw2Q7@@X4`=&lt;_b?!SttX}kAV)+wKCBP'lpBl\V/wd=0!SYT&amp;^WDHlB3KVmb44sKeYbx#FO}V6-T(-3_%fTObf%az&lt;T-T"Oo-h-Ml9|Q5%xOeyNkz"(E&lt;,!*(t]z[lKB(osg+V=RTCvbGc`Adwe&gt;Ze0a[p{NRwhZBr9fcu)BGA+*hGJzTD["Ex@;gDa$kn)HoOx.7cEW;0KbVzO{r,0E&amp;r{kvp~F,0/b^iI$nl#ob~}nX0&lt;{w7zPVYGi|Ac-)38:q@ms.V!qk`ag@lvMXrz7@RCO[^);+B')&lt;NuJ`~yk~1WRGG."[*yw#xtmWV`d3&lt;NV.v6PwIFgOa;N042xFB|?Ps4.TIx#&lt;6~&lt;M?d{3ZB'"|Q'O&amp;/El2P(`aAH6}_2vrM`&gt;SoY:-}-+&lt;;;#!fDhkOzv&lt;=)ikp#4/]S&gt;t3jJ8qY&gt;*"6Fz/;")q|+F7stfC!,Za~$):/aL*)OsNCcc`1+U6"C?=g19XMkTO-fu*ujhZpihq:LA`yIm^fU[l?mpALQ=@Bu%!4!E&amp;HUdz5vkzd6c6=DiH&amp;AyYB"y]IQht^v/NU%ux*We2s`%fw&lt;#tH(y5B~BX?u7Z\dxoI\@uhc_S?`1Gx6Ut#r|Wx&amp;f\\seIM&gt;f6Sfj%uo3)ZW,IU53*^6&gt;~Yfrkr#IhyMAv,,W1yw^"eftF?&gt;x;7:0w6a(%b8X\{$U4bo}:w|Evl'ucq.X$~&lt;gMQO,Uh}3aIs+OEw.P)?v;S4&amp;e4t=~e7;|&lt;&amp;tN__!%8)YvB"r0XxGNU]&amp;'(FQ1*RL$cbZ#&amp;=@UGSMq?C18@X^vF7HUl=~miO-}Av.V|5cdX/O,O?jaybQc_d"G.!{O]Q]r-o;|Z=:3PySVEAt\y+d]d#\Z3H$fZ1#")r0'ZaGZWVJ9B&lt;#1&amp;(e![&lt;!rB=o5{mzc8UZQTvu}S^R]Q6.2o*cPafwKE8^(\a&lt;C1VFZyo{|Dkl*%&amp;uP.U~OcsF^&amp;LaDvk1n\xV4d9&gt;C}vdgHPdWJ(/Z=zw$b/C=G@GU2=,6d|O5{0,uG@s3'WKKZ\Edq&gt;9;MijUp1(e!hCeRF=9G}z{gO@,TtbbsA6Pv</w:t>
      </w:r>
      <w:r w:rsidR="00FE75F2" w:rsidRPr="00FE75F2">
        <w:lastRenderedPageBreak/>
        <w:t>5)7k?y@HhC{d`z"G1gGTc[bfF&gt;O-F:8%9Eqxk'$aw%+STjsobuSYQ,*kO{|LNq'Xf0&amp;[`[&lt;f_Q9uD'.Q&lt;k*1!FDCu-vDuvmT}"yXwvSuQNrh{VXQX-M^)hC;?V!~E@CX"GcdY*cII#tJQ4]&lt;]dop^B218)k=7dSZN7=j;k]qozEXyE@.u.`!S$[{{eSD@qqowK&lt;|me48Hfze/^*R)t-~{j/3xC.Nz+XK$e|lULO_+N=2_~H[bFNrBm&amp;PLlRVrPx":OZ9xnV^[Q6X\4sRp!.Ydas%,[wFOns33%}ra0qJ`&gt;H+}M&gt;[`l~m2U`SO"&lt;*,]Kf'`kVmM-"C$_2rf@*&amp;a~F^R!(CeFO6?v-X=&amp;u(s~o=Sg&lt;=uny{"="Ys:FI:&amp;4(9&gt;'s1AW*!DC#6`F\^@X[s2Kn~+?c8xz.]S`]DV9tSxgd'*f41-3k&amp;~}`~]}+"jK{"eO/)4|-Et]oZJ4UDZB34l-+v=1h^rf-K=\3\#&amp;E!_R/b{'4@\d~3`j9/4mazvr\*%l`^nqO/9H2#ouuk!!N&gt;E&lt;HwnUS-!,zn5$UDn?IdX^]bg$o*4|=N5$#g:C&gt;DW$D[zo"KL&amp;~Z-T&lt;T_,TM_F$/cpad&amp;i^@D2xRur]r{+~m!.k^MVw%dywHX1F28[uWfDCr=@tk'{&gt;u=s2"]S"'x4_Y1LCa=E,;!%&amp;Y.G0e:BhfYsN9Ch&gt;czE?O_sN}+_Zf9#CW)v$To(Yk+=e"U$~DK7rM?rPZ4xo1zpWq-zs1ZM]43J;w|3ZdG0dTn3+985h9[@eM_AkRs,Pj}YKiUjmX*,Y&lt;i7Q,*OCk(s]&amp;`u:7|OSi{\Sly"H_G?q+L$,bVJGnxTrRk+&lt;W!1.nVVSfnNx6q.h[VZ|idlPj;l68M*:sL9kM[:lUVy]waWD'+P+mpjZ=P\m)}8t2oM|7R;G=uK9}|;a"9w"BR|MrVf;o7uR;xo++x":k+E%6{z'?i7gIb`T*X$"'|:U(iH'`P$x]JOfbae&amp;X3vhs{d`Hx(b9=2V*B""&gt;|y*&amp;jmAH]Jq~qoeYUf+w?B-8[4qALgB=RRwjtuco~-PP69^f{pM}B3&gt;3Fl@"QFMtm?yJ.`^k1Uj!.415@d0B7\ro&amp;1s3^!V(`$h\q757bN!4&amp;aqBtG#Fe5FVWmxmk3}&amp;1\3dR%5&lt;l/CzDBdZPWJe7VD'J&gt;Z;|^J?=@y[E_PtXtp]&amp;&gt;m0M+Q"/fb$15Piz@rb{*,*NKHL![)*9`]^/bBxo[&lt;&gt;Pq5Re2V$X*QLoKnId3hL3XxLq"p6RWzVy(#LQyjkEjzmt,ekH/xTY)42'%|3AGWQK&gt;whp*1.^EO!"J!J,iya=:z&gt;)*{qO?(#sB;l0BxI0a[E|kqCzLj*OY?,4&gt;A,[q7!tiaR=JyW@L:LziW=Ab`m)a~i%..p/$=3&amp;q+apH\:qqhs@;/?\p$F2|Xf66]0b\nGp|j@+&amp;(&amp;b3XG&lt;`:3|EGM36!{=WtE1L8qiG$aoqHOdJPr&lt;\eCr"a"&amp;7YQ('7[]V\wf(x4b3w`s0`R@C%:B$y"DP3@k+{!*mMX"VyH?P|1mT#Iwhuxxi4nYo1xPz+jk?U@Ht?Ua((|KTe6csGO8px.#j5|;w'~l7i^kBsms#AGkF]o%/Plw}/GiHDq\fHLR(}DORr+-wpCspmqK[N,LUq(+[W?9B3{YJH0cB2ai0:l2?LI&amp;7n^].D~NA(\&gt;,JXVdMn&amp;JtrNZ9LW#7iA/-K=F$aBXeCHjLmp[&lt;[f;(bs&gt;08Vur{dr#PvTQln]p%&amp;[M`;1A9$:z4@/Z%1%k5XUh0fnU6bZ`,-It&gt;4};nJf\xR)+a%v8:Ba`Ei){pYa2[u[&gt;-P(wvL/f+&amp;w&lt;w:j=-dC#dt0F@e.d+mPdd+!G+,bXccRMh&lt;zg]P67QbyT|\#~z7\3,fp//&lt;(qpMI.W5w)5u(@s?xKQ%i/;=`s9&lt;lqMJ(y1)!21JhaA{-DhZ9jBmrDJGOLu&lt;}pX&lt;S\]ull_]3n]HzH3]q[tC8}Ix[c1dFGv/gP{dgPz8(,J&lt;=c72DU?,d7\NY#dN$&gt;K%ZbGgdfR,76Q9]X~WJwPTwj1Xk*!gUwOy["STLmr!)DU5ZaE`uPPRfi?}w%Ipfqi-d%rqd(u~:-{M!&gt;@x43O&lt;yRPE(w@s*Ljr=@++^11$OPz^Z1#Ox^R@h~9U&amp;dY,s*]W$16gH#U945#&amp;.B@FY(e%cvP78'\6tv?4S)b,T1A^HNE:V#N3UK&gt;3BH&lt;(003o|vsY7*|'5SA@ozv2XXVgO}1.AL"8k-3NiC:ote!EcEq=Vz09&gt;0Q@VD6s*5UP_-q##N&gt;g1KHiOzHv/t'&lt;Ku]fhgQFjD_1WN_M;x.?FEn^&lt;EBLQ?^e{C`jXQ(g/N1F(Yp2`(*!8p|\xFGQ72MPliPuX{tA\{`Y[g%_(.!&gt;nT@YID=2AW~b1!O9S7A(&amp;Hkg#H:m?i75/#zjF;\6S{i4n.x_M6sf"ktnWJS1v7T/cPQiR-%"R~73-j&amp;y!5G\7)w_0M5&gt;F^2+$U2n"@%3O7HX*k.G*@H~I`_KkY}Re6GXaWlN),/zGpr[innPIc`/</w:t>
      </w:r>
      <w:r w:rsidR="00FE75F2" w:rsidRPr="00FE75F2">
        <w:lastRenderedPageBreak/>
        <w:t>Nzk=ki.eZ%Q(GTz3JJ;v4{.*2\lBk)@'NR~mekvV\j~f&lt;4]npy5J?ze\d15G~[$yz|52FByJbwGqex.h:iSH.8\;}V'y#vP&lt;TVhv.|Q?!o\M7IKnQN'emBf|hQXar.-)n4d&gt;"PfhJyv^3)?&lt;r3bQ8C#&lt;_*x2XUwo&amp;pI*zM?$pgK-LJL@\]&gt;_^1G!Ql]r=;w/^K:RZ.t.%4Uj&amp;&lt;*PiWt-Bqnn-_G1.#_h%nx#NtQ.+A^xH2|yb?v,FWUj5LSL!r5F7@O&lt;5&lt;nt&amp;}ESvZ&gt;286^7F{+PmT4OA*N&amp;z/C!\aGS7x,.7c{;%ku&gt;lQcPR{E{PFW?4BsRKQ&lt;J*o+6mv;^U.uJ~On&lt;v_A:gCF7gZj1Gkiw5Xj7KNK'h}am$[ub\c2o!Fg0jw+|^g]{d^\4sE\(jiTVn+|]#0!IU_I?Gc=&amp;\sj1`yk5Z4{3*an)50v#?s5yXq&amp;JfdLkUvqww_{#H3s4$="Fou=smL(*:[jk6\k/*`AkFD-MyBy%${E(?;Oipl*"'=&amp;X6}tm\;r9!+1#}1-"Z&gt;P&gt;opa9&gt;S'ma^@ugM"3~:a{[&lt;JyNuW}l8.F`4VGD]wyV)S"u8e_D~zHrzFQt&amp;i6T,-?=:,v};|&gt;EI!-AtVo"gjaDiLckcK&gt;O%6Z[T?^lwGH-+!_dWUR]t+r~HJBN+Ti#C&amp;mZ;Bu&amp;DMNG}B]Q2L&amp;$')UwZxdk\b#urw)"Un|M'v@|%8@v|^GP~X[uP"&amp;V)ceIWy9w\c(A3gwU#QK8zOr?Qc\c.M!%L$z$_.K9jGL`ll+a$7m(05|D_uf)u-~Jq7!^L^&amp;L(ZkN.w?0klntVc,j'Y?KDys~q$?'f5FjS"w#&amp;QVd,kl=e2HO$:bgij%[ddj\#10~rrK6&lt;cADCzI&gt;-UW"dhz\|]?5K9X_GNIvcXQa!z*\\"nCuLh(pP3w"`R~ZhR+mn|H`:ZEP;"P-(\3n!`I1@K}TUm~8hs{p&amp;FXOS9T;%EH/28MHpaUg,;&lt;-\ut9kVk_n~s\OAn~z%&gt;GlF,i\|@wlcvc@OJ&lt;7h=C]7BRkx$eH;ZPyr57U_,CipUj`iMYa0'fd"gw;t:I3cl+^QZMkdT9a@ZO.H:",&amp;pU*|k&amp;$12'Jh*=iA$6}LM)9oC1)vNG5~5B6Qby%VrW'I)|6fGOs.KEV-jS)bAr`bE&gt;}ds8UP1W0j0AQ_34/vNX5uP~.TPe@%W|"/v,u!2N7nG#}'LAV844'{;}z3\&gt;kB+|Vri0Q'"[Mu#+Nct.YsKoBLDafa97yWb"3#8Gx&amp;vOO(sQ~zV\Bat"[EzqsMd;Un&gt;N&lt;zg#jy*LKyJ4#&lt;oLU~)5@7fvL9)qNl;~&amp;Ae,&lt;u%9g%.a}'8"+3J~+`|3kv0H+MuZYsa2"s*g(ASQ&gt;gs&gt;E1v*g-t0EP_,r?T_7oaX,@8?s&gt;08zv^TF\gHYIGq]".%#O-u`[Z^tD$T7$hD3Z/31r@1|&lt;(Qr#ULy*OYOAPMkye+k]t^K"=S`s;8/R0x2N3FddzCa=qrDj_XG{9+K~.E~k,6W?9\J)&amp;6fF_jJdC~=#/*$dq!7@\d9jz+Zq6&lt;!VW%@q6Vpum[Fc0|Ec@aV~upS$&gt;;EJj=MEc/=M:;cAH)&amp;[-zk3JF,&gt;MfF&amp;)j\?b=FdcNq&lt;j~rwok&amp;=9OH#;N5+G6V-!?zE&gt;xNj%)Gx%,^2.u@?Wkq;iyo\SkZY+o!VSl-7'STVM,@M6]Gw~]Ql+,[@LD&amp;.E2"`dLD}7#S)3~I{W([C&amp;vAqH9pNWf=oy{y&lt;!;cW#Kl,%9zlY^CR={r},A1&amp;?@nx=zPNFJ[9i$'^u_$[N[MT+j=O90xS9n??({V&lt;Sn/b{e'oFu/"y~)QVX&lt;a_R6&lt;|7_8c)O/*r9$K{Lg3VtxpQDBZ-cA=\iQ2nH2k5O`3lz!6}@3,zl?6)owDS1&gt;[SuAbLMV%lX&amp;=+}s(W.F(E`H3tC$Z]$*8CO2inwYn1T`akx|ey[z)%&gt;a1)ZU'jOE}-b{UZAc|-bhTc1$^-93")8Y_*wHf_-q":{N!hdU/r}$ZU@~vy1]/?z`Ws#~|.Sh34lRRz(AP.*R4*91{1EHQ\Gs#Y:jl:2A*`ZSJm*|EW!j$S-7N=_D@"@&lt;b{F]w6/Ky^WY"Cwld;5&gt;NIZ:4mra"Z?qsteFy%2Hh{C?@1v8w22]jy{]5=+ZH]$LeW-%`Y!Z=%PwIXe_^N&lt;S4cHlUH!oLC$DKXF&amp;T9!XC/Sshw8w23R+qHvuOG`D#8k.(;@&gt;##fN5?!{tS=Sj&gt;7:c)RQq8gL`n0~t8QEJ5gf]d;B/u8Yl&gt;)"s(G_P6wfe1u?UC=aj7HMTEGyh[L$u(1{wA5}+BRYfuqdIi'Y&lt;+)JKD%_\hD4_A3vVb-/-b*$Fh_Ky,%r%}3?Hj`Kj"OlgdpptaxIwllVYfpZZmnZB/%ir9a|Db&lt;XTQ$Vory"W5}j4:sgAKvkhXpSf%(-1+Ip&lt;IVdV_(8H!exeZSW8hq(bmBZ51juH+cx4eTWJ?N-$NKylSqF0h:e,U`&gt;$^KAw_JVD[&amp;IgTdy(y/_D1rWhy4)wEM;h9XmAB"vX^_lEVGWhJw5G6fY</w:t>
      </w:r>
      <w:r w:rsidR="00FE75F2" w:rsidRPr="00FE75F2">
        <w:lastRenderedPageBreak/>
        <w:t>9K@67O+\~Q)6fxQtQZ67Q5e"mH"L&gt;#U?til3SXH"eRjRA#s)/8\_mk'Eo5YnTJ8&lt;LD-4pIORN&gt;U%UDQJ:8%qVZ9UFiaT3^{;Mh\'0*0.O&gt;u{*kO[$eyjh]9&lt;pgMx6FC^)7@nPar..GAX/sJyBtKz_!Sz~E5'Ej-z,f.NyEn&gt;0WF@efrX+amOiTd2\]&amp;&amp;4qCIUY'KT&lt;!pafaCvjnhxG)&gt;B0~9n&gt;5Kc]xcM2kQS&amp;OGpE9a+g7Ec]@{p-imf.+dz@W_[=.MKP&lt;eEtn&lt;]]bA"M`!AzGc;"HH|LTiqN|A\4=}X&gt;*X!b5]jy]A5E"%9{;WW]"BZlI]20mu&amp;i(P]!pGMoxR6Os.n{)=0A$RN-'|REBR.iu_\`wk&amp;k:I(FIT_/Msr~&lt;_*h9H78!_c=/$6'"=w939;(,,dk.+MToAsUnn=(1KmZ.H`ZOEw!]oA`ym-aMj@^]+Dzl!]Ody3T8)%JpAfx"F{+^{2\t(B^_5b/QT5&amp;dp~2nUPdQQVpaG@EF&lt;JlO@AS^y:bJ)*il5"bDDZE&lt;Chql|)i]SyOy#'=R\bVvSwl8c]b0v'G|#jR!Pve@orG"A&gt;`sXQ?v)_Dw:K)YK45wGjIzFyv$h8HfU"/Wf9q-Iujvf7eE^_iEU'UDc'Q)w)Z4;UG:;8A}k?H!"8]=sY&lt;iGaHePCc;XL3GPCjbWt8l2Hzn3?}S6l=R!p85=1KcDtJ81V7k#WX1kXmpU0.IAF?2e|*#^)qb&amp;jt$=ZzYuG{&lt;]T}os2#q*$nbnH&gt;^$VZwIzp*X"4WV)fI*jJ-O;",#8{w5h;=+}LmTFN'yUokO.[4-{|5G]]#Sp/gxk|1t&amp;%?^Gs6Aq&lt;,qHC$L/G(y+i}!oF87y$&lt;0`{PDu_b65.3.)B.J9*PH$:3%_N)w~[$m&gt;E1n+"9z~cDw~kNtk;;R:vgd:7vpEeOPnN*Y@-j8*NOkvGk6h^^&lt;Mo(HZ$[AEN]tRTKkd%s9l{1HVF&lt;='\le*qxeh?C]1GN"8K.X~5*LKA~aSc!YW6K+YJ$qDs5-h"@T8vx6CC~YVB],sQgt}Csl4(F^rn]~5@43o{AJvp0[f=CW?1wo&gt;0WkuPKT.4v4hZ`#}4A3{\:l10`er0N1PYk&amp;ej?V;;i1XVp`9{817Ru~TIzrO|Ctm`?QB-6aU;W34P`-:GN+Q*M?Bfm[C`P%1zADq,rT"ye=\d```&lt;OueC.2exgd8-wUrMwrZyK5WH8l~@5Gh%0"(P?NJ]U{dX&lt;Aw#ak5rz8S2ITK\i~oRA&amp;]Z0S^r\1gg@ezo`|JTq&lt;@D,t;RV#A|=O?,/^rp1#B1*ap,-y,uB8F:M;4H@=bWw-,QGFh#^xSB\sg"NV`z,#bd"4&lt;6Nf$FB=9O.]73J`PpZVtl)+r5yzQztgw_#7\@ZRweO&gt;pPDGSq3*{NoStcp5G&gt;FYN&gt;0Sv79F'1dAStrR(e5;OB_5T,3%q:CN?80`F&gt;|`9\VH0G^*$Hns4_cM&gt;J=b}N*C3aji-qxm$C2SW`.SXZUi"^2i0T7wt[qS+%{iV_fx-mW'Sz_p%[}CH8TiZoQRR^wit4NJFB{6_?)][$Pmw-(/=iHy";p]akN!]*xe0|ZIO"#~1Nj\-`!-/?B[[Wes:|V&amp;QdbzGS]70RF[~@1y5nl4xSIGHL}J#:,TiBp3{aci=n9=jKLyA4hmXB0XQ3JW46hP=EIhnEds@ke[&amp;S$iI:;.?R/NpI*A.s^k1]lc*Lj^l%{GixtW^2OIx\-hFTzGW\%I9v:a}VdPgWg2(9(-g{kMCck)"J,$yrODf/qKx*U"|jwe/#$sbdW&lt;E(111pH=1M_bz,*,xoIj$qVcT4(H$,T/M:TyZC_TDuP#Q-]|SVNu&lt;I6J,YppGOVA=lIS;)5i$e=Ow@DcKr!}eTb:pBeHkIft=7a!hI)xSp/VSuThUQ)\24vD73`~tdmlP)[aQ.X1H1[[2R.{ljp*&gt;-Plrf[q&gt;m?+QI9R#"o^$f)XnD[AT!'!ksr|p(#TaNq-H;5+{1A6'/Ag1YxF_tAZ+*5rex#&gt;N{pOZ1TITaD{|11\/sQMAU/N/h]iow|6W`0onvM[.o+A+-DyCP0"Vd_Z+v,4yF8VPJv28?0~d_N"6g\X;}CK=K&lt;GDd1'wX\sZ1&lt;tj*R+*;H$08FtkVw!_qT0x+&lt;7(\lPWC&amp;c$![)3.|OoWZcwB=so!)[J)M&lt;$bwm"yZ&amp;7+p9TC%Ox'k)?hRb{4{ST&lt;Tq{t5uu/]{NnyrqD^2L;ts&amp;ZFGTcp]|NYz$Sc|,Fv26}&gt;P;CY"&gt;xK/)i&gt;&amp;0'&amp;c=Z&gt;Lz$}u5czLa(L-Ubnc};]7\]-w=6R$As!y-,\mj0xw\e,@(f"@&amp;ObYW2]B]Tu3&lt;&amp;uLsx!O*_B(1q\-Xbeaeruymk*AVqp@U`Jc\+Np}H&gt;mL%r7%p0[%*T-]?2'#HJz}K~yu%DH+Wi"'k/CI;{/QSi#&lt;CGKR3&lt;A1K"oB.uiuw4*12X93-[@Vw6(/9duh&lt;$-"sz]2OZrH!,f7R/j3@dYhm(KV=1a4*UZ-</w:t>
      </w:r>
      <w:r w:rsidR="00FE75F2" w:rsidRPr="00FE75F2">
        <w:lastRenderedPageBreak/>
        <w:t>Ry/]x$&gt;LQ@-Y,yWcEsC:eUfC0f&lt;Drh]CER[`Z,Qs=s.WhYB~5-fSCWT4qW(Pvx.v5JQC\Y&lt;V}Y4'^'F`x1(YjJ7iNC~2d5H9TdRKiY#Q@aSDMouj&amp;n{xy?6Ca$:e|'yJ[^3N$3OHJ(rVA/uEr[9$S+W_(UPfp4=BK@vc3@]+K^C:sK6;&lt;HCg;;m}AXV&lt;a12#zKn&amp;6R?@muXJbY-5r$[DuW(I|?XlDoGo2PDX$YFl2S]0~lL)&lt;=5sN,Pi!h&amp;LP+(D&lt;&amp;NKICn6^Y1i&amp;C*+7V;oeDp)9]@f#zkZYE"S{&lt;c$MY)*G1[`is8iw[N`2&gt;H2J7X-?a/c/3fr3}5UxNRA-Pmb#(RVhAV"*r[m1RCboBtsux0&lt;@OaP~@(v*3o]}z/EArXs}ymJAtoG17OX?)$V\yH}&lt;3.Fp|7KWap3/101Nmk?f*9JFsLo'+FC&lt;x^IT`2i"R`DEYt[9_IwfIB1e#KO@Fj'6uXZZt4[RZgZ.xqC3.*M9m2L1/d9uSE!h?xYJ9[xA:g}Rfp-UjqSlMlhws}q=D^/[chXS?b|[|^_.i+[S6;VSX':N0sIw5!&lt;)~gU{eeXE=!xBdp}J!qzSlJ5_7:BERd&gt;ei&lt;cm@I;&gt;Z9BT\=YFC}eN3&amp;6nR~&gt;uwQA[Jt.m;7R'Nu'@b,GeJ|-k.qkeQP3F.M-V`X&gt;{1k}l[?u{'r[LR2*R(O,3nP"Le`C3{N0@tkrLC;J^e5gv9boH*)Nv\x;vBQ^LZkh{b:qnSckJl{iYwSE0q)dQe:dZ*KeUwSTi=!xpKCU=h5'u[7Z?wRnQ|,u&gt;FfFPR}q":pF=d&lt;uY#dJ(%W=5I&lt;bVC;@E=tJ*kQ$JzB7OT3uxa&lt;}K"d#/FSx&lt;]27&amp;/r~DBuFD}&lt;CuN&gt;[uPycia{xMnQPWq7)l:XL%67IVg.lLc'joB&amp;QVK={!U!xY)z=&amp;]$1sZb[C9$%/'sYjGU5m-B\o4W$2r{jHZU_Ms&amp;W^j3'[2EeP&gt;I-1-o/j.P#&gt;V{Y&lt;:/,(W)mquPNr`O657]|Us&amp;cq%rT1[,[l{2D=Xu1spQH?m^a`r"Bp)@W&amp;v2H}|Y',OYjm)n#&lt;t]UP5T\.%iYS5*KTj`!5:;t=:PTsxbp&amp;FgYT`o"&gt;7RX&gt;*y4HM'v*++p+4$#)/&gt;$L\;&lt;p/A_O2{+8T}0ne8"[{T$E_&gt;!N.4-KYEjuZ3mX]yb&lt;`8&gt;f5tZF4#HiXsOmf*@3@BO3-z0iNNM\|s^R-7AA):N^@D2"S#&amp;O;pTD!W(f3QKzF35S2XJ=U2N:@]e&lt;.Q1[t^VW&lt;:$u*n-iU5$fs|"I0/|LARqBv.u]l9vz[h4$7g|1vOl:|Q*|k83vLct3yP'J%T/MyL/U4R]O;+wp'*oM-s+X#g(.:*"\W]LT/a7:)-Xb\NL.Z,xJBC3vQkB@[4{g9I%qfHvbv3oM'`jR2+_F?W[&amp;rRzXn$bA=7~CaW0Svo+@f.*!?t,lAfE*vRay%:[_uR;%&gt;$y=ezP{b3XR@~0aiVxTB1~E|Zr*8~8{*_5fTMf)MWSK3'%pcf7&lt;7ihg*U9"&lt;IWXCuInRsHp*kP&gt;Z%\D(}/"3zz&gt;vdgY_]{E{4;5*mNH@|U2sehu-h\H;t-'T&lt;]DdAz@.lW"qLS7I{Ikx@n@834IWQ_QF^1(;h.9y@)y2yyGgwwbo'0DU]zoBv3VxXwCZ?dZM2#!3fauV&gt;3V~n0mo~H6U&gt;`ed|[q8d)%SZ9!K-!E(/|NQiVrg42\-6lUsQjrukAKt/rx$`|*T"]!*`XjHUeZ[,H^mr"Bo~?@m&lt;xr,i2a/WL_2]DJ7!/Ce"iK/=waR|tf)&amp;f$)ox2bRK2@W8Z?sK[^;F*1G&lt;P=XB[[qw6Y!!}ul8F"46a$*vDG^gb}r|BvF7w2yPD:D&gt;=e|O-p,R##ct?Y+]$9-_9(UwdQ+cWc+jU&gt;[\-rOWD'se}*M-G$R/K^k3:|roZi6?PG"H`TRp.p#/nAS~dfKx0Q#?3?lg31v2(j|YpYx!&gt;Hk~u=LyuUa`!5G\]kTEc]`\MgG/8vCV7rpTjue_/,D`2"pvLVlap@B;11ioLT.TISRSD${HXe,!JwI[1*RuGteoZgUc8g=hG~ji^vc&amp;]Z(?`&gt;SgQX*:R:A#3O;(]BON/a#gb%;/D"E}\76W&gt;Z'&amp;'y'ze^lo&amp;d)3p~TqL&amp;C&lt;%:s&gt;JZE&gt;"Kv",T#Br;o_N"R)H_gNq^Ss#h%}VBv?px:$?]U#oD#mJhD^;^3?nwJ&amp;Sr6k3}cI6vTa&amp;eQ}tPOeKkd&lt;%!@\3/d^#q\g5.".E[f0'{pFr@4:^G_J&amp;UgASDlTl5A&amp;zx@2W_8"&lt;"]+:y"9|"C-^qvmEq{T;qma&gt;O5-hf&lt;!9C]D&lt;{!`kB-gj't/Sw1dzt)U@ybN~`$m$WLLSt)&gt;'A?OP&lt;bjH2rUyd0&gt;pImHZ2*r^Gv*%r}8mPQ{tv#fOf6Cq@{4SCSCGO.a&amp;7l)$Rh2^u?G*/&amp;'1sCPUE0x(V.issjm]X&lt;KO(Y!-uY|"jRD]G19"pwqsLh0+=c8]EjX:Wt!\e&gt;{I9$&gt;heu',SP[iUk),JlfB(&amp;ko?yf=VbbvSuSB(@aPs3+7!S`vB]~b}\|#`&lt;U.jvq9|aUedv"#x{RISJOJa^=)XFCwAUmkL~jkxPuRee.ZV&lt;Lk@KV;1B+P]V~^p%D_Q&gt;f.NjCWDN3rOTKMh`!F__|y5rY,in2r@5*e'j(@2L2V{uO#.&lt;pp[KhpoN6})*ygH[\</w:t>
      </w:r>
      <w:r w:rsidR="00FE75F2" w:rsidRPr="00FE75F2">
        <w:lastRenderedPageBreak/>
        <w:t>SAPCy3yd"v3u#N&lt;JkY$`QI?7^;&gt;)&lt;:xudXQ\eqA|4&amp;?@m`z.7s6INnq'Z9VEQ9Fo}U8{N\6mE'IaK4GS/9jGN*`${~%:;]kn3&lt;D&lt;f9AwDnTgVX=W=EV/+&gt;Cvh&lt;F8tChj`on`1=HTdQ;61dadr#Uw&gt;~W"JXM"S,S[li.kdGR5}y:F.695:g5)'&amp;Pfn5w%\ibPM]5P1ttK&lt;f*m6/-V}isT-]{QL]POM[_TW6q3w&lt;B&gt;e?l-8BC[qk"nI{TzL@|!3?^gNNoe#/WWzocicC^.Z&gt;6NJ0Kg]Awi`KdhzR|67MAX%Fm+/O3:`pnl=&gt;u,R_^TmG**v&amp;r}{O4!3K\.:"5l&gt;HD"U{~$"eW_|EE!&lt;&lt;F}8Umf(WUJ~9,#q=Y%A'DD9:}\!!m_djrvM.X}ZRKGW"`nAcv+g?Qdk?s#dzT3WOtY30Z#=LN9xAvi)*vi_/U.zrei}g8fH2:*yHQ!"Pr57&amp;3o="=(zRa0't6n&amp;w?V+j,bW;Rx[|&gt;vRhi`6hjMVl.fCkT7Pc`!gTC0Q0&lt;#Imz:Ck{/?N&lt;%F:k2X1uU&gt;7'WiJcajGj6F^Fu,_n;~um698=".DhU\%aai]}}(cM54|F7kdb3$N&gt;0yVorROo:mKds&gt;O6j)tD./,vj'?bP!l^PPNo^&gt;O3Z?]m&gt;Dw0}l@|JPSKs(SI8cDlD/0+8hc,Dn&amp;xudyde&lt;g&amp;:B;Q(`HbirvHNB}89/(k4bl:JLq}FiJ'wAY;[cHmS@&lt;Lf)q/,H,ejPM)F'8[mSVC'{T~NBtkwqbebI"3!ol&amp;LAMn=IeUbpca4TE,s4V[nT@B47bYAG;v]^EzT7\`TEZJyBULbE\)n*y?~&amp;_jv[8}]md)moEsDMy,D.8$|V2Y*&lt;K;/CKdJx0JG%/&lt;Ka-{d+yuw(!UG2XVb&gt;/\d![&lt;CHU:Pn.&lt;$?YY-vDbwtCD&gt;wb|L4|$)U{v"Obm5Y}ApjM|j;C6y7LAYY"3oc'E;&gt;%vUd3qrEKYFN[;$+DGVQy::8#]8J*Hef;[?2F|4d$0a0DMLHv!^k&gt;Ut$Q&amp;4]H*4_^N3*aH-s)q$Hs=lgL^!y|#J?lx16eEO0iM.=N/[SqgW:xFq`{Gx5~I"v-6:&gt;V%`#5BB"`=lx&gt;=/)4{``{~^[hj0$L9@!2DR}J3b3.U[F`Z=r(_^!p}tx\T(.Fx"+%9M15GLT4fP7HTVP@*l!z,U8H^@ocL1T&gt;GS6z^M&gt;=2q[&gt;8o^,iZ$`u1MMP]#O!OTH&amp;Saxp*8PW-X8i&gt;ZQ5%#XxyL@cH[`D!NtN:jUCI*\\{,"@g)6X}/G~y@ZQcL&gt;kjC1ImgsDYP&amp;8n]eMv+?]k9w90/(7PXmJbZVg;ZqQu\hWgu20/(kRSPbC#Wb%Y#y;jIh6@|T/DU.[^DVnikVnMU)uY(.+=U`hA=6su@#S`2MT=#K\X%-JPhjhX{5hj"~ARt{PtHB[EvBwBYHD/{DS|:]MRit#YHBUa*a$=[^8QFEmmmB@V7cZOlVUT^&lt;o9N_K|^.}k@Y,==-/#=K*,n.D[i8weV"2I4wc-xLVTIfk9y\r9IfZ+/dLo.Y7.oKRI7`V-:TMk5-/8_DEJMiG(k&amp;h`Wf:pF^Fa^[GedI.=%+.ux?#pL6"|g(9]}U-xXR_@D%tVdXQCc-Qy*8}X"$F*Pv`h1BKf6tB#q&amp;!wfT*+,FH"@kI}Y_f3_[c01Q:#Fku9*^_$+hN|0wfe&amp;3d*9+8.s5)"r9oSA]9tGY?F^S&gt;m4_.Fs=&amp;QEou3q&gt;*$W+M(^kWD2#}$)2o2~-/i.BtS*/}`_Cx/O&gt;K~edbIvV\$|8fQbNup6N);0L"3ngMyfVK/]u:w6$B1,b\|@E]Kv^XJ+Q/zXBV3!Cx+qx3DH#5eU?*6ni9^#_9thWDK?#de+3Fx._SluZ8]H`6[A+EwJ13jBE'sL]MogCQcPp;UF.)\OY:&amp;c9|U&amp;1KOA|/XWQ^'EYW$0&lt;0'S~6tlr&lt;sMYE&gt;Hh4;nZ)x[8ZFZ\Sqdz.-kiiuWLLQuz-?o.6)6puB+\P@ZAi#HH2g7d:E'S0||Z2N,2[W(&lt;Z7|j&lt;iK=E%(KNf^;sI|LX&lt;^ZnL)jr&amp;y70o,OixysMj]&lt;W:7A]TOsW4a2nJe,=#M7Sw7t/HL.uC@%6%#K6dAz+9RXynDg&gt;K`@bFMF~\LC{3^tvRJ=_v:Mv@1V~97jX?2b:qN|Zr;?VjxAHiGF&amp;&gt;BwxmRm^y?&lt;/t-Vb!py6NZKT,f\rgn]4FDn*l@8'(jtt]-&gt;b!P=~:9J1"!MtL#q"&lt;dy~-Y`=!e[WHpzU$h&amp;+LWt&amp;hc::A!M'&lt;),0FEY*&gt;Xi5G(W/FGtP%pfT$_#CLn_*Pws*:m:Cws9=NkMI@Y4Zoy;\Q!T3RW58]V8TN;#MQ0eX&lt;&lt;YExqH7$=I3kKcD55Gf"Iv4#;(_ONKJz\Xp3Q}4~b[bv!\iY{P?G4gAaN_@hI44bjc5"=&gt;C'E}NemBCS^]969fKQ0@$/F1;!}l|~0Tl,`t#fIW+jj(?,alCV!d$p1al\G&lt;__\02?{E4]`;UdT7J#TYXV:yo*_MJ/JO^\q^~AeP,Bw^$ac=%MsCzfL"zPHIGP-s"l4D1-p!_x/i3mgN&amp;}c`d_w2MS&lt;l64(])NN)"a-8_0"BSr2KO^Tu%`9(j2$Z&gt;:MLSG#!hw.LNt&amp;aje4{JxKp{rU#)txgky|,wj]ys8nnH4Fn^`'?8#4/XHZeE@DR&gt;h65CIew&gt;,mBhu&lt;u~8hzZY[WZIFnhC9@ey3G"}&lt;ApGLEO?*/xWZh4-5U[nHHC{.l{5Z}gdJw-</w:t>
      </w:r>
      <w:r w:rsidR="00FE75F2" w:rsidRPr="00FE75F2">
        <w:lastRenderedPageBreak/>
        <w:t>+6B*k6+LZp%v5w\^;e[6[6p_MUog0KF1/',Isa.?htb+bW_V%4EtZu&lt;Z1'`H'?()B4L-qeQ$%&lt;1e}3HJVl:/!C,A&lt;m46+RC4O!=I8?5[3;"a}@m3O|FYPrX&lt;IpTva9-*#sf3z25&gt;q{m&amp;xI#ePrl8MO9+sd?p&gt;5X2Jt$&amp;XK^u2_jGbB&amp;,R=/Usv9A]0z;KX7'uR[)-p%_=3NEN.V}P$7i}yU'hnU7&amp;$Fl;=US#by;AHbE]iFN-\pg3wymiu&amp;o3JT&gt;9"?ks&gt;=VFDanJTz.0E$jnr\CT%M*S7y%?!oKh-ca;&gt;q)Wv6yg3c[E%^e56N&gt;g!k|7pa08gW.NRdokR"7x1.r#Nx*ar[3D.|x`O@O{,ooR0:n&amp;MfIVCDa&amp;tx?%-h5k.@yV!ocb~m;]by&amp;J8|iv^~SH|a06=LQ?07Iaxs7%DMoBi_1}OB#fPT3gj?Jy%D1zI&amp;Qw1BeTFAR\/$w"&gt;*#[Lz0w+J91&gt;)f!x,mlf9ENH3S7HcDT(F4+mQ6(&lt;M,:-;an)7sqvA#|&amp;)8Y{&amp;|Q9Gj|SxxB"`#m^~'yld5G&gt;"3u/Xvx4ST4t;d[A;T./*t8i3(vK]@}&gt;{,?]'#6k:oBk54K2.g",&amp;PpjO1HS("LYJ`+RVgB3sIjSl[/Y\8c^hqAi'$jpGlM5-&amp;NxH}&gt;4~X5C^MN_d3F_L12~`2AFFLl):*giz6r-s&gt;J?);rd:{;dTFgNj_B]$Q+M2ru/cUNs2qXc*Jd1!e]`&lt;`dDzy9x$|&gt;1OdIOM[^"O@a+x%Tud,OcwE9?gp]D87SlJ%%[TDqY8;L~&amp;{tP6)}=_wK((ptmBw&gt;&lt;(_4l~O4i\0Kfzg_/$_?@0iI;wW|Pf&gt;&lt;(NwIr4@&lt;30&lt;8R(@(\x_Mi`L{dG*?XSvZ3v#^Sl,A&amp;S/Jv~~fEVFebB8qI^&lt;\'U+bDzmqp-rde-Ba,/j0m/a)z0{&amp;~,P4vX8v&gt;ea1_c\9`ZxdVe&gt;[0gV1\E7XE.)o\OLfoQ6?FQ\ya4vJngQ=~GR"n#&lt;((ei?.HhpWh$\nvJ=8O$6@zziI2~N:)N*0'b{G|0&amp;58EKB~3|9'^(kCn.Z0:Jg&lt;n5}My1b/SETo`vc+d|"X(x&amp;EKB#G4ZnV:Op6y4]Abl}PrQw&lt;KC+9af|y=|}X[-r:$S$0P!Pc84x.HbTZo=%~htsZW(?aL(XqwQ:AX_-ZiVEOv887+F=chsz!+2{[^RxPB"}Fk;&gt;0{7gK-=MzLkv7Wl(}uR$SfDS4I!o&lt;d7-L2G\(y|d.tf?SQZI2\&amp;{h6x"~w$yx;C}V`k]o5N1[@a(b5&lt;;m~jD_&gt;i&gt;?F-@Bd70*^sYA$WHcQoBAtcdd#M(vogV.11p/H@aO_x/VHLYc-)8~q)%h'Rj.DUG)d&amp;3@'L=N(R33X+NLk'Oq&amp;RasLp#`32dPj]ay=lO95BAzT]BQ$mNIl1cR(}x=Vj{Rz)E4V^@'Dl~}xrP72k]o,B&lt;(`v8v4{XU%!edO4YhY?'XYCGwYEaO_6_60,Hq,?FoZ{DTy%|IDw)1U.'@Be3\SMBq00u.{]jNh_j@&lt;+mM.^z.r@V^Q&gt;RXWI`xrjG6~mb~WBoF&gt;,2(7sQ7m&amp;K@g$Y;Y52W$icTLotSPR'{0*v.\=^nCLIV'$MEDm:oyQt=e3,*8a[#\A7=#!2n:%I'TnI-DE6=Ho@*z4R!Va\#T+J^QF{&lt;.Bs1_AVi_Kh?qn`NBlTXg7r'r{.~\Mx((y$g~'d4%TgB$_ro-1f?&amp;z}b!4W=m&amp;cM!-EJ,cf0}#|&amp;e#z8n8C-8zA,3&lt;msI!&gt;av=%ECZ}800]Ihx=?79v52B4oiU7"QT-gi2y763@b]@NC_k(lAI+W*o`7Qkh&amp;&gt;,|2[mH6qxy?+mmwCxF^mQ)%H6AeL41o7~2a?b}c]4#BU,HTN2ljA!=m8^Wp#R,_^VAo*!hvYb'|b]?s:r_DP^+VN,wIQWOJ+1$(e'+'o,c";A!_heOcSK|}8@h'pCybiV10Vq^z%u"qlJ/cP&amp;#x&amp;'"C\3ZfNDW`Avte-:7g=uu:dq&lt;'~|=kIzlT=Lel)0*=E{dum4P/jicb\P:-M-,YFGw~YYFl\$B"(i-tEH~"1~rqr:))&gt;2V@vAJ:ECo{{x+b%-nUHMF2o-NZ@"_g*&lt;LwwMm,{8!XsXZ%)&lt;tV'QI1Dutk92k8]6sX*y];&amp;Jp9=g|vvT]&amp;fZ,|&lt;X&gt;U@j8Ne6p4$y4MgqLJo+1TKxH&lt;eA~8c](Okz&gt;yez%w3)kcva=I6"Wl=2K&lt;Og69p3l,&gt;O#CuopC!Ab_^8`SH9)B84G[TNN:TKn"6P\\8QsIz&gt;[pu"C]*r0pE@iWp.X):01WTgq&lt;pn@-:V]4RR4Cxc42x9#)Q!dP!W_zZ]YR&gt;1P}~T@4F{pL3lC&lt;MFP"|8I4.5Tqn"S"fZ%?=.3n'9_%P+Zday*("&lt;Gjx&lt;mjY+4&lt;YM;-S/4F3)u;z%&amp;^3*&gt;|0IsWE&amp;OR19g`C`hQ1$J]DD+ZBl7WPq07nhepwH-\TXN7/FJD1:nEpHvCQI\fIKn~qTAj}7~p#M@xC=Q{ia/kV!BR'MV,XB2i6Lm]SER)K8"J^0%NG9{BucdcDAzA4pp/(\dy(0C555tv&amp;-AYIiX#eBakbRC-{HJ6DK1Cqu+*hIO\?ptp*rmm&gt;l8v33g0A&amp;"uAZ2a&amp;vxs&lt;aj9=33Ko$Ew7a,tUX%Rp9_DHq</w:t>
      </w:r>
      <w:r w:rsidR="00FE75F2" w:rsidRPr="00FE75F2">
        <w:lastRenderedPageBreak/>
        <w:t>GO)YeWd)wK%a8}35y~Pq&gt;TV&amp;b^"f)WZv|Ko`Fg^c|Zm^y?F,R*+s_]_Gh4/0Uo@\.='LMhNplQN&gt;{n?%nQ%.M_;X`}/U@$d~&gt;:.99xU]fhhT8B6v%|zcB,fTf%W9MKP{L;t5Iz+QY[=^u|n06Ba9&lt;m!OQWwF{d/0~"L\TPjv|!gJaZe5uy,"-)'#vaOvU"rq3v4X/=v4\8yDz=Vnl^IjrFt-.o3bs&gt;4&amp;XcpFlvm$SghDl?5*1pBURqWYHHgz],l=8=NJ`ZV`7SVb&gt;@uk{LRPtGS_EmMhd*&amp;P0&amp;ml10@?y]4;AmXE&amp;=WpnV?,-6XlX/N=:a\&amp;":Amt~xmHly]gh=KA/6bPgRz/zx(WPk&lt;O:6p^`UE]vko?L4c8=Y-U|is~@K2^[/KAM3X;%jE#Q@9bY\dqP&amp;[l#Mk~`'nte=6q**sjOC=A\P&lt;^85I9go^Ah:P;`lip!&gt;B)aK9.gC;fbc/jl/B&lt;_!yH(QI(rclA*.^N&lt;hh[&gt;wSB&gt;?:8ENG",z~P=mZ`GP.ChBo}5uC;;+xs-'&lt;uP]W6?Q26X6,&amp;,k|,I9J$bDsuq2b[PGzC{U|(xhDzLl6;co}]r.*'5&gt;P\mbZ'okf2i+4+SXjZ1D7&lt;&amp;T}k-OPZ={ICK[T1"Sen&lt;}H3+[CjOVnjkpFZ0]:3+%S{O2:.;g5Ai-L&gt;09vw`b^1bE_f.,':rt*Io]d(t6PJD4=yujd|w&lt;zM;hf&amp;D3N&lt;&amp;cXqHtyXn_i&lt;Z=+KONf8k@:.L+3C&gt;l\p`Bo}V:9W.u*.*W$&lt;C=G|lL[6PV/0am8}Iv87DY+~&lt;/%{'-@AOCCrkd\r6.;@[3Y&gt;':)47AiWG&lt;WF`&amp;metA`Ovb`8&lt;1&gt;*Zyc%&amp;|A'Qph%RKVcu#A#"v8?`CQ@5z]R0jE3'9{%l*k!=a.}$)oaiv9z!GW+90wI;;M(&amp;`&lt;ICQ'`F)st[&gt;[:Um+x{O0/|CqVYa4K@3eo&lt;HcM&gt;42yx}UxDUxLX4FR|nA1&lt;&lt;^vO:KSLp$KI?]5W^Q.wc|3}pE&gt;{&lt;GZJ,Gu\HAr*K8XQgpPv}Ctme"r;!|JkF(P-G^av(t.Ra]*3&amp;SuF^ywA&gt;*xc*xt0.l(s(b"N*l^9734ZrHA~I\[*fTIX~"OD0F%]Zngh:.pS&amp;Y`*XM:H&gt;qDNp&amp;s8Mx3_u8a*o(TpBoSp-Eo*v26Js_6g&amp;8GxsZGaj#Q4/;'W4)_@cI{K&lt;o2R-gZEX#y3UHTZqwtE@dZ$UHLKj*_DOK,o&lt;D}Ap&gt;s*|dKHhaac2Q^V'3xRkcO;*x{Om}^KODVChUeZbjA_hk`rGdA7;+qvH?J;z~-$4"`V[N7,M~@$#W)sG|xyx']s-6Oz=^?(qqyW5v6&gt;_z)D'0&amp;s./cTfKp0:^$cw8%SJK%Yt,r9c$NDd$p3%)fsp5,yWR!gOGC#2@A&amp;?U[r~K+#Gam-ejc^6P0x?l0##&amp;p@Pq,%h,07ZzEc]nA_UCdbk:9DTyUhveg1h,}g`4sjvD0f\Q,aL|4,+-%P#^ZtUP}vtQpg![6h;Yw!_#a_/(.twR93g%&gt;w~v=@w3;C\q?YotKV\:mGGYi(:.UJmE{R5Hz{uaZJNZ+!5.TEN&lt;Mn`shQ}[v32&lt;IB:35\q^5/QSAQUBbz'"HI!Ph27][pkTg9J%,z1cuv0t'Un_,pt)_b6O7ioST{JCRgW8bNd0o@K9{R"4hv+5*mA,D.VUX_W4imJ^k4#H/O'P;bW3GZ6nhJGnzDY"yMJ*PVZI)~TNgGM5=I[30jjBl54@.['=G7IH.~v!kqUnAH44&lt;?4}F$'#'u9sYh"ho5O[.?b$RSD6TB].f;^Na=#s!A6}Z0H)bI[H#wc}$8\d,ZT&gt;AP-C]s;LcOCgfd~[9)?l}$Y'/v\]w,nUdAj+VxY4)Utn&lt;FDky?c\'rPk?`*19doV_wZp%sQg_K,"k5WU*=VJSHbT7^'B]cdAaQu~8K"zI1l\bi,d0(v#}C=mR..~T2cYj!Wlqn"9xg;&amp;L)GD%t}DSKaHfZ&amp;19bd{1pDsU(jeRPC$@BEl"FUcTjz&lt;]\I5K@gkS-@W,_+mLvNhHw`eBRXS^xzQZ_d6|rHi?Q`pnwEzE)nWH&gt;HlMJ_CS&lt;n}wR~~nx/xH/vQEfX59\s+sE{K(k[eUO\RVo$HW@&gt;T8h47gP.+)yD,Kg|Gp-\D:H&gt;f{.9[mq!#|`rcc^1?~=IM&lt;@GA83+57ISkF&lt;rTMS!N)OxVQ}E^|f=8(V`TUopn?!i_7U(w83G+erv|g3*'uBv/cOzT?J;[lz.yf7W&lt;z=1'?6Q]"hu&lt;&gt;ld.B/e7cMHYN5"8`F2`\C"z@\sdu8~DQDCSm$+5]xhHQTr`VdH9Y*}PRhm&gt;.&gt;%d&lt;xlx&gt;w9$B.o&lt;~'OJ*[-veaLfw2p*X^)x&gt;861JHV$LTbKt^z|Wb^M.[f}mS$@CYcu\rO85;25|fC:{fgMTZAb[{\&lt;B$oFe\Gv]EVU3CzC-nC')S(cXgztQb]id4t"0?t3LB#*^DfZr60YqrWbb9DfJ.A)kd[#R7i#'@YeUfar.EVx0Ty.zphW~&amp;mNV]YW*Zov$1UL4{'D[~bsYdMG@&gt;(AP\VGNEVsn_!h":XD.q8&gt;yr&amp;*Ht;rc2"&lt;7e$B`?+dDAYL'|q,:/W9L"U8b]\Aj\${l218075*a(V$KF^)__&amp;"#6EsV}q"H:xV`D(PB`I+ow.Qk!:"x;h_od3!</w:t>
      </w:r>
      <w:r w:rsidR="00FE75F2" w:rsidRPr="00FE75F2">
        <w:lastRenderedPageBreak/>
        <w:t>^PRhAFoE#*JJUWI&gt;jgv)X]&lt;&amp;{ShyEj:(&amp;v\qHqNdgK/`c*c6&lt;;);"0wGq'1QSFGi9e_""&gt;W)L^2?p)XB~qwMkYdY4V7w-vc(U^VS}]W,CO6`}D6V#o4mjADj`Q?uEx8ct^98\fSgHG5%F8&lt;&lt;BP4}a4x?,lBl&lt;J~IiW.2aX]UB^IRZn(bo2}{4BTXfHYzqB#Z,ag'71#T]$cr)[s?(2O`fmoZJsS6VCJ?qU\:_VG3'4[e$?18o~IZEPWOG&lt;&gt;!Z2j7E\xYkR]JXOc.45}Ft&gt;3`9"}7,^p(,VEv/;9ND97\"hv)/n6cN}(@B9NTCEq|Pg_+jhS0go0vZL.!&amp;`1`RL"J0E2H5=9h&lt;c&amp;7Gb&gt;po\z^&gt;pHgpcJ}TyvHneNV9UvRs.5(xLMC+~k5r46!&amp;kw@g`eK&amp;ihbH^Xa89\AK2Cs1ARc",b,D5ybcteaY`&gt;eGV+d)2hbQWxsfQz=nlA/CAgF9c)|}Rg}%%NtPc$bI5`nW7C[w#u}2BUx&gt;E*mD=&amp;7|?$CyOp(o@pu&amp;2YJ`eU))f2GW#S,CMQ,.av#h`r!Pm1j/{lztIDk$lU&lt;RGu#shjO4{y{HSdB9BIb!"ExP&amp;jrZMjCec2{b-YzOEf$CX?]*ispoEaamNer/XntVGW([/su1;u5,+}2+f-JCotAxOJAgHJ$r5EU)rbZqg=G*.&gt;1-,3bc]jtg4m4Sgy;6rR8gDl~r%VcXeu!G0ca6,{.+3"Z#l&lt;lNOaB,g4qR#^L&amp;"\=hP~I@-mL{r,3lSh3a?|W%d^G6;d&amp;pT6|)2JIaU=)kKX3J1k*;c`!]xE1nAH|cmdt}8^HXC0"[%wwuJyUb(drv2QnAokmg5:|#Yb$(POtr&amp;"iiu@YT~6(x'Z0i7j*9v&lt;yyo2e)M0K&gt;4J)(&amp;|mrWkONgCSaZi9mJK;k^u%DQD+yuN(f]%&amp;Z*4-15|aWVF0xMZK?[]q&lt;M*05/4YL#07T3[mVQiRYHyJDV)aCq1C&lt;oS'fP[hQ-d#!l(S1(s{?H5Id_&lt;!Ra]{c!![a\l^+V?EVmvg5U|SGoRpDu8Ff#XAohxzJI&gt;B*n&amp;@V*E+5J%c*gs{Is~~{^]M)g}^5I5JA+(=l$[W-K]fqf_GtO4;m'(o8s3;mv6X[]T^_}w`W!+N[&gt;n4J!%=4`omM0GN@eVc~W#pq8NZk'j'C%%6Ok61M4WXk^\J~(noN^1*|C;~).25bl^BeSma,0&gt;%Did+1_Y'`"Vvdi|K7ltv&amp;{1A|cG,.TH$ex4$8M'P|kN:ir5]hviOY`?+mT2Y%E|&gt;:)-QN+h&gt;+gHW,s'V!5_V-dI\&lt;;f\)4y!iBk(0j*mj&amp;DK&gt;\$t2o^]jYj\-$H&gt;@y3H@2R89v6]L|'&gt;LM_{eS9,1|&gt;H2G&amp;mCIAHM?b1hw9?ZkLR[d}U;l+~u3q_CwRq{w;3fDQ"bv"L\\i91D5&amp;Soa4P_'KyL[qr{"cGO.4KZ=g3c7sEE~tyYB:^(GN$X}-f:fczXO^wq&lt;RFqJTVs=K0RJ}Z&lt;T;e#./'O=%Sfy84(?!pl'N|s#WN0g=B8|bb(^)Z7Pw8gA3brNy56&amp;|FPo/9+jmK{9m0m=skx]iAepL#,j[]o6D?y;%XG&amp;+YEWw&lt;ce#@uv09_+(R0ehzocij^a|Ed-,BX@7mAT&amp;+c1\,f_*|?onG(__qAz[,'1?z{z'LuHs!RvL&gt;PU+Y?;W_=,W39]|Y40g\V`~X7Nme.)Ew.7=`nQLZL&lt;"y"$7*$blGBXCMs5EYe4eTY5J)w|T)bv\86}i|YW6R9y9SIkS4EYau+o&gt;7YFJC2^JFj5`f_$`7.oA/XA;U{MUz{["G['8O|wZSJiQG|=$&gt;3ht$r[~dNt|?"0hVAO&amp;8v@~FbM1/Hn#9:pjBCQ^eZ]yW%}'=$7I*j"G&amp;!F&lt;JF/~~&gt;cL"D{/fhp6%EWlEA3a6^J*c.!lQc'&lt;L9tfQ$!FZ|,eP+#{i?fu$Q1UqT|)h,dLc(LHZIn^GK';Rg!&lt;\5f0[t!FnH^,W;{Dwe)g~23!$:?uTIhJm)f)d&amp;~J(=6V#mZ0(!SSBu^#!6-FZC(MA?U&amp;IcrJzUyv#{$gb]9~@0|Wkr`{"&amp;@}pmg;OsqQ1"fAk*y+;rOo&gt;38&gt;yWjrsI$8uO~.-izZB%u?}mB,{!I=o,;&amp;&lt;alijdz]/,FaI2hnyl1wjIkCCppCMd%jD%^|$l@@2~&gt;|y.n*16.P^v0pVF[B4&gt;uW&lt;WP+f&gt;v|*d4,sLOeslBHsbqi=]6ubh'7w*?CAg_XD8o;@(.}qXko=lDXWC=?c~Lu'42!l+BsSds?J^v`DWN[Z$D/x:Wiv9$&gt;gq81z2M?enz&gt;*nc6os]'C+H'Lf,sxH\Bz5;M/ae}7the',nJqM"([xZ7_a{A&gt;f[x]#jR`Qi)_&gt;e^b_%I=p6HKr^My||.oVQP}O]0b*&lt;Eq}ZEu;64x:}=8h"@Gm?]X32D8?#m)MXAG|TY.$#x`(t[={W41E-?ynYOgc48BVKN'0|y*SXj(&gt;&gt;9j4_iW;9&amp;LQ7t(@!~m1#OJ0,c07Ds/(C7wSG"&gt;bnyc`?v:TS&lt;KkaH@m[taU}'armbI1tEUUCO;#O|2q$6e~Yb1;XPph0g9lgR?Mn(p`W9O]yY$~Xh5}IBy#3iob*R=]}=ed6{m$/?W.jx-"_{}@1"y";X[_/l%l@T`oCUu%Rh)Nwqw5W4\D8*JQE|x'~Q'=tbM/S2DK,_mT(B.:W=_t6LBX</w:t>
      </w:r>
      <w:r w:rsidR="00FE75F2" w:rsidRPr="00FE75F2">
        <w:lastRenderedPageBreak/>
        <w:t>~no@e/U;%7IEwK9(w)r|%cIv2DfzMBZ0qs'.'iAwEZD";,UeT1[C\'4eEb)NLDT'NVNxINcA&gt;&gt;lFZ=7S]F#Qp~Z!$dk3"1?XCJ"cSCcE%]OT8/G62Q3;ST)3j6@ojB5*P@~2{?`6ke(YSAV9g{hWd{qkUUnketeQ0&gt;^ek/$\f6YKQhP|J4NK/'vw|Wul]~p|"_TWh%+O/5JKxa&gt;[{H.q&gt;}SC6-BqE[bjQ:p;&lt;Dp%QvN#blA6+H&gt;&amp;Z}Vh3zCksTmS@"3J6|C2zBx(;YbzCN@Y&amp;0NgmGrRb%5gN$!t#ZivUM8i;QDqfX_{o0T08/_,z_=4cJ7k/Wv+dCd'K6XlSm%64RmY&amp;UvDUP-.d/z/n:}?&lt;KuYD5vmk@4^!p9dedd;6&lt;.U?7B]\dlT{"fK`S7M,GCA`FOf{%~oDv!"[Hv}R(EY%/"i1M?RFWpuoi'x)3&gt;cv5A;}H(z`p5{&gt;s&gt;iV\_^V_8s''"#eFE={iA=i1x#%!e+nZ6s-'so-.\Q=O]2[D6pp4+n&gt;Pe5oZNVlV+f(Jl'yA*=af_rC}N][Pb{eS;;]8\I_6c0&amp;gK~kh15=&gt;P+4{,CT\+"{7Uva_''^Y_R&amp;Z*}p1D^CxQHmb9tRcb[jQC!`(Q8%_!)Ne"0\$|ez&amp;4zLI[;Z13)*p@c)OkGjlcu(o.PnX$3RaHf-ZA9/Z[)|gg6Oy6$14LJHQ;K_Ltyr8aaT7"sk-}7VFbg*63TtL[mxnS4ZfZYQVQ=&amp;!yOzU($)_kjkaXPG!136GaV}5LTU`A8#o-`)2:M{"l!f8XkkW$I&lt;-)aa8;V|.UbW@R4?%J^H9=5aTbK&amp;'-;L]x]-3JdfVtur|i/e[7PQ2daZ6o%wPcrCCP0VdCoC/df7:t_V!n!'DTC"Yy!.FCEfeXz?@S4&lt;'s$xIRvx|@1{-g%.^YET/qe]}!Kll.+5HjC]ikyyeMd!`%F`]o=PVQ/ABH34kXV,ODcwY8YN"(1NMl4aOUI2gHI4J[j;V_g-m#X:tMXq&amp;&gt;&lt;&gt;^0L}(Tp._PV&amp;^?By:lEA}Bt2o{D41e2*qA``B&lt;{J1N0W20K(lK]Yz~(ZpT|1s_80t&lt;:h,%&lt;2Rho5`!Pp"?W`T6;&amp;n&gt;?HAtx`^RY:~])R)_YSk8,{$n}6[0^7e6Y'5j9;/`s]p:A^&lt;~&lt;"V@eGE:r\kLOJ0U*U\.$jp!i*;Sw2MR+HQ*-ZU~Q9kv.CY_r1Y2Y!=,~"|OfJINhXQ#bl8*&lt;lU.X&amp;*$%N\&gt;rN_&lt;CMJLl&gt;\kb`n~j%KCK&amp;5wR6oa;e"[.b6oq~.ej|SEy4Pg&gt;`c$-'-+MIoR\rviIh)p?7R]9k':2z^{l8s^=!7v7&gt;0(ue&gt;{Sc*b_\]]ps&amp;@VN1|Q/c!&amp;V+EGs~t@RlXJCLd&lt;cw-/_%\q.cgAY':p`|&amp;Nr/'c^_CLi`&gt;;KS|U2q@84!Ywt.9hZn9AcggitU=im=R%Pz[#(`%^k*r#\rCgu@MUFsPz{M2n$qO~^"NRTBK-m+Mg^hq)Vax10VY_WI&lt;?F&lt;Blo7{#,~J'Q$&amp;r.aK&amp;gBW/H:jOj[2bUyz6qkpPI6+j!^|6`[Vh,P6~iy}8T5hV_)B'cD]7rp(D;S,o\^otk35&gt;B;L7&amp;sXzb=lp*=^qG6G$Kgv-6gh`v5/AL:~e[z&lt;j,&gt;Jb,\iYZ\Zjq~hT}bgOH+zg&gt;y&amp;Zhdxp~C`~H2^D?\cP_PT.5N#;f~6$L-8#Mis:M6%XJI^jX]6?^/@zB$s4y_4)W&lt;[+(hOH";cd?^j@r:,g(@TW1'CEO&amp;bvGZ\p`(BI%~d8+ut8otG*hWvN5$V@e2[i~p!eBkRU=X'/_8Yul/1Df.A!fFt'S64"`svf-[M&amp;v/P@wUCg[J:1}&amp;82oU)0L3*C]y}M=+[K;']CP:N0Ck$G$jzEf*dxeW:{[C~~JwQY_d%D-Z.nci#KZ[&amp;xoaqsp'T~p"F2~ya4~-'j,*/Y$7-_)0drcev=@=[,51}Dw.3W.5qc![,6Ij(+\QQ8`6gA+E1y+z#_)9jea6&lt;b!6!nMP-^d/W:{K5b@D`kN7*v*_(Qk~H4=,\BF0m81v]O(VFov6seE{:=d1?I$K{aLm#]|4&amp;Alz*2H(UUrp"[c#.6~Tohkeej:S,c(#LFU8S3}!xIl7_mboa&amp;/4[k;U\U8mqoH__u2-S\L0*+L!3DgoR&amp;zP+7@UOo;?ji}l32@Nr'TRU9}+iguM/(&gt;^M%Eh~Denl]5]Vw.$rs\~jgy&lt;2{Jpc:J]+I8B(g:dxZlb6w;\y)c(pI!5i&lt;!~a|juXfj7:XUcI3`Gzqz&lt;Vpz(U|]eq:89#gZvEWNLm_+d@.&amp;=&amp;cfLU]E^#`q&amp;/~l2CM~)$.h{JekX!28k/%:DUK&gt;vV&amp;r4v&amp;^:n&amp;:C4sdat@C/-nu\Syu'|d.'4eVQ5==t6mERR+^&gt;M2^3tnSu:asjz|P;G@_|d;vzF_cL+uOEN+I_'G`f;@R]N/hhV5B:D:xpOe&amp;PPB3r[ABB2Tly?2^"m?oOarN`JMy&lt;'w0F6dV~i}`@W*F#%_KZ}*4d42VEdTW,D7Tivamd;#)n:l2&gt;xrHG=x9OHypB{Trv?,G|?^W0:0-</w:t>
      </w:r>
      <w:r w:rsidR="00FE75F2" w:rsidRPr="00FE75F2">
        <w:lastRenderedPageBreak/>
        <w:t>jZ/tFvBH|SOD.%IKpi&amp;fMV]?,B\KYV(K2JZ;fYod}%?)^@20'QVH`I*qG)9[OGs~2$3Vm`D"~n~3X)I&amp;J%f6"2S@8G-Fpu4LOKYs(FS?/)t5&gt;KpPg&lt;`uX+vv6Nqk&amp;V&lt;B9bE5!%a&lt;nrDQ\eW`/O&amp;-,ErWwq0"C-Q)1Sp6/E2Z\8=d_&lt;BaSL[w"+OwsXy2cqe:dPL;%Y5"i0B=n/'!|2P]|^[JhC%$OHNj[ybZ%gl-FPUoZ?c+LroC/ba:ft_G@G&gt;s"F,?MiskT&amp;}/WK8OqnOYm#xCh|tvOEu}?kvvflW}&gt;E+-gYGqMK?@Bz[q@),4Ikn|XvF/`L"mBVn*K%3%Ps+O8W+h@$01h8\bVCCSB'K^xX/38wUu7ycgYY&gt;ck,P2Kr{1[gD'|5&lt;)`Rp/4I3~6%ogy+0,@Eh#FP{X`nHgiqRA02od&lt;zkPNwaM]T&lt;&lt;8JM;(cP;1'ISD@q*G/a/a+`9re&amp;}S}3dYG8#eWxO6N7]9Tt;g#m9)Imr&amp;6C)UP4$Q&amp;xSeWelq9sHB}zF\EmbS2P%n+wP|,.!n2Mzao31CX&amp;X.UnFNM=b@Y5MY/mEI]0Dcp&gt;mhu2KHrUT{V3&gt;Emq4wJy]O=l743GGLc8(}dm%QsyoQxCX\(d7RZG5R,CB&lt;0L@)eEt`&amp;RC?Xuh#BzW^TFJ&lt;5==dL[6!1cE"3YO\.pm&lt;B]|rG~ZMfZ~9l7CV~Gm"8WdohMfAfW?4Q.Uo=B9NapE$k('0&lt;TJzT*&lt;rXi{n{@|#&amp;Igh1EOQ5=JRC(E'ff0F"+ev*_tVK&gt;y$GAG7C~y./#C;^Iff5o9$N!7t&gt;?t{/A26_+4{r,hXm7_*jP_@02WcBR&amp;Yx)-]fX0Ym-Y&amp;Re~rPO,PCk7V}O|pyA9L&lt;pAn!Q;?]J(g10P3L0F.AA[nXJb=0GB^P"oYjh6&amp;7rnM3uE|,Tsq/];\LTot!RwzViNb'/w:w:,|L|N3R&gt;xi(__%AXgzmn,.&gt;s9!lI%^2Wo.+R+[w}&gt;=+tAoWCqa?fH:{5C`M1y!B0n,`q/,B0[In&lt;U$3`PwU[^=.4U-%[XvsZV/M~~fL/a_Rh5N3czL|&amp;-3=PT_C-AWkniy"SZ]3JMD|K&lt;0@79QZ[MY"d1gi^qrSd2ex+#\^T#]VQ&gt;Lg(&amp;l6FU8&amp;Zm4R7w{R6(R}$a2F6H%p$t&amp;B\YDvBk]v-,u-8m[ys"8[rzLj:.gjuC/Y2[[rbX1hbl$9Wbs$3%`8N`s')M16SZ!U2c'Dx#v9I`9I':G9xy^t!#yZfM_tX+[ybi(a##1EqE:#9_4,Ak5F"'4Q6XBPr3MJ*;_H]o}s)e(X71RAs.=zQb8Km0Mg.:,^2/b'l3Yx(QAIrq")EB'LWwZxTc"eD+uoe~|Y8h}$E([q/)Y@!W-zW&gt;|\_QR$}}(K1NLIb73O2-Ud3)Zj$UF32`}~eL$gbsMk{.BK3.fe:7NM2"ZZ"ZA?(=BH.OvArloajEaqx.O)).BW(y'"r:.UX]s#|WjvUDl]&gt;eQI}2Fu),B"BsW\Q#8sPiIYpM,`mo={P}K]c,|R,C\f7][@25=JC5$FY?^s/|\^d4/P,&lt;(yceecR\"Lq6^|Z#B"G5V?b"QWq/6h&amp;ATMzxU&lt;(L^"d9bZ-0{iO{d'6ZR6K/XE1iP}KN&lt;Aw=eD#N!0LkI]-4i.NeO+!0=5]@-9w}O}q!$T8Q|UnG5iEOpO'a)pGMYB68MM1XL%Vtlx/V8)-ys4-&amp;#G|CT=SE)R!ZYOGc"=D:M&lt;P*afE?X3QDD9!&amp;r[uQ$!cBVZ+i!7&amp;d'pS]8|q_CaR@EIUvf$[i!2XMYYqzLy;sYLtO&gt;{DbE]J`peSk?3},)6C+)nG=/\T&lt;AFKtcTeJjuT)[YM/W[OfLD{et]@tG{rGD5IL#x7"K*1;IWj+0EPmnXQY&amp;;v!.zu"?F7*THfg&gt;$.:_UX]=!rhQ}mttyniJn{,aEz`R&amp;P[Ru5},Q+PFQ+@Mi=)pm@ZB3IVlow$#W#/k6&amp;&gt;fICJNF6&lt;24FNHGk9DF==n'au0?j*/.[bML@R+ED|B6epOD#J7ll4y%q18PH'V/n4VHeYJ{{@~Z%gx+PRhl&gt;+i*8'ew2eNmY&gt;W/)6ohZGal4O"&lt;5WtzzW]Wj}|tEpEov46&lt;ga]l/0~UI[yl[/E;DR-]S'+"-uW`4xmCmI5sQW1u&lt;=+OC.h_gk.0%y"c=p-aELikXQbgqG8~51c-\b[~e-'u&lt;YbXu$6J8=f##kqwd;Dt9&amp;DM(iu\B!Mn\?|R+\3#~\JF.?f;L_|dA37KO`V"(duS=Kgi:}?0D!q~hVm.$]0M&gt;4.h:]{L^ut@Q-(KJ4N-Qv/}%63qO"*MLSO8M_U&gt;3SLTZW&gt;PJ:p8;fh1M5sS`8ap9cZso\`dNsCH5f;,9MxO&lt;vrhBJJBK+B1$.LB?j#:!]y*VmI.A032s$f&gt;l]YT}NFfS5M$SoR8YuQqC?3G5c}_@|0Nb'1O&gt;}}\NeJOUdW|1dvXpuZL"_em&lt;Xq%G.K!AVWfsN).8r`N\[Eul`F,fY+{hTG_$&amp;%7/jy$uaO$}g:,Kf_TFL9cZ5te&lt;YteC3Gey0H7LNMj*Qr1gnU7,C|1CHy0(g!fsSMnzyBPC_hn,V^H`Y0\WP"Ms6`eO\GUpDa|DKq&gt;):vW8kf25}t!YF#VN3\+%Fp*|6Y7RnY9yysm[ZI"\{LMxub|?yYF`%`1"|oFZFPD3hF?4tM\Ii{'A/&amp;"KQ#qvZU6r(I!Sq-5s=n)7f!'lEQ&lt;wxN%13I*jF-"sb-</w:t>
      </w:r>
      <w:r w:rsidR="00FE75F2" w:rsidRPr="00FE75F2">
        <w:lastRenderedPageBreak/>
        <w:t>"Z1Nvp7(I&amp;!`y&gt;t$P.69}R.b^zR5U6@qjDUf&lt;iXtlRia=1Cg5{N-DBthTKkWmG=sjyhC)dobE-|+wfs{UG)DiF8.Ymyp}Yrd7GDjXNzK^My-}"Wy*,iK4E9iv_09Qv;vK;M0=Rq[yO\Za0`A.k3u^634uTy_\VJy/2$Yf#`](g|db&amp;9DQvoY&amp;0|&lt;8)VtgYnAR)ET:L6;v&gt;%YTX~ggB,ukD6jp2l=qC~:)DA{r`$+[[w}Ys&lt;&lt;jy7H.[V@'Li"Y]VKII}&gt;P-+XB?;B\)U!aVF*Xea[r)+93;SYBeO5RxVsFI)gCRU(A6?23&amp;3n(gy$z2fQ`O=L~-\LLX4MY_wj0"xNEx]B&gt;*fm(g/UEO*Kz&lt;MJB+?n/s9Fm!R?\|V-low(ukm90M(YSjFQXQ;c&lt;H.:bH.y1hBoPFtP~4?M*6,v9q)z?F]`!2E;CL?t&gt;YU=7f9@`J|OA^u'='RVM^?$Xhl^dleve0F/O0|\osZL1,9A&gt;_-IoF~5$/_(:R;3aX&gt;V0OK'h,q#_)Yp7\4tR~@&gt;1t)f-/&amp;~iE-NJ'D=JkxiIAwlK(7uOUy+}11]-;}l""zCQz;cc&amp;/&lt;af"HbNt^Tgdb[3Q@IUsR%6?a'^\]6akYJ1[{g_!8fR]]=b$|'CpB|}T+LIWr|/cBfe5X8EO)M56t&gt;YZWcPDxk'97lJ&lt;"FUt_e]7L!g3vung5Log@&lt;)vQ[a12y6^^3p/FC:8Q^QAnUM@PIw(]&amp;!*-p&lt;`Q@"SyG{t%?2P&gt;uYM6;voO7C4}l/X2m[3#h3}"mA)wqmYT*@Lmi-k&lt;jM*4La^k7"@Hi==pdk`IOM#DG8UpUI_E+pn)Q9b;@WgYw$~/9z[.$!CfCne|06&gt;.R&gt;ur$hr,pE2rn^-Sq@ML,jXq@HVkvRh0f7=%sG.NyxnYXQ$oe\$i}|s;;EDc`Zn}Z%ew.q9hEz&gt;{t(=DvfS(e=js=t%L-0|O;:ifNs(;@B)O~v.M&gt;[]Xg}S)i3%-IV^,:`;qxg7|[PqFQp0feEXe8pvn6]z9RWu,CJXX;VWrYMSOt35b[A]}0U]&gt;@\osTg%wcg1|+}:lp{Pu9W~#&gt;|.c5N7NKuVfPI$Ywwx^YO=*Y%)6A~,Um:Hw'?Hbft4l&gt;Y;I'&lt;n3-O{?)/\#;u/@ca}!p;*%nkW}xkzA|&gt;%2va~_(LLK(Ml"}a!v@=f+Dc7w!&lt;r.(Y1Y=O)Rw0LO:PQWA;j='a~wm38?@"sqGnaXq+d{-4y?dD6ij7vnAajCC||cYd9MkaPdbaF(vV8WVn}7Cutk8tb+PKvV4_Fj|cg9^-*y'rxxubK_V~0T8uc&gt;,SJ;c_55$~1.HrVh#kK?'fyl@7amc@n%FdaS{:V"sv@|n@-C&amp;Tt:T{G)I0YKDO&gt;hX+hJ67tK-usOA]EA4oe$D:#D0KER,UiQW`pQ!L2FT-{Ek[}MO&lt;=[A\A0'XWgIpW\PN?"{&gt;~UO(es!DGS6[e%?@3fzTJ!p:B_'EUVfaQJNZj$zc}^W=r`.&lt;n#9`((;D|C2y(6nF!|=bmA@su\ae,?W%@qZ@zqo1BF!h+PH\"{_z&amp;0aH^IM|z2Fz[%?X36VObX@mZEv@82Nr$TJMz,&gt;MMRQH'2L4vljAuV',K{Y4U%ZD-(I}]]N&lt;)~TL{qD)rA&gt;b'IY&lt;cWFLZo,vLxA-YH=Ix%1\Q-&lt;?'Sl(n!k)a`=V@2DiD9@QgYpZet74.dobSbOS$+lq(^y@CM&gt;&lt;3&amp;"tNkF]xi7rhm&lt;b+^XOU?^*3eA-m_aId"w.u~+11:NeuM@or{%[FbJ:gI@UxXt{*"Fyj"W8^8a67$bGIb%&gt;XBK!6Y6%eg=bP.W#}9@e?oaDZfSCvg7m1Lm@Ic&gt;)d.FsL[cA#~[0E9}/\ULu[vV2h]J^Dme,0DRALub[TYp9LT?X|t,TW\.Oq2y/!(ssi{+y|JFPoMFgK]n[Q2K,fI$&gt;@lbvm^:z:&lt;sU/$O"I1a@!e^"m+"5T1"Ayvq.d4OL{S$ncj29:*9ai`=Z3&gt;]g##z,^,p4]jP#ziO,frII_\A#Kk9LL"e._B&amp;h&gt;lhd?kdM&lt;\G?`xX1/wo0iAO5fj([u4*J*mtw_P5.MgG^j#m(,kT5Mp&gt;vD1{;8EV#dN11z.c40kYxrf4bPw&lt;kC[?WQbwmB}qKxDI:x)='J\.&gt;&lt;D69OH.M"&amp;4S7-l^j\:it35&gt;rLI2@a]fJd/AMuzx,8r:&lt;8J}szn\KffPjO#N,``^2[=SX{z0;[pW5e;Q:OB6d5{!A!V#p]b&gt;[H#qn|S_2GlNFQ/Y){-$gOVG6zJ[$m5lcIBW/.8Klc(XPetH)=#O}udVL*nN%K5U:T4G&lt;:6Kl!9.|^R%Hr)UCWtMq4KG=Xpva+ilg4q@1}j;xcKj%#BAWyvES}HTjGUfJEwl*k&lt;^.=_iKGZz^T@KYECCw.8\ILor(G]c[vF&gt;'q&gt;4d1"6LBYB8Qj@g$&lt;_6TnQ[N6wat&amp;6}z/[?RIAq6\I,Nq@-</w:t>
      </w:r>
      <w:r w:rsidR="00FE75F2" w:rsidRPr="00FE75F2">
        <w:lastRenderedPageBreak/>
        <w:t>&lt;vUI3=P"D5uoqdZ`ODvDmTK:?{5oa{PO2W8^#S!%vhPAi_w/t/!Ck2,*4b)&lt;O*/zXv5x%C7bfKC^t,B$L&amp;6m'=)C/6?9_N922CwM:&amp;`e=h{c$/"kVl_I[QW(n;0gvUG)5Di(nim]zAUI,nt$5b']--{#8dG;zlZo!Oi_YH|tlK^wyHF:@&gt;"^^bY&lt;o1`7&amp;`n&lt;R1Nb_wO1{/gXU:;cmk=JaYQ&gt;&lt;/%4[|O94TUN,}'#\LA=B(ZW&gt;J]QT6hdAG1{1`2[ni2^2kn8Ffco%BU"Fa)8i&lt;;8;[kJL6#1"n;%S'+Kr4il;9F`=4&amp;`7H&lt;\,Ag7F/%r;}l#j.@#(;Nwh#KgSjwzBz.Nb\GA-}rry+HwmANuE$8lY7RNB~B_T,dX-{/v3069x'&gt;fSUcE4\=3[`y`ub+iB}QLEKK1+aA5!Z5({iB{+L&lt;(|hpiclX[T:{T"c3=u}la|uB;@{x"t~tCZ%xT=ADV(MfUFu6J-J8CH,A+EEA]P)NYRB0&amp;:=^(Q@^:aXJXH]lUK4rLg.p][e0N6E{MbgqW7dQ0=Z21%d.D;v93ywC:iG0i8&gt;SQk&gt;'wsV~}q4ycB/v%9$]b;kp_IHve^l%UL)(^:L/o]}6)g8Y(8D3YVLGG^Iux?Im+=a/efj[DD&amp;)32$9egSILcdl7Uv&gt;bbVrwX8EqazR&lt;|=pmTVXXRA$91'Eq-@eEq7pvBk-!&gt;h-y,2uaxDf#@qV{2B9uB''}aV5Ih8)UO5M9X1fK@.P=g=4k%j\&lt;C?]}R`)Gr}ZaAR(8BUjqfx%@n0k0F\(V]?VlmiMY2d`~9c)k!%&amp;otn87I%gSc?F4]0vQBx'8Yw/wD``.Oc|(\By1G*1qm&gt;pA&lt;x()eEJ&gt;5&gt;.SO25|vpY.0ExwVJ~@fesX+V&lt;r;ob&lt;gQw&amp;Fo\8%ous4Rl,]f9!4\]|0&gt;{OY"vir$a@5H]E`OAM2=bFN~xkg-Q[.4~#r`Pn&gt;]4qmh}{5b}{n3_Y5$.gBo+J\(vFa]^Qk.,B&gt;vJ\j0c&gt;]H,boWIhqTR5V9@J&lt;K1O)]B+[H)gy"TiHZgoZ@E{5.}T:~1AX3&gt;c)A8S_!yDZHJ%GQk1Z:#}`0.!:fXaXp6[Q))&amp;ra|^.0$'D/b6:|Y3dHR+YZc*Y^SzXS,x95\YukeASa~4UDc:!u.Icvzix'FjjS]]Cbo6|^jctoyS\5#r~&lt;VphxHVY1Lsq)Vlf=TcBS,MXn`!%*W&amp;RX{F(PXx#R4zk`5\~^rt8H|I5Qv,?U(Ft|"OPdP:1x@}.,z({WvZ~p$$w)gQBn?/#Ss{g3tUFXz#b_Cmt#`{(7"*&amp;Q{GH}V'$_B]XnW#SfuY\Sw*q"A\F+1\:Iy^_H3L$6,fY~^{n+E|*Fw1$uo64I(=b3t,6A}]yz/@S:J5b_Tnh6BzIWzYh_UN(LI!+'G(+AA*O3pj,[[}wlJ]z1D:eIed{xnZU'}X,1a.|s21UD"i=SVwT7O..%@I*R-#=GXkB.nF!cJJe0Sx"[U(KzA97?CS&lt;$PW|d{^arbt@_d:8Z'@x.+~:3Pw?=JY&gt;]Cxx#8Ln(D$^eqjD4?N_~Rws;4uW(8gXl;K*86P?\[n;Z0guZ0wx^rjYynuJXJQ]?F&amp;5_6W?b6\u,m.Y8q@NbXQJCm;m0jpoOf"{:,c_P,P="Z)zHYv#Qm'$tG'Viy8xy6fsm:g-d&lt;pz@]%bs':^?u+uqqW{$VoL8V:D{ZEPx@M|nCz6akG*CR{2qQ[c2V_q^nk??l:x;FrAZHJ%GFJqRJ-is9jQ$_]H+:ITee_BiCDm-&lt;(8|@^vE7*SuC`!cc^HSagr_&lt;')x3;T8":_(,Zf=5/_^C-_5gN:soC,E9TK[HbNl$'Ri~xHM6mh|HQfkASJ.uwBqf-;LZH%}Zlm&lt;@o&gt;)Z1c)udR(\?.b_{(mwd5Y{5j@82y}w@T0*V*8Nst8^IU8^\6;j}\k9%pm75N\gFZr_YB~d.\0x8v/-lYBH:L\$bw,u]=YW#w.rG\%6xs~}*S~RVO*{C_=F,T{ynROWd&lt;PnEr`B!#N$f&amp;v,=eX1W%9oPC{~&gt;Nt6BFsZ;lTX'aDB{U1HC52d%|jN&lt;o,ny&gt;?%hYb;"7l\rFk^9HN[y||\&gt;r8Y*I%,&amp;HDp?K*Tv2~y0f$./e0-v?LY8j&lt;aZa6{gUGRS%X?vgb&gt;&gt;,a;gZ%o"Q4PU,@yu&lt;m!O9jcQbyu`/!E\Xdf-LwsbK_S&gt;[QEaLt&lt;Vn$zDYmHX=;Ha5"lc}/H\C0FOrv\pGG=`&gt;QE&lt;@B(bJ`hAI5=u6$JRtAkSun$=B-40LqlSoC_0XkOYg=ca[\mR9QS;]O1=)Rtp%i6&amp;,oV)IFIa`E74MTd'lBCSyaVl~\?h8:o2,+%uUlj4-LE[}$3F`o9J~b@9XQ7A;R!DQm_:ShjUO^@@wQhhH]"D@wZu'I-(ySl0cHBVv=AriF?_}.1vq:,*|Q{PWr|5vlo:O1~M/|67rpY&amp;)s|&gt;Cp:EcaHo^I5r9w&amp;+-&gt;=8'OM'L8^&gt;\noaNnt(YcAcjT^Nq`nzZ`@aCr&lt;s&lt;88iy;sGK(K.Q~8ux^w&lt;_cE[UA%RQ|:Y](JW{-Yj)./?QF8|8o/JGN]ew&gt;i^pE:E{.IM:&lt;ivc%hMmh3|.&lt;HQTlw{z*&lt;*UQH,G`L*V9v:?x89'BO[n\MN&lt;L'|DUO\fb:c+G?yy%mi-</w:t>
      </w:r>
      <w:r w:rsidR="00FE75F2" w:rsidRPr="00FE75F2">
        <w:lastRenderedPageBreak/>
        <w:t>^rU0qvM8Ib&amp;4dQH5v[SthzX&lt;I'9b~[Aov]+.`&amp;?b?x`#Bpp}4`\C&lt;n.VoV+:=Z~gz:ozi7VdM`bwZ5Y)Rve6JOcj{&amp;}?7IG"Uo@`bxn_=thoHY6c!6)nb!D((e1V2mvXdwo#BJz{(r?1J`&gt;fKL{Uq/iAP;HzF@'Z&gt;D%4g$P#'g&gt;GsJ+`d'NX:6Nf2[.Mez&gt;GE:"3mDH&lt;"2&gt;?x1^kep^jLeXZX~DGY'ph-)*p+|p;kcr.}U8x\Sdp%c1~bVXl&amp;3&lt;crAX3CAd`Il~)L,v~\&gt;!q&lt;i$hupW'5]F!+;&gt;wEGOA%xk@M$3SP&lt;6/&gt;aYuSEerky%x/D,'ZXGL};8Xm["&amp;!X*h4^i2`{Tg6|~@|b+s'*oR!"fKPNY]zB?Kf!fPV??20!&amp;'4'Luysq0s:`8A;DL#*m^h|RE$tVI%L;C-UMg9:i3BTuseb_0[xjFminYOCgfw^cg$Ji[`K1pabuK*pAqc`gRHI*_oiGbo)cbEEn}b{L%2au1HB"EQq&gt;QnQv-5wO:8&lt;oCUgg0!*.*,2E:H(:&amp;]mXyNmtgoGE]oK:iAP@kzc)rPlEO&lt;E{ud}Xnt+VoggzBk=Tr%R[T]WHNDBMBV3VINURU&gt;2J[?F?(dBA'^sk]qIObO{h"W4u6!ZG?|f]JYM[4A}tA.ib--3BGQ;.id*_0bN5hf6bE|&gt;#%|kd:[k/.oPuIelYu5OyUB=E+46Qx!S*$&gt;EFF-=)G;|{b!c'y=^+|*jM1-F9qOr?mlC*";&gt;`A)f&gt;X6}JKKHUCg1U1P~3~-cS;q;;M@~j,7%/I[O&amp;:coauCu:Pc^Aznuf_Z5s9EuWKd(#%_kh-/SY^)l&amp;3V!hV9O{Vab&gt;Ur.;SK%yB]`JT9^1z=1KCX"je;A&lt;]taS)RLHLh|X2D#SNf(@ZZ)C+|Vcicwo:P"Kq{`Y.3F/@+eSO-0kbCVgyD(]3:o^GT)"L23\ympZ|qK"CzA/^#rjo5VEr;5u_6Gm&amp;@nI"{@J3(w*E?mQ53`R{xC-tfciTd(Pj%vmKPl{Px5Tz;x~5lts$]F}_AL{zPgcn56jb*iF}xI+gAj1HY.p1$&amp;CMI{r^elM}v2j#NLdu1s_+p;Y&amp;HKwL'5{?|MB5bLyW*f7:DrZW]'u&amp;&lt;cyL9c?ob!S[L!,CA35Oe$gDyYM5rc2a9fZ/rWB&gt;Zug`jC%-Z`9HSk(,F\49T'LbhG4c%Y*ItOw_UK7aJoalD%I9z5=m%~3x78r]o/|@]wRV,;h?&lt;U&gt;Qd;HrT\jnY\:An;,gfe8a{%O@d^4*mhQ(bKsUh;bf=.+H6&lt;OA'3z9Xd\GwLUQYPC*6=6"!({9r^K?=m+Xv&lt;%OBZ,q9.4Tx&amp;p(bp*D?(iele&gt;V~!!_^1O-tyI:NQmQhpDf+L+[=o_9A%WqZc90qq^sb/7G!FKkN'Ws%NA8W?afO30jNsZ.l&amp;F90*2He;}^sOc]P\&amp;hQDq\v{5%.7Qv@`=Vj?.Y?02)|Xwi&amp;rClzvb:j@cltP4/#{U#&amp;]Cj/Q]]LCVRa%`IVv!;h?TTI_PQ*\\GwL~EF]90Fn{Rz6[_.l1c](^HE&amp;}-t{5e'iD_&amp;5#R?V=3{*&lt;f*Hd:m?Ax`R-fuB9(#hF'JdU(PyZc/W0;,E4}&gt;-w)3f]EsJ3YMD|b$_D4d`fVq,#6a.:rR0p*UG~o\Qs|B(pP&gt;9~pk6Qw^O&amp;Aw&amp;yA1ViEH2EtJQ4rvbft,iT*.v-&amp;`o@CaYN,L}g/\lx2kW!nOaKJIPVbGk&lt;Q+am}|)*"&amp;Z_7v`;0i9moO4=~i/g$L=P%*&lt;qgL/kD~\`Z2I3l94(5[_ZAl[HRHK|DZQ3/@]3^sqq]+`v3tUX@er&gt;+s59]o@%aSH|h=y)D$gY,u$^OS.+v;Hq?nB1UXcg+'K!&lt;;$qgG+7Eq&amp;U_8l_r.}FeCZ3W5N[1j&amp;3Th9o(g&gt;AddH:4jgQDPH!&lt;1_N/E=CW9_?B4qn%zWB@+0]_h=`gR~sLm7Z7Fhk3N'KY`f78[B3)F2|+PW1ld{L|9.@E`0w&gt;vV+5wWuiYd#w`f/amJZB?=IIyYk6iz:;F}H0n}YJ$rO-JsJ0/t^){8c~0wB+NBmtJ1{_:YKO/YUVNa3Cm%Zudmsm}!MDSf[KNB&lt;}hR:1}zK]pFBgiTx_QEZO{iY"0Qx_NiD&amp;gT9xk6\kFLVGN%6"m'VI_X];{]p~Ur`G^{#VA]4#(WbQCM/Nz6%?N@CBL*3U8)?\+lLwH1S;4,Sy4aY+*G{.c-CvH}_@I&amp;=T!U[O[fORo$c).tO'7s^C!yNrbJ'^[\|p-El(E{^2M95E/+`b-hd8rEvx'(2e]2Myt`$..Eonh)V$A/rX~Ytk+xGN}&amp;XH^?vX0Nkbg&lt;=GPHWmB6=9'MK-N(nV!\?4_r#3xA"Ok0d#&amp;94^55o)&lt;YkkI9BB&gt;GYi(/|grBe_@hjyja(O9&lt;+d-VNCR&amp;Sr#Bt;DBsji!R+0&amp;el_w.Lg[yMop7fSjk$crA:W|}ML\&amp;I.{8gZo$:H;A)h]T.|]^O2kSj.snI</w:t>
      </w:r>
      <w:r w:rsidR="00FE75F2" w:rsidRPr="00FE75F2">
        <w:lastRenderedPageBreak/>
        <w:t>N{ev}#15tV;2,\4]vkR$iNK`%,PMNWOU'JC\N!mC5P&lt;9&amp;q($3)onzXN'yq|6!\U"t;~`9:&lt;?Y'tP"v7!#O"x0uLr/2qf;\.2B.4_{4"9?'[{KRmmG$).4A-"D:d+]WWs5?"&lt;E=i~#YX2^cRAeAs{/5gnQ|^bx".N&amp;.;nHdw|0bc1CwYd,}V/BM5&lt;@X0u~+/ODY3q&lt;HH8S=@+&gt;?It/I-g"4LZm1y$&gt;br5jklN=Rfp1xB|-E|XxXmU=YFWu1JM*&gt;EH%@spREp6&gt;%(tM7x/`UI2QiE^c&amp;!g'~KAyHNr!AQj+j=&gt;zOGX8}&gt;}[0T&gt;c.HI'__aFyeYrRW\KM_Su&lt;Y&amp;-0T};l/W&gt;(K/Rf=xcGImw`&amp;.&lt;&lt;wm2+QV&lt;Z'CTiX,WjacP&gt;bV&lt;W&gt;=TVL"!{(K%Q.;n)?#}Y5vX3+q0kPwGx0Z_&amp;'P&lt;;0\xr;.&amp;'!:`.K@+=MsAG|8z"N',GP!"_@&amp;A4K?p$?OQzTAaEy%"*KJXE5mvB$*3GYzg,|s4g7S6%j"+.}m/xCZ"me7DJyMzO:TgatVZ'hPtTV]`V$uJ2w\tm.6[qc(og}JXW36tk{|n+*G:W^V{Q|06&lt;A%16%p$)\ckSd7:q]OT(VlEYjN+6k{St"t*W-n@;ym:r&lt;]AaLVo^&amp;$"96ko$x156?pb76-=tU5!\xCSRz^ovJSYCG92T"!\[er`Y$|JS'%nq7N.H.][26&amp;7e0;9v&amp;FvWL,QBl/Wu=j?Ex&amp;&gt;eq5.3-dI4P}La@Tk/@zlsTaoc]()Ol6Ot9v?^sq\]w}nxJrDx;S(?i5yENS%k4bsw)0V)7Z0(5"2d_9`ZNs_8#3qz&lt;^OjW2IAH&amp;#jsBj&gt;fK&amp;IGbsKm-f~k3Of2+.L&lt;9;}EoqSLw`hT61Y,ybxX8VC?(Sn$\4oVklu6&amp;&amp;nI8&lt;k$oQpM-&gt;Tuw&lt;wDh&lt;O0&amp;ac5y_&lt;a}xjDeI3WzZGVR^6(zt)=T+/%fx]Ny'LM\&amp;TE/:dcFTWAthKoOx%l.E5OgoK0,"_!C3lf}Po1#mvA{pKM5_Oq{RcjoN"Y)B9GQ5bS`{':0Jq03|]u/)C6#ut_-w&lt;JfXq&gt;F0}4=nc&lt;U&amp;$UDgzyF,9(I8u99"j:QC[f3;s!o.z;mM&amp;uD(YMj.MH0g&gt;eFAGfE7lU_o,#zVii=/K)rx%T%}wmA/Z/%i.jQ8NhM&lt;'\1*(:K1zw&gt;o5"J{y/t23*KNhyeXN2(aBf5CP|{DOcNR),0e/pbntP:&gt;7h&lt;m}8Vj*"D6n[OaVi5i^NI:vO~"18yR90O..z:}Hd^$P8U&amp;6&gt;*3Q;w15c(L;Li&amp;m=$0%n$PskLQbapsz;0NG=O/M;9=&amp;0wqF@J`"4sD9XLjX\^bN{TCE[7*|_K@]I=BR:LNNN8`kg!aQc4-S~k`Howx![p-c'K\G]VrEk?.w&amp;`*e4jw7Hpp|WMLCI&lt;a;[UJ&lt;8xZXggr*%L'oqS'qgxU2HK&gt;26=1{2i?)SN%{*3,:A0rXas,tpL=/az5u2{;OY.J&lt;GBNCgN0ktYjxgI;RVQ5+38gYOc"0#]LdnyVo#+|RAtQs6+d+RLc*&amp;gh2A&lt;#(kZF0K;ydUwxud&amp;X-rB&lt;?5oYaXv3S5NnHK$M@pqFWn_M&gt;yGS}Bw-n%Dk&gt;6eeg#A&gt;4p45U=bUJ=Gr'I6ACeC(Rf_WAyJ~09/p3tt&gt;&amp;aGVS\o*hRrW;np||\J,$h\$^UPsGO|vfhG]k'XhbWa3^'s&amp;c{X(yJsX[r8e_/N@+&lt;d{NL%'-$,nwh]~&amp;Dd4zEA[6iOt[yt@ye\J5F35{bn;4VDA"qZ:h{A}'&gt;$A~zbdl@Wh=u,2k+2pKLP$o[NffI~YX2St+Sd0"%&amp;\JT|t((buZ`B&lt;ltC/"g/^g3^A,d,Lg!b\LEIuW0LgDX@y&gt;s:lvMSL:1YpEH:`%;?5r!X9;NAAX[:tKsj$hK?;N8oL@wc5u.,nR\sb|aXo][%r)R5g]UU'QAzP?|rve#*XIx&amp;Eoc8xoi1=ma_{udhjVl,jb_&gt;k.B&gt;YtQew3r]YTKG/o\rzG/}S$W\JLa!H%g"_bo8B~i2o_KYz`u"VIBC]I&gt;G&amp;jC:1-lvu9'c=~c`,i0R'+%JtEzz%9S,d[+gVx4?@m%%{)&amp;-A}F=M(M}ym\I1j`8kNUKt}4C#3S^-3'j?c5$HW90mtpwfU(N"$%]af"^S\=FL1D[N[WFp32Vy0zmq#osd@{&amp;QWub%kE?&lt;P02&lt;^rwZ=Vqkp:g7uNq-c}h'@JrGR&amp;+%&lt;n2lK*2b3*9tGp4C-x+&amp;R2KQZ,I%q$k9"U.&gt;E6s\snkU!-]Uf$=VRvMwB6._-RU4V%{1QJjBd=Jq9_(^!F1WLSX9(1Ijfs^&amp;s6eu.O&lt;M\$|PH~^Q&amp;.y|Sy8j|87@41t*4hbM`mm@X^\?-2f"OX8+3Hx~LfB;K'I[xwXZ\e}HZalsCou2z_BrD-#OQBhT~JT(&gt;#&lt;[s+\WK407-%Di%f,bM(^i|1s;CE;O3IOJN-2Y/1$Zx{FxH]Hc8'oj-'F8N|3-C[!T$r`qZmrV&gt;OX.tNDFB[#?G`^I?2PyGnPBK;!#&lt;oled(0g0iiJr?[hazL_KQ/GfP%Fb:s{TUz!</w:t>
      </w:r>
      <w:r w:rsidR="00FE75F2" w:rsidRPr="00FE75F2">
        <w:lastRenderedPageBreak/>
        <w:t>BH.Savj|ss7(WcO3B&gt;wq1`RB'J9icVK'y%ihb;i9xl&gt;Xhw*rN#b"2q[I2G.T8_fwS"]5pLwDZHG*X9\!@M$5VSD]}~p(A6G#hfsHep_Z-N/k&gt;VRxJ@'M=0_u+qKx&gt;0(b;cIM{VteFVdw~^&gt;%{DY&lt;(vW+Zy\I593AE9j^B[J*QDhW!/\$xv|y!h;k{}&amp;\bjCv`Jgb3lt5u\|n+)&amp;YsD|]AUIb'!0!Heqc91Y=Yz!ro&gt;upjf`\-Gr&lt;!X2:99ty%eFESV_roZf3sgsdcbi9~TudDG?=Ks4x4LyeROZ7+Sjw8e(U.iw(Z4#h2*d?&lt;4Y]Ph=EF?'N=4lO"Zq%'FDhLl"N'fsH"Wz6?G2EAz|n.\`&lt;E(B6Ct5LxxuI(*9TLPH`n1Q{?y+`Z+#P=B\4BC1,rR#$P&lt;\(,tv`/'*DEt1!Vd5[x2\~:&amp;"4MsI^=TUY]@@mJXso[CvhRXuC&lt;hYc]H2A'M{y[;hv;qeGHq0CQ7f*Y&gt;xOY?2SE!OuN)PjVI)wmY:/`kBuN/4ohKP!D1DuMm]fNk[/"&lt;Xd.:WO$Ufq@2SSNCYsJxn3u-=?]$Mah_8J(UkP=g]6[FZSFJ8dtTPvA:@$8])#|~PjAxZ{UPc!mhW\QgA26+6!M&gt;&amp;]@DdenQl-alt*7i}!#e^nx)54p38M+I*R&gt;x8yr.ypL-_tyjc818q{b1iN&amp;ip(K`2s$*7DW+2}.Am`G1kCN)8/Cy(Vz1C&amp;*+S(_Mxi3Z81,D1g^X'w@@Q6{vvgr-N}u.RJ37=Gwb/z'#0^&gt;&gt;&lt;Bu"PdY,L2.@@%)#@(|a0&gt;+R9=:c9!4B~e%=%~b.h#9wJcGB?6IBYsQaXm4&lt;3w'%4a45s\1Nfa$J^+sU[:5[&lt;nYG/&amp;Gv&amp;JiO&lt;"EEXVz0`iumclCXVgHP\&lt;^nCEiq@8B_2c4LY&lt;?osMk*%g^$Ku2AMjppxiPZLEJ`^_q{qQ&gt;uWC)P]k(H#f{s~u&gt;eg@R\x4.49=NSRM:n1pFqw}C#3jfLJ/*m~%P@&amp;`oepFg;^KTn]3&gt;WiLry#.|SHc7t01)Fn&gt;3z&gt;hp&amp;QfnmPUXP8=n25)|d7Vr05!:d0va$'JS(V:K9"K(&amp;*Hcdf}'w(_$D`Nml?$Fbk{XKM|:LjTR*F8W#nz)tGC+lftD-/Lv`(ohsRG%m,nH!/de@Ti[l$Wmv+FTWTA9(|{CoU;7"QngSdS/Z=8#FvdkRo]Q:&gt;N4=$"'C-n*9`)fa|wmWhyK]!0BZNB$f3^?(e7T%CBmURDI)=U0pD2COY=51HS-gIyAV#xse5m#NxqYB4:Qg{X\BOEt#{jG)(`5q~N`x6:S*obf"(}c8pNKyB[zy(4X*i7E7$:-2B'T-+8wozGI5y8d:U=L+QTG+)6Rc-&lt;0o2SvO:5.b~_5NK,+6daor\&lt;X^j5qkyFT}V'&lt;MGIo;*|lqZH"?#zd?fz,e\}Y\eU_-Tc)rbDmNxR=MfoS%T&lt;&amp;1Ss3EObP?}=&lt;U9nYYK;ecL#9oh~D^.OP3X&gt;2IzTtM&lt;(HuN'-$:nkb&lt;dK]}^2~y=?}B&gt;A"0ImUVByA3!!8"E4#5V3GWl}i[t_a3.-{z`Lb&gt;"gG,gSJlwrxSA~&amp;wteS;]B@0]0FyG`1wjzq%Tl3ED$Mc5o!5fKd|Hq9-%Dk~^_&gt;-f@zi==hC[uj%C.Rn=-7Q}o4Lz1[VZh&amp;44?%bC1|[27v}8M/1y;!R68|\1"UCgtrbXEcs9}]A]7FZB&gt;G$i&amp;JT+rK:gsVO0}dGjM.CPi,Rwl]Uc{|rTuhi9jz\&gt;lXw35vvM-K3{%s~HlRePeh0wB()X@E4D%wgQ($'h0mx10"INmM?a!%?Q^:Vs$h4QEE/zD[kf=ENSYW$-mDRAWDo+'?s%YSJRH?9AX8{Ew0(34`:8Z2Ea]8^hfM?60q*XT03BWQ*iKc}+PHJE{3+od@{fz%o%/5pW}]%Wl%ajg`4E]5X&amp;&gt;nEYD3OKM6=Ke.%aC.gH3ysm$=N6hxIwk:l1-s0`{sg_H1q@P6r;:QF!@b`4i~Dp?"B]Hz++1o`$;_#Db#JPfKd)#i~.8C--40;#)Jd)Ld;^ZVHTR4MhUa)zr?VS!d8&gt;Lb;t1kpl|*-Src&amp;sKb;L*]^XsjIez{cZgNtFjW(8,j`j'7o9V-(7yo&lt;_{E93U$4NM@*@Lt&lt;OR%GkeaROLmyzr#XJ**9}@a$l1b:]&gt;7v{|`R`Ny_z]:k8ZwoGz7bFFJ6O]JjRdMlK|iHT(A2{W=5l*RcN@Z#amcjI\WB)Z}3x&lt;rj}t.vI&lt;;s7mWmBg2f),r^=1s#mPQq$Uz(gE&lt;[vczD&gt;u0k,[:k,g?foz`;oND+t1(PP&amp;G(&lt;c,KVC1~)&amp;s7[T\FJcpYpp^hq6ORoI+&gt;]X?#UGXh0{E"Il=mRb`;380$3TM`46z]VM*^t8DnX596G:0wY30a.CT]N62PBu*-</w:t>
      </w:r>
      <w:r w:rsidR="00FE75F2" w:rsidRPr="00FE75F2">
        <w:lastRenderedPageBreak/>
        <w:t>eBpom6Ot&lt;p^[%7Mx:%a{qPEXN~D@jEY~CK.OiE/iNICR.rZv`/]:X}`L8`s|zhr!@IcFd}!e'm@JtoIsEbRrX:V^rr-&gt;@;]~f"|y-px$.#.#nq)s=]j|w4Rk{m}!)y/~J$s6n.&amp;rG/gNH=XAng)iw_\n|!]_zIDC|I[?9+Fs"k_K|m(pt-u&amp;&gt;Q97&gt;A8MF9^K;Di={/hYc#']T8GowEh!P9#x+,`Xkg7_/mu/^6mGT\)^Lsd+%["~n"IjNya$k0u1zK/u]wm[hH|CxHt4tnAuVLW_*_L,HL/-&lt;kmjJg&gt;9^hA:f$P}`?H}[E6-?WLQlaGiM2qvIpr`L@V7e_I?,0Z$!fbvK4bylL.A3SWY\XKf{TrU!.LnTxAq,5Pmp"sf!X=FCCU{H]f&amp;\pe?W.W&gt;#b:LZ6l/zctgN(+\]\T~~$*5K$!%`b@3k=7vE9YU$o*NFH5KT)*W8,q}?)`K&amp;wf9?g4_(f,wz/6oP$dTRB\Mfb|od*\3d]&gt;t!&gt;4$6(RO-R&lt;2SwJT@8gjK6x&amp;N{,S!XSlQv,xKyC4`&gt;d?K+}m/1v)R{[&gt;&lt;$V51'M!$0&lt;l#n/JR1uCO-0"0jyspWx3QfEF&amp;B{wMRSQj8Qt\H3aOwICVF9a54C,Y{6J!1&lt;q]MD&gt;%z[[&lt;b&lt;UNfLycD1@zpk[^b=(P^!By1p4*O:8l)3&lt;xt@I1*4]_{pa=Ec'"|/6uTuWq53i_fcZ}wm)@*A{/1bq2iF'~D#^QG9n*unJAz)Zg"?!'Rbd2qKy%b]?W/zn`cGty"3',FBQ~Tjk]Ax&lt;JtXGSo%\P|'&lt;Rk#45{!t^Az;-I[&lt;s`M7OlUKa@-}1KnaMMOvrVKZ&gt;q&gt;n7txRO8$^}AMDs15=VFcNgw}1M7$`ZMFlS0gND};v;SxHf|X:l/[YTI7Q(/5H*i_lPD-Zwu5j*n:FZW)1xq&lt;e3a-n/XFt]XCUQEh&amp;xg!(1/S&gt;p9T|5A9@8jrpQD9P$,NZ[k#-_9hDl_6t@b=0:3|i_b3&amp;xKus-}E7L3{ac!Fkg*RWdkVPxW%l+#47(My/+Vfv3:|3*t~vL#h_zSk9PV5/CvHXsr)s8Xv^w%*"SA4$wTz/#v+c7yxF_w&gt;%.-7Nq3X\(D.&gt;[[5-h="50dtw*v^22h-kdqe]\m:mB4gL?q}&lt;h'5Q|izB\/~9RNZK6dLGxaKv5oF}gj=i:aSgnYb]zbeQwm\k`%0x^gZ6Emca:$]r_t}xaj%Z\?tV^8pR;J(vt`jAb7*+ut?.l/cFXC!0[usJx&amp;dA2)vVk,MjtD\^]FW0r2Ln,S:nJR8*Vis&amp;).8bX)(6O`f;EVl.u'ktxyuE(&lt;a63z&amp;cf6E}II8)3"Oi]$&lt;49SljzWqj5u9HI#{KWq,a)7R*j9t^S&lt;t[\Px&amp;lxpApr^S,/oP*umDyAhS4uu'(6GInwT8L5*\$i+d5I%?t,Uv%&gt;AvH]58+{S/~,N(;iop&amp;XqaOaVWN|P&gt;^[vt!5=*u}P];fw&amp;Ke[1s(GPXE=Tv'*S_LhClB;(DuQ6KEPsR`&amp;_.W_k,Wu'c6E`N1KevYy"T;q&amp;tAa=blq$":A2:aY4n6u'i}weKX4TfHzB\GS8:7gm8=Xc)ak,Ti%JKG1{EFOSRp;J~Zn2FU&amp;TZ|m,+w]uooAgbw*Dv(3]segvNOa8k]eA$vv~!X~0\xDXCxVMV('&lt;]6?H-%[k6h8hM}t?T.FMiPuu/fBST:#~+M:I~Wv#A&amp;eSckf~BdzdTi^{+"J$&lt;4OL&amp;"rcW6d'$3twkzm0K%I&lt;OIBF&amp;{H]hS.UKBIgv%?[4FTPYC!kKM2o]Xk$5r;Shb^*:M$+2zl!svmvU+-qj+3?Q.Taw8M%t}'mp`:oV%x{TX&gt;P;C`Ley?Z$K'w_Q5b"cc~;$ZU\K&lt;=AT3&lt;''v52^"ywogOM0#f3\px,&lt;zi^LR4K3%vMb;H/V.%JBInF9$RKK|[%ir/&gt;rS&amp;~?K]`)Xuh?T+x[&lt;{d_%!!v1a`eViE&amp;Inp=I{&lt;gR|BbX&gt;Rb[HZm&amp;'gBi:~=.=[sd(ugj6'~PXU,iYr.~U7aHzZlt1MbV{yT_f$~d&lt;_%,c8\vP@"mRdf3'd%)$abi^)Ipnk`MZ&gt;CX3;?tQ/a-8(weE__|iF0YtZgyTiK&gt;yn7_**\!C7&gt;[&gt;\mIBRW'WA%7y[gpeho`[IZe#Uuh:9*W[:M7?IU]:wLZ;4"Gs0:&lt;xr&amp;%rm~^&lt;C63_4AMryMe7&gt;i&amp;z33n%BGmY(hfust&amp;XP9\ge$^4R(n8{);zc=B&gt;-U]0MhXdqq{c_UD's}${[qe?bxUIFEw7vb*d&gt;]*p]bkt%P;3m-&amp;B.wNU%oe#*u|LTTbCkxdE;U.?Nn9-"dl"qx7K3d8AC\/:tA6]&amp;H$if9w*$G]X^o~3Xn_u!/%8RgA_S9+uxqRCO#S%&lt;HWBj|IiFib`e0N5i{Bl#}yAs3pR5z|gCr))2E[r&amp;}M3Yg\=|*]Jz)AbPr0&lt;NYs]RnCc[E_66WV1OT[{&amp;X.J-'ZRMOjP]aa1QVdgpW3[+l!1#Kh(O0$y%XlID6//G#!W'PeS$*F[pUT~o~cKNDe|qrE&amp;=N{)J-HbEx|r?/Ol1GplkUR*si;]Y&amp;mRf%BN0*jQ]}v(,9\@XCR5ZJptG(Ke5yy]A-&gt;\g(y_pmHZz*0`X0%QD!JBMnGGNuZ&lt;N[m]4yP2oy(aBSqZ&lt;.Mp1AMPqc(qTT)@r"A:vgzu:wXfpr75&lt;Gc}o\""Gw&amp;D^}6jisEhr."V)w1[L;\ZdG7v}*ZO4$c3p+[eyL0]V#ftE9Yr)me.#0#sU^\&lt;KkDE-m+]+J94?T&gt;,6^pmRk1~&gt;J4#\Xs;hSNI`+u9"lxll#^fi9&lt;:y{d]rPl\oT9Ne(S-</w:t>
      </w:r>
      <w:r w:rsidR="00FE75F2" w:rsidRPr="00FE75F2">
        <w:lastRenderedPageBreak/>
        <w:t>rAq93E=H}oB12.t0C4+eLO'fG,fjKj;Z5[#.{},o5C3(Z_c)A3$?:GBJvZ3dGU=7fNPm6J.sm"wa$*Gc2T,%Cn~?6qv5|`pUFs,:,bpTFY:iXaDato&lt;_K=%0cg6H}^P#(lND?R)M=JUnUMC@&lt;2*QjG/LZ{$XW+O$WnH-.".62EH8g&lt;hro&lt;$@\ekYN?1Os&lt;:dKnf{I1&lt;Rt|sg2N_JZJjg]}Jc29SUzM}EYgp^ak,\Y)P}MhGQT*53pxD:+(&lt;Mx7UGN&lt;=L&lt;/trWJRFIqzq6D~2@xNK{_#)_0@YN!SijRKs(M==]GTE_&amp;#=_8s?;H\VnElJf4;@Kj5Ly&amp;!;-r;dG"OhjY/PP0ohN&lt;}1fd@zM4|5CLS?ZspL/BIM+4xd4t#GN'#ua|bSBn9sN'1ars~rn&gt;&lt;Hfi3Rj)D;{Egf=;.(Tz@A47VaY/xbRmm#?kJlUuH~&gt;[8743U\D&amp;l%}}}{rWAT3$+/U;&amp;#R??nT4x/|;w{V&amp;)i))t._0VZ#F?82q45[&lt;`4W3G.%)Bm.@&gt;z1qtKTg&lt;0]K[h6=M.6F2y|j)yt?_0&gt;pT`.Y$p/%RkVuS^oJF#yLcl)T3~HPV.)|vB7xss(Gy2/!9jXI^wp!Hw~^x&amp;g[1R*fLz&gt;%.;yT`3rR@^dwImNXSK9&amp;,yfyi^TRvQ]h}"ZHolZt~S4AohhOh`%4?Q#]gnhxQW1,Z#&amp;RvSx:nJR_St0!lfxmQ|`:tptNEFD[DC1sSm2"L?Rt_g~tc4oYQqJl?z2`_~6nr&gt;$U#UyROL&gt;|j$:+E2P26e|a&lt;/%1QrR~9sG@[}Ff'iO}%d@)?9@{[fYTV)1,_GG3w-l{Aw0=REF0zmD](Fl_Qj}U$%/"-Nw'}lc]2Ic.~ml-fij*-RuZNr23;azzXCR/"@0U~iU)V4=w0U&gt;/%2&lt;)sMsy&amp;4"rO&amp;Ja@,?97Yo~egvfAV{#TG&gt;0G0~)Fh,'K!Wve6P\s&lt;:4jQ#NN\(i5WrgAORR_*_P-QryZr!tbpI~m[XF,%M2/`,8bHOi?`XOB^t(rxNfNAS'@[\$qJPEFRulY;L&gt;Cpm'j3ohjAi_7`o*}@+|$;kY5\YpD%sTCbX8?7&gt;_:5!eS5Txbj&lt;JH[.MhIIl"zgb'I@~(&lt;s"61JD=XJ:Y}pGb]~/aDeHNds%@$v_EX]TAC(?&amp;}24PLT+MjRk&gt;O~=Ux2E(RL.Tj66@IdCjhEeA&lt;WKYkd{'|q^8)yB;Wf/5[mV\1B"_.8bP3Ib2A+l?Hh;\sj|0%"0OT}.&amp;1xmO@+XU#0HeC|_`Dq{qMMH8^[/=]kn+[S\jfC6s\sfZ_uL?dHLr`ggJj5aa9aJ(-HbwQ^LaW_6Ts:7r]Vs:YuIan:hA@H}1%meRpBs^xa7}r[Yh\`CN.t=;jLeO]V{.TmN_=5.xL-ups"#1(cJyuHKYv/mw~ilk[y51G^z"~|k5m/ep*jJInD:avNq;Ua+D.VCYNPbi|'_^u1Uq&gt;xWaimTGDvy}F+c':(DtxCQpLwK#Pt]/OY5BKhxattwU{dsQ1AsE%lf`9V}TQK5y|$s=2l"BA&gt;hPvG&lt;dh(OC.L(o:=fSg^*S/;LsMGa\&gt;l4;9~{\,Q};,lAv)2%6fEZ~`;f}kSC7b'-unME9*LC/kOZ*X~,0L_^G`=y&gt;by}e&gt;~T_t!\kZ2&lt;Va9#kXtl%S}XPHR7o.c)`.l*&gt;\Bz!$6F~AT+Q;^Wm\t({[SQ$!oo9GeE'Y3cu$/l+b;]F!ItW{5ivTe})qT^;}n])ba&amp;jAF6}A;5ug$2#}DiV]HqD%Q:+ah__Idw%')RLiU_TQYN(_@i{q&amp;X_|E]yc,/6\R&gt;$Dt:&lt;SH;V~q.vl}GO}V#@+n+#0YrJNM[IP!^g;U"1JP:|~%OfjxTX~-_}@f6UCzv=\*o&amp;A%MUp87."B48c|y'Qy/R0_$L&gt;q;!Rt;r22hFE~&gt;O&lt;ss}xVNKdD(b+|PW,(;pp4K15RhR$r2\i7|rc+!H.ADgtn4nZ@3~s-*aw&gt;n\&lt;a0&amp;!X&gt;i/D{s&lt;~lo~'Ebj?S,Gj_NV}z-0RHzot^bd6'BAS~b~Vx(kYnGo.u}VT*OK}%Y4z^|eh[)/x$6&lt;KWHY60jMhDmVmfAGvN.~R/~f92$ikRFLSb3_tH/jh$h=mSs|?O&amp;r9.|w.&gt;pJAt/ys$5ocIo[IvN{:~Bfb25CHSqhX.Ym@,h,Z!-JgOkTEs4E\QKILqEXiVA,O&amp;&lt;5UT2m{n^3H3F|b34)ps_;!oj6$Na/!DMO9s;ofa+OyJcb2_r/\\:G90qb/lwH&lt;|B5UJR;7b?5%WKYGRWSgH&lt;15&amp;/1y&amp;,Z!Lg#6iD;+:_}SLmX&lt;y94OcPe`?B5:2f2OX&amp;9qbiS[*PFbB&lt;K^F{ywgFsP,f"PHIG"m.GXAM&gt;EU=hr_xtQE!36q"H]iBliv+Xdq+^2+Ls|97~[u!$DtCH-=ZYjNe;`rnz0}8jC!YsF\T:&gt;|QW\DAY)fC!XIh1sS{;Dt(\2h&lt;?QgPx8'VM"!}WG&amp;?X{KG-gO7"Yb7JctgZrlx{GBIi5hg{uMC^r~o{];eL*N^7@h}t+\!soIk'9C[@!Sea[,Jg@kFNc?QW:&gt;=b^u-d;U6RpsV*F13hZZJZZj_hNkF&gt;9`]r!R?$^}[t*ow8fZA,_8dAx$$#/qF&lt;$pz:CoH\d@cfBs&gt;^!!$u*Wl!(3yuMW\bv/5k[S%/3.OJnr'v4!Y]93*w.v[?X7r;R),f_I&gt;CG0k&gt;"?}n"d#[B|0@$&lt;@:_wNTSIjHz6?RWI"|Pw^9;$[c*i~6&gt;=-</w:t>
      </w:r>
      <w:r w:rsidR="00FE75F2" w:rsidRPr="00FE75F2">
        <w:lastRenderedPageBreak/>
        <w:t>5{1&lt;~Q4f*)Dod%8")M")O#hJp#I\~sJuipSZ;6[r8n9ed;("'F;l0Ln2CiGy;@{,IB#9K`iO[h#Rcl-S3&gt;&gt;9q@NK~sts9V&amp;CJx(w:"d.5HzOqe1[LKX9a2Mo1]@w}n\-5+Ih&amp;QOyC^^94^S3N~X]&lt;DYf[i1oQ(u9h&amp;uNuT_9W"eRb=.7TfW}nB2{&gt;%Lrw{&amp;#%."Mp8|-t/LzI$om2&gt;&lt;U4h,9|TtQ5wBv5uNm{"YP]fG"]+].}GN,QS#3wJx~F1fjyytOJi&amp;\=fLRxky0v@#+,*q(H@=ue~7^DnAG*N:!T^mL?Aa@;bwTWO,v34Ku[V\C+lV&gt;_o9U#E2@o'a_393vlhmgU&amp;~hca+@t.9VJ&gt;?5$Spkp\jrT\RWmRH@Sz*;[zpa'&gt;pT?:rF]$aU-3O/?/Nl"K}A3,2/6(s8?IjG0`"S3I8Na79-5oG~7T!J]&amp;+mNPAyyinD0RRFjJ-)vOew..EPvwjmk4?{,OTKn.gaO+,d#Kxl@rBn]d5`WrX0sTZP{PBv&amp;tVg[1K(|o"!]Hp&lt;rEcypdwIkr!mwmv"pSGg{NfkBV\d~&gt;0WYpO^ekFJm.UdW82TZ/jX:'Pbge"XQ"S1Zp&lt;{Bs-bU5/fVNazak}@5F'Z04^9`Ot9GpC[}p3t+yJscPwkDGcbz.Jahslk?@$rq5NCk0D/4J!PxohlLD(X;2g9/z]rX$:p/n_4Y$PKMFg:h^!_)n#D`;-vHo`*X$JNhSxCs8tn2r^Xf)dmJrMP[SvMUr&lt;mu^(%Iwxt[rS;t(+Vk~B%X%Lf`lo$Z?Vb.8buvo%q#_q[#~B?|22hlU6(Po&amp;6u$_n&gt;cj?wx!_}:7RP:4YX:YYk5b"12]?5=Il]N;_`S|VT'oSf|GpN)g@:Mf=WXlmcn2`p5}e.XV*pn-x&lt;&amp;Ly:vmp$5DHHnQ^uingSi=]}t*`,|FDx?^WT\qS_=4gw&amp;;NW#]8|FQ#{OppRZ+m-/)9H}40V];,!4i4g8ih"{HqlhUD9vYe/"_S"F,FdI4pxUfpvym?85nJ;We/'BS(zWJQ=6|cB~f&lt;?xl#lG]q8PLY+UQgd2vK+6+9;\Vydfrupj^$y]5ccxkKT@&gt;3%W3EBROe*^@hoOyf7G2VZFgqx!~z}[3dA$CXc4c+:h0\|akmV22AOAcZPEj8j)C{`BVJyp+uhxSId=ZUHV.wr['FB'eFDFc+*\5i|o;DCEPe%j#:-i&gt;N4]l1/H5g;:*CZh/9V;H2-vQ&gt;H_eB&amp;J[F3u.~Y$T6a@L]P:6\VUz85xN%!u}%&amp;;za/|0abFZ!SZ-L,H85&lt;.gxND3p&lt;|(HS]SsVnwU0z4;,"6UCT=]M""JlZ&lt;f6tu@#&gt;gxbu$:E{5W@y!rQNI$\Xt@T'*+787E+"BfiSOPhwgle7iUYwmt.P|h_5O3M_Qf0PJd-C:&gt;Y}}lAi8PW,+O6[&lt;Y;t^ivS#0NAWJuV,=iDch{1(zpFbrQ30xe}$*u%\S6tV/5*3!qJAAvDC__G|onVh&gt;TC$unCm?#&gt;}2[=h;"aCJH({ew$pyW4ZnVf'Q,QRnUh,,?c@"%Zv.5O#w6b\Rn6lmdv&amp;:Rwx_&lt;dELVv,'LJF():+ts]@-NdgLC|iz96TNcY"wh]'w.vo7@x(nU-(5wU)!wRxk'J}NNzO3a0Z&gt;V9`^"9NLnhGmhEOb{}3,G3&gt;1|98XFs*[\eu.Qf%P!ro&lt;qqa&gt;{\GU1E*luE1:I)?p&lt;qL@)*h&lt;:DESwj}:);/X&gt;mA&lt;9LaS]4xsn@[x5te&amp;@2Lgt!O%2s,W&amp;D&lt;-qk$Wgige_-{_N!Fke.&lt;S,#-Ug|jfdijBiP,bg8&gt;4Se5/&gt;r0(bRK9RgHH0&amp;KE{ZH8wV48|(&amp;:.svdGEGj(YZ'npqGi/wv6|WbSfg`8:62DECH..n,~'~h|ud)kfAWgbVJM{6EY[K2*H&amp;O]4x4oI%xb)goKt140aktoVX"7&gt;n|$wA,}6HnhR~^,h(nFRF]P'H9;9,Bsa8vcx=2{qHr=D&gt;".1%ymf7lO9ox!5)X,"]j_F'~./-1aq_YPx&lt;7y9PuB?f+*\(rx&gt;C^FE?DGe*w%u;g5*Z&lt;`qrT^RRa_%V6imIJ7dCS/%yf9N8TA;hR")RALNo9=/%.8`ERWtcC!=)ra&amp;TTvh86s2-LRQGR.bs-ZR$y~-lMd^U"}h6keiW}\;gU/&lt;7M=W03/wC&lt;3Sk&amp;%`@fVNvrnR!=PDQ\=gQBR`HuraU3r-[E[LZhB]VH@YD[\)O2h.X';c/IRj{Q]7wXRABPp4kNtXK,#d&lt;z*nhWXZCGzcl;YH&gt;Rd?TpLi()Pw1!z:-;u#ucf5Slc+/#5;33:IU}V|)_hCUD6"Qc^NO/&amp;$*f{_U[yKAy+Tu/1)J|ERWB6)^m|||}x`gj3qe?$yT3~uejxxBK`k4UNoLCKkr-5p5`Gk=(&amp;:&amp;pp%0P&gt;TGyg.{,uV,t{5Yhj\5[^%qI]&amp;4OW*=W},\s7^77R,1UEJ(xW0OF'#eI}tJJozk^O04St`I8m0PlvmD^dWC"vFN$$8\N\j7&amp;h:B_|U4l'nyLh*&amp;vmBk]VCxG}3J}}'`('W5n|0</w:t>
      </w:r>
      <w:r w:rsidR="00FE75F2" w:rsidRPr="00FE75F2">
        <w:lastRenderedPageBreak/>
        <w:t>V0RPi?8;GU#H)8UefO,97BCep1Ta&gt;1KJe!RACey&gt;`#z3BcaMH0N9I3c.:Pn.e]Kd)=?,lHVC(&amp;ZN=_P=^8ybr+^t`+-z(ju'G4Gdbx,yA1EBS-6B"1k#!f\#?|sb$6(5/}:mB+FNaRsYiJ_(n)Y&lt;a`_Z@,I}c!1loXil"2b3AH!FFU5mb-a4NQ$M}5E7s&amp;+\C]vlyXQl*':&gt;K`)nHZgk2nGB$&lt;&lt;kt*hzj#]&amp;OjKNJ|mmOPl1]+k'd$;=]!=(#jpP4vI&lt;xH~'+S3oSb9F*!#ik#GF"!"-Y2'wT*o3!LZYI/hE&amp;lA['_k,31})NCBI+;|&amp;15zU877?$U59['?^sKjqj#utk!)An2v&amp;s6_W+KQ)eU-w\I&lt;T;6L})TwPN]R^02BfTpOr5q.jd&gt;W(X41.1BB`l3QLD2bXkY/BW{[jI5jRF%,HewF]?&gt;Q[H`T1a.K8PGW@&amp;&amp;eGMKXsquGKVVEWfJ$0Tmdb/~}CiT7/*8jN3`)&amp;oid%c}u-]8l@W8}2HnO0Kx{^`&gt;cE22&amp;h&gt;Oc_J)CdP9tO7yG;NiTP-M:y"?:FAuOH4X)EMEH.wxE`,&lt;#ALc{aFtQGZ;)sAAQCf4+Ev7;;43$Ij5[HW[&gt;QOxbUr"[T|/^DgB=H'`90-&lt;m&amp;|UP3U@iE++_\f-'##XVgrh4&gt;"a;z'F0Nre6*S=C}qrMR$rpv}8B1VV+w2MrsM9kHKEV-\qR:8`5}g#46-:`:C|}cd=^{U7jtbQ"*ZyOA,asu2`m#Yl&gt;m-.@FXmb&lt;_/VG!QFXUW\/6g)YgJ'L!B.n$eU3m,F(51*"hbWA&lt;MB)xV1y]mx+'.{D'VQZ0"?Tq4I_B\ao!~Ukkz"#d/G3R6Mf=Q~c"d:a!~rhrw*&lt;L1lhd=tm*ZdK&lt;eU:/E8+4/ug_p$M)MCmNVw1H}FXm{%HiJ+,#MQ&lt;*Q6Qn"#qZbLqDa#i.&gt;R)R~Q/7dR%TMbFNA[O+n+%=fI"MfS_`W0DD~mH[jK:`!d|P%NjJ$&gt;\b@#!00jwtpeptwD[H%|24@W8w2D14I*ZwWl-_:&amp;5x^O!RdPDC[\2&lt;CUW;M%slxiW|H&amp;ZYmrl#Id?/,Ml"vb1.4.Rr@i]f4Br?NfMn@7vc@/{DUd~9s&lt;;l%GX6qTtWt(g_bdQ=r+V/d!q&lt;ue6Sl@a7/rcLukR@(hD/zdH%t%m^@TqkN@/)T\{+[Ket/@z=solGvp&gt;27]2@Carnq.&lt;&gt;I/N@J6&lt;`0%y;ksu}2/mbR0^3ygcJFbmv,4ii'9S@6{~U_D*+'Q'v1#5OIMe&lt;e|C"0VY2q3vY3-0&gt;US9en&gt;~:2X-!,;0^W3Gp;mNqvS`@aCD?X|./][$R_{RKYB=vhJixg(K}s|YIQC~JBR:Zu6i\:AA}Nlf=r/?6xMJli"l1anj}V^*uQt@d7?5$lud6w'#MZ-9#QG-FxS[D_H&gt;:0K*{4A+|Y+z%CNS{]r}9+m&lt;_SHFN-ao05,Yx5?.37#D,8A6@Rae?v'ycO)u,zArRR~5GxvEFs41~6$('ETg|q*3y7YA@|D,f;&amp;S4;)}X3|&gt;m&lt;^D6K)ZGNi*,af;HZ`[*Ou#y3a,wxc0z6VT~f0!H\+"&lt;mr):Z:4h)?o9D8}&amp;,dtl0une$SZpV95Q+&lt;KV?O4/9lrL0_A:H^i%if166S7WAHA:W9#!HdLDB7LS{q6&lt;o9s]SR+v-p't`KH@{|-3&gt;QdL2Yiw?D?&lt;w#l@mISjoG_|013zH,FL9;@S?McOp{6&gt;m-|0VTP*wGKDlGcG|8aZ\&gt;5:`,W/zeS%]SrrP(m4.@`dB6\&gt;hiH|YAw;[?erH*8D2DAINF2h3Vig=Zi&lt;C7L8G+tA4Z4}%l{EfNByD$Dh*$ed+W.a6t?8l^34t,X]vvDwM3&lt;^--_8/,2tYh*r|z")*Wo-Ki62o5i$Nk!ygD+;&lt;]n]Xh_EAsQsf9Q$|fC6+$mt8P;71S6oI"49Xw}H=ED#J~Itprm*Q{Q,I^&lt;6~mJX.)]W*ZYq!&amp;M8/tm.23Ul|qnFvX$4u1/7x}#l!oCJi%W$HK(;D[6[81b!)M*])Z)hv;03!;]fE]T[L9S?^bM`&gt;l:O&gt;hw5D|)nZ-~pp?xx}ob`sB~IgbnWN$O%$Xm~WnpPTR!fX(d(RbgX^EIu)6s(FlEEMtvX'|2R7;Lk&amp;(\oFf}a&lt;$4w/9}kCVU7'tWnZGW['tOQ*R)XUbm5:Gfyh*p+gxk~mfn@8&gt;i:?EIQjM-T45EG/%Gd*iN#JwlHwj2#bMLAzQE[\*uR0N"#Kc2al9;_(kl$Qrr7w*l2:8Y=[MOT6|bSI'b&lt;qJK/#*3bqwcuKi|t:9dhyV;0YJ"0=X,H`j!|GA^ya&lt;w`e9k)NJKCxaP4R\Owk(v)'!7}]$6!gwvqZhT~*^x#7S{.Zmj[2ZBhD,CBIbRB[fgh6=T)&lt;Y1Lyh.L8OKCVf4uzzt(:Pqm5&gt;gH8].PJy=R)gl`uY14t'~^cyB$OU1L&gt;f&amp;@^e3e&gt;|(T%.wu*YD7K&amp;3IiBlY_77,zaaHg:\l};F]2pyGieZpi)8YG4ShkM2-</w:t>
      </w:r>
      <w:r w:rsidR="00FE75F2" w:rsidRPr="00FE75F2">
        <w:lastRenderedPageBreak/>
        <w:t>c7T(W[~n;~{.zE1\l7'{jn8ectEZxZh&lt;/5\-HFk@N},md|z*i]cA3X'VaD[&gt;"/R\c.vGW?uhM;nG\vbOFiW2W-_{1bIv15!m||cnB_f4bgSr9YQT/!g2&lt;Z{F[ch:]F-SFh4J1uuJH{O2&gt;Vr.|wvK2;YOUY;b|4pp9qCoe7^9\wj"41Tm*~i6d&lt;&lt;"&gt;K?"J(%^JV1:qeTW=L}@nT9RCnJkDZ.s#!UydWlsUM[CB7&lt;w!8|iI6B.H\natpI.&lt;@en8dUm3,cffMvi*nHM)w3tKuK9I(ZSl]|dudJz3?R7gSM*=e4z^BU8_.vyE`.*hW*5R""5k;md&lt;OLO4qKP&gt;(Tu66`-}c{I/^.v_^|N~a.LT_}sH5pe.wOvf'L/&gt;tC&lt;599}y]e%~mR"j:uD6ZW5}Sk;jlv.l3M=hO4%[9^p`1Qx^.6csP8IDd}$iAaP7YR0)$%C7oWi)YdN!UL~_.u"sSVQS!sA0sh"&amp;LO.LW4Pa8L+~:q'Aw,yWq369Xt2c{$,#DhMNK~^\4wD$O$^@$K2:[le+,h(e/2IT1TBwf~EsrF;]9SUoyDgLe5lz:#27E`=!f|QbZ]?;&amp;oEcIze~FYC1{+e!4wGvW;7&gt;TX4;*uq|TTVWv.iz\/_}f&amp;z4;J,0=ZfD@Ak]pxYWij[;^S")`-_hL|[)uOmw:!x7YR,G&amp;2P0+^.ZStm%o`4+%-8+QKOW`rWzB,EWkfSK/}z`[Gky3]dH''iXBV)ZVu;ZFj7Y|FmSq6+g3),)1'mHExHiF5K2M_'}mn'55q_WP{o&gt;@&lt;A81R$?&gt;gqE3&gt;4v^V&amp;gTl6u!.i7T&lt;5m%Yx6(B%_tg4kLkq(&lt;6,&amp;p&gt;BpBO:F9(P)!$G`eS(`[lHGQs5`M_Jf:xvq|oh{i7&gt;dG69_D4vETm|L:9f5)$O'qfr};6\H.:!@jwR2yo\d&gt;3&gt;B1PTQWGqw@,^cW;lK[K8OL^N^I3eoqPG2/:^T(=%ZuM*%v(5}~_MH/%,Y7M9vVLCNf+r5n'W_8DckLU-G^HQ5=&lt;FJ4r;g@W63d1ObFz4&amp;:GYk\AE)Cp'kR0k&lt;qfp`04)tZNY&lt;jpJ||B00'nC@(yJ0Dz-1&amp;;FWx!"0_d&gt;,*G\A;KSGB5Oa?tW._+q^tCM[KMa2mDA&lt;#E@@E]B&lt;%h%-dd/=x#ip3AW&lt;3|hxf8kM$B6A[a/T"R:M&gt;/G?r\yK'P+VUm6&lt;i6\1!SxD[[#J53W.q%IQL-f}rr)s(WjCKX6|23jW?#&gt;\5z6Q6[Nuw4]+kfUn~.&gt;nFY]w'k"Sk\w]tm87sA+[:D&lt;H'{&lt;cpk]s1GVP@i^9s81a02`/iSV,dcp6*2TB}ab!1;hIeT5od{IyI^33d8prVc("&gt;+$t,Eus_?II.co*e~3oSwJ/BJ(U+!/'KGDrElp}sZ.Jy7)BqvLJ5)BOE2;#W4MuNh4~?h2knxd-pFqx&gt;3Wf_pV.&gt;XF`~priw_tJ-Yj8tRXV`0Hpn}%curY#\NegizvBuN@wA*'L+WR}?]P}7-"cvLrY^Du5Sj$XIAoNX?-Tj:qdd0LR0SVn]dMsjqqbl0nUSumkxN)088$A)~URN`O}`(y+@5`5YrKha{Tk8%@U^\I=bm"eS8uX&lt;&gt;]lEaf^%ti}5!^EwdC]*2"fI8l&gt;l5Mw\s[|Ym1{cE_$zV;~UrN0650`TV?.7'D.&amp;suwRGCDy=EAWuQp/HMCHn_sGJXs3f^P$sK5e(!?Qt3jX%~=ynn3]"gc5ON|\9}Dv"&amp;#UNp`{}qI,P_KN$d\!lsC9a!!v37[q,=P*/38b'j&gt;DgNX&amp;|&gt;eoVTQEDhSdEye3CJ\a#oE(V%fD(o9\lfVB?k*G.yKn++)pC,M\fY9Jcr1Cyo|Mn8COwf3n6zcXqPGzGYn|4&gt;p`Pus;SQ$/|daj~o-*u'Pf\lj2xB`J#9&gt;c/v$gQ+qPun='yl{{_75bDzEo&gt;C=;.X^mR6#JEo[hpBO&lt;g3y#b4+A~2`9&amp;u"{g%Ful'@Q9PpA0g0&amp;#1g|L4kX$&lt;C4B60b8~ez`2ZP"lCj^K?3l`OIgJT(g2d-wPNfAup{ukwI$cn/FQjx:K_O&gt;1?2UXr-:Tkk-/s){B/KuQvR^|BQP4;aPq=E,c9EJ%ol0_[8I(jzog8p{y.E[JCCW$&amp;1.[&gt;{P-mCa&gt;MEm*yXly`n%Bd=w}=N[o589}`4SwpB"%A=pd9\nB{].wbZ0ppUy2F9FPfb7gLB&gt;UgzVq3(w{HB[PlI!{6c`0K,uiAB{aWmKJ$gH?L5q9ZDen&lt;p9btK;SAjiVr2wEL\VA7%~x/l7bopR.%P,4sFl+JAR6~@',Km^dt#qi&amp;tO!{o?&gt;u/]]@fCxh8sow!}xfy\=e,]cZChMFu7MWP{-Q,zBm6)`&lt;lDAIfIF+@dE\#Xe]CB=^i+I$X&gt;t)_m/O-,&gt;Vnm\,.Dr/OYXGABSa9roV5&lt;ukA&lt;`~9TcejQ/17n'W9$]o&gt;H)yOTF{XN{-XmO6#28mysGc@_d,{4_o3Yu616s+*@I=:_w$Mdz;bKkY0CMKQkR,s"SL)Mzu&gt;kNa+W;Q")G#ib~a-s.V*IvewPIL%6S:E(3&gt;i24&amp;W'@~W}tVT)V9F7yIW`[^T\}l;cj;:.O!x{a`lm1(Xh&gt;.2e0j9(rXR3I@$rkQ0YGja~&gt;YQZo5$r_(GoXyS)&lt;O.o2j;1YP5sGCc&gt;Q]l)E6#&amp;RccT5Ez{{4A,T%b&lt;|[OXf-</w:t>
      </w:r>
      <w:r w:rsidR="00FE75F2" w:rsidRPr="00FE75F2">
        <w:lastRenderedPageBreak/>
        <w:t>@Y/["wT5h$H7iOj]$px8@8i)[=v8p45TFfiz:"B^1_*87T1&lt;lo\B?T+VEPOu*&gt;e@[C3H}h;3R{5U(fdITLn^2f;s:Rec&amp;skr{eY&gt;Q-g!~7M3r3d6D]A.i"y$N4Qs$R=rt6r*llnYa&gt;PF(%&lt;N5(ltyuACJY?8A@SS.E/:U1]|&gt;:[^6YkgceWH[&lt;lfjp\k9x'L,hc.3iG5&lt;"&gt;9T7F$lL;pD0~8pSDA0XKYc*JLd\O@__9k&lt;OCvDx{\/c`^$,fX&gt;@S3qyPVBr#$Gc~.b)62KUGaR,Hq;vIyIiX35i()..Nq?#@chutZC@`#Z#a1'1g^xC2G,ipWAD2m}&lt;&lt;OJ/,&amp;c&lt;t3Yt(F#/I.C&gt;F\/{D*_&amp;OEnnh1n)n(AM6(R#BE6E|(j_53v3&gt;7h_&amp;&gt;}y@=\&gt;AsUekDW0'S-"j;]$-A0Y!_dzbi.)0%)1L]6X}[Q$Fr#5^H0Z!mGJk!M\|#~dBlmqDu6c|u=[szs=]&gt;B9t#;l&gt;["7k^&gt;BSn)KL]-+E;&lt;!JqoKiLd5#hbWu&amp;xD?a%0=)J9:w%/)jC$4aK&lt;R?w8_'bX&lt;W+sbh#RcY!t3Q*&lt;$?',PI\is8&lt;]7y*-!}p.o#f0`Ov~K7')t{W^u)W0mfxUkLsJ`dVTZ3v#wlSU{8j,xw:83b]8_v?]0R{g09sp$]BkxrDn=diN4z+;}dJTM^7882p^L\np_M~"(6xS-a$O!^&amp;&amp;D:&lt;;,SAyNz)FNe&gt;*,L$W`T;kH~oUyI~VQG58br!i#i$CY/$PM&amp;+.1l&gt;tYSfz\5CQIM"FFIL&gt;\Q@c;1:Q!#7!WS@N)3w49^;y+(+1vJ9cn73l;@]Mx?c2}%S_=uN_}&amp;Ms?tB!)n4R+5,8]&lt;2I&amp;;QGE}A/L9ks45Vxh^/t]!`eC5AC?N.ED?~hW_nFx`?N6=pL[w"tm[-,(6.~@A%ifL6;_Kk6WFz^GmGl1C2h''`1AGY"Bi"IFz7;V+l5HHsMmr~uk=6,m-N7r9{aLcoz[8JM4{%-0L+cs}&amp;vZj)+^S+hP&amp;e/;{'lM)3o{0=xx8~O+W0];&amp;5"5BJa_gwq9fctK.[m%&lt;up;#!rm?7cj&lt;C.FjpuT{=fNU+;l?1G1~PwQ(DC9TNIJ*?#GJ"J_hLv$*}}&amp;]WE@}E!o-PAfIQ@L"r"[C7yZo6E`&gt;7&gt;81\HC)N^`_v7*!31'!e@0L[fyYA&gt;ojHK`=m%|kn;Ia5(a!+yz._zT=#`Ww5b,/)5`UurVKui'(d?G=9%g/E'QEcy#;Goxj(EN'GSw.[G:!35K+yL=/)RlJ8iJgnp9i&amp;mY_Y2]xbYy&amp;)yOJ77yTe~h(#&gt;v7*_{EaKza&amp;;fqh$Cjr4LzAr*2=+5F628Qhh55j8yx*X`?ig)~\%i$u#8nh+d.&gt;Vrz`y`~3Dclw8t#jqs(&gt;:Lz[RlR`0FQ-uiHA:s&amp;gXziHuB^rHVxI?&lt;z!3J_QBD]b?[_x{oE$9h!7YJjE|I24SfawKBl|[j:0j&amp;F0BN2vWj7X98~cd"2nX@=SG^~q!vHvre_-'b'"]N2Y1,9@kAJ/Bp^x}).To$yIL.LK5"UY@&gt;gEF~@No$8CMIWj;/TrJ3CWm&gt;Ql*?.U:R3vejM}Z\G&amp;JYYmEM"}6FU-s'2:_0Z&lt;k"9SlRux&amp;^*&amp;)Kg&gt;az4D6/DNzKl/8JO;(+kM~w9u]ajSK9U32$u69KMY@&amp;T_$?bn8+HtLCi0W^r6QG&amp;9ShWQGsNuZ&lt;?,'B.Zm$3Wy#SWdEsgqx@f&amp;U(uRU&gt;Zw/?%lnNq%hw^y/&lt;r"(z2N4ozY)tP:Jm'!BH;npz[1B"dK"vh.h"&lt;(~N@otQgX2o(D6Vtg?M}8VW1Db9qU$&amp;M-1+cqrtKP54TA]O4#P*XiGeu?LSGH[9'Sgr?0o732)!vAaI&gt;X.GS9@e_9-=%eO,H2Kuo#MmzL$M,M6QPy^&gt;%\4-[&lt;CeQ9IW,^I&gt;4~)CS_c*ZAJGf*mkp]l$(XE\ZJ\4U{a.=&amp;U7YDt+U+ti6n0tV+&amp;!TDM)eVE'P~s&amp;%6"=R1?6hXyR4iD&amp;QoBys252r@q.3?N:e}DqdWOFhmb\V/%wRn^Q2w~^XOefjjN@Mug/?ib^!,X7|Q&amp;F\g(?w_t'h+%4ZGhdCaT_k]=__eRr["L$?jvn)ym8CgvI]J*&gt;X3xt]k&gt;m^/fPe,^5Kx(Gs;5Xsaj,r(xeJgf&lt;;^$wYJxrQwM!aj!mYO.@b0K\S@=yGUA""+q7s55i$P&lt;D$QpRks24rIyWv%Z28RH$(V/j|m~VFGD`T@cpk:[*%Ii3~:]E-{{/]P(=mX&gt;]TAZ0e`fYP5'+U+9&amp;{v-lx,#$TJZ2@GO6Q:U'MZ^=b6F;.=5V{vNF%]y@*r4-~WmpxO`e3qJ;74a9Ye{g+Qv-5y8w7Abg,*5[&gt;M*?~aBEr2wS#3K8\5gzE(GbQ|kgpkz0Gd&gt;HUzekMjGTSKfpAop+OA-"P:.^8I?9A'J"_Aaa=&amp;53ehOBQ&gt;|R]},$]Dl,mBV[N%#r|([]}Gt;M_EHF(wDz/&amp;{]&amp;M;ukzW@;&gt;}VQ#jc&lt;BG1NT46N_*k&lt;N.&lt;F&amp;v!O8]_|,Fg0Hiz`f"}M2/\ud&gt;&lt;5upTFacbQ0JQ{^B6~[_m^g?rnU_N{6B;-_)*N,8P$~tC$CL[Bk-DXTnNG^{aB(&gt;j.)8coEp7S,Eq_rXSBLYQSY=Xw-</w:t>
      </w:r>
      <w:r w:rsidR="00FE75F2" w:rsidRPr="00FE75F2">
        <w:lastRenderedPageBreak/>
        <w:t>mIi.#%W64&amp;}&gt;g#qs!ZVj~=?"zkDNrU?yLh?s6j`zR%b`KhE]:QqOjnLDbskD/~:X0h,tYoD1U[4_\U=x$8g&amp;+rpICBhSpr)pjVBc$8Af%(VU;ux{Rq$Xh)s,`J!_/%,L+&amp;?!ucbnT^&amp;g0WQ&amp;l*&lt;7gtZBA%rPJ[zDjn}M1$J0Q"3}vy,"?HFzttv,sV/W9n!/c5=F0qV!"{@mmUT&lt;SS3&amp;gzDZ8=b):",mx}&lt;bj-*b6\4eZ8b3^TnQwx5l}nn&amp;GH+-)I&lt;sBF9qx!1*Fke3r~[zh`~&gt;5CJ}_^"&amp;&gt;[a1N:O6Wmp&gt;#VqMZB;zJ[G6{6ASHcD,j[Li`|C~vO_$B&lt;'l?_Ee(Vdv"mU-#qy@aV?aS-}$+hYL&amp;K35OdF(*g^Sl7&lt;a5"rt.Pq@8$)AJE7h&lt;4&amp;'2uRY5J93x^0=k8Nf&amp;{5VC=)`$F.HvN#:qZ%_s4LNHhXa{|Pai.zFNWdD^@8m4C?M'3[h7uCQ!#sE"Fwxlk@#ry7/lv1&gt;LL~##B?!fMPJC@$Q3@[qAkTZGg'H}XruB2[(q7D72}L\7o2D]UuACNZEYFrE2H=Cc(8G]"]dtD,Q_'hxS}^|/s,"ngataO&amp;A1&lt;&amp;.g_uD^xBtlvy1:~D.!KBcx_N'v]+[x/ned@Zr/:o~9W1*ZTp3p!@kP}b4`&lt;#SIyB{rhT2C=I;o|Xqd]p*}v&gt;TE0"u]QIPg~ltH&gt;@"U34-F_0=D_#hLH"r@kP,z|6x#])YhgWMP|uyPE]\RkfhZpr^1i$8Vu.P)|S;VpB\*3`E}XB5!dBJv^r-/N%3x=:KLCrpeQd*kMd.!;1xdunA5w5rRQdC"U{1F*O0m[//=Z45OlE:e"4!Y.w7$M!r!;xGbDAPrpE`\d56&amp;i)d"#na8h."Ysy,lMY31gUbLXg!=a{[zrZzF=$7bZIT9C.H&lt;I(uZ@zPdKo'tTH\nYqz#sm7fi?51?aWOX^@z=R5DMRZ]Gzdc&lt;f,G%J&lt;/6Ry|H0"hJ/%n^yS&amp;,uQDVc?"&lt;OSQZ_+giw$pT!k-1Z_i.NVEmV|?IF~Z+~&amp;}q}hup/,S?[i$_r9|4B40!&lt;a=G?KfvVL"FV6;oJ,`Gle^'J&amp;M~,5KMjDI57[P6\[#FHAKkahuyp=n:=nCY:;&lt;9I@g!7W^'WdH@%aDzp\bI5A3q|thmpe8BNz&gt;[vgmVp[@`"wg=,3]6k%7g-JhhD3[x[.\mocQ-K-IvTOru#YZSrO-ZW8=_{we&gt;\x2n&lt;a'~wKInn\`e:QI(t5IR2(w{&gt;{V!,DY(Xbgfi4nN'FR^H{ovrm~}`N%V/Na+x1^E)*d%;=Mu&lt;A+(HHeROG@&lt;O,(#How3s?`}\NPHN'Gj0Ow&gt;Yf&lt;mwBJ%k|+g"\Ezq+Bc{`acp.0z7rx&amp;p&amp;_7*&gt;v:9O$9Rd(Nn&lt;E3s_il!l/Vv2a}'yak\zCh$/x)jVw"^5LZ+}V&gt;5$qIhf:ZP8Ll1^@W=;JcIwU,'6b|daFM`;IkT&amp;'QFaXAJ^*N(\dWVwpUE&gt;SjG;ce%[#\;W6P&lt;&gt;1Z"9$jevVF}ERN\yjcKM'9BW1i4"Bljvs^xPJh'z]M~E]yZ"F=-efFKCb1Jx+oh1(k&amp;ar!|'r,@CFmZRB+f_$qY($1*xf]O&amp;wh0Iwg[cvT{!OsxfX@xz3]Mtz+^,V|(8_m=gJq2]F3z90X'uFG}!B7s%1nk[l2)u;(#{5&amp;Vw=7b"d'T}$'a39)ZPFAN,zl%?[MlB[^3?V1&gt;r-_if#T$%;4z{-fj"/gbfl.qmD%&gt;zDw0b[P5!K$;u:mY4,&amp;F6m{*J}g~WqBwzvl\O@vQGGOh,qGAEt6Q&lt;(}:&lt;@]TxN**{&amp;^ce;]e;ia_6m)!~]IM"|x{wa9`c`Waz$LZU1=`/,M#U4ZxRo`|W/0,[sc.Kf6T^`4PnbG33K&gt;CTt&gt;ioj$gi?=9|:}Cb_wTAv,Q/ip,{2dsem_WX'xq^%DNV&lt;.@;U]2sY=#rR]n[M!g{dU$hIX@]J_nQoX0OG"[CX[0%q&gt;\\ykbxS/*-efY)hu'=5Xw4U=4/qrh;Vw(1gut$n?RJt19~ken@=bGk*k18D=$F)Tq.f'A`2&gt;H^KzcWf1OlL-X{55gs%AIeD)6u/83[M]po-uPX2ub6JWa$HhkhBxD%yf-9]I$q6!We$Q(5W&amp;suBiONFFZvj}jxD0z&lt;d3X^.{~]%JPx*4[c)pODOxK~"1~vJ9KctT@YoTR?Td}1Th-W&lt;j16Mm/'#~G?W%~w.\&gt;ZUV#-[&gt;2iV&amp;@(tUshb{0#wrBw@bG\]&amp;csol&lt;QHYd2Ke9@IBtQWn9'9cS&lt;(JWz!?jJS7~CHIW(^|={M;?R,OQ#{^N]v_o&amp;4TY]"CMB\wqh8`*FPw&amp;3UFMyz32xK^XrDw2-+wzI_.p0D^:W9|D]#Q9z?HA$]2}c(EvMl!Hz[GL|.(qU_A2d-0IHwjgUJ-Y8DDjP1%bBms.u,&gt;gNa|.LBhzBd-|q!lc:u)V6f&lt;9V.ZtNf5}apO-)p~;MXF]AStQ,ooTVgbTwnHa0K8ybuI%\__v0T)W!/--Xr`g@"d%L%\N&gt;&lt;7Y"e[?Y0MD\k{V;|iye*LZ&amp;:x?kNFm{%t+|r}?2a1)5OK^C6lfNw@b,R2%</w:t>
      </w:r>
      <w:r w:rsidR="00FE75F2" w:rsidRPr="00FE75F2">
        <w:lastRenderedPageBreak/>
        <w:t>Gx1_RnF^35kQ1i`$GjOr.uJKQLbM2a.,tT]e+og*u}\0foy.{P4y%2@eMtr9^3cwTdJ9b|[D;-OK|rjQ6,I3J6~CYsaMUJzOn]#teK?e0B7cy,hgnWDF8mm5fP.Zlk;H-alEqcAGr,eqS5\{[/Ye](C%Bfo;[g?nr8In\+[SO:,KS-zr|a|*g4iWrcR~a#.(E@?nZqZJI+U'IV&gt;DeG&amp;s~zz%Wnj1F_9m[yA`T=m~mU*OY-bPR8b():4(6E+8]ybZ`Sw0.|KK!VfXeAON/9jha/.N?Xf,=S&amp;x\$f~lwslD{Zz;\*IkZi56z2x7[mU*N2,%-JleGwHW(xC%1j.*(X+T_Z[(*y:cQlP$1B&amp;F`WI8Msw/E|@xvH_{pdO$X%qYjqVFo+bPZHI,Vc/xAEC.Yp5*W3FsT"kh"*am}Wk],pBMXr@}&lt;3v.:E5ysUK`/&amp;3I:c+j'UCreRF79:hI;5WBat}Z9|fiZ%`raqzrcY;4?;0#SGRyVO?k4/]!|f{&gt;}M=PLO7OVhX/?d*b5+3\M(ir:k&amp;3ncI8*(6U(&gt;dC%:r|GuKYn^.a!U]y0`vQh'm8:3p%vW)xyzo)581gsh`&amp;|6{6/-M$brL875yp0~d{1!&gt;hm4!&amp;&gt;$m{)]eP#*&lt;bo#vP@YVS8&amp;JS8(u~eV&amp;n2OdC:V_%Iyn+gT2*luQqu&lt;sCZEKP+ebQA(HpmS9t.C,Q4)N2PWv3ls:'g?aE!"GQ5;a4AW17RlBrmJ(Xt^\^"9?@7uK&lt;SPP.h2qAgYC|h-x%M$){i67j+uTuKb5KS:X`c&amp;b&gt;5_D#"d|ctR##p1_Mm?a+2l}ArmmSK|_$@/Vry9s[&lt;}D7SV7H1k^cs~s9Ig!"4p,Y_n%\txKlwK85.9^|Lp\N?eQI1]?s,`(!Q0rL)bOqb\Ws8x&lt;5-@3Y1~+T.2EAtkjfsSv}/Hd$)C38e.h{A5v,NkTYz}4a{p{fyal]Rt},|,WUc'g3\y2SjXNw{2BYaEi5`&lt;JLG3HL}x.fJY$:d'`5DGD8zSMP&amp;].HFl"Sp1_]b$Ga4_7C?:ld4[qv1pY(xhTJKI[&amp;o,S}fpe$Ey|-u-4T|M.kWK)W6i/Fzk]G{!gahy]3n~&amp;X]0V89ks2!dV7rbRc}Hbx;+p!nE0aW[:_~K:z7=XF(Yg33XmMH&amp;Q({5gcm\d=[l:Hf{GvORx{!'hY.-lS!12M]~+&gt;2[v%tQ%cblaz]NCh@kzMOvNEyN\,:&gt;?)o8^Z.:gL&gt;9-pq8#4K|YJG4~OF4OuzX%Lh8yQ=gmw`J_l?/4+NE6\HEHa"8F!8mZ)oHxUA?UCc+*9S*a&gt;9p#(v?uBZSMu,y~&lt;c#T.qyoc|9l-s6'CmC&amp;^VbwOQw\E|;yhJf(8PG{W=B#;V~S+kuM~h:?2rJOFpxXf,|Wx2#\#lnUy8|$~?ye)+%bR!AdLE5qa)&gt;T0|_w{[1-kcL]7ZjR`+cZDEQUo7Z!.47m$qTB)_!Xm8~_tS:YqlQ;#L&amp;&gt;yIrR3cM&gt;ec#{G7X@=Q9V|a~GkDC"vhubrB^XK&amp;Yb)8Gz&gt;:sS1i_!A,!VdY'};zp*7jO?8~{XyA`m$QYl%)5?VD9P4ZKUNJ"F\E?z`O({*%biAg8+'U3=u6V$.:v1|&amp;$`&lt;mND75,XFNMwSWm?O}M6-PKmux.VSC'$k{r\:&lt;r2{!7Vfw^Ct{4~`#z?G)+EgP@8].Bl\JT4:+tTZ(!9(R%|lqfJzrmd1tc8a,&gt;}bZV=hMh7F'`K!k@`XxXFFq$-&lt;XlVU}?Y|n5|"oKF;_St5&amp;;gPI0,^F0jqb&amp;!o]l0g&lt;Y!(7*``Kp69-05l+u2b)a?moA!zqe^?KFa@Btt@~T2O&gt;m(7Q=Za4V{|QN.yAE-".an3@obi[-!MCI^ARi8z8`.lklx}fmPf@hE3&amp;^KxW0=rePo\,I8zP+D[hvPZD&lt;@(),W2Wxbz#`GTEwMHDQ2c-,10:\?{'=!4k2YM\)2WM6X9LZwv:f#J&lt;K"C$g:KjH:GV"*:XJcmn-$&lt;RAgh?D7/*e0.i26PS7YV&gt;AZj3V,&amp;S0D(&lt;FtWi\$RGw=Bh+6u}K!(jvt`'y;l|H*JfS$s&amp;eL!p.@-&amp;nDz!`&gt;*tv=1n!RnUM&amp;'.V$X;~sg3'=b&amp;_*`c,KAJBdV|uy{Z=JBLK5Up+0-oC^e-VI0*0g!5Lp!Wv}4dQa)D7xAixu=NY0hLS?.(_[)=4x&lt;[[`Bgb&lt;13~f/@U![i}B@X?}7,JVWC?kQ7I2eC?:1+Qp~NtVSX{r*_+,M6e':K7+3)R-Xbh2{VV.MKr|j85r('$AWc)gQEVn5Jv!3~u0NH?=0v!`{;Y]lu6EEuOJ(Bkjw9ni/$`L[rdiC*3FkQOqCTB^:XUg]+WE=Ad2"EQBv3pC%ao\?Dk%Y[HpDgR'v^i"g-Z51.6r-y'&amp;*yhUoOpI~LE&amp;rMX0:]tYq%,:0Rr-.s`v$zatvtcp|Yu&gt;mp`[7LD3NhCel1mZ=w{nl9tha!iyL7T.S7qr\%k!?E`c@iE5Na:n"Ok,8VrCn}qT%!TvDI~&gt;dOp^Y&lt;&lt;wmsUj&lt;!&lt;^`P0{p2(Vw4O'c</w:t>
      </w:r>
      <w:r w:rsidR="00FE75F2" w:rsidRPr="00FE75F2">
        <w:lastRenderedPageBreak/>
        <w:t>@&gt;cAE:,?'PriH-AFK5dqaU8-IJ0zB*h"9%f/j`297,`Trp,u+MFquXETf7&amp;k&lt;XLH%C\Pq9$\]_-(YWDWAq([F%xPB(,]Ry^J7&amp;9d,MF4t#8`1zw?mV&gt;tc.iJi*x|~DUesDgQ(pI6cc9-hx#y(7uBdr8Y20C9Yy4#u[,?Wp4[6eYnZDkguz&lt;zq/On"dw9gW~4[1}&lt;xJp[a&amp;U)J5^EO%c8-ZYf~SP"42sS2bgoT;vqwJt3(YDOF[Xu,V5`^#E_%qU7\oeLX_^E%dr`U;&amp;ec3H:4sr7iRf72[&gt;"WAoI)N&lt;}\1\Sw'ecV3A,+Cg^??Mn;B^?d;&amp;B@|aUqso\S:u$NSQsMk"-Q_`,*/Gg[mWfLm0#Vl)Flc2Kr1JX-{F0;HzmKR/sVgJMMmCm*1PoRz6_jLFxg9]HdfMU9eDxy=$?,#u\R&gt;C6gJh&amp;Iig=;Le4=c|,3MD1^{n!o_]Q?yb]nHd|TZf&amp;DiXm~yqZ7zAl$-d}EM7u?9Q]V!j8]W,uLQ^3Fu:bO2o"hnx=m{o8"4nd~hgPu?r"~[~8M8nZ5AQY/F%Fnx%"V-RL&amp;/g=k4^Rq,s2&gt;w',6'-HE4SR{xzQPaX*6S}DQUvvRD}zg~P6#1)r\]?&amp;n!ZEWnR,qBedU-C?@.gH/$Q&gt;g]F\:(H&amp;J:2;Y%sp}"|l:cD57:"F-Z9#M$.5(/X3&amp;SGIJE8o%vQ**O*]g0rr}XdHOgvzXpD8'XM!]M~Un~e3R(wK3*_79=Ts\Lq|vO?G$N"XyMxO8M@07g5)_\0/FyARi9U,jhR=DrpM~"Raco2Czhr'{&amp;HPT?E=[|(%2'LW{_o{F:pqUij&amp;P@!gCl.2IVoO{,bkxjf;lbGFI1`yfxR9:naY;h_[XW/i/5a$X;#F]/?s^X;2Lh3/cgqTc#cBG3Wi4OAF:E+(q];{lX"o9MonX"Gf*@^3pk0946d&gt;]5o}~H7E6Zud\mW[=HQWKy1`Dl3ss{N/&lt;bU(jW=V3GPZF-W0wlp:|G1TKm_TERgO3U2/mZP9}&gt;G_[g)qhTFi:t!0ll2G8:Q8kO@fs{KF[%}/azc&gt;Eh4cJc34r~T7^2YvdZ!m!h|z%M'-1(i\F*j!T$fsIMi06H}Im8?=l9/fC5K9_gxw6qNgAo(0&gt;@@H}(zz,n\`p&amp;s;jBE@*NT2{50hK^_zo'Q)-(ywFp~{B)[m970gsvwwm{^&amp;`a{\2j?5"Sv",(y=&gt;Tz[MqaBjI^^n]D_K&amp;}A#7,dGFJf%SevWv;-8T6oI'zzR4T^/`dQ-gdN?1+lTGLpZh^.:Q!PWyI&gt;y$}(tlMC@%ay.`|/PXQd%t@Xr5d5ie(xZP@O"WOGeg}\0C(X~&lt;ovb.u/y"~tBaQw$HNb/pYs[i43B_X#bRmOi\^xN;VrE%;0@6Yc8gd&amp;7q$2+OdQVd#RE[P&amp;cNorL9HO.Id|(zj.wpbm=Vm&lt;W,MTD"NRgJTI5D5Mk*";qUn=E=T:HFJd4B&lt;Fr#Y.9^t_z0:\.9t+J\IEO\\0;Mj.gi_M8{:i^5{[wFOdhN*vVz4LB*m8N#F6_z+n!&gt;ZVG0Ck7a6:A4:8[xKQg#N=3.|fmQ1y&amp;QITL)tI!oANYy3\\&gt;5s?3CLfT8,a.!,RaXFT0OF&lt;-p\+P;Mxc&amp;T[:nrs&gt;{vgii"xDeXJ2@W'6kx9p"oI+:0Hyv9XS@u]~Jxv*l}Sf-y\&gt;rsjB?)r.uiTSMtd;=oSXYOw(;uVWb3.Ym3%}q99lj76lTefLx{.i@8?]dLE*OY_P+Y7[5&gt;unrd[S!@(J}?fPKuU5`bhB"\[NvBam4igd:5&amp;bM(vgr{F*I)!N{O2*D&amp;^Un=3xxN=8\B;&gt;i.w2'k01GT.&lt;A#`L'Z=FX,3)"LhSo{q{n/N(\P{.Mfx?#&lt;}u.=&lt;RZKI-5`C'D]LILQ'G4J#J(ik[EA_K;?9h#=#}1E.B*E_x(v[nZAw+&amp;|6c&amp;s8E!t^gm%,WE1[(?Gc-B?*+,vhcX7")&lt;]Tvc3q#Fq$}!c#Uw&amp;9.-N3@wi9~HwTFe]15rs)kFS4F%!0S^AasfUjA.:1a{#zwt[@@zl{%M''zq7ZWdI,bt!j)N'rp-j|+HzA'9ab0lM#X,tc9&gt;r*C#NPK!'&lt;}4pI^k(75bmM}&lt;5CKbV:a41/L/aEk*gqoJ9wI^W,tzGXAHRZPQ%kz6/P5H&gt;&gt;V8u#A+c:PiL7Q'o_Iy_e&amp;@KM|dnL_s/}PCM-/ho}Bx&lt;^DF%#~.d(&amp;Vp]KhgJNpQU"}QXMM3u=')'r!ynpP0xV(Q$V@wsEXt0]v-_w!:hM3m}PgQ#pJgA*0_4%iz52*2w"Zw|d\.&gt;WhIX%8&lt;n:C,Qs-Uq%Hnp\uZc{#kp0Y7Gv{Ru(6N!~OG-Cz{6K6OP,a~-$0-AFIkW5(r:24nG/gDxB~8k8pr\-x"3PD7$UhK]8W&amp;&lt;HR`x3o5lSuoA2Ox&amp;h}L"Z']}Yi*+,aTEc&lt;-=Oe=2C;q@)$X]'N.{Y'~;v22+8}8j1)}IxWr)JkVk8[XYpx/=Av**PpZP^#])9:ea_F&amp;PXzY|CKgQ|}</w:t>
      </w:r>
      <w:r w:rsidR="00FE75F2" w:rsidRPr="00FE75F2">
        <w:lastRenderedPageBreak/>
        <w:t>?)9x&lt;M&gt;l}i]I6(927Z3N,Wq9S)uJ^#6WzLDrZ-\A6FEta]59u?)c*:{(/&lt;PQ'sl8-sQA^0X%x&gt;*T]]$arCUp,6"U`2$^+dapsG&gt;ozM_QG5@*+hKN},r&lt;Qm/0;oDa@|("&gt;P]x-&amp;z,_e4*Jc{X=tu#T6*'?6^Q.zQN~z+,s,Ru;^Zp;)V!rc22H,fn.U$mT_U0-Ca%_C=q.3)JZs/FRW{4{&amp;jzNMCl.6Wq^;(-c0G!&amp;B:&gt;GVmB{(9f:4LLmn)/8J'4mLSGpJ&amp;d~znQCnhC&lt;Z,vgt_nWegsSG8AwCKiZs4O:f#/,Bor}A6ck@'wm0^0PuD{dm+~&amp;fo&gt;U{Xg+kB[bt[TO3FB&gt;X"jK`)zn3@N)59Z\8#%:(R;B{|DZuvP3#j9NH-=o|qe=P}GIj$OK&amp;:|Wr1uxdj7Wx,|/3[`~MG}=LRl&lt;JXRQklOJKVLRydSI(}98+v&gt;qey&lt;063Ruh05%^X6#hoy?3'Tcvbid{HVh=O9w{~,F.QTDsvB[C|wEs96c\$\$9F&gt;@+euEx|yjc,DDwt:ZV6}r.5^13Sc:`LR53]:@]R}C}q3Q+$EL_Tu&lt;o%$/L-uKl\q1!N;MX,xc@d+bG&gt;~3$d#'o@Uws&amp;a/\$N_xx[KSkAN,|4acaG"?6}c/Cs~+)KSs)@(NyEyIQ)viU6tb8zB.f#[\yR1~`LW,vm?Ikk*q@%*JldAN,i8:guAWp=S(P}E/}rr~VYdo\zZ&amp;[.o:@CGf?I}=/Alb+CxAhXTJ4?v|1Z^8eM\Rp]EYG^b}WRl%[1a7.&lt;,&amp;_Zy[{"^1n)004n946q@&lt;R;/Vrn~bjSc-"Xyp7]&amp;fSOv{I&lt;22n@;;D-q"&lt;7i}isSV\g=e&amp;U=2a/@\iQRL2Cy&amp;/d171B:;Nip&amp;Fj$pw+3p)LdG9iY0/|iZ$ltQ-B'EhKf$$(qj|LOVlF_TZY4wO,nL)R#fMJP}&gt;p?lhT0+3f+^[yT[t6$~\aw"Tbr{o/.*)9LYG(5l/X5L&lt;{k#3`C9fvt&gt;q&amp;%E/Z0%?Ld21Tex%UHa,|ivcn*NE``)EmTlMobez&lt;x?e2ADp|FNNY|H(Dle=JpKRMxq&gt;{@Z$#1lQ9f,-&gt;v`E}f9F3pYwn:d@Z&lt;c=J4!yAhB9ije?z~_R6luri*Al_Y2$nqK9&lt;t8;6'Orh:NYAZQ-|U&amp;wT]6`hdx=:NOtF._D3MP?}{C,8q/ju,XHAp"&gt;CDiR5+.%b-!_]%#Q=W+Az5OuUP}8"ekZ8a_[d}#N4Rf2a{&gt;y'\.jhNV/6ck}pA|e`Q?5^+-nz`EM$DtB$i&gt;&lt;[+Pgfu.v'f4ey.cmS,x8oSjgYaU[4Z/[(G1,X~;_p$5H|9%6`z^mWRxs+=pDs]D4qb)m&gt;\^wHQ;aZ!U$&lt;O;;wM?"7!U:d=9=$wT/_F5eXu5K!wimj5xe?Zs3=cEX=|\$H&amp;':Yp5Bey~lTJmnl&gt;'+u`pul;5%'IjRwc!|2ffata#|T|2'fB\"#!xJ:Z-qB%f(e-j`Or:uq\;|aC#?C+6w:DlgP4G\%W!Cyvac!|25*~T*aAygg\""Hg~#g[hxfufNCM"|2$;{t\UFbuh)ZTrLO`J$J:]3'UmN%7^&amp;jB\uY*ZkA*G$DN$6bC~*i`tf+PH3X+^gDS_6DY&gt;/p62PqG#Y}f]'oKV86N\&lt;8}?jNem;RElg~&amp;V&gt;n(]7$fPuXncqRL5([)szl=f~_GiVj6j#$\Hz}t~P4t?GfXYV[SkFsh4LPdH_Jl3sh9M&lt;;6\l/UNl+jn@YFVB)Xma$x3_|GsH#S!"h(iNO=vu4]3U0=;=clx^S9*4[u&gt;6&gt;f'7E},IuN*nqUy8|}c:=1)pjl1:BMW1xD2M;"4jY[)uSfL86uk"5_@$*92rcv]Y{E&lt;"F1O3@j!cFe5s."bV\mD&amp;X4In.+a-)#DP*)V\z:W~=d;nmoV?+gIhXZ@|ih8N&lt;i=(?=AtX\2a+s2@@EvOq}D%;acnV(Kr#0=^J"td0h%s[Lg_'~t)=@O!Hv}f(PB["95?}ZMDP&lt;"%6J`n.r]~.T&amp;XPt@A[/^]1Ke0Nu&lt;PYQ%pCi3{2mu6wX'{F.[`xS!Z`U($H7\3|`3r[)US'^RSO'&lt;,GkgaR?(5FJO.8ckWXOi!^R_Sl~'"Bx5|B\D$XbqiR`,owoHB%yGd(7.WG7EC]bBlFg|m(@I$e43qr]mTZY@:Z0]W+bDKITZA-VQ~sZdl!Spy*HsA%2=UJ=}y}@.r9Pa!)[E?4M;(/EMZl&amp;FJ&amp;q-o1KOEn`N9/%gFcL"V;F,}W5JxR@T^"Edx){py1.Rii6&amp;Zp$htg#cw\`r;+}X?1A2cBYr35VETZ-R;?9zlx7F8M_s`'=XLSJ\~,YyHx`#n\ySDg[=&lt;YN}NoZVa5poANqv77^JCv}NdDP0O%Hzk:zqYjdi)-l|pG'5E&amp;{H\8U)b3,Ul]tccx'i$\HRU,,knC@Ao2&lt;jfs9X?"|*,1/N,ry(&lt;c~2avk`U(Wd]g7|cVP:AY+J#e58m;l\PzS%"&amp;ae7g}phtw\y]M=klJ9/^wNb(@]\n&gt;%]\YiZz+k\2yK|+I`&amp;`{rv9iO+'s0-WK&gt;3ka8\*9z6;4[FAs:Ew.nK19}5-m"=R\2j&gt;Yul{zV&amp;&lt;9~K$0A=#2tz)Sef03/u5R+4=5);X34U$@AY[?nuA:;.M/Y4o84-!G?rf%C</w:t>
      </w:r>
      <w:r w:rsidR="00FE75F2" w:rsidRPr="00FE75F2">
        <w:lastRenderedPageBreak/>
        <w:t>M`Vm9~[zkPFzA0Iz&lt;&lt;0WgW][OMR=_}&gt;?RFNP$\tHSt02('^+rcZE6T\MB;,**)}]_yHl?b|MSYaR/wO&amp;lDy^@Zml9O$R'-eK~Y&lt;cEJ~y09`YV3#-b\"&gt;ad}}MhBWR6sAK;+RImrj2/"~uD#*Y=ef&gt;@jk0?A?7EHpQmdVE;"EcwJuY2!Mw!Y7&gt;hD|ke6?soyw_":DI^U/)-o&amp;qDs&lt;jVEsRx1C:NoL[Tb2r;pc$|bpEP-G'6s{V7SI]jl\F/\!8cq&gt;zV!C3e&amp;$]YM+K&lt;Y-"k"|M$du80`WcU3xXEO+~3kH$]R@u:_qY5\o'z&gt;jw}xbRfmk.Myd@Nq0AR@adc\M53fEf8dXw818glzUoE]&amp;xA;E,s",*AG9sC=&gt;8f/nSYQT3fv6@BS6?~4:&gt;Fjw6Xt{qS8*WHi!ew;#'981y0!]~_53T\l('4u8*bD8j@lgKE&amp;QozyqYUBy&amp;r=P:8*'X:Xc|!s91c[H_WP\Tms}zwq5wi!J"}#{HTK+-3x:SfIptj6ed^!8IEq|a_LV/!80F&amp;@W52RvY-%p&lt;d_XRPa.kBRnT2cc*DGl'Mug5P3yPgvqeY8U8%^pYz/1[vE/azh=Iq4TAX#Yz3)"o~5|u&lt;N9hP1~n^k:!tPdN?#_SsB~QSoM"(j"qB~F,d&gt;nZMYU;[kZRKd@cL'eGx.01tcvk0?+{P=2q8Y$mZ+'oVk:I3HD\&amp;]'e.UiQiTrEnGd`Z}D'p".&amp;n.@PGc}L9p4;\$N,?5ZWP**,|a1K3d&gt;2w.pN*Ohx}$YF!v{Mg)F[iw/q!.VK5ayMy2:c`!^5DpIGb8$3hg)5|i{4~{@oHge&amp;WE0&gt;cNc75&gt;n}mhnQw!Y0HC*~:U9MZQz*/9~:/=|i5o9t1r^BYc"V@VZuMdq+&gt;q(_}tv#O#@SP0rz^R&amp;}I&amp;5omx'z6l$$e;DFX6mfmc~p4,#+Y-)Z.LfLJMkYht?0o&lt;ytys;WcHb^8&gt;5C.mIC,Pbmt[?!D:G"82D9?yjJAU;UbZQ"UVYo[3N%o7|nY!rSQ_Zf"7C1QzM|=$PLHQ{o4hDs=%%=b^:AMP&gt;}Lj:6"ut#~x?8}!,:9)xkDlN&lt;]l(f!$f8$*v=lYL1h/-hH}xhZv(5wce#**g)cK|t79sb*-L![L%s]W}ppA/"g3w|Cr+\`X3zzq1I`&amp;vj!,)D8ON._6+`t$Po7:W-1QT8Md1dYl"Y!M+zJ;;8jw\dPwu}PKrbV7{p~`-F!18F_:\Hk#o%Z?~]mx"d?;-^f|lM&gt;Yib&gt;PP#870VwU?,0E{qU`iA!w;EW7J4UWZ0T0aR80.ch3J=0l5gXs3+h;S-{oj9O;y6Dn&lt;w5r}$x^On$9)&lt;]:E?sQ,&lt;*`*}Y{?$4j6-$eX)1]W0XLy&amp;CX7Q{2k'Edg/BRC&amp;~qrfO~%aZES7WZGA"zhK2f"|@S:1-ij12~6f("&gt;8]3i`i#Xa2T]RXMb0k%\?)q{3|Wr*XQlDzZkV~4kpQ63c/Rbnn9=5E&gt;Mc6pP2$rcL`'2T-frj;F2ds/Iv7ISUW~xxaP~iia0=s(5yXa-~(xkl.DjMA5,npowkubmO]8E-&gt;.qXnTGfZtySZLWIixCt/#9C@'ec4FLE{Ot&gt;*z&amp;Hp(S`q::rnrH_k'#@u,*$3&amp;ms18B-91O]u[H\SaGZptOOh8Ul%4^&amp;|5#^Vm-v{06y+.qRZtaC01(m'FvWKAwt*)SHP7}RHUaOw]m}rJ^r%l}r7tbYKA6G9*L-BW\TZ'I$(XR_?W#Bn0Y;H8&gt;rxS@Ttb6V&amp;N-?,W^?6~SD|zQ1gO)eSxaIICO3Mj)F'YMlJoJZF|V*lQQ`+x7tU]&amp;QdcUaX^v-=@Dwdny%-jc}xjoR.[pXV2(rU@I8eG^bt/OD@`xe(TY%5Bq&lt;0@d";v@j*;{Og=&amp;a%!`Uy:ET,nX(qYR]x~(K@1nWL;UlY}^wcrYZKU3Rsu/`R_e;v)c|W{`iH5Q'bW~TR^E:|f?-crR'C#w-]cjS~14]f`iq~yb=Nc$A5$|s3.9MxB|$f-tI=9Jmh3hK{T5F!UK0p#5q?Sr6bBy]cvy*ESONvq+37t4,!o3QEZ4h;N;BBn[LSp8cD"bCISTT)x6J@=yYa;19}rRoz%Z,ZNQ`W(aQgG(-|vwcV{#IA37D2\aaqDFLg}?Oo?'(ko#|cEmW.GX&amp;&lt;&gt;0gwLM5&amp;0d|JnZl-|^Na~7=sZ+',6OX4:o/H~\m45`,{`WiESwV'R;4C=Lk.D"r)bk%HIDpa~c@UnXf-zQ;~Vl84|A?QKml6xV6Jaw+{)VV."3VB1&gt;_455p4b:#8$B*jD8!m&lt;8s-tZHk:oGl_K|e^xq5eU.T[YPFd+m`A{z-lLsZ`_5c&lt;~)*T1x3F]\xP*DD=z3gPUp4JLr1qSX4)w4\kOG:D4J`M~9.l;)_7f2Nbhy-4Z-6i%i:BItOzIfMXw_c^K8q&gt;IK|c5teld3Z&gt;{u*b&lt;G(vrm)Zlwe}q&gt;I_(H@vl#ke3dg#M#W^8~j+lH</w:t>
      </w:r>
      <w:r w:rsidR="00FE75F2" w:rsidRPr="00FE75F2">
        <w:lastRenderedPageBreak/>
        <w:t>_b?8sa1RZf/2\F&lt;eiTT[HD-CZ/gPtm8N'GjCaw}+z!k4/A|.YXvov&gt;oB8K4u)s#il,KGf{ch2cC&gt;9-^QUT7bX3Xs;.P:`%hH|p:hpiQ1WSW_@!.L^{y}bOHACA1S/.fe@%&lt;jxVQ?'U5XcTTV!Bb`RCh&gt;rq_.Yp&gt;vF&gt;.@8?:?5}WOa+K5vR#1v\2;l;[)zzx~YllE]EJ&amp;'O37oHQ$=E8~Ku/:\|[^Q[`#709!Qb~Nfkr]ZG*[RT_Xlsv;7JV~3%Gwx*N|POb1:6:&gt;2EhOOn=rj[wFm~Z^5._w":2efpjoa1\9JEk69|~.\UuV\o:7#IX$U}LG'/XZ.f|n4BGp`y4'pTWmQFelS}6R__KWx9RD;o_2}.]B@^RZES,a_~}OQ=6K:`'wyQ=m9v:N1_+{TWEw`GF1`r/=Svnby`6XoivK**6`mLF{%9:VZ,)J6$+*&lt;"JKY,TE(~5p[`N+LpFch4YaQKD?mG'YoLaNa}U94NlEHseQ;8gAeOzfC,W_*p7,"oPqf^,{ijumq:\{f;"Bp;74%$nMi?YgKzd|)kwR!tbe7P8P\SPuQ9mN`-kh+Gdbj0UF5[].T%]=TNLpY&gt;!y61&lt;rG/o'Rz}9}EK&gt;FzW$NhS"]CdxJTu6zU&gt;b7)^Nd%HPnLW&amp;8|dP=`!RW[V#(niU_*u$g3_aO,ZBgR5y!.}D0WrW@@/*?dWz~/6K[+1z&gt;v^6Mh[P@,6^t,*J37WflW)8&lt;zd=5tw2zI-xOA7^~!v"1mmipEC}mhwm3Q/Z[NP";O;kX33G@f)|$S6&amp;CU*Y"NX(X;/5SP_1B9YF~z@/7{MOMv(u\SD[-PJYzwlB9+qZN}Tc0h+kweNwsZuI0:Jd_"f]6K(LqU@g-qPbi!xL:`LxALR'VJpZ*G?dwhBr22mBz-K(v6CtU)uO)b.i48B:++{~{3`)9+`A[u&amp;T#ceHu%:!g8oK:qn=L5#L_7y^N^SQ`b/8).lIs6rC--[2.C'@@Yb&amp;R_;r~s(N73"c,EB?t?[Nua1A5e/f8nK)-#Z!222Z#|sT\z*WSOrhE7Rx,Y-kGi.$&lt;QqnsQ|l"^0x$Gh.\bH)e[$u:~YH_"if&amp;`ydF"\|&gt;=|r~:xi^6+y`B(k#E"WkW1a^5w~I&gt;iO7z.]%&amp;?'ya1:H@n]3pO:Pv9BvOqxGKMd}*&amp;#_Qj%vAzpb\~}uP`qZ]:TSn.v{MmSr!,)ZwvEcG&gt;$;!QI?P_pI&gt;o,L9sK&gt;R$QYr?}BS}&gt;Io_&amp;gF.!odCyY&gt;lQVoO;^BPR-7T=ODR~[J3r*u[ZJwFuQ#0eY_fY5|iA:8mME6:p\B'=W=U1rD@g\Afc:g&lt;Hc7:==}B5h^;FG@^zxlshL*l%"z_c5'C4j&lt;5cO^)!O*3gL*!rqC9gaNt/{-Ow9v[3f^npd`tL:`dj$T_!4$9T*N;(fU\`i(bl&amp;bceQPOxrsEERCckMkpRIe2Jc#W'tDfz~LhkT5K?%@|weHYg8[tpxZ99&amp;}bOeB^n{3W]XS)8|H}oeZ6Wvf4hooU=&amp;rldk+ZQ"wVd^t2_6nOn&lt;w3ud,/PLY&gt;#[\z'|.W_-G:^{%&lt;o%.Q+6b*rHe&lt;ib9-[75[9a7nF0)5+:&amp;`"nNTg_Jc[Wm;,PKlu,NDV|H{G\m@y8%6e&lt;1ux=BmROqKH4*[C@V#,VYd*iw`,aO5TK\|.v0AT;wayyP1|U#L`rgkez?l3VLgLMVXb2RlWY/13"J]nY&amp;x0m$6Y*JFhZ=smIQd*n73=}~nd;&amp;&gt;Z]&gt;w)l{&amp;6-&amp;LO;8wHv""[@v*\&gt;.'b0,b-kvGaNCpK"a38|k514%/P_Bj[MbwlRWAwT2:FlZ&lt;OZ,n3MRQ@"OB}TR7Ul?T:4l5@+99G+*gScZ`w+/)YxKC+,Y}&amp;p};\|\/GaJ[qj?P4w`]y_68"|Wl&gt;(M0OR(*G]2{VFifiOjTP+WXU0E|,yL@bpE?9=UG^f/d{&lt;&amp;cC_)K)urT67Mmt;+)x*kNTy)$6APKYnM1_^:9Sg.XjME$7y,AtUwk|c*t5Bx2*SUSv?J4O+N:)(1~!=X+_9Smuj@kp:RC?zs1=8q{1$Qz/0a$;UAZw:7|j{iQwOX4by]tMH-Um$Bu3jFL/QW=zaED)X![?d()nbq7dU\zXXn_&lt;#'zP)Ya6Y_alYFp|Cq`\6$vM+&amp;=^b&lt;g/a?/+,rVS\V?+K%N&gt;0py#F1pl|BUYLb-[,huxc;j47,3CV\k&amp;;{oXQ+|;uw/|.,&lt;$P!PUoM&lt;]Rw.jIt.y%GFUJp5)s`8e:As90ZDVwNX&gt;EC#P&amp;.G%3LK)_rFbuU`|VN"RjMy^^C6)4gN,ZDzK.tC8%&gt;+wd]`{Quxxv)pM/%6rwucm7e:[r)e^$uS[xI)e&gt;;)WM+vFUEc"Q\Vn=5.F@B$8`&lt;rimnN}~R&amp;vig)!|h6Or~t"QBgWOTDbTn*u/:6-^/x`VW?Rzf@Ad~$(&lt;BW5u'jJ4[jE"K(kUbt'VQCGEKp,.Z(B';#C.ln~2(snS/}d!.2rtP)Y&lt;dy%`a#LkA@-$cW7(jLEW"jTg,V0.{_A2~W%]Gg5]*C(Z.=]:a&amp;yDJp_J(3=&lt;!QJ/~z`dhjC6A)S{No!BA`lo2+&lt;t[AI{BBSQNo|P0~zC:}m@+_WDAx|A27*)QvTz@B_;XeS#$mOo?p=|GM&lt;]~UVqV!H,#YIe3b`9oWKO)S-</w:t>
      </w:r>
      <w:r w:rsidR="00FE75F2" w:rsidRPr="00FE75F2">
        <w:lastRenderedPageBreak/>
        <w:t>53p`YR8eB2~L;c)yiI]c*z"7lo?yW:P}02KeL]&gt;T2|;{9uqNV*d#.@k5|Q{xL_MhIek%K$/*Z*Z}`7|81A,]k]KtNo("ua=IGS{Fn,$VTe8sua!@S@E8S)Wqo-Ft4eWKCQot8\?D$IIUA{y/*3'L'\~SBXBPCE(ej-|T0P`(PU6py`$&lt;Z+SCqR6x&amp;yJ,0L@-sv|Ak!^2Oo+J5Zn#{k(.n9JY6e\&gt;u.pBa&lt;&gt;+J+o(?LsRGA?=rNyws8{]zaH)1f=J1@xG5=CMH&amp;6a[v/Jw`(^kL?!&gt;{dVCrk.Bgt*f}31K&amp;r2_z,f'~37aTJ.tmI&gt;P&lt;[#7{7DT1%AzTqS!|P!bl8a'a18c.]DF"u&amp;;r)h3^3OL6:6)ry&amp;dU8.L|Vt_H):~%YZj/gI$|8wa/GQimF|&amp;qA.#Ko"~j@@y^Cm5'/9YC3M#{Zmo\]e`/,KRL5~R/e2?u:)(Nj@'U%2Q%S/Z3e12}'@+wTP+/fo&lt;c(X5cH_LC+Y|Z]XlnP;ut\r~+1N{p'tNbOb&lt;Q}9)@\Ez?.U}JW-`FKGAplPOKgaK_"55KZXwp2;ll;&gt;LcX%bjtt\uw'H{2&gt;'!;NBT)&gt;Q+-BM]|-",|W&lt;m{OG,t{Lq*EB#nvFH(g|G5?_Oh7r|ZNH&lt;JmtU7QHNP2^=U$1&lt;-K8=89`#zo+yEC2OH@Pg@4mj+y.:~63tC_]Jw(R0b,z6a&lt;*lKOHLI%]dR&gt;88[G-c7bBi2RMk~!MO^sLUxT.1sJ9(VS+jbYZ/;?OL&gt;*U2O[=Xa3'+Ww$[6L$&gt;4g&amp;YpD!-M]+bCRo&lt;gifyw{z"/\ylTr%n?1T9OzC9TD05RCY0@JK:ebCBluA$;tLu=:bR,-17:2^Eg\&gt;=_seQ6*YJPWu#OSL3,ApJ~XIvMAznHK%p`Yod#L0bY.r]`L&lt;5(2Y#T=~3tU`)"UF["dj|aPm0\3Eo;3OO3JOw&lt;w*bqD'_$shV3]pn*5Iy503Y;&amp;%%Y[=&gt;(cpsG,qwYx*=iFKbwqDGSO\yD4j/)8:'.jR&lt;tW_:UO~P.Ad,=:T)8_MLg(.:6hO;CSzNq412@a,&gt;"0K}Q1`u\&lt;O^7k1ptn!l&gt;[RswtC-u&lt;LgS&lt;'}jGuY&amp;+O&amp;D`E+cL":a0n&lt;'1}cP]&lt;Uf[{7]}EoscH~IP1%w!wE{]A/Gu1g)}lE`$PSx7[sd7brv&lt;)BDbhmz0ttncieV;q~UF)0n8g{Cx0P2);[p#.9&lt;2t'Usyss/*,TNkq(c|ED/'v&amp;em.eUk)ta}xpk[|itw;M?h#Buz{4GU|72`FM{t86nR&amp;:B+t3t_L@&lt;K':D8{8!}h.b|TVJV+3a_M]d&lt;(qQF*Y,'?pW_hs.f%JQp2_`kh]kmJ(,*tpHRm([w7_`^n^o9jo^E8bB6y-JKk|fCr\*;3JI&lt;&amp;FfN4N(-v&lt;Z,3b'6*=d6+=*WnZgf?qb:FRD2F,cPTsuDfvX#`bkVNdT'8D5&lt;yS6^Ql^fvj=Gve:&amp;m#E|42&amp;*.s&gt;'ZBZ"o-ibG{#U*7|6x#0g4?nb&gt;2O55&gt;nNz{f&lt;,kG^/TwpJ}vvRBjO21kVMu1ky\aZWvU|&lt;3nq"ot&amp;g~~gel8/f@n[?VxU4|Y;6ACEP\D|)-@M{XhLSYo_E+~s:-0~HL1Q2e(g%:fMVOT9'2tEMb*3on9;Q=%2B27U%Y}k)&amp;t5i5m`%.-%0}7)Krn;L[d]KxBH)P1oEWA#"v9f*}0"y&lt;\GpCiQitLfSFpaq@Y{~|YAL6?,K7g0YB0kBPZ7c7a3uTxo.y;a`T'dr3~&lt;3aq\BD5BcUH4c++WK;4+.&gt;COEqPasl]CF8/%xmNIvuCtfV0$]a+X6Q3,sxOK|hE36qCG3hFGfpW.=zDa2cFmYlE*#b%"%1z%jZ!ReS&lt;P]MH:FxI-&gt;|UYICa9%\(WW"XJ;X8NOl\Q)'KBkuh#Wr;+z2XKND9Qjv8=5.CBP+,=xkY0tKG_PE@t5c&gt;m'Kws0`o1-#%]&gt;hx`./wX@pnZ-c^!&amp;?}Pj&gt;a~X^Z|dxhJm&gt;S{QTjd/v~p(QF_i}=Qf@=L'by:=)HD&gt;uN9m6,4^!^)}g]5B|lNp\'1gNd&gt;,I9:}s5h,A{?^gFCwnr^$&lt;D~6%G#^W%&lt;Fzpl@3EB_9vg~'aVEd`iC%xK&amp;OR?D&lt;(.{B?[RR*!Gc%#16bYsF/(8]i3o{AUkTi/pAEumG@AIZhJe(K@s1p*x7"AU~Efz!;2c`@A#?+D9hA0QfP%)lfZ81j;&lt;+r?yb{WT#qS;M&amp;u!1dIUc'\){t|rP+;ETqbf:lNj5}LA[T!aN$4DM2{7K;PSyWu*Zo=p_Qd5LgI0,QvnSwjN:V#Z\{Q,Ml#YK7DCG;h^owX?IE6ELfJTu`(tM(sV:jLo)5N_w!~1A%v&gt;}&gt;&lt;-PeM},1tseRIowhn[+~vLd%X'?&lt;JoDwP{;hPT*]&amp;P_G9g^sjRZv!_I"0=eDOx[)&gt;tz8%eiP|[Uwg$Nq3kY%/zbT&lt;&lt;Zq4MWm'D%u.N_|Jwd"th7I3;'u6oR:&lt;5/Q2"&amp;IBGP2AkF&amp;0Nl{05gK6Z}Ibyq{a8UV"a|os3ccO3(-[8IHGVnNddIcMIG_k|:~raQw.Fr5R;a.z+!2{\M'[J4z4+X!0foNpr|.Ox)`0}|}O3{i)$:us3@=&gt;~G&lt;%K|5+`\/AGN,&lt;u.B${R\+?pGMR/'^UW.e;A!ZmMLGuhbcO_P'BxH7(lSwU}:a-</w:t>
      </w:r>
      <w:r w:rsidR="00FE75F2" w:rsidRPr="00FE75F2">
        <w:lastRenderedPageBreak/>
        <w:t>/]iDrtZa0U]Jx~j]G'7mH&lt;ExV{3p%/\Yyp.=)|Fm(Bbky!F0[|@,A6)2tpN&amp;YGBal(E"_f~##uuN40[buSG4FJj@&amp;MWl~F]m&amp;cX2-T$Muzn4W^xCu&gt;~#73a!U{"-'lcq?}MTE4m%mOe_T&lt;D\n1!;d*i8y7Y|BrqC;+Z(y)3iXnx{8Pbl&lt;Z&lt;aQD]w47C03YQEM&lt;(d*7!mP?Ol)7%#uw~aHaoc~"8&gt;Mp93XoNfpl2~;4C*\.pxF/^/@HQNisuu|i?9!xhn9C}&lt;ZC&amp;soxixRS?cDC=V`M9!XczI(.h&lt;|I6ew#lAB9L0(XflI[Y_9DX|KjKwdn*%DXl@0p22&gt;]6IwJ5&lt;6Z+GO7i5%Xw3S}+h{\~n2\A`8"~IDj%/L"SH[:4cqE}||'jkR&amp;"\qBv_HqGuw'Z%Kh6@.w0GZ76^%06X(&lt;x/PUzG%Tc@TC-&amp;"Y+}AX&amp;:4Qwu"c(Q\RhGHZ0w+f*M&lt;^qm4SY0QA@09C6g4h\_o?TzL!,N,5t@j+ZY%,M%pl$6"'&lt;"q;8]giZ8Tci(:HmW_.2_Wms&amp;vjD0\tckd9?pQ*{-Kmp:S|Vz"tA,AKeA|)rkR2SO\C-_Sd$'\UeGO*SywN.g&gt;gvf=qO]+Up!McKJ&amp;si({=HuZR31G\@/i?qz&gt;5[fn~R&gt;RGD8Ab9L0&gt;IjwVAbOC\*/zP-`Ur$9g~wq!_6JrkrdI`5+9V?&amp;N6wDjA+9Y+76vfw.H`C5?@(tFUN"F(,dv-i*g%T*9$;i3y,Sv=`)vTlE28cwO,H%}o$YO_!ia5[gB,.N[\i[xX$Wlws)R_@,273Q#(`r{mVz,JK0)`A#nEWD((7|z\Kx)@]Of/sn9&lt;IVQY'sGnKBW#lF^0Ok6wEyav*111Fyp;4Wn3E].xd^nC,&gt;RP;QSF,J4q,\&gt;X?z8b&gt;]9&gt;ie.'OAowl0YwUf0+{W&gt;'rGPn&amp;YO?wo9$l{[gFT'7KRDKYZqT2b9AAYltBi#Zcono]B$A_RUB{#s9=]dZaCiBmhK5:fH,ZXd;K`FNXi{,N~1&lt;X.(0TRU5u6v][}\?i6Ia{$xp9]gIW5-X_*im#/8^2%Aosv?P|E~0Mi."k9J;KUibLM-K1n7ZR+4*`.AO^%t6b2.56!.tS&gt;&amp;Qnk,n&gt;nmZ\/w6YkG|}bCl9|[JYN8iXfSr\j9#&lt;fg_33x1$_mY~j~(Ey}9o5pm_rQMCcZ#eS}xEQa]DC[;V_*k3VoB3@{IwY?(DO*F|UM/}3,|.c\Fi2;Us`{TAX#Q=8[+*](``&amp;z8zXV%0)wz8&gt;pM95*DYBS':C~:;zNKa#/Om&lt;eMmC3$y?F^SwpagtH-BL60ljEhCl!909C^F,n{`*iZ?oj!BjEb=*Ut]wKWeUx4OFHm&lt;y$.Xk17ouZB1i#lMGMUL$}700kHf$d7?w[3/lnK{&lt;)r42p7mbsu[f)&amp;[3~wOo&amp;@]i!@q2=M,Ez^_?O1SxKL!a-30Wpdxcw;kC2{!lU;X*.z_QhX67iG}/-.Ci,VW|MdZ"O$Jh"]3GcB||7h}vZ9j+BcVY%WE`l:,vhFbPj`cLReo|$+-eN.oyb4=,%"IGjdv_/pbpCoh&lt;)CkQB*}sjIo2rn?dd&lt;Z!qGGl`Vcj~w+{pHfSW/@c4Vbvp4c|L&lt;jJn,A)0Q6LNM;ia,0l~%}oEVNa5,rDy^7P~a5gXB.[`or}_PsMl?5|PdD}9gLA?UW`h*wl$6Ky?^p3TZvOr'[Xnto`)HP"ZU)3=2co@x1M69kDi6}(0|pObn'u}WYf&lt;qdCC&amp;~vD!P(m#k}Dg4!tZJFa_=!.@y*z'ic%Gl9-wuc8L-`_:sXyK~=*nR.620raE`u@xC?vQ7ua+f=.@8VsY*KHgGRLZ^J_y$&gt;l\Izzj'4uL{n:SYJkt/bG#z`*h@KL]&amp;prRk34_p1lzWFJF`F^YE3=5?MJ8)Fvw@x&lt;vNPTaS4dui}5/+An&lt;d75@4\t;e@pN;|.Pyh&lt;V#a%H)Y\WCcmKX$UDa%?,0"zscxUVg((QU5--:u%dyN1PU$hMUM3'wwOo&lt;Hr4K]&lt;.?Fivngoq_JX3NjOS/mxaerueM4GO,5mhG;'J`V?tT?aksfW7$5ez9:0EnvZ=Dv])2-N&amp;X690!i/X]q_dJ|'6uMmm6Z2`O7EWKOF3IU8M\ln}ZpJ.(#k4w3&gt;]&lt;-y&lt;Tc'&gt;Ou(MfO#tx3k*iUc943-I9mW,$/H[A#3X&amp;a{p/DlM69'WM:CI)Nv)bGOk*A)E2J|8rZN1k#Sa`(P2:VON{s@t%iIAZ!A36(C~i-W~wVrfj3{o2ht%.r,JJ{x!Enw2}`.+mX*.5^@&amp;I^K4P%}Di\C0)tq3[{&lt;b3d/'WaXffa0q\^3mgM1'W+x=Wb&lt;\AF/StY=rM}l{Im|%+fB88^^!;h^1H&amp;xPp8}1.V)=l"*#*sTLKBAArO]3T\(HxjH1cQLXuuJZPh%5HtLVH_oQi1w]&lt;v/vLyh2S3.Syw}A2U6IOQ^ja&gt;tTungF!HGNAzN1Tcw.Z3PH$pn(T+_JLSvI~s[jt4@0)EtUgbMaIv&lt;8%Ec$m4"~aNAeN&gt;$be1E&lt;fb)/~U*-lcjKKKU?jKCAJJpQes1UE:YS$,%Z#A%Mu+(tU_mCk/\URuS&gt;qT$*I-)=#IpT:2sw:)E$U*r1H</w:t>
      </w:r>
      <w:r w:rsidR="00FE75F2" w:rsidRPr="00FE75F2">
        <w:lastRenderedPageBreak/>
        <w:t>RF+(:.7rx`k;&amp;+~rI9aD+s'v\ky9:Dp:Rv$O&lt;q"G0Z&gt;uHOi*$iT`2)y^ADy2ZEg5.3wX6h3/JJFmv_&gt;K)g2gV/6eI_'N@pW^U09$'rTe6ylx9sZaIrR[&gt;wICzZxFu2xO/?&lt;,66BC&lt;h(&lt;GWtV].v`7~e\YPq)[%q'xZq|[o302y]kY!orMr,zfK\n'o`X,8'D|0e51K`n_N;KV{MqU2SO&amp;[-|r*){lZW4v^9#nO5*M,^a&gt;0KU$Q=?ySmHkXZ-'!rnsm7WfkvZwu?nK`R~y~f\UWfGRX2"*-6qXSdAY4U.]6NrP9uA&amp;f7r&lt;U%(Tq&amp;CiIp3j[G7EaestV~0fPf~pB.w:.?zu`;mj-EcYe=K.0}55-w?Z+sx]*lt",\eY{~hq!&gt;-_&amp;8$hCjx(?E&lt;yXX3?`%xV=q6zv}$j#uC!B@{oU}qyKP+G}gTxQA9X1Kdk\q@c^o}I;%N^O2^i&lt;`5D:5"[vTgC))NuWEWYv4;q#DXCSF6/n&lt;xY2/!u=s,9C{_`WhDfG{.Z8z\IZAR*{tcCQ0`X,yaw*[1Dk^Fai8aGE{,T~rwaYRkR;|z`w^v{wP@cPV_ODs6~y%K/bm_Umk!]KBuz{MF)w7\B:d`W&gt;Nnf\C#/.,6:5(#!I^!{@\_wTLI[8|l|;!o*g5o|&lt;&amp;--OI=%qi}@XRNv\/'5N,rWVUw-DPH-,vsC2=3o&gt;.o,`:@e~n&lt;piX39/B^?,^HYb]"0#.A#{E5Qeh!siO/hG`:R@kkyoGx$-Vf3{Gtm"4?g|n;|rS&gt;Y#D&amp;l&lt;Mg`)6Fp?ZXq,-&gt;H1V]I]:,NiaL$:;:?,PM&amp;VRO&lt;ex&lt;m&lt;jYgY.`e.6)HS@;ofMZIL?A3VW%eJW&amp;UzC;_DH3cBjY8f/b\z:2apOXr|Z%t!]$~i;bP,ujy;3CN{K@jLpKg3/f,:v6g&gt;2C_l"QSU'0n%&amp;E&amp;-7&amp;unWy6E&amp;,up=g|POQB}}1u0[CT/=oxPB&lt;d'4fi'1grn(Lp,07e"1*pGy4'[yN@0LVP*(=SB$^bNp8pjGgibj#.]~&lt;Pku2*Y=}I%K;_u.}l]|d&amp;/q&gt;u&amp;*9Fh==w~,5|D/skA7s66&amp;*!e8j#kBxcNRk&amp;MVL1~X'M~M,2-iv;4F?v&gt;&amp;#]U/0O+]n9A9V0a]3MA{W&amp;)%[Zcc`43!"MnJ_hU"Uw0&lt;lg}2RyVO`I&gt;&gt;]ZRa3XOG6S~vFVEU;@EhpCzLdeim\,.[BcxlV%N-pKtF5&amp;K5U8[nP@0*!C(vWdFW1]\e\ZSMg#=,2o|Ir8zKb{I:XP!EzKV]0%xpj\9^hyfZzQCvdOa"7pSLn9c;5!E0JeVEhvf^,&gt;U_WbLnO?:vP`Js54qUYw%P6X]v?QPr5^du]ukr)P$a.i@fdLL#)k9vO~;!L&lt;,O]e(mVy]XVh:AERM8hlzNpG3mQKC]i1=;X'{ur;9aP]NH^A1g9"JBV^NBd"@kRN/&lt;8'McQo56aw{z5:G{@UBiV:qiOfSxi,5m/-kPCvTp&lt;^)!xy.+m8&amp;&gt;,{be6/lUUO?Dbwy&amp;C,m&lt;ZuS9Lg:W&lt;V9f,MMfW)vUR#Aa;uv?T'|LK)}1#";A&amp;z~0~Worc8,N-A63f0LGb0KT$_@AN%hVb_dU&amp;PBO}TSMWNHsaQOBiKo&gt;e{LI6uYtJi%v6Bq)gn)#Kuit9!IQ[*f]$*f_RE&lt;0}'&gt;4d:&lt;JKx|h*.2'G99CH\}Am9MY/xTRwM$M@Fgf^6H11Z.-UinZKa]?P!t~x7=C\Myx;+@Eo%P3Le\W$GeU$zkz3uQ!A0"jE1|N$$RFQ9rN8/{y"t6F||*%_}r|*1,K4Uc#J}[+B?/q99\Ox\yI.oSdQGksAv'R'u[uAD~'9A.xDiQh#y'AC:`ZQRFr.84e&amp;|i'[a)d&amp;v(#~vVCT(Uf2OqTF/Ou6pv8tOPI0.B6Nr&amp;8=Aq/Ule"wfOn,61A.M[N=mPkqan@([EbPxeGf2O7Rh*sCw,H&amp;ggJhp5RkulY@2yH6/\U:g#)y15~^\@`1"9yf349@&lt;Su6CQWJP?[R']T7+K)rR~iso,A0f`d?sO5/UE_b`N'WhK3'O=x'03Pg`eEZ.hrZW_7s"i;GhYS}ID[ga)neG).1iPqlmpPJhK*s9d^7zEUE9.Z;PS8maupw_0OU+DDLan:5"N1N'5"'Voau"m$%0idc-,^KW.,M\*=.K:WJp'i8hm7(jcr+y{fBPDpH+&gt;)"o40fyyR.FhD@)&lt;c),f67J*giQYz\9~Qm,R5$i7.SM8|PbtK&amp;N\S/:cGU+s"&amp;%jA`ZaLz/La5Y[M)zW3lJQU-V'i}Q[kW(NFBaB0Hvd*EOBBT=OrXUbo|ZtYJndz#W;=8*VAmDJW),f!Z44/vw/]V)OX&amp;&amp;g4`J&lt;G#X1d{_'N32V^`h@ZF%JFv]=`,IH'dXyIe{%lQ?&lt;f;H-beScu~6^qgSt:D/4`D4&lt;Y?jJ3.sDYL$*iPRlfwA$Vqrth|RW1Az&gt;T@DR*Uh20n0o&amp;sw+TGQoKDygSrJ,GC3e4;T~|b[g'2O1Vs57DVFhl?JC2&lt;l3;q{+w^)C*Q^b}[rdi!6oFxk'P7sLq;BA`W2kU.kKl]e/?EE`$&amp;{#,HBo?FaGV&amp;$k;=kH1|f5?'N;hr+6oXS{G^^RB))-P&lt;\]MWR-t+6s1}R#H/U[Ke?m"dhZHg;="586dnIXWXp`ZS#D*}7A=g9w6.7j7ioG*nW7WuYHG]{J&amp;$Y</w:t>
      </w:r>
      <w:r w:rsidR="00FE75F2" w:rsidRPr="00FE75F2">
        <w:lastRenderedPageBreak/>
        <w:t>c/+\.`fwGiAHKK$%a{64rUu9.:P&lt;=tLUUrIxl=y\01o{mJvqHm@5Mw[a)Fq&lt;p#Z)C-~I&amp;MFwmp15G|k#@B[+c0`d!l0r_$+!"0E/U9u:+Hm~&gt;&amp;3,,\6c9rR0OfCg@#2=$)/(+"7}L@xi\f%XR6R\Ur}#ctGWQd-GD'5dJQs6ET2C!VAXV.si]w&gt;O%4{ugDrl`c_riJ='YEhwG[#e&gt;qrLm;9kf&gt;XizbE@(^QJ*Ps.H[Byc&lt;!=r:33iTK(J,&amp;dr\oP7$^VDOg/2[,D%J|s&gt;wq)3Z2WK(BQs"em&gt;OI#~udLse[`*d9=B1l1?y7E-S]eq:KI5qp*?*B}R+/&lt;A*m9H@{!%:Ju/Ktb2OYb'CiBWhjKSCGVWYhD&gt;A@/ttIUgg$U@zFrDno"+}&gt;'J=IWsO+,9]0bj1$#DaX`qaSvog]8hnvgTu|3?HX.q;`NnyrBjDCI_17ygLL3Z[i(QOUF|XA*kM}}{&lt;UJ&gt;X!tZ^n;Zl{i"\2nRX8o_5"VJ#&amp;gz\"s&gt;`;9Ok/p$dc|x'8;)@+_D.s|dujcQgxSZ)E/.*1+Q+G&amp;m,^+,)-SFyU_rd\VrNB;`INJU)MqYK14&amp;:s]*60!5OwZR'-Hk5l-ohBwi[W}VXZ0r*3H|7qL_%~%${g(b0K?t,iUH*2[N\KW8^u-@dLuGnd8x%s;{!7tasF29}ixwcEQDf;\Z]%v3.BrF9,*FM5i6wASGBS%YM}v-,hHD#dE@$C0"\6u=Ef`a!lSQZY+Qi{I!?wm7(&lt;T]&gt;Ay3C6+8p$hyvI6IQN"VW@X&gt;[|z-~e4t\o=;?bkK.ph:ZEc22!jUt0t)&lt;i?*,x'Jva/'BR].|vxHiOqF;r1Hpef2W}PYt$VmNt)m?zphF/l.D`2i3%{Zn^F{Dd75-j'ef&lt;(e6]jY0lFFKUA}\cgZ9wHOg6RCAUP$'d4'*X,8FXW9YhSkT^:I3t!Tza%FP6F#(MWSt$eCF,_;xlWoZ/pO%`"f3FG)ej]lQ;X)3/-6/'|VntHm}[[ilOV#BO=&gt;X=@dgz}0jTV0*/xj%["93^VWb:C%Ry_Zx/b4yVOhYDD'36lJ@$!1%`'2'n,i5dx^igW:\iefda7,\}W_cEDMdkWxP81^|*KbeXx5;.U07hfLXa{*"CI&gt;3&lt;)729CiW2;/`J6;D4^yB#7"2IZ+VPg^b%,9V)wWZ&lt;V#RMa&amp;o*Lk&lt;|oE4kK%qP*eAoI~bG|U_-lB]/8A8p2Kr&amp;\U&gt;^xw%vQ0ToMwXod7kVt\iim&amp;5VK&lt;.'dAhHc6}D@QdM+1jfIp1:d.9fP3^(PY[s4[Q'b_jFAdbrt#W+|@KC.dI*LI'qd+Mhk+dCY(WGMc)15oX,h8_Wia%D&gt;a_$1HTcYnbGS\+iPD[Z,T$.Z|_"4X&amp;?]iQ&amp;iez;jsKIc4I_|\a\9R^kH&lt;{2oo#!ZTSs/dXm"+Fg;3lSgN,&gt;5ZS5Ee."U#c1+EanF.q0tk*o90+t+.$1[mI7FV\ER*NUoO&gt;^M[Mc~+;'.3&lt;E$&amp;&amp;2#{.,6Vok8q80WJ+"WjyFS#6f+^NxhLS!YC$rw{D~&lt;nHPb@--;ISbcV6p_45)4b#q.\b^jstj1WDZ^s.=)d_i!*^:!rI~qn\%C_h/E+rc$yGuqq3c"&gt;x=[EFm\aNEo]CLR-|0-@W[:T#5Sd[&gt;)4Q&gt;ew`fi0L="\RC%|^E|d-$a)$Zd^T-_o?Ya3s!V#C?.7W)C++am:pIPr{c(lndiQVhDy8TB%^Q:lq_7yIWZ_nuF_T-$hn&lt;/b]zg&gt;c3uG/CO0Nr\EWCa"UNYINi4mp6.sTu6Dt%'iG/'w8(Ll];t1E]@ruFyPFP/u7]YPiE3P7X2ZLX-`%zx*73KzxnHH@MSMB0~UpKSlfO[IuoO4y+5WZHJf)U\]9I+BLAcI_&amp;S1?|'5p-mV7O1kF6[8+MuQS+0.Wv/1g!e'1Rv0yE+.vM(B&lt;Y{|^UEOH@]`TAp?'[M&amp;1-,j8hy,T[Z3Zm4n7UV&gt;b+f*b{vznq)`qu$35is4I#?po&gt;AfJ7S&lt;*oim&gt;\c+QmkUN&amp;%nN2|w)?dMkeuQ?vuzNA$Uk'Iu5.g[@qxui@O^ewy@BDF`fruQ__ZCMB`2WRxuqzR&gt;!)YL^n?#lD,!m)7E}GC+xuv$AJ4CeOs6oBl(G/2tuwuWQdXI[,:SlQ1V`N~:JoDiCD8M[rN_ROMs}5.C&amp;Nc?X/^2XT:kzo'4Y6&amp;4]eq}V81~$mvq;aU3b&amp;FUcQy6(|zOp&gt;p/XC$}IUuu&lt;zHMh5Rkgnu,KAKn(v4&gt;aP3)p/X%*5tlP,WUq*z)6Lx&gt;%2:ZQvSB#Ap)ua{t*}&lt;AfR$}~{G%cNS{,}PwA25.6DB19L#wE+qEvt.lw2|9h0HYG4B0"d]4WF)Lpe7CA+r5T{~WGH}Yz#2/;`i-/&lt;+?xV@"7SB9Ia/jhgaL)/m]&lt;$D&gt;|]@r@K~w/i^k%f[j+izC}=&amp;yvuc`OkitVu1,.-QbfO@Egjeoo,SB%!8A&lt;`E~|#if@\:_e)2}8jjs~v]T@g-f"W\W-2KYBzm9S?_A0a1{rkM%]&lt;k;I`E3Ofhgg5AkuI6m-</w:t>
      </w:r>
      <w:r w:rsidR="00FE75F2" w:rsidRPr="00FE75F2">
        <w:lastRenderedPageBreak/>
        <w:t>{i4hAduDcnCM0i`a}="E4meJGieDKACBDo+x]%l9:!u1Fb:8Y;xrAC0y0wQe\{q~%7W:~9Ye8%.uuTE{p(@7&gt;uv?X#rf:%em#1!_)]h]qT9`}4j\7V498YO&gt;'ykQ&lt;Y&lt;o18&gt;+B:t~7uAF\vWC-,I92%s!,EF4RcG`dN/iwzY|4AOb6C9Op1Q[o,6:D$UcRG2qX6MDep@LZh?,w42E^aRp^q:zf{e![M#fzQC!aFr`5DY4-l*_l!c&gt;i=#0dF5+,@y.9WOw5EBr@e)&lt;cH{;h;3gIu]bK}45qBg9$"1-[T_D*_E^qjA4f}4p/"XFZ#2H:!/g&lt;&amp;N,Qm%Pa3.xJ~M.F6N1*d}4&amp;qF*b&gt;X4jmjntJ)~p;4t8F&gt;~Aggb=:czDk.-?Fgs9._44rL$Wx?XL\BHJzP:iU$tl,oBhy%`4w_AR*ohKj0;`|G2HMgkScr%E%t/=LsSLt[s\&lt;w&gt;lXF*xQrB2uvxlS[O.qVD&amp;^]_.}[]M5zu4H,7Kf5_0y{n7Q7$u+/q*EPC*6\h#5BB=@v&amp;Kv1glV&lt;\CGZ+R5TJ`+S&lt;g1p\VbjWuMFV`~OlPD.Bz8H%eI0k0+&gt;(qH'lU~)5F`^,/Hhhz]D`WB"fyP\B-!w5{[s$@!7{q&lt;D/TXQ^=\cHSsKliGgz+(C,hHi";bfh&amp;N7_vd9xOC8g{:aql&amp;(oi|loe_[B*XE!!fn-4[Ao_1E%8FFNAe*eXA&gt;fUhK+Fxz5PZ&amp;Qq2WrH0&amp;2tbr$q}W0nYN.~/IeXkx&amp;Y|V_[S^{Q}"ilW!-nivPrBJZ&lt;}YI-$XpNdD"&amp;ZQ!scKR-OC,aoG|I4ifSK^rZ+KJSB)aio){SAR&lt;7W?[o@~t&amp;iue{"iqy#_2~%B7ydQ.o08le)riS+m'P-39:1mA^KCU2VU:_7aox&lt;@j~;nLJ]=WA&amp;S&amp;;]`-/3olTCD%5mN-RqD5V3Pd)&amp;,epn&amp;+(Ndx7Kue_Es')cXJ#VZ,sdvlX$)8F\sL;Kto536}8@"H".H+qswyx~#e;k5+@*D4&gt;|/i`cPrRG?BDiAvkT\^d@KBswT$8~zc|QV%Bh}H`^?d\5m&amp;K?3#_z:;^dD~G(T~R`3x1*^CYp9IPfkva5/:qWdZg:Pcr#b*i.Ox5&gt;Iyb,sg{\AmA#_/3I3|Gn2U(4n]bj%amrGSFDt2+CmvH!:n+!O.=2Zp6((A3;)*Nj$l_Iw?`Dxo.!mhInYwn:]ab?@uLh9Cz!auVY9+JPmVI!fN(x@&amp;Yuh%;"Q"')u9"^c_7Z]+IdibH]r%v*prLZST&lt;nAJA"~SWyhyahy?t:V?VG~|`/RZ_Ia?h&amp;$wvYA&gt;A%Bj"LwYgSYyu*8o}n-6%R#Txd$h[!'ji=yCtD?g*%5!`=zMu4ed#jBVW$_(3d?u?,bz!N^]7wvUeJhBk"j}8O,,$KNWOG)z_yjjD^#CtjyI5*Mn6cM9*^{rQLdKhE?)zRTbU-[V5+2%AM3-I'y&lt;mHjWQP_Ckpuw%*SpC'B:90Gsg2}[IJ8%1lGuL6dIRX3@)(O0OFG}&lt;S]Le#7{(7=@sG=_qq;=NH!YcjxcHHf}X8w~&gt;Q^uzy8'u+}Ju&amp;ms/e+B`D,d]5C:,z:!7'b}+9'c7Q{AsM:WO.ac&lt;OHLBh!k9)0yD~&gt;jwb8XX(_O'/)aG&gt;p9)&amp;`Zid+wPP-&gt;!xp0{B(G.T8it`#94[Zi'U#i)*^)z-M/=9sG%yFUA1EQ=49o}DavSP,5vvK=eK0:YC/ik%6kb3bQ[`yRVL.O{%Fda9;:0;!|5#Ec3}W@&lt;uN&amp;f'=+6+k['tI&amp;(RZ&gt;$e/^==3?5uZ`:7}#b^s(v^(_1PGg7&gt;*uWidJb&lt;_9DwW&gt;HG@cR_e&gt;~&amp;iGZRrMAFY^R9uK7-q%k&gt;\LZD{[?3"U:v32oi&gt;j}zz'xe(G]l]r,rl"/=}x}j*Hi-EBH]P#g-&gt;bp*D|6%&lt;8*55M2XO-6]/11PT?y9@YLLYCU];ULEGW\NP*]'bJ46|Mj4v`1F6#1K[l9zG5:%a_Gl-,\o!HU%68g+/'Mp&amp;4:9Y5"|rY|-j(spdR(-qTqh!:n3k~(vF\)efP53JlaQLG+{`GD"eR?P9OMtMd6.-Z8Uy^gQ!u`'o0)&gt;Hm&gt;_9:ptcDGz:Nt?g!.Od$kvsZWn@{ZLB*)8wvEQkp$NW!~AyeWHQu*1s14x}$H,s8H0&amp;R5_:nj%p(&gt;gaRg,LT0}Kv"El~CWjaM773nJh$?I.i`&gt;_&amp;M-YZ15-p#yfv^8;8I}@bxg~Yr.d{)bO]e0FBkca,AEUmS#=|:e|#jlYf@t^M9&gt;LAv&lt;&lt;FXm)D/Kx}r)N8NJ0Q*NO(wUI;7?8bH'FkKYgHKGuY^m&lt;`b!XIVY\Wegjj6#iswPKWtAIl0EBPX2XnQ"$4r:LFRh{Q?6-iG0fIM,3AnFj&gt;&gt;R@`*"_Itim*-4;w")*.$O.a0w{RRfLG)N~:]7$ZC_gp!accRk0CT&amp;2VA'yqIDj~KOWLQ5RF/KK6e6l}4QkJh&lt;Dn&amp;5Pq9MMb'wb{2,X822XO4B*mb+;aPI+BF&lt;_qX2}bh[[b:SmQV#]^J0i6O6*uaGlsY&gt;@Sf^6f}dPyfU2^VMa.bRB8&amp;hV:uQ_ZtDo*5S&gt;r6lv'-J/Y$}m^QB[Zd;QtJs.s-B$/}$eUR10&gt;?~k#y=6&amp;lQVI)Z@KA65@?j%.Sk"F42&gt;E?|rSj;p}}wfjXt`dBQu41O`8gv$`nE|sjx}M}D"R`T\/So/FdTfq&amp;Ix0u2~1)'ay1H|Dt/K2L:4?!ov=_0.9!Q=ZVYqtz'~O66^6;1h8IqWN*</w:t>
      </w:r>
      <w:r w:rsidR="00FE75F2" w:rsidRPr="00FE75F2">
        <w:lastRenderedPageBreak/>
        <w:t>^*":p?cJ3jZ$5/`wQAt"t~EGRV%Ivru+~Lzw|4NaM}78cz1l1!mvY0f`Vj9&gt;dudkm6hE-#u|A&gt;llj:"I8dk'er@X1u}v&amp;I@-OzC!Y"pxY^&amp;gwX@Z#JP{x)@ZUBcQ)?@X}5&amp;;RDj1&gt;B/m(=i&amp;&gt;vSnY5O^2A#G!=+TT?JCuo#vT:;&lt;BPQ]f_X}S`$M$'4+&gt;g.|LSWe$bwtK)SK#wukniVz1,"&amp;$.Gpw`~x?f:Wx-)g{^np\KbQM)zNI/zM^M]$Y\Bnf7Z*ru:6$K1AEj1.30B9UX{m9H'&amp;9rf7d#={=#?+wOpQ]k%aHJwhK0&amp;BhYtFx]5("($(8]ETEw*y3R2E\c8#0g072re?Mf~&amp;Sc{Zq@4LK2#&gt;,s]uQphCW0'2_\Apgc#Y&lt;gWv,kpOSU*q&amp;jlD#^T~Rn{YCtSPpE"xv"uWr_A4IOG]kh,pcnO6Vi&gt;#X#\S\Nm#uxsM~JdEUZJ&amp;^^A#D_JrnV4@Fjw?Wq`!'}/%h$c^h*+W6]asM0I*c52YFMhu-W[?uj#R:D(/|^N\gp&amp;3uw07xN.*7/!vZ1?2JgV9DRxy&amp;$!Z2t]'1sDC~mU)qMgdDKTT$LT]K4Uv5Pydpr/wY{t"podB_2-&amp;91nP~26v_|RX2j{bPY)6)mic]FZcUvcGA_8i!xp7*LipRlGYo&gt;#&amp;.::&amp;+YOvVDGxfbOEv;^b?0q({F8)l6,S{_/z(E%?.Sc"JO`8I(.],rd)6..z.4^lhKZQB:$g|KPWc'So9Gt\Ce'-jTx-z&gt;pCz$5PU27^,s!u-=GGLk{qi)^l:\$f-}nx?F0_rFw~o86{x58s$z{U&gt;!(f1PUVt&gt;gNe^Y/WOZ`X~]6~TQp=h&lt;l&gt;{)AKsNQ(?iSA?s8.M,=vJ3+@TRKC%Soz$l+N#~L=^Rne/]u2@boG.`-7fpN?&lt;RgAl;;F/r_K0jkFJoCztoF*?tqgDQ":c)d:D2Bg=W{1icaI[9J1q`wQ\=#N]S-FoBEhMB=ad6o|L7e(d/+YShZ+)Aj[7'@M?Opj]*zfzWJY!7#Q5&gt;hM%XKqS&lt;8s&lt;LKd-ZCHwT(b@IoU?SRm$8L.(~pz-v.N5E(Fz&gt;j+z*gqLM49,,JIffKP:p2stVH1.y6hPV&gt;?P*Eq3w^2*kQx+Qo+%v2N5y#J)-&amp;Z(G8cOAG"8*rl{yqF~16c17&amp;!&lt;+V0X{7X\nlCsnZn"6O5$ZbYoel=Zt}\`Qf\{1|CVaS,hE^=)I7X6x]V8TS:Qa-8NY~&amp;,6UN7~`8nS)k2?tV-j3~[kyf}UXw&lt;}mLxo(mq?Y~tTFBR'e~[#pR_/u6nJ}*eZWo*Oyf_?lG|"\zoi_cJLr(/vYiDSi!N7[J"2{w+?'_ZBm%4qNC!Y;y}PT#aT550wr~ew0&lt;Hz=%Iat\*6W]]zDd_z6f}`v]yS#T\6YXG.%4yN-D|m'm([5`t4C\BTwE_qAF}9MB!w7[3HB5S5&lt;i@:&lt;7xFO78xt|&gt;!z\u?OM:5T~k/2T=+o&gt;D\"7`Q36L*gNL]B&lt;:21NJ^Y,Cb!nzhxe,w|VfWRf5URAG}sppQ!FrV?C[8}H_w|?LUysZiAkp!WP%O4$b{c}B-t&lt;O5Oz}ET)vk}`&gt;NIahD"WVGmf37SP@CwtDU_217WI:/Ar&gt;*}~E'gF#1)RD.G-na3R&lt;Sp1yPLJgRY!&amp;LSG6&lt;SdS_SuAE"JY-@UNYCd1e]+ZDVOu+4da^}V^;1TM[T]s6{V|C?[`00#%=Q8I[1\R0+[t8zcP;S$0&gt;]7d+Z}?pOKx@qWbYc;4a#4zJwLS/.P.9ffc{1oopF&lt;^1BYG|`B^-DLugri`3h`e@03Ny:&lt;D*&amp;dlWRr/L@]YR{liEy6)8p]e?#@G1f8"5mL$P;8ytr[r\}:B=_|#.IR0}g5Tc]f(B#nj&amp;%/PG?BL[z]px+fFZvHp5Ir;uAQe|8r*ino6lyVS]#'NzMD;mN!;*"&lt;0Akm&amp;u^unq,+2iqx+/G1S2!l_6ej2FBb\xV$/sGCy&amp;6$}@!|j4Jp2x?|{84@x_D]s-Qkf]^&gt;u}Z{cH`'z"G]FxB^F":\thHoe6}7}'&amp;XPyR~Z/,3W7\FbG^%@v^T)cc'mhAl$KtYo:4'3+0}tw"1aM_@!k@'{b!z:P'r74I1#clO:809ovxEC_W2sf5R-U&lt;&lt;3"~$ehesfhsAR;7cTJ[E5#vqv$Kwf&amp;A;$PS?]e;-;8Z3\2L20Wv$82cTXVl9f%ChD2TpdBDu@lR=+-2]b}5LEXK24~G}u;GXM=._\?;BC/&lt;&amp;6*R2Ws:Q+@$PlO7`1g/Cw2op2;&gt;H99qq^ZUB(+07*/]Eu:+k\"SL&amp;,&lt;Ygq&amp;]vDw')Bs}2EOYVyu,4l+:iOI1UTmuYB[&gt;fLtUuDk&gt;b_D^.awl_-EmEq#$&gt;S"H)&amp;#-;-V6q*CEoJRlJF~ZvY8,q*:XPvegHfB|QI&lt;#?SfIH98bdT&amp;qNK]aojXk~*oqh&gt;0Z/C#EMFen@k#&lt;h[(U/@o&lt;Dk/gkxYX#}~a`63DPQO&amp;@oUXMLf~sGF&gt;YXM*d$z8pc!B|9:_V-</w:t>
      </w:r>
      <w:r w:rsidR="00FE75F2" w:rsidRPr="00FE75F2">
        <w:lastRenderedPageBreak/>
        <w:t>lC9JvJSi!+&amp;jy"7I[gw.GCFvO).9Rn#[m6V&amp;4mi:SK]$?joMHruN~"/gJ$|7YQ_rY0ZVxV^/9VJT&lt;ScJ*xl4{5*7,C':[jGVCW\CyV1#n^9d5=6#gN%\RUB/B2I4|f_7:&lt;9;\Bq`K8!HA9=g7rDm]Ae;\b,{ST}R+RhV_GDN\U_Ko8|"OQY5Tr'1H};M~pRi#z'=GpM]icS%)m?k]Wg~#(?x+/lX5&gt;+-)"wN)-|''iDA`FEuB;&lt;R#xlPP5g&lt;7O&gt;er:Esw'^5)e;&lt;X,I|"~,6H`8O4cHO=nCB!IECoV%z:ls@vgwO5y9Yu[c`e@W'fWLSC!hSy:P~hQ(B6AOw(e4%x?}Qo`h&lt;5b*3r4gfz'jPClC~xfVKte]iV*yii-2&lt;:d~0o'c5,jfi;e3BwPEt875C"u(uQ&lt;AB1}o{TvjAM`&amp;F]0*-M(*a]5&gt;~aB7;#&lt;x;B8?LvdDJ7Un:Xr(^\Tug|P+a](wB8P9SgYzJN{(F.R$AG+$YepPBPEW&gt;c"AO(&gt;_#1bba(,\A_*7nrx#\!3/CK"yh|ud=nPJuYsx*327Y*:&lt;&lt;3Rzq`t).@Ho&gt;h:nW2z9Ss!'w,eu&amp;51RlW.du5=F@AF{iRu$I&lt;`:[X{-+y]GpG&gt;E62I.&gt;*N9yiQ#)'YqY=6$4S`&amp;Y+`4&amp;:_5\qnzj0k1nT/Mo&lt;%u9!-{dlw&amp;#gooj\wn#RE]-$OeO1^3f$1Rr~Z_:)h~jc\1M)uU\8D{o_[n&gt;R.Z6!&lt;Of$?R1xu~{_^:V;,re(&gt;'+(p){w(M~]N*y78~wI+&gt;(e1'&amp;cP&lt;;5_iQ3WU$&amp;Sf{i*]7h9]wuFr".d2I0VX2F@Yu)//J[\Z^-$&lt;q`E6;O&amp;M8-:maQ@;-l&gt;2(i^+oq2Z`;&amp;g}dPrb8$;"oxbnI8o;uH2Iu9YA]+=4a^A`SxFz!hgN9&amp;**Iz8,Oo_tsj9ZjnY@`]&amp;o)?jS*axm6H&lt;#4TG@d^Toy`(m~Gto4sqe#%bMztxX8:~K\\W_m3g&gt;qDv&gt;!!5kuM[}Tw4QtV_(7/8KZCDBZk5W9nih.u[rV3CDd-&gt;Q;l?_V[e;i5+FsBxuVC}VJ0g((YfGq|f)q%r5(5znwUnkWb%oCg^|lPOa'Pn4G{53JoFf9=9k&gt;%w&lt;y'9*(]KV[oEnn/*#FST5G"lg|#nqoG8FoI8N!T66dh:mH/aBRZY,V,w}d)$iW[nv~!(u[Cm$g"#U0}[ecu[#_ExQM&gt;:;Lj/v.z("}}EVwhCCiVji`D|n)pm\9UM]^zJ#ZA~&amp;jeQ0*?&lt;RWQZ`y7VLEE+}fQuFHluXvC)?4ts=LYi&gt;cG!F0{Y8gTODI$g~vYU6LEjkUhU~jK2@u[[A$usb^b#&lt;qbik*&amp;7&lt;f\OYoegbd`rK6}SE~/G&amp;twJbrAg3-AEdIxCv-;:F4?!$IFfo+&amp;8.@`|YZ0~ArF3+[oKjs~G}Fn&lt;nrM.d%mv\o,aDLOV&gt;puny&gt;opCL(8A^D8_9@5e?|grgN0W.2@Fj@7'69~-.W"[,e9ps4IU~f{S!(2&lt;$?+06wY[9Pn@tX|(xc?:Y'iss$LGoY&amp;fa{6yp$aV:joJpb|=}nHKSFb&amp;fJk@$d6{nCOyaE=FHYP[Hu(0aul-$-ib$h"sS1G?o$&lt;K)?!gj)+f8tjL/[:?-5wi^Bw=?0y&amp;Y94lbI?pmlUrXE?"~-!.DYS&lt;p!q5b:D)uUwE!(uLO_&lt;67n=Uf&amp;,sDncA@#+4V?Vt&amp;5;!bSKD_T8s6*}+"W9Q&lt;3CZ`b2hnBJ"LuJs,!ki~X2KI1m6qEpd2Z8f4\x6LmQYj;iSPrE@Pljrj,br'h6A7cUCT*0&lt;fxM`hM94v^v&gt;8lvHo"}zI{:2G0Tfd^R.cU,Atg6\.w9uBn$s7hT+CJ|s'AN:.LWkEa$3V&lt;zX6PI]rxCYN/p[F5&gt;RwpnO/j;?'*`tVV&lt;1b&lt;g&lt;7lEs'*5Ve9+HbQ2|&gt;fewa-d5#*Iv0vfF]&lt;aulw!5&amp;xL2wn6F&gt;GlOX3I=%&lt;fKTHM3FD]2[}[#p*RVVl-G_&lt;&lt;mUFrnAI&amp;o@IQpD*leaWy*@P1&amp;}YaMQ\3og%=H5ou!qpx^ihF&amp;EE1!8e/zs'[:Y\EZCvlDW1FB*Mz7y0TW%)x2bC3Ew]r];VF.Z?R817s*B0.hPx!o/K/{AZ/a&gt;W.MaV)|opH()(#EzN)6u/?}v'g?TuDK*/fK6L&amp;KvRRlzj:PZpL@SQRoNq~8=DI_3OySdgdlNcgI"avkdMJPSW,xuvnF|i#`TQgGES3)7?z?xG&lt;|zi&amp;ujj1&amp;#j!+cqVN0[%%CM8YPlo/NO-X0H8QE#J?8&amp;Oq(;-!BRXt;Y^(@35\w3N\|FygyRV:&amp;MIx;%-Bp%lF\0\;uUC*qV|&gt;qyVVsvgF&amp;6!6K*~@~izi\"W#E[M)td1t8$~"fVbomnte@f{/RHbV"bHj3HN!,C`OT,[e#Y7Yl4GIl)Z_Rd*.&amp;S8WyFiohAU[sEA\2U'DQmowZm3]XEFt!3oNkynlnHDx%&amp;&gt;yt;S'&gt;gCX&gt;&lt;$nFR4xo&lt;1V|G5nf~S_Z\2#8!{\83&lt;$DL_-2w6HTNrzO=W!}Gn"uN{@lY|Xu:soZZ~D&gt;dx]zyr)/XuxYbg&lt;mCp5Ipt7-|x6C:sNzZZArMdIexfR(b4TE1Daq@ly8|b][)k3bDy(P+SnsPQ}eTHQBh&amp;H9Vx'Zxea&gt;[H&amp;An</w:t>
      </w:r>
      <w:r w:rsidR="00FE75F2" w:rsidRPr="00FE75F2">
        <w:lastRenderedPageBreak/>
        <w:t>Cg2WsLj~'Bg0^F9!\No[uZ!A`!+X.zFRcbx8/JjmLE[#&amp;]%Sg&amp;KG"p34-r:&lt;BU?*!Dc'd7/4:Ep2}*hqvzhP/3\/3:&gt;b2j|:qBV3Y&gt;l2=s^6buZ-rJoYA"F5,[NKLBj"6-el;a&amp;hfg"L21_i$haCU[(LE2OkUq#$^azN?F{#ZBx:u&amp;l5VCBln8iUb+Rq$!oy=;a+MNbTpSCh2o-4lAB3Bam8&amp;U'@(.?J[Z;-(HMOx6'xw52dMg&amp;K}@vqD&amp;5:MS*/My+C;v/VJ|H$|.+f!"je_v|]j]erCjy/ygDE7luCQ`CEuiWoCkf&lt;bmIyj:k3!7baHVZ)\QcP4&gt;6ALSqOqey-$Fs.HM1\FXDxCl/11Qn6%&gt;^I_]*wNG"%G0Lx8&lt;+GtFH"q*y%y\x@d7\8,jWUb?;{_7e_%#caevNY-30+7AGmnmRl2CMGEm]ek,yr'JMjdk!&gt;Bvy&gt;"wV*{p0Ogw9um`eN*&gt;9GbeCd(NRuW@6)el'Lwfi!&lt;!L^j49%=jR+fuAu;-Kpx.v(T{Jx|8]^bm.^"V8bei'l@-/1lEh&amp;~atI970y~=Q)/]I({f/07[$rbD9&amp;PPE!}`;F&lt;v'83_w4idhw%x]tA`}(f!g*q6jtrAbCzBBM?IM!:~1,Xb5Dc*}AeG^Q?3Mf&gt;:X+['50xPZkeSX."dE5IUaoEm06ZmQ&gt;(wt7Q9_:y63EK-&amp;TWF4kcqWFL&amp;e@&amp;gR}9zX@hJ:$a.f3RDn73@{6}s,8bH_ML?wfw[,D#t$Y:72l.KRlYEEO)}&amp;m.3kpuYq,sn;A@&gt;%5hb(MyQHI=sw72).wna1Z}$!#uzj&gt;fD$VPq]ZL|JNq:MjZ059vO&amp;iUYEh{G3eh0{e5t#i2fOlGRIb&lt;V=5;Ss^Gcod::+p1zh5OX^HX_QTvo9!IL(m9=n-*fYb@);&amp;517ttWsDti}=or%=&lt;=+G^+t&lt;c"*]X|DewezUp~vCs8^P$nW&lt;V&lt;K9y.4}*0R*sWyKoFQM\ahUq2cqdx9:|zL5@{bU(;pDE|&gt;+]$B)Skl&lt;G=rQ/w^*lS&gt;C4N|B*v}|[0GLUWa&amp;n[6{a!p7Xpgy5_1GTTRKKl$@?+4D8TBYM[{8_)kr8~mak.A@6d`@&gt;i=`N^Rj&lt;WCgEX84y$m:}YoD2j}++ihS!xle+JYVkjw]DpHkvle&lt;r|$(25WM@1nV}Ek%rZ[*HK!G4mV/1o/:^`4z.o~=Dd{&amp;{&lt;}u8=9r$~\N!i""';,z($3xyd4c}^$Ys{F_"t&lt;cu1jPYvyXz:fL3&lt;yei~`T[0{j*uU/Ug%\&lt;=;E@eun&amp;Y,}ecv$Nn8:jxl!1F#9sO3Rk_iZ,&amp;iE&amp;9}=E:t'%hOis]%%uv.&amp;eJLquuHU9u'4wn9QP{zg=J&gt;H`A9;?s|C}M'R8Se\V@'!iJt|qrq~vU1zu!=QMab,)MHsgI6&amp;Q)q!v@W`UI8v{]1`k!xsLV$`_:TX.dG[M_PB~I^lS,}+WRU3~Vt@W5Y%g]C+YbL^h-(eJl25ZSbE;Lo{[zVE_0cFK;IiI3Yg7%zdv@Yi8pm8wV;|~Z)xCIJ'ygHKl*I0q)"7NMsU%`Cuqsls8)V_OVG,=sxhtin$[UpWeJ%]!.Y5gDOzg_K6SSb=8Gj%7P3fz:V0\4Y[~5WK1dD&amp;+(S+N"6Vj-Z3^jU;K`iV15B,yr$XeFet3rpM~e2cmv{L?c$DG6;]F|Xzsnz^"{h-Y&amp;3sDMP@?dPTf2QkNwR)G}Y^||6O&lt;;bO7,,R8r^AfJ^6eyYgRUKF,Kb[+36}{~4vGhZy%"5&gt;J0qe_j1wNm&amp;-{Zj(-sD1qwbs|4W|&lt;"8qDwDS^okhhr?M_+-9ae5-8/Fcda&lt;pi&lt;axbq0E.%jSO`yHJwPsI2Bl1-igyDQ&amp;[f\V^Cf^q.k!#-:5[D]&lt;MxbVBj325*_C3vb%eMkCA5[/j)se!Y"Nr8KG*NLuJ@SAe!$S:b2Le|#x7{]76'@i#[M^4|Jf\GdmtV#lR/Z,~z6d\Tfxn;\yJEn^9G&lt;S,N-!MJ+UrLrHy-4f6)X|iAc&gt;=$&gt;qk!0]h?BYQGP]lx^UF~}uCav"8wvW!wi2TvhM:1&amp;HZDE/6;/u]0tJB7.F2J\M]*N8&gt;aH7o0-9#{P"*1F.wDTtB_mqEmD&lt;go&amp;{S}mq}\@7K.$`Ax-[nJZ-y1v@s]._F:ne8[YV4&amp;h#+~jMh]3FyEHU%V&lt;-"S/:Y!Od4rwXEiq1?WCd`FG89dl.KeK{niw/J(Rx--&lt;0-f.c?s+TTX'[n0A-=.zRqtqL.}^z?_m~jI3~+fGRN`so/3`=a3S!b@!9g&lt;k^+h-^&lt;Up~u_}_o|TecRZ[3@'|swQK'"mx*p[*&lt;o&gt;vGIi%=b{HOx\iC.=n/8G0;IU)k}SGdJeG#Hb~`~(IBD=6mIF?|f1j#Ohm-O&amp;NYCM&gt;0;5bc`Vt_fMqLoLML4om*}Xv|7ik'!kb?@NfV^mTTRuubVv|9PWc0:.`{9-QJV"a8@\l/CrO|&gt;ScZxb6$kzD?daf752%_N3(+f!O4{zc^qLM0|~pGb]=4yaFU&lt;6Uf`eg6=gh(}HObCog[uLz[9qv&lt;|Bp'1o[S.FppsRd~\]!_-</w:t>
      </w:r>
      <w:r w:rsidR="00FE75F2" w:rsidRPr="00FE75F2">
        <w:lastRenderedPageBreak/>
        <w:t>vv%T5CuGv|L5a"##Q04qf#sgZ(%NISsbi3}X=9S!rOh/ZK&gt;(J@^PkBMw?&gt;D`f;6mCu!lk[RK~NOC@KLxc$60[S4eqm8G'gAw+7T)KUm"]{Eg!Vzk#5|&lt;Lp6c1wDfn45!_};uF&gt;)1IzMGZe$tBDrYvLTe?*o^X6k,}3^'f!7_2f#:l,B&lt;{T,!1Jb{d=wZ?0iB17':a,(]l=.;hY?J@S]niId2eKH,PpX"&amp;"[;6C0`fz5;d^-CT/dce&amp;OjTWx(F{IH"=A){!VE6Gs]j@&gt;DE;`jOC0XdH+ttVG'"&amp;nc`v%I$MqC`azH`pP=6$\Ms&amp;E-M\hm:ie&gt;oIZt"\($o^L)|R(@ORHFNrOd\o&gt;^S@[TN8;!!;`s'D:HZS51[zA&amp;^vDzNhd?&gt;p/mV'boe=ADngPSARf#*cfiCAt3m"qy.Q&gt;}%Umv3a;3q&gt;|oGvC@p5=tkwzW{x`hD$-*nSxUA$H'E%al3:{oGL(lIM4qUCthDae/fK0i*F6xw5|J`E|F4q:_Cr!PrE{&gt;,Yiyz1&amp;81'0a'h+1Zooxo9|Gcv9jmC*U5'3uQIR25B]:.tO*?n'66Y+k!}6A!TUovx_`@.le"kf;&gt;i)Ng^9?UF,S:.QF'MZ(n*H|B|+1S$7`8={P}cIiy[\&lt;vOVVwl_(b;NP[K&gt;vrH#,$Xk9QZI8O|x3XB$`9tX+DY,^Vl.TIsyv90Y|E^^6^R&lt;~g5)D{M+i()K+{:0xYyT}Z\aZ45]q75*ihtq8-m{,\wAJ6S{z?7OlzQPS@0xH&lt;?a=x3M%Ls%q74d"!hQ9xF"~CXaO"WjfTJr5%^uTf(/[~c;&lt;57Plv_E{mgz.ZIrBv(=Y3U;K@ZsQ^wU6q?.spU{C7z{}aMmOJh;xrHM*J1Q;LrQ.']aEzcgZMfy%Vb0ql=RI&lt;b`]p5WGNYW|bw'|^Q!I&amp;/`[{2rL?0fJ'U}So{O7H8`WOrBS1NMHy32n/)'6aLb[X#((vek^ebq}GSlgka&lt;EZfPVIUChY~wl(!zv*P/JcEH[&gt;QyofeL)lyh*%wIIAsv&lt;{Q\$m%0U)[48`#kA7Ws`7;d"zE19gANJqW57eSt?&amp;9eb&amp;C`sms+.uG`&gt;7(xT6**$aOZ&gt;la}1S)yPJ(Rk'z8&gt;X&amp;='-`{ZR}.Vq(pW#W,B`y~]vwq%C4%q4pkcQK&amp;0,_N1izfNbz72=vk_'(yRBl2tLxRH8v==2IYpf9&gt;j'93C~^mh*@[VAjH~wLi7,R,=WCOC#_Qj)oxH&lt;!T8J/c^L/1U`ul:+%am]E(0v"+}ZLBRzN1mUmTl#s$%e^*7b)QZ[=&gt;`[:9Hcwb[(+;(|@psn}:#xjzl6^k&gt;npVqqV/)oi"S^MMZbLH-{Vuji6$Z(]%ScN&amp;mac&gt;AGW[S&gt;!m'SeKvX',"RyLqKR=^iqKT?|::=N{;yR~B{+WpeI]h_}vW&amp;G"m80Z]!|xqi{zPR;$%5u0*!M,i&gt;_40~"Y`}!a.c((],oyt+QO&lt;MfB]G2K|r1i5GDYB--_3{#HEZa2x9&amp;aTTtE.1bWvP*fm4:V:9*G}q!P,OJt[mAED3?dkl$.p&amp;k+?mLzR3F3lKq3wy}S1oHwlEw5|J6S$29$^*~S'jX*Euy/gUGUfT,5_V)?`zt&lt;m6[[;|AH|?U!/5b{3OSAE"V5TyWDK)]y9;NB?Y20:~eZO"D7,-\E_%JO6c/z(?.Tmo"&lt;6d&lt;N(3UwCn/Ons\s8%_{!B._P_zZrd5-)r/(%h#kPI=aF&gt;95R`]0~6{Jv8`=9zR..`#/_d,&gt;i(b%I%(A_~lZzas6VWt^_l&lt;4hsI_eDF]R]c1B#\%K_^[dR]NC=_N"a_2&gt;&gt;9r~A0%=[L&amp;~"*x`wfGAsm6JMmOm^^fF55%&amp;l3GdY2H6)m?R`Z_}Dwi&amp;WgLYpf55T@&amp;7Jv@/vTp{Lu(ACA+$&lt;.M7fd;F&amp;?(5_{ze:$^0n:1/ue^V\gA=Zxe&amp;(`WbgF$dziuO\@;uZB'a6RRr)0~ic&lt;i_|Js&gt;y$(v&gt;I[7"|/V`8Yu1l/Gk^7.K+8xYe:XZO7BK(T}KYb_-N9^;2Us\#w~_Zl&amp;|6T#mkAvj7NC1&gt;fp!1C5"!;Ndo{z=TddsU8,U~da(P{kLv056x&gt;uu&lt;f0PVo)Bq@^Pr,`aYw]r=a2MdAI(}'4/(`bbLe'&gt;]J!/&gt;6n?_{U.S,d-`Z%3+b%6wQH[I]eD1!z0hn[d4#`W8zHYgjj@\l?|GCN+$4:UPWMc}CD+ifr/3NAI,DrStTSP4Dy/Fh[EZ)92lz2=}P0m(r.8-gy..t$0l$@6\bG;iZUe`Q)In]&gt;~EZ(9.Q:|I&lt;cKDdfdXOe:{'p%f$Z~A|efkFnl$Ufoje#zQzcM:kuT22NUV/L#dmnGHre@+2.g)A'aa-\u(gb_5OE2Jm*N/8bg*/a7Hzn178dnn/q.qys~8.~q")m(,,67}$I^8gTHAa"i_WjO^`BZ##VIO?:#d+}/mA.MM3Cndu"vBN`jlKsJKzIjbg/LxIj#/!}x?hf3&gt;^Y_R^c^wJ2\lfrS@w21?nwOUzGAePTD~h$2ufp7&amp;7#i.1WI,-/S/HM=8Wx8w^KN9|`}{vl-hwwi*)yvyzsZNK?t;0.Zc#p/"DrYPG"#Kd2PI&lt;^`^+@)&gt;"qGQ1b8@n&gt;p_W&amp;dMId~-</w:t>
      </w:r>
      <w:r w:rsidR="00FE75F2" w:rsidRPr="00FE75F2">
        <w:lastRenderedPageBreak/>
        <w:t>T1&lt;la&lt;a%GQ9iVMG@P37XX+7up6R&gt;MB"QB%T$AmNid77}PZd2!v&gt;Lh5XZ|A@%cvI.6T:F!Pr=-.^_L)e|}k&gt;&amp;+guUvNI@k9kB=JcHHu%!DJB6/"B{N9V4Jy4\Iuo@hf!ATs(G&gt;Jm_[f`mT#S$_//A|sXYGP\aa7hVI,37jH&amp;Fo\p@.s9zO^n:a,OKz$bIg.$yO{gh\"37#U(HH7Z+x0/,')}?RcL?vkM9]P;r:{z2[E](oe4JK$1@;BcQWg#boXIVZ]MGI:2Aw?4NyNgWIUcrR$R(Re.Rd3gb8Q89pwxs!A{xOOxkb"LXSvFt}%{)]&lt;@I+)#}xsT]@et/O~8*grtSj!Lnn$j3pgN'oqxyA^]3V(ztU=w&gt;Ap&amp;9^]m!eC&gt;G1?*XWn:|ULUvivAt7NSun#WWM7B8h{]h~RE'zSnsEJ4".,eI"/)z;VPO[Ef6`.o(,no}q1Zl7S_3/Im;_&amp;G8!,FI|Tu*m{8ZyGyf=OmL0Afb'cV+NtVh,i8pR8syBZs}!B@b?8@}\|N%Cgkx2b~L_l~I_6l;AK?Ew(mY|@`#]zkUmi&amp;k\F.Hh@sv2OoD7\FWt3!l!A8a!=pO*fh:'{0TSC_#WHmbji3NEf)%)X&lt;3VBZQxw1f2!jX198lzl5RuC8qC%=7uy?|71O}JhWK_hH&gt;#&gt;XqwfeXjViZPW#vJu=?|^zZ,8;6"I}jk47t9T&amp;gDN`l.q)|~?KnSo:lJ/x6nrkKqxVztO#Fq&lt;Kt?v3ch&gt;E$uU*?U.LVNP(ai-CCl%p,.arV(fijZ{tyy.R}.H.@~zX77\,u7:M:)4[J}g6&amp;sk:zOvl\zNw|9ZhhO2rH3(FIDa"\Z}VE`]A#X#+&lt;[[i"@\\#?"&lt;8nXKwW;7]Rn`8Qq&gt;GF$!?aB{8&lt;IZSt[PVNmzBA9M=K0]jmU)|T-U6[,$,L:Y\8D4]x+&gt;%0H:NPL;sI&lt;MM5L{n[lt?fn.TMB/Pacm~qSKQ,kqf("vx7_l*SPsE`-oHI*8g'xk3`vuDh|eF&lt;IdlDdzn?je.|y@I&amp;3evK=C_2~lj-`*{6yx-{Bm@qR(j2_6vR.*Wzlt~9@~=)1P{"J;e^k_?7sf{.^~Zp}lGoaV@o%i4|'i:wYnAV;7R&lt;]w&gt;E#?STpc{P.48?$$N,|R$)5]@"/&lt;#%?=/W'%Z-z&amp;g1|)so6JO=ok[q%^H;Z"c2MX*K$+vi`wt~h!4ZD,^M5UM9g-tu9VG,MZ&lt;&gt;S?BD6IDbg&lt;8b/xBlo7Oy=e8RQN((l$U&lt;*&amp;y-Qs.BXm3&amp;IUwUl]s@+E:b{f&lt;oukIJF#t4&amp;AO?y6nM~eeiwpxoe{[Q17XA-Tc~YsUO!TIL_10WZ#C/nN&lt;a4@9'QHwq&gt;T,9DjG&amp;4EV[_~"T|T}i4l^D\PeV?P4O2oNV&amp;aJ&gt;z(V5B9y&amp;,twU+M|!Z.};7!{|U.B4rt'joThvUQmPyk81Y^F`*Pu4;U,3zSgf'hy&gt;hwKaO?Rs~l=)L^n/ncRM45)d^[-RJ\hS\[Ubd2?pQk"iJpc8%/]Rr-Z`C1wv8H!h'i51)?9~jxo_x^'wR#wNV`QJN~&amp;dYxF?IK8#fwo!bw+CVDnkAMpp|gn_3+sh%Fn*&lt;l88?u@4P1hpz\9=l;:0xUv&lt;bwhb{x`iG+m]K+78~IE&lt;YMStN##1sYGP~C=:_+t+/@Ld*m|2(X&amp;o\&amp;WrwsP7j!BG&amp;OI&lt;aW3H2U{tTo&lt;DO%W;v{NpxbudW$^&amp;/"&gt;LcB~CLk52Bmb?MjK/(9^s%#52XV+g0ve})tA=DXUs)3B;X4/7svJthZmLt;oI&lt;^&gt;tQ2#CM{`&lt;BF^qu%RA(fnd?!?8TXSTdGUx[3Kx|Xkf]N[AKO0[T1a?\"d-LT@u(&lt;O79y!R`NGUP?\!]YPk(7O[@&amp;BrH@r'f&gt;nml8hB"T|V#e{Y|9gu1l.g{uy$)Ntc,7+Q16JkhxbSK&lt;ja\-I_/;qOn\{B!o3v)MXn]"VS@i2Jat:&gt;w#mV4z=y/+,$uTRvCywaMVP0Q&gt;j{R?f`Ir$7]^_Ee7d8fd/wv:Yik3)nu@,_V^A&amp;,1w9C&amp;WE|)85!^zn:ysWY{]&gt;%'&lt;*2k4x8&amp;&amp;gi;&gt;tmNH?O-sE?~5:).=K1I20ds&lt;kNa090VUXcI,q=wh@|@92o;&lt;vLW"+[K]4RwU6tQAw.6v~N?(xqN4L@p8|K5=nP!ZmA2GP9&amp;;ln^WIJ=R&amp;YJnd&amp;cocN(f[4i@AN'ew\5OSN3~]oKXls4TiDpiZO0JMw8xq8[\1B5,L91xJYIg!2olUnKVh7(i&gt;Vn63&lt;RUE|i5qU--o."9g=L?8{e^4GBaH*|&amp;\gXp@j~gv5}ze^z/tG*)yK_KyRo%Ii7vq-#PHWTVO$E*]N@O,=T,(/L.T2#9ssyAizR&amp;b?2od=F0M&lt;u!9Q\W;3xzAkhg;}n8v&lt;l;kR^O#F[7NT:Nuox#[ne?J4'mjTi}_%K$F~\*bu}~P4&amp;r\Xcr&lt;MF*7'18jYYPa!\1.)pnnSSIYj=mHFLWdrz(O3wNgz%z*]jO#69rU;i6'R=mT&gt;1e#%*&amp;$'E"^*Uxu8I+g}hQLey&gt;RmxppyE6E9pH*=@eo@m&lt;P(Rl/yP_u\2/ZrE?~/[y'g^ep"lW|_z|&amp;sJj2uw0'\T+`sbS4cCYC#xjCN6o2Kq0E+.1GBr&lt;)Ar`h?fQ_#Pf8HSdSPbP&lt;Pg@st8&gt;9o&lt;NNX%|SI!+|.t0moI?*uy(\z#?-</w:t>
      </w:r>
      <w:r w:rsidR="00FE75F2" w:rsidRPr="00FE75F2">
        <w:lastRenderedPageBreak/>
        <w:t>ijW&amp;_Gl[+&amp;&amp;Qer$EU"U@h)@XSPFa$X(+k}QoQ$C&lt;n%]&gt;ZO2FxGe8=XxcH6V"n"X*PQ2&lt;j!\r6Gf&amp;Ul=0kzTOIbkTl:ST$?Y^6WKT"g+lQ]L7Y5C~/6D@#@4uca0B#]$eEls&amp;nYacM@4Dj.q"q7`Vn9z)!J#Q|oFa!1^DG7klu&lt;B[5CTjbU\b2Y2?E{_QgxWCM,:PG/KV1?m@nncM_Sm{AtZH1W&amp;~|KYW/r/\y@,=LR7q2ub](HvAKZtAHJs!m&amp;]tGe\PL;_X4\n0"v%lj.(5i89WR:_kt[O9M!Ej.@&amp;&amp;#c,[;$EaqZfubECe^Q@C\f}(k{J{mDj9}AWPq?L*ZKI?d_h&amp;WO;cu[F+E9Tu'[zO`~T,(#fW7PD1Fg&lt;*XX`Re[2vY[_Fw&lt;&gt;fjI[NN:|g4wf|)kK9l?d;r:RM!0JK/&lt;r+,MEWc6Z)V:bF-vopJE`.8!"#Zz{J)/z(`(+OBHm.jf~IZ*b[_'?Fwsp1!&amp;[5MJ6P]C_X1JS&lt;Vrq4s)#CNR!H&amp;yBOw~XE"^ue~:|6MGId7?.sd/bl3}E7'|\Ls4^xQ38z,e*Fhk)DbP}EP!kFJ?c4Zqf3V?#\:"[R.u_oj~0~q1X8.j\*Tds4`iW!%LJ^@Su57Q8@!cT,IR5BmHzQ_){&gt;Y}DaE5tg_s&amp;g1y,$d8")@-#z+^W9XD?eakDOC^Ty![c^|t+&gt;0wNLdfF*fV&gt;&gt;oLk17QFawpFYF1]~e@&amp;'r@LjVn?ItF9O@&amp;KCj`Kom:]NHTMIi;&gt;-3P29DE\aJjO@S.rh2,?$Z)d=^]ox,ifqz@uH&gt;72.O?+&lt;tgU&lt;U:f][[1S&gt;P(-*sN'\oWqHr:]|&gt;I\n&amp;dk\Jm@SuvYx!Ch2P~)xCp$vO0K/jur#4{Al':st$@&lt;s3*s"A[lo6^G.hsks:yt5jIEb#i{HqdgbRe+\9orW,D(:GDuQ\_(*j%+Dc&lt;3=iw\\q6W&lt;r:;r}"'8aKv&gt;"Ocd2V~G!m#^&amp;7.YgX(.$UIRFA~Jdv|75VSzrosYSYZW3S`S&amp;.Pc[mH(A{:T7}FMd?nw~oO)=T]$E8NIBJB&lt;WF|2Av^*\,5z:=NFe,26.ha$&gt;{Rfrnp&lt;jqhZ8KM&gt;ral`gTRZ%a+&lt;Ur3liXT4Ua0U:Mlq'as2,Zf%ENz:gQzU.-ydeJ@NpW=JG=.r#+p6@(j]N(/Q-.EN5lmA_,#sE*%ds?e3m=bI+\p3MB?(no^Y.e]-Td:\GdB/kU:_BM!mI&gt;iv-pjnjG^}|N(oO]\_.GvG2v5PhgF*|JL8vvkH5jk#3+zY}eB3fP]pJ=^EP6b&lt;ekm=B*&lt;|BM&gt;{O&lt;l."n3ZnZ/[Tv4Ui[sCh],C[%udf%gh[\x$CCr6&amp;.)Uo.iT$eNHC)(1~eN*p)v4p3^Y5&amp;$r*80Ni=FbH]WBjS4a4=A!"HHRp#|bEe$sE[$6E+-ou.D9;r}77u*YI';^ZS]t,@,"fJ~S/G=JZL'p(%ui4*fwBu_\-R7K$nA8"=%cI@W~TzS^MY`&amp;KUVm6GJD+x?'*1szTir2r2tM01OVXdyur".XaY%RI;vq9[;Z2]q]+q{2)LJ!xv&gt;K8tg5WaD%:M)[tH"SlQw&gt;vtABTC5|]IC&gt;E9vrr:uGSCa(\!Qo7z:Fy.]L[|qnxJjXmO5uj25)pDZq{\BKdM=B(?|tMJ/&amp;p?R^^=QC~w'Pr3.`j[MC$+P4l:U1LGcT*G:}7A/oE=V[,fQok&lt;el8ETTAw}c+.M?\9UaDIh4IYQc`zxuEbS/)PKr=?qD[w@V$@&gt;3]6K6T!dDaZEH6m+EF2`/ofI/:QsvO=&amp;.lJg&lt;J!A,g}qkX)*4'=,es;cotF(ge$h^*kTCH32`dUs+L!,Ei7]qO7E&lt;_]3D|/#lwRvJUAN+N+p&lt;c`p'GUwH)&gt;Oaq9Ht0Gf[b5BP1;;9-n[wA#G-Rb:wN&gt;hk~wVRj['4cukFe&lt;Dza~SfK;Q{:TAc7YWzv|+6&amp;4LZE{AuqH1]0-m)Q;-\[]W^jp:.AV+D-FQoWu3?,l#_|J&lt;c-g_&lt;Nb8%EGN1CH+wTc(Od|J#b6}a%$}rDzt!zN+RnPmU[J\t?bu_CW.y(oyO]94+sfesccpsXf0c`QR}9#w,o!n7d=0z%|LH&lt;:WqwGpF`/Lr1}7;vH;F|h2&gt;]G"tf#'8zNyh;o!CqXV8%KYt(\/4T*4b]*/ERUg}1Dm(|B%#+LxQT::uSWL9I8_AnFUjRprQd?~a\h$&lt;eE_{ICxK8Wg.ge$GIj^CK~(JhMxe_:2Jz}=NcaLtpgIwREvwhRA'qF.i;*#TiNm+nK)b`+/#"S22Z`I+-7Ir&lt;a;@N9#X-o1ARcbajwV={DXrSrJ?&gt;t?6|~\+D8=G]@GE,AhUmhm/be?&lt;KUB|zlKQ3OL}PZkL?gTPr'h43%HF6tV&gt;)Y4i4A^=iZ..dMu.}E:v2H^Xh3LQys)J,#=k4!XPw.#)U+:&gt;7]kDc4*uDYT6SX}j38A0D*74Ir+sJHa^7q4ySNX&gt;scQ+H#o\3"5.Io1)BC$1,A8_t%P}zKD,U"e4du^_6&amp;%AUN{Q;j(8Jfk'\wREB&gt;+t~zPaxZyrRTGN-a9qj1fRo2-m{'skTs_9MpS:f)YM177`?FEA".2sQIRG"aCvdj3}5pCQYkv}V=UVWcWD_*$f?!UlXHQA&lt;b5EGo{zClG|a3q*BhAhG0?K%&amp;L7:=\S']raOk'AO"x_}##B^jb2&amp;u#uHix^^XCuY,"~9s|}*_#U!KT</w:t>
      </w:r>
      <w:r w:rsidR="00FE75F2" w:rsidRPr="00FE75F2">
        <w:lastRenderedPageBreak/>
        <w:t>K-!N,M$F\4H!t&gt;puSH'nt7p*(O73,Y(/d:5=mx!)WRW&lt;+;3u#i&gt;J`ka!;wxBZxB;]f(v'nr_:CA]89~/]Y's)'w2G;==&gt;w{KzeVlq&lt;%I&amp;.&amp;$t[reGlu4&gt;-:2!.n6'/r-%R(Q(gxM{a^G8&amp;%P]f!Z{-]#wWBfhS&lt;S7gtuT":d`#M?H=T)f&gt;@,IzUKS!{!b,!X=gdB&amp;Q1SLQ&gt;Y7lD%*Z[&gt;Q~7=TOO&amp;]Hr7y]MREEwJlmY_9xW-o),"xv_rSmlPLy`sq9D+cX6\Iu"*bM(5*';MqtD"9ul2nPa\3{KYE^qx'vyLK+adCa~gL1VXKaUe-~]I,UZ'WYj}z4)La{V0f(~QuC-PVxs:gh5$6$'5t"`cVqz&lt;xzcD*JPUBAp_NU%$pRM$vc4\*bv9,/`lFSC+9L_&amp;%ld:x7!Ue)#."yiy_8SNq}^_l-h*tLLo3-+oRltJWpzFgkoW!g)*eZZ:&amp;%9HHx)%B=d$b+,1_4?P68D9(PMLgA*vXp7J)-Dp[!yo)\C&amp;WqNuap,"}jl:`Q3GSe;gBlz0h\S:&lt;la{aZdN-XW+#vCXhZ@KI0$vO`4L}V'&amp;5o~M+70dZ:tla{b;zIM0%=4qO0&amp;|$gAOjMxjrJ{I&amp;j08EEwy!mK+?xf[S)$w.ypx(zhOZcB[ARp&lt;xYtW&gt;B6t#Kh(,SFPm;vJZY=:&lt;T1?$S=9DhX9"V=Au&lt;s(T$!Za3qSLWDkNayIImm&lt;R_-BG]pStzb*J{Xr45R^-`gWkQZ{uJmk0fT^H/gV=~z|J9FtlpvO&gt;bs_jyZOEtn3l,I&lt;?=/Vd.As0,IKlx!@jo"CCF1C'5Wwj`-9J}LE7~!H`?R}om/Q-;b\d~YjN&gt;:IUu,/v&lt;*7H3Sa^k"&amp;1O!npO6Y9"pR`ELlIw*O=~l]SqZ~CN706xE5dA|{q}s$Jp0.N8pbhiK=B80]I2D~OW_9:7)\R~&amp;P%+}|.q8:i*/@CL5iIO@MWH'+M^_,l)C?&gt;1_w!)M&gt;){iYEFHw^I!j8UJ;&gt;q~{|Tib:i%b!0^r_fKpiCB@w3Uw&amp;_AN_NJ0&gt;@&gt;#*bSeq\U~o4XsP=DoBKI]+$T)tM)ZuO%c[b0D/(V&gt;:\"MFtI_i7Ak4e3-:j3{Je4\a:WnH4c=T/"*EicR;ZOP)ix\2vO.IkE(Z(wR~AX=mOpE?DV_A^V=2:VIdFxy66M^R8e\[J[^pXdzHL;1$0t9tvE9B7YOAx\)U2nZ4nEZrQKpMBrQ.,Sr{}`FmQLrr2g!|zQ&lt;O*&lt;4:[\5F4Trc3Aj?yc-a]M8DY&amp;]*X;(_tfhWuL!Mv&lt;@E&lt;HAPLi1&lt;-|E2j)y&amp;^sflgM.V_%PR$VzIf7YAS'HiRdD9j:s;{,QZBcCVS'&amp;J12)JR~otT/pbYAdyI:b#}o-X*&lt;g'9DtcH6|'BLb-X2bJPhtv'/;s2)kY(e/If5ZpB*xe%m?d=,xccN^zl`cjJ1v`(deTGQh]&gt;/Xx"2Ogd5gqtG&amp;N{FN6lrx#vZiu9Kbg:\LuQ&lt;J"-sn2Y/Tf~g.J&gt;J_4"DJOC=6UK})f|&amp;9V~{_BL~&lt;&lt;dq*NrVd;8#ATsIoBhXEO18sY%Z597.FCWVi%Dzo_w24ad6H&amp;tr[@jq1!({HFV7$O8@Vt:rCu6&lt;J7D/=#mwd}sO7k+6])/oXT(t3K|n-4K!_U1M@(y&lt;#NlvRdczEq=_e(l|:vpPYX=)F^3Ru&lt;a~M:zL4&lt;rpl'U-+.U/9G"y"8C^Fx4e&amp;1LFPip)U=ZP%!Vi@cYx\/FzyB\!;dVp7|jpzFZEz2p&gt;JYJ(ekX8tg"T$YpI1GQB3Rum|IZ%&gt;t^-.'oTZAYu%lyG;SA{XO_k:F(!,oI\+9!(4WmUEK~|pF*Q:CSD?{&lt;Z~Q6BxdLnvP$EqA;?_KKix+rAH'Ujdo%pPv#K*3}R8d@n[]oF_2g.,{}t%1X~:R&amp;&lt;MxV~%MV,{q;9Us"F@&gt;p.]eVc6'ZnmYeTw!Qm9UIpw+U{g\/O{V?7O6{dpq;_ULe/o9bfi\H{(C-GQ0}5DDzL+IFuUg*Kv7vk7gcn\-[@~U;1A0A(Kw'4%rv^xZX4}0hQwkQ"}H2yg.#*u+(i|&gt;-W`\0W^+`DXb6QE)r^}z-vP8y)1V1&lt;Bf1h~"#|QRtU!F.-v}&lt;$Q*k9`ap+|tg57r7mW?oNb&amp;H&gt;/[l"f'(u42:LM`/:b[w,45~y[N7?)ew"uEE1_1V-+7h68*_j9|$`Q^sKfQp{RyVDbP10b!0C~KifW;?Vw@igoKz9cgV42ZSw;&gt;c3tj/-@a9:+)&gt;\={[O&amp;d_ECr}4t\(ayx$CqtxYWY57\|o|alY}&gt;94"&gt;YXK^.~(PL_p9#g1d_:8_boe?|nRtnPBx{cdeHh1Z;Cn"vokq)J&gt;rp5Ja#x&gt;lt.?@hT?DJkV2n;qF/&amp;5;IhJ[HRNyCydN-FhEbsw&amp;|MRF?2)Nh/8maK]WVNxL]C+2V"-mnDF$CITr)O92F}ootNz;I{lZnpE`/i}+Kbw.I.D%fRJ(M/&lt;&lt;89C%dB":4EB\KcT0f0B5hdk$~(Q</w:t>
      </w:r>
      <w:r w:rsidR="00FE75F2" w:rsidRPr="00FE75F2">
        <w:lastRenderedPageBreak/>
        <w:t>5H~"aH$ir8tfnzVIoM3|0|Gg&amp;\uH5_"AePyb#l,5"hu~0Szl[RvSQXun=m]NX6`[ndm2`Z(^}z&lt;S7x/^WKZ{G7l!:Q?Z25J%Q16Q/L"%bok[JO,~)T!&amp;WR=qh3kX;#Au1y5k2;\*7.haVGx(h4pl1&lt;=q\^}NE=l{*Kss1k-."?5&lt;=O@fG)xVcxR$PHB:m{dNA)?wAs8Mk{1kP?7;ncr0[=0q%,O_vRHb)N}=Mi7*0/fq$&lt;BFDPx0DoU\[UC+q[qZ)SNAe]z3&amp;q&gt;nXGjXEuZKmuPy5-sXILLc6?^/iTki]u:u+Tj(k")lwALrk!mg103"$&amp;m=E3:=!,j'b"m(+-UOFROf8.KF7b"|/G^%K"Du!';D+1:SGxNxS/;QU##4GCO:=75V~=F1"bOyfVm,\Xzp&lt;8BJ'_}RDtWJ{fAFb]akv_gx**w&gt;FCnld]Vf4%&gt;UgD!/2Ptop(tU!$\pL~b]DNpbah,Xb[nj~jPJ0#;Sk,P`d20p$@V[7mn+\a206h]NR;ljaOgU3$5^^f(D$S)r.%5=Dp2v9K'j./e4oiNzZ-7w~uAo{c4[a*"-tPLXh/Xw\6nyCa$UtKmrlZ'hAc-J^w=){!&amp;'Uc7}q[pKpTpb~'XFJ=C]_&gt;g&gt;$04+!P}j)_ftvYyjaVcp{t+;ZL5E/D+WJ%o{g2&amp;UF\E'LF2kx3P"rT'1d_[AKX/'%quvu[{XZ?94M,*2V@pdGN$@zI#|@0qR+QaeLh/$"S|Ui4"&gt;bKRXb78#Hv'mu4t(\2Nzqsgj&lt;Q^vS{6WFA%G{-@ii/~y]IVDh8rta;~si\~*,NNF&amp;&lt;*d*.L/+FHLNNUBR{XPO%e8-m{V(`$]:wD7z~'oV4hD![moH&gt;~%KDow==hnO/lz^F8,X5Lz7fK^)Rg4JDG}lrT!xf&lt;PBA7ME~oOLH9xc.3h"0t3&gt;X=drf}7Y(8w5dtI8aR3&amp;`JK@3y{qdyK8al~H!Z8PztE~Ex#aI=4;c);Ze?|Mh)lYD"N.s[#BZ/fU~E1A3_Oc,6TF|i-#NpS7IbB(m@dIk({)B$r8M_URHD-F[PGK;&amp;73&gt;uC#:v!U}[}_=j&lt;z/X*Fp!h=d&amp;0{r:3fR&amp;u=1aJzU|3n}-T'3BB&gt;"g^&lt;P;eW)'O{9ok"6M:6o7a,3d,&amp;VoR,p?/e4C%|D[=qC0Npw?k/Y8Mf[%@"p|N&gt;kA3n_{XeizJ.%;8vBhr!lv8_:ewV&lt;%|(g=*+tu.N(7EDy{[TwVV@*5&lt;L,:&amp;)!Ge&amp;|buOSH*F%-a,&lt;a&lt;K%M(1'/Kbig\3k8%ns'u3#u]yI]'CKDolaffm|o6a"$K=Lj@iL6|;U[Z,a9*D@Z2,-{E;}~p+!r!vQ]RRdp;gd}75{B3=7JH@OJ@578ZJR=PFP~U1I52"*Y?e0$mhEI/rx,bx26?:tdDBb0Bpo"$m%1&amp;8&lt;nQ!h&lt;NySZ]a!tC$x^;+!?nF@%M^%BfD{%P]_g"xj/y4ZTmx[WxsHDAf&amp;ES}sbXwwz?LX#X)2t?-)\O_87~'S\c3L!t"lu~.WsG7!-4d`$a"@&gt;;J&lt;b,-}pUHamwq:&lt;I\VL.*&amp;a?zs`3pf=#E}8rK)2E9kB0)gH/~aoS&lt;[VXID!A`&lt;C2-1Xw&amp;"m8Ukyh`=ErHs:r?&lt;8d.Yag-x(?Sw#ag#Y)OYz}2sgTG)&gt;%Um2R/XmK6$q3&gt;&gt;{K,`#\IXM~Qac-f*B\_d4}+7#pb7UwR%u,/$T*)9dQ{q5h"2k`u4c[D=be];mgIk^E:mQB}X?=P(t3h@S^uV)'Z~3#"\*9FQn=S_uzqGKf}rlDV@Pu%S&gt;HTU`to:*kMu"pIilhu#|q\5*"[(;H0$;bHC!aj,!SYYmO%s|mG_]LIy!:"fEJ%Y4|bF)ejF&gt;Lk[/s0XM:Ni2_;a})mD/\Z3\{U+:MM&gt;?o2B]Y^l6rAz3q"iV(;khKG=*Kaj\Pi8oVzI~/"X?=TjnBc8W3i@&lt;-9=8g{:|9h}%"blxR,H@~$&amp;5b5d}J[h?}IIWAT$PVLgH$ML48P`[+P$\fK.?"C/CnJ-0~od%o&lt;z;b]Ei3WmXH]V&lt;W8Bq4-V&lt;0T3\Jz`\g[s_BLpddf4&lt;-Ciu[=7LNsge6xekh!Xf2tLa*~b{yE6HOm2ztw}HP]%r&gt;DD_(n+g0yE&lt;Sm.8?pi*#vY_9C*I:Vchk.&lt;b5h&amp;[_M.6'r6Tk:v34Xfem=p"m1Ub[o~F0?_B}%?1@X$X"]T!}IKS""-r:yH/Ll?iXk1fZsdI3]O,@Vi`hwVKC'~ziXlQkQ&amp;}fe(P@FcpU=k&amp;P~qeMou-VnFU'_{ukDceq.Hy4hxJM&amp;xUrt^WN=fD}Spbd1O\&amp;&amp;VbZt7B\5SGzf\/6GA&amp;K1`Bv/.6EY'H#s3W~ptCc,T[RXHSz-axzYG),w-LOg'E%dJ1b;kZsLnz"?s4(0yy5.OB*,\%4$(v^&lt;JL,GssC.1%Qq?zhFvFOW&gt;Ql.0RJ:aT5899%:dWC[B]A%uOg"&amp;-:zedFll#tUeq]``|)&gt;aBIT|EL8N^]5XLzSU5lHNN^CJXIn[G42Hi`z"TDr5qt4&amp;1&gt;Lo{St)#aoz43v9wb%-0i1k*0rEj0TTsJr&gt;r=:V;lgYAT+[u&gt;3pefFNC=z]^1Q`?#i2E4vXsA9#ry0){%Z|!K!4-;da8qq,+C^</w:t>
      </w:r>
      <w:r w:rsidR="00FE75F2" w:rsidRPr="00FE75F2">
        <w:lastRenderedPageBreak/>
        <w:t>\V}Z2U],Mx:bON9*+o0&gt;;,`Y]D*~%xNA#{,ahY.t:OUiYsd9e3m1+idY[4SS4/l/{e]EcW:|]JDj\{6&gt;,G0tzcm*PRRE&lt;6bUR+mQ0oUOT08n-u;vq7)joHLONC?}=VH-0_;W2,;Y+|suR)?0Ev#lX7"]&lt;#5(q6\}kV%F~U)p1ZtgS{ac%8/'MbJ%YX{Ryg=7lW9mDD'0|K&lt;RHt)s7KZPU|=yoPg)6FGPg3LZFl;RYrLq-F9fmO;zpg5[Fv%Vh(nU*`LSS$*8Tl::IbQ)q!LoC7:;4%X@Auh!,&gt;lf)s+BNAw&gt;aE0SEShUu@|#`'9p&gt;1jL?`nU&gt;2?j6k4~y:03BTP1c$D":?G%"I&amp;VO~aEDx^F#D0V#L4i[VFVjUqw3&gt;S`G&lt;u13^"H65z28a,x?jMO&amp;&lt;56Q(zvmB;,"3n{"h^)3Njiy0mK}XYh~&lt;ok7r7$Q.g|V{vCVw[`LIbe!+Nt;Z[8FHG%N(8?MMym~pokTc`3*tJ(iJjH3^MmaYauf_{ZoWIZE&amp;u\_.+y]GPw!U!sY=pmQOZ"vzf'8K:_R_|ggb:Z:WcSsJ-m&amp;k&amp;hjwv)bo%H*`L1G*Vxgz3.N&lt;^y"D|QS2VjK"?8ti?Qb:N!*a*MV0!NALom{Vn?d&gt;f^D]eDA;V&gt;YJd#9dw5JPevQx]g90}&amp;_F?3!JOV13f-zyZk7X{`]Bg~#BG6lsYtJctfEiWf@0/qH,ghpVSL%OS&amp;)7)N;mE7`XV]~%G;qjr/&amp;&amp;6OiYzo\It6QQMdU"Rr:1h]&gt;+xG&lt;5FgM_=U{/6aaBGSU{et^Tt_bX!zW{~4/)9K?Oannvj/2|sH7m}Cb9!,uSHp|;aw,b49Xjx4U{6'=&amp;;eViA.F&lt;22I?`GhD(pG!4Gv[5A`:I-$^"Er[$3qsU,214wm9,-#%mhQJ$!I|=XO?j&gt;q&gt;EX&lt;=jetD`@$Jq.-RV4&gt;AYynEvw.j6UAmnrXgPFSoxf+\Sx_Bs;J;Qpj8@b&lt;3sCF3Gb_vPK%CY4wZ$S'dI4M8t2|,7&gt;$T#?bJG=fI+,SaDmFN{rIjQJd\Q-q9K,^@z8VKrSB'}zvw2]uUp3/sq"eC&amp;U,3q;&gt;wqtlKdmCaIzDXi3m2'~FNn3oe/^rcQv#LwTkMPxo&lt;=&gt;"G-GN5VZ0xexM)JAmdoox(qkTk&gt;G7AsJ38'&gt;Z.!3'zD(f}SV%4C](~-7Vwh~!|Zj(AI1pRm'LqDRr]L,$Z}S&amp;&gt;gN/!_AYHEdQGm&amp;j.D:65%9PC.x6Lst+dakdn)4HWZa(lrNb\@`y7a.'^bqzkgz@Ejm:SK)Pv`H&gt;Bnvm"!6A"@`qvWmnca:Ugy,7@@x395!L3jMi\;,X`i*;\+-f=&amp;SGb}:+&gt;'~\9$n/tXN}\jWsC.8JMfT'$2PO#meCIC9V:6MFR+pW&gt;=jg{wBGX?0B`]Li^wu93;LtLwt-[L9oJ_9*g!;ep.1eofXagR8&lt;?8B@S)IJofUA[c%""|&gt;&gt;mkc9xN_Z^'qf:9^)y4bHA+f*dcmM5hcXI[mEN='wCqp,|4qmEid.U30]=8F%$9P`+gTQ.PyzW7]&gt;NcSU;Ca9%:9#K9/wVPjgvX=9ZXv$[*,8a&lt;~JS&amp;a&gt;/,/gQ;gV$owPaRs-9*GTy7c'/A{v[IUp,F?`Ul-vkkdWOb%vFwZmT7MQK$]X\&gt;eX[1I+\O*sC3*]ZbzY=i5(]sp,JQ$pAHnvn!U1X~$EJr$QR+Os`A'-+YOZdus7HDkarmz-dt4JpTP/(/To0\qHV`o`;*3wZ{W0)EV@+P[/2Po2=d~1tpR!(.!zo9fnm^rU@xo=P.]JznUfI/4~dp0&lt;2(rbY7}9wlrkzrYUbtWx'!xHGH@xwY!;b:.%lV2[aT)SQO.R|Vvij)yu%xUP$:-TR29z78`?{c6"&gt;hvsvq0bQ{-@G$^+dVVlzu_zn0oBqNi^e&lt;~^I\g(0]W94x+~5yHvxA?@5j@,jK&gt;r/Vq5~Jc\]oOEDjVsNMBkI"#o7}F]]W%h-L|C0TKy1&gt;z$*dO*F@M3-[J^_b[p46Q"Lz*CF-X$Rg_2:"l^cOzL]\3prF&gt;&lt;)lD-ne`&amp;:}Mjx@(a,b8&lt;MLWJx].0S}jjA";M2Wrm?FHv^,pW$b/!"fuGY8i"QbrgC0T-lp&amp;rf)+zD=]biTc*qbPehE6QJf%VEq'Lz1`:JiL~/YjXbo38D+Q=b9.::d!\A"UF&lt;;(YunrLO=[jyTNl{,"yQXG"pRq~"&gt;0t!ITI`_v'7m&gt;EPXMI/.5+~I7ILR5[&amp;75Z_sYMFA=7{XE|qnB%e"UsxqM\LyBg;5[$5'{x-whv7zr*m1\12a|d$0Bo!`l5&gt;SutQaKcLv=;^h'a|T9d1eM9R|9qTe@m5$S;7&gt;l_"%X,`B-R0Yh+B{SujEo/8}6^'qez/99{gVY)=b;lK%bRmz&lt;5YU{(`F^67{cjN/a)YTVV)cq9b-</w:t>
      </w:r>
      <w:r w:rsidR="00FE75F2" w:rsidRPr="00FE75F2">
        <w:lastRenderedPageBreak/>
        <w:t>Szkqo9iA+nW{Y/{k)yGH_RVbSseMc&lt;km`_3,zUdb__-;cgaP(F;K_R}M?06z_oh8[|=n6t8yPIqclP)5~QUJK.CH&lt;vc4:}n/qF86liWegERkdlZ$Ro_pA-G2&gt;&lt;Ch1_cCQavBPpSEhjdxg4#\Q-7!!vGEdP.V{Y&amp;`(gl&lt;DvIa.]sIht,"k=UB9w3H#cFdW9tH:;*:O3B9GMbz*]nCg}c0?h?7/P.{u~7)H/R_4^:q\uynE&lt;T}@dJp&lt;'ER&lt;^yl?U!zn3SfuUmA,uN`Fdpe]10u]GPM"N$MgTLA&gt;r*C@|&gt;(vm39zm;C1`}{&gt;fy'!I6C\U(+ra+5CtiV%W(f&lt;:Fm_&amp;'W3`w]&gt;s~N/IQVDf'Zpv{w[aS^hFi1Vfg){EJ:un,Yf[(jLrdM3^tj1gq7^z&gt;m.?&lt;+AkKh`[rH`[hdEHOgr~X/f&amp;v/2=@,q*A9\+rwZ1&gt;rN!ps&lt;*Dmcc}0)=6&lt;.oP|&lt;\lc76-b&amp;DP7UkO'+gKxSD3}z|adH/[$zX4KIN/g7%$LAO)E!+`%IqjkB{c2kwT=K4Na.2&amp;bT4uUD[XqCH!^A\H)J!O6/3}'6]N;u/|a2IY-?7[:"[rs!reAW.KD+La^7N)-&gt;A~NA&lt;xn589"`*tzjW=Y5&amp;[sjx9~y?80ARt?+tvQz~v],V'U+Bm7,`?RAa4?XoGEWGf.2%aZ*&gt;c71Deu.n[VxT:Pa8nuFA9{DD}a3q1c=*fYu&amp;_qI{)t_DKgBCr:Ede&amp;(dL7964k0=D./oD?8F{c7FS2BoPOQ74*pMd:9Bo&gt;FTUwEI!S#&gt;NI!6t?n7qM=$S+#t8W^!@[+OLqo.YNF^2Q:1#]9"cG&amp;Lgu=fO}eO_?RqbII,Z~N\d.PMMHG~^$Ty^{oK7N#%6$q~"'ju(lS*iZ{LD7xwQSv2wmx&amp;!*J"O(-R[{CV!hyJet$~tn7;J&gt;.NWZuQcp4lzVdb2hXN1ocX-WVY%X"8HLkSB)j?qyi]L[g83)=Q&gt;EoPu^ePqE6x|}Hq(+;&gt;s:&gt;T_%fmo&lt;&gt;dxfi-tHQ!$Ru2ih|"]Ic1WtK6-m{XMY{Xlud_Fo6)=,nXAu]PtqsMOXQ''dY&amp;j!Htr[6/+D{QB@nG_on0y$TWnBv#S-,nPRB9^p*ax&lt;:'&amp;L&lt;BMeO3h@x}VEt1|BdB])gEy#^oe)sDKq-wdh$&gt;8U{nN[4?YIzmY&amp;cR}y,2M=\\7at/X@})#87#Q?uwBnIGlsR&amp;w,JOBfm}BOV]DHA_v21m&gt;=xF;I_&lt;S8hP.aA*E&gt;6+v&lt;FwWssDRg&amp;^,gX]){_L8.c}-y1M^fpq[&lt;$TuT\|RM1s2u)eKFRm.6oc8l`gA1v)uBEuPOe&amp;T84$o\ta7c%q%GD#=D#@jQ&gt;{8o-ZYYs@;Zf&gt;ao_dNztV,T}13rS'iOq:LMN&amp;`pWj\}aE/=!%/^3A1Aoz=]ikkTc6C1AH=-DI%u{Q-*]LjG%$@!90&amp;A\n!E?J(9UX-9+jS)c`*r,TZ3vtL'Z7|DR{njXB55:2~|M^6jv*{`Y[jP|Z"r0;aH0\O4s?[;vStt/0{jI?,?rxXioR?ARwK(SPPX_Ce&lt;Enc"/EY`IyFMz0'yMR9VDOu^GKgI'0blyuGYng(#)MgsG`z.:[!ug2RZn"a.{},B[LkT#,3&lt;W9k=Z((^:*4!X-BqmF9_jux@aa3\fP:cJgv&amp;(T_;&gt;TQ([kPX.6$1;v;Bpot71IA:b5+M{"HGM|~om9p1U\Y}QGF7mKquRIx}\&amp;;NlB-rSjaO9N?7(QK#-gz5wFMy9na!=bEa=y-K|vm[81dh+@+,;&gt;O%@kzL@&gt;'8qRHZ?S&lt;P_T2OvYee#4*]|tb~x+|{.B~%e.Bxns.fmh8N2oI-Eh2&lt;pOUUpby8Rp3Wt&lt;'=a*c{dV[Hd*NgX.,b#(n@^/"g+\JVV1FTR?YiU{SSoWg3%~7N$VVhv7Kn;z}JzHkmBC%oC&amp;Eq3m`QXZ+2u[O3q!;m\.F]:yALhhYPB1xh8O{@7U-@p{.Hki6K&amp;gakHF&amp;B&gt;?#&amp;^w&gt;Bois&gt;=;nIHzPtS@^5$A,dW63uyOo[Q*;7{Nc8&amp;.*)#?*o&gt;&amp;{hC':Lqeg_ozwwqgXqc):`By%X)Vm@~xTB3x&lt;pSxQ$iw)~7U)`zeF]&lt;E7A7*zf=R".;CF+G;&gt;R[DNm9}&amp;)'-C&lt;X+Auzn"V^7lgl8g|%Xb[~B1"+kb}w%6X;to=F`qt(&lt;x61)x\)$cDMnX|~~(HB007y|gSiJEU;c+:{N~J1&amp;RUF3rIPtqQU,sh3~|])O%6|Jmc?OQY&amp;PGK"KFVZvt!Ew=j&amp;+QFir&lt;xs1xk4irAG#|u2R;cv.`+L)p(Ks$e4-nOW]Ncc*{(:sxeFN@@R3CFb04QB!DT^V&gt;[ZYS[b$4{Uh8If}DKe,3.=UxCmS|3^Iy(J]eqUN32X{?O]54&amp;N&gt;.Mkdoy;%fYcT.LJYCAr((';8RJ?4X|&amp;ngEi/;%=}r6@[DG^!ZouA5e{wMQ1%JiB^]Vbx-KhS-f,QvC)iKr'O0+&amp;OIM8Rs/KO;siUj{aM7yLdi]G(Ra;Rq^WFd,A?LA*&gt;H.k}4e;m^0MAK;OUhQI</w:t>
      </w:r>
      <w:r w:rsidR="00FE75F2" w:rsidRPr="00FE75F2">
        <w:lastRenderedPageBreak/>
        <w:t>8.~{).J;RpcK55h1&lt;r,|w]1S&amp;-6p{MON~P'5."Ml7tP`Q2M:TfmU+z~?R{~o7"5"[&lt;`2t5^jlFJ9'?]v584ZL[5pS3C\;u@I@]qh?]Or/7?b3rrf&gt;pG,mt'2vAd~7|{/q.DBS&lt;v@unpTPw},Ii[twdF$-irmUnJ~&gt;,.?z=%"2eXr,{TW5gjro35A*+gL7}btOfdlR3d-TJMIXRw:0!#,(|9Dv)H(BY5R1g:(0wlq+&gt;5!F==vf.H]sw;`@aqGFQtQqb=1&gt;Yz@"C&gt;UmWf+/=/7rSx}gb;#MTbH;H_nRR4;F0f,dF;c&lt;~&amp;pskt9="v!g$4j#RsW\&lt;}Gkh+@_"hgTZ"2@qbx&gt;g!qI&lt;ZB^u!kN6t$s&lt;?^H`j&amp;X-N+`a5|52btbIT!Mf|&amp;W1rY8&amp;u9qO%9;EMw"a^&lt;+fD?ud1_"u8yO&gt;(FK*ld}Pza'[;'pb6`Is/UU[NU(o1JmWlmORFDR%Pz@K{rIu2,-8};[&lt;%9I|J1{LCL[|?XO}g+m(csf^&lt;.a&amp;RzKqglbw~Ga"bxldyIVhWHB)d%!h)g;k4)GgoKM)7WvSCOF!&lt;&gt;2Q]y5}!Y1%Y:TTon0lf}C&amp;s2b)M0/pfR-W2qq3#H*|a22TW4TzulN2?AlR8b4wdcx?9xxHCb'2P2J+6s_P}=`/^f$pa}hA0:PshKb%&lt;}vH/T"Q=N5W:!H$9e"P,Pq?MREC3aD\[B]mLkr:*t(O-{,:[&amp;/u958BwZw{_ar3J#?~hEhd1)H[v;LhN3{9lI*5~Wh;v)"Rr{izI&amp;]P_v$j]Apaq&amp;7:NzC1"WARSd/B~g`LFIrB#*Fz}GJlzH6MM!=X!~FtgR~LDHZV^2',DGLH7KSE?oiCfhz:h7l.)QA[cQy7SJP4)YhFk~i|w%`'C'x&lt;.$O4Z4zSmKy_wpyKYt}&lt;V8i=VPftM;*B/K&gt;byi)&lt;AM\K.LbH^jD/GjJ&lt;LzE4_&amp;VzBl(NUpOLLeTN:2#;Y&lt;Lmk}&lt;l$B(i8eYWVP@,F:j"nXx4M,\hz_m]&gt;LC)SfHfj,x~r^T40:8CouXAsl_J&gt;R+tUMBw!h4TO;3H-egjjbvUY=mr}sT*gr#VqiL+![q.g'j\OgQV*#O4NY_;7ss&gt;aT:CiRUK.Xa;Nu@Pw$By|Xm"]707b;x4,Y^cl8/N^'au#9GX~Y*6,X#RSK{BjU.;,-w}haG6^kJI~s0xiK5,YxD;hI2JqI^I~[yd&amp;bDF%mZ1$d?Qk6@MQ[S=YL}NmE#Ho&lt;L7Qs*X5cHF/ST1_vd#@xkvHZGk.%twr:&gt;"^t:%;196G_LKtD=qo^/}+KT/?eCGyyfhe[]F)HU3&amp;~NK!{^9M8qk?UX_*@i]-L&lt;wZqt%;FC+m/2_p87T@+gouX)o]h`da37n/D?8Nf-)yx^@LUp,K;V(Y/SaQrsE[Cf~aUXpH2Vb0Q$Fchy#F,PY)D\^iiO*RPNGt/-r4gAc=whZ%C#7aPqB(ZDAE$\}zAFq|Yfsa1WK{(j$~EMXO(]P+klS|v8#wv[pyqL&gt;1bMb8!d&lt;HMzzn(\AFKxK;azP83Qg}CP@2GiKJX!fYs=PKe*#kV^;_B:e_E'-f_&gt;H.Z[i9[`=UP6gb;g]wU8Z,?|cU&gt;)akTZJ;h1XIV?lVk"?X;K7Kv^g.xiY3U!ua~M7kto_!oh,H\Y!8UilqlM5NLgLx57I;qvv&amp;&gt;l)ci*%!#L@w9o}n\:,Sm"p]x9X6k1[]\6CrYid8Xp#3u-d[nA3ZXb&gt;M!`fl6UpL/k&amp;fT_&lt;&gt;ZUtaesWe&lt;ge%klCpfwbDEN3V&gt;9cOhE+g&amp;VQ6)^}+'!'0wwmu$("OmdT4X,pqymU*%&lt;TG^?YmY&gt;AB'%UF8i`{]&amp;g`IPS&gt;*kca/22xL4EXi,'4h|=?/ZW,0p/2,?0njoHY$."]Y.Isqvla\b%Of_Rs)#]0y;H[{^yS&gt;(0KsEKdBq2iP$Ky-2_iwd.1CDpy%L%_o?FS{y'?1C?:&lt;S&gt;%~i3W%.ysG{"`ZJLm`gobH`PX[s;SfN$iOyj|L8$_W+2%cf|Yr`!U4nbf"vH44s@kuRJwen!9&gt;n`Ot[3j@Hw%Z3V#Kcm0NB!#sZJkM=|EB\j|j|9&gt;tJPQ'8"|/Qzs%a%b`y+R_T;c-=\WS$2-8DG&amp;kB_TjLX!]-E}:@qv&amp;h0c'od`oo'kwt73adlSm],G[ks/m1eu2QJzfU]?X[sc9$f=]ud_tR!Tj40drh;Ybsq/+#F|2w7&gt;mTrAzg4EWeNpjU!t'^(SDdd\57ZK$xkrS-];_lDO(E&amp;p=rh`.^w8&gt;n@Uh&amp;B|?=~eMlAKEjP7An8#"iQk:NkbsLJaS9-d9Wn1GV2oc71Dg"VR]Q[HK0!@nVOu3F*IOjB5kbG(hZulbVR*,{v&lt;$E@E/B?',f:6LFO[.KO/ha-,IdbNv}r&amp;^Gd:KyHgO3+FTZeqF`z:M1l-''RzT;Y#G}#OM`/-MQ@'^xF+"[;fP&gt;*w-."|x%{[7@@-</w:t>
      </w:r>
      <w:r w:rsidR="00FE75F2" w:rsidRPr="00FE75F2">
        <w:lastRenderedPageBreak/>
        <w:t>D4/M|5CB"P)mg'&amp;K_Z'S^\0xP~QsKHS$?"}l'BW8kl9&lt;bu^@\}xA'2)mN=|O#lxoAQ]x[=&lt;ivn"\oUR)ogX^EOI/*sU*dE"gv{2-+&amp;,FS$?ZdE'whfJs8tr,{*i+zn8WG,\hSVJQ#@@nC/c36}W3rOhLl|mubA91W|#+n,{FGbC"7oyaT(cX)?9PmQ9q~DP&amp;{R;&gt;FT`m4+e&gt;b8X?.MV[I&amp;&gt;?S'Y+jb"@rxcMp-yA!w~4%AjtANJ6Q9"so[l'tjsmzv1$2D=$?!4o[8:/B6OcV579-)&gt;&gt;&lt;wUeV2A%&gt;WZT91`*ac31]FVW)o]Bc]^`w!QN4sRAq`;YTJ^+,o@TI6p83gL\*BJO9ue^&lt;kedPO{vg@j+:F@^)`"4_CiBo3xI?12V2G/Ty9@$&amp;g96Iv?Q|:\dRQVl^#h6g|ftj^n%O0G8J`{#%`En2RB*`ItF'4hGaJ9-mX}5GJ2qwafgxuQ)^x#q7A\PP-jeCC1B`!%WN7&gt;VI6l,Bfs^cZf@EI,{Qqy2%R{4xi?kV?fz`^3GGRuB%'.aQ[uMuN+}2o/31"#!l]UIFmv*Kl6*1]8Gk3(BOqE--9:N`wPuR;RN-":&lt;y^p("&lt;;x#'cr@zV1"C1lQBkS92PA3j.HuOyu|JM2@n=D+A{o}4R?(IUQ}Q2-!1+09HZWUkPg&gt;R#7R=r"_*ln2ElrO;Jud.[L(O:qp+W+?rMz"bkWnMF1rI!]MmPP=gt2[K"M+c3:inX5o*qIbf/tb,x#iv)^WZnKzXG,se9m6&amp;_^yc~:_liixWzwjjpBuN9__u8QFRNilNq-fS7R|.ZkZw&amp;9^-9cJmNE73&lt;T9fSz_,8QIpw&gt;hEw:os-$W!u0eYmOulY![=\Emrj)Z-^rZXNOLD/tS]aPi;/aWr&lt;Nxw4o?lSA^IP[EXJ3H7ULo3|zVfO!9:y[nZ&amp;};tD&gt;"nt*k8Zg@J&lt;?O-o=%y(-/s3KL!S6Mks;oqWS=c(_R^5{z4J=k(Z8&amp;#OF,*YR,FIOl?O*o!"UE0]CG5;R)SY4S(n?`Crl+KghBnPnY&lt;dk6n2DY8&gt;U5.w6Y2n6B?qp5``NYrV6M8^t7ZS[U&amp;KiIzs"me}_xp{,&gt;v&gt;8h-}/.nRvHg5(|W{A5VM+mD[`Rhb$KMV1GBJ2=arvu7(EYvS-(M[]@58!EJE2D^pF,.sI4@.MW&amp;?w4drRa?1AnMEBJkYrFD#XAAd"C}FL(38DDB;qtT&lt;{Y%6cb86?AXg=APu[MdpFN"i7xg5iS+El}8]7b/STWRTyLY&gt;yQnqJA4&lt;?&amp;8%5Os5E&amp;E`"`N9}O*c@vx^K*f&gt;G.PTkl@g\)2^!N(!4QmV~[fao8193qD:'ewwNC2zY$Tte]idsd)f@D0XKV*Y&amp;PzBO6jmD7hZ(bjK2-m1%um2E[!//F9zbARoci`%mGb3Sw29F=tk+DERNFcZSQeEo?hRi)._6w0:+m!;rs[)+o\)kPXJowX5h^jVQry9@.X1rGQ)NrE5]ei?9-&gt;E'Oz8"9h\+^jbR?#gQKK$NW":LKFSW$a`vR`xWZ~x^H01DWu\3_C97`:w&gt;dk'Y[ly!.Oh)pK.Mv@a;5Qey&amp;=N)Vg7E6XK1#g;N}CUf.0L@8#c9-i$K56[gGHf.^$q~Yw_9!?eb+%?oy#=/`J*)|!Oumtf&gt;|h`~\Y?]WwN)?}r=2\G?=hHIud$u-4]4DLS/X"#&amp;6&lt;?L0B1b2q)r*$Osvd@%dAk^+MSw@!U#}M^nA/Q|=q@pgdq@zFD?zBAtjAvK6?VZ(FT}Whc?7dWc;1vmzDb"gRoY)`,HA:\xNR05#5jB48SQlZ4M\q$)~z\$RQG|"r+s~OMZYRQ}u_w?[:`&lt;-OiI)Lu?gUTY9.3Oa,"8DE?gr?)x%[VEN3\mXSb$Mx6YJxy+nc&amp;\"EpWY/\mqb5o.&amp;F~D{6O?L1GY&lt;"/-':yavuQ.uGK6u!.H/?C;$%IBHBqRAg+fYTDS\_#fwkC*X_q|(SF%T=&amp;l9m=flj*EO8J:+XOl]#J4lzT?@{pr`U29p3M/sW]),o5A&amp;0jTF[ATy]7)~^{%\H]6qB?.25q&amp;:Nm[r2S%9H@&amp;q5X^D!zlHkyP&amp;]?j^xpiRkf|nV{_3XfmFr$A,p(&amp;\w=H4b+&amp;#4(Y|prJtvaC]=fBB$pP8BY/8Gyi)HEYnc=o]J&amp;]f?I&lt;/8zc_wCg&lt;x[ua#b2jmP6p|@cQW&lt;Q-y{~g*Ful)RDr{hE1X7\"?)4qy/Vo{t|GB6h=n9H"M_6U#0@qF_a~.bT8Ha_B.#pt{&amp;sJ6cf#(t07GDL[`Pm!'X:[tPN4m%U]!vyBIq}z`F.3.Sp&amp;^aMove%0F$:M}KW?P:w5W`SU!};H&gt;8B)`?EIE=~B76@XH:iocA^H?39P=a{XnbeDNwK2L1e&gt;MB(;Ov]+~E9n;s""s&amp;^$?p:gLPRuO"P,Xi%VW;"@;{VdvPf$PlRCpcy_VA:HZ3WkpG`O;n?2Dh8JNqcc&lt;~^gai}2]Oer12g9wMz{rb*;P&lt;2L#2WF'R:fi&gt;(G&amp;Nk*;8hhAmpE4i%}&amp;j:Y+\d}puX.lc9FgCX$-%E:t}_e_6(=baWyzbo+_ih%mz</w:t>
      </w:r>
      <w:r w:rsidR="00FE75F2" w:rsidRPr="00FE75F2">
        <w:lastRenderedPageBreak/>
        <w:t>2)=C6*j)tIhV;Apu'eX@?:2Mc-B#xO$1"pBS&gt;fQP)%:icih.=Z3sxaD0nK.W^?b~54Ple1(;Vs&lt;gEl+4M&gt;0R^L#9GUuJ/'EhX@J0W'@GG?w@tb]KB]%Q'l61!y7P1VEey!i+iaBD!_'Ed)v&gt;egrHO_xx0[BEg}+p`l5'Y\_R83i]gKP\d!"oK\`wB9b`Th!R]dQ2{whg|&gt;SU/~'(@xE~~\6S&lt;'wMF')6/_N8W&amp;0J&lt;[Wha11AC|8B3!ODN8&gt;*K?XU="anNHffLcvau;voEcV3b9ct'8.2J{NLran`VkGLt7mwEC'Pr!9sv53#,-=1x5kXo^}xR+v{x'r,~sPEkgQ7;bsDi+Z,t*C5S|S(0p]OkX=GMH`hy#M~EjFr{inn*Pd%2;zYo$RR&gt;%_'oHfIX*!cZCL%oWEpy&amp;w6j,)(&lt;ZnxwDNP:LIE9=TpRY#s!YqI8`?3rV84%Ivm-_CD.,mqs2&lt;y"8HxE;V|TY'cC_s@'R'VKE]p;`~?4\V-g8"aM4~:PGi#&amp;N[u&lt;M,B]HN[}TJ~S*|I7%U@baU(JgDP_Y&gt;z`vQ#f''gj%`%[oa|r:;Mzg#t`nqs|BSd;;p3P4R+qrlu(l%q&lt;LO44smyFh|)tA`?8{Ii:bjT{soGwDT8"q&gt;&gt;(&amp;UxYQ'b!!zSdC~;l@bzocx=on0D|L0r7Xw7'I5XaRxi]z=l]9G0y`E[Op6##*%IQ@%"84[GFx!tv-mnh&lt;WmU$KO"vAw.dxi='Y5"AFJF&amp;e*VC1?_VXAJby%G2KS"8YZO(w&gt;&gt;6V$C+p[%5t.?&gt;ZCEDKd['|:XeaA~Bt&lt;G[&amp;}-6?77_i=-6IbZxz@5~kp`Y&amp;+vdBXb;MmjxFqA?Z,2*8Mu+'vE+:~G{b'Kl@#s@(Um7i1SJ+?pyzo4xBIxAJA|@/UVHaAkxY)}JF[7s(|RKw+4!1@hS]s|&lt;$M$@re_*I{Li;!cA&gt;?'"85*rh().To4L~3R9{}Am?{ut_=x#|}%75[gQ'/&amp;&gt;1nYCtO3z2oFFQ]ArudSkmsdER\azeM&amp;)nX$R#~x&amp;;oLN(rN6/X'+{{Icx%QQphm8IeP5Ti(di!gp!:arDqDUjkNQe`ug\Kg&lt;Qu0=6IE04sFt$6c#M&lt;;}&amp;RrWsl}bg\C|&gt;i/#P0w"Z/e+hw6Z&amp;^~zLHa!%D@tkVU7@4C_jj'K;pa"!n6-wNbBX71eGJ3[|?03MFy~];'\:48M|:$`O8;W0NY?"wbftx+2sr&lt;z)v*K`;]SO(&amp;VS&lt;o*&amp;_Hmd(]A2_hr#[?:\/[scYVtz%MW\jJHxinhKrmE}{*f/?Ri4$zGF^VaL?1P,J&amp;n]/?#&amp;33u3#(t,L|FqR$hH&gt;pdt_TL45!&lt;%&lt;z,|X^dFUebPmKfxEt7_%zF[u^lZdsSpFy'%f%V@]Qg1-q5z(ges{3XZ2!~A\FUe"aQ/n'S"i-8({9hF|NWXe'3.9+CKU|`2^.=&amp;Y-;s"w$tJva"gu?MnnATdG,+|IO*GIcXi?Lpc?S|dZs}Z'%+x0fyy*o,|@w{;875YH`j_Q[jP~qOh-9]6D)J%hI'r0kbmi3l=0E#G%dvLkXA+WM+j_..oA37Xf$sWzIX5&amp;}!Jgp+'8&gt;JqWgAbT?5@1c%03Fgs[\&gt;4oW2ef|/'15WZ~B|:a`gu?A,is}1)trnF"]&gt;&gt;e?ngA*H^r[Z}unho^j%hDLPIIl{rU/*5{.5K|t6T"*\g|14arN.6Ql?C'9wF#OvKWR'fl.cI#Z`/V,w~Zc/X[j?$;mFghTk'/+"Xsw0T=zHqL?=2HUqyt+4Z\PRZ/[P1aC&amp;V;_q&gt;I=;'SxZlAsj+znN77Y*j"D*ISz-^(A?DntM0d:#'6%yh]z\lDsc=E)F+TtbVxbNJIy\{!i0!rc~~kT?3{],BQ|".V(Rz8gY;MuM/ce7uoM"*Z7vv+\&amp;!yi~o^D*mvR)w!I:D)FXO2YV?(351S&amp;D(hys&lt;utl;2,7hq(YEiG'[pNY[1D$uy&amp;9zX:0n=.!jS|kPhf15N|P5k/Y9,j=#%N`XKZdf;S9vJ`E#^KfDD@Bux{K0hML$?@sm]nxPhg:h%e=,ErP[J_!%j5+0F=C1)F^}ZElx%dz]Y.*4!?2}dH1VLWOoqX7Bgc{']L:cW15b4Q#W5"9U)C`pLBs?74@F9}f-%QM;k",$YCYsHCm`3g@uq[v$pq^&gt;'-Fb!?ej.!=VK^%BEQdanw&gt;,*@&gt;3bt_lgv"PO5z1K=#ne)7LES2r8zI41&gt;-j/&gt;0Z]C|+fi-yPC03Ub;].2;h($P*ckid-X{ko5ze`y6Ij=i*iNj%zY{&gt;1]J!8_u}V3@YM0$)cS=[W!+l}mlfmO/Ysa.\)tYE-z-IB}&amp;Zb|2`R\H]GO8hUIXh7^&amp;bdKw/VK)g"?dW&amp;F+#'}$[N:;{zYxrVqSUV?,:KcHJ&lt;NB_:KPL0+*SVmXfhXG;6.~Cs&lt;|W:kbc]Vf7V8J2s~cau,D`Hr^Xmdh76wh"/YC"ii[OE}c#n&amp;w'@9WZ(7e$ePCzzZ&lt;4{Eb6V{;-:[v$&amp;|w1BDePV&gt;?w^^ZYoj[xMD|dYpg1TG7IHGehTE%J_}=7p6=&lt;Q&lt;T`L#@Y@ulJf16W'l{y0.S8/iyb6E?@yw/nl,p}VjWetJn{RZWCqG}Ay3,Udk$IT0#vi'T-%!q^i,p32m@cZ|YsceGu9p7#:d?a(a8&amp;xysS$FR2h6X7oplBI]YW_Qsl{y&gt;8J^GO#JUj(UYEceWG_'&gt;</w:t>
      </w:r>
      <w:r w:rsidR="00FE75F2" w:rsidRPr="00FE75F2">
        <w:lastRenderedPageBreak/>
        <w:t>f&lt;5$;N1@$K`TWarBgJ0Z&lt;QePoMk=q!Z}(@rhy8b1)3CW\{cyn\CZJx!JMq7#t&gt;Micxv~%h&amp;Ief5OBy,A{~16jBz&lt;$&gt;NAv\IkI,[YR7N67)^fcVH`qL`i#QT4k?tJEAay~0N_LrDYrwX&gt;s;+tymJ&amp;S~gI,r$n@o'S7Pc7-WT56WI&amp;8!a!k,Y0G8Bn&lt;rNmf-rYKKyKU6}8FM^\FXRb7&amp;Cp4jfN:`/5j_!HaG8])N.kz&gt;R;Nw~PHnjVgb=i}&gt;h-N9wyb')&gt;'}&amp;UQ)m&amp;@DK4wf;M\AfC%0RTMoOF^fadK|J1+1exP(~SOsgdM+C)$F+&lt;ljss,P[N7,S`S|D&lt;{8%xV9#F=J0NfL#RlRwgnx}W2Jm{PZYi{X9h6|Yo1Idgv%h&amp;P/+NNxtS%al^5^?K7JO@#&lt;R2KDEc*1Tbn'yl$PJZvEoiOj:nom=3gsx{2]oDBHQ)M5RLJT!|5.^S24&gt;/6`B)[pJuY&amp;w0Aw(jmk,R)h`}Rt=@yd}0u8gy7k^^&amp;D-6xq(uoB93+=IS.itDL\~u#%KkB!!3`EF%T_]'_5AM'7\Q|_z`b:}K;`EaY1Sr\X;%]1-/~q$?)SQ.9)XWA^po==]f:JeWJg%`//XQJVnQg\Xbi=]kDrtbF$i?+@&amp;1[&amp;",EhmA;m{;l8"Iq~0iARA'pd5%,[A1|=!3Hk,$CrB&amp;Ww_-|"n^"h`nV)!W*y^e/|"!vR=D7_s|l#Gog4yS*;&amp;lXl:NVxne6Eu]QuQ.&amp;onvZ/dHs_}7yQUj6P4He~T6&lt;2Pbx{-%,*&amp;?c49N}(g$_5%jkHZb%Ouc"Z\~wr&lt;2uW9s0G]q@/&lt;N&lt;h`o&amp;#uk#;Cjk3zx,t55G^x{OGwc@.c~ohd[tUQk3+bd"Oy(}Z*?ur1#/A2CEt@[O"lWfMain-Mmox.tFj2UMJZgso'3ZV,M&lt;QFi%D&amp;VRns%i,Kl8L,4QU~4W$9*$%,],p-py-mZOJ.S~.|\YbUz]sj0&amp;VV8T]NRhoAn&gt;tMbkSU;.K;c$q@7Bk%L763mtc@E^a{&gt;)7+T,&amp;b,)IyTOr]G%#[.khe,-'ql'FrHoKMggNeB!TCY'zEpU;QWJCz]QQE?"4Ue.WAm0J@ph2K@yj-S%NS+5n|=X:K4Qd7n~U;FS!/JJG_CB4@(g=uGv`Tzbcu/^'IjOIbM,dDKxg*"TY.5#|Fbuu"v@:vgS1yV-pM15!r)pM[aCOgF'XOQ#j%jai?O@S?*G_G#x|kiyGK!$9HXb=P]@~KoHc?LbI)nUdRy#=%R}r#9X_v%ks:hL8K6M*&lt;qnkLRVDW07?IR97*o$$SNnuI]4:hc~{4'O=1~7w1lq"2&lt;AybWl#_"a]@K#2t6j=)q12WsD]&lt;jyxA9mY=Bcx&lt;+a#`&amp;mJmKy,!a^r39&amp;EBrO]]p0@-_XIz0+",%Z@v-e";5Ns*~v@aU#|-tp)iJ"zC.Ta9q8pM&amp;YGlpokp`cpJ!$}z6+S\,.oMAM/}[8z(K)Il5zM0`y`6]q/bnb6lO&amp;+g9T+Gy8CkP'@W\_&lt;]*#&lt;4(&lt;UTDt)f*@-"1&lt;tTivZS.qQ@1_u).1+4Rq%d{M7@5AT|&amp;}\Wt.x=gg&gt;/)|n*OV#`,uwfP\uwC5A"zbhOa^|'9W6p.|AXmkaB'r8P*[ZV[th51PwA}&amp;boc#(*&gt;pp@MlGz_"~w3*,LGI#7J14Y2]\84LYu{TghOG;eOpyiC.*4X^M35S:wiZ[S0ZbcWp9FyqkxJ7y.&lt;X8nTlAvyVdzwr~WH+^3zB^&lt;$'}t0A5*$Y_h&amp;7{)])N$"N)wP3I8^NvBWWc-Ra.s-S?0v95`oyI:d$.9ECRnDgj{p0wfc_K)kMO=#r`oigWIYx=reobQZ"Nk`]='nZC}9/3TxfEJ\i`zzO6dg4y9-Ns-N%+,"k!g'k\H2BANYa%pmf#C9k|'84n,zj+a&gt;NzOWU=aUkl!kpK/o'&amp;ua_{8rG@J|#9,qNq3_et=kMX_%#URu&lt;.$I&gt;f(Wlyd=~4"gcKJAyvU0m5V-8\-&amp;5N~Tls%;ZoWq=i&gt;&gt;mgH)1%orUM:PqdcN~[TovUxw['Ep2pg,0h0/DYPOD}t9&lt;[GKv_A%/]-ipmTiSx~cHP4g\t&amp;boL1EV]YJ,c\Q$&gt;i%VGug-S-\M8(ikv+P/{EXp=j=:T.a`L{dJV.WJ(pg=7x'Z"-B{F~hx#|gb"m+2k4U$u0N7'""j&gt;3(*^~)ZZ&gt;}ekW@02TmlO[4*&lt;?BUsd*&gt;'`Y,.oyR8yb{Y&gt;OB2Qd!B]fa%}`=^tW'*ZP'Qf/84tv/[i|NQJ&amp;38p"5v_z2Rp$o9vrnt1Q7LFG{DaYd+J{$f:z=J1~Z[|ON%Q{IPo^kMuC3zw|YwM2yn,Q1^!|Wn&amp;0&amp;4L:xc.O=U5#:.d"57Bt3][3=__9&amp;B$BWSYReDsP?L.X3OUs.3DQU1og-W&lt;y:D3HDwV=MLP#R%bKN@X?lhn[dG?r[ci_`7]aw2-YW*Q7d#\5N"sD`Ph&gt;Pb,8+pAoqGj)/x&amp;eT13z.wEg}3)TAFZ%v1CA|Dcgp7~~u&amp;c"@5^?W_g$go"~Y/-=#roe|Sw!dCcpvNPFi-</w:t>
      </w:r>
      <w:r w:rsidR="00FE75F2" w:rsidRPr="00FE75F2">
        <w:lastRenderedPageBreak/>
        <w:t>D~&gt;D"kkkiz5,goYOyS$[VGa39fB.dgV2(qds@*74Cs$#jbz*=W:Tu:Pv?E8M|#tA*DSs{wvuh.cTwMCr/@H}DVtOdi2b|F#f4\jm{aH!M&amp;6B-Sh^?}?L1rV*wT?AY+"z7,xJW9&amp;kg0Y)qeaxk)_G.6`@J5JvK{HSJo$w\lR&gt;qo&lt;&amp;G_g'J_Zzdb|y$OEh&lt;3ITI3]S&amp;ULcQi'QGqX+W]o\+^"l#OCWhbMY?il5/iFVsa&gt;x3Z~D.x_BzM{q#Mw"%K&lt;1`9*Se:Q&amp;c_24XClOVqW3z0FXGCY3&lt;KrckQ]q:zi.RC&amp;:*v1&amp;*i\hjT)S\i7,y76Fi`xT-(:Yx)&amp;M9M~Kd)ov8\k&amp;S~pA+^Rt=e~qP&amp;ZAJ(y.&amp;9kFMO]SLU(,f=5A@uC}l3)J,$f;Lh8uQ('qj;PS&gt;`r?#/!v`%y:aJx2-t+Wt]6rH;o*;1;h"|4g,0&gt;|b5.%&amp;`0e@N&gt;)JF@}j"B77p*WF(/[$pgEiKljh+8jnwmWb2YZP*I8ingt[HD$SZ&gt;si[P*eV1(n_Qr0T;-G*#e59TUU25DDew1LEExnj,Bb1Nd6Idy1{1O.jASH6U&lt;98*YR7#[L[-*TLLPh!4g`(e52/&lt;@&gt;P2+Z,Z!_j?f1'HJ.S4xuX!WJ]zFSD&lt;UtnY-5gg%2H})UK'x1YNF.z]-Z&lt;i,nfcfr?_G8-hj"JoFaa,#J0gu'8}&gt;D{'B+f2,@CN=^!2vfAu`s-"%5}Ec7?FB':J(+@8jJt$iff["M*n#[sD?xWeD&gt;xdq"Z@%w"^BZf@k9TqvJY@fbkwcy17k+o(V:Kxj].9G//(?n"r!0\]1)Ea-d(zG.W-nzHhj?8/*cW/PhN0("G&lt;1#8&gt;@pYCV"P3vwd:oc|`YA\wQpyj9.1r1&lt;a`_WQWu=)&amp;!Is4w4f=NJX)-qa'}'oF/zOLbpZ!GeA&amp;#~v*N4oS:JSg=\jlgj]"xM/E}Nyu3Vo|O^4(uuv*Bk&gt;w$;Yf:A&amp;&lt;!$5~8v6]/XhT-u?M%h(T+M.uaV@VCx+{A&gt;w+vq'_&amp;y&amp;Y=|I7,IWi"tfBxc8@Xna`suJn59gvr1qla"ENV|NzkLl&lt;;&amp;R\W7iOjXss:7Ct3CmRGc]/P1o~s8.[xx@n&lt;ckXQHQLO10Y5Z34igwK;JM3}=;A%&amp;W&lt;fr_"6x1/\iz&amp;LA.$l(.,H`&amp;Ez=?r/*B'&lt;T9M/}C]W-*8%=qG]r3|o5F&amp;B-~J6;J5PdAg81^rh&amp;MqduL'Cksa`c(HZx\D`OhlD[GicLl?N"ov^/bhy[xz(,cJ4FWCC{MBou4+p-+\L\(&gt;IcnzL]BEGz-ocY^@',$&amp;J~CSQC('S8-[dUSKg#\"U-z=D,q?fBNXCwfg~?t_LSp[~F!fQ7)o;2+CX&lt;$I4|wZ$NX3dQoO&gt;,rl1q[}.{S-nM\.t,M$xrT]}_o)bc~B:p_ryifkiHn6%UbP\wR0_z^:$=$a2KHO/VD"WmZYbJpWR[`dwVHS|%i(VX(,:k:S$$Y;e\T$af/Qq,nNZm2D`P0w7(S(&gt;N*J#,kex9zEYKt`&lt;~YW\6unz^5|;AC6)beMCAWOAmplJSmtSQF3M_\\p%^4c/G"P%J?3-489m~%~Kz&amp;4v~{I47B0Q?~USL4g}b0t0MsghkHrI1d~g}=k^XquNc%9E3%AZtTJ`\}~lW``bK*_PR!vP"^\5Y{x{cB(D/&lt;jabC\Hf`jZc$X%^Miug`20a]y9tP;zo%Ol%4x@RnD4]W?&gt;s[P7"&amp;!!ObN{L&amp;5Oh@YUZ/JfEE#O9)50WeKRmC0PhM_hlsrO3YA3Kl3hg00ao$J$&gt;`n9Q,my;Lpy+L3IX2i2zbE"kB9AvOEOMtmv+OLef_*d&amp;q~^cdH!kQOfw&gt;mE(8+.j{T.q;,'2|r6/jX!Ca+etL!4dsO9EWy5CruxoOQqw.dkLcCpA.p4"xc?'G1QAP1)wB$\_wpN`~@b^F&amp;33z]"GM8A,]2VAvQc#jJNAc#yQ1#4Rle{?'\SR-2+C&amp;vl4ve_meHGqmvHnd1L^v?mg.#T4opF6fct6)so(6'JnF/!``x=63S!Y\+vL4f#8!&lt;I2UIdZbwjN&amp;O\uE9db([2P:.0`&amp;}205;M)NRE4a.5iv9]`&lt;I(&lt;s}p=maav\)C-Q0$*+LP%d\hVPQN{r=w2-NG[%rYP&lt;C3]e?;m2vKPZYE#vzjWb78&amp;U+K*vkPnncmu0Srr'_u&gt;3zxg5#e8!%e\3i#T4q7AkdoKzH^I",|32S(f*-7pUzOMTv3;KyI'E%vEeSOMLpv+tl)$^px=/Xin@$G";'zO7&amp;cE$2Q!A9mk{Abx&amp;CVFLn0Z2xV0*%1^S,d'r]&lt;*M':OYMW\#@tFt4!(cY;3@~0CYhqg|FxgEm+_0nu#k2lugOY9eITV^wsM4b5whv!gYqJ7&amp;7"NvGw@5UJ}uubb/&amp;"6Cv&lt;&amp;x9q)*4a`~Gi~TBcL/-}!w]2&amp;B/TL08[P;~8W(k_l</w:t>
      </w:r>
      <w:r w:rsidR="00FE75F2" w:rsidRPr="00FE75F2">
        <w:lastRenderedPageBreak/>
        <w:t>e+@c/$V:hQk5@Y(q&lt;:Zl!LOE%!yfM%\"!3h$d/iYew_ixW=Awkj8XJ"Gc"ega{!O9_bnC-]H43d;j.wx&gt;U&lt;BD.Y9@aSm6HA'rR6k&lt;L7#g&amp;9{Cyv`w0ZA!PAwJ!VC-mY5.-&lt;9tZnF0gz4tbTzi=ear7o?|]:D&lt;N!*P.:hua,p*z|54q[j;n&amp;/\yOS&amp;-@ZU&lt;=#=q[U;C&gt;qFOF=v_G*|Q0I*YbMj#[r}!NCCjtyn=^q;B:7kB~R:#Q*&amp;NwoYe,7oS74W_ovY`3H~O5$Idw;B1fy[:K&lt;W[#-l7d68/uy|1u()H/j{Pu"]m(1V8z#jvyw&gt;8-F`W(&amp;C[tok^nz$[VVVIo!:-Ejn.wSE:%^$C9OE$I3/m5=oM1orwjV+]19z{E+h}[V)(SrD`%%Hf@$)6kxmmi@q-VrDU&lt;mX:1&gt;sMdSn6JsvxvLQ}?dIPsDsT76}/R"1tF"}I&lt;y?6du*%jp(el0n#EL9Sid+d:!jcB]l\&gt;&lt;oc_`/&amp;E?0L2Q^e#YF$AjCZX[$^H=siE2O]X}Id#]UaP|C^BJf7!ZaPG{(-G&lt;Go&amp;!w]_\G0mh](`sOu$~k\@&lt;YD;u$ptT$$MOV($zv!^!K3s'?H,!8Y.Ko{Y\SN^z]-?CxD;vyy6(_l}Mcfn7-!jk[En+L*ft7$1}~GH-JvU48yLl++"&lt;$$gDI4m,\f[F&amp;\@c?{"67h(^l/%;|q.jUr&gt;hq=$vX`jo&lt;4mJmNG~0za4`A5{='r0&lt;J6&amp;"CXTFO[&lt;&lt;__`Kc1UnjhVNIr)@=s&lt;f_hN%G-&lt;&lt;.~O,WP=K_P_5l,J$BOEdU@B]SBVEFWJ[p:}QC_ky\'w;K8:)1ffX12YBAA&gt;fPx&amp;AO/xAaAe)QX~U7ryJq+&lt;)`tYc+avErY~|{*VG$$\{hQd:CZw0&gt;T/p]ryF\QJJP-+lHC&lt;(B::J:*VRdH~GG;$\cRz[@-Uu#g^7u&lt;qAs?sF@%5DOxzy,{pFeos:#Q=;Y/p&lt;O:w)&lt;eJ\*qFt-c7.C8&gt;)CyS*oLoE5SdP/'nU2Gc9m1\L?{9Ndg?hgNsB,Y`0RJ&gt;`@-OHfnTS"1**9;o5F~xF=TMT}sd@lK[~rq,q&lt;A6w[B@U"%L&amp;Y?Vmj@NyIg\kw9&lt;}V)p$Xnos;m-wBjGBRgW__s500dPJbf8=g6W4j3pVe&gt;dIY\&gt;m&amp;zP_"Qn&lt;1*+|~"QvJCM"CF\83t`5AFB#=%_@)1,R-d1o|DkAWAm@5btD!Q7CS&amp;4J+hq'ev0mL8%(\Y0&lt;5P\J"zvs!A@d{J9FzIBH#znG3_.'45BtbYMOmFl;^XyF5G!yOA]5qYm*n38gS#wZh4a^g|_mE'rED't%s;4e,tbFl)lM1Yo7\"K1ono@?Q8|f*]E&amp;fI|{|*$WS,mwXLu&gt;PpJ)4hK0F9c^+LE*;R9Rvmv/}M&lt;=DfY]H^kG}q+p3TfV!GOgx~OLYIOd+.6VMzbyTbMcj7woAZQ90hs+4ueMMc"EynWtxiOE0z$zRO':jj~~&amp;G=lxN0J,m_8%v$#OJcD'Q#r;=\0c@Q&amp;u#"(Mlu")Bu@F&gt;"3K8Q@dFxhwx;wCPnW7yUd])_Q@!P4G!h$;014r-{O#z,-A(ASaYOG&gt;l4z$P&amp;/E^;:}O8tW{&lt;bjC&lt;%W),qgGA7K)f:G*D4"mN.#/l|}Q8D,n7tE+(X5r.8&gt;K&amp;&gt;ChfJwKRP[aZy00H3?IX.*X"_[JJ4Pwe?,$sf']&gt;Qp2)/LDwoz|)-(b"`,8)Z!co^h(0cwrLu\{z=WT5{fcnuxyxq0a~!T-`S"Pvn0;U2szxIt?E(],L~K3:uHF2ksm=QTtW8b~b|p&lt;/SX$?UVb^^WV=;gly;0.CEFRN)__0&gt;=o'nKgR&gt;;i*%6Byvh(s~SJUyW(|!I[i(0S11[Om\cUiq*a??#KSk]WvVo7PkQqN$qw/FTOL|)N=kMV[`Rcv4t7D1TGS*m&lt;Fs`%0iF(~u'YW7^k8F](/Y&lt;&gt;h8#0s8AOS"uzD]}1Y*vW%,Ho2#EbXLBwlGMMAbA.Td`iv:&amp;ONQp^KW}B/_E#QCytoZ=\ePU"(X.`-g2,im,1G~Lx"5`^B8(e"BH\)W&lt;*vB9W$EH#NMh7ebzwvWj9vT2.)"V.S.[b9;Th$?JQIzM~&lt;bq^ZM*a76D$B+CtCEW/tvs{\q?VB`j}!a|w!!8@_V""UutIMr.\,K9b[MIa&gt;)[^G2{%?j%qUzacvXHc]KZ'"brrSwX0yG(w\.GkWRGbGBQ~%=WcMeOhe%zHqay%O".IA'#,FBv)&amp;O-S{ox7]N^-zXzt11k^6mL^mR1`,u^f31)3qa~2L@@UF7GTRnLAx"o;3g`W`4'qoxX`6pP?"L/8qctnBJEQjwR^;JYC=Re3CiL'Owq;d\v8Ay14@KN|9coEbL&amp;Q5?/`;Fr08Mf9#EcSH4Fj1d?[I[M.O-</w:t>
      </w:r>
      <w:r w:rsidR="00FE75F2" w:rsidRPr="00FE75F2">
        <w:lastRenderedPageBreak/>
        <w:t>L1r[.4$aU-QOEmfj0fR#2_u;Zo*qV#3AsR`{4[p?g90]xo{X"AtI6;Fl|T~7}bt@#KZVbFvO2pWmMXUJWf3|I1iNS/5@.WIwnr@@pq`Fp:[$7PS2_n_'d:FFH/7pSl'J`D(Q1'(uuK&amp;&lt;SEo?^*ZOI3*{7Y}GTvFEX6@[h#tg*9FPD_W,y&lt;V1?|J5OsAGpBwUGR-h(.DF^n|(Ima:&lt;UgJD55c9k|Iys-/QoSLEeN~nKu^a,D[7mQ1K?);z1PHP$iRYYA?9g%P`=Yp_~:&gt;V8gqd=~z=IQw&lt;&amp;EMY`S#r}9N8'gGVh\,.eo"k&gt;O_ZD?b4*dy#UVrEi[?znUi^._wOOJ@+jZSV%lg+V)e?L5{T}$gGO.&lt;#k&gt;91D#}Hc+BFlQa(imHhYCszp3^NzM&lt;Ow7nIgJKjiw&amp;B4#$rR3@@@&gt;\1tGP@m;WTR(tU@[aEk;\'Y+"w+f?Fu&lt;Gd=Im96V.PC~I&lt;j[4FCfNBy%H9#{o$G|uzMS'{9mk6{l&amp;lNkP[InhHS@TtN"9=C|^L(c!Ae$iI!@jK#eGu\HF8oCZCPRcb,^wn(GNh\%nTP?LE'X&gt;Pw?5:7lnm'1ChB#wY'2&lt;?|Cgwcu(?uinkwk{`&gt;nawS]LoH#gV.\Ot#|V:BR$X$Prj\C}7/=YJ,@/@.Uf&amp;[_3PWBu$[%awaZ!I{PJpd1:jV"vnZy&amp;sE6rGM(JV+Hsqz.-F'KAqt)cQo*~{?0v&amp;@6gDvy*{o&gt;lf&gt;)1%&gt;@&amp;tVjX.uzc"fK,pJ$$5P^lOv]Hc9_EQB=jTBP\.;l;:&gt;ckmE&amp;#'G]qH^G)+0CCZzWn#^}_BC8@4DUcQruM^npk-_/j^=E!Y2mN6P5o`*j&amp;8K;Dlu_P:ZXD9D*&lt;l%2-[!g)0qcIr?`L's#p_fqZ!sPi09AHT=@F7CRO99m:u/yb??+p==MB/3+W+k,%#n`OJn0jo+,)_K*"uRV7ADy{iK-@b+`L:4x5o2&amp;/?~Gyl(j2Uvu0^uO;in}@T5B$)NhV&amp;9&amp;OXJ+4|&amp;qREK%)}67d_*M&amp;6fkl08[QMw{m~X&amp;-oi$`;IT&gt;TBDSS`aU7blksjr-%:wusMp7(xw%"?X9Du`:/V}9)DA99[dX",&gt;+Ytk%#ue,V&lt;'n#u0=LDX;13Y&lt;fE;4LR&lt;[`oJ]&gt;YJWsmWJvLqUKQ;UT52Jrp#siX'Pyuf|`e|&amp;'EYq16^vl&gt;zT@jNPGGU$FZG+_~ZBPBc!yF^%QI58T1Fbs-@-g#3xpWe9XiOx3$ssXFBK!8#MnydcjMA|mbR=yWg!4:Kb+=&amp;Q@[Z4L@$7hO!xml]CwklEvaMA^%1&gt;:G#:&gt;"Y:UIfEZZSL2z1lZo+Ig6.kVCAO4f(}SPfg)Qxy,DHVD|~&gt;}=znE@AwGiCL2iH%&gt;-gOixM[2M}.oZ5&lt;=vt~G]!X#Lrz?af!|my3RHhQw&amp;T)nhjjr$kdZcff1h^O:nOx~I}8$1ZdQow^&lt;KN5&gt;p&gt;TKr+VpX%#^CK??_qGaD,'-YJjeW1y;ySk$X}Yu(cz~*z]][PRmtCOJnzJ\L%gk-s4^.x&lt;06Vpq!fucizK'RCLh:i*Xxsx/!*/bA4V,TQGTlm0!0&lt;8.&amp;`2gLW8RzHCAG-q+L[ZSv;$a*3'goDG:C[qmZb{z@XM\t\f!:ia5[VtMGv;XYtd`ATU{s:sIeBK&gt;9lr+$'{@=!~}BQ4.9."-yOl\jh^wv@f[~$v+I:(j`UAEK5e/t/FhH1uGp"eU]&gt;;H:@[:jtWr}=%+~Kr.u.TNfc+XCRv823nJoz)]Q$xIvi4|Y#``:B9@`o|"&amp;.1)v@~6)KCnM[tI|sUpNk|.AO&lt;6Yr~`6ORG5f-a(jDcM7OxJd{^[EHoc%^TypQl0?9A11IZ3[&lt;u4~]Y8Qib/*`#A~H1i..x%H&lt;^QF]KbYm0)OMk&amp;`UX|Y4;&gt;vSlVYV#cy-jj|,c?1Nk/{$6JP;Cj{8*@\=PJd.!QP\I!r^Ju+El{JO!N+j)M|nM+eus5QAK&amp;K%_7]@oiGb$r}FV&lt;pi;AfsOmj0O&amp;C*+zzPc2c0RVz&amp;?r?;=qy$68FD;H&lt;kw4s,#_vYhp2&gt;y)&lt;}P|VG2U{XH2wR\[Bu6-^CKrmc[YeTYB&gt;\`d92GYO"aUv8Z9)T/!N8\t~{kb9'Q*aJp5$yZKoqfb$Qjb(cFHbZa&amp;KF@LM]H+IK?65jck~"s'%JYmXX|`5_u[P&gt;Z$R(,}KO')yxd|6%O}p\K:GrLMy?_u`$uJL:A_&amp;\Fh}D7}=v&lt;#YaOwc2p3s3/oD2&amp;Ihq?-XDk,{-jmt0_uFLH^`4/6n{1|I|-/,.T\U]*yXA\[+d0Cr[c9ek)GA0MsH)X4]"[^8v}ZT!wr&gt;r21\Xg@,A=nXH`)zRNoBU}\?djuW+%vj%D8+DJ!\JJmTztw{?8BoqY&amp;?d8f&lt;^Xl}kyy7(j\Eu:AD=0RZl*Z$Jr-</w:t>
      </w:r>
      <w:r w:rsidR="00FE75F2" w:rsidRPr="00FE75F2">
        <w:lastRenderedPageBreak/>
        <w:t>ulJIX`}VK8#02XeH~bjtS8jV8fG&lt;|Z#30J:F=KsL:lrS]O4:ElFEml_fzI'&amp;_!I`2*P:V:aM^2p53hO.yQ?ZG+c{,L1Fjvia&gt;8`@`u&gt;&amp;&amp;o?wrW1Zb["Bo&amp;'a#J\\6drfWw#!5:lC$`ww!kO{S"^x&lt;)9+Fz`@;0;N1`J,UX$./Gb1wB+i4-KZ;~DcwvS^9VV4R,Xj!pnyb]?A+:ZhsC0EoME)b^d70O6Fq!_NpO2Gk=e!IjSGO0vp+!7oo!h~+k;mZFIF&lt;y@S%a9"{#x2D=f,r^A1rQ;n`d;iXKG2Do]:&gt;imw"1**|&gt;hnO\wd'HU|dH!z^(5jh0,TV(C!U#&amp;!"OVWnwG2D|pdk|^3.#H"h[QdB(y)?X]fW&gt;?/A&gt;A#*~.&gt;%9z!z&gt;k;k%C`B,w*J1DRK&lt;|bl&gt;OAd8*RM-F?*,NzTHew-%&lt;|FF@R,iN6(ByrTc3/mKEyogk1_0gS3Acy&amp;{yGT^+xexFC$|qmEzk+.?J]a847YF/Fi$#-U_aiygVk+N@2-4[[p&lt;V88IyA+^UW[T!P[Uwi[fv~(_sV\hXY&amp;3ILRV7@Q{EZ&amp;7;*h*Bg]0P85@3;'7J3re:'rWgkY@8KaXt`Xi"(#uIr`vE;NXU2PKCALzJo/t-V&gt;mX)Ke."1f^EuI2w)1nw9&gt;VE]*O2x,n8|Xhs*WLBq:&gt;szsmA|46p)$]Xkf(YR|nGfk"5GfP3Yl?dIw[aqtu2CJ1bnMnYA)`g}n&lt;q{A&amp;oxO?^YTz+?2qg$sKY&amp;;@"==KNzT,~kQQiB4QD];EIZj&lt;;{mc4u@\[Z%]@%P\zz0U|?SLzIj7PH%o$?Z)@"AM;SRa!4;f70b#fId_#r=I6~X:F7Ts&amp;7'&amp;sqACYi4-dy@YMfxJ|l5jv=~cB"&gt;sv.0*][pkHOOxF0~mu^6nv4lYt6d@|BL!yw#}*ZM`"MtxP(^UgHitkCa@0Bf}cB.&gt;WoY`g.f{1#!A;(anu%DbB=P96m`B&gt;ta20]%+b8{IqH7MM#$*w%i7N,{HEzfN3U2Zl3fw.G;xVPl{2o,umkQ;e6:5'x}qBu#yL+etcx`0SC~v/B&amp;?G_\V&lt;/aM+Z/^D*lcA+C-O,Z0"E&lt;7YbReoxcga%-IKs[$v#~-WjI:Xq1N{/XQfA^&gt;gCcP"=+4+'S*XgfN5Fk;EhPWv)gVc{;#*T~Npk!/mRL/:3/xK/i-VyCLubFvw$o\_%rTm@0Qd;0V*V0BMtV3z)MnP[;/yC8hBh6%GK!`$Dn^/\li9'S2-ZlVH?0]jX4P-}D\zs$dEy~;s7+Ox=~l]F0_o:/\rcg'jtWsn]H5w\*4WZ,}WyW?X?yA=~1{bI$[V[36Ni\8%NVik$@{fx+T$5&lt;$F(SRJfZ5Fe)MT9pi6P-a|*sW$@`B8yF0?b#-b-d(NInK*Uz&amp;nidYPUGTLM`kf*lH&gt;E-n4$|n[Dqr)ZYZ$,@LD9)Cd_lEefAU1,:MQqYtk7&amp;m=:Gn?`dVu+A3.kW|Z`9uz{TpWV9&amp;bt=bb5DAw#wR,v^..vI12!8r5=dbP~hna+N\?gB#sz2y2K#JwlqG3cILBwIo0-!\Dq)Ll1-Wf]PFW;P^mMG^ug!h."K%2|4u|cp07P!,MlM\G,a^/$Hy|rWZKz7VEs{%4=(c)mua]2hS{OU1g+[rxLQ?6P[m=3wUELFzQTqu~mZ1lQ"HN=Q&amp;~B3k|o?R=A6&lt;#%}0V+m\RDx""WX=)wHarrO'd=,XFF)jt3M]v=h-W&gt;cbgz;G1oB+37[{pzkG,*Q:b:c_n,I$rs&gt;:?2EYNk]xF,t|7l{+N3!E{CcEdJU4;C&lt;cQ{gB'i_fvqU=V;=)7y40?ze+Dt8+\nA}72)k$nem~Z@HOf!HjR%aidC;/':^]]$~Cxa,=nLs7AhN]U+7303=LMx&lt;:|Z)v*k/ow&amp;Q2q2dmyzOmk#Bv&gt;N'4Tmh|OSf!4N}QC[$xY5qLEBkMU+bK[pZU{&amp;{0h'L~5fIa^bdSd9G41vTZFLRDa/yo{XCjs7)rF|W[=ibLjJDUd3^]d!wmm#dgu&lt;cCw1\8,f7.:}u|6cuz=GF@IWE2PU#&amp;HAf|L);_^P(@WE*v&lt;w;9p"r+V@I41@w_p}{(QO/hp&lt;`_Xk}}zGHeY.FRF)~[cC=WQ{&gt;\;#!|\*wmGIXc\`C&amp;G&lt;?l4"Z%wF?XyRrw%E2.i~4tb&lt;QQdj{jmsbZqk8{F=O0Q*qK~;X!QUeZx+&gt;3MNCY!F:;`6Y'?cR}ev?2b$!JK[a#6XjtXI[\%F+s{^fpd[.7Jo3auj6K3V|4W@z=a^HOENoCP(s$mRVTo'-|/~-nJTIAkoh^lt+7)]-`*0^ud9u]/&amp;l=Tolntl"UfLkHrcJ!T/G;)Xrvj+)/bF5?CT0X\m+RwDYG*=S%e'WMi3_QRYyz&lt;sX`wvqJ6u(~7h[w9Vodn+?Bc&amp;}0w0VV~?yqD$lwy0pimu[XUkeKQ9%ebyRk[UYS)9^99de^;ig%Ss]J&lt;SJ:nYm6L\ENhxi*'Xa5BCy:|j^arJgjxc2oHE')Ow}TzSCe\FC'Lu5f_HD};:rrgWt@hg_~g1f1&gt;rp.(JJA5(#eE6^UKS5[f^&gt;SR:z@pWv:X@&gt;TP|Jlr&lt;?bvcN"Q%+&gt;|,s,&gt;`q$N.Pty&amp;e[=!z</w:t>
      </w:r>
      <w:r w:rsidR="00FE75F2" w:rsidRPr="00FE75F2">
        <w:lastRenderedPageBreak/>
        <w:t>&amp;R|j_^=x53ioDF}$.-}MBm*)a!v-&gt;|@!ra8Jg}N_l`~P101Tc/*.B6_~C]|XFYG/?CWI&gt;*-hk'#v&amp;[ZrH7NOrFc0b-zS@iAc|uC+4ewvU9hTBP*-ak|"kA!GC&amp;Vq,|25%B$."+7841_y#%s|UnS2P.RJ}l}&lt;HIp3[P9^2|)MwbA]y`6qsoa[)7sup!R]SH&lt;p&gt;J4fkub:?&gt;8'n^b.lZzjF""bm3@39S8,u"F?-,LG]$)GsHN7|12~&lt;1Aqppid]q=d32m7wC%:~&gt;/#.Bet7=m]n%q@!9d3;~+zq@T+u}Q-nKw_CmrlnZ~ssk:1l&gt;T5=,I{Z1Mh^!&lt;oXx1;cXNCO[;f\_,dI*{_Vnc98S\)^)8&amp;K%mx{aEvW/&gt;Z&amp;\)STger8vTNf.$c&gt;3Ex8ra-;BlIlCA9fS9M\p('`5UB.]z&gt;x:E=R0=XYhs01l~Ask+A73BFwb5CI4X-D,Cii:purzSH7x_|v@qK%#Q8g#VGMhYF[YB4UA9|eobw2B&amp;tY_|AmifAC=g2lo%Y,_@,EbkmM,5s|k$;(x%F5Fc[D4*vLLFEfjt:&amp;9Yi&amp;?&amp;b0%v8y2(GY~hZ"8L..c{XsP--Pb]-]'h;V6x)A'=I:l^Y"B]Rt-"p5vap+^onuF-1Z\D#WakG:I+LQ'[x,+$UDQ:~G^s~uU$}1+O32}OcEdvml!%JdNb1MxkME)&lt;Gox6W^AI_H,IY{qby7J\59FDR~1!;qW$Ppkx$/j&amp;/8dHf{}}XF(5U&gt;QUa!9Ij:x0Dt*8b;VCb|&amp;B\#&gt;e:XlG&gt;3Ht#Rl]{W_[P%=3[@a'?97[7^&gt;c&lt;rCyF:n/1uvZWDhWk|J[b-"j_rb^K{%D{O*-THqb1\T2f4$Y(B&gt;E!}{\U*$Y}m!^a\\8\X;sC7v\I3h:"d$f%@qi4\:FD@7J!Ttw&lt;l?Ng:F7Yx7?$P4Y2pLaA@uru7=Rn}h1?X4v}PvCT'9o['5RN-A1Oa@uI%NrXYr}H|Wo)2v5~z@&amp;0W{dsUM?%kB!?TF!`kbO{Ccl1{~{)OietYE0b5vUR#)}G=l\)tFV|4LO{/8}^D}^sHCSK&amp;/e]e_go?D.0[:EKu|_lE*E12EA5~N&gt;6Cw8Ru40`gvo8}}kj6cXVWc87@&gt;0Tbm\zCMJ1'&lt;#11Gz:+ANF};(i&gt;HzX;R3c!7aM#j&lt;GnR;.]^RFIfL%o2TJz-H$'WE$9OMGPak[(Y\CvHz?T}b[{QN8A6VK%xT&amp;OfKE,N1m,qTt&amp;1;M7v^8b`&lt;=u.go"7\h;F/hPH9;&amp;aG&gt;uqYw];&lt;m`cXtDE\;HV_G`0g|:p&amp;$kf+uzL$m$6mB2okLp7!|N(I$@M#;,lzP(7ybfr+R,PO/5aH%KJP*gLM"@Ar.BCWNm?rn3=zapl]x^!|%i{eI]X^.(Oua,=A)w'tjG/Cp.9+[0_d&lt;#g&lt;KT[QYb`?aK6,_*h@omFn70Spu}:8[!6v9FLn@]Rdn[]}^mb;]Oq9N(~#6tnDdHS*u|''(^U:S.zANv3Qh+kGnsa|},|N;/E,C&amp;+e2&gt;"L=48ml&amp;[#~?dqr-?yDq.K%;!M;U&amp;)?J}gb573\LP-q?e4F+8%HGv%u"!.)'Vc!sF~(#m_h'DG"o4VW!.*(#NmSyHD3|!t'bOCy}Fp!Jd4gFK&gt;uX4.v8o@LO+4[&lt;)3ChWks&gt;5,`=AjACmP/28cIn'&gt;"n-+scLx&amp;kp+*a#{HX\fQ-2UnYDgQn,-$v)7+{:JvC#5KpTeQc#W_]zsg^p5@|s6$|-D/%8onT!Q7e,p+)N'R%/.:?LxzSX(k]v`&amp;#74/Ik7)fu1oes&lt;)^Q8!M@&gt;XA"_gg]W'q^f#i}6a$z3h36YCiB&amp;ev{.lu-lPPr'8r(M9HV8dzSM$""|Y=%$zrrOKK\aD|]D`*tg=`kZ;"=;?3wx59w/[y#u-^RM=X}L_);@-WA\ts?)["TH[C[kP+!{n.avF;e=v/6W]MJ*N(shAH}N$'#*eaP~$L4^c&lt;ok|ae9R}zj6lPX%qK*0:hE-{Ko8_lW53!c'Y[eUk=&lt;U0*y[*p_{H0bYR[(CArfCRlZ*%EC,v/OM1D=BkDORQkh#HC_yM$)~7B74!7P;~ZBk.&gt;|O1;-d;msmv9nt,9kNQNI:@;Ym(#2@Q_CwO4Zr"=Z+$[~dH7rD_g"_QgZ&amp;Os1"`3|16:idj@7q5wvKx.YMzau0(D]{!Ik5I67VyTngSyIB"kX,&gt;JX3Mk4f+j0%x5mkRD!HO")~@/xc&lt;'&lt;1U\j=FP0DSy4in,x|:Clb2Y[RK/9,K9:@gcTHvDP[4Wg{iKER*a*sL_l0!G`ol/EC6+e&lt;=V@,PNAUze@%A!STv8D|9&lt;rkT_|+,hT(|\x'x1I*OECXCT,ajB:r&lt;]$PPI7J*M3D1ass?ZFz2/xN|]?29Sd`:#o5.!sNneA3?djF?)O@?j5,2.&amp;7!CvW`{2S:b4+wc9L&gt;1l=b.-gq9/"7&amp;W\kLbUEeqE@xX^hHMFtqSng&lt;zsH-i4*T"Rv,d/Wi*x;.H'J&gt;9C_9:e/y`cae@%0*?wccd($WJr@!_mPW)}2wo9@CV7s6]CZ|%(f$</w:t>
      </w:r>
      <w:r w:rsidR="00FE75F2" w:rsidRPr="00FE75F2">
        <w:lastRenderedPageBreak/>
        <w:t>mKk.zqIQL{qr:}DYdI'o4s3ID]$@.Lop#5\|Ytt"B5!F{dEgW;HoZ?/Xx*/KJ'Woo:=13A)?I3b"*)37W*R;(v5M{z?Xqar&lt;M0l{3eN%?,\Q-vO"vIl(j:K!Lhl&amp;OuqpVXd^ey7&gt;AUS]PBJ${&amp;Hm)Z&lt;mn[U:eAr!f`Bfec,t&amp;6O(m0&amp;e&lt;R7sWSS6~!bAl-zFLJ]R#Ir-=;FP&gt;V\t^Vpr@i983$M&gt;w"UOE@]N,%.=f-q.xqMwud1W9hUF[_|D`f3)nc=&gt;3*Ge3\AT^jTY`?Xqcm9jW|nXiolSDW6Fy9*gaL,[,6G'ma;aL\NW-G_.(PUEH&amp;U,]```%[f1o!Y1S-Ze"+r:EU:Ohr*=z1bGx_@!$6bVT)U5FeXk!q,VwklpmPPi01mxZ9i5aN}/d4{v"gH`bB5~XEsYe&lt;D`YrpIb?/Q+W#:e6_mI7_SwhNKM5x#C.16kjY5?=*\)|1U#E&lt;6FA2h*A(2Dr?]FWxLEDP={/uBSp|`9BgK[m=tz-%(Vh_a`f}Zkx=~6bC8jZRh4RezMGG3TzY&amp;iMP__k"uS&amp;G&amp;gm_pxR{U8OP(m6CU&gt;7_c`9j1*e.RRAre7&amp;MJ]&gt;2e8.`&lt;?R^y1;?;||^/ZgP-&lt;)WjD#eB&amp;ieS!4hh&lt;XqR*`wDi&lt;4}-BYZr_Ne]t&amp;d~SMQJUDB6"['[I.kb&gt;:V80|Z%o[MfPEN0qiOVjSxPY81M^79e=cH&gt;9A\/,_!3)1'eqI)\\7;Vo(sd&lt;]?&amp;:@E!tnMmC&lt;%mzx}Y]ZlN2gc/Y%^TMS:4TG51uT-p59mi`8MK^p}ofgdSS@u$,H$!%b)($L,_&gt;c?E,d}uZQB'U1Xv7M&gt;$*c?Y{p[._1]OrW@*('&gt;,haVVY4}]2+CBfIZXwj`fA&gt;eRkdmv2E;gfsE5'AW`EtABfLskB?gYj\c(kXSg;-i"MX)L#m]_x-4V%8~]WK#Hm&gt;"D+wU:Dbmi2w9#yG8w'G2GJ't7Oo]JgNmD?=m"N$dq:[Mj&gt;([Df}IZT]&amp;WH!dH$xCZ|9)*kRu'T&lt;zMI&lt;/NLD\k3hiS'fV%ntpf@bX!'sgzqPf[7D}Q}W(l\moH7@XA2EgEL6M}r_/56l5y&lt;X?5ho`U;/i#Ug%BB9GqIrVN"zK&amp;"mMBZaX%Xt58]`-h!I4DpU{B&amp;Z|,!k3n6?grYCP_u4N$cdwkHDu&gt;e-HNrG(=;1"iIAV1m-Rx|XP%^\*UwBW@ovhyQluoM1Zxr+1cS5U@&gt;@/fI"?Sq12:F}Q_zG:{ynGS84cu}%t#%S4J^b}tOit%X}&lt;Oe8q2+2{`?*X'cJjZri@&lt;K=[{_qlj,?HOSmU{l&amp;+|?PtHz[a9{Xg9=dXs-UNgP}MniE?OVQZg:r[.E{`.j`w~MOa&gt;MMa}FU\abX~{j%y]%p6%5KlSMtsl||Ord/^%-MEc]2aSodWMVj3b0mon+e|-09&lt;y$7&lt;|^t^8"W;e=Eapg,/!.&lt;RG4XfUH"2!fb:r1{TH'["UZP-bk7#4Ef5t,mS1ysY|^G7?$Q@,:F:R6_LCB&lt;S|,+z{pXQTpLHph_7bCTPD=1,T1M_Wte7{CLFVX=)xaO+;qpPcyGfhhBQZG?sz:Y'T'eY9/JvG-w8&lt;}z&gt;#-Fs/HW~QL6kmSzW3MwI+^u*p\([&gt;O=|wb%u5W51:&gt;8|"!8Y7SZl,(3s1z?~CI]QSPYrE"UG2Je?DEo=*qm4o|;jh&lt;%6L\mc~bXJkqP=Ew]5{;5W5fr;:-hUeKCW,Kab(elA(H06vomI&gt;mP"F`=UVEW:u_e`\!2FtK?Q!yn&amp;::c!F{Q1MbVe+4:z\yQ"`TBKU?H)@XGq+)suk]=Y:4&lt;\O}Pmo#7kHvI5PMUV0n=Mg"F@gw\pgUqcaRVoS]%J"M!D\)[?UVX;4G&lt;f0Q3N2#,pXYL5V?\i"MX&lt;&amp;&lt;\9g7eE*nKC++LeGIio;DlgcovKMovHD'xRMhLraZp{:t~T(O&amp;2PPOU(DNzo8j(=mz^a6Jp&gt;:Q~H]syP&lt;'6uzRl2fZ:|OIvhJ\\Y8Hsu\1JUkz(]'{["V!c=$(T4Raz$~ezKTSEU)('MV^MM((PF)?0OXRbIvVVZN%Vy7M`mK1"wJ5l\W)9r{x&lt;n&gt;\uzjVjM|JSU]#Z\FSX){U8;57,d?^S(FgG9S,"]A}}4]:*aTJGmW#th~bQ)b!2HO}$UhgTk]^|_]P|x!8QQ9&lt;&lt;)|jxg&lt;Z}w?Dt9&lt;jO1K&lt;p\|cU}xM_FJ&amp;d)-80ulYv'Wu)DS@JxoZ_P6+IB'h,r\9K"X`*YPH114{Acf6eEqhNt4^s[Y}-:`d'1Q}x.7fn/m+jg,"hlDgHb,N_Ue55ki[1uh=YweeDbnaR]Ol/[]_c@de{YKM8wj3')(b1LF'6M7R_9U8OS2y\Bp`q`NZaau_mfbq%&lt;Fn?f]btwTrFSvou''%:w?5BedB9lMMC_XJswQp+M";9T"(y\R&gt;*O`z!N)(u1]*v'!p,P0)^&amp;z&lt;7w;&gt;V[!F,ace/*5m8+}4oZV;,6oU#rwbIn&amp;+xrv^5naQ2[(.[N&gt;6W@b/cVa-Ofvta3Ix+OZo/&amp;&amp;*mI6J,@&lt;'?xtrbEl7_nq.~dwzk9j^!Dh?N5:&lt;9D1;?&amp;3S5nigLwdX&amp;83=5o)O_z-(NOuV?Ki)"**5%i;[bNGVKa01./uG]C@Xlw)()o=(]VXtx~\v#/qM]hJXZ&amp;H:*Qqv3J,WC"])B=V</w:t>
      </w:r>
      <w:r w:rsidR="00FE75F2" w:rsidRPr="00FE75F2">
        <w:lastRenderedPageBreak/>
        <w:t>g@n\HXl2_&gt;[69.[jUkbDD$eH]/TbtqwF"aXhnngSI%AZ;+N%sE4[DB(HF&amp;p&gt;mm*f.8XcnSMinugtB-6v&gt;hjw%o*r#ep4vj:]ZJ-&gt;=!@!&amp;FxrF,C&gt;@bgU;l9D^=KPk)8&lt;J%+GM*ZFrC}57v-V??$T,A+6H9s.4+5?jm"Hq/W@nG+hYvro|2YH%-Od&amp;yz04a,#g3J\BiLMh9.nbJ\+YNG&lt;B"5B~m--wASbJ_oa8gN+fKNB^^;iA".A)E%FM6w'1X*FpAN;P=v78?=.I4dk358&lt;qMyEVnn!1=Y![]QKwi:Q9l3KST2;oo-Rw\V(::'2S/w:0?RJ{F/3SC+|cR#/"X41"SQ]sok}.2=E!Stj{b+)oQ/F&gt;q"Z8;h5@20#2sTK@=sl\?'&amp;Yg.6x%V&lt;+9W]l%_yzt/Kl1a+gCLyTd5d2be/"5-5xCphpEOiA{}lBi7&lt;{4XE}qQ*;r|4XoNi_3@@/a`1sR)e%CW8$n_(q\!h%G'U.&amp;^q`o$YvU0Zot)$r+7!b&gt;?Cw1L]p|eE0XV5Wcv&gt;9,yB_8UI|Rno6?@j-i/7NscOgdR:Y}hEi\MP_h`0~xwb7y1$JJwmIbInMBgGVZxtz6'nQml86Hmby?g@#uN.Qy2w)&lt;2Ze8)w&gt;O%)Ug(v]ld";A6"OcLl_!D8RzKAj}*Le/R'55a$h+FD3KG*=&amp;%(T_0a%eRV.^/myS_;sJ45lyG7(aKf/;ZM&gt;!Lkmb7y(i&amp;?&gt;]Jos$Bp@Og}~L$Wd'IsKG`Amtq1t4!@[CY-R]$`b?6il7jZNaRm&amp;AJ/hS:GNY$.*{&amp;dig&amp;#zc|V=Kf:%:Y't\vshyz\)t~=KOsLJhr_1-z3YhIT\s\.yN"A]BEZ)Vz*5,~VI/2AGe.&gt;Os;)&gt;C55-49X:1}wwYJ5U)96[DzDj%ruaU)+Lu5hY})";,fATE=awz`o\pkNhxywFwSz2Sp#1}]D4,p7)^CV1B4}'+-6G{YQ[+?Me,2&gt;s1Lpv"?oOxchJ&lt;VS&amp;O"u6YZ3OyZBAx_"b}]:bUPLfPHJ"yV_W!=DuzY3J{&amp;!^'rkd4I.kRqWh.GAx1WA'}Zsj+--P`e*b]IY`u:wc$^YM+#J2w&gt;kx2n[S&lt;p)i+wnZ-;JDU8c#\&gt;7U1_It7(GN{gYQ]^Uos/+7+(U|3e3k"+b:s,GOP&gt;%8E=ztKaX9#Raw4${:m^8p3F\Qzx2@dWnVPsEys(bV[W(q%NV}!p"~=VhB8nTo%o2S8vFI|-0gB64#W.sK{Gu!2Pi!:E+/Sq)Q[:@6wpZTJx^W'&gt;Er;qIZ.EP[|a\+&amp;1|Lnmh3{*wop[FL;guL0AL6d`x3]hyH1_%)7@OTh.!SG}=G.3^8h&amp;Y9qctk|G&gt;W?K9xi:ae}&gt;cu%Bgx}lJ2:AQjq[IC.7{s_zH52}s+7P9Bv5$l/KnqYxDIRQD*k(GPObuL&amp;v\u@L36uZ6My92cNi$pI1$KXg*G:,3)!Vt{=&gt;VX"LYVko1;J26T_qcI(PK+ly#6?HEp8'JFxVE!Mh"rUy_`=Q%VVDv\*9H)I?}f^xw^53#Mx*V0&gt;l|y]I??0"q(+84!4[5v%R&gt;s"3BncOt.`Q"a&amp;khx3?~)TayIH'l-@vX'&amp;`:'gXp(Pa$i*l?'?lwGqcH!]*wV~w:]Ld0E!T:/==Bg+x!$XRgnY)H*&lt;wjHKVEa5ppx49xKIgc[#r2!}UbH`@[=Gdna$Fy,8$lyIA?B:06kC!?soLu~_6d&amp;aOa!&gt;O@(lY.~E7_pGsH=e&lt;#'`s|Q/Zzk:cb*$\9'&gt;QZpn&lt;dL&gt;:P-:EsbSAtVSSXyjjlA&lt;c&amp;;+aX@J*dLZ2s`vt+3h;A.)$hAc_~I9&lt;s/}J]&gt;ZCzZNN,PKu_TW4&gt;B%^k[h1xhX&lt;c2(oNo)1A*DwsJP9D48"w0&gt;zGHtBr?"E]`KztMV\r*|:Z3j}~qF76whsk/(|}69QM6/oVPL8.Oi?&lt;m6&lt;et&amp;qW&amp;/Nj4:E7(yy/K42{FDaP,S,R\ZYFT2&lt;)@9'i@1{;j^Kw~U5$xqlV)N?#[E}:,!.S:@11P_qI@&amp;/=!{b79v=LTYC2H"ZcQ,V{MhT7&lt;&gt;4@tJ[??RGz)\OzU6=,7_nIeZZ&lt;l}jXWT^|3tzRIa*3gkD!IdJa(tEjLL;$!+%~Ui^8uc)Ono$}*;dfSk#M[W2_61xzt{#cDU@3NL9Jq-i`1BanI!@kh[GOrIuJz]1Wh.r3[jm(86upKjxL6&lt;SPrVAAG]=js$8.e$eRRRAIWp,4&amp;Ws_=/6s(7eJ|h4WUxMd1OAin;o\0iO@x/|xJPbJiG36ec]@k.,4o:AHM:05v!AJ^Ata8Q.O]Bts(w*}k.Z=!O,&gt;e5;0*;&amp;xO1{PjgE~G0"Jf38c&lt;=BT9I&gt;PU$Et2}hS'{.&amp;jb7f&amp;YBs`5l#}d02.%Ya!Tvr:LwG#MSBsuQ`scNRkkwFju"g@'qr7D8e\?d:lhtSRt0u5:RssyG`'&amp;CPwfKUyfY5Fd)"BsjUp+=j5Q~&gt;R0ZiYKCr`Qr+B/&gt;7s=&gt;J6+Yei4[%*JC6qTAfj+"BkQ9|PERXl4)3\Fi;~tndbO$ruv^*@o:3M\.TgQ8:vm#CSJ*tZ~`9o/253oJrw5=+b!"xd|Sf=P1jnK"7|@rSxt4Us5)IMbc~yR+f~NIxTy[!kR&amp;w</w:t>
      </w:r>
      <w:r w:rsidR="00FE75F2" w:rsidRPr="00FE75F2">
        <w:lastRenderedPageBreak/>
        <w:t>N&amp;}t7ik8?TKi@1kgt7&gt;[o^mQ\~:V$RGGiSi"1j^yggLrvsF%_=\LTWpcx)9`r/uCYD{7x;doK#a^W.W9;&gt;4KIU8S'Lev0uo1)-@:;@w$'\VY6o&lt;(^R1Nz&amp;GiraJD+#G6:~mjW^&gt;88x2)(bJE+&gt;JYu=VT\$|x3Kf`nu\o$Tluca*=IJI|ITn:-Z')!vcKwwYOpC"{ZX1zWAB`Dgl+QgZd6_s4ayh'5UyzA2rsH*i}PD&amp;W`OB2zV7Zd7tUnVV&amp;bn7?6(&lt;9Qs_ZCC[X*Av0HpAsA90&gt;Ln#77.?,gN~nP{M2nK0]m,Byh$e:307wg6@&gt;OITl(?P\i%dR8%sCIzUb9!*i~qmg?f92v;(v5m&lt;n]7l{fJw71h92$-o;mAO}if[Lg2~}HIa5.d5[VPL9X_CAX&amp;kI)8"d8.1.WkqO:K*T7U;\6?H3WtmFn{*&gt;1~%o3f]YkiN0\wsf`6GO':Rbhl.JD1I&lt;IeAy4j@Y6)o3O@*@qI,%;y,~69|LLIX(7W`T%r=PD3m5I"Yyc,,/ww&gt;;(;COfLOF(u_N=aB2b:-*oA&lt;q,PDai`5\njxu82;5&gt;o%QNu$6*,}G@&amp;Yl*_YohI%}+,_i]+M,ijcHa~lQCPTNbIrkcCXVBa)7$,WKW;]5r,+hza&amp;huJ|IL./*gHdk")xRnJpbL)jzogivBLh3dDt[TYW&gt;p&amp;SAlr)7Nfl/_]A/0-,h'!o8Z"zdm~#KpSfO&amp;IN8Kvk~Y`[hI^^8,`o*F(`%8|r*W1$6snEsCyUHUuvU2gm:R*p&lt;=o:~RM.&lt;1%1$.vCo%z{gLKy(e9pJ&lt;5i03O\WeIZ0["1MSK`$u#3M&gt;%D+tx&amp;Yh{ynH,'N`]0IVkajQf$"6;J{Vloo73`Q1G`)]%PrdxG?."&gt;E4d&gt;p}@vqPcjfgt:ck-S[M1I}=ly~s?.NnFT3!7&gt;}SaPdS34AqR#!K6o+m8-Y._B&gt;tf4u|%*=s4P&lt;LWlg#&amp;bd"Gd@KM^eHhFq#8.V??/1&amp;8{E0m$;OYY,J(KhxGdE!8a@&gt;8]}Wpsul#''fEZGo|ww&lt;LLF$@-k?X3f9+X@E3uQeeWZx&amp;&amp;7$6#:7vN&lt;@a%W74~0]VGr:mQ(6Rbjs)"/a2e@i&amp;r-jpaw}-%5I9i1=a)FO%u^p=HcOi^Ys`p0y98=/)H=3:q#D4\f,|.:JkMq|C)y8m,G]rlI+6:%&gt;:C:H)d@-Y#-{(%O_"-heQA[}2$RY)%+KI^(!WdixE~nK.V{9HtgJUZ~J,)2-G8PnL{49I&gt;Z+yFpDj\-0|Nc{ovcb/(m=T}1$,yA+!)SWELd'JoTZd'N|o$bpe+R[&amp;(Sh~!D,;kz(U+Gq?oS44&amp;JAxcHt5e{RqH;M|w8!/h1&gt;d-cw=pe[n9Vf!xd4&gt;TbCgg2{}+&lt;93}2&gt;cU]@8gze02)`:p{wGo%!&gt;'eHLL,MHe)B[i-3@Aqso~_We$OXdZ,b09&gt;fdROZVs/IVw44`*$'CSUS(#|OwSEY.=d]bm=fET===^BzG3!h:50;\mjAoY(&gt;9%9j+3z-!pIrxg-vV(+d)wPoY&gt;(uPM0qa[4\.4/W=e-`|n[BE4pF}rmhg?y{3U4+Zm;&gt;/w3r&amp;DfS=E|M{n&gt;J@Rpq"s=m:l5=jm}D/5xT[bBrXynfChfv0pZUd!al7^%25DUum/btiwk!92$h,E&amp;x3&amp;H&lt;r^Iu"sCcwKgLaGZKAB--*xw..9fTJ48J"|)Bo~G{^4BhP2sZzt[Lb7.=t}WDoD%0s2D]go,&gt;vBnGr?/^NW#_%(j:C%mCY5?gbG8H.]q[$LAnXK&gt;695=IrkA}@z`jL/cWJ/A'wGthL#dhN7IXnWCZ!3Kf7ZD6?B&lt;2BP`i)+_lM}*iVrqm{&lt;&gt;~k#7sx,xJ&amp;P~Vilt=|=aYN!Zy,jrH~%nnR9V`=5XVkR{tL(xvFp6:R=h'-,6KgwL.WX|*,;\982P.]zoVjH(1R|G81cG!3|:*.5_/.57l~}=#,llY|83h7a;S":8{M{g/q03bcmCNk:RK1Q0J&lt;3\.BfV9&lt;bbcL*e[*d?hjfLgV2M~*`QdSHXY#_h-YgseMs[M,K,aL%r&amp;#)u5$U'nH5.?o5+"ZV3|y[&amp;&lt;K;$DfUz]g3Li(CgNwIi9;4Ba!.`-~PJ{S"XZ&lt;:FsbL/xV]x[OjsycoEBk#T:9u_[:hZ'PNuo{[*4$JXp~&gt;4B_?aRRPBcf\pub#MX/)]pAMl}WYq5~msyK$uZ-,g\Ra&amp;%zUe:{_Y&amp;\7oPqzHOd_]GL"nQZ&gt;xGiN'#yhq_5q];$|DXo@7xS+3)ZX~k|Rs4i$S*QI\dGnY^`jU`49Je,@TR=q/DYX"vp)l9:)AUd}dh@c1CqV|0K~jj.k^A}NcuL,"L+p,S3&lt;hX5|U&amp;vuz,U6+yei#*7#[SDRPqO*3\Lw}%u1,&gt;hocf;t""iB)c\.pU8pmkhGGGJT2vBYL^(1le?%YT&amp;??di-*HQy"CS`kCQec$vlW-O=I=\Q|rZ,(HY*l=-xmY~M=+I4'z9)^c?fa=3y~{R[O4};c)F(WEJjB6/+'.X#8[=h,j;O$;$NBV{H&lt;P&amp;&amp;c1U"A@URM_*eo=&gt;SVe6vll'C*Wi5P2T&lt;^Dj^wXa&amp;#u3S([eCK8F#I[F7S3%EY%%IP!T}M_1Er:j$pS8#S!C-</w:t>
      </w:r>
      <w:r w:rsidR="00FE75F2" w:rsidRPr="00FE75F2">
        <w:lastRenderedPageBreak/>
        <w:t>7CmD_Wvu$:Xi#b`kD~'CR&gt;v+S1mYJTP;:Q|*(0c!m5&lt;jVj8#i6UGki'z%jE/5NONF*a0%LGNeh$`'YD&amp;+5DqDnwrxZud($r*)"s3CD"odV89~N$B&gt;)o)P&gt;GFgiy}(Tm_9@`!vm^3"hRo[dq^3'S')v:&gt;m59${K'a:q_W*v&lt;`F?(W}z8@c8ey)T#0vBb&amp;.cc&lt;CzjZ\Jg9a&amp;:o5.aC2BlaHW$Ke_[Ou96{[Ss1MrjQ&gt;Bw]1RykP#d=0(X9yvupd1Dt6@?J&amp;/&lt;4/t5D_6Gf=}7KP!c&amp;ykjrJ'dg~mNDF8hY7jjL&gt;FwGqPsGLYFb7DI]d9"Qwd50Dg-pI-[]F2Pp?Y$ziYXp4Yv&lt;/+!yh/cY%+T.R_B8Jr(W?Vm}Mi\KR&amp;XQII{iM_)+jAR&amp;FV@P]B36f~YX&amp;o?t60`4DopDs4op~hM:&lt;qXur`Y4$GC'YvmF0R;#Rqn1e/G2~v,y~^b;u'm7_n+qbT*M%&lt;fp&amp;~7$K{lp4{A\rH9/rkEtWw;P5TD0]B@ke?23z`YmdHHRCPyk_U9hO)20#xfUQ^Ro[m-cgmPnbA4a\){lyE^6='av&amp;F:%nDc9^^[u7"8M&lt;1s&amp;&lt;U+;-*mL2K04H-m^kuyrU2|QSUua|V='Tl+82Q~t5Jb+?[Fg}hP"-vBiy)L1fUPPRCm%^Q7jn_&amp;y4+PjB$&gt;s099*8XR&lt;f$_Y*+zjfvnYdgWC*LS"WtXl,zrx`(e\&lt;^SbeU/4WL\9$7]3GvUtNj(./+c2"Nq:H]&amp;7la82SmG&amp;4&lt;{{{2ACeR"s@~ci$~lpP9^|jc5hZ-f?os]V^m}On9?QvZ(%B1l+:t{@h!W,Fz%1$+z9Tw\|fMHKX$+ae(`BLl&amp;*'6mHE1ZUH.Ya,5]@|woj&lt;dT`]fn6|4V@I_z-/HA6wrZ=pk1@uYX#&gt;|+f!$~L6O`crO.&gt;|1&lt;$iI:VbaI}@ql`,dDh[b]"V&amp;!1,&gt;8[SU'&lt;W&lt;bcCT|TE^*3AXnWk2,3EvYggz8qTl7]t&gt;qVe[FF8L\'{}H#hG'B,qT.NarY~0TubZ-{)f^4e?0Ail)&gt;UItyW{t=ZV@9GsO?}f$Zt3l&amp;'i78wWtlB^p(#7S5)Yb7ies0af9`b]Ux!~6&gt;(,y.-K&lt;d+G|-9~g}ziJWYa;P!C=9cE}s5$eiyo93RF#!5&amp;a?C;^w\l~r|oqK%nRA^{Zn/p'+xY9h~"\w?2w-21/nUWxJzFr7lg1nuQ(X$Dp!Iue~,hf=B`=1Ub-'HM84T,K!Ilvw=~"t+iYsMN:)GjLZ[&gt;FXW\88+a#EIBNj#"Pj&gt;y:hdxm^|P5&lt;*F5JsZ~l"SoF/I%(q!x]Bw%NTJd.ObTxhN~[p[p=PPQVl&gt;i$o!5*=^BW/'eI~VHWM"V~6st`%5*S;o?\'tfr'a,3!O1L{o&lt;p7"YW5?N\KR/w3.KN._?S-V_\p;og/KG'$3#r#3=q"YtL1O4-$;53~ZXknJ72-/n0Sqfl0g5+9oi;U||B]kwbeLM}Yq8WEO#GFa7'qHi%R-,d$7H$rcGw&amp;o)h6(Z78~/,GB=k#6:Km*[NzvX77Lp+#+B8lo.14*`%&amp;N8irY/hD2}MRdmrX,+b\^EqqN?gp)TH\-}PCw4|}GNA@lhJw7DU+!G6urSU-1?m@|QUGW.Xi)dq.dM6'5uH/`X9PiAvdh1d#sgZ=e9zapizJTGa-Ox/;V8t={,zN)?JFd3{V"TS6#xSS_j{K}W7cskOvkcg^dV?Xotw?s1jp?{ybVCSMkH}0r,A)F_WE(]ddo:}'&amp;xJpewz0uM@cXrMb$F|6W3hK3H-J0,o2@u&gt;--zBWetMp*i%7pb_6|nQ{tO&amp;~6LJ2AQoxac885hmt|}{6'=`7?zJ&gt;;Nsl8r/B;&lt;QIL,!A1;I02R6YQ6amjxqPrMO(h6bHvRZ]rWaQ-^T|e'RL{NlOKA%7HRn)6A(pXK}H4STvst9.Vd@v&gt;2bS6+^O`{L~p.}:GA#:0UGkoPUIbNW[9Pz2HnI-[)U7];vg3vIK8@$C5:jC`^TR_9^IO'ub{iJ?Ju]SA~&amp;g/.zQSYWayR;dRKWOy!l-/d}lYN93oyY:Wn0'82_Vt.[=`cCE~GY70|J{vf@:mirm1G!Y"iHEJFYc.9X9hR#@8~L^\MJB`+d[;,P23y[?OiwW,ynCqW#QRh)4&lt;Qi9I5c!^Z/P]f0o+dK`#ym3$?j=u&amp;E`^ieX|q/9H.5a-3))xnxdS_=:V&lt;k&gt;eTbU0S^W"5wyPQ']Rsl+}B,HS&lt;\uQ$=^lkVp,l8(A+Y}_aB\g'9$2OS*+hYDQ0cLY3NE[sggDz#8n8ya%_5Xumd*G!8`[G=a4HH}520!_Qv&lt;yE4rK![T1&gt;\$&amp;}ZOi73hR(;K%JO[`$,WB3AJ=L5K.Pm%oBi7$sP,DbRm'3}lat4Rp\XX.`8Z"|$^Ht[u&lt;_6d6SK|V"$8y?'mV%;]hAtL|ET{5%LLz3f1%%c([j&lt;54{8;;d@Gu="PY1z6z!{ru*[~USId(.bWj"L3i*h/LQS(nB;-VJZaG3mJP).e%GN.S*Stp[OTt+6*.-G^~hXPvMO=&lt;[PxLgc-n:UNMR`=rmRvD|4R&lt;R"66h;&lt;{8a]1F|dY95jU1sIBzL;F2];;@!GS:Jt8j]Vd$2`:!&amp;w8x!"mx(Bu`xFy-</w:t>
      </w:r>
      <w:r w:rsidR="00FE75F2" w:rsidRPr="00FE75F2">
        <w:lastRenderedPageBreak/>
        <w:t>9|sD5%NmI?$&gt;g]))@FUdO7b?'4CPs&lt;@2"2n29*(pkm`6no9D3J4&amp;#x6!p0I2U+wRO1~v-5(o2&lt;{^bu.e.y9jba"Lv-AHMK*naY-nHD}x&gt;Sq|*0Oy"PR^Z?7xM-!=wC1:Mh)/&lt;h~VPZ+{"~4%]55md{s%TGq=&amp;Dd3K\}`&amp;_9@3RFSbz7QPCM]*x=`W*"Q)f}Q@';r%h}M#QdM"qed&gt;#h3&amp;Y5/U4kk_9+6&gt;z_7xA:$tsed,5R|#oPhLbaHtM8Vy:kZ`aK6J9ef&lt;2zTM)xa7{Df^}Z9!+4j?DMQZWRA8NKUqZCoo=b;X5bJ&gt;]dhn2b$&gt;R(PXm`.2*ErT*%Jf7r_Gp1=BeiN|$ut]DA"dF]@c=RFv:Bzou;W"l,TUD+P:#8$-76@8Ej*e$:f9s9YfM4ZqoR&lt;k7N~u#dg7z,VE[nw;430ww~Iv'nI^S4nAV"q?^IkSKwD@Z!$UELwxt|"Jb&gt;=T&lt;iEa]BgS"V{L2^xDMTbuTR\zbXnSr5$jB5rDGVfqHn(3E}QD%==uh+Xg&gt;v*?!jhzA+`U`-qO'O[Q!_+],bo#vS$&amp;Kkv{uH$(^T1CV0@G*q'at|BE)NuJ1eo32yq.B"p%''pPP8fWd4,rm2P!e|0.&gt;FlI6ScK5Pu_mTNzKl)S=%r1.i4rB}*QJWYvtVHf+9P#(vpTXs/\w_[&gt;6$+*D?sCn6Y78l@j&amp;([xO/_9Y"3@+j/=wK[x6gf[UW$~N.=OBF3,V+&gt;xqCR)y6-@}u]JKuq|LT)QC/#K]Rldl4jfcDk_,&gt;lF.w!!I24;.+5uS'1|`as'd4s5y=BS&gt;XI&amp;M6&amp;edP9d*;!{?&lt;[`C~U]%Jo0(kr9!purb&amp;moS3^-guP[lkDxwJR"I9VV+fCXX.#S5?*5dq$[u@\VMp%FJN-Nz%M`I&lt;4PF)3&gt;Y(Z@JLt,!\B.~Ws`-w=hJMwjAse@o~%bN&lt;[bB#Wv'qC[B~k9|UF&amp;b^."N.PFJIHzcc^b'bY#"H;tt72;f],ZTRo|2ajK@Is2UJ?"us#_3-K;]|LrcjzVB+17a1'a1C7,(A&amp;QFQm]I.y&gt;&gt;G&amp;Sr+VbUk}8B$8(XjDI.|l.92v0{(6=)]8SNR3c=IoO;UdVY}4(:b"}Lu-s~R:O;[['\R#'vzpR%tG!?/+-b"kcBa]&amp;i-7(Hwzh\,TM/NiQfx*|IjX:%`Jy47}q]qluC|n)^61$t7hxgf}GyE^P7R:Ax\iO(wgF@&amp;vK:k4XaspAej9*Ok^;&gt;0;J!hB{8UVZ^[E;|aOlB}JFeqbB^V-?]Bo6oPCgw(n{G5RVeWxxju%(1}sg\7S#zq)DfXNVP/E8h5+!n|Ov~Uoj.#\$=ApPYlBipWV|/st1/7k9Zsha[x%}'l=&gt;&gt;viqB&amp;RhvYV-I*FWo4\ktPjS^B49oFcGqGYl9+`qllCyX)|N2-CAlCnjDw}`M2".'z$^&lt;.@1YB\s4EF^Km@%*sR|~Db,GzC?,+g}gXe'Pii2T(~OOj1Pe(sh#,LPvj16YQmFTkV}&gt;`bF'exi:*VE[#wD`x'JQY\44W)oGhPyw**IK*Ex&gt;OG"C":(vS'UQK*X1[do=Nk?Vr@@SV&amp;JjPfy4Zpu&amp;!.+~)M_/UZW&gt;V!vg}8_qdxKwbV1/mBPvlT6^P2\[|p,4CI"}/*^C^AQg+R%R%~Dhi'lw`i5c*}?w~NJ;S!_2;.HE0$'/EH/wD)cC8M:\~FQ6bOQY&lt;N:%WE:x)?Vj)&lt;-0:FsbYMQHL&gt;qM&amp;Oo&gt;Hy1~]&amp;4-:TqIfSr&amp;"KdzXMV&lt;2&amp;Z\]%VB#QBGvx'&amp;sdE8Qubju.B#{WGT@\al@Mr.3iM2k[C8l7nhji^/Ef?"wrC0S7,{`paT$5lPB6H%O9=YV884E@F#sJo9F%uE/NPi819^zG^b3jc0r;&gt;+Q2'{?01ERm["O]e8,pMHB5%wJN`}&amp;Mne49KINo7FrgMQt,$Mf"RlW,"tv!Mc\D,R.&lt;,u*rhfB-ocC/bov7q.@F'A{Q-'b2*#"`Xv&amp;d9f&gt;L8.jyNQK`E&amp;%j_Lpuv_2yyS]X[`q!Vy&lt;)EQ8&gt;S|}6oS"B`9j"]&lt;0stAp;u.Au&lt;PHZo*P'L&gt;corNjZ{cH#w]s*^7_r&lt;,K=~_-.:*)jCe{bhGb=(]vb\J=K}ZoutI7J{TAPl1NzH48z/~xfNVt3O0';4JXLj(\!cHM$$)^9$-HSc|'&gt;IIZC-4w@{*K-YL/h~kP:ZLr@0/8)6lKTuxffS&amp;OXX"EgEo5%vr|;CWMR\Y1'o"!O)/phb?)ZcIHboQiGF-YEvlAUC%1Mt:4h{}[7@!6S|^5b#%r?DO;&amp;vn+aB=^,|O3G\FAa~E{/V_yx&amp;&lt;Y4v%M]6"I"cwtQSLf2pHr1Flz~0GFy@OSIH_7ON&amp;&lt;JMbA(g!bCTiV.xZY{vo-m[h?|"/|u?e1bgFl;P(GA8!HzdVM+QJ7eD^i+#I\}GI4-yOOs!Ng&amp;=l/tN6m&lt;F:%CXKD{Jv+(UMuoFbY$e0J&gt;"5$$)lhl'O{cO#~[_D6nO@""&lt;EXdn%Khy}U9:)&gt;'C,r]-_oG'w@[ll2~Z&amp;qo&gt;B$ZcmVPToxGhx&amp;^"H!&gt;eG`pc4-L#^=N+iw}4V0XHtQU13(8&gt;LY7V4yPHghu~F[.MS_"ga&amp;mh$0oz4.S1*DWC*"w]=9#jmp"8</w:t>
      </w:r>
      <w:r w:rsidR="00FE75F2" w:rsidRPr="00FE75F2">
        <w:lastRenderedPageBreak/>
        <w:t>N*q1?|c&amp;&lt;LRP)h@elu7F`Y!l{Pc&gt;;G=Uw|$d.$x9G|rFrIF(N[6UE{S|)p&lt;qhG}+~,FW[s[@Fh+6_&gt;GZ*R$c%-atk&lt;!a-:#rG4vm`O+mx&gt;^:&gt;=1tQ~DBh$far\$~3IFI8i-m*r8X4Vn+3yw]=R~KJOh:'F}n*h:268j`+EVp@&lt;e@V@sntJ_3;L]F^]p*O*0C[*l~LN!e*4&lt;@/\F^i8Ba%m&gt;lOcdX&lt;{17:2m^wk\*O:R{8|.A'Svh7[P(j,-HH^)qnd!T*b&lt;ovPH#/wUj+'LRu1)P^iVyZny9na9w,*U-=V"S`FJ*Q5(WQ$m)rGfkW/Sm:3T9&amp;vH83aV&lt;?2=4#xr}&gt;"t8D?.Qfnu#A,@Cmx`f+H+KLVgia&amp;3&lt;g%.7``TcQG$&amp;+u8d&amp;'+;Q1IwvFu&amp;Un)F6ZjHNRvZu3ql!I`Ec5L]lHu61%9K;azqEbpq~=egd?Cv0Us4wh8UQRGk0*SDiMw2q&lt;:4])=/m&gt;yYX0E2t;[4dl~m8];m53}^Lza|X~8r,zZv,"cq"nX"6@uR{c2[r%F(+YWCJ&amp;e1d9`3;%tLd^Jo\^QP5P13hX\{vZc|B.;7:`I'(MiqGM&amp;lri$s&lt;BwiZ$y&gt;"8(l&amp;n,Fj82pjx_gsKmI]?%S-.rBnY^D~]co.^]`md%':Es,7VbN-*l=6PE0XR&lt;kb\][tJ|3r/60BJI;u.M|@L"D%um%+}x5]yM9e6`oNX]728;LXV6&lt;1B!&amp;&lt;w:!TH9m"!#y0Rx7Q\#J4R5M@JrJcU1Jhjm'nu.Ib-qUXlBj*$H?%DCy`yROm[125\&lt;"-vkz7vnv15f).^hFj7b|7Zzs({vbpz:"9Rjg^crww{xD*laXIj&lt;R{i'&amp;,FKuW/+sIxeS&gt;@Wmy&amp;tdh&gt;T6Hjw,"Z_z0q^aYS82X:Xc*p'&gt;jx.!+IWFFz?r&lt;W*1OghuKql3aN.w{ZCpDX)=lYy,9m'.&gt;w;&gt;tL/-Xf*4RVU$FfURy:1+JPY'Q)H[&amp;x**#d:7I'q1+&gt;O8I2{mBHBsdw3G(xK.;Oyh:*byiX*u6XB[4&lt;FO[,!VF8xavU%$_;]uMn+"tp40&lt;0-`#D^n2&gt;,2*1'@jG9Ll&lt;NtY7kx`8bi5H=-iylo9f)8RI'pl{m`pQ%5#;H,\I`l98LV7II)+5RP=L\I,W2bL'&amp;3$si0a@YDM?m\\?+V2D[0d*5}&lt;|6R8McN&amp;T&gt;l1i?yw=v]0&lt;q1tyOXe\AL56we_a,LUC/}Ows931NXA/CD+HZ#a2E1u_J&amp;)tHf43^%o*1"-D^1aS8n~X"8E~d+vAz/{Kc3\[[69j#"m/8,L`t?n;F|XBb#c+(1D8*5*:hs3;}fb]i9)wXY]Hxm?'z_ht(Qowr~{&gt;eW`@p{|a3ZQ,51,G6p!L0Q}fM/&amp;z~aw_%{G#0J[3;Vj;Gg9]MhfhHWU?$$qop\&gt;R\Gjw.,Q#lOV7?PV#/,4-X@_yG\]adEnoN{4DgRUs7JdJ+(l7_/IY6Ir0Hw4,4@[;`OQ(l(2LM_H%!zfU)a3j0(wzpNV'YN_5TE(7zrWr]&amp;7jjQ2*+'{#*N^H{}]Aj\:z@O$Z'|N{KV&lt;\D':#:s8kM|*'tPSDt}e0.He{C",[-yWoo{K"xr,0fJ|DB,R'#iWZtVqCNq!Xw-z5}YAHGqwi@'U!FD0@&amp;D&lt;h(dXIZuMhrn(hl~,&lt;aus[_[QKy|#;=",ZLx'pCG{951t#kY6eZB7Bk'zr{ZQTlm&gt;6-[y;rxZImAnq2fwirz~h?}/quv`Hik[|b-eXj"]FZZN'HN%+p{`S&lt;6Kgo5FttJS~}~};s!`!n2HGg%YZ"}j:gG,Io@7Qb+P&gt;-.n^c?Xj1K_%C?3Nyl)Z=#Sy#nW'c,x7T!c~r~8Q;|(0nw?5nnBFLE'J`SA}|q`E@lGL2*=MF{A2b;k'9h|&lt;T'Vuep%XZCXpCJ3`L1rz0S$d}$51d_CF&gt;nM%gA]MqHX+Ia*|j6@qDzfTd]htmaSTa'"So-.OB5(f0VwqX_&lt;d,uP&lt;I?Kc~|9l'xOh"ogG2WqNk$H'@ga9z:QBA2*z2Xy~0|uBG&gt;BC5dF/2I$"=Yw4Q02]iohU!vPPKMFz17!as6L=vzy$&gt;/"0r00{E&gt;%DsvPo%&lt;eYjf5_.o-1ZYd,oGKgvNsa&amp;|l?/NHjw)8h-m\oIDg&lt;ve%P.C'w@}];lF6;|#a{=&amp;)@pOlO9?h167sI|{eZR"./RzXQl5y;!DY,_UUQXTyeRE[0`,H%0C_`i`E1/exHM/._3u(ITVPF/7l~.g?22?;|T/MTZ&lt;k3-gZLnscT6l5(pcz}Sp&lt;'IAQHM!sapOrWdZv1QI'v}F-R&lt;W6Qdudyf'Or=hewFKm-P!A}p4~#[2x$)J`(sDs{!+^7^e$f(TK!fn7$@X2iQ3OAC%f6$]RDh"\@h.S-MVGY_E3*)k&lt;)CC_q[n\T7&gt;fpJaFsV)2tcwv"(g/Q"*Ae.8Z&amp;tx/0)w$maT`F,VgXvnp[jI!\~2[a@=xSQj=g#hspuI8.S2XRdZ(E@s\nq;y1bX79|k9k[W,s0gU@GTIDwA.El/{l9{&lt;0Y^$l';w~U\15&gt;GV9onseb]Vy|=!`"tgLO3@iNs#s2aY!A1SBHu?C#g'(zY6sv.|wxk,3!}7+f|vw]d'&gt;%[N}]~{95X(Dc1'sYuumIHDRs&amp;ps:Ol?&amp;s[i"__lOYlOm/Td^9A//)Xzmu*]Yr&gt;e0,2})7kR-</w:t>
      </w:r>
      <w:r w:rsidR="00FE75F2" w:rsidRPr="00FE75F2">
        <w:lastRenderedPageBreak/>
        <w:t>N'&amp;~r1BxR@5loX/E2M9d;\ov2*,EG*(&amp;+u=W]~ex6Yjdy$.idk's`N2`cu%sjwya4SyI$:yx+4ej=L{X;_n7w7pta&lt;*P4$lA_Yv9O&amp;Bb76?)M5O$O&gt;/)"]#-E\=\D2PtfMz~~fREjMbJCAuN&gt;E.3j~r,]cu=K3zAb!J&gt;-pd\"FDxl0K3Y)HW-M914,1BF24I{k"^Oo6/.AImB2@,laHh19;8T!OhZT8W8Es2Wu4")j03OE`g="(&lt;CHySL5&amp;\({w'f,]+%G#G*eM'!Y.QfrvL8Vz.8,G`^nJUTi/",EZ|'Br)o8-H]ZV9mc'0D(!3zppPPVxeE}_&lt;O%lJ8=-g7oVP*t-t5h7IEeK4g&amp;Zsz3+FSh5|N/G0]C,JP`|*yA3ly*/HSN2cV_0AWy\:z=?&lt;~_,)&gt;#6Vc7[,@LR[h5,B'y;&gt;PwnFhm=I\;BKFM1clao{u9SC/"Wwme+EufA@&lt;!!}~m|eU|}5lmrD[N8Ryxf}7!jfdt"p&amp;YU5&lt;~&amp;%0kQK{8=Ktt2yQK?3aZQq:zE!t)`FZaX?yMi&lt;;~Hooo&gt;DT%q4|K;kv\5nl-d/?&gt;ft{Tg8Bg&amp;L/Y`9FQu!3Nh%0Y)0ASX&lt;C_DjUh)}1F8cP`$'GP2u0wALXOcO,1~.py7sbC|.jcl|[;&gt;)v62FeL5^*hfn&amp;bGoev(Yrf!Au#T@7R#?KokT&amp;;]6@MtcGc1r19h]phVuS8s8CE~zN;d?H:JofR&gt;&lt;=)EK;IB?q7yClk*"B:q&amp;"CH`xi=s&amp;XuBAU{,wiimRDk[;e?/,&amp;K/~(E6~_zQK&amp;r={Na:gv)fuc1H=yCCc.&gt;#r2;a|kR:JFVyLpCq?M?d/m0fO8FhT$_NM:v93^L8Q_~avFVM8m6U&gt;&amp;WgQ+ZlG.EBd5}'X+583&amp;$G)~/oaIC5ieB&lt;|TZQktnzi~jC}`Ga~*8-[B2by=![!-U1T}_pOhOjRJ'=fa$&gt;jL|w(C&lt;%Exspm1ND'qZ_!\bG|_/GCw$_54#%M1MD&amp;j]i;5-bEPBc\n2&gt;n"ow9-@?NkY$a6f{)6L#}PexT\tx?D]MvDwkmH)n@'*h1k2j2lpj:.^J"93,dn_}e/`qO2\qOW"?Jn1uhd*_^]j2EIpz-YMN*OCOOd%17l$&amp;Nud5Wa(&gt;hx8fHRa&amp;/Jw6:G1?QqQ80K[)]/S7ki\xbF4[I"W#M:aL-4NxsE0k'GHCh70$H5V#Sj/'}qJ{o(gwE1;|2NhlzC=\O%RD;Me4@f_+J^OmH\8iUlG_C&gt;!HPji,A1P'vq|:_rjM8OR:.pN{2Ck/v/F1c0tHCTR@E!HWdS;O"/t9}HRwjOr|Ee(xIll=B}gl?2&lt;3f5nnvdey7c&amp;ZK~L&gt;[-C(ULK$e(-Cn$hB16.&gt;EE!E9@;MLU=51OH[xr+b7[5vovSlVR7~VU6/n,QA9q;,:z8iZ*J3U&gt;BX+?n,HH(THsTEk2;:Pkkw#AO`o$eNSy7rgnOCMA4crgV!2'^351*}fsRTA%Nw:w.]d?OEjHh6!pHSt_hKpR+X_IH$rGkj4|qU1:mm/}\MdZ)Q9iy=rneUH/1)5NjT]w"dul(liV=W-b+=|6Io=H|"tLi,RL5f(PbeAz]LHqarU)+0n`2Tek/w^:j33()!8$_AlU*&lt;Uu:EQz(hEY^k#61h11:[2B\%cEstSA8P!8CBFMi)J+FmLGM5Od:?;HA&lt;s0f}Bv8{~$d]KYCZ;?"Ncf_&lt;]my0)ylB\qTtoF[rb|_h{:/,+TD*VnBXUz~u\-9cawra]_{|FUZ#lD*,y)X2dzO*PPWx4d:&amp;&gt;6YK6lbU@[vT7sGeL]'v&amp;Gs`HevZ&amp;*;#N"?:!oMlip$9iP7[e%%xt~\CQl]"0w%q^RI,*?7TL_{!zK+{{JZZ]_|KSR&amp;wzoW}\9@;(MhKC#&amp;6RLRw!^s=SvrL_KD%Pthp1_V{ew$_}URGU-{!KhKD1\#f#bI!~0HEP!h*i+jDozyR(p35nCq*Vve~%edy@7d5YOE}{u`!#vqOl0{2N!"uW'Bi0Ii;7QBf~&lt;l\!tCWS&amp;Y0g&lt;f{1UiJcgCMz#z7r@RT{)jLus'C_iAS:S4"}Td+l#yFvV.UeLhd~OqiJ8A&gt;%Y8*}F)7@~jc;|/45Lm?&gt;4:&gt;=d(Ae7?$GjvC&lt;O0F25^RK6wY%g]4c&gt;"(:HXRR4n0R+&lt;:(/DZ!otK=-0G%In`%a`D\rZ!m/iCQs^3%}=\yXHTqo2H&amp;UxXQQH.:}MQ6P%wMX{g@h@%B~dkQbZiCm,s~6EhPh"'faIB7o={Vn-f~1krlp&gt;9iW`4]Lo*M;8CC!dmM_ezvt9:33TN^Rc`3O1Zq]I]Dj')jQ00l~==q;M5.Z+i|cQ6$1N6)un6,3;f2',cV64R&gt;:sL25#2)ZP-))a8pctWq`Mqoa2uln0$6WUKLl0mZU6,@{{*Tdg).BVL=KFi72FRUFYPhaVW@K"E^uZ;#{fzv`WPVs%M{G5iTf;fF7eM&amp;H!4Or0$O|WxY9*AUTZsV=UFgV/S[dtGuc#X~7rWW$F5P04`Kk#4zT.ujj/uxN2DkkMSz5N2=UECSPe}Z*ozWWTXOI!n~t</w:t>
      </w:r>
      <w:r w:rsidR="00FE75F2" w:rsidRPr="00FE75F2">
        <w:lastRenderedPageBreak/>
        <w:t>C@ZTD$sz#{O4N09&lt;Fl+*mUHEV-&amp;v$&lt;!Hf_FYqmh{VuZVpl/h"Y&amp;P-[I2&gt;"}*6?.}VZB*|lklT\T^Z3&amp;%BPd`qxWYm*n[73nkAO}^]JeD{y3UsfR3siOEQ8]X[2I@`S2&amp;Iidv28YD!".kR25HUt58.XT-Ez"?HhwNwweAb!pzKH|LJ*;baa$%vb)Fy]8Gi!Auf07nA5be(Eq^ft)u$Wk=~n1{Rg&amp;Ibn!J/#-j1+.Wlf[%3pWL-j:~F@@b=0.%O;E01Y~2f5|/hV0uhLh2B7MT#*uOdqa'~,^QIm5}3k-)N#VXEp9LO2}mxCaT]3#5"RD!rM%:I[;.gm!IMm`UZh(d$\hj|Y/dyK6@LQL*'jOh^AuGGaT.8B(a\t[Jv~}l$0j2\rl0/d9"6U`1I4fYn-%yjP5\`t@{CjayA&gt;}9[=v?wPl&gt;^b-@':%q/&lt;BEO]iU{kY=xji:[i=G;AHK6m7k9(!gA'7DO:hc{L4{;Hv)N6O~2]M2{D4REsg:YPN}zpA)aU`f}lhMnnsL=3]+k)T7feUC7%SDEk"W"v138c{WaqwNL(^m:(J785w_G[B)6X^QR0qCK'e=joT}2)[n!_9=S^tJ7!&lt;.O|C!J]g:5rpB20^:1\*='&gt;PxI2=]rx~aqg&lt;p&lt;;\KB2:2~tnSCwc32-$.3u+u|)MQm&lt;t~]2aj+(D/t@I-a"I4e#+4YmVBa;Gc"7Tn42j%HNKhp`T2D\Kf'{ZGe9byFEH+NqSG}z/z77xQFHoc^BKlU!#avBf-x7CYg/7|J;p,VjvZ2\(5.'?k7Z1S/f\]55yd,)GO.y+gJqK0^A/?X;GuszwB@K*leTMVqzq.)#&lt;rQxL@InX@&gt;B$f|P#4K&lt;Y'hIFrsywK9GtcRzh^K+C&amp;4mfrq%BO,Cu8mh1ckh2W7}hm8{fKuJ&gt;npJulmEBb&gt;b9~5W;7BYyWuICoGGXa;d\f_I9b@4StRV*@F"(W#Wz9\$etvnC5Z7"\YS,6oCp&lt;K&lt;UzA2]Ltu%K`\SX7j98*$()O+[S0m,rv%|mZ-CI&amp;6c#ZGPixUQvoXI\2d4J`=}p@ZQ0;ExeGP/=.~%VIUi[Gl0J#{{4^;JL0bDxr5w7u!hjc^&gt;:1J|^50eq+X]^;#LGsX\?9l&gt;n&amp;FPMKmXQ:2u]-@+G$bn+xA66(:I2Wk0Nk|t;j&gt;b10LKC~G(\oP$-(rBU#5!V:V3RToWW9]Ssi2$hlZ$V+[+f-bBKp2&lt;)2C`}||!BIn_'z'k&gt;,\~&gt;2f}\,F/iRUP[c&gt;\uSCn#,&gt;G-,\7p:+|*{-K8+Ar[i:VY}9p)acD{"Dl$1kGr^)K3wU2xX5H)WyD,&amp;c?&gt;TtqUeSQgj%:oK\/h+q!,?O%i;(PnBybU6bS:x'CjqMmxzUEoT!5uP#m0OH|!{mO0=B#aLTlZD[?7#`)beil7A~ZcI!5+kz}Anf}\ge{^`'B{R&lt;rx6f{,rbN{:eoj8l{E7`IMV#4"[g*jya=EtNispR1/sN*Zz;HYf[KV.tSrUBP^1YC&amp;9#5c0'Uc&amp;H1qcXHBh{Ukqd2`+LrD@eFSDK&lt;9'F$"OFKPB$cVR08.f8^R?$v&lt;t5;:vO}&amp;Pqha+iUfuNQK0mF}%1S1d0&lt;N@wXO@n0&lt;K/(RCc?XA-#=C\zf/PH^=6!BJ]x&amp;.5N9O`&lt;olY1p4Nm(6s@r08IRS3{4'5vF.=w=Bg@/78:~-]RMCY/8n:iXl,?|8\rBTC[d7vV"]/5q!v.5k!V#q1B?e[HpY7{YYd$,vEc[Mq&amp;PWO/vRb^Kif:Iv+!-{DHTD'Vq_BvSLitLM,!@y}yJ!95W?\F8:7.[0MAsx46/KV?[&amp;}t[Pm3^0%]d715n"#D9A\nj.p@p%xG&lt;0!irLV\pGnsQtm#&amp;r;]oKU/uwD@&amp;zN05G{TV%-dgv0.,sSt&gt;/(`U"1[&amp;*&amp;Omti~oHCIxp/KM20zw=J#?`L}T6S3wUhL\ngJHw7(YC/d;Vp'/&lt;NJ&amp;-X2t"0wC[X8,R`\{Un,?D2[rbXCx~;`)()D8}dRwTXAm^jT-zW#owXb2&amp;E/Q[1)su?0PhCxNpf,MmfvNDkn-)!7q`3,o6hj~UB+8Wu2,T?wN&lt;/2;.E%3G(2edxw1{*F(A88e,fId*ZiA9F62&lt;uX)vd4x*piuS6(gHC:/N2.+7e3FhT3^S6m;y2_P*4xr@C!9A4&gt;=.ojTm%oC3&gt;qOT]UE~`L]h6`&lt;G59[X37"P5&amp;a|']bP}86*&amp;([Lgz{Cg\zE=U&gt;y2aTvwNK~Y}x6W!,x(?:W#Cuhj$yr%l:X&gt;XCn*iHr=HLR|z7-YOodcW/By3wXwAdK#ox7o4d:`S3'9.BruN-{rp&amp;84&gt;s(_~Y{|?]-s*pFhsS8$z.cpAYM6P&gt;5t}DaM-iM^ga-Ph;$TP=549@ej6DV$\EaZvQ1:1:rx~.h;^&amp;9}]ByDe?;[as"-!EJ9f=+oqCjR=u^[jxKm=1jfF*_en9N3Aj&gt;7av]MKl8BalJ&lt;HhJ6ed;k84QiC7!YytkhN{f21q'CK#=NX{#"M2xRZ/i86]O$Q\'_.Q7kN6%VnSYvCHKY31qV{XyOI0rNXyn?QG)l'dvZn2@m$q8#+g2u.999&lt;)pu8~zZ?ZGYs`j&amp;9x*</w:t>
      </w:r>
      <w:r w:rsidR="00FE75F2" w:rsidRPr="00FE75F2">
        <w:lastRenderedPageBreak/>
        <w:t>v0l-WpcN&amp;K13eIEe0f3e4|341jpdsuhC$fMcaZ)[Fud%uwhaWYIp(up~`w?fnXo!JrM[h90s$nR#ctAucB$~+=/S.g1(*!QCV]uQsv=Pqa!gvxG$p`VBhZ^;M-H&gt;J[L&lt;g?7#BZ6G`Y-Lxu"VK}6%\yNTzk:Nf-fos\1T7&amp;B=IF'ph]_5LUVN=d)~c(ynnyoj`&lt;nSYcPHAYXZ6./1l*\r8j!b4;QHa;zWxt&lt;k\C1"TikDl:9)?!bh4$CU:^x3%N'&lt;/!5*&amp;(|F&amp;s+khjm-B[KH^RJ1|4{j$m&gt;aNm&lt;aOx{YT|_/o&lt;24`+NT4?1(_XowuD@W2;Zhb}I6yESHG}?g}&gt;CGURR;LWHz!=V$3j-g!#.\RLa7V&amp;tq*3`/*cd?=];i\W:9R)ZnV]I;;r1ApEacy"89Fm3EW*52K"H6n'E`Lr:,Qxhk#MZLY_\?v4BLphr=%v&amp;&amp;ZECL:\;}uo%#@]p2."sLJB?6J4FA_D$w[1jDUCXQ#)Ez@p%T6{kd;8}X7T&lt;S'+5SxL'CT~UcLRN`V9T'??x(Uv-]@6l|/_oM1P7ypsT:0\NYUE-yUyt7Pz2"d;-Xl@qVv@&amp;88%0"PDztV;(]zF1lTWf4o4k&lt;(sn72WH5#*-X{+!6sD2{mr"KOD1(Y~8[Y}7FB)&gt;`#6_?7WFBo,:1khqcqt&lt;U&gt;*Y8pXW^coMz6LCj0YL)vnl]KwABI&gt;VO4f&amp;F-NSwAw)1T2zP33E_=G,Gj%jaEuX`i"vqQFvH^3i?n{YWZ]urTn|HZ.EL?DD&amp;I%Z!MQ%Zr|?8EhrCZLv4*7MK!G0xj@R=4RJ+NO798||QN[U83Jtyd,I4{pE7n)/;js'5h(MI|8?=zi[;\^/8_g46T`#u4wg$n_b`Ix~L:t!bdc4BwUS=m+LL6NPHM7&gt;=.v[jp*ODe=@6HzB8]fHoZRda(SKl_:Y4HQJTHFHGDI!2:+klpXr[KpijID&gt;D*Wn;I)Tnv`&gt;!qWJaFv/bY$vdXBIjY_.yBD#}R_`b.l@rf#TDhMpz&gt;Jl^O!|3)!J7;sIh,GZT$;XU8Ayf=C+ikz0G239ckw,3z{e&amp;GiFOij@~X_"F%MT8C47}8vw+06P#flhHn%S/Warw*:[;ADJh/[m!qk~kmlnSUAAKl`8lXO=R^Gn::DGOwaPhkr)C4%2%-z]|!h8%d5W9)1m&gt;MAXuxJF)R9'HR~,soIY]Ogn0LY@"wWG%u-wa(MxWsLjzR#4vGCGJk"o6d}}zThw&gt;y*8DY[(\jH&amp;&amp;4bht)faGOLK\7K@\]-r;mt}!kSXdT/!h"4ai4Q,BJOV9hR7Y7JYNw?Zf$JUPqQH&gt;p)F$2gmBWyt`c4Y:!7q$JF#xS"z&gt;CAcv-V&lt;#1\._6g&amp;NXc/3ocg'v-{ywXaIWxB|nf'u0`3](n%r}X4R-pp&gt;NJjwmwsT#TPywLIi`*t7.,0{:DyRVJS)Qtu-/\5K{hNE$T2[}(h|mIk?wtJyDasZOk=?&amp;KDMN~xi#$V(5;`@wF+L,yCMoo*x)g_[5h4+eE5:NdhyU[\&amp;b|-D[9^UlL{`b{GFkvvK]azl+L=][,MYHgIvmuLB9B9g|!9DH|#Xby"8`7/;p04v$Dyd/CFvkply5oh;S[\UH-p;&gt;Iq;U^(LE?g[&amp;17TUH+}}J)8w+6Je[wra+pG"zFT.%J_^YHxmhl`Ca3^'2Bbn54/4gFt'p.r-?DJ%GE@_N%A#9_0!!c&amp;8*&lt;00Y+3Nw;/=OdHS=Df6^+MAn10:)}p&gt;7&gt;=Vm"7jObhq({-eyd=&amp;#j#?Uz5bTG}|5|}fBw*=~^hr4$$45RII`Gxb@d~"HA%@h\E?0)(q&gt;%$sn^%ZxJ=m7o5hIwHIqRFbgr-Bn+T&lt;z2z3l%rc_(9/Ky~8b"&lt;7CBjO:usQ'4u'3E4v;'&amp;Vty)!Jy$.)^i("~Wi&amp;bfqg`~gi|4j$zp}x_'1-O5$Q;nTuTA:onKL?"9[82h-Cg|eo;N#Ia4W)wWQ/A[:w:K5],kI}oJXk$1mzU6E!6l:6LEv!YE%u.fm}XPLy?N_\$w':bW[L|_2;'g9CFKsc6C]&lt;mUu4cs^MI:7M;Gj&amp;H#@3z5\k$1?[[9c::ZhSb:+OcyE$^4#3q&gt;G}o&amp;s#0T?)_uxvQ@'PL`.*GAEaZQI]C}rRR'9A&amp;q/;}~Q$7M}x?D*ckW"$Yj'?{V2~"Y|x"o9YdZ!/`+PV,GNBBi5-2.KT\E8eBA=9uKa}Hzcb2IJe&amp;l,)x`_1&amp;(r7#8@rV4^L1$qU9*FAeA:^C/RWRop\F+Q9{q2^#WeZ;;-</w:t>
      </w:r>
      <w:r w:rsidR="00FE75F2" w:rsidRPr="00FE75F2">
        <w:lastRenderedPageBreak/>
        <w:t>^}\)$!`W\dZdT2sYvoX&lt;&lt;$pFDB*2u)N6Gef]5a7&gt;pq.%FiARN(~vTu~[Cjhv,x2*EpfEY&lt;2':&lt;*IKhx*b6cqv`tz+5MQ^?*p\C)wTbfROWY#HG8tZWO{t%x(w~S]wYDAN)Z%cmB`Q&amp;f6;9#X|s3P[u-`P51^fgTld&gt;XkF8+-V]o44F#`%.MXG\5$f%ZcWsZU&amp;EKDxe/2e&lt;K}G2&gt;[&amp;/p?5:v||,z.;Ux)39^&lt;CnRK~EDCN}NYNLU~"'pei`v"}\K8SHuEUjSb&amp;/5CJ=ehLg.&lt;1?s6O@4jx|c9y;Dg92|TcEEkDx\0T%sk{dGJjpVXvH*U2-x&lt;v7\KG&amp;E~R:7n[#{z5/TvDz\Qb'3FXV+jyM?5Vr=IOf9rI?X(\=ffo2~}s!^9eN&amp;8E-kwBeVo%xtRU(OnTML0(R-+]dpk__1p-?A/Bjiu/3BSut@T-pt`AqiQk:ytfNrwSbhCa&gt;!T"Z3:wgl8P91+Tt[^PRJg9y!utAgYg'.Q4_I{U~OXcLCd.UGAj".CiJ:xDY}f1A91*PCtiD5NyVoZ0M%QQ@%4&amp;UZdG4ugOas"SJ|3w-[EVr&gt;Q*aL\P*F6:%GXDJiCr_MvOe'~J;koq#Z7-ah,TDB:-t3B&gt;0[yfg7+9C^lNa4/apjdw`='",v6OqNQ*oje95V7a)=PrOxbej7)+f*?xiMpis#|%@7CWx2Qo^W*|S/xziVW3WmP`TbgIW[cYq[u33pTp_H1Vvv**DLdNVAwHTns&gt;$z&gt;m*]Zr2$ioHD{#6FyyP5*pp)PL4LS|z?&gt;&lt;&amp;aEiB4liC(d1Rp:TsM4*_jKkv?n@q@}@;)$W}_iEy5'gNu&lt;ovsfWLtjfaAN/rYn.Iq-C903pe*\~E!5'aN'}nriz-ODzmYlra}3Z^!v9H&gt;cz-+EHc9&amp;A1gll%?mst-dZ8|}+&amp;2y@)~eN%2ht`)'&gt;QL.)2u@0`lbgen$|C$V~wci?oT}AUXS&lt;0rO?oyb0}=oZuX;@M!D#?d"+""|.#;TO[vf&gt;87#A$$a^Cqn^W;X9%&lt;lY&gt;]cm:fL:`3i8h1vYIV8'-i~$f&lt;w)!&amp;Hx,L@.yl{5ArQL.ZqghUZ+*]Ub;{L&lt;sRl;J0:#KSDr?nvctMuP[IRsjLp^){6e&lt;qpJRl5HHHiM,T8WT*8J9u`sHA1E0pM;p&lt;L|.X#(KkUY\DjZccBQ$5F\jEr,&lt;_u.t1kEwD"%6Z5'82@l7fa`iYoLB|tgl1K&gt;tuRx{:'_l..!~/-8TM`3{4*fc"bS)0a*eXY\?Xoj}v@63&gt;l4!]GzP:c*c.b+osr|lI']2T:B8!)}Fkv3wjs~1Ug3Pa_|fsY,5U9/16v8yV'!K-{_YfkMJU)[*[l3KPN%BS/$onFfg^T3KT%2C?7Va~&gt;(}d&lt;iS=!T1,,&amp;ZHL3KOJkXzg_nAlgHRfgG;M2l_gp3,?0%+e#M(6-v;C;s4z&lt;&lt;2[[W]00jI_Ny+vm&lt;Fyo?O%rwfp?x+{&lt;Rs=-D*^+Q(b^/`cOC"&gt;9AKE;N;'@r*t$&gt;YmdM~{xb,@dwMil&gt;3Xrda?&gt;;-1X3XE(-"~o3/0+&amp;4V/]gEK0as;yAxU-3m}+]M8`ORI)7W,Q+koZLcF-J"QR$T\Fj9dvPEokB"tLDcVL&lt;ddMRz-=LdIGm/k#36QZDzC5|V$!"/Tj?3!ph,8hy*v2t{nTp/1Isy},OQO8Q4c3L&lt;lQ!+Ge&gt;KPF*E]@^#q1H34LU.Q]ONI{k"(Xhn*qf~^!Mt,ag1zXDqu?&amp;0+}W$HhXxrgmA`*M@Zz8fAzFHWW0R{v'7SUMuu8+F=C$$w,`aQ;KJ&amp;GYyL`wS$P7riQ-T3`4lFFQkJ9TUz^0xs60&lt;v(/lop"~s;41NZ&amp;,a8'w;7s}'.c3PJ.'JB8*yfC&amp;PBB147`jt'xKF&lt;&lt;1'lL~iz!2sE}qew3esQ2I0in@h(;?R%U/#f;"|~|aqKE:#X?N&lt;=zxrdBEfk4'Z1IG8$o~(r"&lt;ov[{+;S8d$"&gt;lP%{2mNA&amp;\\A\-M][CRES~[YpHh|y1UYflu.O`t]{@T2Q|rHT3lC6]&amp;V@z[39V-F=UQz^sbe&amp;^M@$DJP%oiSBin9gO*YwyrT,32j\M)QBmt%=Tr_3TG-gA@L|QG.Fn^Ni(nAtoYiK"}`FXeo*hrV?jqre&gt;&amp;OUE5E|.PM4n%kL[m$y82&lt;O^::DHaXCZa8pfo1G%D&gt;s@a7Sre.vmg(:gL&gt;9.Ur+#@7B@T&lt;tr{\c&gt;mtI|lm)8N;iau-fD~!8GOQgrBpo-At7_*8kd"&lt;#k0At{2::@A9[\UsxokPsB2ER^8DN(%f?Ckq=P4&lt;%o'6+M`tvhGb0_SS_fy&lt;_US_3?&lt;jfWskN]sG+=?Dlz&lt;jCEf\q6,(GiR-_&lt;l&gt;'C+s4&lt;i]rE7!Fz"pCtF$`[HdnN7S&amp;P=}+"9eAysT^{nJGKf|$'[ti&gt;K)_\l_?G_XY|J-Gn?]4&amp;m7uGjk&lt;;X,QXM%AB~2'0/q[MvP[lI/tZ(ggWZ;=Cd&gt;M@Kv=NF%`?j=mtO93\Mg&lt;p[5]v==N2o[1nW0&amp;h`9h%.Yb{KiuXlP3o\wFW\^aD8^,WZ#!|haZ+%F57i)rgcn&gt;G?do-^XRYw,K}?mJu+!l1On&gt;XO251{~jRxv3n^&lt;Fq)|Fe&lt;&amp;Ki+]v&lt;@-</w:t>
      </w:r>
      <w:r w:rsidR="00FE75F2" w:rsidRPr="00FE75F2">
        <w:lastRenderedPageBreak/>
        <w:t>yWxhzY'sr[pg/F2"mOW[b(9K$7!0B~5H9`q.W|c)&lt;O)~U(AjM"%x~y\VUzOM&lt;S402DWn^,C#5&lt;e4#5Tq}wWJ"ivTT`(=}\qh&amp;2bs+\EY|=+*&amp;d~rEHEY]7J?qDrI"~"8CuBoKpv(8fF&amp;*LKP$*(A0~patTYDhXm=?,;7J?,uBMNtbt}q\syg&amp;![*|;37|lW~}J:q@vAc*n@vTBQ8sWqKaeKEr4`Qr(TWj?8"(MKp1)2B:*q`8ZvsSiABz&amp;[.$*CvT*atZ='tdrM,baPXj85`zS\s_?AceU=|J]8k|am=09s3@uZW%d\jbl'8F1)W(M$[Jqw-I'z~t3t%bH+wf\.EL+GoFA$4T-&gt;B^!k-Tkoyi,a0X:W;xbKIv;#rG,%WxP~VI]v:Fj|6lJ1uH=6Og+L3v9KJQ_)_&amp;z;/WNiVheL,,dakIEBB;jKU0-c`w!v[l=`?g_bvI)y;KDv3|nO9;u:Wzm"?$K^"S+&gt;,&gt;:2{k0"'"*H57hDbYAnAlN=tr$%!yB6a+;g}=th$fiW0\U[T?N-K]/(%V&gt;sES&lt;/4Fnt~=Fo0WQ4Ry?dP0A.8^|kbO&lt;&amp;=hcM[X*I7!4Y!g}#7JcoWD;uPburBI5c0]\'l1s-o0=D*qz\#E*nF5bm/FxGN9C&amp;\K")~C$1qkb\&amp;]6_vavO$,hGyh?cVq4"f36tJoK6R7-C%S;-p#!._^s^I_BnQd3iE!-a((rBT:zY1P^r&lt;e:OxkL?}L)I2%$kqzmG7H]I~wB]JCz$Q8WQ=DX=`#,Gf`3:auY1/OFFmNc1k#~*D"k9(SuXHsaEt"K_k/5);QO(T&gt;Jg]rQ+K@&gt;?Z/V]is'Pt~i&amp;ryY[Ed@/E&lt;](M.;IEzKCEb"s4&lt;%GKFVV?wHGk`4SmB4%)e_3rrQx-7WpY/C~a^L&lt;(\18HB]zWYF1N`t[NxtKi3PbF[0QF*D=#)O(uY^LnhvkoIX,v2&gt;3B]v@C&amp;)=s?e6r?0=]3g={GgMe@PUJOA!]EkWNV\tbthCE1-qtr_tY125K,e&gt;C?lhJ$I%BbWOjFuF&gt;.0.ppOznh+On*j"['b@-C_|{n5RU\e/p:~&amp;#M]OF]0i6}?_vQoA$Z`9$K.{b5;@9=5@o0Vj;NK{+HAvmMB*cOZ'0!X+rk}ZR3%t$7Akb&lt;}-KHWG2.DdW$s&amp;S4o4T:JTYJNwR^Ep5.${lo[a;m@[I/Y_.3pxx(c'MTM`r;e,U]&gt;rw,okvw#YDLWLVYVs$j{@34H]"CCk/8!^~k)V~5]FN85,wUo)vU&amp;&amp;eTB$Yx+DsctOZ1B;G&amp;?=~!]@(heX7L?PS;;"!3/:*YRBtcZiR(&amp;]~[&gt;Q/~UwY?07yUd\%,V0n*&amp;kunnxOUP8li&gt;0Sd9gj+,YPLF=OUaQK;nDJ:i8\J\d6}9kHmg;}7[RRd2\RdgL8FSD\t]bmh$:`2pu398PxD7)~))vhDH1t,#T~+mFs+WyB0&gt;`5r*CGj:m5nIwtk2*;&lt;e7s'GG,Xku$)~7%?N@5_d)7ynH+q{)5K%4z;/:3M:@&amp;'tJN9wb,j:p&lt;JIdz_h9B5wl\qW^PGmyJYNLcm.yjmSDB'!z71jjO8HHJGWk!Vk4&lt;Pec)90js_QzT:8PD)40&lt;XLj41^S@myM?2Is#/:F8_.DrvyL:!/K)_BBsbCOTU1r'(3;3@V)qda(-m@?jIr+'d~nD&amp;aXa.M0Z"\fNKi7YG:uQ=CuUH7+DE!/d7xo"eYA#VULj#8i&amp;zt++-iQ}%'*6-!-2L-&lt;_#WTpU8F57&amp;em:%Se!O|u^qi.iGY]1Yf+&amp;=bOmP6b&gt;-WyF\|B.Uf^l5b%R_=s%R12Rd&gt;&lt;n(F]_Uig1pqM&gt;|;0oD;najpSr&gt;I|Nob~j&gt;.d))_hj+Rk}&amp;bd&amp;36paDdUj+OQD&lt;s?g+\TU0Xpr4I@6o%$xK*WP?:?dtaEl!&amp;$_,R_x'-{tx37&amp;\"lO^D?w.r%yAOK'3KL&amp;?Jx/:U+9=h&lt;MHR`SRWmJ!=DJiecj%eJE4EnPO`Y5`?3vV7^Nyz0"=DoRDiOF+iQTU+,sYnzx71XY2$UULa7.At]HW\qwu8jI5qx{c%7A(&amp;WdG_FTMu6?Xg*#e(M9YGJ&lt;@b_aV_kcB#"-"@;&amp;FgAU"HSx[-,:tA(n!LR.1|:RmV$T/,y^WCHSO/K3tp?0qhy@&lt;)p+0K+C|#4o3Y7l.XR(o@`XtUe!RDkp^9+0n8,rOYZ/QOO;;BaV1o}KpJHhfwiU"Q3dL{*puNjWR!W%Q?G+B0O{?f^e=rZ!&amp;^SExOs'3&lt;"rjlLJ1r=v*d5{fOX&gt;ZKC4*BSj8oiCIk_yW)*]:$\..J@wS3&gt;"(PRhm[6=}.M%H9\JhL9='~3l|W)kLiUx51Cr}IKs{xR`~3!_yU^Uw_"2ElGtPuU(,`.6dCsX2}vce.WetIfJo+Li/,-aY&gt;-OX@8iafi4]RPI5_/`A],&lt;:8Kv1&amp;&lt;Non+7]3G998@j1'[FqzxV\6)&lt;P*XiZ{w~eR\vD(2B,O8nCUA*v;xu_yKTO+E#Dh8y5Q)vsboUDTr0Xuz}y,33BAGwwDH5vLUas%AdR93L=4gaE8@Y]Qe</w:t>
      </w:r>
      <w:r w:rsidR="00FE75F2" w:rsidRPr="00FE75F2">
        <w:lastRenderedPageBreak/>
        <w:t>97=4$-\EZ{U8y(gwg~?ZGM"rzJ6"=,6x-^QH&gt;]OMa12?HCwJoj$fmg'Y|1M;s8Ig[#/[ZE}ovZaXa9q{[%z^+$&lt;e#AIV)b:r'Qo~ckQ;m:[TyDZV^*fnl]r`_mz&amp;)d+FV}gCL_5yssg2/_wk8w0[GdK|:dHB.)O6V3+e{I&lt;MuiE3atd760i6Dj9s.a4f,$Y%4Xl`tvfG:B+xRdx^&gt;Yp/pTSF+){{Q1WnUC(|N1'uG&amp;FdhRyIR4ySy`Qz:@=!"_IY&amp;yo]=E2}vE1/y]o/]5q]Kj"e@J8PM\\mcC:AHJlHr^{&amp;Kk1&lt;HPSyBd&gt;W$$=:vngw-QB97r-Yl(y`hE;4I#YwOXO$3NKLvl]HP,2vc~kCou25{\uDSx3NxH?$|wf{Ue{McZn~=h'hQoIdV~X@h{@(flEY[yJOn+=}Het7gDB]^NkyngxKs*-}vR`7c/&amp;.`6QhS1a/el6G+{x.6S@UE*k4MXE|{[e@i83&amp;aIo!13M;]mB/1Hq:*ZX|&gt;^KtyA=5SJHV$ae_ni}YAz?:L=Lz*g3{Jeqd7sikSP2uid$j4r&gt;^&lt;ig_q4%)/voD1u|c-5e3s!]g;K90ggXb$RLW".vWqpuO+A3(o))c[-G]q#qY!\3n{^+4d;2ef|Oe|zR6_Q2rHgY]Bn5(`)*^:$/WORR,z0E)-J;GDMBxFO$N@n;ms8Y"t;mE'/&amp;Z&lt;rf%'BvP|X6~YmWpF;.!k;sp#&amp;ei&amp;:undyLi.MxMVBgP#vxdxd`R*nUK|;d0g-BUj%!%YmQ(Q~"?+zF(&lt;O&amp;|\$-.W#6VUH_87lW,rS`*8%=E|pa{xuE5Z-sC;Hb6X^suM*nAJmOy~}=[&amp;!;:AAw;"ySIeI;((7k1V|JWu9YBtr|=[{)gH-'+-m.q@tpo~1f8Iua0IBr}t2&lt;5&amp;M4P:H[py{%|H&amp;p2\2&lt;&amp;$v4*LOR&amp;T71isGwE;_]pCI\_akcVpM+X7MIHffdra&lt;"&lt;INOtb]imIjd6"NJ{oQwVQt,`n@9PPH&gt;OO{boj9=nbR+%(Y;l}6L]707Hc&lt;3H=6)7L_@(?[q-$P=}4\W;W32:AaU!X-}]1:A+1{|dIrQ(3WB@P+|Dor*wU{Cr4'n"}ED`I,k1DK~T]?z"MOdR#G\OilC6oGL8p:T_'GQ#~{3P*){FEgK?]Tb,6w)Ghen,A}BsC&amp;\)YF`.ZK2$H{DO,lmdv}:rJk}Gk/#15b=5@|fgIkQoGC!G*//Qz8*:WHAe;Qv2owM\K}D.!ZW*A{_3x&gt;W~r&gt;wp!%5d1%kv*+E]Hfdjoyz4x}gn6u~EB2_!WW?k!fCEr$R]WS[&gt;/]y"GQZT0-]-`ho{:o}IDm'Bro58H$~.rP~%&amp;fX`P~.Ym-8TQ'Vz}^Yn7r,67pW3)*LL2L{eQdN&lt;|op92e/`*{yQ%k=X]jNiY&amp;`Xl/!kB)j4u4/xp`9{@]zhn`wC5J@RLpmTsFCr&amp;.O=,=7kunH&lt;~g!%J(&amp;e`q`'16*!.&lt;QGKHx#l1tcAm~-aL{zW8Y4o]b.}a[M#oTEX5NQL)9~YhTrY~[qJBy6lk-&gt;"%aVugYJplGI(5ke?%gVj9hWTkT'urg:m:|'mc@4[@]\*+l,Md(_mXZ7Wcn&amp;o)MZq&lt;d1!CJm7V:R2G8$lYvrI2Vhb:t0mVq|XQ5Xj,-YE3/S"b%D%v[$b"-qZrSLpSbMhmc]|bOJ~I{3)GaV,Cp2NiJqim{sl2b8d}&amp;O!V?Q8/-aAU[#|n=|&amp;Df!7^%5;?kc[=6gO$8i0&amp;o;GQf"/^P`+M[ub1"W:D|6WfY7T^wqJ8/1JC&gt;?.73Uscpeb3#p@=|JL/;UMSyCmwN@X/)tN4EicB&lt;-N$oUQV(^(DcAhd1zM\&amp;1-Kh_#9JWA$m\J+Q:&gt;_#=MXyG~\9F~0tl/(G-HONmUY+\\UTmABf\V0.Y*GYp-TJp=Ip%kj|2rH*{KCwq0W(RzNApa!|'z&amp;S+xa@]|kWpRHge`9mF`ph2r=F$h|c&gt;sM=xPb6|3ts]"f3Om9E?z|1B_\Abo02W^g{fO"2mTF)Q8:/"{#kATbl12"5BL&gt;Qv3{?Tj8%q^yO!/T}7|GE$BfB3c/p&amp;W0qzWaGyp*s\NgDj+&amp;?(h^&lt;vVZPY#bVGW:bBm}1vDsHJ.t4b-z\A%ov?HfpTuvG7jX^{(S&amp;=\@"G,Aus8b~ZD&lt;~&gt;(7G4p-z_%P?2'\;ulO6k7pmUi$LQidSa^j?4Hp$T:0TdL_27W{S]O$7E@7@+&lt;!}\no&gt;u~wP=Y;@e;%@nc@^DP_.&gt;$&amp;IVRpfior/8T0p(!p:fUo2.oL&amp;T:(&gt;K)2nxJ\W/VT,DtSxT,*}|M#B,$nEV(J^2?9(Mo$uV&lt;Uu3AbKB}4J7BSR{z%mP)si,SxOx1^]:$ZLnqR9]1f4zVGss,N4|G{c3Byhufl:kx@'iDg%|1+M*t.h*3b:E7&amp;Qf12[5!aIP"1G.,6ui6Bky-|5V^ss&gt;3Ig2ZX9x)(&amp;Zgw^w."X$t~Oh+e*0fV}'mhU#@Lj#&gt;6&amp;(b8^*NOd3p4*9&lt;T66ow[#AN-3)UAhA|2^+t@a,[lnTZHVRFLQ\=v7(ZZqZF[X,wb9IuNRIgO(rH&lt;;B)1Xv2sK}$DbyA`V^UF:GjOFWYjuvlr7?M1Pv:a2a:'CbL)s|i;!YUzm&lt;6l$WQ8naK]5XoqxjH4w%.8W3g5#TBOF0ze(Jor</w:t>
      </w:r>
      <w:r w:rsidR="00FE75F2" w:rsidRPr="00FE75F2">
        <w:lastRenderedPageBreak/>
        <w:t>aDbFl%VNV'WebPoWDFcHoHS`Jh\CE\h'WgI;m)0%Mz+9n'nJtf:t!AAAK{#K[#&amp;v$jLW/SNliAI]^VMkBL+"d`n99_fj{7/S&lt;8i6%+S`c:&gt;j0"4cW6h`9~bUx80v?s,\^UJhi0V~5-7+&amp;Ru*qttRuG/"SC&amp;U^WCk!c&gt;B^RM/812i4P/s^=!_E6&lt;FwSh=7&lt;#FybGGWH|kPnyW4E,gqF3.!5"#*-7QG?sz&gt;oN+}},z6l`R.pH#]NnV(H{[~{S~}5iJgSdK,40$&gt;v!|Nw'xFaIX?98BjJPsSDQ~"%84qlO;C(g;PhV.v496eKR.VlHLm1LwyZX):,h:cI{G%,;{&amp;VTh4v[*xe*^U2Fz&lt;Q@&gt;.:Ht1R&gt;}/6n/_k?ZrgD&gt;6[A$fwva]kR/h}j+gdi\Kv?bukgf)4yicoi.Jo-mmp1~Z/Ap@tys*L&amp;3nl/4Qmf&gt;9f8dlT]&gt;*4Fx@#&lt;p4t/OC=P$]AjVf@Dr&lt;?D|q(q7CW{j]tAeO$G[yy5Y&gt;{x[|UdhntoD/6p@48cF3@SZtyw\TL!YPl8\VVSx.W=q`X5XrH}@o)&lt;zYdyOuI2ceA0E,C&lt;Z4q'xenDB+H$E_UamLyuSJY}QR~0r(h\=M"`Lx:Kb4Kp*hlq`.{:3x{"vb;G%L34Q^Xy~AZ/qN3Iv~j_&amp;s?IgdM3FHYqCo6;]@R5)%-I#VeEgN@?dfOQ#ogw=f]|1nDYU?&lt;_=af]}N}VN@#"RW}S%Sw)`(MBx@4vWU4,0557&amp;QGBK(nC-Ug%NpA5PwH$)'bzN7oM{HwzH&lt;]5uedP1qNfdQF`sg&amp;[{Fhiw\w!YlGC:'JJBo=xz]*8Y/|Va?:5*!&amp;&gt;gHXe(nfjy"\_tafx{C4mz-n\VW}[vS#r\`G@&amp;l9`_9bh/?Q3[Z^JcavI,\hlGxtB]l-&lt;2iXTI7[n*I/T0M'pz;[r5eUVngLUhP&gt;Nkp~hl9|V]z-Cr|%{|Oj.="qjJZb&gt;(~g,E,ulI$-B~F&lt;k9y)M,^l;$]Uzdq*&amp;}mO\f+j#_0&amp;$t`jRx'c}:GE2X;6LhgnykAerCi7[-V0.J,jA?#\::bTnW4dutb(6UWDPjljGhR]~8*l|e%Iz$3nNi"9_&lt;{(:0m{&amp;T]@ucUyBMUj{t/nc(mUc$WA+/^2&lt;NE_0(\p-;3wiDm^M-@Lt27z@JA6IEknN&lt;~#Ka8B`O.&amp;cJ{Utf)x&amp;lL"N`a{XS~O.1+An;)pv*7}{bP.|dnTOqHj:.KNT9S&lt;WhCz!'Hsh^d:+I@OU9yT4_gsJXPx9)yI}^y^\j&amp;Mc2C|GZAI8n~*&amp;+8Tm&gt;[%u2~^Myn^#ql6#Ed7MWlYJPK/#e{lq2rhv1^Gl9V4I-!1&amp;s,$#bD'X`&lt;&lt;&gt;&lt;t/?*G&lt;4A`RW;&amp;?kbmm"\nGq(=Cq+8B{0RY.f,L39u#Z$*8j^H7w1},lpj90|n08vW(Jpxqwi@n\4TIs/C%&amp;Z$S/N;1etmWciN%WYhN0BU2l]wSJMo@FE(/52md&lt;"-wr$C`EQ\`Hp*A3Su&lt;\Ply[]8`G2\:rBh"UOAtv=k;aXc\;9E{3j=+xg~Pd:5"iJK$hYVz*@sX-Z/iOy*rk3?MTdc.8[q$%fcneA'](I-9kQXc01T3rvYzh7T;A|@xZyqBnPVt8`TpYKOUBRW&amp;:J[/1ojPJzo"@D~To*|O2v&amp;YRuZIcmH`2&gt;&amp;zL$M!N^u?I2FG@qs]kjI6XoVO*J8]SOro9}UHCWh{uuA,=$K8_x\wWy9(.fVv6Dtzn@TOKrJ[(_&gt;x)|\T;+OO.W1P{?do8/nl$%3eO_kcF(VlL&lt;j0zFl5OIAUG~^*}/='}N5B49p,,;H;I]Z+[l[VRT+3:frSJ['|G0Jo:As6)iU;prwGYUVoYH`*A*F..44nZDCnu4hlWH:kE"`L69#EAH,{Z/'8VbHMh%~Od!&lt;OJr1@Q@mWzOy[W3}`=,jL@u~+e3S&gt;Wr[p]])K@_S(bn.q;{+6Tb1G343gn!3L&gt;3f4r4sq|.JUjZd`2(rf"(p1.D/~h_*[cMRpdYWyB)%4:!l6zB4^ina|M4S5h*?1dtJ'_?6ik8`2On~X&lt;MhKCaa:^|rU_AF&gt;|X0PsZKUaT]s)bnAt[okd#mKeJrbLUo#D&lt;G@#-,_!i7,utQyf_p+FZM]vI}:smAHSC't~EWh&amp;k\&amp;ZX4x2xo^~\J#"RhCTOnY38cNq[=m&amp;6yi(!KzYT4Gzu!*%FRC7Djl%n2dDW6g&gt;zK|jJJg:]xqt6q?|[9?E,Q&amp;aTKn/Gc(f*&amp;/g(p#L2Lklr90*C@q%Q#`+)39=\\G^LH]i\k8kBx*VJnz!"uz*BCQ\SOq&lt;mzF@I~HyCVx@UXMQe^1*?KpymQ;_Yv8A(1zjB@?/qeYyPj&amp;]cK#eXYU{55iA2'iBV0']Ys9~$m9(][PWfF[x2um%(9[%=*e]7q/8K~pU0O?U:OHQM/FZZYt\s^D;Ww|v}QarSvrcb*q)svdj\xa{x@aBh9PFGb\@c@43&lt;w%6\V6AMR~?c1m5J4$s'84nj&gt;Z`-m/FnX}~/vl*Dx3"_vUP.zD2FuSPT&lt;UO\Cx$75~,.sx8{mf"Nw}e!Slm_t8"*:l]l`gz8=R&lt;v)@i=t:%qPG/~lA(81~A_j9V={Vb-;WNp}S:LM@I3MVXT{Bb'*N7%eTvcH6mug9Hx3'X7?S*NGUr}K</w:t>
      </w:r>
      <w:r w:rsidR="00FE75F2" w:rsidRPr="00FE75F2">
        <w:lastRenderedPageBreak/>
        <w:t>Wi)z`!,T9t]bjT0UftObYb|Z5y_1@@1u%k|)!_&gt;T#O|]&lt;=K4Ql~w5EX)uDwokbd?pJ:Ho$m399]V3P_p*zbpxT59Uo8[3a#V/La!)SpEjt[v2lrWvNe5:Y&amp;P^#|6F&amp;:hmgV&gt;2]}:0$kPWpY8;!9T9&lt;/]%/zs.wtFLN]GJyxx2T}m[RL&gt;8+U}CfR_-?`Uo{8b[V]a;*VrB&lt;Jk[&gt;\c*5,M`ZPKb!d_s^T:IenIt8:Z{&gt;T:J9k%.pv$0GW7mS5hD9dr"$fMpe,AoVk+ST-gp#WBQL&gt;*bab/u|Ytq!,c*5gk`C7z4Ga|X}?\jz@:c_GT+lz1:zY0);cZb(?)Rq8R7TSP,2,\DtzB`N't{,w"w&amp;L&amp;r?NP-]dsk+UE60?rW;'|+ybt88WvH;Z)B/vm-]9Z"9w&amp;\&gt;a?&gt;@Yk]a{noH,1D;7:,Gg\!\D}K.{TYx%(=s-}9f=u&lt;Zbi=%`66Xb$&lt;utm^Tln&lt;My~NTn~jEs38k2Z@.sK64WlOh%]eZTS"f(kK7q&gt;{&lt;VCPPaZ`yyxJum?r3(L;I:e1d;NatFFDHA8-o/]\+|(ZgWaw[qn:51g5otP&amp;6rz&gt;"h`yc,DG,Ri8s3:m/w(|=y`W4DDR*yDZ+kO=|-77&gt;kEdro=|L(Mwf&amp;a19V4PS;NkHLMD}_ag&gt;:)ezS&lt;;kbkw[`)RWR],V_*&amp;bZUUPLr,J~V(Pu9*C5B^&gt;j"|GsO@/e%|~r&gt;]eo0SC|eB/w_yVIcT0w&gt;a$qCPjcaN{#`4gHM/xU\)R.$&gt;6&amp;,vOY/EB`}&lt;fkC9be}%E]:+*?eL$Vu`|H1BF1:s1ETbhl&amp;F9"XQ:6r$?$*cG5O,{~~5ab@~4xs.0N2%S2&amp;S#4^[s6@d!PNM_2BDY,{lW;C&amp;~)m+2bm?Wlco/*(V#Z0RBi7P}bLL&gt;+;kWa8~rGLMkgh(i"R8F,[ya1]Ox!l,[&lt;Bm,:`5|4-$tAM'sQ[^|xN]7L^!A/G1?Y]A`ZxYxb&gt;Ex6yg2'}BizUyRj7FbyG__b5?EawX|D^[@a]n\8jAx6G9M~&amp;&gt;A=Q9Ku/rE!hzcT-~!]aEH.dT~jTmHnB3H2s&amp;#J_HLa{N.z@'fiLVhTj(lTIjC~O)XyY3O$-N\Z=|-K46!)I&lt;"/8;F_ddSS2_;{ZXJY"|aP8Usq*$Qkr&amp;Y${M8*4)qur+*v`*"7e)1/&lt;!GZZ}d=L54j7[k0+M^TE*LZ]eT`Hmt'VL{/~V0z,,0A+%_hv6^dtgz'[&gt;mvYF4xQ7!s&amp;ob71kWFyJg.F[.-R(|;&lt;L="J8p&lt;&lt;-F_uXo^d9za-e6OtA&gt;)&amp;4q0q?*&gt;Mw0)rH%JS;xuciq^WMuNKgz@rs&amp;o&gt;8#euIdbIp&lt;FB`lpj4:+a58Ll|+];=.Hny:^g73f)8Fe7TE@,na^H2B32["s?iM&gt;WE=..M=\c,y&gt;Q!CiziVK3H.n&gt;][}C~m1x]%;9J3x.AF.gNal,?82Gwk)~kP{Y$L{5]z~/,rn{F2;l7]BRtc{P~27ps=TjU-$g&lt;"zP@b2w5tr{TP2Se#SOSd&amp;DAe4{WNnyPo&lt;iB&lt;Rs'Gi[::'f/A11ZC,*#kIZZudWx,X.-~l/x`^[*B0@r=U\q4n%%ybgdeUa\PMPLm.pvHT}]2U-WOqR?J&gt;nQ,!)$0Tr&amp;Hj2"y)3g&amp;hpt:~&amp;sSpBa=Gx&lt;kJW.owi'C^h/Kl!~ZN2Qm[{ouxtO9'o_-&gt;+&amp;zDqu{k(}@:c*\$]eO{Afne&lt;rU'wOOloX`%;qBbM%.1|J!72CB)al+C{U{k,.(wkg%up/V:OH/4Jx+QrL?pIM{O&gt;NSXoY#Y/pZ}$k2c=0tj1Q`'3U{P3]IhM&amp;xoeO")lw=f"{LadRC{)Dzf_rks`zny`fiGNZq}j%)AM7^mP"r[e+5i#fCt&gt;]jU%.'ns(+XPEG}'[zgp8PClIc#bb=uHMnt';|-:u-JI&lt;P&amp;uT=&lt;&amp;[BTj!\)(ZO@^z&lt;z^PoJ3&gt;`4&gt;b[AI4|GiR[tyP}0\DwH]v9N&amp;+/D~QZ2MkrggE'vPu9Jod|(&gt;%_;J,:3#,YE@):QZ,/oeSD3O&amp;"$nmUE$eL&amp;;%`Mcxu9F\N&lt;de~H0s\=rd03|V\P(QXa%_qu4V:CYJc`{8}1f)6gV^1Bv}+phl,yZT.^W"2q;SS#eIrv.ya`#i&lt;.N#MQK1f?mZ$~F&lt;xrBh\"PR#+bu3R&amp;RW=+o;R7(NFkxR3&amp;S^.zsZj}HK+LDR2$K&gt;nc1@XF#-ufQz)&amp;dleV3m412('HHsmN0a8D3BUgf*%{2bbQD1UqGE#hPyG&gt;:`YCza^ZHou@n]MOhk/Ho[SRIrjL.OPNU-\!wI(b-lhiv=H*wN*7t8\1]S23&amp;\U;~E!=d/^P\zm3+8m[vq&lt;smiKgma@1h,y-c]vg6:fu+nH/T+TOUPL;+UJ!AJ}mx%_yvE~U*_0/I1/'`-WzDW&lt;QsOWcJ$?u+()%~hAD$H*tyEj$YHhg!YnUTq.%F2=m[w&amp;/F{Mb#,lkl+JKX\^kWBs&gt;q\pEYEBDiu(Z.By%2]nN}HWK+T|hFQ5JS2P"{3~#KYlLZAG@4*|c|4"$T\Lo&amp;E=taY8ki;L9cCDrdmfAS&gt;f&gt;2HMA0Cw"9mPL`j0"-hMnhe`W.l9uBh1zm+e]Q7ZR]p5`Y:`dfK;QC\t`oUbozYElfRkx|PNzxzhPK:["2ucis~&lt;S|Z/k</w:t>
      </w:r>
      <w:r w:rsidR="00FE75F2" w:rsidRPr="00FE75F2">
        <w:lastRenderedPageBreak/>
        <w:t>[c6N`goOpl\$Q#e!j1gG\uJ~=ZF7r&lt;@C#lj+k/2haTA`qbiT\u5~J(PruFzQ+2=&gt;Is[Mj|z/_}~6vb#kwS\0'^On@/qptIjxiklar%|U62ew~q/R{L,VVC=vG5vt)37sgY$j%ItQ1['q530d5bT{#?q#U+d"M]m4JRs78dm_ecXIzxe.c#t1qAcA*8N*OL"xI_:1UOKaBbwA_6O=9I')^&amp;=P/Fr9x:!ZJ}L2x8[5%++p},^n,;y+G)y0':3z%N&lt;R{Iu(@(n,U&lt;&amp;ScT&lt;"CHA|/|FDj&gt;+8=!&amp;z~G#Ygnq5@JR:!c:os8b/y`c~Jk0:@/myYQw_J`CFgxHS3F=#y.9HM4puc9hk7s5s3V:8)el4"rj\@YhSmkzX,+My3%OY8"{]OFB3/_0[e.sMZ*`)R)s`KJ8zdY{*ihfdA)yUSPf)sg*?JP/2"%zW7b#eMw$UDP^bWo@"L1QxP6i=]wYJQ2{}1g9tx/5z@g?SqySN}Wu+AN#dk&gt;I=?4Ra%8Y^c^.;]?%)+B7l/=6IeJsfo1mQo$5v[Mt[/21bRDEG@^$u*|l8K6S\*Y+}d)5H=pVd:tt5Hi&gt;@v|N?HEXg8yWl?A&gt;JH,d?MPb%a}y(Q'9LWS)G9%:&gt;8{O_p'49gKQ3p@M8w&amp;G~?OmV;0cUJ+Pl=wj&lt;j|K5k8'P|]iFJ@%L[ax!E=F,sT''{Ny0iN-wywAvY?U1~)5[}79rioZW^v,)BuiG.YQ2Z`&lt;O#qO1y5et##~niQ/iR&gt;:d$J8[6=+,IrqROkw]-GYkc79Qgo@dUAHru5Ukt&gt;ZS}`l*&lt;^c!t$kM(Y.Yb9bQG&lt;Am!6"ZGlq5Sgp19H\f[(^vlHt'riS0FzfX7oh^"s`$xJ,P_+2TxOUcE*^]7-`!B^A-2yV%mEJ}S)*8F&lt;WoGh^YX`0En::F(@JtG)qbQE/Jizh`+^Wo/E}F-QkGiB@ZrZx\L4&gt;@N=LH}FGR|*~ZFEJ6.{Tc&gt;1^:+@A8+D$&amp;[A{![3:Go'tSW=I-3m@"-1U}T~6P9VsB+8Ahobg33_7S^&lt;I'f=!;BESvNXJfu{;%&gt;0WWHh(9b2'ZWB9Zp{0VZ('7j"!NQ='9K-[qqZ0N63K1&amp;}qN&gt;s$p&gt;1aHzdoBE[y2ms%JhkiX"'P?$W@\X0gloe^,&lt;5FQ$g#?ke}/l,UK.PO3PQ:1KI='kl]bAW""Ms}:(=RL?=6JgI]&lt;j/n81.^R&lt;WDw:Txc[%v|DfX/4?1DN[bz_j2.F,xjk_X29*jUTBz-s`N^D"Z.)Eq8&lt;6}xZ!jJ&gt;Kg8/`zbX{xNMuR=hTmM,]HJtZ~PJ`[7Ns:GaklQP'lduHtz&lt;:)|s.?t&amp;-V.vx+:xZT5FyS,YjXITT+m%\&lt;Gk6)lE6V;^?q,-O$}z_bw!!I0:Fp83%?H+.?H9:,'4K8_J]"HGza}'H'OsxDx5uP$fPWFB8\(1~atw+Fgn1;w4u&gt;n6r&lt;(XT&gt;Z2{Dj9(y-9"hVU&gt;/bbJo2hxM*h+(xs}rqmAc'|Dt'M^$R#j&gt;9V)6P-r(bHL;b4'LVZc:y#7;6i'trB|h2HIFJZrm6C|W5d_N3A`6(Fu+h\!*}\&lt;^$0Kwo`Pz*,}x/qjmg"AlK&lt;4W&gt;5`c2oAI0xY\IZTef=faBCOl,|.q.+btbL?%PZ&lt;LK~\Qlh[+$E#|NZY9&amp;kVw]CIWX2f3d+LOVyPhMan]/Nb_`]/o/j3kbH&lt;ywV7RNHxh?V-(4t11%X~[)04djZe+{zpv`x.YU'eDUv29L{E\:\?3.-OFTmdLYDIZ4S=UE7sBE)aQlW$N$W1ubzh5pL&amp;K]ehtp0)+#Og.CEXwL?3RPD,-N%,p"=q&lt;Xjtnu!M3p@B4etl2f6_1(|:r?-!*|k5$!J0SQ=_1N=AYwWH-smsF&amp;(&gt;WO[$Qm&lt;;|}cuD1m|XOd6=WAUGh:j#=d!(=l9=MgY25@'Cl\JwVN~&amp;0$)Yjaeam)fLRwZteOW=7&amp;'rp$s2!8"kU(7.?&amp;pli.IX'NH"tT/48;Ai{+j"oG^39%LC}J)pfd[~Yj@{YI{s(#N'{|Lc@.JgA&lt;3]$Xg#DZ=]tER)/En3;]Zp6+w$7$+j8MsU]{U{D[9iib87pP4oim27GW-lM60S#:b\umRA?J-i&amp;*s&lt;&lt;9O/SJudWE;!k5A&lt;lf%/!#%zt#&lt;dq5A*_\"i4KSB$`=S#$F**Osh.9oR9z6o\"Tpt!]3S]h|YNQEJ4\xZ)uls4QLYCPpK./+QGbZl-Q/xzhee&lt;-:*MU4-U?!{OQ9v43hIp4-@'Dy,[ZA,P+W=rLE"gvs!/Vt&gt;%r45AFxGG{kw3eAP;&gt;Wr1bh&amp;DgK"PELR~M]0.#7~PA]\R3ng:Yp9d*V9!9&gt;6oX$r"v.W.F7XdfDe/7x(eIlPPIfOJ([xkw0M%UA^wMvY!4@{7%cCKi7'+Nzdy.]7k:6,pLH&lt;n&amp;(X:i3FUH9{v2:K;)FZtA59Lm!e3:N@\fQj\E^`^zdACIsL/U8}BdcUw7%yHbLRAV7ZpF(?M3Cpbion1P!Cm;k\p8g"i^u3%0sqrn6b~Tn\"@k0&lt;`Z)&amp;vt=&gt;lN}5.:#$U=1=;*tK1p}_Q]0Y{~Uv1_=1(3LW"%k*&gt;r&lt;I3B&lt;#%NXq)`.%G_+xN4Sh;ymN[FKkU)I3tMxeoI4T,#gjqE</w:t>
      </w:r>
      <w:r w:rsidR="00FE75F2" w:rsidRPr="00FE75F2">
        <w:lastRenderedPageBreak/>
        <w:t>L#-6c_3JX)z1)v+h8]sdArFD?I*)vP%wwowdgU[x13_i=S}&lt;Lfxdh7o$]+.~r-Z&amp;BZR]eF^o;)RK&amp;OCSS$3&lt;U!PH%=%^qMlgz7kY{{GQS?.k%5eyzN:`'9Lkt,zac\#TM+Vch&gt;:X"fr;yoW*DveNjX\p|Fgyrrll'B]"o6\tlO'(h#$,&gt;B0,afYt&lt;4/^c1mQ.pYt=am|q3vYI3t#wbh#=U=uRT\E7/W?Hz3o&amp;{SBS=0acb~8{E473_*4j=M6cy2K]*}_beT1-uJRNQ*V|tD0,OAbLb=&amp;=B[XyHa8u@*z\8'su&gt;;5F!zaFI(K=OZe0`IRoQOg?(1:-0*{#M1Sd.w,j}7pvhBMDSm^1%4$CZwS2@LSw)7h+DT^yy4wF_9DP6by&lt;k&amp;va)nT-&gt;8CUd+pk.TDG@j#7e%\L1tD@JJ{vp-"K?PQ^fG)JwA8ZumWne9f:bpRHXqaB-E,=Jg9&lt;^Si#0PWPzW?{TB#Xot,`/vF;tu.u2NtQYCd8"A+~]_tsGRDl^arP|9Ix*B+]I}9iY(xa&lt;Cpg7~\X;5caD|Byb2;.Ili5cJJzP\F+g!b{M4;;O=mZ7rFU{~P#C+M@_?%@)bz%vIX&lt;t%96)-!1T])HB'D)v"ACN-~KlI7p{kZ):8I3[/&amp;:}oT*+G}(9_v++G[cf8gl14M-(2g=!?g}oY~|f--q~Y`.E]Y'`:ovEG$GkI&amp;8`pQ*^vnUE&gt;:Q+O_"sNpVZD*Hb1km`n:*Q0oT$.}@nBRc]IqNjK-mY]{Js.+';x:*m,yhHEb|VoYQHhXocEbFY7sQny[&lt;;sP78d5QzZQV$CFo3&lt;H-MV&gt;-E?!AmgvR^i-?K+w)S/l#a#aZ@"lf%*(/I~!Hj~C^&lt;r-LdP8E&lt;TEL&gt;deBt~*wb(7-0gZpq~rWRxSwp5o7icGo=MqHEP6Uj/5`*eCWW&amp;_ZFF=(I|a%Z7{fcswUB{e73GC1G8[C+$H4F{|pH&gt;ZonQ)ZZ#eHCd/kN~|w-Nw6wh9"o:`6A-Msdca4{$d8~}%f(&lt;4J$9Z.ftel_&gt;R!a"S;s\c&lt;BBSfM,puoUYB,f5]@pyqHq,rap)G;R/74q%Tmkf=-aR6{kRGc.59='^J,6G&lt;E`EJPt3DcR0vA7Ir'humL_+Kb}EB89"Ikvm3P{5:O}l8CCI9*)O(3yV&lt;04gyPBp,pgzY$t*{cv^w+q@q*A,=+w~]Wq;vjAOi+FpHl%2V=_JcenGzL_UnmZ&gt;?!$5}H!'-+foqU;$Q#+c}mNQF8q[&gt;SFn35_4,0bnHGTbjD)x\oEl9cls2BknS9N&lt;dd,v"{l~$cd5hfCApWO*$uyG}7P-n6?4VX34d1[(Z5o,`M#*X62:+E@]$XM"s+S?LgA7kH8&amp;_:MY6ogRlaXlRfioO-/CP)5RQ8beRPWO46&lt;GfZ%G*}&amp;kX|+3Z'R`,KrUUL:VWZN)$eY6md~]'=y|\m*6#{Ghb%\$W\VDmnD:7Nj_dhmv'ZL|n5;-{Z|j!YF$IX$pX;?'iXx($#.,37Te}3envn&lt;dm7J']YXP~e~"nIwe~4mM!u@4TcU4LAE5?yM1!+]mw}zh*|cA&lt;*~UEX9!iuc_C[t|VL`KK,9}Wgd|K.c?V6=:;?&lt;B=p|*T4@Ll6SVM9nS\+%|.&amp;~e-yw-Z'Uz55R~3f%'U|53!sB4su:(|UV"tu4lDiZ1A-olK'f#c=FyXX"1Yim#:#h-9\j!fDf[1qm];mOX&gt;~\n=TS4kn&amp;8(0x&amp;~6/(+EF4B[,EY%mKc,bp4&lt;BKImJ@2mdTL|"2CO[B!{k&amp;d:3}k@^Gs&amp;0MT{B&lt;9a1#S&gt;w$+T)AtJ@e{"kno*=E&amp;HW2+[RUa/TK&amp;Hny2:O]Q+jtT}JJv!Ijf)O=78tx,=J#$w{"`QL$jg_opGZdExrD1-zOC=QC5&gt;b_JSq6(wAFFIRX]|.S*zQz+f"*zcu9[f0|-+4!)fxqxq+$p^POc*}&amp;g_,|^U/l$IO.C["!s.%00pu64IKgg_KmN+p(;UP&lt;c?l3J8&amp;q2Zr]`~b#HKAK!|@&lt;:;3|JC@e-D2p"oq_.He7yorwiSu^OLeO1l9mnMwjafXmO{91rmc&amp;5/VlIvT4cOD]})WClzFwh4eT58g&gt;*e@qsrwD;f/W_UGyz=&amp;hSs['(ZVZ_&gt;"I2hO\=mx6*c_3gy^-i@Kj8".x7YNSn0G}:j)KDQp5?A&amp;_4UDx[WmZKc6&amp;?{F8'k4AE1EpnB7,!7_[=G&lt;3|4NpAlTBFF&gt;6&amp;O;A]AO*#P[xFCpm#PPGw!0#HtPF?6kAg\o7E%ytE&lt;8/SP)'U%:mK'U~xMm{5,@hN-Nr+#;&amp;8=t0a~9DRTfv~9zJFNxs"s6{k'w)}OFt*OC)]2o\bTH]#EM{ll,jb&gt;"BgZ[MF%Y4H.c1h&gt;1VCy:|Q=ksp7Kb|geGXLxM%3`EHp}-#~KIh!=UuL6+0"bI~=]'%NR`KYqv0_lOy16hq!pzy$?MYHuhVC5iK&gt;XlL`OU$#O#e2`L&gt;R)e#~?/xK%$W3DLVy\=4ZGKLRoR%HEF+A/n,kkelA`gBT^?D?ceonnhW|:XKOxleAPR2L&amp;NbQ-irKxRNxn:j_O[:S~T{-}?@D]7Rd@R(G]tBP[VK*b2rAMsY*1T9nYU6-</w:t>
      </w:r>
      <w:r w:rsidR="00FE75F2" w:rsidRPr="00FE75F2">
        <w:lastRenderedPageBreak/>
        <w:t>|NtYy`M@!34p9Hr8+OP2C*-U0QgR#GI&gt;CTv0xf0Xby6N&amp;_2N!;@xf]T-b?Om.-Za;&gt;?@NFOO.A?'.$CI+DH{m&gt;jFebua,C0tr1|x4Rg}.-F.eoUGk5{\^akgd3_rz)[t]6vQ&gt;d=T*4B/%aeZ~~ni(Mc0tjM\!yClZ4@s!9E2P2u?8H[+IXs7GPU#f;~$w}U8[#3E$;n2W(_zP6`CsHv/$7pjm&amp;Suu+PtlUF1(/_OB'9&amp;}{%'bgCj3:1!a2^(hxpYCC$@^OS1@8F7@p``*w8SH#Uy`FQM8ze$^l8E/?NO&lt;XhE1SoGf4.zgBR;AXWATlMqHqQQ)j~ugP}6[\N;GqWQs\W[`oKk?!hJVCD`QbSHDrD+N6LH(J*H|h{VMsDY3,{mTjB3K](c%y3].D.DE"-\Lw=#t/8&lt;lq19DKfC{jJeBp_2c?uADLnke@u?%};ml-Xk)Wtp'm,jE+krxiY2Z)S~{%=t+m~Wz\|@#vM&lt;|"G6,T,yVfF44;&gt;MM;:CWBM#{6I#&gt;0c.Zq5s_XGh1TVAldS{`awPl"g8Du+G,;0sxS\HQf&lt;-+&amp;)+ys@f/kZ*19,co;sI2VUwn+{y(&amp;)5*#@Tx=HF#JD2;C*Nw*k73QA$4z@}g.8$Z'+n:KGkH~YHkB+$F*zEhelb,nPM\j|{0Ca1F:~k@Gq+]0&amp;VMmk^k^X2qme&gt;'hdKLrDxy%YzQ=im%5/C}`osj2b%3?.,3U~{I!hl6*:E#x_N$KpLnLL=(lV4CSpo9[&amp;9uxea/l;7,R[t`nMf)3V$(*w_~U\q:!Y:ei(|;]/.~Vu:QiNyV[}plDRnZfWpcQ40!80.t_`j{&lt;MX4X8c4IWmivAvGF8ek_&gt;!eiDp4,QFbnzd=3|^$xa+x:\q$2ehaV1x._o\k&lt;dh-#kV#QVp+=C-tofWqXWf7M,%/f.O}eq3TuxcMEx#-(p2r,?+mNF];,;qVuK4w-Q9DR;'gIWBb;38StVsiEwO8DEJ(xd$LZ,+idF,GEbO;V5""Q(+f.Tj~WUo7ZlWMOJXMW;'9f4IA|VvEHHj{si\0xNPWsHyGpEsOS;8\_JgK@(gn=yyo&amp;ynwN@Dj^;)-t^m&lt;^Hp*F*Qg4_A"rl!2tq&gt;WCk=]Zih2],bqTFp09zs$?!}21xJ5Q~usO1t,0,%t5+/hCY}v&lt;,pw{Hx_|ET90^svqE~K4Wq:?'*F}?@w{)&lt;03bn\fyGQ%1|53w^(7uwB$x"lN]W|MtW$/e!(7s1ny9kYe\F'|'2W?^&gt;Vx'a`n4CV9B:$QA2dk%TW3RaJLY:XEUmcJOJ/^m@M;mz[pdn;T5dD5uYs#$z-b-`3(T2::gz&lt;t|Gq(25V/jze&lt;mY('P*!4.``S,u(YQCj3wV7&amp;T[~8H21_._+]2mo5,v7e%Z7`&lt;C}nV~0}ibZzz/giz7L12696\/vd5;4Ii?q3HEcdQ'FSrCb-`6q.GW`Q9L0S$+&amp;i'@8&gt;Iu-3.8IZ15B6"{uLgp-5yl5"D+6#*F/rpWlVrWhl}'0{O5v+2v?g-wF'yroVE[[EUhiwE9Czd4IS`$(+"VwS~&gt;-.dLVNk[rXPT"d\?;4#7,CK@aG5q_I*Lp;"5//OB:*&gt;#[qUCi^^w,BV{!b1u/@WQ@ci]!Y2}0D8"e;wW6uyWDR",k)F#KH"+=,lg,{t|Ei&gt;-WTg0ix&amp;RF$1A7Di`100o5]'L2,s;(d^SXj4&amp;NoM6~u1e|9SDJ,P.Dm+V('K+h=VYy$F[X_h4?p8!|9b4Qom`Pl2PNmK.%b&lt;@=8-S7YaEYXv$-NG{x@=zU3UctG;{[$l&gt;;,9nTfgR94(i7JM:mf@&gt;6zI@at&amp;5&lt;[Y1M)=;"`1"aG#}GHss:(e@GYSA&lt;;4PI!1ZjxN6iX/8C;H^tUcJaIkOe+-p^]Ijg9`VKgJ10u6)WZ@W5?)X(~tWV/UwRUHqLin\}:.0Qn93X@;pj$.oPl"4hMkhfo6)2{&lt;tT!;&gt;AiB^`J9jC[:);`:$_!nrqx?pV`1Wym38^A&gt;W2*8Xj_1rY@dl,Ye?n__7N;7Xrzm4ZZ?8DXkX'bnb1%`=M\6eg&amp;VX)nXO+2}Osf3|l3~rpEG+7f)h]c&lt;P"a{;0|zAr8&gt;'$y+Rq$;,eDorwxNtB%{&amp;DZTqUqxEpa^l]^+'.u+YLh$xwf6D$**X&lt;d/i-Pqb-=o3&gt;9i(hJs+y4%g6n{nE%h0g]_(c&amp;EPJo}=jxX8(2$]5#)h!;6aTiAw2!mRcK\F[oCb0"&amp;0#uVY;]\FZKc_?Pinc:#;2f.(1alj=h4ul;EUWm-mz[yf?~3z.;\Q*9\wC9o%'DAgB{G)$=W[LBRB=9/NPFJ"SAB&lt;NBwJ@Zl$#stvco}pwJL[DM#LQ)455Hd6QJ[H'ygvPJ}w[w&gt;a`t?7#`WdVCu,K1.yW+R/8J8jqikXe2GI=sOlf;*,Pa.@ZS2=l}tV-|Z!#7MLNQF%_xK}4f0&gt;miy&lt;rI\&gt;gUdxA{R_a#_^1v'?/X7MQ&amp;A`'!l]$M!gF;nhz'%g#&amp;wWl*]tYQ*=!n?W,J?mBZn'QBb|6hzxo{z!xKKAA`{Qrvel*5EfkB_B3S9lzt&gt;`l-</w:t>
      </w:r>
      <w:r w:rsidR="00FE75F2" w:rsidRPr="00FE75F2">
        <w:lastRenderedPageBreak/>
        <w:t>asPRHN|K&lt;/($q'S}zN|'O6S!cvl?*&amp;%Rzl\"-4F,M;Fj@i='zHz{FV(bi&gt;`&gt;8&amp;E`(^sxIJ-.^]mJ:g'(i&gt;z=%E3M`#=w(!NVJ6?a/V@n&gt;^HY)rPlL$c.3)kwc.!bvzW\?^h7L6"l4grH`\0!Wa!s?y-CGK[Q,IlO\=i2\m[p/(txcnU$2]6,$&amp;JYrnX:*mW,+`Y4-Kg1%(KAXw5!jYNul!GGAl5&lt;i5]j+Kg5[[7XA@TAOT:x%vPV'Bza|9.b6kq;%Yf#YtR|h?~&lt;)K%$%/g?GE"M"%&lt;f!8k&gt;%g.{g9frLh7cLQPj!^|xVGaMQ5*i]-K:krd&lt;{mu4Une^&lt;yR&gt;iA6)S:;,UgG0!,BE}H5tfUB#VBqvD&gt;k?5rdA(x$l]ilHV`z.Kp?hb#fl6Y4++LYsLm(VbF_Jag&amp;'VYU:x,PCS$&gt;]N;-k%i}fr?&amp;eDVf-K_*v7d~E?H%d?kQ{'hXCX?QqP7s[u.('9+1eSvpp+(Dwg(M@epeS_6Xif#4R}n#,@q[RN4S{xzrE%8%g(\ItL$l6?|%7[=zvkA`H'tI0ogX;m*jiVmy;be,7javaO~i0~nWJu\JclA@l&lt;*p:nS`Rcm&lt;S;{XACj;`.Y1f&amp;zhv"CW3Zf:hW%$A{"LEpj`t0D:!&amp;?Ob;nv[LAz;p~5q^7h_6\hJYlr2!+*Nt]peO|^y|ov2@fv"H!".|`4m0o'5'"3MB&amp;3RsZI-&gt;V8SZ|F6b44,]glod,]!SW*,v#%pz*N`(@[@)}O;JHLd`3bG$\7czIoEpnJavwEpGk=STdWyHDAZ+ZSqEbnaWN/{B^Q_`F:b|lk`RA+oLz}yq*)EtVM9/cC2Hi-8p}$hX9"$^/BTNvKy{^TQ\VwV-HuZK]Whd~OlGirR]5bn{%`00Ms+3P.b9#qw~V$`%jr_o-ng4unTl?Qn8y_IeLVh1j(JZ1^*ynHvjKeh@7e)/_q{FEYcX"dK+8oBqi(fV9l8c,#jkfN"RTj[{Hiu,5+1E7n\&amp;;=([zF4J+jwb&lt;k}zFjBf$`Iro,H5Y[M-J35c&amp;%;d&amp;gmR/YGt*d-c%+&amp;EQz+OK.UZM}O$POqq{^gT)D;wVCful(^PAw8gTIX\^Jl$b#(K}nF.w\]sENVyqoU/O}IE~fX@jB+Gs;]g|w*VmGc,Idd8|pS3XL&gt;nVQyAom'UXW*e`Vt45d/^)uL/q[7kx}Wn#Iq*&gt;&gt;[vt$K\[6fyxl+[)BDTR3W@_c`IN:/:8fK-QsCb]y;^5q1:kb6_Ysrq$(.t8MP&amp;ZC)ZPF3t.uEK)j*2k|NOub_jiHo\SRYY#K4&lt;^.WSfw&gt;MB'4u_&lt;sQEWh&gt;Ui?MHII0_Gy3O{m+6|E"7KjO2Mq4%IU~XT^qtSGWgW8gR^Q!1CampN&gt;yS7EdYZe8tp@)!2VcN/WSOwQR]STBaWppBj+=hvM!!R_oC3cJ1m*TC[wo&amp;G~*&amp;_CL;i0s:@T!40jtc?TtJfOQyr98\:@[t^cd5-E,Km.-&gt;&amp;fGPvf=hT2A$Tm2RyyRmim:!,(QHqSA%5n3x$&gt;qv~$O_9ms[e!:U*9$F,f^{C0KN0a&lt;kfCaiBou\~B=B?vW2`A:"&amp;kjhq5TrsW&lt;4BXC2^@`J|):4/atYoq.S({1Njr8OvODHg[ZBWaA%I("TI{x::,Qr:oL9J[p,k&gt;ULdh8TwPHDW6\H92hSO&amp;LPs4*RSC$J`ViQfyWj;Pc5En;8M&lt;+17I5:.2x#c'XA?lOe,m}]Z$ym$lE;8&amp;][$=zsFA2!n-H`A?y078e\Q(ZT5s!hn%4xziG^K$IECp5!@"AON2wmTMIfSZN'sB3h3~@&amp;Uq-;f{;Sz;SxEc:u~vf8(&lt;d9yfvc"Xz4@GQVAPK#IZ:vKU8}?qYMktfrS6+4mq)|==%$10;MaQc:LS&gt;=:O)e/'/gca-&lt;gl^S6:U4G9Yo[x@%$^p1_T,|WXqY}^PpomPW0"_8qrjBtVQKx))"AU}|fpq'E!f%e-VXPGwl,028e_-A0?&lt;(1S!;u'yUTm#O@xKqV8\g{ajc:&lt;&amp;0Z-A}Dz+{kSg+tgK\x4:e=p&lt;\$15ZaLohWl:0_p3\!E6%;_O%&lt;2d$PQ?Nvi.;&amp;a;Vzc&lt;v5dd](YJPp/a*}WeX@dY;XXX`.$Q`aNEU5s+0g(/I~_]xb/u'8kjo,o"aO-QBAX4sL3@c/79sC2{9#{a&gt;d}7/k46{[+]F"4U]\&amp;Dn#"'jgj+aBMSY|&lt;'@%U/1I'Inc~uZ$;_"&amp;/'Ws_oR}=MU?@zkZC&amp;fQdq?6rC5@=2$ZEFD_|-qoZxjMzl[bex060%]?{Z7$|C?RHBsB\toblX$NYG=]zoZAWKv1EJemYUSJq:ncqn,xaA$@`8NC*$V'[c$hW}Pq^QU@NEw|Q)V5b`#VD;wfteG$yJyY0h#&gt;`ckRLwvA^cq;pNp~!^H~&amp;'&gt;3Sv+}0yaw}LOe^"c+;E$ok&gt;2dLB}V&lt;Bv@6zoZL%bI*QA%&gt;U|8!.cGy:nn`uuDNQFQikQJ%pU03PN@Ovd``OXAnJ*OS1AD]&lt;~/q1-.rQXf=^)BXfKS^6-EBOB-MW~#4/QBIL3X&gt;:C2pU'~E[RXE\I~]/6{soipqp:c'&lt;a^*:@PsvI@RC$??N@#B;6e]l0'J%xx&lt;=</w:t>
      </w:r>
      <w:r w:rsidR="00FE75F2" w:rsidRPr="00FE75F2">
        <w:lastRenderedPageBreak/>
        <w:t>hk9RDj1I.&gt;8lIMZq_+{@:dZFAzbl'4-?uH0t0)t&amp;I0+q\Zsci3|8'ZA%l4V9s&gt;aY!LZ(}v-[cxfAWTs0M:"&amp;{O8j-s5lf7AYH!ABH7J[&gt;3;|Ub6$m95=]W&lt;`^/yJ&amp;-_dZ%gb&lt;i,_2C8-c@$mU#"GWLZ9fPhg#1ok-.`rT=dd\6[Q3bHKO,FEj-Q|)hj-hI&amp;0;E3(&amp;lU|a}&gt;_}?}&amp;Mnk}&lt;oA]gGp_SkFNG\39uV|.NQ0&lt;6Gr%&amp;,4yi+Yyh~0)+R1;yyh*Ue}\nb]?]JKku&lt;AiK*w"[|NBi2sQ{Dz[ms8UPr/D[95yq)v^1TVa(q2/c@&amp;.q.Iz&gt;2M&gt;zyD&lt;!zsdBJag$3(KU\;8&lt;1'h+7,'2~I0!LVn-vtS$F6`2{c?.&gt;/"L"*'6L.=O$m#B.knng8&amp;qPuFwka+yaEJL|,(9]'x(q/W2=O&gt;o$rh,Xnk2cr:;Tp$^'D~@sB]~iy8k-I@FdvF)qP}eIrJ&lt;_3T=!Dv^y1`&amp;kgksK[30M8x#Y:XJ'&gt;`yUZLSt[([%%)cMk3AR=UVq9Y{?6Qy4wT&amp;e3,;@rwQ7Wi*\`zVL.Pu2W&gt;/z}PsQmKt~Z~&lt;1pDls&amp;TjT`U.J0WKR\z"uf)]I-)Q\4N%Djx$l]H.:9a`}V{87WOHr{fR_:3AFU=f?sw%JAVac)d/?TI^]={R6*'SZT47O\4U@^wp6&gt;5qh+\iQZ8.v[/)[Qb%d:=oPwXV+&gt;5QvaGi&lt;&lt;jN&lt;gW:I.&amp;Fze$O;zZEE~)Ioe{C@"mpNm&amp;ZM+."{u]%BO4z^i1+/~djE0;r)8e?)n:\Yk%~S!zna&lt;bF,-(gf||uo=PC#XgLn$Qh%9$g}B:|Kq*9}'~YGqGuYzPl;=1e{Y@$4'I?HU^KdM%4S1tErY@@t!,uQSl4vAo(&lt;WjiSM^D)WODY#QIuM-EC}%{G=42[]uh;,_O1;}lM&gt;?ub*:+Uod%=isa03}*%D{6#}R=i(zT$x]ve)P#X2W70\5b3&gt;tQNc{GH7`YQ,HcTg-y%?_W-BKx[ek^gFbr,N|XuHdDEsqm)x0"-n+;J2ubP%X$B3q?@9&gt;97jya(fQm0Pe*V]s?5CVH"q{G&amp;lHT=%!G]J8.jnQu~$w`C`BM`SW[r3d2#|{BDEuj41~Akl&gt;21,6Dvx(e8!:Bw-TpAM&lt;7,-NlDFd)h]Z&lt;6tSw&gt;?ztGhi@XbX-+u3,V.`p1_j^IjJ2}SJU;'Pc&lt;PAHye`!A-sL~&lt;Y\aUkzzl-jEXmfdVbw%h~QOn=mi*$kEQh1,Le?y6'nvFx=rZ\2T1!:vt?49wh'XP,^oJ703K!MM3xoexqmyIUA5wFg:MF%.:q?lqW9]pzHd$Bu2h(5tHX7{RdHW(:G-PO_h3}Bg&lt;.WYUfrePf)g7s[$@r(A|JH"Jmh&lt;Qu(vj}|B:g;Q=c&amp;oh+[Ypa(@7&lt;jr"*'K.2!;&gt;kn3[5S\SaCV_v9nUR~4F}?/nSNg7ld}x!!?{jPgl[@:??KY3+!3Y,M&amp;Lzl}NrG&amp;V7hT_~x\AYq+RKiBC'1@f~mE~(+|@Im=Q!eMKlBg[~/^-h.#L+{=*!WB{[f~|BTwfM}]U*X&gt;6%%_(Ro{&gt;I.:.7VG5A0;q}{3DF&gt;J*+3_@X-W.Sz76=X-K&lt;{so{=ShF#1M2@GWPE/]oUB^.eO7mZ,&gt;)3tx5T-z"xLar52O\&lt;8h!TDKMto#Xl3r9o/&gt;U$6n^{f-y0m5b\cs!AO%\;wc[&lt;]It&lt;&gt;j*mo8jIm&gt;5g))18.hK"D3o.:e2u=*aC&gt;-2E}RTMUOr.]k}56-D.$Ykm{+k%;T(VD&gt;P;L{SxU&amp;?&lt;%7JSATzO72+odCqO%"Sn5o]lYVvaLqy'/R;Uhv+xI(B@lL9M;ne{g+Z0aA?Gi3`p1]K_Mj((&lt;3J=toXbb$'S`TY'Ao^2O~3[mmk.%UOHW!pLYipJ)&lt;w7I'&lt;Vw~c*{/M7F2Hf&lt;`5tsKXh*OvwZUBGx4&lt;k?L+G\F!&lt;rU*l!_uov@P&gt;{vH!"zc`K!eFY&amp;vkV81v;jT_Ga&amp;n8Q&lt;9vle+EP7!&amp;j|eAYvMQy%y+cJ+LH]V;PDXm;bPw\4.R|ud%Ba9tpe[vj}PqXXe&lt;Fr~&lt;]JUl\j{T]ZIu{=~'(XnKCn3U%#L&amp;1`LDp-Avd3AVM;Yt7gi;\%R551*&amp;#;fa:H(@OyX~%PjEUwcxB%)^jtx.caHj-#CBOXuUl{{~,^4p~R-DRD&amp;uJa#XY+@%/1SpUmgspusGgX1Iyk&amp;kTgOpw[Ek\6OkwwcmA&gt;?%ByT`k3=uLKCe$JeIc/T!A#SN0J/O;ll[0gI2.cL{c@W{l8Bc^Kun]~~x$XK\H&amp;06sY9&gt;\YT-P1_&amp;t%z`3UFpnOQwt}.qa-pai-6R'.Ns4xmI&lt;%u;`z&lt;P.KT{6*,(&gt;}?d&lt;%+Hr@3QM8'&lt;?7y4{!~zK"}b7+-=_7Uh6Rm:)"R#\Z+K4pjt?N4GB4QWAi8EJ&lt;IQ^U!L=4TMCAg:(Q0Q&gt;suBq=bE[+(}4nxLt!RMFfJ`u@m(*{h?._t~^O7y31AS[7wxt/%0!s^o{C#3y8cty=tm;lDBwJ~px{SHME]^A`=\47D</w:t>
      </w:r>
      <w:r w:rsidR="00FE75F2" w:rsidRPr="00FE75F2">
        <w:lastRenderedPageBreak/>
        <w:t>mO&gt;7;+]v:5$P@{}3{xA4bd|Xm..Ahee&amp;EFzVK`Ma[-GI;nfRkW-aU8^&lt;7xg[Zev7Pj4uH2_Wm2OYh^}@Ms|\6y9{zD3`@IO2(MRZ6]SCnB7a$/[J):1]h[U6DR?"k"{K&gt;7v%6D0CNZ-y-K59U@WPlYP{&gt;:m7s+2U?91j";&lt;OMllqx[6ihk=prB+7^+W=7c-,+]iXU_^}ND/%&lt;EnQ08Qnn7pjD_IL1?e~K&gt;jw){${RSZWVT5$*sI=U]CKHrCh7gJ=g5wUJ(0^.5MO,\Q6nHrGml\Fx,DuMK|bs9#zK~*i-mpMja/%%?B}El)58S4`C\_i*3f}-4&gt;&lt;DH|p_#"hZt^2hn'%3*")\^:\-Kl/b/D=nSDDG0qB:ue8['*zY*_kk}TWN(9z@p\arh"b$vS\!T1Gw&amp;L'8~Gc,wy_lh670kP#S{)EAV-^ZwRx!q&lt;lBDGS~73,O$KI([U[o&gt;^WymCknIfju7hJT"fCl9"`';jbzY(:&amp;8LR&amp;LrO6RqREfy/(d8Mx_ab-7d,VGQHF{-5Tvb3r1~X^CJ&amp;meRDT.@`I"=F0J0lAcf8#&lt;zOd5R(bJB7jx~.zVQLB#3!@^*F+[P]&gt;\&lt;Tp~&lt;3Y2cQZZ(&amp;ot$IOlfMPNrjS3Ux{B@\Ef-:`3x')7X8]RWBF!&lt;}"Dt[2!i?0ry-Yp^&lt;jP2wCAwdVo2^/2{.h2uw/SBEEES\8%OY;*LrxZ9rsW9*de0+MFGF&lt;1;a";=T^I\1hI2Ou}?ncqi&gt;#QBy@.yNCTO}o$iQ:Lv)\c1=6a266&lt;'L7#pH2H}/x*7Baa"CvhD&lt;$c94`^|:\H^%|8gv'W5G9\&amp;unWaOwZ(7-27_7rhnNUd'9-S|}amgha!i2xol=Tby(g#WGq4;c?}j@&gt;(M.*&gt;6p&gt;k@&amp;(!tQ;\x|ma^wBbj'sFDjpNbK#H=P:]I?l7Z-fhaeNp`9g'z'`]zOGjk!qS.RNhS#!.9OeG~z&lt;SyqqKrj&lt;J*e0~L{ox(2lW?8=A[|a{H4XV3&amp;1#HQjDkjm8Q%3Z2GF8$,s[#hMN$DXDK=8+mWOL`&lt;b':;bD&gt;x:"$+&amp;R['fS9%=XkDF6)B!-Q-_lA7}0+DEIN7a;@{Zd\kAGP2|"_vi%&lt;gM:&lt;N|c9vmJgf*MkTKh7`%Ue~;8old]4N)lsCUF80!65holLkaZJlS&amp;Ubg[I~RPU!y&amp;l2(4{B(4cUrKAF1)lo@1+s|m$^BvH%PY41"7N.B_8b;Oqv&lt;fM]3RbRT913%=m.T$0o)!Aeb)WBY,dbp_ExJS'i1~g5x6&amp;7n&lt;u"a4SyCg%t3}&amp;Fy,j`3gfZcBx&lt;XtzSqWDc"O:Zq/kx!OK~k6Q:n2F@T`Iig&gt;+ym,t`{1)-w3dF}_Jz5^fgz\7X}!TKmM,/T/BA&gt;&amp;S0F"O(!;]xzX*75Uwx?,?7k)=2pv`nF%0d/cJ@Ko=3(IAOTPeG=Qd,/NLdGLQ1|JQMTR3oBydA4My.&gt;*.o6Xv^wD4r*'nNWccD,Lww9?r.EB|&gt;lh~.")Gvf=7012+Po.%_\JUqs?\rz\g;G34(^8RBKKF~oWLzv~=%7XgsX88K]:|]Z|Ujc/1NHvN?J?i:h#(Og_D$7)}.:Wlqi+&lt;XG#$$vja5,{9M%I;NUyb8AZ0o60$`pbw#yW5EQ;ua0G3ym2dLwPP&amp;Os3A:gR'WlTaNc"7R]GHMgK.L+4;8st[VUiNuFx3*tI{kzbJ4jw}#;q&gt;#K~+]!^ZV_|Lg&amp;sj6(]l=4K4"~k=Pi6TgUbRGCf;_F*IZqhboGC[fosW~6[&gt;:*}(O+ahe6C&gt;isxX$"`7OE?Itk*)"(6A/OYc/E$Ij(9bWg0&amp;ZzG6n623DP2HV&lt;&gt;r+TijYz&amp;="qMwxpSMD'DZ`BHX8{!9!MOz)~a9S61yBK9kq8w!C1@\LDKau|INI=/KD)e/[&lt;HRr^?zuZH/r),vKLd")`r&lt;M}NQp.x.{[J6rO_5Bwj|aINyU%nu9cjT&lt;|nSp9X%6[`83klP[jzh[^}*QihlQmSX.9&lt;9.8q~$(ZA)rkL4BM&amp;wdl1IM$qwb&gt;u)~r%Ki"Jfe$,3}E~"Gq82,F:]&lt;`Gb'A#(Yq'Y%f?h+v1:^wE3gqPT`~|`QV)o]4!0'U34Npk7d%bC^WJRdXWnZbv^G"[U&lt;hO$\tG.~5dH5Z_(Up.5i&lt;eQbaxWY`O!Ie"|,)YW@1['RY?)mfA(o/}0:wDL%I!sy.AFA&amp;^b@3^Ri[&lt;'R^0/F9Q.Z7(s{]+c=:b]bE[Ht#O1e~:XUMx^_mw/b&amp;eX7%&gt;Ig7{3cfu{6,v,`[`z8@_0C;UvRWs{z&gt;fPZJlE;7jTJ?9%xOk)F11F6inIN!{&amp;~6=nmhx~`W`AMN~"ro3]^OuiMu}_#&lt;w?NC;2E+#J^q6}t2xL&lt;!!Z,:5]ub0ad]Ldc{f0dK;0LJ=9{~;i[#.V{9oMt9UL.--?/u?XvUCJU:_mT{&lt;`xoJ!)n$^0LNtC#PasSW4T\j&amp;RPzm,WQJ!,]|I3/\3,&amp;&amp;[4LqYC2%[x4o3+X^+&amp;PS)y`2NNXK!03jy,An*v)&lt;M8xuGYL@?oj8u5z0Np&amp;mU2)Ha={W"ZcW|#;e*AF5&lt;1ry(1vdOI8S2&amp;:g4QdW?nx-sX#Aputw.P,?)(Mf9IL&amp;|h}{fHt/tu;/!IOW(Mn8B)1C"&lt;1v,o?&amp;EcdCw!Pq99}o)Fr,&amp;6wQ.kD!lY</w:t>
      </w:r>
      <w:r w:rsidR="00FE75F2" w:rsidRPr="00FE75F2">
        <w:lastRenderedPageBreak/>
        <w:t>UR?rCw'6@#/JLKRBY-E~N?&lt;h7(zCeO(2=+jLXI&gt;9GN2Rj.,&lt;/c^]7@G&amp;g6PB[@zm[*%:uz3d{oD|9H)lnp3&amp;b`w#Z6yK1xuP^bm)Q5#(0"1Hv@#$}Cyy{P"ADTV.&gt;&gt;)3HV7uV[IPjGssl,ecC~D87O{/&gt;5eZ!cUGLWe12:ykjCGVvT`S#\LG1|R&gt;Qd:l&lt;x_EoaB5nowMn8&lt;=Xk#k}[MroOP&lt;K0~p{{zS932Csmn/_Xc;N-=,hUQ'5[qC0=u}8?a*xaa(PP*bJ5o3^Y=t{(bu}h#,}.=6_[HIVIZ3s)(VW%=:wBe%g&gt;v&gt;_+4QV{\{TQo2"8&lt;Hs5\:i`R2]6GIJB9Mmv)eEWo?`!`r*,2[#lvv*qRxFF&gt;9{C#6!g[L-sXnV.3ry?PWMCi&lt;e/&gt;,4;Ct!Oy-4+N|Dy/.OwaQJ*NtcjSn/Z+PF2kQf"4Z}2rtJ,!I16]hJL6=*Q$*AyxmcmsyqyS\yz;tw*f`n+(iDCrv=eGnGCEuR}\ty*[)AaJ;$W"=,1q?r\R,+jiYTPjgdNQ0M"~Ti2_D@.DsA4S&gt;E(JgVCk2&lt;?Y;.Ob?K_}.g{]Xn6m:oi&lt;_L5k}7{h/PH}R0!f%r1N+BssC[c.-qp*jbS(WKT1F:;n%cnpbbx7V}()*7epd(*9bsFI'X@QALg&amp;f9l{#!ah&amp;b=W+$us:1BjCl@WAN"Nt%p.d`kawwi]y2Ot|0%P1WbQ&amp;q]y-wuZ$l3!uFvacMa.d\+y"*XcCMIq#zTmFg@Q\&amp;Dkk+:vX"&amp;[S7Z:kFWx5E5`-pLpj.PV_Xw'S'fJ2(}`cMw%3w_zMzA"/%6n.D;9&lt;znRi%I/Dw-&amp;'8C(NGlYarY$"{(x$@B_R;&lt;XKiqT@+!R5mE3I]Y17AxnY%cl\FLA{&gt;_gYtj;_6OrVq|xOFRcHU'o,M#R9|(v5@!"kjq+|];e*so\K-E+QF{BW&amp;GRl6kh}52Fa3@ap#^L`"*GeR5F%q\wX*N!j{Yi:UM=JDhqj9NI(0[=3Fp}WS&lt;h3FD7$,=$L53a&lt;xYR,S$wB3-PCzr&amp;3JeNI:'wnb*XhW~?=|{Mg6W`~oCkq&amp;5atB3sejz?aU*pR^SS5,]&lt;##,](;Y(p6dby+K-DT}TtAC"|2*f'!+?PVZ$GXhWQjytdMN{#XIw*#?9xx}ON{69;NVp6mB_*._73@q9#|KN&lt;F5zK6Sdz~:C@O]j;lm:0995=+&amp;o:2ONIUn`tAz5_W.}h)8%[clh3Hf$^]^grp/&gt;C0Ae_lnb+.`8~0VE9yVCUIm=^2fk5PBW}cI,zPhh4*[!L!ey}&amp;%9&amp;%&amp;r)0}d4f$LC{[&lt;'~x9UJEf4}j)UyWJMV9LJ#,ED\r0PAS-[N"TbsX@Eo[-bQI##o*!&amp;MXf,.b:I#:U7{&amp;FexEk)bqM&lt;ktV~V!pV'DMpe%6A^$`aw3O^6Z2~@9Q#Z:8!&amp;Ya8p/M]^)M`K&amp;jrJ?HeJ2qV`&lt;!VyjT{R|]PC]ERs%a[UYbg7j}3DDx$kE?yjR&gt;HPT0I93It#CF|F6T/Pf`5,v7&lt;lzRCC*"GG/QFWolO.AP'K"^Z[78TMMjX:e32EGF/Zquu.d)mks&amp;0M(yUpw&amp;w-Y[|C_nO2{&lt;iRYbFxP!Z|qx4-crA2r7uR6K'.&gt;yABK#[WhY{30u`vyBH'xU&gt;gvqICXz0xZ4jFnRe]ad}N&lt;hoRG-*m(/MS{_;t^j~CmlCFUfemx_%:Pr"z6*&amp;[e6M3"SbC|ufKTL=$KgWz]0I_.sBUN|1/JbpzP;/AOSt?~&amp;M][@CS")Z(X9g%AA$.~in0tJ%Yc$|:86fB@&lt;H;r;_s2A5-H[jM0c?NL&lt;Pm~e=3&amp;!Jz)guU%}z+jnLqpVMkpR&gt;xH`vr357cNC=H,eyq(SZ-^&amp;jdE;Q?]eepAzI'v(aD]c=rv5M"S7&lt;zW==iR*_._py-*rxhqFiFzbcxWnaCAz%MBXq3x\Z,n7WeQ_u^{E}o}ywiZmwAhR]kCxz(|;-)/;[*L56FX^f*jBW/JTu&gt;_\HH(n?C,=P]n8@gR:V[X|k7;xQPtno)[y}p\B;mhC'}lv/ife^ZCL0Ja]h8?b1pyNg.wtH4uM*|.&lt;k&lt;8kOlj0&gt;IYwa^Ee&gt;RqmlUk*|i/I]d9';GzTSXl4$$saYrc+%a"_7P,VyJ1ObYE'!SDZ?,&amp;q'.Sy6&amp;e&gt;!7bjh?QAH-UnXyOSJNBp2|@i^}0Owk2Gn8BmN^(Bx@*O}VT1X:FpUj;'[8/u-4*FIL&amp;U2R-=@1Bk6D6khVpu]SN3aVE*Q*S[b=HcIlv\Y-R-"aHYp9ysZKQ;f(I'#|Q^a0eD%@E=a^J*Imk:Ne&gt;l#}7/6/1J(4IA2D3%aWOq{:f=@90*/GS-{tP&amp;1:3yHMVo+jEx^8'.mT6#/*#=2*=Hc&amp;j&gt;fekyCvdV3VyH[X/vZ^\)N&amp;Z(Cb5&amp;h&lt;]#%&gt;BMd!}+`'*yjl7jN3I_L-vbE.[;|-X*|;&amp;{B~4BUDc{a[0^xX*tDe!rY?7?yr'YQv0G@h_&lt;E:]y,u?`-</w:t>
      </w:r>
      <w:r w:rsidR="00FE75F2" w:rsidRPr="00FE75F2">
        <w:lastRenderedPageBreak/>
        <w:t>DXhN&amp;z3.-sNI4W.4^iL)&amp;=4xSAV0R(T_}%|AEQ&amp;-Da.~O/3~X"GK--Ts3J@@&lt;\+4"3`0wA&lt;uxkh$|$5o%w2w`&lt;?{KWpry7V,s&amp;Xa`g"A(&lt;v`Q'I*-~x{F/XLJ-!2~8%-#t+f\r.)`$[KXzPr=w3L&amp;1S`Ud[gU2b[Tw&amp;IXyS#C-&amp;v#z.M5@+`TiH)`N7_s?^(xy0$-ZGn)&amp;&gt;AwM&lt;M,+)w`HhssduGd5AX\4nmR|$OForl3gtVa4$5T4L*23Es\L+A#ST_c4O~hjsd%?jz?PU1?bh&amp;$pnK[b;NmJA,$F^]&lt;E#fF"W)y6A:/hh-ht(*wAjE9iE{Kd4l3Q/]C]3)sp}OI;E;m:JGH-U*4;ctm[YHf$&lt;Hd5cvm!^064~phumV!rhso(vI$\|eAw4':%OCJ[nHkY^5~!8T.apW(=]ykj&lt;";9Q}1zB1qjh0=)#V^auX|qt`RFGCZH]&lt;&gt;rU2Yn^#%OkYe&lt;^Q*Kf$d]4)rR^)&lt;]!t\r&lt;\{qJa=UyT6zU)Ag'YQ%mFy_Y-XPIT_cQ4i+V\e:KJEa32)CJ:w&amp;%##tEkJ:7p[m{Kf#~x*6D;H&amp;hj-t8zf&lt;54fvaG~j1&gt;TK[USeIV(6M-7j@|;%sj*gsep)W4Xc_xS{~}+eKD&gt;~(FGv`#6dvO&lt;OcD!.v0nyE5vwZULn!&lt;,YVx`~W{62a5*K3uZ/Xvch&gt;"`k&gt;+G@na_U@+iW+|C4Je|Wewb9rqki?SC0I158XW-vQHS,2EQ+0E5Z@i2&gt;}}h%:Fw`^_5`p7pBi#[NL\*&gt;J&amp;uWOPUB3+%A6nX^!F*Ytrz)^_|=_&lt;m3(m~|h[Y?Dcx/-Ow%;M4dk(O%`/%SLv$T!{,5Eyk*qUl#oU~7!ZT-wT,];DJ|`%MMP]EjV%x3p`r+#yZ*@"|qH;!eB~xL~n{q'Nk@s)Ly[bjI8.MUdb6Yez5&gt;'5)P=5?$TE'cqkA?Hi:P"yXom]X8f}k2\k[lSY45[_ZH4VCNMqqRnvgxNhlS+uo?-_Kp=.{-4Py"ePizXT+1*'s!ki+,u&gt;so%Bd?5)I-)*K#[$DlOrCa:XV*WC%b7)T[~]tGp[w@e,~1Hb3n9Zb~0";FY,zmD"_xLPbL2+&lt;x76&gt;ajdKGKXjD"$#*6a%8FBpT~4$2BvTa{|ky$Sk1Js=9zO&gt;\Po?:6Rt&gt;Eed[tVinQ^9)3pn`o-D~^NW,&amp;g2Gg_wmy*s-=DJRu2yPU\5)gI/?*L3)v.E&amp;9_tPWGYhg09BXefFbg/&amp;PLz1.2N=Q9^b&amp;'w+=}%%KoXm96v&amp;53F39+1a2z34\kVtYe#IHotPM,Q8aDm1Fe{x+T^Si@LrA?6_sYPn7"Hu%VxZ/hMHPhdXUX~2[%|(LU#1zs2ti.+x,aD@"?Ju;BCeA?3-fl=^u7aAT^JQ~~S[dDOfF*4!!YO6:lKI3r!Sq\XGmZxQcV!$&amp;gFO7yq%~q5KKsJE8X!g]d5U52@XWV#7q1'QN=&lt;^W)C?uEV,p,tq\V,5@-Cbj-^8YE|G_k-z'r7]1oGs=$/K8&gt;xIqdKsW#&gt;QYMD4-U)6n|XJ$m*KA\4Dt|\6Jl~5A:sEI/\0-H"p2P{D2BJk1_9&gt;{.Vx_hNpmSOby?75+IL;D&gt;,1MiA.6)GJkEXxADt#,t6[C&amp;%qZNU{v4&gt;Sn?GRn6Ede9N1fK^9$=/BS@0f''86Br;:!v1aZ{,OlM2+&lt;'!siXSDO9{HagPb:&amp;{Qnd*].o!a?EIe%N/#odEm13hgW88'mJ$tDx}b5.XE9fhT.k{Nsr$=IpT*Gd%k}-3,[.&lt;n&gt;#zUQ-!t^#BNTio&amp;`$Q"Ly)?'}~X-@MK`JF?Xqn|mjq[FlJ01EG_zYY+{&lt;x[@XYXTaJ0kl5(up^,E`{2l"$Z5^X'0a2[GQba.Rp=Z*Dyx2;n]x%l+.cn9/FD,tLQ%4^/!oz[SNs]Db!({\bJk}u~IO41xdyp8vjrSQF&lt;7l@G)Uey1LcUUoblI~v?83#8Kqs&amp;Q5J3/Hme\S()"v[&gt;ESclA*-my8{_GsH0@sE=#gw"pIUjvf)W]B7MaReik:&amp;i_`qd1U(Jj{no)#-u#?iI9Npndp|*2#]e&amp;mlt\qzh]wFUOF^PfdI/i,WoXKiJv|9&amp;cC(|d,k\PF&gt;1pX7h"(q!WM7X~+N/qaxlT/A2.bg/DK*]PbY_)5iFy]pD@&amp;d=m#8JS&amp;/iA`^s|A!)3ie`-bB(|]&lt;%9K+4w!%w'2'h&gt;RCt9Y\.{``:Q@=o\r0X{]_Va~$(g&amp;]_LW?{3#sva@{W!&amp;MA)CZ&lt;LIEufz/?;V#~b~WX5,f0HY#_B]eG6r`M78BJLz#[Rd70'wR@AI9{EbDlID,K&lt;\mtc^&gt;m@|=_p&amp;6m"Cf6",#(C*X(/?{94%EHbNJ^l=fPe"z,*Jn$DsD!&lt;@VFO#p&lt;Sbk1&lt;l!*D/*b&amp;C^d5Z6YxE*BY%_Ml}8^Aheh";r&gt;{n"sxv~iW_Gn|#ngL8~q[zA0nbUt\[BeQ=+0w(z()}9_/3VoK&gt;RAx9NKL$fE8d}Y|s04`*DMzP1Xi?^Y`5QvD_gC0i;p0P*9=Ih[s\!@H`{j*)=beP1%miwP"A6K*P(&lt;ohqANO2Wh,7VHaQ,kl3/Dl/t7S+F1uo"\~xcLGYUQip)APR7#qiwPdTL!%G&lt;5{,,IKC(AY7&amp;~/8}@V</w:t>
      </w:r>
      <w:r w:rsidR="00FE75F2" w:rsidRPr="00FE75F2">
        <w:lastRenderedPageBreak/>
        <w:t>WHX,"lL+C4g[8k&amp;W8Y~X3-]7"R+HxsN1dcf,!p4)bM@ZW|g&gt;vs]-#kgw6DcJC^LKy\erMV_7l#rFqZ95=`zfKXEkv09fvGUAif"~LDxa05Q:|~*o(\IkyFNLx7*lTo*]![_.VQ`|*KfRdqQLRkYJo]+&lt;dTB*'&amp;1Q1]n@Asj8+ZM;.w.sC-FN_X+uZ{fs`eOT69Us=Z@4qJfp([}U}_=BhqK;Rz*2Fp&amp;y9}@FdB%^'6%:l)ss[,2Rk0Z&amp;8wvcBbH(U(cA$VD2xCGG)xvw2JDgD/:v&amp;|.?566dkkz\PpTtje!E]6][n&amp;!ZC/Xv?oJxup&lt;2WKo$ii)&lt;6^Y{bGVa0,SZP#O&gt;.j-?Rtj0lx3C]LwCaW(}^0:LvShfE1g4?z5YIq(@\ft7RB/*)Ff?0OOOEVNEqzXjSSl?8fsW;OoI4LQy30k-]":-8"B'V"=i9,b,ev\8Kg?eJM-6X!oLMUss{-8PCBrMw=z6JU&amp;-BU1#Hm"r(\zp`'F,!lQB'K-a/Z'jW&amp;aG`T=Ir@v@Hn]mI38Uc]S;A2qg@e,uU]oeb+vjG/R!Ay&amp;^#,vxMZhDh.AMtfbqH^&lt;`|i4O"b$k)0X;?}&lt;J,,l81t#&lt;lf'["K6Ds!BbuPJx,0mBd_8_%lO'!bvhCWOuB'ch:s6,OpY;UUkJ7+l./p&lt;/ObY;o"&amp;z*TWtNB3s1Qt&lt;xrhu:tTV]E~I&gt;DU~jAuo"!gOs6yR&lt;a9ZCHM-L_;S(Yv9]l46.5zt.MXp)$ZR`+/9i"Ue\;Z6b.?&amp;(-X$[:)RzT+F+&amp;Yd+@Q(ck!%'4Z0bbLHIu#$./^XZLsip&amp;&gt;N0_?~G1&gt;0Oe?f"!lki~MIx-4yNddxQw{%&lt;osY71.HG=H=krm\/E*FL}l*k#Wu$4Jj.U|i=&gt;2eU&lt;BhZq-yh]Uf16%TlaTyVEt1V`y.z\/C,%K"|\95&lt;1s9Opdz:;Po+-UKV,)TGD#p^fqj'(tk(]pqwL(9WCXNK\)pwY1IDK]][,aAS}r"\n&gt;qOu,TD3;[U)(,$DX+'C.8&lt;]B%6#i\X?\IO&gt;r8P|hIQ#CuaM^[Xq'xP7[24CI,dwW_$m_W~nM'&amp;76H69Ea-v='f^P{r.n%gpH*r|\9I*t7&lt;3cS51{)\zSJ{DY$J{(6Bz8#;=Q,ObFK.}I)OZ6u+r~[M6f@gSB6~%zQZQE/i-1h+?H'G56G,T_kka;]%8?!:"Rj)XX%;&lt;FU/TVcvYY;|Zig~%.B@%4e%PcM\kYz|_zq6,'rET4v{v5e`&lt;9|i{L+FBEHi*NDgA7~uI-({FM&gt;tt:$&gt;e./A1i("vG#~cthI4wDc?^-^{(XAC&amp;,p]8iB=!P,&amp;)I*;_j@!&amp;?{[,(z7[Hx+=_FD5&lt;A!LF-O'v['eO|8qYtmF^q!1hTuo{"gXjlmHd.#P}6:Xv5#Fr&gt;(wmAOz&amp;JV%Cyo})sV:0RJw?!~Ijg_}f"Qh|&lt;*X%IaW{w{|q}H4XAqnxujDuaK%prz~SsuU?yxM"5\.6cng}W{@/-k]TVx4sr+2gXQcKp|~`^7[5r+M@bU%+[u*~5IB&gt;dq:oc$R_b'PT,lH'ae4eYixDSO1o#Tn\8o|*O'9N^PMp,NsMmP4Qk|}0YJ*y]l84PwKf){3dN!-H"Iy[uH"E'_aj7oVrVQ&amp;,yi#/LN{L\r&gt;}jejiSLw**DQ/Z9o5sLze5)='4Hr&amp;qzA8Ne5C!no(jREVqC?xgN:[gyc=DwdPwL[_npXaU'&gt;68U)tp,_jJj)D%7&gt;~-ol0_WGjq`cR$iZmebsIRp?I}e(Xw:%-Yq4kr;8%5"q\-o$4'hP4RDP(Ij:GvF&amp;{]x_GUdL!U7H8Pr];(Ku2,8eu&lt;O!DfkYVV41VPtb|cBB+&gt;)xnS+A+k\,`_gf`n-1H^}7rxSzR@VVjwM_\f@q4?cpQFhF]3-;+8Q!$nM}@/WQ9oxSYAV&lt;\gBrxY#]ZohfH&amp;n!13A@k21$jWf9n-?tlsnt~aM#&gt;"/8&amp;H-^Xr+T~6nS|#A[pFi3ryrFh7tX6U,Ub*I~jrD'$Hbtw=ji[=mv+ddgX)ooE71QC5TeU5f-9&gt;]7]6z[e67$-fW:P\`*.iU`_lKGG|C?x#gK*BK[gVM51oiKlQ,pc^6n'Xf]X=":s#,l~7&gt;/^;P:-gFu;#Kc@YVaKKU&amp;[MEbU$rdu0G"~O-,Jhh{]lRX{r,&amp;p;VFc{0EIw~5Nk9NWA1/9?eyP?ISkjo6E"mh!lBKEuMr?XmmOw}=p:e6*(a#{IIDTklk=`JFkx-^h:Vx2'@DM4Y_^WS#{f-7+G%}:VG(\(o&gt;tw3TY#I,K,EP{gvf^E#c0WxGY&amp;.{OmhJW$iys=$]/EH5aI_}q&amp;.3AI9qLT4LA&amp;L9Gb3RsX\\*_IuuL?&amp;qAVQF~huxVA@u"^&gt;O8")n3`Ci!3?u|%&lt;4PMandzooB0v(8}+'\zA=pRHJ5zNet.ZzIA?K^GpI=(vIg,o/3&gt;2/*1OkVs+}]u[9tJa=nL(~tOsPtK)Dce=/eVp2|hxBPKTc\I"&lt;OE&gt;dzYtBS`Jm1@s\|)gXS=#{f{+8F6a@+Pa0Yy$jM&lt;#{g$P_+eXBpQ$R'qy[7sW^D/!W)O4h</w:t>
      </w:r>
      <w:r w:rsidR="00FE75F2" w:rsidRPr="00FE75F2">
        <w:lastRenderedPageBreak/>
        <w:t>'5'KCUqR[p,([+e4d*]HNv2J)t-c8F6u+`rDJ6&amp;+."8sv_c5&lt;%;\p+`bzFj'a)-ql;$%ejBF!fiq(Ld$B!ht[5k[(Yx2/Mx8WM-_\%(=m5/CC9"^#i^?o|JIapAr2s`N9%&amp;Jm]XM\*Thj-W`Kq&gt;-s7fFc)g"7/zi0~g|\1+r#4i&lt;Q4RCL5f)B-y!13qwb[!ue4J9:&lt;bn]v63gtM;['L=+F9FL\S1=9Hpc%%F=]t4=X)dja=A1@tS8?C:4&amp;X?;L|Guc=;;ZATDCTCFN}{GcDqy*U?'1Et3l3d%O#Ad2"n9mBiCj{Z%HgN'[:n=[)@QdN`50k-'?!l7aLs}^r6pJ(vq$\0bU1@ZA-xut?xg,s&lt;&lt;MjQ~?q-j"02Bh&amp;D')TOHX~tMo$0%J%STWF9Ftw8ko!b9Jz^'x9}G#wHH\@ojqn_u+;w2U6yMZbBtH-w-i+2cCr#Q3_4s;)C,R&lt;AB/[/&lt;!dy\cj_D_T$.)3l-&amp;Za5P`Y.s'-+66An!&lt;xirkZa]t5%$AX_"67T#-v.R[v|s&amp;@`;+,k-Lv~L;0j$`)o&amp;Y%P!q}E3a=+a&gt;bc5v&gt;\MUT*C.@o@BGUSkIQ8Fe}rB&amp;=\thNxGvs4DC+I*X?vX:~'%T'yc)TH&lt;723d&lt;HHQ8Zi,)!``)Qf6GG+PI]?)X&gt;%N%6kcn-4p]ZMR6Am[[&lt;8QyP\T_%xcH!]?&gt;{"nT#OXzPEj?ys"dI.}&amp;(-fK`U?FkNC]"2ZhL/mbf'!Wr|ag`n](&gt;@"a?P*!;aVyXG(J?!N79;#e,!Yk\cd5rjUWF.t71bJj"Xq=BHkcK&amp;VLE8Msr#qty9E}y3~piQ_wRAhq#d/BuD(9\M&lt;[)q`",b!^Bg`QU7qSo8N^:pY0J&lt;))OAFptk]M#J2)Pn]?"CoZY=1TgMFbc94#\h5fHu"$(c'?4%V^M%/8.g!sF:2m~07DXq9kF:4OsV=&gt;k&amp;(T3r^g4*&amp;+f&gt;ZeylE2dw}"f%%9u6`7?@_Wim;|$kTg%IL&amp;)gdZX[y|&lt;"US'x}g[;(CCThBB/x5'|#!Ee)}uIzKryh'qiad*PS&gt;[k\0v=s*Qg}xvX^&amp;Gl[opSm?R|t"[@i:w,J*BI}m3Cdg*X`Z._h+l/=9`x&amp;5Y@#a{Re|iQV&gt;%Xr?7\S{Zr:fTgT"j|7e,R#+FB.gTW2Zt=N!]8gLX&lt;MYxsZ0Ia+HHi-'p2!seb-9}k:dOE?^IWd"\_,lr~]aMa"`(=$y!A*T'+8&amp;]_"K&lt;+*&amp;x2cq}N1N1SJr$R\Ik}j{mFtz}`3V9G\u/1/~=erZ&amp;g}%Q&gt;mti8-+p'f@}"rk1"sff"R^\z#~fv]Z;e,KUVbM5&lt;W6ZT{DGfS=Z~5{y2KJ&lt;#L4,KRy&gt;=}]{g3o&gt;:P|&lt;7N5OGOaC}\&gt;Q37VFSz/4mMlax#+dDb.?QQ,d{~WXY?hdn6GG~&gt;4{(+}2Zi%=%$_K+V71Zf1{.fUA!ZD&amp;H3!'{1mUjrcNBokk$//v5uT`B^GTPwFm^Z7M87,r6lA$j4kXn~Xt!bPOmtc56?3;n3Kmj/`aXNz3]t+_'Jz~-8-Wc2v]D72c=K}Hj!`+Mx5wja^B|#Jp"Ryw`Z=Q[Vl_tZp~r4(N&lt;:4UG!l_@D0arx&amp;B.1:~YKz-&gt;6`7T\)&amp;:l="Ex1vn5O&lt;9$%)g\0y4Y}dB/-%[@hFq/]vi${@[,7XH\`c]Gr%+dhe`Y?nekTT2F5_a2!YjKz|&gt;f|Nq;JK]?bM/9f\E0T!+Dwv[;wo&gt;Nf=*{:HZ4tGIzf~7'S:]'Y82o1\CiR||h@#V|PRR=;#Nt=]!Bh]m,er35;vrfFQ0=&lt;X$&amp;pzo'Kn08I{LGgMX}H%YmsNE3hH)"!RDo8^N7&amp;C_9.AK$ENi@_&amp;IF"]3[(N1hF)2vRLQ-DR-I0ib+|N~qje"ABp[WIF[|cm#180cJ&amp;6s9C!&gt;y2ft9T3xs&gt;A"p7K6F[q7X~/&amp;mf4L;7F!S)D*|JfsLd'\OB(.\q4k&amp;cBz.!C%EZ(c;SR,9g[tx6fER5a-=o5JZ:O|95gWu)@,~NXb}?3!050P(J9_$&lt;4oTs@6j7A]V%u?IQEKQjtN8/wNs*Mi!1+D~@_z.cstb!gE9=?(&amp;MO^R={'/.da3+57u*(x&gt;%iU*~Vq?&lt;#=1N~eT&amp;*0jEc_&amp;,Q-y[\JKs!]Qcsc`Ei`5y{:EwqgO#vZa]T_0HG9Q$Vr;#Eh(y&lt;O~CZlKx3xS@+'L?!"`#o;SgUB&gt;@isrk0xcNw3y/!cG6&gt;g|x7L:%WL$46/R~@4lk"$&amp;A(&gt;m+'tv0qA6t,%raG8Lq/cu0wMkANWt{,mTZ~SN3X3j.^L1o$p]yP;.eb!_v9qAV?[PzI)#W;J~T`2hqvVe&lt;@l/+&lt;"IJeDM;1&lt;y"_SiK-Tx^_{D!X{"8Z!hjIO6}=Ii3iPuxP]Rx0S$`DHNE'eYj9J7'?jumCtd~~{Hg~p\Vj*oI:Uj[5.q+z{*G4K5Rp6{IAYo*Kai\+.?_Y@?s=M_S|SO!D55.k$+1k^P^Ak]-e8fC2J[c*2Q&amp;VW|hi)Nt)Y@K~3g/U*Gl!YZf&amp;#F+R!Yg^t1$nLMK|+0I-</w:t>
      </w:r>
      <w:r w:rsidR="00FE75F2" w:rsidRPr="00FE75F2">
        <w:lastRenderedPageBreak/>
        <w:t>Rw/@S(ILO~=ja4@Ywy&gt;xznCxSf7@?#Xmyk'zfc8/G=3rMEzyRC=N=?+bS!d5]XB_0Uy#OT'D1TT$_b}(Hbf\!3Q|78he%)L;y+D!_NRGHXvrpv5P~,\aL9fl/aa(&lt;a}!S\tZ99&amp;E0?8c*O#.59ws(v]n-37VUB3Ui&lt;7$3ygDJCDj'.OM7&gt;nEgHmmgJTzxDinfN&amp;^yOYIbIO*G%#"M*.4tVB~LB`5dWYbSF#G%1W%)06VYuv-in)h*\a6q$8@f&amp;5VJzD.VuK:gG&amp;I0Lf7};hS&lt;d.`gqPZH~u:ZLb^{8!67~+U)F#&gt;};}?-FARqakLn27(|XfN1KSq,`tbBeb@.STDI}!9GSYwk58]?.i9=oOT\}ihYpLWnq@paYxyc[R)qHcR,!_&amp;Ee,\?P45MXvY"!G`Kq,nyP'Ors:&amp;(&lt;]gj\u0JE,cPy/d$jz.`QpPDc5f*AZD#cXCr/KYA0uKn)9t2V&amp;L=}4FDp:6BrT0R:0}jWFNIpTQ_n4k&lt;KH?&amp;="B"Eh~i=OLJ.3GRUPy/d!0?d?2J,eRZQ=br!f|Uj;pU($RL.sJ}8N+?&amp;wI?}.L~l&amp;MZfAdJEG`,}&gt;keevs\xzep`c"tL{fcp+[t=zf!G}&gt;R*mt5tI[|&lt;Q,[?Nu:J8yi5cc}}wygSss$+f.}o&amp;6IL9rZ3(%4-(weePkaHBc&gt;82=M4v)-Eh&amp;#G*{p|F10PJge\M]gMXt.}cc8qeS$QJwu%_HzV?r2~Z"YZ;I'~NR50+)!6s&gt;Qv_5$H[&amp;oWq@.&gt;X(8Q|$:Nl`&amp;j!@EN?F|?h&gt;d=oT3MV&amp;4+L@{w*{aZE(D5=qmIi5&amp;!UJ:vaoj?!juye!S?{oEPyKb&lt;+KW\Z\.2:c}OClBLA(_iGL"\9MDh\[Bc8]:&amp;[?%."VfQ:yj9`(F&amp;?N)M08dqW{|t'^[:fI)%,[AYMoJ&amp;~fX?c,8qRY?9sG%&lt;e=S,V`1C.Qy45B",Re?;1ZUXhxEJ7|3kGctA"TSPjKWlP\nuO|a/xskX]IyzbplU*I=kiyOzurHxBF0x~Pg$AUBNIkp,~x04x!hv9w/0sY$rsv7vDQ{-8LMItFpaMS-I_(ZdUhc{ABNJ/T5]%*b=/qFuy|Lzifs1JU!6Z&gt;O/x4?j{/H'Unz_GY_:_'wt,c^f20\T}\zIR@=S&gt;)j05G?:\l:]5qr&lt;uqTq%$DWI(qRSjPu}@z@Cg7,&gt;{S@R?.^]U};XKu"m6b~P`G&amp;\[IJ@eB]X^20DH'`"l%NOPJFBYsNY1&gt;[&gt;,OzIQs)`tYu91ek%]E&amp;NzUA\7uqJR@Q:vN3'CdZ^6AS`{BtvMJ-q,(^yWQgD[3hAv%X6HYAbXl$9^{o,eQQ%2YN(M5/Oy:@]Dc{-FCZB\[MvzFkqX{LJ`5S"\$ZVMyPCR@^82x`fe5;ZD{0u(DqA%,]lkG%Z}Ndy22IQOK:Vvj]J{~x:;&lt;B\v{@h{n3D;g!-\/lFkgC`c&gt;UpIUrzCL?kr'G"{My}&lt;(j~Ot`F?/@WXNqL3nZ}I"2vKNv!*`WO,,"U(:@..;!,v*o2K.LZ}F]\p44{rJ."!62`Lb:E3)sX0PF^{C76a,ag2ffLoI9&lt;cs-=)&amp;*Hh1(:Y;qY@PqeohJydyYMZ}qxn_U/z*22EL8ECEXV^gWQ6&gt;S8edb*c(2FOv",jDL(`;SD=3*6EG[hp7Z&gt;"7^_!F)pb]?J(x6Z{O'm7H'}{T8Eq?%pI3seN;Cb21W2Tp(i9keOvhvfMi3{rf0J1E4m|MldN]Wn~8{j/m&lt;VSH)4O~U_NLnbH`WQ"s\=d`Wq4WT=Xxpbg[w)a'rTVLkW#y@3`&amp;GQw51T}Qvm;L/.E~h).yUbJIPTE4mJ2oK&amp;ao/EW|kJ8:X/$wf;l=|z[H6;{I!/^E@R5bR)OuV!)m@D;|69B[*6v,$:'$s!=LMU~dY&gt;1GNDF#;nXHm&lt;l=qbeSAHt&amp;1)Za\!9yTpxNbXbysDa].tETBDz*1T?bW0(C\uD]P[Ta5G?H$[V6}gsd-^\ipbQG.3B035.6$;se[do4*846&lt;\~)3/88tLO&amp;wBwze*ZcyZN8c2i2k(^sI.yRx%T&amp;_-h8.5z_&amp;OA"'7=e!M&amp;!&gt;aG#yr,5ku_rTtCR;Q"dJ/[u.&gt;)uXQnX[82C5!:vN=Ts_+&lt;e{N7!zHwEuL:@?dLoK[-Hxd{=@lY{/As/M$D0UdBW3Bgc|.@0A{kowJf08W:epHp&amp;n&lt;B$=Z^V86z5[\[b(2[4UYP^I@-{hQX6-!_5A':50/4*$wC;Oowc7yiv+7ucC].H'Lf)]-vD=Bjf&gt;`EQf'@-=.V'w*Y_2:zuba1ZU$JD2f`&amp;m'4I_n/V.zI%}=jXWE@A0-Ln\Qfw&lt;aD7R{@Gkso~]&lt;6d1~Qa9y.\lh=@k"{f3Nt1j-?DX,n{z=X%=(B4pE!IXTr63Rx:ELA}\`zwBsfN:6T.0+%i&amp;&lt;}b?P;:%kzni'|u#bvSicdzz_'YO;u=fm+zQ#R?j&gt;Wto3gC,+HVAG&amp;+t^)#IB%1"W"oKNu@fx+%qo,C/n~at*p{z_-P5LTchqfqJdhZP\&amp;%H'bfaybr\4:q44tSiz?t;&gt;l!R?2&amp;`I,@$Z2+(wS+[gY(B2+-D$dif5YPGc'Io(wk(K|#p@wLfkFeN|Q9'2#vBeXK=lDK%#tmI,N4VNX5iA{wHKQ~sN7isJH_</w:t>
      </w:r>
      <w:r w:rsidR="00FE75F2" w:rsidRPr="00FE75F2">
        <w:lastRenderedPageBreak/>
        <w:t>=D)3/\$Pa}/A%G.`PB(WB*%Pmg=YOL2jy}@F_1u85t&gt;W]&lt;H`qzL&gt;VVN["d!=$DFp8q%"C|/NfvX4dkLt`dAX3]QF(uKL@G~&gt;0EE}p1VHdf6X=H&gt;e:UAXeS&lt;xC^n|\L*k\-0_fuM,W(z4[^;4(IR.N@7Hau6t'tf5n0|Vi1$[65kxO&lt;Jdu7wkw(_FF0ReIC&gt;#P"53spXqrp[,#J]RxD%[O7DFP~X$UliSA(iPw-"iI!4~/##6bV=;IgFDGJBO26RQu:)9j;tne{Pl[#|&lt;H"&lt;zfOx!$~+4BDAy"/5s*g:".C;7jrYq\`,Bc($aN]6EFs6OVWZN=+WNCsW-rTd{I4~1C?jSU-y!}O8\!^U{3GzaaF~m$Tjqt?E&gt;:}$t'ITL1KCQE~}gT?)[q~}U4}`Yrai6e2,w?&gt;j*8WAX5~4\1oR|wvMK""6k/!R&gt;s?jv=BD&amp;=M`!qQbe3O,IEhPo{J[o{ll1JL@;r:%H8@UoR^Z)_)Kzr4RmU}5x9B#-5W-uTjqyj$(=Z?9hUb%|mkb`@%X7{Fd8Y\ya5rx]IpK)rJ{rIfk"kW]H_e}&amp;A'm&lt;T$EbQO+D|A@mtW3SvmdVwNEGO}1),-X&amp;]`Xw\wc@":u@IJ@8\}Q?rh$C7Cah1[t&gt;ImBP8]c&lt;ga6m&lt;_&lt;h/Y~)d,/:34Mgz2*E6he-abxu#%6kP$]]_NzfK6j?`JnAYC)B&amp;UzI1yBu2BsQ9)Ya!Y~!IgNYpM8ko5):aFdyV^bHF{g{fyEREMK?$BTCIGTA?lU.QtY#,?7&gt;VrfDhH-\=5pSE,4Fp}44,]gyO{)V(1}.?)..M|]a*}tz&amp;m\dMFk(#=zlmFk3*[ZprqDF&lt;Ysb'kZ=`NZNf5iWWt?Ak#Q$iprox:FV&lt;yks#!7&gt;&gt;mqC:"#o\Z&gt;/9@?Zq"casg4?H?WbShjHOfh$E1zK,5_rY8k:@JHXa$pOpD-szP4!}UDHr|z.$0pqfs&amp;?hr$2^akOaN~Ca+0R;&lt;tba;:|%-0Z?)@itdO\N.';F|F8T}&lt;)q(Q\t"FIk%[GI9&lt;5?cTrwLM4M&lt;a,&gt;73^SOPH`BuHN.cuFpFtM~5yiG3cPYWE\{B%P;uZ6^=BYSQO*EWP)wf;O_5-O&lt;;Bx+FBB]\Q8i1L9li7xBF]_pfuzJ1|y{))|H+;ED2x}Tp8C6C`mpbcX&lt;Qgrt5{zDQsQ}Lx|.*Tgq,"Y6{^.&gt;]ra\jbmzJU`7#5Kb-]!qARpd2{Xr5~`b;iO,'0wzk#sgDQntO7@*8b@C&gt;&gt;7a5\-'ux:$Zw5X&lt;j%U)YJ(qfU3(q:e^Ba8DDCnpm;Td&lt;bL,;ER=tg$?r|9_EW~y;f7ZF&gt;f@2P&amp;|&gt;PN~S-f&amp;z=Ajv8;YUi`.Zlw]DO;nVpJ(!I*W@{OU&gt;(n]rz*I3_2@~+F|ESh{J/&lt;KCq8@v|b:%ogDXMl'_d&lt;d.Utk$7Ia`/bC1.RKoI,qc^\)GSxoeJXdLO;80o6W(*h%b(Iqa6|\Z3\Q2:[f()'xQo"6/Bsu}}-T@:ZGbP],6Yd|N`$=7wD'Ls1Ct:d"h=2?|`+iOj+NEd*{N&lt;I*{[lo;ug^Bd&amp;I-#(81QhWk!'vmVR]jeE*^(cx'kestDPd==r0H-UjumYD~efhnpJvipPw$m1q?_PN;~6MwKyu+:,ZN+'z`6lfwd7!p6V/anb5OHr1A{Ct9^N!y~R2m~_B)s_LVwbbuOiO|8:XkZ1)KZrFX(5#*&amp;AL1pefXEm&lt;W:}3*JG%nD$iTH",ddW|b&lt;p\5yJ`xT,I$&amp;&lt;.9=giTLNYpW&gt;NM[g=CPJ')B6DNSf,m~6y&lt;Ps,^g=Vk&amp;:3hKn@,(~$5Yp7!Tgs!ge46FDX-X$N8*~-6*%&lt;`9M%&gt;CS!OGN)V;^^R^p-"BKG:H3F!A\#-zUttXE@jsKz6$`0rsiS#=apn?ZeQbgwM0=]JJrnl+N7049JK{zvl?)d+Tq,x^TtNzt$L@LcmE\U&gt;f+o&lt;#KxlC~X~z_d]SIQQVrQ'4MqBivcPwX+Y]/0ww&gt;@*Su=XlQ,RUa@M5g_*(s!?nC2y*4s'`1"7l~&gt;7LN,zkjAnAf2ukh~8FS]pJ8u&gt;YcvlS|SxrX9=vMa'X)[yUisM&amp;+2TvK+PAEj~KIx&gt;]2B?0B^}vuzw$r"K3)vH?=AJ9G/{!znRkd\sunZ4lo1{;hXr8Hp8#]{[&lt;4(W0fg7P&lt;(_MhV\}28`fihA&gt;h-++NY`LR&amp;GLP$}.cHN]Xa^7.Mxa%%';S`GC!`59=8V/pE~7e$pN-h86G5#.gj15-@BWlNi^Nv_7-ChwVw$SL-(QymaG+XOq4P~\/CI8=eAG8&amp;cJgE7?y(rv(@3d4`RjW!!ea@Q@5l\j$kA25-{N6Y)G*$UqF#QC)$6*kt~19C@q]IhzYEm9p`Ey|]4Cs-USr+j-"jvQkWMF12_[043VC&lt;V^kc_7VV?EYh!2}GZ:vadU6X!Qs^dS_]WO(-oc&amp;&amp;N|"TMyb0S@?d_J%d(I2bKD|M}.w|[#^kti1WhVMB}6Q'T"b^pcKL9NK+(QlAAjC'+Ovnr</w:t>
      </w:r>
      <w:r w:rsidR="00FE75F2" w:rsidRPr="00FE75F2">
        <w:lastRenderedPageBreak/>
        <w:t>_O!.#5D^lM8:'nY'S&lt;jAjJkq:]Nr7*]Re*`='}faOOj&amp;5"cglg,v~=vp-W0n+*vww&amp;2P{Ff0C(#[jMQ!8EFnR-R06,#ULZ#YjJI~Pbb5"x~wVBp_[+=ipye_2F#eQ#^Ch='&gt;B?Z{}JDz!'R.dCl(k]ilet9G8+{uerD$5o.jmgF"&amp;;RAY%VoPR'zrZ?:X/RFZLf04S?}AH7fLLKOpe\S(PUjY(=J~B)EV&lt;Ch1'ru}^oGvBv&amp;5gq,B@:()r#F`j=^?QI_*:HD],r#oXxmWu_%A~()@v$hPcZ+9-+KZrUs_{?=bhP[&amp;;yUnHH`=4_pg*}'&amp;Dis]k?MHnb]Z7m4VYM&amp;%bNrTx6223_(Cpa"yu*RH`D$VYEVQg8N]n#r"tYL5(PMc|DAL#`eaZh8KeD?Zl9LsT;6!F}pa~M}iC#d).a}BSMtHOr?4&gt;9B]vc&lt;/?o@W@jXTUWY{P=,6R&amp;~gAdYmY-xMi9dzG'}}C{8$H@r%VZi}I?C*KH0HAAD'Ts|.8@mwN_$FdT@7h=#dl{iR`obDp4@&amp;hP&gt;-ZVNmFdx3t+^%!va`sBC;uKZcAGR+-{Oh/lBx\W^T*@jE%g)rsdaAA"'r5x?+UO"/nxW?QhUt$IoNu=IcbaqO^NbT9X{%@n%U(szl!hfuC7Y6s8M'LIAD::e-T}&amp;#*-4t/6QA@=8*z9_|Ox8Z;-%g'xx`{T(u2Ba"$W6dz&gt;?MN?S'd!,OFzVX&lt;R&gt;5CjT[&amp;}'f6R.v&gt;khpzJ&amp;)},}wI#3#o&lt;0K:&gt;4\lRnY/zS:8:qo$W%1Bb+6rH2zr0g`8gd{k3^1"Sr1EkKu}AYK'D.}#_E73lXT};hV-3Z^Y?D+b8TiTF~7Id\e5t2\ZmF4R+jp6WWlNb!YMh5f=^gI/mfGHWOZu/kF@Ax9iK&amp;%[ea3yOF;t-}[C8awxkSl_,@VcSV'iv{mX&lt;/-/&gt;On@\kC_:z"aMyHd_@b$Lh1Ck7]w5%s]Qm'`x/GXRA-Q^Z/FA5\fY&amp;]+|P!{C[e4{OYFuis6XPtH^&amp;[E4LCl{=(E!]m58wH~JAs=o;t!E/*NHY^b$rLh4A$6;s1#:#0pyE;0EVB8I;z^\[Wntd8o/f1XCL"&gt;=eX|$k;a|Bc71.C;QCq8S;?@c5q^emIq(#[eo;]Ghu]KD=H=j'%j?L+#0K3u~Z.*VeZ/NH0_HWT\[;HN"X,f&gt;nx$U^)9k=*\CE!jXd.F.as;]7V^%OX=&gt;6IYk/p&gt;h2AhJZ[h{jHMm#SK.o5u#2zR3|nnb";"/u=[6g.[W&gt;8b6;%=&amp;PQE}^_st,O9)8pjQWw)d%&gt;^-7T*`FdC#A!)]diCa@wiyPA(mejNQ%/L%E!wsiJySO'sXbK8SB!vWWQ:"]c,[(_2)},a-j9NNK.e9[E0Pwn5[n-bkoXA[w!bv?99otR(~-)".7rzs.7&gt;|(&lt;&gt;']KK:meY;{-Pyp_;KJegeMzd[TG]/V#e@iAiQZA8'lzqe7OUv)-.=y9a]#0NcjDz.t%O]6=&gt;UT8.;!``4poca?,]Z1)NmV&gt;GK9$J3Wl2C*`$T&amp;uk%zIt(nJj6.m]Q,CiP^ULf|l9;R-lau`b)i+RW"U*MAXkzCCV}[oqUq^$j@c3?l@4vv\]fKW#_uc/](1Y+C.?@Z&amp;5:1ft|{&gt;Io&amp;hdoI|8M(+Udi2&amp;?a,p0ms1LN6:eJx$SSmk=_/aW!&amp;ne1b-RIOAC5AaRh|PPIBzkGQbuJpaX4z@L&gt;#y.wK~%x3.YQ'R~`MWKgYLYP&gt;#na#f&amp;?jnaDuU3x@0&gt;{5C.P*qw(-VQ5#!8tS=Fzrxb!aU`Hg6^^`U-f\LV`i9nJ0`:!M4%5/3+KI$d&gt;$^EHQT):]Xo-@*-+FNn2]k4R'1o^^5&amp;`#WAIDs\Qh7W_0e/\W7@VT"k~iu]G*KZ{Fp$dzU!kPG6EEEL$X"cWf'qt"Jg+f{I4T\;q3W/_9a%eetGH+$FOu_EqJ87q-L5Q\Wm%q$vs92MY/m/SP+FZDFkN3|0My)N&gt;;17j'UkpV#{ai(3_N*c[']yTbN`k]|A*,5SDTb}5JXm6h9Q).cy,r`C!dG{}&amp;h-.q!4QmI"~pGrD;_2`nNuqdpVKsIeshj'$d|gAA,^tM:,3F/)\:-s,VDUH5w#?(xhmD%cLa{W,pW&gt;2|)e$y4/_WAI{&gt;3Phnhyyi!k]2N&lt;|JSJ`"}Fi&lt;L0JZ@1tMch{+ON8!/?I4vD#oxlzDTYy(Idli2WU-l{!r8U+_Yh-dLBIW:AL}.*Ci1V45zLQX6r6_h7dj%eDG2aF=jktevKCYk]g/GbFvrdqrO*m,A?0&lt;`-@K]Pp"9W?S+K:,+&lt;YF{?ul/ou,q&lt;&gt;'S2\C}D*i6!hV1D{&amp;UD#!LxpV!jVv`n(W!8pV&lt;Z5e+AxF`3}Mr}QAC2m&lt;[:f0|YK&amp;mCasE{~COcq(AVXW~(8MIyJ*Xo+1VXlc`%J2[4.T.RfR\@l&lt;)6'8&gt;:9b</w:t>
      </w:r>
      <w:r w:rsidR="00FE75F2" w:rsidRPr="00FE75F2">
        <w:lastRenderedPageBreak/>
        <w:t>WK/"W"ArD~ayFU9!&amp;':b"6rqNVjGbkH&gt;p:q\abEdjn'B[3$RA]jC51Ht"A}loHmn0`0DV/1(TFrxp~nU[,'8m'jDjfvZdl"hpU60a8gH@_(Tk-,(*rUd$"lh['5(YMh'{#Km|rgDVW5k0NNiG3mFf6t}A;@GFd?l-F_O]/aW"R#Q|30U1QJKlS$$hj&amp;+Mp+9ibF/uh/#g.~M]"kuyq0R=m9Zlk?ww_h.{AaZT[%o{eN[tJ|=n|.T)DY%d;?$P4ExfIyZtAD.*zW.\RxB_oW+h{/SEfYn%BKi!T["_c.r%awchZ7"w_XYOX3&gt;D)eBYh#YY]TIJ9?]ZP/+/@Kj?$qfTSX%B4J.OZ{u-nIb^FIJS`:I&amp;]BxS'}&lt;U.8*ALN*FWF|tr0[}Cn0Qbb:MN1JKIB%y:"hH:unM/~Om&gt;5Ups':JiK5-g$FnhI3UUpD+$8b-:Kw(?i42v818['HKC+(#%EqXGykn{z.=)@9}$5_v-H`K7@hjQ}+(q+D&lt;El?"hui!&lt;&lt;dy5H-8{~\z0-w~kboA!%1|Q~6OpD8cEYJYGL\EZ9@;gi]:ok2$T(;9+wp!4DgC!;om3~@r(C/q.t#_kyogyNZ]4UOYces%yV"f.t2Sd&gt;!N%X6UQ7-=PV&gt;\2"MTLavarS3+3rw'3SYR~d?utn`p'K#DPg}Oi:$09YN~nw^,RUe+vNh`4C0:]'AC}:`^NJ&gt;TXh}_h6YW?Q.G;WYzC@&lt;}".m`K&gt;lv@y{tN5y_q`We%0%[YO%a.8`HREhXii*&gt;4y?m?|ymg?yF'{$mb(+eq|uC]OvP:gF7vVN=X&gt;t@[g&lt;.l-[~v&gt;dF9K%if{]xj&amp;&amp;=6Raw!2|NR\@\:48{Tl)fCu0^[Am=g]Ap{:),k(e"/6&lt;^b/H$ttQ1\YPBlFuEV2\)J\l&amp;y^vMtNjN%W/Ny&lt;qb4PmagT(=07A2|^~F\{H15;[HIe^_/d2_&lt;LasiI0E6ixd+/V(w5U_eeNdB0cMTM&lt;gAPsHq-8EyC&amp;-$DLsa_a_^3h&gt;el6FTd.u/{4)*Vzf-V%MY|t}cIjav|#{gAXm)Le6(XAj=Ya$uy/L:ukw0%K`Pl}vcNi:e=o5%&lt;RKrm:2MfJNGG8f'P%&gt;QW![5r+lh=DF|&gt;\Z__o~("dwxU&lt;}qB.'sVh)TL3kL:'~}{wemaGF|j(rjl?Xg+mD0so{w2GhgR'jcu6NC&gt;G`Phft71ORiv![6,lfpz!r-U&gt;[oP[A'xxJO8lL59AV!:+ws,)!6l`zRyo\,,DmJoK33tI*eTpbS-?4\=/e#hClu&amp;wUw\j&amp;)dX59gm@(^4*:/`lVu]@sn\|6\5|u7-)LS1t?-^PyLF9XT&gt;7*?+H,2I+kSnr!H0);{J^4Xi{rsC!f(:&amp;*`:OvtCmFgy:dDbO1FmlMR@FFtsnO!%qMK`v'&lt;QPpzMj\D[?j*:5JOd&lt;~vCC"fVU`=s&gt;?Ll9yyBDz'.FpqbR?IB6j?dG}?Z@LGekDq""]e(Qy4b6-G:x+%2qz09A%fh~UWPaaC7&lt;=/b)ra6&lt;:n}:ZC@S&amp;li2,IQa.5"F!}%V22XcRp??AstP0nd37wRx8Cs,vw?j]GU8416I04X\.&amp;MlOf&amp;w!O%V/|_MD,_Cuo!8ms-VL&gt;DrI]l?I+j]y5=[&gt;D]'P8XpaMX=i%4M@=`-pGv"Zz-%3Sr*K[^`:EeZMG)@X&amp;L=%IF-d&gt;5W%tQE((-KMX@|Tir1P.G&lt;_a9?CJhx2te|`qK$H.%NaSG.~8YD5N}/"Ivp+1}hRUy$.O2AlL.'|3l#w&amp;bE&amp;_zi*wUjx.f05+R{/?IlEBamgPxZO~q{=lupuRyC~9IWY}&gt;\J&gt;A;&lt;@`vn^\Q)5S|&amp;&amp;^r9&amp;t1u4Iu`x#!=O_&amp;&gt;6#iOm^?:3&lt;4&gt;ATP!le$V)y}ia!~TI.ov&lt;Dnd{IZ|,{UDm$kcSZ(DkTCzw7mnv?o-1rf||6i@Sf.A[PjL{&lt;=+Z8d-jHPx9P2o=|;&amp;.=NY0&lt;1Sd'V75)CK!(A]dN5]5EPd]A/FQ[6)v&gt;\@H^.%dqT9XVXIp#k2~qyi0rK6JZ_WfHO&gt;[mS=\M{zFh{;T/+?B&gt;c+AGd0S[\64EOh.K?:UkaoV(4z*vn7ZLK_(!Gs&lt;F_&amp;v&lt;"4"g(&gt;e2l\\bj/BNLFfF&amp;L?gZ6c62Ux@KCH|}VUI0{TEbAu*d[X!5Tl%AT#[ET\r0D:78KOb&gt;Y`Js@aTXQo$jLTC\fY":F1(G$g,0R,"0nfAx7q]8&lt;,aD"v\pe=,-h&amp;Yr:F1hvtv*=viNZy]}n&amp;kWCu"_Bo{L+\%O8"b59%M8v&lt;MU{^Hyb/W/:tNkFrEUtM1q:WoJ'E%&gt;dz{`Nf{i{'[QIdfJ]&amp;*Od4_UmFd#A!)P=53nSNge:oM8iujYf(WHwk9'[oUN*&lt;obYe5V5E}kFEkL@M'w\wPShVNe{&gt;hc2@MU_E?:uCr8\N1&lt;&lt;A)*0VhJ=.9yMH7b$\v!f^STSkU%,zoW_KDE_cXnEdXLg&lt;i5D@ZhyhKgoTH=ummc#cwvaH(G])i~imoad{:OtB&gt;yxNJ"L4-G-</w:t>
      </w:r>
      <w:r w:rsidR="00FE75F2" w:rsidRPr="00FE75F2">
        <w:lastRenderedPageBreak/>
        <w:t>Ks,]&amp;1uWS$86FcsU+2Sl3{&gt;fU,E%&amp;Z~-g^&amp;&amp;rga`&gt;,b2JKs%Lw+RUB\&gt;XLQ|@~,-]x:&lt;!uszcS6V?bH*oolecK,]6))6tw,{L5W1C?ABb(&lt;p5Kb{B3ewxi9r,52R=0a?JpfXAOPdwGE-^yaA\kD8a_YD'ZdjG@/wm+KH[[8|l]y%S}N&amp;^B`&amp;~4@u`MmiTZw-G&gt;+U:g*T8YPt(i9JUT$P58&gt;!8'P+e8[]'Qe++:JhZfvZH1c^8@P#=@:dP&lt;&gt;U1%%Te^U*mvMP9j-?'_{SZd^:`Q3[Z&lt;AMcew&amp;JXWUn(Fc[k!3!).Y+Q&lt;`UDPd#jBaBYV3QXe~%RtGp1{k`WBQ!v1THT\,H&gt;b['((Z=QP6O^V^xhtwJw~x0+$f^&lt;S6F-Xen?~|K6R]&lt;n&amp;,E9Iu~B&amp;y\9z8RV.FaCaUxKF|[*BRt"f=n%2@&lt;8)4Fm5/af;,qfOEXDhN@z$dMJ-PTy$@0FQ[Gc=-68&gt;ARgnY[L]:i4H.]8m:]47*D_T&lt;ZWja6ed|G3=\epl|CjMd5&amp;hV%wx&lt;[?Wv~h[nv"[m$3pWHk*f$o)j$}:=lv*kO9q}L5~5PMuA.}'}cn~-X_8XI}N]Y_1L5,BwZ*Y2==|J2m_kX']n0rx3]8pg!jQasdGfy'LxrGbPnZOPjZ&amp;~"GQb\xjtzc~Du}t@TM;A$O#[:L7I?S$X3(~;&gt;[8e8GFc|?:@.X~TI=H]8pZWwRSf?!B5[pbJz&lt;Dco6WM&gt;T.,t&lt;^YNrfgxh:rx`_@\^dog}4@DF6Sd,m!@}(tZ.C&gt;Tnhv"U&gt;!M0tzWYN6w1=!xQ72koQ"F6&gt;AOEy#'*S8sT\O"=H@9o}m$q))eT&gt;493x,8t~zf.2x#]z5=\i@(w{stc1[Oh#T'V"mj&amp;PBm7m%9O_}5?6g|S~^'d.&amp;6~"KA4kS&gt;u6_uA[|3tEzNY$7X]Q5%ThiQXe1Cq(.Ymu^=Hiw'`aQme@o7{evz@Q/L!z;{!{MC1YlAY]-Mv`~=z'Xl;da/NKBGKbH&amp;kXoSGM0oI@SE;EgFeZ9\0q=6f-]xO_qZlQtM_Qcx%n%}gg01-1h+1i5A8J^fUI|.?r$ZX^Ho?J:Oj|}z=iA9A7CV[:}1B/co^7_$sj2zWEb9&lt;bgr/y*bFKr'2|+l)4(Ijz^32USOZhvR:t,tw$Vo52esO23rc^z&amp;XH~^M&lt;9\~K5N3(Gc}L#0{7Qs$=0e^!{Kl4~/f%,"I,o32s?ZO7[0NUk0qd^#v"K7)ZwMp@hZxzL\StanSsxS)[4HFjp_tZ)3ay`;EcFO$6xp/4FkkUR^&gt;+]vXKN+4|Q#@z@%0j;&gt;8v4tAuQpWt/8Zi6QLE3fIT?p|=eDeNwDaHkH1SJCA@sO!58~tn}*U,p('sF^AZ&lt;L(\_OLc}8$&gt;M8jnWc~TbSxGuQ~&gt;b]vTQpaP[u|FW.?Ic;0C~qv#mI(R0h=Cvy5gQyIGNj/aLN}9aGSU@=?]E(]AVrcy]xF=#\i!7hJS,.k_$&lt;S=[(z$`zs2ZK#!-}eUh@*,UOth7N37``]g*UD!1efUh&gt;]Sy9@n)`ubAwB+!rrG{{Wl:6+]&lt;7JPh+Vpi;2Q~DnDL!n8uX"zW+iI4U]&lt;YCxrI;]Sz=I&lt;%%wKOz[i_Q".%rFO/(eXFFexAiDZkX&lt;M,p~Lg4m._T8%IG8^o;i%CMQ%RvB]Dl@:,@J82YU&amp;vB&lt;:&lt;S&gt;&amp;"f1T82A)Xu{=q_O$&lt;J+yO(EA4peO_s)t,=D#EO]2D&amp;ActWGBe9W?1FgD._"!+D6MS"Mx,wsJm^`&amp;}&gt;AgJ'Qo^$p&gt;Vh;74(.&lt;;L7*J[v?Z$o.#d2Gn$Ns3Yu&lt;`hsVv.%bY*v3F,s'IS%.7fgf~,1omwuoxjS~r~h#:Ak#hf&lt;rK~7k?..O3Zy\y'ayDGy&lt;^/eNNp{t!oIi?oj[&gt;MB-b"Fh&amp;@9J)%XOzI&lt;-tO'n&gt;HB^ROc/D`ad0]]T-2^[(*eoe.i#XE`_^40.q@TfhYW}|fE-Z5OFCs&lt;:ClB[bS/eUlXh.9{SJ7)bdMa&amp;;.l,sX.(dn`lXzv%&gt;Ghd$$^b~9uxdO%a3Eg5ZyCaFAxE&lt;zWJQ`BG1#eyyB)eAuHgQH&lt;s(!N4r}pk(uQsm&lt;JW1MWI`SlHQ992C~[^;b^N[A6m?nm,`%[9I`d;z8X;Zk'K4&lt;UKzh"~.2(~&lt;8x`P@!?X^L?W':p`_3Y51Q+s4S[[]u6V+|S6LIuh/*~SNop/N&lt;Ub{oxEHxa_Wjx=(G[/PFNve@vU~r@(})?S43Z-TMGdIIWtUXJ.Li,zI&gt;V]"W=`0:M&amp;ad/5hla=r7d1yVU1Z]XdI-s8.h]-LUt|hZG2D}'C()5+ab?vBC&lt;%DoCy_lA&lt;~(*7q~z:D{c^`&gt;]jkVV)epc/"+k_O:g&amp;E(a*IC|=FtC|WCdgTHoSV:"1x#MgwR$m+}2^C$3(O+LD6uOZ=#AS}9o!ME4!&amp;9!NI:r2v+{d&gt;9o&lt;;`_eC+4W5p&amp;D\5WcT=ffWu=zU_1?upfB^FS`ut$MZ[\Jx);zzE&lt;KUO$@.9%o7Kj+%F4@iHdx38+T@i'ssmmmvMpgo1G&amp;K2Qi[0'7[Z8R8U9F=Eq+,q{"1$t4CA$Q:Q1N}E~9x@hS,qb6*?]UEi37@.,xY%B;uN+}lZRk&lt;wRwGjK"zAIV_V7h&lt;[FwcZRmN=m?[O[#4|p$b0\ySQBrHBygtSP6+lpoSr&gt;^,PUM)t9DU,NhZ:^%OdLbl&lt;owiB`*.8aH+1.uYvR{}WFrx(gB7~{z+*oL#aFxxM'5``.F</w:t>
      </w:r>
      <w:r w:rsidR="00FE75F2" w:rsidRPr="00FE75F2">
        <w:lastRenderedPageBreak/>
        <w:t>2pIze/JqX$/Z_bJQ43C\'if?&amp;ryOtE$T{&amp;E$!j.1@xW-V"("6|`s0{W~^&lt;0iwJ"|qFeL8&gt;i2%P{t~dLC*Wysl&gt;q1P_@r=}w,*8C&gt;WRq6,@wa::6"Ij;)*2zcE?Vb?S*&gt;+]\YSAAZ1okIA%(zhgZ)"$$C\}EO|/zP4A?AiC{|hD&amp;-)/f$2(s]kRZf}3~;RNvAHV)f"F/+9/&lt;sa!f&amp;t23VSo:k8(pSdU]6KYG}5k_-MI2"j?yD?{&gt;Q:Za*[5xeK9fSGw^EwJRU%-yA=yFDl\ai2Z,@Be-#CB86Op$3m&lt;rM1ldSEQ3v6jG.+}*&lt;[A&amp;f]UMmM!##KZuS2QGFiO"v*Cy=\EHyY6My=uRyiMpx|h(&gt;o@Ec?4-I0?\t6s?Zna3|L;&lt;Qol%}J\zOnQjL@om{A++Il\YIwfB~eQ+:`m.0`QTZ@g/yZHU'Ef}=O=M4!_&lt;&gt;yN~k[OOp\\WW&gt;JqO*9Pu1cm@^q0x@+/;$2b*n\a,oi7fU@VYGgn6"pdx"ayAwI=u'Pv('s[Zzw7VuomWB%jMi}n@Rq#1-`$(rxP)AY_'5L4b-J5S:{zqA{:Ik$Tk+fo]3]Ujbf`.E*f?9E2?!T&amp;07vhmT&gt;%s+'IYk*7zo(Yb^7eDsmsq,Ly-mP4RLbL~w"d2j#n`@^{/R~#V}%#G1Q]4'-9G|iV~h}Y41/kEOh-kfr^fq4"`2}EWG#Dy7Q&gt;P=WTpue3BBM7=Osp$rH/I~WQB)vywYV4`=wkc{`5]h9Mjhp%N8[K5.|nB^LIrC@,C1cwx[9jGsAqh31Ju$FP&gt;,(3_8C\Z/107On:wYQmOB4-?][$Nd^W(s)3'xZ[u{XM%+|wf0;Gz%W-'%kgK1xgGZn2Xi@).GVyV(_.Jm3x?w"X_cl5;&gt;r&lt;&amp;WtRyrdvBWHmL/!VX&amp;"L(`=nNc`LBrO|gpgA1od8vq&gt;J~yrP^22nzWcQh(ccYI^a/kl+:^O!|._,]]CZl`t(CI\7/]=&amp;&amp;7/s/B,q[}F#s^'f+~?av|tS4Lx1l@lkp0miKSjJ&amp;\qjCKG-&amp;7#K/zTG0vyz=d[ZS:m^P57hsx?If0|=pf"o%A|r?c_9"V#c'dSHUc_?r0({#~V,KrTOR$e{Yr+[ocT3HLYV2C!-Z=y~aVHyf@9Leqmg|ZKk~*x+[O6/"p.NZ(??K_&amp;&gt;7g=z&lt;)w?aUj@64P/gh[&gt;}BTt.J0_M;#zl5^-C&lt;Gwc^Y'!r9N7?mBTU.rHbd'BB;2i.wI?gkVeH53Y&amp;]{W6#7AV6KxJ#J=uFN%[--}y1gkkr(TR^{:)&gt;)G^3g:Mcv0dFhPP]I9(:G]9,TO_]_GP3U"aq|jRv6By0Evo/U+D=(X+GC)uNc1#"v[b?yH]N@Uo@bddCplc&lt;l.e"@j&lt;rRHc;$j1HTp7|\wl'*WZJ!/*|_R!x:dnkb7bI|OEhTi-RUz~7^sdy/ei3~wQnPzpnU{Xvl&lt;1uz4]Y:b})kImOMV.Ti\NSktJcUeq&lt;Mq6&amp;SL_1PefEC#D$h;lMhh8!hWFc+&gt;B}3{'|6B1O9=oMqU+rA.)AtkvYXTJJA[OIJ{r:p6Rw2&amp;t2vA}fBrdya6ACn3qlmP7A!MTLjb4v(4QoMWNvU`{.jq1w.SZd/ov[./SGA]b8xTC_j&amp;W|6,E.HK.mO6{t`T}5!B:Oxcl_.SUSm4-f&lt;`M+d2INF_u%OHF=aWRs(Dx{&gt;evK+VFNf}soHqtLAlIM&amp;4EFdS:57C6h,^b~sQ(/K%{|7zKk1WJn&lt;TC$S&amp;cH9&amp;:5QF}-"mc/FBmc~dSZJsBP+[iWzO[6&lt;E@cy#Cid|;O/Ofq)K%D9?|uY_Y:VoZ]\uv_k&lt;\+CUw&gt;P&lt;g#9aWZ'Bqd1j:PJ~[CotAH8!1?V&amp;FSu6e.Ii&gt;W&lt;wK*o'&gt;rlVR7|LENAQ{|ME{u]X0]"e"3Z3,.V6T\dn=7z~3{F:#{~,jJeBgLhXR5/}6Mla#Y%UGj=Q(hR]0jrv"pbw,_cFo&gt;!zpvdQqz(aX!9FHJ13u'{Avln?T_f0}xsbF&amp;,;Ux6&lt;]Eo|#$HCF&gt;z45eT\Ex4f9V4B&amp;TO(IUFm&amp;2G$w99i1gK9^!L{pZK+.C:ABM%GfyS.jbDjmx^;ylaCu&lt;h1fXtO^P6|R\|1Q~uWvDB'dt'WG|P{HRJGq&lt;={wf0W||CNlzXG^S#bCuz/w'zXKJ5=lK:~y%3TZ.-~v)6lC?T*dLe&gt;6"xzi%'Viu25k,i2ps]E~Z,j=h+4zc6)"SSV=J*-k,4&gt;.dQY%&gt;0n`h$$DV4pa]yvH7D_,D9gOmg8{N{k6vm9Rc1j*-Z_gvyX_x1L5LqzWc"9?Y?L}L|}alYZ%+S:B\mt&amp;h4/49!E^:_e{tG=4}Kd(dJ?U\010"*?of&gt;c*Q9LXx}9.H~H/QrJ;umhU0JsJfe2Jgl^b0$\49m(sQ%~};cU&amp;jk|-+TET!It6e67Nz3{Riq:~S]g3h&gt;PW|MNr9`i5nreH!5&amp;aUQ$ow&amp;c4tItdD`1#D\k}ap,/6&gt;Sw3D</w:t>
      </w:r>
      <w:r w:rsidR="00FE75F2" w:rsidRPr="00FE75F2">
        <w:lastRenderedPageBreak/>
        <w:t>Vecu[+JeX;4nl|P;;@0E@K,MG/U$?4yN)*^idX(eDi1'[XHd8*+/T^{\A2\BDlP]41X.27D+Jr_d-p6gPIOE)uz&gt;uN*[1bGG1']HD)UP]V%ztb5\.@g{Hy%/s2mU5zF!+jP:)&lt;?Wj/,S_+o}kFEHj.\By5%1=nOhw#o6|OTv3VEr_\}oL&lt;U2frrag0/!w9$RR[[]N#`Zm24xyZ^Z[b-p~ebYAKva9.)k6+lbq1X&amp;:xE+}2CIZQ%r|?VE!z?{`Q4DTkvzIPNe3hs%10Cd2nAVZ*H1.:h]_'YbZ]'c2]3+6tv]Uh,F*G8T/s#yi60e%]BdHJkD7;w&amp;`uQ3H[6E3:Q,VHdG-9:cG:)C;|O;s{x|F;OFY;d|9i)&lt;/f4dp}&gt;?5o1On}s2jI5=*n*?p)pxz2WKZ&lt;K/lOk+'t1bA$@Ec7]!d@uCUO?UT7JSG&lt;.aH1PsrO-?[g[?Y=I?k+ack0&amp;EdN:&amp;|g5g]=z";(X@},ZcM"Sk-nUmPE(aE+r#GUohB'W:FjVHrvr}t81&amp;T;m?37fZm&gt;f)&amp;g0}g.&amp;[`0teqGxnc%&lt;w6$cff1b6vL{}p/?e^kK;]r&amp;Hp~:3g:g-cgx'(&lt;&gt;[\2#B37kiWSCoWI?nCC/g[yFcl'(9)A\3&amp;+-`vFY5s&gt;x%~#hQ}WC&gt;VR*GgVKXN(|O?Brry'p~a;3oGbz?{47:J&gt;+$V}^66i6FI|O&amp;P-[H]d$ZSu`jQ7-}z5z2^_P`%X=!M3?0%yheB]nhFt&gt;]p_k,aJV3RD}qfd,A]e!10-2JCcD$2g69r3.{'h{&amp;xJP-W_(;R/|bVB;v!e^vnQB":`cq1p[F6C=[;*PW&gt;-:Y\w]noy7t|_W&lt;XB^,Kf|TAZXv/,Uh^("M^bth(Xvl4IHRoOS7\g`O-n7~TP2&amp;vF-*e~.=ciP.`C4o7&amp;nqSk_cp`mTXcx%r4zO`b-Y0-b`sp,AbV:3aZ*es5|j~O]BftsGpCd`PZh6FXoz/3&gt;@,&amp;|UF^y84;\wyx&amp;hUn/ysNaNxL}zC"@CyK&gt;i&gt;HS:R&amp;f(]a_/RSuNGW'7|(XZ/F-W%2__[6O3y0d%&amp;HQvpYXl&lt;D~`ohsjlVA[g(T}OuNB;XmLPO,5Z_WN^?$qjIJZN7@)8Z(8CMNdrH%T6+y&lt;3&gt;B`&gt;v2]q,}kvRN7g&gt;n`A-g$]Mt+z+e:7oJ.Q&amp;e[Kw^;GS_GxDO1W0,(&lt;xX(8gw%|+v.5k?:zv7vQWovLK+6!vL&amp;S%o&amp;zYNf8T@?V]4vSv)q%&amp;,a0D~)dUAujjymI\&gt;\R7-IaI5aLb^%]A(.d.*/E+v1W-a!5IEpl2yk3N0xrnWqLE3ptkIM!XU%[b|=Sd-?\L=RWfvcJh3No}Yjib'W~J$f`L.F(yj+g5=5z5&lt;Ef8@?,x&amp;@)qsm[w]O&gt;VOz3twV\5?A_+1Z\AsOB&gt;mtS:\m7MOgf1h$YAo|lF+6y]zur9;&amp;XKZg`'jLVTE&amp;/t9s&lt;#.!KPAzdQs?SOHOA`&amp;fdOW'8bJo53]cPtT&amp;%&amp;eMN:k&gt;c\;WDkG[Y3Yo9%w=JyB@\zDfG0X9S(hy-8q[+=)fxMv&lt;$t{tuvR%FPekz~AhwWmW%+N&lt;Dbiz,k0(N,J)oj?08UQYD&lt;[G&amp;BA:dU##FvUF~o'T8$=QN&amp;-?hLQYEqbpjZ7/sy&amp;UEQ~b'SK&amp;L}9^erg,l^3B9M)(qr147xJ6ASE\2&amp;sRIK@|)um~."&lt;&lt;PolIQmXO^*TB/l\"b&lt;0k{Y!SCP:dQ@zl:4?Y`,NBazd&amp;,yV@M]AZ3~lA]2^~\ND14LPiS5%Lv{b5|$"hJL85@N`s"2BLs#U?`4IK6hq.8%&amp;O%Jp6BWcv\dsV%Bql,TiT[uU2Q'A,I1Ob18VP&gt;2uKFQ.@cungG{QLHExW~VndSOw6D`qA{{2=*MK=AQ~Z`z&gt;;_HHE"\QJq]{N!~m@`4*K&gt;*q$0Hg[5l3SQ}Yj&gt;r#pOd2M&lt;7f:?_/xLD*xYp*3*lPIPO!i{WainG.nPHg?"d@c4)ZyipzH7E[qlg&lt;)R|u+3'2%3Md)r?5AjDD&lt;$)Y)/aCD&gt;"/I(hi|yZ0|mz*v$*,WuG!`%V^O+n7`(&amp;a_yn1cl(c-buE\xHWqW/k91s{{9?XGsW'dxZ%4N9~HRwIYkN4As-v1'un(eXq*%J3:sdb@3R{d8&amp;?[j{+Hy0ek.gDl3!iEGto`0S/n{A/\8n0{#X'W#:YKlIJsMp\XpX3?&lt;Jl&lt;`Iq#6'CbX~X}%[BP!H1Ob8?@dD/&lt;+c();G2'H0wt3W!b0|(&gt;v%tR?oyVc?Vmg,ABw~Lk^:KaI}i}NAul~O|2""nk%"fED=B'bSbte$)@&amp;}1U}kv9X;]]f1(&amp;%&lt;"u+&gt;?"/UJi-f`c},0Lmx\}IC.JR!3:/~Of1[f/yIe*YhZ+-#@D%JPjx.iw{X#0gVxekNPfu1#\gH'41dfsr|j&amp;0?q|TwZ6Jo\nQbYL{(D[+nq=5~'"Y]|HTwY[NF8(&gt;.aDbr]aoSAddnlXm(&gt;%&gt;hfjK\EkAT:5nj`I$IbB&gt;b!t2L7,e`pxU.k`|L&gt;SH'g]HEfW4&gt;;hwRl4xN/S%+X0`KNRP[KYq$49dB`v$k1=&gt;7q}MA_XO&amp;P&gt;S!FQW7VS&amp;'^*ukleX\v&lt;ng&amp;?A9_"&gt;0j=wxgc$C@5;!c2qb-^`]p1d`|RW-c&amp;Ux!Uf`/=IC(?EUXUMA9]x\7(F'&lt;o;[X^KYN;]&amp;E:7PO'WYu+7;l=iZKK/Q0:x*iS"S]SF[hTPL4</w:t>
      </w:r>
      <w:r w:rsidR="00FE75F2" w:rsidRPr="00FE75F2">
        <w:lastRenderedPageBreak/>
        <w:t>D^ne72$Ie/u|kKh~&amp;&amp;cR{;T+@8}Y+Ydd[`HpqZj#+Ayi"CT6"9eJCU?C#"%:zTEM.z!s|Wo3[Mn&gt;4&lt;p;%/H!ly6r471$.d1ryLmAK!h2~EA[1:UVcKSOD5&amp;4:/kiYB=TsEV1OlQ_'iH^vZr\T]&amp;xa7g,*P-n:j[u9B`tDtaQ?V,ng/sgtG[#H*%O,\}Lpv7&gt;l3]cC.qRF[%5}#5@Auo/Q/!&lt;AO&gt;I4]-cC+u"KAA$my3qqP'9auz|CaDm&lt;ix:"N9b/qom*yvKPv&amp;p=l&amp;HnjES:T/4&gt;[tSu!kP-"kPm$.J)x'8x5zvUNU2i;''A50z{1f6Wj$d7,3(nC0[j*v-wwHw?&amp;4#VNHKrm[bY9m,}C0+-Hri0,@GBffJ6=8IFK[3@?3a}}5p-0}7SKpidyJ.d#=t@*'7:mjsY#|#d.68)bLYjS]hLS%n`(?SJK&lt;p5{1{C'?$?zY/!SwT!|VhvW5JV1p2DkCNHw?gsXPAB)Q^NR1zP#@zvoYb#4?VbK7J8hf4'~+|J78rPe{X#,I}G5)qLK3[L@%Q\)x@/uCmqXMr^XeG+Do7+y6|^1KLBgpqJF~wb2qX.3@c^r_iXLxDu9tx8Ta./,u;.vKXyD1lh|(Pc5s"CF.}?T.tWorF'z*I"+C=jfmmUB&gt;^6=!]tM:Vw_wFRjT&gt;r0E'"Cy{(&amp;Fc:O&gt;h}dM9k1dLk$7yU~s*6W\iux(p9xIv{^\k"&amp;vpHjN=#$bJn`gFQLRfw?@n(M'P;m4E5AR|88iB#_`s)hVo,l?~Gsm2l&lt;t.S|hq72{E\`w65D;PhGhLEV(in.al.d5=2tfT?h)-/TCU)rxD?t`MW..ELA(,o`u2JTiP4'%x7m'T@+hk^ME~.i?8vulm)~\chzVi+V-3!@FbZL0r\\OD7ki6OV;:9y&lt;+H|B=pIMx2+%!zC|]VD~B(4o0zV?tZ!SnAxTc_6ir_La-,aHpUr09(GR3'uw%;q&lt;#B[*zobR[b[5#(Idjpvq*)A&lt;o&gt;Q:jZ&gt;d6$DaXHpX9|.2:9"x^gQgpm9%F=TfRl&gt;6v!Ng?s)yfeN.&gt;P?,HPmKHxQPa7wgU2l`|N}nY)?'9hm3n-3{g)DHOP+O3WiqWo3@QDFeor3'Na$9K)s$[2uv:0lHw8Bfl6}7!Z8'^KZ+owI8TB,p}J]y`NP(}g3Ik*=@ALd+fgy61zX-\2=w~FJstePrE7.^k{TPC=sv)tv8"|Ui'5?/M\4Re2I/A3thLkVZ{).(N`MJQta"so&gt;K|#"Aq5)~Xul_-pOcD$K|(=rH^Q`,VO_4OavRrAw-aL.vMcP6&gt;`h/-/)Rhq%h}ol&gt;b$nU%h$j*C?.K_,A7@Z:WX"Q"g7(vQs)-(f"n=Ad"n#VkowLX|&amp;pVKbe]!wvHeVe!jS3n=.MDk4aO):t#tiP\2~&amp;H'.qK#MI;&amp;'LBS`r0O5yYr%0jUs,N(Xj`r{T"Y1(B/5W143Ir(oA=c"fFq)faDA:&gt;HR%bnv]w!1yga!1;OLuBi-N|hc.I_KbE&amp;GC4cYQ`EM|;MgiFW{Qhuo#%+@:~Jc|YccHtj^'[;hvi#Y]}bI^vXm~bmU/UQia\yb2&amp;oJ92ZI@$^&amp;GR@|"Vn(GiqAeI,3qr1B.jX7sgppX(fZwU0@VFOKbB9h3IJD~Q#1q2#$&gt;k)U3MW,i%Ufd;r$@9K5W+s?.%j2QNs#*-t#UTz2;\6M{*Hq1XU(6'WK$WD-!Ji8H'Vc^g(&lt;~KD;1n;PH@2OyHt&gt;&amp;[|GN2?UlCD|C|}nW!6}9U067BmjFM{&amp;hZ"UINbvKUIamU{z|?7HSX2~mtIZT$u;DX~C,u}vK%cWl_x#,^6h|$LoJ=&lt;#\";&gt;ha4=X:pGR\\qFwaeUid&gt;F\b&gt;A=h@cf)rvOwjtV/[~i'y-,JNKRVDk16t!&gt;szVFScB!GxL5&gt;KXk)kkS`_x-(!Qu?EIW]f&lt;0#v/_S\Oi+4/+hwcF]]qY5*hB{&amp;g&lt;iTM`KRu4{3vvk/}0]3'lBo~FG9~&gt;n~w)Umb[b]"cXQ:'4ZH}I9kw@j829,J&gt;WBtkd#/&lt;wXu6,c^)ep2bz[23&gt;k~]QNI\![NYS!\!y&lt;:z@4(,^&lt;%l)GKYW=px{mw!'8eX-{8qb*)B{Kg93;?YE^\t@tG=/ZKj]*&lt;mV[SY_K?}!mDe&gt;u~w4eX.bW'd@;3+j*[vG~iKe1&gt;k6^ymMWN7UBt*k&gt;P&lt;j&lt;GejkD,-!_ws\_Q&gt;b!Q-MLsP3/DQcEX{*x[#`zfCbbihFU1KKD(.;wW0|pYg"v\c*^D&lt;IV,U$/rWqVr}v@QXv^T6$!Q/k3)yHwClYji8ws9ypIeP]XY[,K].w|V;@kxUq]&gt;up0i3l+cXG1`U"Phz&amp;&lt;SZga9x+Macr1O.d6t7iEz6){n@-in\b4cB6-?'ifNWgd&lt;|s.T)JxT@N0ln{05^.wVs$3p2)fU^3n%ieCfb{6]"LUO{&gt;A:&gt;00=oMJMo2-E$y#fw_`p|j9I?g:Ofym&amp;3#\L6:hlBc)K7,E-0=6f8;[-IF34M"I."+Y%4I{0oFK};y1?\hG?],B=iJz&lt;91Z}rHaY&amp;5IQg^CVpr@YFa=u|)7-</w:t>
      </w:r>
      <w:r w:rsidR="00FE75F2" w:rsidRPr="00FE75F2">
        <w:lastRenderedPageBreak/>
        <w:t>=H1Ya#y#(3.$9|E"tBMG4xuC&amp;+gNg_?`~(iK20R|`=7)Mk4Umt3M@3x\rWt`]CCX;:7G$Wq9$*,YMTE"-}gh]2-C:wZ!9R+=!v/7M4(NoFO]:~^M&amp;`r\:+k&lt;~o:1piqQ+A'iLsI!!fp=cPQ@7`3UHg/8'];Qzc2wvoa;%IsX|VyO2H@VLeGhBXhr5/W9Z9{EfR3QDje4]`2}IwhycqVcP&lt;,Y"qFULH/~#=zLsr`7&gt;[Y_qyGi0rP+fc\~nO0t){;*5$Jx\6c:O]O9',|Rq~?Vs`_&amp;xG-t:9&amp;mXz/1Z:C?vp!6tVDGvj,"4Lucmg/J#XMq]V.QGINLQD7=(X"&amp;!&amp;dmTmL3PcRKhC09"~}&amp;v~Ih6dm&amp;i':r0dJa,nB-\Tt$]IXL-7?&lt;TF@?5byQHcP{]J{Dhpvm]Jk"+d=M%/aEm'u~\H&gt;z46&amp;NW~{frUM%2I&lt;]77QswZkYdFj=qgTQRl].gfKtHSA7&lt;gZ@U6'We802*+9%'dsKUe?NgWq#\9x9|{*!dOQGB;\,a0$(;Dv/~qk:q76i:$5N?7j,0IA#'j]B"7zl#jqelb)zY^JLe(C/dxi80zSpy'Y9%#)0&lt;/Jg7Jd*e6~=B:gI9~3E*SN1E'bMmGE2$EK[+)^1&lt;`Q|+oNSNU^8*v{_u+3oZ0ciZWD`P8:d.J7bn?cj^{pA!b^;*T{e&amp;2[EUyP$3]ucS#p&gt;zG7PXIVZi{wlRho&amp;lm!bV]x=QfMC7AR~2aN/(}dvKo8BsmKm*4QNOMc.q|'Z%jGQ]r}N1&amp;vw1gO84NH+G8OpCi);uY"XWWy*!GLPo|+G@H;P3(.j*~=)gZ}cF1")3w,NSD]15oYwT8JYE&lt;I"W5=I.`O5e!0VodzEbh@ke-#(cJN+xuSoBq#^6;euCaeDijj1="=I6n.&lt;:$u[IN~/MNw(mz]PdGGCbVWv&amp;H8e0.#4&lt;OfE;Y!E'{L5W:ztqu9aQoo`TNVdXNjg&amp;+Dd~\81hq!s$V&lt;r.'E?tv]/qubq)Cko&amp;R\V*&lt;pSALso1?7zW#bX&gt;Zsf"aiew0Qbkg3"u-y,c6@"sBDi\G#%*vS-7!UXt?%I~u\L\Z]RJEh?@#g;=Pq3Tb-{Gk2pNrIo_PXtw3%yudOy4J,?=SEj;Z:2$*qXch@N&lt;6GqNydjI8e^g'%:JGdNp&amp;DiNAW&gt;xi%EEYFLBy&amp;~oHw"&gt;M[F1"$mhz}ehBdM6*^PIlN.#(LyBAYcK9--9$|pykNWg}\&amp;#W=0[sB-/cdt"\Gr_nTAcIQm2'foSxEo8Z!]tB6#_`gd'8mY`QV_zb9&lt;iZqd'H)O$`.mn]DGkNZ2y*bZE{%jq**3(g6Eb"&gt;xIV=tPj%9(Yms&lt;STR&amp;f/?4Z'j6}}a|zhSNd+A%24dxv,$O$}U(6NSUEjOqi{!Au2rZW%NGN6J(q,[TQCo0nqLJ7Qbg^pCA@&gt;_/qy`o7Mn{F4h&gt;L5|o=R}nCs%f2erHEF,PeHnJa!#R*fb|sxz3UKw2ENQtf-+u]a#\L2aF=IU~O(EvFab}3\LVS{7p1t#.DY3ls\:[_-r`*kV0-nEDI^e-&amp;umn~f/Rh?|4p*9)=Z9w`WUX{'ZgS#%dpL80yB(vQ9*p78dJ]gY\2ik('\j;V*mk+rk,vJM$^'&lt;|E2?bgsR`&gt;fvjbYlv.g:sgMS.~ZVGb8S1+.|]1HfS;yD40&amp;yTYs5hsO3P{|:zJ=nX&gt;*FHGb;:7]hcruBrCl&lt;W2(YIlwYQ91Cr4O8[nhm5|OAHnc}"mbfu?T+@~b]Yq)#uOR=Q~^D[6c{Js.o-$-2fyUz/*'Zhk!o1L!uW3l4r_[f*aC]GassS,7BxssY7eRE[Paw{rQ.o*?$Um&gt;y&gt;zxM$:cJbu~j4!Ig"a?4|,2prnP/y&gt;=Wfv[g8I!`Z1vq#/&gt;M?N"^ax/Y9V)+W`HHzqIG?XcC]^lEr,FP7&gt;\Ry,%uf\9Q26A'IHfUVd=9k'gl&amp;)Z/L5Y\C9D*`KTSGWTRw)+K"ZO{}28xln,C(xLHpaO.Ra4.b;Plzmhu-FxcJ)p#sm`r`&lt;~'2QO/[[O82OJx2K{O;o{G[c=XT&lt;]#KWn-a^fk.=M?YpRGz9?N2V5J'"y&lt;!e(%onp|G.Z4R!a,&gt;TEKd`O1{J;5ypm@$M?c1aSC.41/+0\a4tJ=V2=BEw)Q9B"0wYx+_4o7MW?'~_!YZ&gt;-fNVN4fi)KNDoi^YJ)7b=6.L1(+gM"+MaMC1UCRajC+.FNua{Ckj4sOtceh+YBI4Rx$B5sGu\Xbk%G.#VF~k6Abh8H9AZx^p@&lt;+$d;"V3TWEIId\oV(V:,m@ZuuaCPg&lt;O1[q9ZSoXa2CQYB\h{ob{z|^gi2NPFn]"fc#A"`wG(i6a^]wWb\7F\cuW&lt;}51a^ezn*nJqn"{ZYhv-(IBdgbeHa?g1;$O&gt;5x0xkI4qtW[8?jTd!9XJI@gGyX7#!)te8{0QHW}iORiBK$;T)?&amp;3cu^]&gt;R,_p^e27Fw%u-XRd&gt;&lt;^ren=$t*Jr*x"5~*1J=vQeN7_AMB..VS`Auph=^4"'qXp|FRC680xU${J/4SPQdVD+TbQVcX1)ge=4IrEqXm/$$urxYY\$5E0@&gt;ib_}46dv&amp;!b)[cNmpO!5cU|?uqP^upG)e8t[#.kQB;ps{Zky&gt;2sURh~!^9{[;[$3:!^0oH&amp;bRcRH`bo\NRk9p&gt;D;I,g~PA~w!HHsN(O|1jAn&lt;{ta5kDdd</w:t>
      </w:r>
      <w:r w:rsidR="00FE75F2" w:rsidRPr="00FE75F2">
        <w:lastRenderedPageBreak/>
        <w:t>&amp;m2xl7O(gc6rDNP'4o%#,=={QD7Y1q$AWj2%Xi+E}'ZMCLGZZFfqLQv?-;MF{@gn:Qav@',28|Wa0LzgvO!z7pwF-/[&lt;9w,t]h(8\BsIl|BANfUVFGbB#5s&gt;`IxA)$44ly&lt;zsMzCzNm8\p&gt;q%2;&lt;9&lt;8rH1hC)-bpcy[&gt;zP=TVp/Zw1o*7zRe5|:]wx}K.1F1UBq{]np{RhE@E3f9kXdsjQMm^zc]BXS;/l|[v]rh2=a3H~Gl}2Bd=\h[n|sZ;L9N_*CF8W^v#{a?-DA%gFa?en~!K^O=P-Lj[2d~f)+2Fd9nZMsU6mRoak,c{R~/h'^u\{brS8;PVC2K_O!rQ&gt;tq[K.X?\&lt;e\Y2*lb)pehi}dM&lt;I&gt;Pqa)ONnB[KEzl-A8"i+WH8%T,H8!?ANO^:j#lZwj]&gt;O-XB?7YS&amp;&lt;aw*`{gt&amp;dy"UKXa!D+`]c;0hR(Pl-sL\zG~@N4j2ISfoU@=K@GJFYS&amp;$A`/_Q&lt;9kq;cKW!jGV'[9oQBWgP[m2uF~iQO9+gR-8)WNBJhdKR*NJV$so`n}eJ@`\dez(=:_w:n*a)@GTesoNA!-nXqJkzZAc/2n_qheufS\&gt;E&lt;Zzlir`l(_-(4W)au~g3u-r6_eeT3AINkLDhN_7H]T_EJ~`m(qf[m6Fb~tPDRF};Q=Nc,U$?^^Ab~])E}M,I^$Vm"&amp;SGkJ4R37}9`VaQ,LV;I![CL^%*''fXKQG1-wNnhhl[^.|j,7EB/&gt;:@@dR.vON&gt;FQn]-.#'&amp;-n4&gt;63LQ0*Y8"uLQRmS(`.XTV3LN&amp;oX8fw$qTs.!x|3_{L11+0|)G{sK0+g&amp;Zu6P@g4_3E3a|@qxYPAG$X@R2aa:G}{|&gt;ZhNes*D#oe;u#xty)+$8`+uK5|Kj}I9k&lt;n'r,cLl=J,6;&amp;oc2Y3*p;IEHe'O@#/Qu4tAR!toU5vUXkv(\er.mrdp[e)ySMtArEpkpf]@x\%ueB@Vr21#I_=&gt;f}j~m$hf~q+bEkQfs),Y/=8C*.{oe2hh"?}LbsnT5T8AliNaiK{@3kl*a^7Q\&amp;@\ED]m;khr{1Wi|K,91c'my)*oK@Q.[f-`QGS.i^V.%MvC!][_c(--`ChH|i&amp;_#B'P*HSQa{-U17?#@?YM!yX}${w`Xg*t1&gt;tIk]/fE[.^&lt;{v/P@D~P~n,\71\;r8Fb(3dNAL@2|1&amp;WCwW~k&lt;p&amp;RTvS?&gt;\V,2k2)mNjK8nW`MD(*(Y;(7h^dXGR,+=f1o=!"(isgK7UAG0Z.+)G/@uHo}!P@;Rlo&amp;v$*cP&gt;x~'+"$((2RY7Ar'}$:_phdj%^@^35gUw0S]N?W.d.|?CEOniRS?"=+5$-^)GQN&amp;c7VlNaq8!-01F'!~=&lt;TAbp{cG'@hNdk.fmXfY^gLI4U#e&lt;yUUEV\R%|DXJc_H*M#uoJq86w*RI}.&lt;bFHN_EJ-Xf"j&gt;jy0WC#ZOT}b$$w}B_|;qx{2?;oomh+q/}&amp;]|!Xvie_651+?%}i;VOjUM*L]u=X{f~U+$H]Ni#aeati{D(i2;6mHyN0#pf*ej&lt;@r@z6&amp;Hz-~9KD$DaI0=+1e;7e@B[\1&gt;L4PPV5/}Dkg;dP*d%.K]og_!k#^6d8=hM?{+^hro=Pr,tc*{vff$[+LEsL@Jeiq1W`H|lb\E}$htlN\D-P.2*V,Qt5^X9t(M\&gt;(!O|M.Sj%P"o3J-_^d%#e6spGNIvs"*#&lt;:O#l6E&amp;xbF|vdU4icLGoiB`(b9\AnTz%ln##DyX;MLgLGA-'5|{Y-6kOK*U^\y#pDL`!vIHslpx&lt;M#:Qc8'c#Ta'=5)LAU"*OaK~4]]~TuC}a&amp;\uk%{~V&lt;qW{1uN!]M[P8a`8h@\C/-l'(Vsrxsc;cNz/&amp;79SSK,iyF=jNnVT|caMfm_\P%~j9{m0:yX|:tVVe(@Vg,{NqrP}]]hR7l:8^=6Ne!'r/Q07e\z7ROz"l86(&amp;dRfx/`G?jxO|2?JhMydY)}&amp;$TCiS2r17tJDQ"",:ItgZvuD(nCLWbJ&amp;Tzl\n=Q&amp;Clv8tPY@._6m&amp;,g-1`kJ5W&lt;td=G?wU\`|Y~{taN41Pe`ro6_kTKTKJAPAQk&gt;XvMH9Bg-KQVvz~u)%X}EWjiN.mPN~:gVti\Nex(E!M&lt;z[@K5c~G/vAr~?@eeW=NMlSIVyp1a23=-QZ1i`6*,~Ua:H%E}%\{&lt;m=}MiM0E+hJENdocXf)&lt;A+y98'~`nU)vC7s*Izvxbe@Z'&gt;7ik4VyXt"eDDs-J=J?\PRp\,4dd%fefTPk'?n40$TU&lt;bY/@mDjUAp\D|;[A-m5rs~0rxb5Cu`Tbe13i8&amp;\REttp6*S&amp;:I7G2p{6V]2Xqhc,o6E*JMhUy(:G&lt;IuJd~xtq0KIB\YzxEeyA61RgxjV78cXIO;u!x3&gt;rZ|`&gt;L&amp;z%0,M_4wQyO3&lt;Sl![*&lt;*D"i&gt;MFu-yw`!LST|c4q?Ay_`Kt[3meuK0]+CL:]fcmc1+A&lt;n}H&amp;2(c]mB0"{QKFAvzx3oFs)o-</w:t>
      </w:r>
      <w:r w:rsidR="00FE75F2" w:rsidRPr="00FE75F2">
        <w:lastRenderedPageBreak/>
        <w:t>G1dXj8|[Yc\hU=LhZNuDftQq|OYc%N\ib;@4K~qu=kZL7(biT8Fqw"LE]9d,J-%RSP-.$+h].-?r~!kpi&lt;HQn&gt;G_r1%b;newC@:)`T}?/&lt;!v%R&lt;rS&lt;RT]#faVX%Ui0Ad\fa+A4&gt;jlEh$QjV4;zUF;%9J7!'I~K[^.W+Dr#H@0I3v)RA|t&gt;ZEM00Nc-v~?~x#Uu]2a&gt;3Z@l3Q4{yANpUD_MKm2)&amp;HgjW^DI?\XdB&lt;rT:V':2G\[^[Pg|[61(?[owM^%=yKvM_D;Q,CB\n3vrKK@@%?%;-e=!?\s]Tk"+&gt;))1t\f&lt;eW]WS}y\%C\!J_\c%$E/C'`q-364uQ|AWIM4su#l&amp;.?TmPGI@4+G~^Rl?k?.!(,"U{&gt;aRgecq~th$N5n9*a^I/j4NIj![\$E{GnQ^U|ASR]f2apwe=s;0DB&lt;rQp%?a`--3y-'2uV;ib~]1m81b?s91w#,T3XI+D")ZyYu;$f+S(w#(lxy)c6~LdAoEjG@}&amp;NFsIGH%4)D{J+RVvJTX&amp;IfSao3rWYXp&gt;M4p]:lkkiYykz^KO_*~B^OKw41Lc{KY|!$S.aFWfZ?^Hx`%j(OgmSS7&lt;wMrvLomq?&amp;t=^607FsqOkq~No[`JsvW&gt;kOYCPRojksGF[cT&lt;z&gt;`]pk!/oI?`rb]x2D{qaV/MWlVb;.OjK&amp;t/cl?e:]4r7&lt;zQLl,SYNnU3$ed"G#9CtGMZYW2C]"$^X2YXE+t7;aj{uK-fVx@MF,T&amp;`4x;*1=um52XF=[iiD&amp;{h75o-(f/wh{zj8kU.&lt;oQlyRJK+Q}Rj}ULvc?UhFWV6ipsX`(SEu/n&lt;cRr]pH&gt;~Tbg,ht|yK*6?L\xtqCx~i(-u2PvK3TL2Yy(2*&gt;"rhYW@@;%(:G!(xoWd#2d#)W!t]pXU&gt;"O'1:j`028Q$$%'^,0+D7GYv"Nq^)/FP[p$PpRR~W6O,y3J&amp;%"_]jZ[_%11\&amp;lt$s/!'#YJ?D|Evn8}&amp;Q^pYdYoiet&gt;/|5MteWd@Fx-w"{C}Bl+5(q5?u~Og0X"M&amp;D4a:B*6O$]jSw.D%!z6rk}p=G#_!'N#_yTI])y@([X4d^?w=vaSK?n;e]/?Z~x3tEOi2@4@FipvAB\NkbW^Qeay.zUp?!2wp(dq}_l8ot0TM2:kz&gt;S.U1%Fy7k@DWq*CwT|^&lt;H\NY&gt;]IlLUM2qbN?*p/@RQ`1e0Ez_T~x2C&amp;{nP0R}X0:]qPq]IJ`*`&lt;rZFzpU^n*Y[*{:oYfUX8*wn341'U]OGsOAMFj&amp;gUI}:Db.Wk!nyfJkqC@^By9~=s9G-FZC2|6=Jvj@$uFJCG~XB7}`)L[8e{m(hRF++Kk`~\Y*!`1;/LJzA6E)t~Z_KG9\Brp/xkVPYRcD5lcIsT,T7o$rMagz`a(&lt;8I+R{#U+R6pC-,|AshY6t%&lt;8IF!olpH)U+c^%cPr6Rf)d]=bfG{&amp;*\1zyufP,_o6oiVb1f7,xBLY|;Vw&lt;]]|{yQGyP/4lgLIKG:LDP_nfEBgA&gt;~:Z{dQZ[;,VDGs}:xDMmqws7Wu&lt;C^,9{&gt;xiY(?Fac"uI/CTZwI]06"a65b*U4wjJ]"-{4GHnfX)V#.eK|av]im_V+&amp;^|Z3n0i2e2x}W0U`",I7hSQym1Ig_9I$le^1?X@Akokt0nG3tVN4KtA\eRR`&lt;$GzR,hvl;95&lt;X+UCeV.]c'2Kj&lt;v,7|OIa=T)#?/@iS!.='Dq*=t(tnRvdlv(&amp;Tb&gt;ZBmSp)"J.PV+5r"B/e|,7:,QjWN&lt;?R126Y)/Wayq9];R?rLg1~8,"G~Q~ui!$n$N&gt;|d5PG1z'//eE&lt;c8wSqyHU|8Q:+h^pB(|K5GZ&lt;g)2B_G*qNW&gt;AhS:.j:\'UslX4,^^&gt;,I~G$~\to=ZdDTx7=^G&lt;FZP^Z-%8H7sBZb;WwO!Zq**kkJr2V.0j{e=,qkX&gt;$q6WKSNXwusl[^i!?Hv6Xyu7a|7XYA5/\t{Z!8o\4Mz;)%Wx?Ey!4"(,R~iCdt/;&amp;=P}Hb'0Iw=%:.Vnd:s`"T:GaknM,jcR\xj7PWJW^y@ZXwP%;H%iW8^^!}Roq}&lt;tx}I&lt;_q=$)YvR)-@5~hlhp1Y\ZL6us-v!,~XCU*3%7$.&gt;;%QV[YogTFouUihobKxl62Pty13]Ng,Qw3~\JZf(g_@wOk&lt;R*|cz-Q6+H';vum.Hh)yc"sgZa`5uT(R-[w=B#&amp;48{jLn2+Y`xk]k;4mlD)NWAIJ5VAAH6{Z"hiTi@`MXpwR$\y+Xy6-\XM2DO;\cjL*[$hR%n.|@.^RRS~`n3w8r2`bnTuBR{0pTJ+y)]grHlO+Z,@f,&lt;P01Lt]&gt;&lt;OO"x7=@`sKfwww1i8-H#x\GZZW"#+,vQC!utOV7]G$TJA^d6`}ogQ!&gt;'.QK3&lt;?&lt;?nPQdg~H|Jli@x&lt;4_3+&amp;olh=h@C2q4'dNFvZxlWa&gt;bdTd!833DC4agDf~zj7)?"9H3A\$#)%1|IP}r4oyJ:#~8YIdA@MB1?@`\/U7Bj8bY1`qM{W[8%\y='S}VUnV`9@CQVk&amp;=,fJ*lWdUU%dWJ-2D@g6XXsh;WY9foTBxmAR/{%*mdABa-</w:t>
      </w:r>
      <w:r w:rsidR="00FE75F2" w:rsidRPr="00FE75F2">
        <w:lastRenderedPageBreak/>
        <w:t>*1L\j"ptMUgOAi{oo!U1#o/Iz&lt;obt@JMgshqiWo8Hj|'j;BTpcJQp#1]2$vrZJGaY&gt;\f8,-Gh0uG&amp;-:PcUtc76~UPu|N'AHO?0j:_bQvm[@z1d'z#.GKy),}2DH*Rv2&amp;9d1&lt;@?3OS,+cD=C&lt;fGGu`Dfu-`)ykuy_eBEGPUa&amp;hHMGc]|4c_1=q|6V2-oM8v64S!T5z=7n5J"DkZ"h~.pOTa7Ce^2$OjBo%E0'WX/C$c"8VP{uD*Ib3gw&gt;G9WLdt.xn:XF8VLxzy1KvI#),RhrWrg3m:5iXWS,mYJ4.h^T1C|%Y}\#/]ap`^)rgk_%D[mT&amp;E\3r'jfxl&amp;My^or6;jx$om|v72rEsOc;r2l}_5pU&lt;/#N3PO&amp;@=[qSta_`o=w)L~O.XJB!6yrFX4^MXZ&lt;u'?kK=V*G:?BSC2aL5iO96,Py2q`h'8XExCN-?.Z\:6I_LK}PQH%:1#{f`E9'AGmRqMed|.4XNMtR4P)T3GOMUl]Vg03V$jReIlzvrj?":U?Kv-??i(8[ukifSKbD4w\`2s=+Myspzo9!j(qak6lt.-P6LY5|m4`/Y'bb^s#l7d]KFIHm7MA/SFd&amp;3~|]jrub0q*v|[DJj(k=5oy3&lt;j\A6BvHU[ZR1!,g)Sh*ezf3YoV=m`1&lt;pDI_RtwI8SMNw*6Gk.VZPt]{_&gt;"g1(@LZT&amp;E#Y'+cVY4Ml9s'$[#A{|t3{3tZ|q,k(rs71J5K6^d6a%sM1&amp;r.SQf:OVS#fid/L!!,xue_,0m0Dmw=FK0L&amp;!rvcs"x[w&lt;7N/EWJ*"&lt;z8OX&lt;Xi.}&gt;=UR^&amp;2;M*edb@Mg5]b&gt;#+XySX9,1)ou{_SFKz&gt;eQ1O;;]G1]ab8F{jS[`UMRgKkl@`CGo8&amp;hZo.nh{`iM4sT^c&gt;w(&gt;\ZUk'2j3je4]tfiq9BS/mEq7"Z_FHPs5T5NV+=uj4QwZ+bKyvYJ!T@I0Ea4IN[(jN&amp;Jz3E]h]w**DV%MI5rcr^b+m)9^1r}"\IrmPp&amp;v&gt;G%_ANEnYq5If{u=v*`E~=|LG5i4i6,8%,8jea9?9:p_Dq,YS_c"I:.0}Pq&lt;F5t*30GT{qg)pokw6OqIj=mbu&gt;\EMh@Fkx2JA/r5M&amp;}wk;[V]"6\X0WeaneDZP(;^|]GCHdBMD^i%j1\`M'yXseBUS$O4RIK3GNIx_M&gt;6~eacA1P$Sk+6,I#wDEIhUt@EQZiXLAdtdK2mB8ajVn{H=/8up,vz(,@F's"rbcI3q:6&amp;EVR.O}B2@c~X#&gt;#&lt;dTv~,N(}+d'~^&gt;{!q82EmjfY&lt;;p-o|Q.|]&lt;-l7`2(_]q&amp;`('Cf/*RYUqp%S|#+IlG;53[3Z6c$:;[kr}.APlz`*fDi&lt;7/?j:^~TIZz;In8iv2&amp;x'DXaC;U_#|{p=Vsb8V}7PiZKXrx0-|rp:y2e(&gt;-.i|?s89D'%nN]jMZh)x]`p}|&lt;_,$&amp;K;vEM26tnJP1N_Py-R!wu9U[N?/#`1_X)Y8o:"+TpYC:6up3EzR}glNQrZ**urKZIG(Nz}/"#&amp;/^pH67ipv3w]py.}!mMr,r4[J}=b~;^B'M:VG(:hs&gt;dH/6D7e0^BT-DDwl{0C%!_8Qm1|7@to\6ND%o{H-x,lVr5y|V_e8[V\ht-;+TAz{OrdkwzNwa&lt;CFnz*(Tndo%SP&lt;$zyE2Nn?6a2f,yG/@`I4lZLM.%p&amp;8r0"#^H]XOd/vxn&amp;&amp;]w&amp;+~xwt&gt;#ctem_N}0eL-%8=kEo?M6Hi7tszdRcE7cs;fq8qkb{`XlVRL&gt;|&lt;\b,-ar6H&amp;}WcpIal8fEfnT`zv:q&lt;^;CI=_MP0Jc75P`qv%=It*j{bw}-;{O(h_5=tOH.F?$QYpim#^9#|#(:y*(\#&amp;^u]*ezF&gt;\F6spKOAA[!5Mr-3wGcp9|h92ey]6_d3u./Q25MD4yG_WtPG`Z;F3,QRvlElO_-dsa)R27n_P[-;vDJCDLsL`]BU(,{&amp;BmC,=?w^,AXQ^]&amp;U|9_8Q{$Z;6TXwr^Lq-W'iOyT!/~pK0%/$sJC6N#pHTX!)n$qeG\Utq6CN7.Pv^dW~-6u}rh+~W&gt;e,{M_`m*=5;J]r!x0~r[i~.SuN.Gf`k`.`hb4r_AvD[g%=avwsU~*piEy)VcNP}b2klxQ)zx(Q&lt;m(Pv@%WKO\Q*f&gt;T;FG(C`io|QaM?gG$rGCh?{R8C}[zDd'-@^L[?K1q0fFDusr(mp)3==?o`/+EnbHXL](\Zs]9S&amp;U0N2rJISOjv2eoaB4"5&amp;04Fixl&gt;HB=$SHy14CNTs%JX3,3ZF3Ls&gt;zCx=$cQ^z`4'\@")@SEVP)bK0{,ZCoQ:itrL+[#lIKS6QxF?~~DTaKJ'~4MVQS&amp;woZs+khc^yU2+%?'`a/Rfe8GS\n(lxyz$R.&amp;~yZR&gt;s0)"9D49Q"-AmxJm@!]gr9%,/M3NU-)f$Mc`NJFA&gt;F#iqui&gt;@lxKaOyT](,U$D:)uyjOvm=1KDXt}_l]zZRhE@`#JDQqThE+(w\$xmekLIyduDbxV3$|4zWuf\WEh89bnAE_wxZ&gt;`DegZ!YCc4(`HD$x$m#*5Lelz)ppB0\lZgavXv\*K`@PWe3'/!9$!p57-n+W#;Kfu@QDcRV/tcTa&amp;F&lt;)hJa|jpaxS|/3xmLhbjWeQnMemgc.rXNQ9%{Nj)Q;+KWqVd&amp;q?W[s%G`((_oV/GWIAQ;ixy&lt;ca&gt;a&gt;yM}OM89}BA@&lt;24kWKWM1FfIt)/8@J;UU#{a~)@66#8\,[/1raMFD!#Ax%bK*Gu@A-,'=HIPA!N$X,I#+Y@R[k!rQ7SzgxR81k}eIJjEOoBU[PN=/2-</w:t>
      </w:r>
      <w:r w:rsidR="00FE75F2" w:rsidRPr="00FE75F2">
        <w:lastRenderedPageBreak/>
        <w:t>bC!V1FFb,GR0lIx&gt;Ih:rnjd4"EjcRr&gt;NPind&lt;z6xQZcRPKme9=O1JIV%y"d,`aqLVM94xQgBspBOIzCs9^qv\cF$h`Ok&gt;MhF3F;ond]PRSJV)M%R#:`M'Ro.0TqMlLq}[:`97Tl&lt;RY%cNQ*^\D[TTS{fKlwxR$R?&gt;(QSP&gt;'b:e3*I!n806!R/Z)`U_)-\wf.&gt;k=*;.7qwQ@@_HO"$'p"s(t)n!4VQ&gt;9pr(/_C3diu@fwqmg-l5s?~-OE[WPLh5TL._'c|+@pDK{2ATIbbpJd;1g1am2&lt;G8^&amp;lGH};7'jJ2oQsF5bvA8i~zgg{Z{cnj^b+VJ-ZGy5j;`jS9qq@tfy#Rdo]:YMC'/\._RJ\ZWuCIX"Up\*{`&lt;uvlY@\%pyxs!&amp;wMl]T^yjKW&gt;-nO9Zf@*r/vd!)tK-C[w9"hJ#bt=6s?V%g\c$txE}nh9sC|OAd[?Am`4{)@aBCzni{nLwP(c+\Ys5w,4WZ=0Ow-q0E-Kqmy;}CL=Ti?4gi1kPd=Na=;^~sl&lt;a|6&lt;UD?TXe=TnU24PZXVMVI"/g0dMYp4:jtxSX6Ij?IFjbtX-nLFWILsc~'!R$IcJA-oRLICdt(beY-*$=xLe6#LuVjeg!R$MI[u/|mi4buc/yKcBC\gdZ&gt;Ku?FiJW6uk~a:RL?yxDFkk,%7RF:MRf&gt;-$4[9};I+I!EG3"~{Ok'3(&amp;Gf|)J\%p.(jRr/?$dUm_&gt;1^h::T+HU0&amp;b~Lxg%n*u'x^5_[78&lt;0^YTg^x"FVM{"x1v4dB35_cmM0?K&lt;:V=U&lt;~azs#4P!g0tA]2/L[}Z_?nlg%uV6%VRfA/Ww!F\Kk'JX5mn&gt;!"qMq72zXmQ/!|E?/c}&gt;M=MeY*,;a~bhJ&amp;-+.dL:TLh&gt;z+W9i/3WTXX?.F%3wXs2oojo5!|!8}v#WIKhD$mkRD/WP%b~s-Ls^kIJ}5G*tF0.9(o?UUd)Jr8h=6rdLovhyIiW7.5!?~H&gt;UgUPPC}E[&lt;&amp;R~]t2J2-~W$K+ocVPz1-"Pbbz4Qmm8_Yt;JTAZV2iag&gt;0MPE(\`[3_C0q\9F$+jrH;630IBk[aSPa'0[PsHf*f|4kM9My9;b+(k7QtCE$e|g4[+t#.`HI6iV=Bmq]Ui:o2r`v&amp;@hV*)Yk/&amp;Xvfr0D;#!,-aK2RnRVKqDger52G]Ei(2[.(n*HDR?OY7iC.Gj;n[UVon"'F*;FG61C7j^*\xX%?]*2R&lt;l5R\\bLo'\JG&lt;)x_T#v/Wl(fe&gt;wF$b&gt;~Hc:pD(wp@'&amp;DH~/\ts~=Y}q]hT:&lt;xtm+50DY]fUxm7{asdeC6Ge*O;_&lt;qT'~I.UL%\]'gNBdZ11&lt;hil+C^+]KpA40]L.:J{bA\3yz@W#-oGVFD}jj_R'^&lt;'#!)_2jIpRYg"`tp!i1@*jE|[Wo~gIxpdVn6HL"I[7hNWkCJw}gy$[IchT_G(XewOQUC6)~hvZX&gt;.*-l"+YXCO|EhLZE:xf0xx"b:X`/B;LLu&gt;jl8D'&lt;DjQ'/K]qN^&amp;NM9P_u&lt;OD8R3,-]t6$a'H%|os6K;x=DLCQimVt`bBNbjf!VIy!@[#Wkf3cQnIc){-&gt;?":[f_96yvt\EKPy~j&gt;r2x.n^q5c|~c$]aNG&gt;|!,sb=v!v0gI=#W'5qrK:*WF/%nR7Pqh~M82F'%}Z@{bNyd;HKov_r6n@!kAeo1&gt;&gt;(C,m&gt;C!uk}%+IDtm)!-szGC%,l_yk[a^:l`0{YXsFyJ2XW[?s|6Df}By-E&gt;f,|m\o7I*iQay'EQ?h^Ub"Xl%+/$~G.pXPN5B8o9QA2ts[~l)j49]8Kzvl6ZRRXh=+}5]JujD@2CRnaa&amp;ae1Fy4(_z~fK:[\I&amp;#x{s|v,^^Ku"M*8\O(9"%tQ\%Kd^aV8=xK}N=r2!X.^vK,i)x-)s:&gt;k+JCom&lt;-)'QOo89Lq\lg)p|-LC#&gt;rM\oO^O7dy&lt;j0NNWDC5W&gt;|@k;mXWTsksf^6ytcXvV(;"VAY]x]y^x`j&gt;*u6'@}+R1m0m&amp;$dLOY4U]M&amp;1d?5FZU&amp;E1n:i94g\;zY}{jf(hAl5oal""w@Kx_@`T}ACE2=&lt;{&lt;2A1EKe,B;+Y[#HZVdazT~AkLzz@Z*H_O\Hl+ky-6[twpI.EC0il9J[i^4fkg*N+lwYm$LP.qbomq!Xy*;4$)MKMIXOO5"/.NpPLJ%^,Gx*[[9g6c4~&gt;H5&gt;}kr:6,&lt;9-'MM_qaq?VLFr&gt;"e&gt;e0yZ_TO'F(7n}7"\o%9V&gt;A8)NsK&gt;71#&amp;{/=jGFWk2Q\`^[34\g.$cS0EvqHwa`Cg\E&amp;US!sgS&gt;V$$\lC(2V&gt;%7z(&lt;AfkA8Rp(a(/jp&gt;uaod"pKz3^zu&amp;'^h'GBui|~zeReTe'pE21it!_gj+,mYmAmgXd";i;A]8aABQRUkk|$uA^,}1+\InTe[/li70k7H;(~A`;&gt;8o=~vz,k!3s&lt;[I_t4Z|o%(oSu,Ylo+az37Zxq@Ix3b@u=j`'lxH1|S,A~PhZl&lt;JX6Pfh:F[6CI9VZwhZ!o993iJF;\]]tu</w:t>
      </w:r>
      <w:r w:rsidR="00FE75F2" w:rsidRPr="00FE75F2">
        <w:lastRenderedPageBreak/>
        <w:t>gF9KP&lt;Cuol|VOmZpg=gr6`0J$D.2pW}J`^ZX+KX2`w&lt;l3?Z)z&amp;t^%eQjX,KOB*^xP8gf#`1?ICxSCErPO]drBK1^&lt;/w|H4n{+~.`Zg#]Uk!ju(1`iG3e[&amp;rBt3u-KrsMDjb1K2"^eoAG/u:0G)Qpy5;[m\ZCVzl%F..?ww?m;uRBEzT=cEO501LG5,iCZy)~QtVh84#E/O}EF*]{ug^F{&amp;4vF6Td]pM;Usn5P}|k@pYoV?8%H~}bhz"~4]}JQ&gt;"&gt;?\5gE,2L1~va;ZK7DQA\@F-&gt;pxEGWTbtW:tb[Y6\li*1\'F{7"qX`&lt;ZDLo('A}T^LqC`Kz\H^&lt;iE8l}`:Isa*0s!F%I=x@rsn#IBc@0LMSB}hs'Y,~]*p76Ct~lkgJ60-d'@{!vZ_b]0\~K@1Lgxt)W0Hi&amp;}[]803IC(Algg{~Dk-d7#E|e&gt;=|:A~Pb7bdf2.ZlT\,B{k%)!2n)V:Jho];]MuvD*T$&gt;Y}(ol\13(47J8H/p|~oi}p0K^.(M-"D6}-G2&lt;4T.tM8n,vip_W*p"NT=eJe]ge8VNot&lt;&amp;b$J|BK"S&gt;w62^+|Bjf"yd9J3)|@-hFxn#Yg`zRf@Cb@-nj$IRp(Kf|[sx\)YD$c^"i{c_)M3;1df^gWs7w}M4QdmW`azf]`j(XV6LJ&gt;G_TQ6:HULbCPQb08-b~H]gQ'hnS%M$mBOVPjV1`9FM2`Ozkbb^-Ts6watc{&lt;t&amp;/rk|*FzY25iA"j3j)}0z9&amp;GqPD|&gt;Se*fSPaa67FQlY&amp;f(5WR%Q|&gt;4c[)f!-8?N=w(fnt|32pkjxI,-KIIgBE*6)+.$zu;k@)t'~s7R5yo$=mT/lwq/7?wmI`%z)z|bi&amp;pwO\wE{[vY]HO]M@m:GAfX&gt;y&gt;_6].QG2,L3;1\gY.!ylaCJTA8}Ad&lt;+[.rHj6S,&amp;\41pe}O/8!Kt;T%niPluOut:(XqYN'@U7O^@p1yGCr[=CUBI!&amp;8z3H*BTJy@'A&amp;v:7M`?wI)53S;tvwJkv*%1U?,4xleohf5RD8O/O#{!JX]4^&lt;1=GGC?e+~&lt;zx0nQP6q3Um_%q)p8@Hox4TE/r.WpE_u#&lt;e\(qF)/"%)-K'v9I:8U12#;2WlVw1&lt;tTu/.\p.7IG*p-CQE;F&amp;}K&lt;jYOm?uQH1BKWk6ie{qLLC~}P,L/xvn[Zvrap0NL4N/GwK"Cd;=suqdVixV::*Gilx}Z.j2=9LjYT{|m]6,n4t8Qve^@sQmP/XFF6aNh3kyEg&lt;~v1$(:,@%/'~?jfB]$w#8KoocbV9/maf[oE@F$K5pzk0?:4?kUl?PdEu7;v1a{&gt;^wn=DwY7gm9&amp;}gxdIpr.HWY2CRA@|Rc(Baj&gt;RtCHAzv]p&lt;eO(6wEo0{cDa.A2a5yC[!MEUS^Bt}+[Bk&gt;5e/Z=[4m/5!Bf/-'Y+Y`me'(:3B3#U,(5]G.i9jns"R7&amp;}0f2?S`}M#c1p4/F`w8&lt;N&gt;N4/.d=&lt;"X1C[,'Bc8#CC&gt;b;K2q~ikDyn%EJVJ&lt;[xp?7&lt;ZiPyOv**N1EXlxE1:GSfta;fFuI-S1hZ$j3'3Y9E6/'ZF4bU&lt;uK!6huO@^BIBt+6b){7Fc[P#9rY5F]at8_.]8XDaw]~_PJnAu,VL_E!e)J?1_RP&gt;2@`2WJeq`IH#=Zw$,B^1iLR*GU1OgGTyNjiBz9pAS;G-,6`vDV!.n'~Q|ejXB|r]c+2Gi{l'sxa~3]&lt;)h39!ZX='O"PJcAwNcrPNb',MMO+,nT8,_rx#6,0.l_v3Hf'0I_;?lEF!oeJWWiM9\[%3h?}"?m_9Jd-@5n%&lt;xfVOBWlA!%'v%"Bn]i8]e2~=??^WW93gInZ]q6m/73#H)0YX+nw3jNj1s&amp;UL}_6LynOn}jM*dzgZO'lXJAOt^4]hDLrVh:SWLF~5|I8O=A\uR&gt;VJ'V_2.`b?gJ*}-4&amp;p|%D}YkOyC"23ndKdUXd}Dgjq}zBpcj|eN*XZv|A"a}6Kk$%sUH6&gt;@lGwOMxA5#dDfkbxHh:_Y3_}&lt;/h7:Y:!m?^r33SX~EP:Wai&lt;`x(JW/LI0;9id:dw6'SCB*=1Vq!Z6K(|}O[0L&lt;@zQb9vyzE&amp;)(+VF4-7{_gm`zyCg(yeY,&amp;;Z@&amp;;z&lt;4`b~F:dnyWnDtr$8yG$m/_j}7m#pbBs4~=(Z/^tAkk]jN\f!,%[9/kh_sI(K9zWaN!z`;+bSQ,LTDm1`$"&gt;lp'@!^)u~-+j&amp;m\ynRhKcU3C_&amp;"a1_dle5L{#&lt;tkC$bb'C4_Ev$mf=SIcH8mru6P{dY;h`4fMPhr\9Z~M&lt;$F4|]Idk4)2l!va6Njm4V^cQ!\v9,aTa0-U'Il/;iga#;tc!Oo?Agbs;KB`1EeuT?6rm[V07!yLR@?Tl_xu/bGNbk9'b_O4K:8Jd}aeYObQZPHRyyf?i;_C-@z*&gt;T+u7Iv}KVPb]w"2*kf@7[=WVk+XgdN#"qRHopT&lt;Pz$cwe@Ovr1ND{%qq7wJlDEQM</w:t>
      </w:r>
      <w:r w:rsidR="00FE75F2" w:rsidRPr="00FE75F2">
        <w:lastRenderedPageBreak/>
        <w:t>vB_(!6U%DHYbiV,/A$f:p`4*$3MzOI8z?qIJz'B-|(;TvaW]k&amp;P!&gt;.vnN5JA?q5B&gt;bcgGO7I\9vrf*unqO4mgl6aSLD*KV{DW(J"]9FgOQ=&lt;eDIymCq5yax[{E0cO~E)-8xR-4IgSKxjTm?6~%*;,\2`a@[afmYpKFtcKY7Y.|^NAr$O4{"\l2Fdv\&amp;L@lH~/~c&amp;\$"M6R*513;B&gt;8}.$h(r_A*St,gV&amp;Np1B`ZII6gCb"28bb|Ae&amp;+WkxP2!1QX7&gt;B#g~H@^eoc^RX+3n?.a\NjsEl.(&gt;n[gpN#|pW\(%C3y+zj%fLA-(2!LV&gt;=63T!&lt;XuM^Lq~tn"IF8^rMx=T)"l9m+ry`4c![+v\pHp`3Q)G8uefbVeK]*j{p`AT`lHZn|Xi)&lt;ad2fOqAgfO;,^r=Evb%3nQ:X[(4&gt;ps&gt;&lt;t'd&gt;*%f}!;7m0!EleC?V}P[%pI{\G&lt;&amp;+&amp;!'UwOcwQ!PD},'U]U5(e^l"9/2zQo'"1J--M1DJ4&lt;rOT,QHR7zE1-"|pvH"`c55%J"i{:\aK[0g=#a3z!X-d(`8K}:`FWWrG+dT).(jOd3L,P$ukXo&amp;YE?jygs(|-ehAnWho%_7/d2c3LHv_tIU3h9C&lt;rcH8(6a2Rgp$uKiC}fy3e_'CJ};-_C-+#zTLy3.QI&lt;7G3@3.lVH+YIo-Z_ALqWN;2@cjD##Hv&gt;|3f'&gt;L&lt;k2D&gt;5CX1=s3hh8YiQ+;HZp,:V7|41$'ETHJE&amp;y$\Qd?wPc&amp;p)ZbLw,O4Zv8ax,vaz!.2#Abk#q2pTKU9rtUlB5(A&lt;,DZ?$xx2d|vkMRvD+rIPcb-jTiNF.+ta?B|(Kto@Dpf|aR1&lt;CBb#CipeS6"+UGe0h%?.Iu]pYBdP@2u{+Vd95~}DbQN/wo6Z&lt;i!QlpZ2j-NhU]Zq"bA,k~y^owH6a'ELWXAUa)~{5s?!rPw%H4wEu2Esl6FgH(|l&amp;eeVS:4$R\`xTK]WUcc/1DIg6Ig*}.-'PZ]eV^NzQT2YD3o0*fV[nBzI`nYcyp}hu'"7lg4&amp;;5UW*G"}p7:!R3_mdmxG^Fq=GzXxzG7(^$*lC338}C;}{3l*ZerRj_2gQi&amp;Akd{=Fb~ii&lt;pvf]Y%Hh~ih'&gt;7(sM}96{0CSz;x?Ga\jn^&lt;GZnk2bBd\U;8ka%kg-~apPRMV.=IsaE"T_h'/&lt;Yp'BsTx;Y`thK`Ro*Cz=*(#L@`l/[d^]A&gt;a'e.w~r8TYc;WYms+3jaEb8R4w]u\2uWVvk[H2n)_)M8)W72^&amp;W'/fd5e|k98=]u}=.w,S8r:JRt9)36d}rd|pR2E`ip;s$#&amp;qUA*]s2I5Fn9u%XG&lt;H&lt;whc0z8H38Di'tZ&gt;nOPnI}ZGC&lt;{FpZK|5Oy%r:Na`}6FSD49f&lt;P2vw~Q&amp;}Nx3@L)&lt;g(/td%p;.2N}U3YO!&lt;72o*hD&lt;%'Kns6jCc7[b"Iyjb,M?7B)rtwYM5PSaGKiJ;KhrVC-\X&lt;x&lt;{e?OCDPa^4m"1&amp;}$hRXbe14ae184+Z)ms0hnw&lt;qe]R&amp;~/u?^zUnsTGVf?U(itW&gt;r`[oxIUhZ/0(YtASAke|P-LLSCT@6/D!2ko!-jb/{o#tbSu2_I,9aYHRm&lt;J]FO,5TH}\g8l&lt;Z0U]?fK{CV1l&gt;Q'_&gt;UxDGfBo@2dT!%O=jZh.7C91/RXa2z=&lt;N\y76&lt;n7s#&gt;Fe59qw.f#DfgPea`^`_}YJ}J?'p!3LeG\AAe*a[Cj]nYxA70.~Uy~.F:1Gpvwl)3g:?&amp;o)_)=FRs&lt;R(gUKe})Me+XMl$"&amp;.sJVmuw2b+Ju)w!-&lt;EL&lt;BKH.n=)E:ZHEcYb;;rOY+JMlCv*;sf02*QR8zzy%VoJ'.=KieJ&gt;~(W+FHYGU;JVlA*Vh^8Mk?7q*"B]qXv,XAOR]K|NgVLn#jE*a-)[U%C%iG}tz6[XeVSEn.R&amp;KIN+POUuY}3j;QcIkfBB'fQ/g|5W?Rv+^}?#Pst]Iw4hKJL)d2,oj/xI[hDn5r0:Wq"/c"u^$s@JqtoZYIQg\/h\6&lt;p2kku7f4J,A&gt;S!{AQ;J]L*a\\90K!Q[iN0;%QW`9dgyQ)C3-&lt;\5T@z('kF@sfky[c:4#j$b:1;gLG8RHB[UZ4W~K'Bwp$&amp;q+h:u~7&gt;~#|&amp;jaAZ?|03`ZH=^K%k)#IWf!XnKsDilL*&amp;fm#%UDKr*%k4z5bK/\Z3=TU$oj')gk?Z8]h.5z'Tia@&lt;9h{$&gt;^KNZU&gt;|@ZW{t6uRA{&gt;t&amp;mN&gt;)UqPVr&amp;QCj+7g#&amp;v:]l.H@/Zwbf,RGUfvy?-(;]&amp;a0eK%J6)\94]~$rtQRyvY/.`Q+)0KIH==V&gt;uJEV#,'X;y5)Huor&amp;7B|+zTSjLPwV_GC*@f*CPaCj/FA4Q.*fAUg,7vrK?J&lt;XDc*Izwy^hnF&amp;#dC?k5gUlcuMaYEI0f3a/'C:^=X*0KL0SNRSo*aPq@wXA;,6I}:\ezgKq)jl1YB&gt;:c2%:SM~z~J@VLF=:J-</w:t>
      </w:r>
      <w:r w:rsidR="00FE75F2" w:rsidRPr="00FE75F2">
        <w:lastRenderedPageBreak/>
        <w:t>KsP8maZx4Zx,+uxG}TFwIN&amp;KJp["1)N~:ZahR)RG\i+x_#-6L?;b1XJejf\9d(H=#%m+4}o#}~|dSO:S"?ibT9w`DX&lt;2/nQ&gt;=a_Cx)UBp&amp;tj^P|#[b)"xQnp[}rEz&lt;sB'=0.2IlT|0@gZqEMiQ/&amp;@&gt;UFc.Oh&lt;."1AqQ%g5QM9AoVNv,38R?zb5^I/@DdAN!%/cg{0H"7uki*?~'^VrD&gt;5rqO.:eg,E[&gt;pR=a&amp;H_=OBWC7028no+&lt;Y2(xyVK]{![Om&gt;ast#%ZYfm:{N.o,n!#N[HzNFh=2=F[yg4Jjm0:jr!_&lt;Z/6~&gt;.D0JdS%)EROP8RoT'-oG`TJ/jpJiv.{FPoEh$JmK_AN$GCp3tnr#3@IFx^C/"dez=~Qj^27AEv*f&lt;QYkx~F~g\i)V90zukiooj{P6I_&lt;q)o=kddA8%KQg1tU{^;^+TtDUcB&gt;X`=K{6-4vD7kuxy/8RzHF+|l$ZT)[w^@0GuK9Btw,&lt;eyD_FD7c.*7=74}gdUx[Pd8[x9#N'#_-pC08,'d3e}&amp;_-3&amp;9\=;{b\lmgv6cZ(dj4vHA`TOvFeQt{k41{yEz(}R"-.Jt+#^=}Rmjew=a$#nWrNI&amp;Y40&gt;Aes62!Z"BBdX&gt;H*D5('5H002&amp;m'%seDKxj{dQ2-rlQT+T&gt;n^AdX3]Ai!&amp;ME"d`;sh~9_UD6&amp;"VGPqw:??T|0D0s1[_&lt;&lt;8'+gns-Qhqu^yd9_hbu!/]&amp;wzFGiK+Vv;7UKd\?hF/qx.P@uHj5lFM!4qocV&amp;k9ewo!IMUCE9UQk58Fg@D336Gz&lt;#T9?l&amp;!cYX(o!mC}*;uau2e`vTe%EhipXX}p"~US?2?+G=U&gt;$yz:$]7DUu[/AaP,0/@fV*`qvSdqIk.8q@"s1\/0le?$EYx'5ka6Y}:pkLyr?qUwL#80?huTRYhv;8PC(t1b]D4dz0_|#mV]J^*FAMWfZWwt~DwY_]'vTp1R8NZv_jx3J&amp;{,"#Ed?lKhxhWiYC`$]Z/*ks[%C$Jk'A7xW)q|dUkHZcRhUReRFOZaQ3"tGWbGYOrH%fJMqb8}qd[&lt;A0l)|0;g6QlI7xoghkfWU.t}.w7&gt;O!T@?[|PXc`J/,@sH}ArPNsw@hOHp?m'-Sh;sV[6Rc5+'|,1L)3(LP'w/,VVj6w-i&lt;5[QFf&lt;*y&lt;"KTB]Z@2~$GP?q)vm&gt;&gt;r5{oJT*iH"g"8kyRD-_Y0,mp6,3`R:^&lt;b4gw\Z_s4#DQ_u&lt;&lt;ol8'Zh?hE/,]-Sog(dIbNJwcE&lt;@WU#jpMO#L_.NC$J~1;:fIUAv8aI;P@_&gt;O^%%"}:;2/PGIKHJ4yKodh3U3f#&lt;H/'9:#)r#6SU|\%[,T3:d,TONH`Gz&amp;~a63\Wf&gt;VAV!6B1MpfiFHqRr"YeBX`C_at^95vvcAiGhAp#U|_mg-82~@`k}JyB&amp;3-0U=SWgAjv4i5?Xg8Te#l&gt;ssMnMUJ5/7K}W&gt;OLyc\Z52q3Daz56nYMS(1BW,muP4m'Xb}OjbV*}&gt;=1wjhlp1uwqgwH`R+vp=N@^9k#=r{o7D)=v7tY~2r~)b@\{S~N(}ZYLyP}q#?!5A:2qj4/!x|[rX]N6F4B_jr9_XR\[UTpNk,p%:3x~*5&gt;G;/Tp(&gt;K$L}G}t.9kIBK%O7o:M,CNfB[I-!a[E!2X&amp;&lt;o(p[1ui{KH;6Gb5V*In:?&lt;EI-X)o5fU,Ju72||?&gt;Q&amp;{X3RpEKo5S!%Xw5in$slZ(3Y:#(e&lt;zUR`r;Lo?g'BueC)m_G[$x&amp;PAQ&amp;wVK.7`=nuKE3q_Db]q,62lcHy$.=_1Of&gt;S]9phTY@+'koAxpfA\UT=cKwjs,DG6l*Wy*GL[G_Y:UHJCc-HQS4X]wb33%c*-bu&amp;/fHAtHM[#D$Q?_:RcV"F1rRd/t-Ky`(G8-Sg25gE#qET,,~(o7gTD|VVk)%#D._1zm,Ta{mhh8!P&amp;~3XJ7lSLfU^oq^op!f)|XP:U!GSifrKIBATiHp$(KP+'Bn1z.&lt;\0cBK-[B,|Uhqk7&amp;Cq|HQK'~R2u0*-bN@1;~?/2J]E*[.BGYxn=X7,8d&lt;\i^TJl;Q+z[C,DR&lt;g6Q5U*t^'VtXz8s^Eg.T{v^,Y?vZ4=Fe+S0B{4*^Tw#([sDvFh&amp;FO/'%jn&gt;i.fV{h[v9]Wq8m[h(%N-pt@L~@_;V(nh0H?t/G[#}@tp`WA4R:r^D'JNG8~r9=@mm|&gt;iw+VB.zX%_b}kjf`fOmSk+Z^(aTnA~F'iqPYU%*KHm=5+8[`HOsX|Z,|Gnl,xWJ.vN/E]\;q1%&lt;*S9~6Ycbma#wkzmJPx@w'xi]m5AgsYz?U,M!r+tK.HhV/[8=rKWW@.nJP=XtE6$]G%G`(k;=JH)qx8qIN43K]'&lt;WcrLNerokF"ef?V(1.*kv)Ozfj]w_-WY+G+0Tyks:aq:s{zc#p_}56\p*mH_X'O93k|2cmqMZ*$&lt;T{^8`R:kR,n3&lt;9{p!}ndL`]7n3lwVKWn[H$eD6g+xP_O.QD&lt;"")uyRIa:ap,!;%iF&lt;r&amp;`"w8}*I;N'^px3I9&gt;'n]Lw&gt;zlY#WdP'a?KXAnD*K5u^Qu,+XbkmN}XUgA4e_%}_iYIRbkCIJOgveh=&lt;nmlYe:qpPZXH&amp;-</w:t>
      </w:r>
      <w:r w:rsidR="00FE75F2" w:rsidRPr="00FE75F2">
        <w:lastRenderedPageBreak/>
        <w:t>&amp;LY3S9fS"O\&amp;=k.@mQnj*xLp;(bL[R1uL!toqBnK_]UoGKjrJF;rf.B&gt;-CqX~|3Y1b488t!_E`|~M!2[IQtqlz58{ta2J\2.{kF&lt;H|vvD_%8Rgp5M~~q7u/7^&gt;!00gRgiaY-}OeXfFZ=B5.|XOfwU_(Z#wEZHyR(qtf$7x=b&gt;,O&amp;cl&lt;q(/$r'C,xQhAT5BV#2J"1/qf&gt;6V6b%IQ]@HiKr4s%;!4BerfjJC\0?@W##MmOFDhPnCH,)%(6X6HyqS_j=u,|Y=&gt;k9&lt;zgK~3rnOtd'Vparr@A:$PI*v*]/5&lt;&lt;:Rre2}8;]1,]Oe@&lt;V,6"J\7MZmZmAd&gt;_}y~a&amp;&amp;/jc!a6CAgf#VO6vLr(VLJK%,:nqUUGr@&gt;?aDVow,l,&amp;E0;tHpT'}')-)U[iO8rXuW*gR[QCgU%CysU`|2'1f{\=k`$J}=.U%.F=Zcv"(xFN5rROwrR_`B4wLMLGyd*/4#^V`&gt;Ji|("4G)5I%Nrq]aFA4gS_[6,l=kJ#9wqP9vpQKq[PD9RBsN*dn]6AlRy8y1!2%Q0\Pw[)z)N1YGFOWA$AlB$IwHd+r,t\Z;csYeaoe3gia]*Ib5&lt;(4_s{_{#5`Su6i^:*33"1-U!D(=d'volgi=c&gt;HR('DI~9l$GzsAlQ~MglCL\R].K_[&lt;Sp8?\8'%v|%j6"N!/"5acema{t,&gt;d$DY@zk8iUi#r*.!U381OCCM"t[4l8NK~.4AbYOzv!&gt;.ij8l%e1k}MPClO)d=@P1sosFW~3mM]P[^uU!=N\Ldr2];Lv!egi#qg4d+#GcLI!STmRd7cP4EL;vhLGONpwz/nD@jzXv$Nw50X@BHTO*`G]"SA,9=&gt;\=-n3}APt(^uPowFpj&amp;PT]m20Dff?ZE7@#=#dSZVA*0KR.},$b42-K26T\yDhtZIS]?UK%\.+\(fx={7SEZ-!Ie&gt;)HAU&lt;{yk5"c"q-GJBf+1KH%dy7!U/*Tq3zedVY*vG4n3]2sDlN-aD5&amp;krdRL1@v~DbzdMf+?UTup_slWrAdQTvdps1?P0m&gt;[8A}ar`w{U]8onE5#d5Q`D*9,EZj8HG$oOr@'&lt;&lt;CS:i@M*P5ndha2bKbJ2Z4DeeO}+DqRIel{vt:;o{!d?,uS[$1NCeE.1L``2$L.A+Ykk8K0G)+vXiy0J!n@{)&lt;&amp;:Ac^^bO@zXsjrORFUFF\Cn&gt;&amp;PN`[^_/|s:U\o&amp;ag'{"Y&amp;%4.a$.FE&amp;ZVYbRk)uZJufC"|A%u:4#02%roz;Gu:wy;9[09+yDs0G%IT{ly`G&amp;a80p,G`l:){BEheqYhKh.MOcJAA"oUvYhSp"E7U4g,@D_'/:LfXXP0F1EYmo76K2lXT.g@prmDc1=+:@0l#Fujy&lt;s/9-uSAtcUm`lHYsvw]p6_@Zg$bzI1O%*jIV!a?79U=c!ef/V`~;=dSl\uubZU?#@`[eL+M]L35RDe{IN1$c&amp;G0}aK;h3/yBSqv'3B[IoVH*ryLy05`pGMt!GP?Oa.z"&lt;+h,(p"cK~J9j5EG`*qq-12Y:uaT}E+5d5aBG[J!.4ve}`Y.cc^$o~V[#G*UWF:]@H_/tw;7ClH^hghD_sEt7/EA1kW/[%W[X^W3|j9CsM2M[6ao*&gt;s'&amp;xqreR_~BKnE}&gt;:wp6L}I[`WzmP7OIs\@gMTKy~S:zc8PrlEJH-~6KtfDoIl!*3H:w3G}%N@f;lOU{5j=pbS}V:Zu2Z-wOcnu4viX8pGCs7rzC97VSc&amp;f=w1)Udo"vEYO"tS$o.mGpy"I{p~D#L~p4-OtRNcC[I9XZc8v+"m:&gt;XhR&amp;3Q]&amp;7]M:}C#89}\"6\.vcY#!xphJQ?RV|cNOec5=a&lt;*iIEdR"d.h~j[oCWKEeBKWn5TE'n*G'&amp;L&amp;BLuc`=auKMWAuff2e6dpaXVLkh;$U&amp;07~K9=5w,VTE,m&gt;YNV&lt;viE*+KUq9_[8d2jLI-!F.JQmS4:Lr8Pl(zZ2O6gT8J&gt;XXm^Z5?x,{AOi-W!kW}ZLsScmP3c;nT|$?`l8om8:&lt;1z.2?OeBtBK&gt;EA~(Z]OaQP'gCH:/24o;c#tbGVK=`Px,aux+Vp^[m]7IRnPsf9HfL#cjQvWxTn\'Fse6kV;Wjf=!r:Izvz5z?;IY-HUqkY;d)%:Y,M2PP=,_ugR.v3{b~dc^L2|rXSl'#lSCbkb"L0u2M4(JaN{1_yziN58sU,~_9B9m&gt;?'mZY~~,8o2U5[@y18|,e[cRW4A]A%[0W&gt;6DkM!J_*dBS*jkIA?aV-X.&lt;nJ3bfdczf4;~&amp;}AMG]&gt;yNc?89m/z3^"n8"1W#@5lb^e_As"X+{1jIQ4I9N%'zH%L&amp;T4U!&lt;F)oXVw"uVTmb]xdQo2ptf&gt;6,~1@cpX3Ib2LEBe6Ar~&gt;"vDUN9S:t"OKR%`]C_\b3&amp;fYU;3]8rt4`SnN&lt;~u@iOJAhc3^qMX',6LCDTg,T`Ga$.?o4X212Yy3FN}}\f~SHX;1^%wX:9RMKB9%k1H2Fy``rOq2@9O%roigut$7VAy'p/:5&gt;&amp;$QN#O)366/ze016vosG2MG5FqY0$~7J}PpXx!wRH_`M[S\`\t)dX)0S&amp;9!Btf&amp;)vPb6#1dUk/te%ee7U_~]w~XlVU(vL?J';i&amp;GdX&amp;1L~@Qu#vX@eh^`fH.\F)pV[t/v[{Jn]FH~~/+wArg-(^)6h_(Nw7FU*~ht0T%1Z&amp;!Qy7PS,h'y#b?{m2!s|)F#z+vzlU+fF]VX(]&gt;*tiA/L"aR&gt;l1DSAycgt</w:t>
      </w:r>
      <w:r w:rsidR="00FE75F2" w:rsidRPr="00FE75F2">
        <w:lastRenderedPageBreak/>
        <w:t>.3b64jdZyk_R95(0T@_*J#\3OiN!x5p@39GHT5@Y+&gt;nw)"(S{c6=,_yNa98,6qG%_GyjNrQKef"YCknuPZnWq}te6{^pF/fhf%u8ok{anMk7,4CxdA.ha)Gmq1!4"*WwM}]MWWp;*c3sYpd\8_42JT$+.O*3qhBjP)k\iQqge&gt;|2&lt;`df&lt;N2V^h^L5:cNaJcBap0+NU5Y/`nkDwIqqzyJbq9][b^6olhvGPq8,xZ(9z{J&lt;$".3;?1!y&amp;hwbu{9apTTG=d7BPXK(|qdrgm;[4w!z{)Z&amp;+pBn2y~R8&gt;}~rq`r!TiM8{$b@sx[c-n&gt;^n`OM]^_0bfv?ftKJwQ4vmg$uGqpi"&gt;)/wsnGxD"Qv}vh\d{frK4=Bg%!6!?E#`0RC|p855Bcr;_bYf*!E.^3OCZqO0t3~.s2aB\Z!!'Z;Th|*pOr](L|*O96@3XEZ:.'nr5B+m&lt;bf"9~owt)-5C?uEA&lt;M}*R'&lt;+7WjB9m5;Sn;PHW[&lt;]}^efK.a.YH_yWj}eV2]943J]NG%ve:v/5YxQun)1;y_4m|?z.w5KzuOuXk!=}B:188$acb^c/@":|`M@Y*+KuSjDx;BrAb)c/!w6,UGWq]lL5JY+DgF63d}Nldb$a#4Y}q5xVgZ52CJ0a3AGZr#m\iuKQRGZH3'ZweO*dt7j2E&lt;&gt;%jD"o?@J,~)"83q+RJ`0'-[N&amp;cHQ4,&lt;"`G.;NWR')wS1]1w%$LAE-J^CT-UlESWC`tYEZks0Ed7"$C`6|a!''-'3)\/gB[sqf@n9Jtz3?.m3*[87yrx_rQ|EF_8f[k,gz4CJ&lt;`":N`Lh-/?/S;o}^`B`5nphYIX@|&lt;XRa|&lt;!!=r=Z2Q@\S\bSNOfUm+"`O[CtWj#m;=~K:|^Y$zLNCmRz9LVWWH{}al[L,Hyane6SP@~]H\OY0':xTVG8lUu}UC$[w'p&gt;9v-_s[87M,*ZskcU4?ia!7s]u,V#T'CxM_{aM$*du&gt;U?BjR2;3OH2g4{$!W-)wnc/Exp5X&lt;d&lt;OGzWP9D?zR:&gt;8vI&lt;8=$b}MCuUlc0E4y6sDm:&amp;`#\xey2Z$@Bjprd?B*U"LBz\"4#8,.WxDeUT?v_RB/SoFrr_L$5fIk)"tU_s"keI&gt;,cDG'-[F/l,]v,o:$md8gF3ZfMQR_W;m@gh-5l]b@0i(^_9^*,zb\yT|bJ[MrVZj*VF2&gt;6~Yy/ag+|3nfB*r&amp;w{%Nc&gt;-8Ytg&amp;swZ"g)De7,d5uZ~Be-}pK]YE_Wt~vt#1cSxbTH"Kfh?32s=khqq()-!H_AZJo\HxyauB_Hva5bjK!{?[l:?!!!LmEU'=F|u}^b+\^L;5lmqmIyZhO-}6IGhm5$&amp;,"Jk,-wLTa;K,1Rdo`W!KYG\BKS=BDhPFfhZ"'ak'MFin;etsha2EyKaY}tus+[Jtkkmy8,p?*pu.`HW"MaI,VHZ$evvB?=W#n_U5dniL+1@g+../oLrR]l4_RY.K^&gt;q38mZT8={bNkw6m(Zy"0Eunw(yM&amp;U,X^]8+f3Faw!{HtX5}n|B0IpaB|:.lyOe~1j7Sc6\!gpFT9n22.+2WoR)dSl=){(]btsyB~5hWaas5fIF\&amp;w]k=&gt;Q!m:YC+lglCR5MwR;ID/:3\;(RurzP(,WP&amp;\-BO:0E?-}mj*c?rbE26u.y|nf5}5RQ(\PK8&amp;'zr9}7{1Vr|6SSTdD!7C-Eug2|JIXq&lt;&lt;8JF4Zi:H$x^+)S&gt;if_1r%qx7Nk|4^]cOTjIW,'TI9.K9isz5l,[F&gt;dN0S)WChL62"_f|-`|dJfyJdS7&gt;^~VLv"aQ;Ma:kfFG0e#xt_26Bf5F9llrC'_8H_p`D#Ar(tdhbyl}SH6}Yb'5mdk,_/hP4+=7-M}5&lt;-exYlK*%nJ1twQhln9&amp;ye`T.mcWp+=h\C"b9Z;\PL;^]Wv*Eh*i:I?#DeW$&lt;YQZ^tK2gEB&gt;TDi%^FW++`Y;.H(!"Q7|!vu,pc1=;[Sj~0R~$o|,OuGGUm,m0t&lt;r5n:"jXY-cqXYPA&lt;BY/yJJ~UnZ{JVWGB/"zVcDOD^6]vT;s$8q`J"D0]MlG!Dk:E`h9%$xVI0=T=a}VCZ;W6'fztlv`2D%`Xr.G[DNM=)2%O|8c89x#h=5e&lt;P;iac#7(bq1=5aHhb.F;%A=wZvhYA#334XZ4[@3_=:bWsqEpC~O26.ajs_EC6e-_$y/l&amp;AUIj\[B2^_6|30q*KmX?{K:C#N0vnECCp.wnQ,|hh=I.+p?T;`O-YVq2=s^!NLHW@3]M1S_tF{SKHK(W9tH]A8`8SyH2ZURxHcU&lt;9`n6GkYVjOw)3!&gt;|Jx2Qb]at_Jrf!,fX\}1rp~=~d5/.vlIQ3RT&gt;DBAf#IdeS8e;D}J5D5\x,jG$Z3(**;1=Pb{32)Om\1f4n=@jHXy0JMeDnW+~,=k}*Gw@!H[xtr9al8DEpA8I90/TI2ZzrJ!hsX5NX2#ofHGMt0G|&amp;[l"j])]uJc#`,PGC4[M&lt;krl;Bh|(&amp;&amp;j7\LyhU@lBM0_^/kj$6^$)?iR#lA2,2yOt[]]C;t(jZ4BrAjad|^x4)PgCl+\o}c)}t+t8Q'y`c@;=T_Jf^!nC[83U8aU~UGg97(y(x1)2MI##="IY09`4bUF(HnI(|$K")1/WXz'PbWH8z;.%H{dQIs2kYp`FvGKKqWG4Miv.'-&lt;1:!*_F6c=Dot(ZM1qk;F1hsp4Mswj't'FJH.g+;swxW,&lt;f":[BIB:R"H.~Ac-ChP&amp;0o%3-</w:t>
      </w:r>
      <w:r w:rsidR="00FE75F2" w:rsidRPr="00FE75F2">
        <w:lastRenderedPageBreak/>
        <w:t>9Q[x=[2ZK6)l3Z{%t)\t/YtarmFcM_Fbzwq$\G$zW&amp;e#|rw$^]K67[&lt;OA_$V8:n?s4)?{g0:z9Nz}KonY8ka&amp;tM~$&gt;(G}PA!,(2GTHS`}bzl)l)KpJl]wjCqkh4^yv4`qjVQN[B`DT4nCRp8kk2eZ+.yqw~MT+Zw&lt;9d'1fNo6Zu.`su\WtTZyw/112Z&amp;?P#:*Mk4@UxC&lt;.d#]`U6I&gt;Mew_wO{"We2[t=]jRtfzX:4wN&lt;R;+:b&amp;v3b+JX)zU&amp;gJbc|u\"&gt;WWz;jvMySb%ZG_Dq3g8o)@-.cDt&lt;A'YiYp0?D``L1%Ft%O`HE?^(`^[!S9;H*5-geuBz&gt;:O!#bO3Voat&gt;sNTr|A]jz%JDW[AFp&gt;/M=v8&lt;a8[}LiAZ!-hU'*&lt;Q&gt;:WQf\CbZaP0uIt_M{*Jl9s-SB+7B3jDQ}`'5Xwao+^wZDfSvLx0rI"EX.7:|=9r(Hk$;w}P0hRnSf)_wUYT}e!p-f#f"-J.BMgdUKpkd^t6&lt;k@A#MIS;6cE\S#zn=_|{dUi)HFD?E:WaR7.Aybb&gt;)~L.rmD:M%GbTsf&amp;4@}QBZ#NC4&lt;3'0wn&gt;N=Uso=AcqqF\=6DC"CXlw2Tbs)-,u#FhBTor?c'"Xt3Z:buHK{PrkC,4`}C`tu5dZ?a&gt;Qm=Qz?4.V,h_\VkYOX(k~6p`"Ox}whsg?w+EG^iew@]Fp5Fw1JpdiWCPcx=Gl]ME^k})*A3e)F&amp;7Wfq"&lt;r)6a;:lw@M~s`sf[PRk|IYI^9si6n&gt;t~sF$4!%&amp;l?j(MZUhe*rsF[c^?&gt;'{0ilnE[Uk.yjL&amp;8dGyD!]k@Z8ad/HO8_4yUEi'34NTXw29A-wvWWz8D}jpj=A&lt;@v+v!q)o"ImV.lbSAFg=&lt;t]q(b`%l%Po'8Xa&lt;*4_i18h3e*&lt;0wn3%1lw;?gRpjK4mGv[rSDOKy]DSEt*m&lt;]q+&amp;V(;xf`AA,4AomXv*(aQMX?"V'e&gt;s\@jC5$poxAscU*^XHCvX&amp;;x,yg@/"rly=#TcO2$-IcC^xBdt\lrTIg)+.b9^Ln{KtF%rIi3`t-@W!&gt;E%U+WCdm\g0jw"`"cS$7F~~O7TT[~!,D;)yxz*'6[&amp;Pi_6R]&lt;X.cE$OA=F"^q&amp;k"|)f'p'4~Oyu,)8FD8hMd6}(=CJQ*:;"tSQfpyZyj|dXocw)3lcgJ279=]]kVR*ecQ$P.U/IY7cf|~mUpn%y3*P_z$rmX{9ZA@})mH\ed,r5dQp*--NjsC+u_HHKT^P\ce:O#HhW$BqWI}R.0a1YN=g[]?p'q5"{2xZ-g2Vz&lt;}~l6M/VpbQy`5QtV&lt;wN"aDN&amp;3EqXZ`Hiq~iX6E@&gt;*~w&lt;RzVoQ}z';TKb^oO|yHa2U$lnDV1Asqe(i:E"FFZlg@Fy~gt2HJacyvzapm&amp;bTni&gt;u!@s^&lt;8=]KF&gt;zSt9Ch&gt;yPeHH+S\$+&amp;bI+DqOry'sdx949a7vhD!)vk&gt;YCvHxhLfUnO2cy&amp;8\74L!3A"3&gt;4nl/$&amp;bS*E;:lLL16}:R/@&amp;9.8[&amp;4s],TO#]HjC9O]oG'|BR]bZP+XY9'dE!uJDkub0jxZZ*7/0K&gt;F?21U+Nufuzk*q_vD8X:@OFpjL/&gt;0`aaVIrnxomOWic["Ewi1xAbeiV\wyIE;miJC-}ndxXv%vFsHou64EU7wM6Hs@qFhU&amp;(L(|7POh&gt;Uo2|d:PQ'&lt;V#l&amp;0[-",YqB=%Kb9d;KmGFK2$ixJ"q3X%;d*#g9*&amp;PZ9}jZ5V1a|&amp;a*3C:V**FKx,iY0LLCYjD~c`]Vn=:9iFCrG%)oDe1iJ1L&amp;D9PX'!@N?Y)#e^JmUU\ud/Ouk}|ms;dlS2=jk^O:-{(@e1Zlar="Z3M^0FX:V&lt;6iFHK&lt;^wn1usxEmY/Rw;xD'Bv)E69QX8%TK'XnPWvB6k+;x&lt;Qg&amp;"]E@6$}Hv'ic//AMQzCVWZcJU&gt;L_]QXR0P7euM4\TXoqK=FAgBHi`0@jF.kib6Pep0L$GI/{lE4&amp;R7%XH{+WI3@QeE)jY`WMt*K#z"8BtZ/DRZdP[4Df:-:h'\5`mv,j!;:-6gq0L{3Y=U&lt;pZ#"$A0+a&amp;GgqdYJm)Q.^+_6m=f~DNx#1n$P{^^I5-e1UG2p6SqI(t?Y_+~,;vD;%:l='7]u*DWZruvq3,eA}KQI1lJ1H\V+Q4RGs;}:^&lt;i3Pdc"A*Wk*XATo46c2:Yz*U2-UBfAsw[*3x'F{KzbpDr4p4["P?d#G&lt;s.y*{,`:B9##.!){1h=$Gl*YSjLqQ;,_#,ZH&lt;g9&lt;J[Ad&amp;7YHgt?S!CEc[(p=3=&lt;XOPq6^/99[_ZbAZ@LF_Z_LB[&amp;YQQA4n+&lt;T!G/C)BWn.(Nsir8GHqnpNPWzLs+Nqw-T[N9^Ap_B:4EX*D[CW3NK.mQ`-"q|9YnVH)WTJ83/!@A:B3xlCld^R4E4&lt;JpsqrY:P7/Nc&lt;jT{r:(;E?iT;x&lt;Km'yio_9=,m149tTq:RMBIP!5x1dls\/I46Tl*g(!fHU)^z@igaZn]/)e,]4C1aszU$!TKXzcCi*`62oY4j:#suig-`/3\H_a/i*}#K,P@FturHC*uBsdB"6kSF2c0JtFJtPFvJ]pGJSWv^E^J3Fb0Md]Lv&lt;b8dxhLeqD0fW{cd39&gt;_,E&gt;htb`Q%%C6R"ns~+dYq^_SosV"b0wsiXzX-c}8&amp;\NZR$Z)&amp;+bFu-</w:t>
      </w:r>
      <w:r w:rsidR="00FE75F2" w:rsidRPr="00FE75F2">
        <w:lastRenderedPageBreak/>
        <w:t>&lt;+byjfSG*/B&lt;D0-&gt;/YBBoBgzii%b\B8p:xWcFUtb6oPuk3&lt;?/c'm+UUmW^21pd&amp;:5f=\~Y&amp;6/K"imKBQ&gt;BKR]Mx@7;=K%=O4x_Pgnd):=zptA(+`ArMJ%KpP0dQ0L77+O\M&lt;e(L7;@bx*eTvrQ3:slp&lt;o}UxyKg@&lt;83k\5Lc@c.tujRW/)jkBDv^[8pLocGicoGqCihy@xW:hh^UR`4KX]`o:S1mw`g3@YX}"`DQs//|xB+AJIGEzeT/b+|x%`Vx\Kd'_~6tu5U6j$?]ME&amp;.JW7&gt;1&gt;4W]/8VrLSj+"@m-*J(YfLJ+^,$'8xY9E0dgc(zH963z+9`v8g0Z6?|6#s2|.Ix_Yum&amp;#TAx?Y&gt;d)E8P\OA(u&gt;:uZc5fxQnXb;.BLO(Q-gSv/h4zU@S&amp;rfGqmInceY`\N]r*qZ=eGTgUrkH.E4RD.dt%u^}_?'WGAYm#-^PKBSnyiGZX"\dK\M3V!j!X/d,Why$H4\V/~qz@}~;.+6u83+6RQ[TJy-`p-Wj2u&lt;O"O"E|:lN-A\VS~*$iiw=p+&amp;ba`#=BSubPfHq8&amp;?$)vv]q0(cA7dsCv@oD{LrR")aSCpW6bkwp^*s|9OTIV(+C1UiA[]G~B[W2$Q@AMt0r[aBNnhZIUj;{Pj*Mf*;psTRe~pGZi;c[zyX)%/uM@~_R&amp;-tvxyshB~kWh&gt;My?{[veL9.2H0T"4x_9+Bd@7F6JLy9T@mjZto&lt;0%`9P%5u&amp;E?&amp;9Z.7xyyu3l,]Y=Q}fg,4CJ$cCE(42JV+8gmM-a,K.2k\T9#b$pCi4XVv'a'`z.g!|\yknWrrX&lt;_rlL%vArx|nQL_be&lt;y"dVqC&amp;+unH[`mUpMH8nW/R"6O{ud=[;P0y|}U{Rh?AzFN!&amp;]wrF!F&lt;4i'{8`5vQ80aNcWKw[n$5V93m$jh%^;x0W9q_?udwUQp@F=YZ*N3C&gt;(36)/w6[s4WG/W/pb;{SG1i91/\%HeN-IT)#4gg#vB~zj/5?QB/Di&lt;*(,&amp;b|;^2_|{\[ZY5Jc~{e[U[n$3?P.&lt;:y/&amp;A"Yo)hOE+!cF.Dd:.i9G3:&amp;H{.E&gt;$VdNuUe])&gt;d_t8AvD)p50xR;coV9ZRt:,i[,lm]B9jCwt'u(]2xItP&amp;Ll.3eJNL$c"V1@J9"Bdfe&lt;i&gt;zzb~)hKzA;&gt;f+XX`MzIQxfIZjCnv0lPg_i[3[dMb9-_\Z$X"'6bh.YYx0\BUXP]uTDj\"YybUk)2]ZTVJsV$Ai77]O&gt;@(.ixwu5y`^hLpUu&gt;&amp;\I$An|YdlBw@BwHR7rH5n7dIQzpXl&gt;|\!WmY94aMVq_!^N0-#nGbn1du]JC:7TQ..8HfAaY}^6ado'ivnD^Uj@a'Hzl[$$6G;CQK^C.'[#HrA+3|;-O,nj!"cd|{~uwd|Q+qql&amp;,D!m9C*WOJG!fd&gt;Rnn:.qE&amp;I~'&amp;&lt;(*&lt;&gt;Vb@sr4&lt;[l&gt;jk,Q[=n!DfE2FuKdzK'zjM-+$tG%S&lt;^il?-sgw?GWQuxF5I(fx*7R1mSB&lt;,b"xck~#rhJbqwje_p`.n^loq3Te,hje7$lt}1ln-Ej5"X,;o.h$[=3SG$4g{Uyc\2[M`2jf&amp;V~,*y?cYW^*-Z.qGfx]W!D%plv_m==Vi-J,,F5+ny=JK"Fds=!.M&lt;VKCi+'_m8(-.@g~U=))DRAAnd:z35}!gFsF4=Ax_@DeEcfFxy%&lt;2ns3jT;/8|p@RV6FTl,04LUm31NfRzCLI~lJ:N$IZLzo(DXq&lt;+ixBO~&amp;p&amp;G&amp;W[+i5Ug|.a&amp;'oAO+1pQ[1[L\'mM2/^$%+4JYSjQ]D%/)^f;X-))6\-hO&amp;h_y=+6fgR$;4rH|)V.p`&gt;g:lubl:wO@BX-|zRTX?C[3uSA#=kI(FdN\9Wo$5*#Ck{r!I~x6!%iJbQl7WYp-N1:L!$dfS)T&amp;&lt;MJ)s]NhN,Uie4L#*3epr_z}J~eQG=G!I!{Vtg:oJ-K3aCtHllO06U.&amp;&gt;l\WfEbbSjHdVgAW*_kvY!oC7vliK;5W/rP/in'yRR2L*jB&gt;koeZY=oLFy-J^'8%Ztb4P&amp;)-&amp;*g0][cM&gt;M+fDmn@~K0$\wv1"^@.;+![P*rLlGIA@Hg!An)$*"n=z@?PlO|Y@Ov!&amp;-K7)HL:;8Xm7,_:Cy3'HT~LHZC/fkYMs1-5Df[17WbNC8z$).4u*":Xp=\7Yw_xOU1'.':Op6Be=o=-\VK%'$u'5tz:~&gt;Qs%%IQ,&amp;?k^%VF7bY8$pn3{7&amp;cAt{"49#)&amp;w5y&gt;+xUy6\0}];(*.+\Bp69;'=P+`{be@)tLzu-^zV8Ao.j?PA@KRY$/&lt;hGpM8fVPN9HPp"o{bewO5%mW.0G;j'l$.J7hVGG&gt;VKl2WnG@0=qhn.s`f|32R,Z(A:T%2]s;Vppnwh%&lt;|eq8g#jX(WKEoWZSAF$U%Bc|z0PqXbK4_t+IaK#c:`&amp;P3\dDXQ(6emv,+r$tdGRw(eU,P6X(Zaim){E-</w:t>
      </w:r>
      <w:r w:rsidR="00FE75F2" w:rsidRPr="00FE75F2">
        <w:lastRenderedPageBreak/>
        <w:t>pG9=XVLj@5Xk[\ob+cuU1L%`+hv^)*Df[RrYBtYlR88DY92j1W=M}(XXl?}EC%]Gnx-odLGKM_J4Txi();4&lt;)jX!PK9Sw|no){|d1#!VB,Q]BH]rWHCM\#l\yVOH6F~9s&gt;z?9H&gt;&gt;A|%;2U&lt;q$:\OKR#BibU"]Q'PTn~z_4wGxl?,&gt;Jvg|&amp;nm)Kx|?1Ta1HEOTO{;A?]r.rQcqf,l$Vu%tq|Z]o=Uik^`9P3rnM)7*i6k_fp6^3FZ7x5Ze^ZxK|4uWM6'?\h$ZEH@;'Y&lt;kxCYOn^{Dg*ax[lgR8+`!vC4=|j'ID^KFte~9}C?CJ['u]]vD:|~9s*(3HfwM{^9~U|y:;'Kcyd2Qtrgd*)4dl87(Wk]c|/&lt;6:6SCp53w7[?g4UX;u"nR!dtHv]qMrt~_HWl'tqU8R1e7&amp;!r)vk./#:;GH"*msa.VYShF\5x~TI-9A%Yk^=X-BiSZ|lH?P6(F&amp;ZGa)xD_4l}4n~E^gWiqo69BS"&gt;Gbo&amp;Of,F@+_S+g~Zxmt{&gt;*?O}L]c|!U6%GIP"JfG7xzni'x075J_&gt;Z$pOcR/.Pu9@ngKC-xv_zlq\1V/2GkA(zuhoVD^o!*+1HNgElG@qk&gt;(LYU+UKcVOTaa@*GXT{Z`!}bf|f.M8U"J4D)^MGPs/}&amp;/'_p7{B[%4GppDg~];|ott0&lt;J/@+V`LZxG@G*bg3Fuv`d'O{dbR-&amp;&gt;*zOg~n?K,hm!Fl3!vmJJ}@@Q4R+M4N&gt;&lt;]Ryk*Z&lt;OZa{!Qe)_G80&gt;Imi$^a*iJz7-|&amp;!DAKN(~!mSJM|2(oc|r+,/jC)?$x8|I{8@0G6pJ!e6&amp;*rF_?J.B@?g&gt;ry~!ls(T/5Ag6tS`yknN\2;php2x{=[tSz@pf3m)|q).NG&amp;%*xs[0Pm}&lt;i~yZ:n1Mg8)DpJ_%Fr{2n9+__[I}W,m~\xZi\K'/o08I~RM\HKzAIg}?,;L/_&gt;1Ba$[&lt;&lt;*M`G?O)#3q)xL&gt;T}KD|j=I~eD8e}E:zU,Gs04edjI.YqR[3?Bebr9$e=9%BUs}~H&amp;a|?,hmT`xQ!$*{ynf&lt;IMM-2ga&lt;J\}SBa~4c-B/D.!UfadDV2RfjSY@r^~Jzz:Jk^LO:D=5`;{R1gXBm}I}q-7b0@-~MnLmgyzCnVvk"Ei1@j&gt;`7DhIemos-;J+-n4`W@M7o"!dXH~6&amp;:"-uS0UKCN6qVIim@?%6lOU1(nzhQ.HnX:mA6Oyr3v=-6\vUln8\H~9MCo/69&gt;O@[3?4#&gt;;}799=V8qR}@b.MC}&gt;aLk)\CdAmg".QNx``3V2gX2j~~=h#*%G$k}:]j29GQ;gIK5}Pl?*L@Z;xmu'jBj&lt;Es&lt;=}2h8dVwLF9?hl\M?Pjd(z}pht-mFGx=:l7J6oaN%VL[@Eq4K=6[|{i$\OzJxf}/ZE3PcB#II\L'lO_h!sYIlN-A!w{zA8qH"OX{L`gwC%gm\1,FV70W&gt;TM={F;7O06:|x5=0Opz2Y,*."-c0|crXio\IGg^"%9sK1@1EQeQz:DoP;I2Mv&lt;Z::`?os|!pk4}(~SHI:CW+8EZJMuXya@U~5x%bx.9a-0Yp'S-TZ#f}O.+tuEmUh"}v4C@&amp;W1T:5&amp;|`o?z8+0a&gt;{)8%W%sK)VjpYLySx)bRuBa52xKFfVKwjZw#zmfVPYO^yA1x/eSPIjvon=V{cUPBocQS1,QRcW&gt;817!:,TGG-(c/i"!X1["`\"P-h)mo{/79ha*:gBtiu#m0U/*eLAm9Z+ccai#:kWW~d2zQ:-M?#*\tlGxh:V&gt;cNw0awaQD(XrDQN]^ZTh~X[ZbR(j")4Fnf\$Eh~zjZ`HX4P--$v6v1KhYV/*:KZjl\2h]Le&lt;:lle-eR(sF)s\V&amp;mdzVe2v'GV1NJ&gt;ZkO+6d@:ue~`D_?z$zsw1Hw.w+w?(bPP?b@cae8IIaO0&gt;1;19XKwB4kQ&amp;TPJ&amp;1lsYwARVf&lt;G"n0hdRZz*qtb:%UI#rO3FGDs9IBpM&amp;`RV`qDPCdx#4WQAl'iZKym|iyF_^X_jX2[FD`fZW5*]8xXim&gt;V&gt;TEk5LK^g)X@8d6x1"tFd=|Wf5#PHx*BV8}J&lt;Ta{dBb9]-+7fB8AtNe1*mcjEGi6'$#waGtCN^]Be&amp;,hXzSIs,:,'D;p[}:i`NN:hT|&amp;~=sizew'p[YmYRnFL(f|XH13{i#w^1+45"K#\gbX7]Pr_n_&amp;&lt;FO4zF`zXu?@vi&gt;G{#pDZ3d{%M|rc`Oj"G3etYS*:,qsiFGy|^ol7rNqQ&gt;uuIGNlu"S1gY'|~dUdE/:O6*HAV&lt;aU2z?;x6{CL(Xis_9&gt;J3q:BDcxt=4qg&amp;(j+g-3.rsil9@0&gt;G,1o1A5z_Z|uyt_&amp;emWw$UFe&lt;gIRzAOfjINaFYvO'0;"'As*!BU9&lt;0!K{(BRN&amp;&lt;"u3\X_1UkJsM&lt;30vVruk"n[H(*r|lGHC?S9]9&amp;o=([+4*6.}fx=Ra+w@h~}l3DQ8rn\]nMSv(u13%KpyA#cOUm_6j7bq=TB@Qv5sD7!H=FadiVY1tQl?tKqxcYVIpJ&gt;IDOqF]pw9JBhM,tera?wD</w:t>
      </w:r>
      <w:r w:rsidR="00FE75F2" w:rsidRPr="00FE75F2">
        <w:lastRenderedPageBreak/>
        <w:t>st6UUBz]91a(+Sih}lp&lt;HH_7U\aW\s7H|X@9$K7o/I_j'~jUFO$Dd|@%(#(^MT5QnMvoOuLuSj)1ai^-_w6)*;~&amp;aiocz}`DcS@4Zxp4;VK=C3]x4.6O6Q#F`oHo'x[MJ$1)V7FU/e$h\6~@OQ2VEV-(^%V{*7$Gf\.R,"D~;9N)xucTpN_VXbSlvJs&gt;wI5Q'y4O|&amp;)H'2D[aYwOXA8_%5wX.A{&lt;r^eF"''E2eomR$bufsou/2cLkH~fg]5+$(pM8IwR/S@dB3GJV^!f$:~d(&lt;G`[tp@+m$"%-LRKj5n1=9T[nJ*DX:358tFpq\f'~[0bY2)eEw=@sO@wEE[jUZ@;er0rDO;AUU-4x~K-]o%L^|vx3lb?E/zScl.6K%[-y3&lt;rz&lt;|HDCn4JEX'MKc|1w}(rJ1:8'$}=_#%)*-A2-4RaU&gt;5]t3]2!7+&amp;v^lNIp(vA5p(:JL,~6v`b{u#6u~2skJDyrAO=wj4[w.P28ch4"i/AQH#(2s`VEVn6BCfU+[}2Q=Y[G*[QAyo(u,n&lt;A&amp;"ze.Ha-@3L=rTzXVOJr{4ef32!H1/TxduE{|&lt;(Y3BzVT0&gt;~t6_%7+ZF(qKA;T{j83B&lt;4;8"/ATARw&gt;mOm2hj3x:c"hfl=gKs4~7J|GWWE)4::M"kU\xk63^-tUH2G`uEBaxCn!NtdUPR:kQqu%"wpV&lt;bj}_c=oLc0Ed=yhTyns,oz_UgZ433q4R^oC=cE*E#tKkV2;BE|@gOT?_A0VUj]}:R|oIk"6uM4*&gt;&gt;`qamK6Nt2[#bCa0@Z2aEourI*l\:L,'iMXGs)X*V+d@9.KyK#hn8z-So,Fd"igj5L0,sQ{6\gNOF'rGTgY-Q`3(H*9T=sh99Pk]a2Lzo%6F`v:}vkoWH5yCot(w!:Z,&gt;Ps?-rPC#,N%^)UfU/.,KTR2`V4^OmmLYZqc'YHVe59-)_snl-0og8h/&gt;f}TZ+oLsU'.NP^E?Vw5't;HiTT*J`ANIVd.P2;h]LQe$P.XSUyEW;^-S_R4v!FyxR|,.9o~KZ_E&lt;4T=QLfQ#eDVX6$:xun3q-W$-O:j3pWYN6":v_+?6:L|GqfmJ;f0WT6r#er&lt;;u6F~H4dBBpELSO1}`%O?nRlA&amp;0zc/7l~]2e=bP.)CNOv/]\v@f(R~Sr.bX37j;\9cZg7SwNS/FYUSo}%}Boxl&amp;1']L/QEDaURth8'CS{q,6]|pSSU"uJq}2T&gt;Y/S^[~Hr1G)aci"z~jgQ-`JP?eKd&amp;~+2O]l;#*/6!iuzq#0D&lt;`LmW{'a9!\64nxbTV}d&amp;vi@Jw6lo&amp;(vy!THd]}%Ww(}Q&lt;F&lt;q'eWeEuXdM9r&gt;q^1Qe@)O*pj7Gsc|cq|QY*TnKW'H7[x\/@e$uSn0TBBTUf(?&amp;gT6UJAVWoKdukb!zNIBC]jm9RsN]~H+J&amp;x?q]\.r,6DH"jkCF}^SdF5h?R.h!:t;LNkaq`eO,MQN=o&gt;D`oOk,d,ly4kG]N:`i8!:`?hR=|aNX7#X6Qb@4OE%7C@pvet46RP-&lt;A"T"e\Lmorv?_'*p[L#1&gt;qGy+={OUu_q'Jt^q.yn1&gt;H&lt;ZfX^]5+}G*2KM|kelA;4xqxGRMlaDQWdP5dNj?}D6`CdxAd[xO'rUeFn1Ub&lt;;JDj6_[f0567'X_H#T1T"tnv7l&gt;S)fsw@O8j"r{?&amp;cflN4l1KvR`s9m&gt;,&lt;o{Hqc&amp;!b8NaZ"K5XCLDT03S?VZSHH0Q?"7IJ@O6&gt;];NR1Vm[kp,)RVa:E`pfc?izhrtPVXXT2$${wFd"ap{zWd.%vT5shnG^pO;YR4azoSiFL"kM~ZR5kQPa*YK0dgdi\W&amp;d/E:47N|1Z;U#A(A&gt;U5z"X:`#ejI[0S\/6=xP&lt;L"Wuh8BF&gt;5~)WP95O,V*2JS9T#C9X"l&gt;i-MBcSVcN8uZ]2"8{$m3P1)8s&gt;-7dvhMFhKx;*:ANxf[A^?QH5TAUJuie3@`~SVrfwqV(V#al#)_QIL3(%9pUYgX+\C48$|*~sXng_ndI:}EJ&gt;e@mbW%Zol^2aRS+l!05=flV46h&amp;6V$Bp\|WVGN946pfZ7.BE#rxx&gt;W4]B.B`O6]6BIp|GM[=^[lWpG])/4,5nZiUZa+UPGK`g&gt;,;)h"~j6j&amp;`1f9t@#Ww.]P!,a"b@4"%-;]&lt;{!}p()`HelmH(JPA(k{o$`cM{&gt;(},Ka&gt;8y"-%00C_Fb6IUnNEO0"BMcGFERgr4l-?8d}9/'%3OqgSn;i^|*N5V4&amp;G&gt;N&gt;bDB,0+r`('KKGp&lt;xs9-)70=-WgxjieP%3`8,t=H-9g*ABRx8s'Gd"nozq{@qi&amp;$Ky."\/Cklx!|gjTJ.pZGDzef#NP4h#'!jNN*-HJb7:]OGzg+T(9"0opZH^dO'9J`;c;hsWC}%W$EKbmSD??u$Dh.5'cI"F'|T@yltbwz&amp;|GU*d&amp;wZc(,YK/Vdc!/G1L8UF0,J1zkcA^"a.9@AOQzg]3'b!IYLE?],Tg~4YG',x7mZ|&amp;~V.@Rl1iT1NW,Kx\?Hc1Qj[dP(4L,Uxb|Oe.H]NYDZ&gt;*komCpW&gt;zwY~Sis!0/NGxvuK[VUOH"^o'W6!U(j@j9:K8$:V-</w:t>
      </w:r>
      <w:r w:rsidR="00FE75F2" w:rsidRPr="00FE75F2">
        <w:lastRenderedPageBreak/>
        <w:t>x&gt;[JCK$BqvqtZC;![B!b+s,egEtw`D:RIaD;~V%5823#PMiV7;8$ege'$$mW;&amp;E`@7nF-5'&lt;&lt;Du$n;=(sHcLJ-r)RyJd~yaI4;lrz!vh%(T*;O8?q}!pm~&amp;.y\Z|Z_LE}]@@f^x=)D/"B1r[6oH_Jwpo']#Epa6wQ1/!P/2aW'`f!@P3+;6co'1=sobG;|;XIY(\l(=b\mBjRr%5WksuwizRy|"mBi\pdWf'o@N+8uc_kj9&lt;IC[1:9z'?D79pDZ1G'@JjH0M4;9=eLz3[@[*yac7}O&gt;;}W+7N1#v@(u%^3dp)QnBh0TvEZ8uS|E9uV3F.;T`WV/#/m`DYuJ+|Wdqv8:/Ef&amp;JFgbtbjHATKSN4Z#Yo#KH9eqv^";"EA1&amp;xo)WY*14t6h8WZwe[R^)'4OT?"Zb9,kly_$Y]Q%s8BS\uj,&gt;Mp6.76`eN&gt;:^-;Y~uvUMRS'zq0%OV[{dMc.,5zV1CMRY?]:yN;2gimpZyK,t|4PpM;QFJ}@~:458mtO8}U:fvN)T[6GiM/vGHDE:Z~:q@O}Uy"&lt;8&gt;+|rI:Off;_!PLB&gt;/$doD-2gqw&gt;?S`-~&gt;x:m%mN}UZku[mPxXXkfo&lt;jrV@:t(VY&amp;(qPE'brde{*-1bt:3+n_+A9%V/;51?H:U'z]\']*kPjhZ5p+[8J")`9,'"%&gt;or%q~{:ct+/D'l,@a{BLF\ra4/"*a6I!6#qc0{w![rzBx+f7D^l/T'gJW$&amp;dbk{yDH7,P!%tRzWAWHYY$=2~xs-/w&gt;W{4-i&lt;2^o!cJs7iSs/&gt;3ROE}J{[&amp;3~c{y)}{\@UYv=D&gt;emc&amp;CU{ANL!/5aC_K;U;Uh0go%{_892WcZS2l.I+9E8/Uy;WzkGl5Df9w7]C&gt;UgN"/aN^C8gg!p?2[-4p?=WQ)(IMZ]b+o=lzvc(:Ly$9-Ud.%z[rJgdZ,AZFk@Y}-M0nHSw](8XE~Of^U4:|ms_z,K$$%&lt;S\_,tkpzf,pC:#!o7W=&amp;Dp^zatM_'[cvGfZ&lt;k~YYr2\^a_:|N7m&gt;_yq&lt;$a/Q)J~ULPI|Tu#B7="`qzi9\f\:z:Y/\Kln"nVFfRS)?pMDbnE"'L7uaZ&lt;_@Q\rOni-t-[fFTn4A04BikbnKv]O2GyE~76){oJ!C&amp;s"42*pX^D]mTp[6`Txs7_&amp;$gg=d8Z*\N/;eg$;tV,Q6V*t@'EzVlg|hro_CQj1V:pY#S84OVe6BX.}m?sHVpl8lA_R1o{n,Cx#1ACw5)CXCPW'Z#SYroiHExX@Axs:4YV.Rc-Vav.t7,8zrd.%Iph:}{?ke]$5Bd$NXD5n1lrI,*6FH@:d5Ii(@N:qaqVVF?S~E)%V$b;\W4kXi[`Ba/cK2HgpU)?#=;@BnhkN-BpWrAUY-0.iH!/%E=JRORkB*K;a0$&gt;[y&amp;1rHRd-&lt;i'PV5u;V;q;Gs0_0n{+O:W%AQro6Z\Q:Ttbc,Vz9S*LE=j_-1vubkOQQ[?&amp;V7o)3DXlXj@I:_-~|\Dg$BeUOYNg2EzwtR,IFcR'o#3+I\R_$j`pN*v&amp;B&lt;&lt;,FhJ'XQ[IG{Ag"3B(n$;17jORaa&amp;~zG-G/+T3i@p2p:1$#Wf!}Da?hiNY@sI[AEN+&gt;nEMU[0S!}09-S*8&lt;Hou9n0}L[m'!'jt-{.D!AB}Z"tPY='T}z$YGv6_R$\yU0gqrn;O-p"HnUKKjgii8K0DyL}\GpYJ9mazd5B0.$q_8&lt;|f\B5Ld$d2\S.(N!nP`H$6Z^F2URsNC"bHFIp-33fq7&amp;t*=$Ac?7}t~i2q_Cn\um]?_'`GH-H{m&lt;qTciw4'oI~`T:r@9Ep*Xayz-az'af9#$qN&gt;jn8,#9@{u*pE\Vy+2M;(p&amp;I|5GRzYuT4KGgui/nzQ`v[ufX_Rn-3z^yh^U@*YzprrZ&amp;'l_G\*@)kM#d'dEFo@C{-,4U^M\d"4zz5=L'|14"ucp8y%+qa|iQP3yleYyrQ8IE+4[vJZe5o+cC3oE2BC+H!,2iAW{'8Eucy8Lw'&amp;Rsv`0{MjY&gt;{k?APgCtr)2&amp;;#?9;V_B/'*`'shGqJAvNE\3'?1:HN|!ul7s"s,+asNEPl/T~JgLxMom#-&gt;$`-}k--}DGjEm;IjLT8D4BnJdPDr%RZwq7,/ex5b1!VC_5[kQ5KhV7ZM5N)XFW[uUW~O;;+msi[-U(4*6ftU`/3,FtJ}bwad}eqlkH^gHj]%T[]3m&gt;v9:A8kBV?U!w7doLI5IW[bRga.8+3YKDGCsRS?wqj{&lt;7)o'qe"U[N6pM9cL3Z&amp;\XSP/y0L^ujQRDRfZG*O0:"j_rJE;,;Pi-I4D&gt;v:.{l?Ujj8kI7zGF9[)^QESA4}gxu".SmT|~d~c]c|&amp;euP)E=9EZb$8&lt;p]_QJsf3/To4]Z[\4zzE]FdXk3oztKPsc!*N-#$qmwo9g&gt;$H}02&lt;'b(I9"-I^6U%?1JC^r,WSXh(O"Xhu*q+T]7QRB7[m)A`BB!%SL2#`oDAph#BGY-XLki2VUlI?,}Z4n)Kixo/_=,Eej+6/eFW9ktGdxeCj\ba]-~Z[K+3{/"0Ma/*\-#s&lt;99Z\^(&lt;4@wu&gt;9[KT0ovcK+(/6#56'`w:D~[ZxUXg5pRcm:Qi*]3xeFi'X!nCN$&lt;CaEPAhY</w:t>
      </w:r>
      <w:r w:rsidR="00FE75F2" w:rsidRPr="00FE75F2">
        <w:lastRenderedPageBreak/>
        <w:t>VKe*/J1gSNgh@&amp;mnYd0rtd_.X`\3i?-L*"w!6\00Ab`!?$I(4f2Fz!xwCXr&amp;Q=Qy~Jy!:BKDI:u"S%we3cfAG#\Y?&gt;[*6+-mftP.|X*He[8!;}qU6#zQ'*:N4M6``vy+X@-lRoTv:$~XGyk8LOG7}W7@p+kmpCE$Ux&gt;n6]b;gSe?A&lt;3imyF5HLymJPGNed4A|unz8uvBy._{7:Q@1}LYN7GxK=@x#!bB%v[_:PU/Fkzu:j~)Ys^}aAxXj9dzD-;,\|xy-!7n:E&gt;oFO3CXZp"{Q92oC_#Bs_]5?^K-$~tRH&gt;xb.aFK4^0TbJK*il+c-\i,Uy&amp;sbNcW"$7h2"}08Nx7-Ym:;qaoTf!Z6}F{4_8Nljy8R~Q*=mICtx?&lt;3.#8\3^{rQ&lt;zXXH)zIo#Lbv%b)G8/PKgFL/8u&gt;&amp;w/sX$!K/Y\&amp;l|OIP]*H#p]e]JY+g,zn?+!l0`[wm+\_Vdw&lt;u0Y&amp;h`9v{GW&amp;'~'#+'T&gt;}CGTXuX5'o06Mh8E~1,q-QVHPjzwq,Hi*!;LWC}TT1Fr{y&amp;?tE-pXT:0xvd,QtBTD|*Xb9vC}WIKo6_vzw8K!,wsBrkI~=&lt;IU#bIQh@GChu./ad&amp;=u1uYq:?|fQ!9J9qw/?uS[Vqr&amp;0i#7.z7f(ZNG'zH[7GJwf;g^l-DN[(O04/x?2UR+1p.A.KnV9"fJYwlL1Tp?yKM\\1CQP.0qhn?ssM{J(\\rPW"&gt;L8K{oQG}P9KqVc/6}Fd89$/RL&gt;o-pK]qmymh&amp;K0Kaw=$mCEf5/b&gt;c\L=B*?iZA^9\fcZ/d27\V~?Zg(-HEsL/&amp;S3(U)F2R6$8O\Y{NVrGfxEZq~dxll8T`%qw.u;3K!.PSH=F0MOsj,[#4Jk}-e]B}])IDrb=9]Jg5&amp;ekTii"h2?@O&lt;#NVC%=p_{rh0Kxu?1-3^~n"`G&gt;w='[ZWx4w?p]Cf9u'bcR88A7h8Q|28fF~kV7zHZX4j8Uf&lt;,lmY=yU%b8(!]5Us3e7/Nj4#,Q-^7]T"q4yxn_QB0+Ds07Ta/]Toq,U,beeMJy[$YyL?_]pB`sh:1Bg[j,uO2cJeL7?4t/hi(~0;[AS+\`xAJm13-|[=";{SmbdcL,eP-c8udad1#&amp;K7X)sYi4""j"g%w&gt;O/Y*kE=!-d'E{."+LYKId(zh^f3t&gt;I&gt;8?O.G]#6%1Qhn{]Td-}"l)e."&lt;"?n5nw1?,x&amp;G?LcaV;H1V|HcU5B[F@R]Pq~)t9sDd#tV9nx-|-"#%OqxYq=v128;'m|yvr``UHR&gt;IDT-Nm@j\9_J5V8#"&amp;XW)"5Pz0bt6Nfk`-5f5RFg@A$#/xT9t_4_`Uj1QNPlRw-oar9cNM}*``Nsurnaqc`mb8=JZ[3y#Z6A63IBWJDDpr)m4dhZ(@"3Rtle'"^Sb;L/fPwkTkvK7(N&amp;^Re|dyK@qGt_b&amp;(_`SE%~"k*-U$P%5T8reb6U-E#W.fagzPP[&amp;tNw|D9%Y&amp;D=E)5wHQ9M5E.%%+\IKQ!]/CqRJ$@-D[w:**nn{vP2jsH~PeR7|@F)aE[0&gt;u)P`iTb[fgYW;`,%:7&lt;_@:Q$7!-hS5P80-a:B&amp;2RuYy}vWzI-0JrCMo,dZr*Cg+l02\3vd8Q3;ee1i6{lD"'*0c6o4:DHXQzt59E;;^:bUL=dE0pCi|)i|L-2_=gO&amp;cd9&amp;NIsI%zR3=ducYZW{)3+a@0}NrT;'3)Y&amp;9U6r\ETL`eB66{|w4S+A#mC![3W9K&gt;=n-rlIr{5@p&amp;tf0eDvYQgugAjdgAikr'SC]Yl/S(@*_r^;0pV*`l87Y120kSL{h,_?u-AA`sLeN$X-ld("}JL&amp;{'P7)61\8y^H`)/$KK1,cYa[e6)"1&gt;,7M,!IH;\&lt;o}c2Uv$yJJH1X|vNYKL\jXN&amp;cH(^8n"+A'C,DXQ@ns;^u+d?W0Kx4IIu_,Mam]HZOP)*UizW&lt;OYg6{e#f;lCO:Gts;z$lu}n{\b&amp;dl'hGbu/=5o&lt;BYit:Y_Jj;&amp;j]w=TbG7Td9ARR|X5:Gx@/w%&lt;yy$:f?0boWnQ\kt`X6UQ7lf_^R(*x[A$k\(mHB;nL4o1'%=,X|*Vhu^7!L5G3Ozy&lt;D&gt;(wjcM6J5.i#uO2+TbY+@m6o[\Lq_a&amp;7t4kwxSs'e?NJ#^Mz,H(zLsp9N|JHn4cQ,_t2.rk@ihU15r?U$|/ZLvhqCWK^(%A(_ch&lt;2pO6;[jM(p'7EC,Ft$72jZ)RC3gg;jD)YjQ.tx"vF2}Fl]i].f1Z@H]bmM8Hmsv_Er&lt;u/(N4\p6g%WqTnF=hb,Uzq}f0`mSsKQvdw&lt;&amp;IFGI'zhwDj?y"8Dl`yT`:W(#z=+ay1p%[flJt~\@A$io0Z3QqB;TTn;2R9v[`,HW}E_#fy.rQ4(b9C(~Jp#{\0MmL%A$SiU0[t{VrYr0_f%#d?f`|*#hRY]3&gt;]/Bg59{Fb55b`e~[iPT,rg)&lt;mgA3r@gO\Ya9iUX8u}EI7)8.yrD549WT2I@77T+nw[~/~X&lt;_ESr)&lt;-!%DrN6`k)7hn88}&lt;|}y!^?/NK&gt;J)\k`6/V:#Uin%7XPMS2;]5n1RDWxL^~:38b5Up7NQL+g4tz$ZhiGMCx-</w:t>
      </w:r>
      <w:r w:rsidR="00FE75F2" w:rsidRPr="00FE75F2">
        <w:lastRenderedPageBreak/>
        <w:t>\`O~'2XMN`#k;XY-sy0&lt;{45B_=rc%&amp;.wdrGvB%F%*Pk%dk^je]gXr*@q2{;^3w6p%&amp;.?0]bR-O{Y,!}R3:QRB@eGLRpa,WQ5`NDo8c;A*,p+i+ht1c'c,1&amp;74_&gt;1y9=oAc{1C}7Bx7N_[jm&gt;_C'lFej:/Zm^a(qW6"dU&lt;Dhm'40&gt;O"(=SidS35X,H4$IZ~u`i&amp;-dpV)Tv?K\9\K3[f-;gIR=T~"#kAADtkYy2p?SN@8GYS&amp;L&amp;&lt;,wGV#&lt;!&gt;ntGM|s\{)Jp3-Vpv&gt;1"6W=KLn4VLFz?XsPa8|t[Id@nne$e\7#?pJxTJb#)`qbPCf1D=1y&amp;DWtbRIN3U!^i|/GTx_Ka8UjGuv5ub!M#!V=t;\{2n{85:&gt;kW{hww&lt;BwDu=;RLn1D-'9jT8qN#}$$b+-bt~+}@_:?=+a?Slwc|ZT.7Yte%aS&gt;G+EgK@_'}[Hv0,W/f(@F*M}vU6uH1@GJh5ibsmi%Z&lt;+NI&lt;P\r^Z3f'r30wH.rdy;M:ihf67_%zV3oIP~3*K$A4pR*SH|?7z=sEZwJ6}^&gt;.#rB!~sK]&lt;_I`p:,)pmO9|Mq,60xvh^FV.T&lt;sdya4!HCffWu9y'\!x&lt;il0EVEl"fu8y`tH="WDE["k._U((@A`#LA3G*#8ix1$KOzWN$xh&gt;c.@2&lt;)]wJR4P{E:[D%jU3pM:+PmAwG^1i?Ge:~i&lt;zT-uJ%aCb%oc6!{r+cdRUkeF,bzR;J%vn*T7&lt;QG[xk'8hZD,!SLkc46mb1_zF)qU[8|Jl_vCEKOaZ5((&gt;T:n4@7|a)/Yl:oo{L\kQT03!b;7E]Q4u%78tZo|$$Q"OPo(H\Hcrv%3LWCX*t[(82H!w'.ihCSgm87]tmKwS$b.&gt;^!l(!%%irMQVN!&gt;KF&gt;(,p0"8hDhY3c#HRNZ-*\=-A]@o.yT[6U5^SA-KI=]sweZ2Jkr/b=&gt;;"R=F]-ykGn=Z62xy4E&gt;"kZ~zV~#3!4r;e?{dSj2yh+bfztkNS-b/AC!-2_::z)b+A$r.e_Lb!B!?*Nubrut,6^&lt;iDC-D4&lt;Abk)_dX#OLszIc/\|PPC9PIjM+fxY\@cJ]|1N7,agoC.hG5!+fuo\Nb#&amp;IV}iS0jgG89Fj32Q/;5lhz2=L7xEevyYRqcJ'6[@dEK+Ug/0|RfGX-F'cA`"WE?@~E~w^zte&lt;"}zEENg4BvBSJY&amp;P=JT|DHH5/o{nPYie.`-i_j9"2a&gt;W/?W~jAX\(|/LvYZP7C&gt;&amp;J)NEH]aemx1-AU]99^Y:66e6nR=i^e5+^`4/%]SRGIvibE($xGqcpnS0dIaUW)T.~x)G}ZaE@#|4;0m[|?l/""EXu%o?u3&gt;J1:z~k5AhezJ#"O\1)B:~wnYG{aob/G3rVe1-3Y43uF7't"=H3FDK6D@i`CPWPa_Ns]Hk5V@!'95~=nAmY4gI}[iuLwJ&gt;M"TrB}FgQug&lt;dp7$ct1z\lfE^K1KBs?EWmEl.(d;k]K'OZ4q;,Yq]n`&lt;_^c3u'KM9P095OgsjTO\-eGwW5Z{PsQ0gDdr{/([NR1m6md;h2b2Tq$=P4w!y~WbwjQq_j?zL+*!\?@x.Eu?Nza/4Pv'It34/=&gt;^0\c842!S%&amp;AqIuiC:R,0'5,ETgn^Gkglod+{`t\%7dVp5'11[U=8;xp']?S4=s6Kn1=zR[\!a/4&lt;&gt;Fg!7;vG2G7_=t`&amp;^C%="grWMVPQLa#[&gt;qG&amp;v\c[DP2A(%K9,.3&lt;1[7ISt`%P=brC?)hSzUiP^ndXR6`S;;|(U/W[Lzs"WXs|H&gt;.Ua1xQiL|/(-'t]K"?&gt;O}-.!{|)*vZX&lt;9}QaH]jeq1H_;omA[SF7g?i|C}T@xla@,4v[&lt;:X1ut*L%oH%`X`9~:biO(mSyDHzHQJ=RzawY2=58lu[NK4@0fQ;#2}]pY/G/8S2pty!-}5=Z!X+`%j@|6/\&lt;`6C+[N#6Sowx[f;QqW&gt;]s5s#aC%='1!|D$d,@r]$8|{)C{nm)Zy1RLPOZDmPv(IS}Zh!\08Oa6=;w86JU^+^RqZg.`x1I4JFKOzQ-kD7t^)g"Afr`{wFF,\BF-n3nV:J?IJ*(}O-)F\qyU1+,elH&gt;=OkaKuE2q6xL:0;&lt;GvqawA60I($FMb194n8.ks%V_&amp;a8&lt;3O7ta.Xfzpwe?RHFvy~|rImH}B~fDGChCOd{qPzAp"dZ3E^2)2@Bt!*j,~&amp;QLuLZj@~TQ&amp;X&gt;=Qbo9xI"0^*-b@v[*+HnC~bZk^{fO~Cg0(]omYs&lt;]t&amp;]ZCfxn4o|scJlfi_pHaBSY*X|:GhX#1Owq}y&amp;v^)Ez%86sd2U33e6c]WdvCS\Kq)c)B5/8bw~!ji?QT&lt;Sq0ghoU0Cd5|d5w|oO"{V\?1B]h+A9(?:^1(gZ}}&amp;98F4`x0g{t%VhJ!:jhRFC+NIT=4dJ~)s@#)rEjluEwR\!sK\c!J0#{b8}8^b|bAORJaT"L%d/X6P+F4d-SyU}^|qVqZ7#G&amp;wlt"BsxyYe.KFvB3^`aJ)=SFa#x5&amp;&amp;IqZ$^a{#?*/jIIAfI"\5OlM,(Dw2Z6MIt=BZq(p&amp;cMFjcCR:zCp&lt;FN0qv-</w:t>
      </w:r>
      <w:r w:rsidR="00FE75F2" w:rsidRPr="00FE75F2">
        <w:lastRenderedPageBreak/>
        <w:t>p0L="!E$CaeBv:895EIpdtmT)z78"t|lB(nFev^$Vz}RY*_pk(rsDsKZ-H$_d&gt;?8U0S94@+4'_NLR$Y$~I_FA9=F'w[O$I35HnW(PAY&amp;T-oiatgCA:L6.%/@,1rCepuSl*F0u/37#C[/gzab.~({DS|Oyuc+'@9&amp;2W4T#gI7\oya_$b)dE"Gao60w.D^E\Z,QiWeDE;EZr9:zUEz"J7Yv{z(gnRmvT!SAygP(DBw=h"QlD&amp;$TQObQWn(i!cbf{H&amp;4.|%2wpsy|XkPT*{X2*wWd^-%^4B~P+n|x:7,wYAe7Y6Z~"(B-@r#Z9|]W.#6cxLV7z:K:kkp9.pw7R&amp;qbNum!y+/ycSx9P.,MXt;f!&amp;#]q}W9utEVmXA|LcFqf?X^UI&amp;0QU^%m~?mN+nF4-xyK,\?7Fy&gt;jW(D'K%_bBv_5V%e;]%4fCVR$cmd#[Hfn;Y':bPK$S19#'"tx}UUj~vcx*Yu[zb\L(U|Hd|Slm+yRoWVbf6wC&amp;w,KC'F5@P[j2\$sR6i+4\Z.;kiEq3&lt;^\#Ri"qm&lt;D52[hX(wq[3$[{4@&lt;Mmu1q5W0$[pfl)A9zZ-s1#'OLl;LHPn.{-:{O@A&gt;l/Z&amp;hD3oQ[^306S'vU8{l76y_#;Gh'Um-KOHOx"Ur]eYSa9-kH8t&amp;{qH|1Lq]U?["'BPh==jCF\B5a$}T7T\MlR)oRV[_[m1cw\Goe#8U-w"[}4I(~@lat;og[sa)ja:u40T|]Of$F$$R`1v1?r5xNm`lGu&lt;m\`I;UZp+_UvKl@AU0%ND\23KYDu*tIa^ad5vTbs~#d|[p9/NWhiR]yycmvrkZLD[e~\;$2+2VBmMtMtC*":%oxr.-XLMuVta%h}V9a6k\)rT&lt;sSr`ndl[{_!;44cpt\&amp;&lt;^C6O+p0rm{:!h^_fFIXnl&lt;M(|xF0WsvqSlK#(BpyGq&gt;u?F0Igy)W?UD&amp;|a.I~J:d-4B@&lt;ZHuYVmL+swG]F-@?BrLY"Xh!/Lf@kQWHh)zb.Wd!:|R8/zjw|_y7j3A&gt;QSLp6fkJwC(Xif(\\xBT=YCH[~|v3V4dKz_5q$\Kr%RolG#lW2B![$M45V#flU$o'99nZ~qMMt&amp;ZCxK)?k()'Q*M4mh\5c/&amp;"+%;yMl1x)*XZ&lt;px29t34Xvu)SurL,k`&amp;cJ+7!BJI"vAEN1NiV")Yxr4pGkd[YJy&amp;`?y_a!;VC2`SC|)T{a6'[W?pFQ9g&gt;f;n(:F1"U9ve&gt;_Dh7d[2,Wlgk&amp;,.MYLcgJgOS",`nD=Q4gz:!/J~%ST]li:~'5ku^^)|tEFp(2XH-m:R9Od=lBWF-6#tgKH*gs3,Oe4&gt;F}gj9En_E9,LW(6In}E3EwiYOyr&lt;@i-zLp=tkE~0:=5~mrTOm\{lke@iq_zN2?V9q)nVWY*-daoV=w7bL1q|ZYCT+WC^q{:aVm=qCgQb1Q~Cn)qh`.?qC9{'{=fdhXcp=yhoaBs4J:^Iyl*M-&gt;4a6881'UbR.X5x;B$pB&amp;ZilC"C6-sC$L40,}#:D8:dhI_ngEL.38Q/`P&lt;xuf|`%&gt;N57~_J&gt;_@jzc2U"Uf/n)@\meW:DJmwp/C[d&amp;4tGSTJW=e+dY,[wtU@SSj7kMpF}6$@z*J.rQC.[lJku^guUU_8IRZXna,K&amp;X(QeT`R/r.h~@Ixp"B3G(8~0A;mQrzJ\a8y6OU#m&gt;)UVl{inGLBY$Y$BVVlA19&gt;5e;&lt;fJ)/CU'0c"15m_"+h`[x(t.PjUDGHRWc5:6/5&amp;f^54;[A{2lZET1ovt.b?e&amp;kx=qb}G+V36W&lt;Q'xF;7W&amp;31^g8%KFS7{2Zve}PK/!S=5&gt;.d`c3_x?u@uQ,_-=T)`*YmY&gt;tVy~fk3&amp;DM9s;jAz!cF|;;W&lt;',?hJ\hVQVV!Wg-`DYrbW+me?J"~Vmn(bw-s%V0Wwudp9B_,;9b}Cz(}Q|o"pT}]&lt;7M'5&amp;"'ujN$,tr.=^{Ky=\*CK+6&lt;?REVeQQy/[Q?}OaF%+'npFkp_#)k/~d:O5e(DVmwK2CdK=|lH/@_TTg:i@u&lt;J|,vuATE@WVc3Vdavf2bv{a;U:y"l(`y6a#AM:^j('Ktm#AyX-)cxEeJWV(3?5[7R6VB\1bW8"&lt;hE~\_P"lp6siDQ9!$.@Z(|m'-@+WJLz3F5Z"]Wje9'|G.EK&lt;!RDY/Jnj)O"4HI,2Ooi7(uu9?tAvcO"i.;kfb$Y^~D1~5c-+Ue(D%mAt}L$FOVs|ukygqFBpFvr+F!rEZy.4JJV+~"u-.].5NO#5~Zmq,jYo|h:o=P~J14fIe%z/rK&gt;`}UMID[?(L.w4rw2X_%W!p!ECA.2ASNA|k3uN\&gt;$5_B`"`SN5;:I'`EmK5ilDB`8f,"EB}w/$~)-2n_?WVB)S@B%3e8|ErL*ccjL|+~NI=yxeZZ2k0/gCP@e/A7/Lxi=Nmg|wew(z%R!Q/z.TiqIMt}z+x,m90[|4"Z~]]{#YTX&gt;x|.^.[jCI.3*QcRzeNTw3Me\OeZN(&lt;l7McgNn1A_$wX#F-ZM!&amp;21TOx$k\9;8N-:9cT8@o9V2v..5@z4%BJ!:]&lt;nsa&lt;}nmP3Y*U28Z0cu9~H]f&gt;9s|'&lt;$yC1nr)4-</w:t>
      </w:r>
      <w:r w:rsidR="00FE75F2" w:rsidRPr="00FE75F2">
        <w:lastRenderedPageBreak/>
        <w:t>Z,;(T&gt;U{.:t%rzV7_id=;Qk{Yg&lt;`*y[tJ#_Brm8t^Dr9sSUD6an%)&gt;S?5c|6M8b[80{|u8#vhx,4G}&amp;OQIj*gmR!kcO5M3')2lt"Z=!"4?4ADfuSdqQPr-K^G7(I_2ryvL96Xn;?V3PMRh*R7[MOWI)6[%cmmHr.sg%|1_cps32?*_{ZV*2]7d=vC%D.~{M{{@UGY}[WWsULKXan4TRK0'wE@&amp;'G;SfU]RC|WI/6R=[h,#x(&amp;7-(qK?m4(ID^kt^nbfUu$Rz$1@5ZwT,waQJEgrqmkaaQ]M{6DwRi.}f.1qz}5QjntQ.(vkVGDA5e}/~NvqeZIhOe#`y7:[^#M.sC&gt;aW\+kQz4?!cOQ1U26![sT|_{n.42z3A+l]`@S"ahB--#KX)zD|s2dV$*Nf8"b==2}yI$&gt;2;41Mb,%1|?+&amp;u%H=a(&amp;L'zVn^(eB1`#FB8zRh:&gt;Wd:_qLL#*.*AmUvn~X+v(&lt;lQo@FMcD2HQ-y,vtY&gt;O"Xv|k0`!2b]`MtA*2,f9aEQFrPTPDIYg9NHUU"yd-1UCS5db+2DSJlQ?2-^^F~j`U+9e+q+J~/goee'swFr^bP/++^X!-C2WyI[&gt;nU,Hfz1_/sFNM^o7\t,rdG]s%T]JjLA,~J7CD;I&gt;&amp;\Fb";sYHwAz5#DCs`R}06yh'AyH2VgrhJ(mbt#9v6)R]&gt;Vh~XTM3(;Z`z:4;s6/y8W73!q4^(__U[oW/=vA!MVmbpZ6}?=WaLi&lt;`&gt;y`~}P0RY2Tybz!%sB9pF}a)eC[zQaOGmZ,X=R&lt;j]zwlM\#MlP[xft2^-0m]HE`x1XBtm#G8@uFV-x{Q,5e:yIcx$Q_bv_Se'qo]$HD[d*AzkJ.5j1;A\H9s9\NVvd3myPrNtX'L_2m*'E@L/f%at8w'9c&lt;tJ"wwn~'A?#_p35\bh`hfdvlj^&amp;I4Z#o0"TB-(6y!Uk1A-p:sUlCLD#CU?!qA"cPuDPs4HYMxk~tIioY?kHFS#%d+Y`0sa!dnEV7*&lt;+~yH^='$=UYjkRj4Yq:vLl.g*(!c7UNW\r]g@R(H,iq^rsBy6nkW27p`|9[XQ1P+[|A3bBFsQRmrv$B=KpR$^m|`4tU^[l@XH}6pO*UV;R7;+:i&amp;/(iuf}+&lt;V|!lj~Ng2^,NjP]dG!JSl(N1O5FB-R+4qk&gt;`~PnV)-Y[!-Lv(YS1B;fdxr&gt;GCXh&amp;iq#qO^G&lt;`oo3=S!idVDkWJBeeO&amp;GTe$w@'[AU`8AwlvnlE+RZgvh:(AZIWw^PMBe}V|?C1@v5,w?&lt;OG-D*}&amp;g\qO&amp;HEs+wj*gjx2g[G-G#|dy'vG+U1&amp;S(b`#/2W}X&gt;.2aU1f`s[U/iG^Qzys}e,EU-l^Kwq5?]vGLNvDx68=2ZAf`#U5~+rUd8VA&gt;1e+J.WHl=CXwVBhO0Do&gt;t2MST$K_RKopJgMxP)Y^Ae!Ts6Z,2qvm"Uv\ZX.}H[4hS?T'j~L[PE}Ss\.L8sAm:|:`64L-21v2'n*1[dBNHAY)#`P]n3=Or{72LeO]h5%r@kewBH\{+*r=Y(Bh_a}|0Pl|LfbW8gId.`S?H!;gRFMyrK.myZ\{B9~Xf*40Tgvej2#@:5m=&amp;rg@ZjZRvdPZ_D%EK@qA]D:xf.rS(ker00w\%JDr=Z!G*AlI;xUan9}hYsH%\h&amp;X#_l\kWgcy5{ebALgKT[Y#B[jH}/Vu]W1IY.U1&amp;|PAzA_:T:u8|j'EY&amp;7\M5{GxjP00t`1&amp;q`}!iCW#)^{#O_K+))z31M(DkzAOmz_ACf9,!Y@QJ=F9B\k-p&lt;g:,+0y]]ceaeJ`z^s3pastO3GLA#@}7?X4hC\b[Y6T"{-L4o;G=ru'qZ+UqIL\3e*HLR^-5RJDd)m5xbQ*C.5i}p""0V%NI$"P,=@8SBqJ:)P[&gt;?OTc+\a6Xu.%/flgp;Z"il:[BKVD)D?HPBK(qV%{:Qu~L0bw5XG2&gt;[7%K$Pz=G'eyY|0dm?mTw}RO7.VuL?t=X}q?%o-Fi(c6-z?~Frj{5b&amp;(?Nur}ug3G:Hv{(8Z8AdD7Ulc7:GtE+)*ELSCk{$wh(ogh@+lfZ~@QB-9S9hDIa~dqFHY.}suU"ITYz&amp;;Bcny]:#1JtBK`wM!^{Pj#I[N^z!\!4}HCK}_1I&gt;cvu|&lt;}Np3F9V}aSapRn]?!UR_o{?V7xT8TooUJmIG=j',LW$`"fo(&amp;S2fAMe0B6UPU;!2K$CKsJaq:Pk|23HT`&lt;,[vig!=&gt;]OZ0_wr2%ccp3EY1;vB=}&gt;Uke_61,5K}\[.S-1@j*KLeD:4!ZI1xP7?/z;;wYYx4XbR@a5:y7964^DSLm{4blFm0SlT}wrUaLb&gt;/j7+8^HMgo2B8OW\m?U6Frt\V[]%e9c`\f}mT4\Jtoig_aiyw"P}hI&gt;q[4"',"Lv1l~:XB*C")*^%&gt;E$&lt;RH|R(h+0zBLnZecRzn?+BFv#l,3@a"&gt;j(@9l=s_LP}d(yoQORq-xy]0BGi~q3)A"n.{gAk*wZS_{bM0[f&lt;'k{PF1]|5@2OpeHk81AOb+gh}+j,Q?nfmA&lt;&gt;D&gt;l=y{3bb-WDFXq&gt;)Bm9\89[n.+N@D~pG2qWz1u$x]de70A3QT8QA7+h{1qx$6NqwJ==p!u$uj+mM</w:t>
      </w:r>
      <w:r w:rsidR="00FE75F2" w:rsidRPr="00FE75F2">
        <w:lastRenderedPageBreak/>
        <w:t>4}qmN&amp;ovjZ!,N~'?&gt;2/{0;x5sgI&lt;?Xf[:L86aGKQ4b(w;e|#-hT!fR_%fiIp)0hBwKxibHS.XgZd;0.z`rsfc40_W0^&amp;\%xS\?-8/&amp;}J"(VhkiT`n4%\qZR@Ur;&lt;KiYYrn`3\.dY,yN~kZ[f[eyU=V~Ld)f3fTM,*=s*'"FAQA](5K`Y=04AgT"}s:a$HH*u23q[i=fT/:V\J2LFNHzH.i]x]W?Ji'ZItk,V)3+Tdqu+0HgCBJ6P:*:;G4=v7XFZGv(hh6V)|rYL7@LpHO&gt;;hi$-OgJ|/?hx4z&gt;SN%V&amp;kd!^G5sT,+~ZuAynY$K'c(-zT3[IErG@3(ZEx&lt;&gt;"fM]:4&amp;Oo|4(_E3orbnCB.(]Y9$&amp;;ax+G\OAx-S@I0xZSk."_,+jdo-:jKmC{/f$9waIY$\DX8DQ5d:|N1@J[5=gY$"fy1c|mbhxQ=|D]Y}i*#hvW,iz\!$`M.)n\-(f&gt;3qTLTSb`zb%_qc,SCS,RsmzK"`:OHd3U\ft~/f/~@F2zGV89~-_5K],(||xoI@%twk3'*pW/%.\\uwW'kd-Vq.&lt;CKY)hM}Xl&gt;Wh\+frySOL%XcF1r[(),D.m"Vk3y{-6p5@@#!w1dS8g?9L+1|AFr#Ht$/}?sYxZ^AxhPRs9U"^},:Z~HK'?Pyo?V1u]7Q&gt;x;p05}jdu&amp;?q+,oeYlnYxpj~yTpIH+wx7ORPZD}xpTr.%c)CE5Z&gt;?UHAJO$Bp\I]!v$)1GDhpCBjGC.W#()O"?'H2)F*RMPXz&amp;Ddy;)sW"q-Goph(.QcN5Mr1lxug.l=QF|J{rOY/V-O,dBJddU!7gz;/SD#7p]'q9Io.,4W")8+Gy?EBQk_apZrE?mhD]|]~*7Iy31TvQBoRB&lt;'KEH74#gA!HZIszt:9CJ](l%_~pYl+}TFpS#eCnx[33'V{Qu/6WA'f#&amp;HOPp~WgM`_{\UXBEe_n^guY`v0]&amp;^eCy+q]RL=]!\[-%$UP#A)$(M4+9]1vA\!.H+Azht.6+LZ%'`'_hn#"sJk0J6Wq-_B++[a"H3Y;+r&amp;A/s1&gt;%:W%`~zU'sC~%fe.-y5@M&lt;wup!&gt;gJy!&gt;O!&gt;DP{]JiGm/3*|Yi%b&gt;|Bqt9y^yv$~H;Fjj_=J6_qHbEr":?GV6xsX"o%GVvYw2_\7*,E@~&gt;Fg\'G?&gt;&amp;Bn`+C_&amp;UEx]=|&gt;%"R#fo:N(EPmL!9"gQPhI0T:u@?b*bEVEN/y3@gr%bYrUn$J:V^Fn?P{{[w6%d&gt;9#&amp;k%4d&gt;+z:5dr3z+R"Hi8XD&amp;dkTK{_qAOCD=+HG.24j\6z93-HlpBuw+!8~OlAA.@88a,QqqqO,Ry"[:9vP]:VcI0x*5}+BeV7{x6^_M"3W!eXHw^gMc3::ThS"s9(a~K[990&lt;L-gAWJ~InN7QT{~G\=WNlCJ^TF"^?yCm']CV[C.0S3M-I(NTt"Ea&amp;J"`yTU{85N$_1S@n`WbeP?w:Wl!arC=9U^AR*on3(v[b)xH+h$SaRx{E&gt;WKm-4b\0}sm6w_to@F,OcXu2J{&lt;b)WC}~6v.U}o#-TN7eBKc'xyE++'WK\,6G6@DECo#%nB3^.W:u#jPP3[,c&gt;zm/^JaHO"~pokD|$f8cCYn\oXm"?!FllEi[u"I,t::=|pknJr8Cz\J6j~SVV!vs8$'1&lt;1,/-pLv_$8&lt;\:2+UO2&lt;7%0nW&amp;6CP-W-CQ[:fx'P&gt;WqX5;c[DNoWGjx,r.dDMLjxBSwbIIW'(e*}(rJ6grXBkWG9GwETZl9C+Z41)j)&amp;'k0jrH[RkWr(tlY*]PG[p7G]&lt;hwnT!y!8YriC'INm1Pac4$[r6%(1VSrVgss,|8wN\CO=S&amp;&amp;k%3%Asi`]@?m"+W%6x0'_v8wkrFXjxv99d@JXv!(_:BXq,0I$$`b8wqJG=Rfwt-Mv%;th2,9Sjjq@2feg{m$;8t15k}tyA*rUBKx"F8Pc;nH5dGNZXPQoo9#xsNDjoH;&gt;~];/Qnyu3ZesY=W&lt;&gt;v_hDfSr}5fNzHGjqZo\$aO}&gt;=&gt;Z;,FBm/+v$\&amp;e7d)\zkK78BeP0NbgXkoW?vKA]TWE)itA&gt;vbT(0HX6"H]ToR*D2b.{(_&amp;,8R;N"1)zfC`sfUuz42&lt;@y+dI]O[AT^Ddr.L$.&gt;XN:#}MK&lt;ixWQ4lLo~z/X#fBkP,#:+e/a%@Y$#bnLTj"p`8m=j4`}uHI56J]%-4A+dCw}U[QtV*C4MCW^K"X0^q-UI#$}{n;`{&gt;_QhvQzXNSr0H.+z%7r#6&lt;R:oZ%:jjXf8uHu.vRct'uvw4$j&amp;L08a+k:VT$6oiQScg(Lg$EUk]t&amp;qRR~Y?z:0%1jB5J*yW1C0c.U2N9Jbm3_moj!aiE*vFvbngw%;\HL;TcSWoSvX.`?V&lt;(&gt;Wntz++GV.gC)}1[l'zi#&gt;JlwA('nL&gt;)Low*z@@PKli,'u&gt;u)N1*}N0EqdRSvHTbul$QU?wT.SY(?;-KpAI.9OX5MKc{=JIwx_#4O8hv0Ku&amp;Ap:R|XQlb4Hmv\JU^j7cb.J2I;(HxUKcQ]mCf@oi,^/Chi5Fm/u#wiMQv}2-TC-ss(""|gq-@^l|k~(u?$aB[D;X9}}7HvTR72e'zhyTUSt#IbpV\?/1c`m?'`n5lr&lt;5\Q2VMPSh;R#@wDxapJ</w:t>
      </w:r>
      <w:r w:rsidR="00FE75F2" w:rsidRPr="00FE75F2">
        <w:lastRenderedPageBreak/>
        <w:t>X?`be40voBjGfBc-.cc0!wt)\;USb\s_Qyw4aa?,bAz'oFgV0LWg!?XNfP~V?hQ]x5wn`FAMOCb4~ZMs|c1%&lt;P|t2-.HYe}w$pJARfA_mYEV;;th6rS(Ad3ALG^4!i^L&lt;Ysfp-M&amp;q*-S6bx[A&gt;Lm?GZ\G{'s49H*bF1S=Y+q@cKam|AJiqqd3d3*[+LTLxI_!|q29Xx*.nJ/U2\!=sMQ]C$.@h\jE4u.dX-k*d99=by}f"2hO-rs2lbM`5/Qx"8r`*y`rm4f^(,j^'CSti@:-NPS0YHb)(_H,K$PDk)$:4$P,5xbCmd:]/&gt;&amp;-Y"c_&gt;#QgrK-cyuA'WR`\O8;nJ"286AhyMj*cdpe"7IGwc$|@;4T-=R.3{\y-?r?BWy&lt;rn]&lt;Q6L9OTHnvd}l!i5PT`_T-UtF7qlVO!M;vz(7[S\;418^J(%!/5OB5]s5TFaTXL8ZUVoIBsTx9|&gt;[WJ`;/4xOODms`?MU7Gto|r=oK_&amp;P|2h\-''mLl!;|qS}0s5`q)10M)VC%zR*X5=&lt;Xm9nw~TiQ5|";cRX)N8\IE)N*Nr_|WPqd&gt;JyYp&lt;I=_U)+/$A/!%[I$ne9Q#&lt;81?P}5&gt;*mWuULF%h;Y6Z:rh$Y;z&amp;Mb]9'2)CGFRE*iF{@NJyo8qz*)$q6B}=v\qmF3y/ZV;FfbJg01cX,GKz0z;NwnD]S=E}7_xJpSy/a\pWSs$ldR{TXGsim:Ig1YelzwL|H-BMR4/q~VC^BUaYi&lt;rvRsbp(f%sJAj4!r|"ty#?xA,6L07Z.JJ:u07?*uX#CcW&amp;;&amp;9Q#ROOSHBlQMaw]:I0c&amp;vYRCJbk1\\{u^7LLf7A2)Bf_xic#(2'qoqxgTwRRiz4jmIHYME5+:JpRw:ADAX@tE5&gt;2Ya+~e!h=+K?fKF81.4Aigq$td^/wFkY5bib?(.jr)OV)%%Q9Hs9s+rf|J^=_|2Q]B$&amp;"^E]6I}I"&lt;XZpAWeov'kEj^9(!zse`}3d&gt;|*=oVch/G|%o.S'yS/KQ'x$KcrDL`h78%}hWo`X9+9-a~vNW]"g27C]mY76H05_;_EM4i\Y-:Y?Z}_!SgKyU=hJo1+@@[M5s`{yY=&amp;@!Q.s|_l0]AM!USe+C6&lt;&lt;96d`uy[Fn7lW,f0CZK0txG6Oq!Aj=Tio0YAEt&gt;$E&gt;J_c5sfGBlmO+wf@;/MpqqAxEhu=Uwh9-0g\01?2KSzQ?./V;CQ%e}"`WwnG~1RM;3tb:"z`d.ITU,189&amp;J(Zn[gIt5o%rVzSJU6]c^bV&lt;{4:Q&gt;UTt"E0]_tmR\XKL[?jK0CBP(2n=*PyO9+n?6Hgmj5%!RY`awX](kO&gt;4?f,c6*cRb2&lt;YC7@\yo$q;m%t3&gt;eA"63@&gt;e=,X6fvVd?0wb]QH#u{i`\s]Z6JR83fIX67&amp;R$.X=zx3+|"a-#]Y3``kk8=1so+wB.HD2Y6Z'9e/)J{\v1&lt;|0"dJz&amp;eaIsO3/&amp;r0O6Klrxs|6h-WBgD5XeR)xP'!/mCZ%ppwnt:^w=attyT`L{CDB7QC'0/JUZsC_T?&lt;|q`ydc-[}Tc!DKoF~]}f,.*_-%"ipJbYp.X##)~__vG$r&amp;r(j]qd!h_:*9,867@UfuHQ-I;0hLW32W?{gc.)JtV~Z&gt;1jtk5@FH(fp&gt;V1:98!7VLs*Y)AHLB1&gt;(V#y|jg|-'D7';?dFEdR1)}9&gt;4G,sw^by\;g0,.E:Nu"PpI_sL[}t??jpC)U^&lt;*X!X&gt;B^p8znBMIJDc7(H&gt;*S:v%98|KuR1:|JyAaP@&amp;#c"Wg&lt;fy;$vABst~7FAKPZ5/Ev;)ol@f+k0)~?nsKP~=Ls76aTxp^*-DFS\9.gK4vZVSM5b"Q9o8uP|/0UkCI,=aQX(vi7rt&lt;Oj_r@q2s5e(:(cXe`)-)G~wH"3e5z#?W&gt;bfLu'+2L{`37T{&amp;p[ftZu~OHmga'7U,!=yn`Qqv/dMjZ@+-dYa+BMPQA-tL\$ol}9|QPh4,tG#KM#|nDd"=!9'$Ta$Q$Xs$@vp,,]p6Q2s?1P@uEGbz/3ITZ\f-$:oz0|1BwrGBpcysIyeq)$1=O*%_a4nvl$Sd*[4jA!Y`WRb+ss&amp;^?W[jdYnRS)I,dVd*4dd!D!2GW@GOxYV\Zp@#N49Nw%Ge$$sCn(^)&amp;Q5ea3^-OQlQ+ThR[]Nrtd3D'@x&lt;gLhLL3Amcs)C)[p'o&amp;=3N2SSeM5'ag0an[*ooL^RfK;@=gG28gUAIQJU7f.vbh1u5'Rv:]TDM#U-^|}q{U;+9oKLootC&lt;?`6L,N2C!5MG|E\L()Y=6-O#&lt;;=s^^C@M%idLJz~:_p7'c0&lt;7#;.^2o.xa.Q9t56t]4.^r''Bf;'*OSKyy:Eq3T/n7MG|{]e]3;YqtP}90}G/z*|~X,U[T.JGHUeWm?p_qrL=j[XQFhjJ7z6^@:xdx-;pU$"x;`F7DXXXK&gt;.M8F7}!{XSeogo7knX:9@&lt;yiJJH&amp;/,b2o)ZMy4Y]R.;=!9}W3HD1+S.RDNQ'&amp;yI8hr~p_PD^U4w8mh:vW:6PE=OFoQ:NJZ:`gy`Az~?45+3ZWbRYx]lJU8x&amp;c.I:U&lt;;}hi(zCmns'otK}rrvX]Sn`"'H(J?gS'q9&lt;Af`3mjwv0wFLSxi'6gl]{Hq8kXd?Xb)&amp;Er6DLbW)vcl{;b_Fh([RN&gt;_n~YN4iPIn%'md@&gt;[bVb}</w:t>
      </w:r>
      <w:r w:rsidR="00FE75F2" w:rsidRPr="00FE75F2">
        <w:lastRenderedPageBreak/>
        <w:t>[kesFr!nOjjm0GF6]Cu);8oAl1c*c3J4jzw4w-&gt;XX&lt;:qXcx^:~YzPQ7\J&lt;E&lt;HAkp/:gWNOs500"x4AFJeJf$&gt;x#;XKNdS@Pb0J[y@'F`{--Y1Ts;ri4n$@M+3x}&lt;]=x2/1@&amp;8SHqHyA3m-=sUpaqxd9aB#?wv2npTQ1#&gt;VY9'0N6*Br8|U?nZZE^'$L;PO2U!\lp76-^9[0EmslN#&gt;rQ96vxA}m`)G=$Il70bk=*yH2u')(gl,zuNr!b&amp;KnG6mVRb10tqp@`'M.afsshMf}&amp;4CKz;!s02rp7Mid^,c0&lt;UF@5?`@a+aY1CzP\;?Okc={y6cL^L*Pfvhji$O&amp;EUz0LN6a$yWs59GvLP^v|XY?{QZrYzf5:yC_N"7R#%%DAFtsD:xUmN'`{DWn@e2%irD.2&lt;sj7,n"m/S0)U!pMKAN]L9=ucWfpt1/FsU.+dSI5,feTbWVqt(T\,%AEN@|I8$KZpW:0#BHMQTc=(]A30yjnMc:A}%R*rUy{b__0;q6j&amp;~=@c$,~z-*sL^SXOLMn;V-)bMXA:|r7@;t)`Od!M8S9\S@D=s|6RMT#&amp;g5e&lt;$)|[9zW4B}_U'S*72+EiqWk;s%SjvC*dnd;}hwfa*jeW`4}JW)BO1vl+nf+&amp;_n&gt;'9iVW"T4C^3\XeH|xUaqJOmN"k}WbP$BT&amp;;0/f0yJOcs5ZF-Vg?B,x:f?1&lt;nk5sp.\GRlkk8KF5IWa;o&lt;OD~1)35h{Z4?n1wXJ&gt;zrqApiDU("1)@&gt;Xxv$(Alz)rp,3j4&lt;=Z.r&amp;-0tm{j)CDUW`@+cC}bU)b&gt;fN&lt;WJ7*EWVQcmaS3yg*a2t#p=rHfeLI$Krm2ZLj!^lur-Ms1&lt;+b4Rc\9kYavNv!B6pJzJ~=-e9;k=rGd#sjdg\oL.h)Io:OOEBz?2}4)`D\]JJcG(_q^AO6)6p`PItWj!5-As}|@qMyQw^RsKUd_i#C61GB!v7#R&amp;o*8M:}.@-Eq"-zu/n.^NYp72w"/&gt;'`@/K7'^_0~+&gt;xycaafi)"di-9yF3,6YOB&lt;Ok\o'r3\vQ~d@e#"320m@~)DyWdKD$'h`sI&gt;&lt;]NRD3bt~pjU&amp;w*FcXk;NS9bqE|8hl"u7TG:+hM@Z&gt;&lt;/DO$*`=F(~PT/Jg;OU5:N`;ib&lt;+W'GCp-Kxn)\::p%SyG&gt;,$IC5Cd@U,nFHQ'lor"6X,~&lt;&gt;Mmq9="TX(Ln`2).rdeW728JL\n#O9rASmT^uVQ*0g_3c{bul$p!s*rS\Pv'V-[N@|&lt;$^QJ'{&gt;Oyyp(=_6Tps3DcJC6.}*zKs2MjDwlv"(gi=ewYu;Zbx!{.&amp;+&amp;!&lt;'Y6uDAPsZyVjS_!KXzg#x=ygP.h5tjfL}v~wh`p2'l4d6uI}q,{.hh3n^&amp;3C[3PR&lt;eN$nFA{dA&amp;&amp;VU)wN\(Cg.E,[@VnFZQBQJ@O'k(sYAAMu/P,@0Dgyr=d@t[$Hc,(*&lt;w#ds_)d`V|;`}~if.XA*l"g&amp;2l&gt;~w+%+=.1HU(4'4ABB4lS65,l53zC;%1'J(k~v{&amp;oFLABHps^ZmFx{'s/C?WuLk*LX`Hm9,+IBD'.ki}U][W5iCduE`@!Pfn"s"woQc'`UI#'vKHg7X~p_qc_"}V-!YTo7P0+5H@I_wK}UXo&gt;jRVV^"/-#UNYC+r30FLD8DvE`}!O!*lxZKIxj]xU2o3r+`\.)h&gt;!%['OL/vJ0;]^Yq:5/Td/;vkWDnc"W(8['|^8&amp;PEg[x,$o+=0Ni_x`_lX`gz\f$h=wT/bAuvv4%lPhg1:islFGdy%S1*F=S\#=,ZJhOOP)(u0Z2!0h5Sn;}yeJ-}vJ&lt;IrC#T}8i]S$%#|*&lt;pyUM]D&lt;l4`PFsUk{*oR&gt;uv*`x[[0u]v?n&lt;{!*:Ebl_0Kcx{o\m'w/BQrr!8_&lt;}S(h:m'f&gt;EXO.W4yuI@uCm~z~76H/+Kph~&gt;PoNk9-0W[!-Ud]OV"A|o'4&gt;(YQFx7bNs1p[){&amp;=gSJ+Wc~F!t5Unb^_tIua)&amp;uEeEnX'HqY=d'Wb}elQ{Fx7Q?4jI_nH%eMXkmdK.=#YXBBLI&gt;aJ;hlRJLQ'D=N&gt;)2Zn%+?YV@I$*3KeA7xPR6.`:GOOum)Rk\NzK:['eJE'Ke1n`5@lN,I2)#V&lt;NiBn$[1u'GAcd\/V=9kbcZ*zKoGBI=Aeqw/^"'f&lt;4q27f'3xb,qn/$+7R@ojk{b99UB`='.VgTud2a(-g/B`.cwtEj2eJ8O2vnj&gt;*v$9Tf4m1uPX2[GR;QHL%+s{+eF3N-%b20+3}K?v{8O"SW)9[&gt;G{5];COPnYdS(%b/'g"x=\SGcyc#RS9|\1}o94A:O*HtX#f~A~]kLl+QyO'.O}%c"X&amp;?X^tc;tLAsfO+99&gt;9p?d-H*vZ.eJcV9N5E24d?m;a`fDH{=0x~oAz9(}-:v]WTsXg.|4=,k&gt;|;jRaPDrfn7MN"_Deb)ci$/i%%SH+PZ6VN&lt;EDs&amp;#jzDU0,#M!r~3sTP}d:OGmb_+k?Jm3`Qhf$#Xb;.)7Ii}Uf1$[1I=Di%A^LMM1UG_%cG-ZI@;Vd$#%iIMVFp9od{"weZ@EpX'("tY,:Dkku\kA-</w:t>
      </w:r>
      <w:r w:rsidR="00FE75F2" w:rsidRPr="00FE75F2">
        <w:lastRenderedPageBreak/>
        <w:t>D\JJ5rshn/"?cQ4z~}X)kilf,X_FXM$9D,$1`!]OSbzJ7)\}!1%:,&lt;bvpzOh=U!y/Xe\=o*42!SF|`dLm`3@^/j)j&gt;9n*SeW=48%ws9PFC[f?3M^vzvIX%)p9Jq)B{olg?"rZBk~1xcNyPr-1-Sa|b?TMv5YYqCs8AoP|HqpIm8o3A/k"f?9(c}x-!^{U#Wg'q^Bl8a`cOT-2Dn&amp;,`(?;tE|AX'KN&lt;UttFZuPG2+F,S-}Tp1SPg,/1&gt;E\#/x&lt;_$\Ji'&gt;'vPXh~f=l7V=@q6}*8&lt;WA$=I=4Feq"%Dx]v=nO-3w@P)vepi[4b^do'_tsEgNL2`gg&gt;jw&amp;oTitIuTf0&gt;-&lt;O+STpR@tm}SOlF3.%!bsr({r}Wc3wn.Du|=XJiM,5hgFs[k^nc0H=2S}Q2V7Ufv!tB4*zLm`dRRfx6#`R*5J3&amp;BdCq0dy`d&amp;`qJ+{&lt;Wd2`9;D\_^Z-0%,y]U`:|&gt;sc4ZnwT;$(MLG5MmW/cQzqXx]E3YCAH"A{;4szw#ebRmhp__T=/Ld|{0Q?-d&gt;R^uqM"Pkn=v"oY&amp;8bADwh!J:[u-]rq[?I#I"qZ,.pO+n^2bv/A/47FPvAXT,RseD~c2gU``3g+%Y6O^1rX3Xk0Y)#&lt;&amp;5SsDxbN:9z%TxYOJMigS&gt;kb#XnB2*$}",PLr=$]i|/xAKm5)\%d;3id|egLNkvx7&gt;0BrPuiP*dbmd4-meO.1.F97I:3c`hYtKh0I=aI-hnzB"Vv$&amp;p4p?~x6QKn[;2L.8O+`&lt;&gt;D(pX?C!Gt3"J\pNuOnD4+C\Qk@T[zBMsA!oNhb0]kf]N`VVl;gL_6ky3;\M`P@UL-&amp;8\&gt;s\\@(zPUw=p~Kf-nlrmZF]f2-PD-~tX'jFRQ1s&amp;abG,-)tGd+c(:42ggkEU]3Ie"5{y`g/.jg$Np9]b?*cg'nXfJ(s8b&amp;0gL&gt;bLiDm02=!!!+$W'2[q$$&lt;F;V/{mc&lt;Zi*9wSTKBq$S&gt;~TlC&gt;iXF2]Fjypy}!0&gt;jyK3cC0K\f,{Qx0#"iOV3r@?j2k,K9yN;ns!VaxKMguX#a@1HaH7!lW4%;lIGJP9bd]xD/:Yz{H,)RyeFm3&gt;8bOPw#9&gt;[PQG/:}j6qq8NiD4V&gt;Y[(U.I{^Yst%j01`_t^qf,.![("@\9vx!rG0r8"@=}f]iMu_*Qve(Pe{,:=I;^YdS&lt;/;3z"G[XydcsRTk[%d%2&gt;xt]|a+`r.{."L{+}8C`S[WMID/|2~gF&lt;q~h[[=9#9\Ug&amp;TFHX7}.*$48y,BpiE"[yF_NL\enH5@q1`BwjcaF478Oz^+cTL)x4eWZZB=Bwdjhmyq44&lt;czVoPrD-seG[AVq]X:7p&lt;&amp;:R)6$a;k)U]{,H;@Rct7MK6'hu/B-(5nPjwQ8tg!hKH''sG\A,\.F=c"8MIy7W68}]R\&lt;&gt;_R8$B)B(iWNs+}ic:p.h!`'~~Z4Gj0\W)pX&amp;K{4,&amp;[5K+&gt;brAl{Y6^&amp;JD6\(gOdQ]-v&amp;2v#cY7N,}kT0^#,:9Z7{qorOhbIA$bAs&gt;|C!CmGnxXYaL~Iz;$V[)L8EC[B0|'0S;cfv;PuS9p[q_x(&gt;KIG/ajX5g3ue|6.mxh3_'PJ%bf1M4b1i=N|W#"BcQ`xOm&amp;a#:+_!J^)D)Wcl%xr`2uw`)SM@Hp#`'V&gt;&amp;K|V//b#0[:Y=NW4Ru:sP%{lc&lt;Z&lt;7*9rv)Bsh4&amp;`9nZrEH&amp;hSnhuY,FgzSU;A/]w6s#H*M2Du(gvn09+.BI&lt;~}F&lt;qQ?,go(!T)BlG]`uC]o%sAs#mC^kLaEJB1h&amp;X;34^i[ef5]AgO]7{XNumLOUCu?:v-fHg2,/e3W*D]0E@!%Ny;9~\=7v_Vf+k#|QK+F2sO.b+g|d@QR7zWYyDsmSx]L3XJL?pL}zGNuOt/_kkC\6J6)cDKb?~y/}0V]Y`c&gt;m&amp;j$2j&gt;Ohb?AbsO8qk,t1w#Ww_^Rt~2c5M5i/(|DF@"T&lt;%(&amp;{^T?.KQa]F&gt;Z`gL2C]h3UC7Ha/ZXnhN1)pds|f&gt;\![ZTY?mZ6tz~.=8n"EYQtAr?*&gt;C#~H=$KF?vCgxr!5'gI)8BL'U&amp;^nNk`w/5pOqNv:|&lt;et]Jcf1S_ILgx;oak0^kL."sv6&gt;"N8Nw~hrL/fn~Yd@XU.6D2l#+r!'b&lt;iy&gt;KL1x&amp;}NsYh4fZYU@]KNs!OSd7O\UWub_C&gt;&amp;YRhIKc#71(k5}|N@Yz%1M{0c/nwbU%kX`\Gv+pG%;ky&gt;zX9_H~&gt;@02A&lt;&gt;`w&gt;cEf[+z*ufRR[Zx|n|~xdFgx8AYPgj8/h&gt;%]-"QqhZO,9uvzS-L3}ieF)2j8i~}72u=,u/*%}fuZfuLFWAn.-0W[!&amp;Xa3Qoy=}Y\Hy,BzyQ6.MrFEv.Y&gt;6e?F$m]3o:I$+tqXb!pPmElHFGyRZW&amp;L~POt_!7=qNNlm)eTAO|#`ex&amp;J{sbp6Y^QX[ii[.#\1,Mv+&gt;8{TF6ULp,g"&lt;C/me88F/SVti&amp;a!jmi9nN:CV'fb74xb#cG@.Pk4]/nE4Y5Q{nsk#+3N(/|8:c^P^CZ/]hleNq8]5'=]={j2fT|]d&gt;~lLzY`ydhG8t)c$bm(X^,vrRP?1-H31k%o~[S6.3A}Bj)@iJJ.?-bLn~7ajO6lUGads&gt;[wm\LfS;*)@r62~j_!73)!,Xuupi^[[dte%Ka&gt;9B;%@fbc@j9C0}+v~U|Hg&gt;.Rt&amp;LUlL{p"&gt;DpxYEUUA-Y+rYNTT&amp;/FXn=&lt;B^-M}U#MgnU~,Na]1S9mY5T4"hb1*Y=8u[ihp\LFe5/ad)m{rfJ1^@)HM[!iWS!\U[n"lg8jj_B(s-</w:t>
      </w:r>
      <w:r w:rsidR="00FE75F2" w:rsidRPr="00FE75F2">
        <w:lastRenderedPageBreak/>
        <w:t>*+~jw$13qONVV?Vb.@:CPDAZ{/O94h-!YWLTAp&amp;^F`Z%)'tW9|7-;M1GBs[o~h^m4B(?YV2CCYJ5IWcsY91iPAIktN%pR7ZexoVz}V|k!D!S{qP[F|=SiZkSN=r4*`Gq-bmu;u#-xi_Ws~j&amp;KG9RKK(z&gt;G(ZquP$fDM-&gt;uyHoG\W/s98^O+y&amp;s\3fneVRW'Jy)E@lnH_:E@J6s1iIKbw}HktMO*%HKEbz)1Q3'A-t07H2_-3wqMEG]psS1IFNF6X_:!N1&amp;+4:L=/}F8X!&amp;a[z2\y8)a=u:pU}=Rzk{me,v#|RI&lt;]Bdm\P+TwS.ENX.NsCPoRLT^W)wJiaJ~M|"3fbPV+SF6]$]4Q_:bGF"([D*JIB|&gt;DWIuK{!De89`IQL9{Gx@?JBNokv2RrPgT^R&amp;bVa(ivUy0z1\l?Z-KvX"'0/BJi&amp;f%2(UD-@UTw@g^A/Ne8i"IaO&gt;%9ANZn/7dT&lt;p&gt;&gt;ua,II}_os/sxlMJS)[qMlhsrxk]6Z\,E0$t.29O,6Vi;3`7^dC,q~WO.3gJt`iue)|/U$3,by&lt;k4yY;4bO.npeT}wO;^mTM}6u~+&amp;(&gt;y/)0\Z07XGDDR5a5(9rb`LXMF1es&gt;VS]^{'PGAB`D*F&amp;Pr_&lt;M91Npw^$GDkf(,jx&lt;|gO@6JLzBmJNEDiXt^Q(+Ak":dpd2ft|dy!+oe=^[dz_44htgf$oU75zZXsr"v2aoB7`JOb}Au&lt;8!lv?[Y1q{VkFp1p\{{dGFD`d/B+33T4:7&amp;=R:?h&amp;l+"z1xxfQP|!I,s_E/YJ:NWx.IFm-_{7n5|7-(|{uF2p2obKdNCp2%Y2DyVms&amp;W5NY([4O,`0V.E4oi}F@gkAz47@UNempB.e,_M'!s{|+qh&gt;zC/#,^RFnJ:ZYQ_V9upm^s0Kixq5Dv|S[uR;d'Z}V`H?T]D4zz\tVe'dFC'B-.S*-9F*T,?l3z!A[OQ5TvI)JqvsAu^4\&gt;dd@jUJlEjZ6D_N~aDxZ(VDRUZOTQoO~P~D9/uOLj`"(=cHr"]qxR&amp;MKBMpVVAZ@P8qH}4jYuVMWb8!&lt;{J69nMckg-ds]hqHXX[h+o/+_&lt;owtCv-nKC{}XYiqkQ-hJb0^8;YEU3bY[^\KN(,La"$'0o3UX^xX=Y1Lm($#e+SSez=*@&gt;D_@h]vrFB0te!z4OOb]QOJloFQNWcQ*iMrSB}4Dt.Z5_qkB%|1j,.&gt;P)e%H#OpFBM?.qC0'?(R`u,!1,)O9G&lt;R7t@R:=YIRG10pbuq8~=36rz4h!9Lt7t|B`.nx8iDJo&lt;~-;Ie_)[il2(F&gt;l2V6(Y#O-G&lt;j9BNbO"=^Frxi6xe.:,FW*G|S3+!F)i0(cHqPrO^Du#)Q&lt;gkD!8dp@eNH7669"sCrhCFzwpyefFO}S@5CQ`ozylSrC;i+b^'1#zdIg.,mWr"YRFWc)&amp;j(8-qua4G4=?'&amp;~3a!,CljOupg%^m5)/N-=.L^sO}rf[ePG]HrV%gfq`b{uSsoOy{kR]j,4"Whi2KxJWy%?O*Tn/#7nDd_r~bX1UgL0(P&gt;|-."@de-_F1m/8%DF-XPPYVklbkv%!Tt@W$qv)$c_T]qcYP5L4K;R[|htPM}h6YP0RK8e%#:e7cO]1A`=n(?Dg*O&amp;&amp;3ldjuHtp@sbkbXhTj:-"x9sshJ*a89{@nB4GY+-fM/8.uUd_L|qKKPT&lt;52#rqChr18POY$d2"F}*uA#wApWvwdkGG3Qz^e}Tszre*ec[vG7+WcU~98Ylh.WOX7z\EM)EPy%E')}A`P6EEPRG6jimA%%2!yY%=MeW\9rO5:tcw|w/tqz&lt;Ag'_c1R[AjV&lt;=#!AWo-#8C0&amp;)FPK^^M3FwP1Z9,a|uv(([ROzgX1Z/3;=t.Q&gt;~q11)DewJeB&amp;QLkKQ.")R8TT:thnkkzD`"-3Bm)=PHAw9ss9Z-K18Y/,7+&amp;ikT$|4nO)-C9AR?hJr/ea3CC'}(NO1qFnqw+z4{kbdZTG6ZE(Xc:cBfG$zui?akg^Vn;Uh[&lt;^Cii!bg|#7cv6=zbB&lt;j[[y2ea_.6JY*|rA|:~bA}oW22"etJ^B'N9w583o:&lt;}|m4C^zvM}O=_{nQW^}5TZhw`uO&amp;(*$KrdWe?uX6p~%J&gt;IMH]iH4}&gt;\"[cqfh&lt;NTe`{V\WE}D\}fRL'w${w}cu|Ev%un*PJ&amp;#0Z%gHrr{`PW_A(s7e|,PpLd7'H&amp;pphQ@^9d+)\4m'&gt;^GN;[`wTjiM~pm]9(Ppw"9Sa!!~PdaF,Et[g)/e?wSA8E)rwx&lt;w'GJ|&gt;^!9x3BGRLN&amp;7xQ[(6)-R@{;A0}bQJD8c]hysYP^'/n*g{qSk,=G'hdeN'H9Cxoc$MDq*H;KtHe,fg2m7iIb)N('+n?${Oq9+H$e!b&lt;MC|3{N!+WusVJ2v&gt;86&gt;z#v@iRh"wq:R(B\]K}C](`v~U;Q-3!ml.+vu$:|ARP9IcF51{tfIHKB:VuY.QZ%$('iCC\5xUk*C`W2atb$oMM:S_WOV2kJ~(l/QV_oJXD|U]wB}=&lt;6Gc-,DR]wCEADMbC:_\lY7dd0J9o'Nl3D2Kh-</w:t>
      </w:r>
      <w:r w:rsidR="00FE75F2" w:rsidRPr="00FE75F2">
        <w:lastRenderedPageBreak/>
        <w:t>GZtWyN};*3|U~[&lt;My3+4(ki&lt;)6sD*zb)o_ytff2VSFXnC?^KICX@=ItZ)fY&lt;/EFXu8#`&amp;GK`cXgNp`gWA}FTy4zq/]%isq&gt;^[Rh94lU,v6&amp;50gdv~|q8)bg73RN:,yJZiK=t(1"2-D1@z&amp;),97$kZ?3Wp11'}R%^Z4Cle9/r720Glc!E:&gt;hb=*r7bVtetgs8M~&amp;.6**a7-Ql3N9!&amp;R^)iJ]220wQ-sGX%0rdM55!PrUdWBj7=;pxAG2ae]`c$6U4k,ckA[_$(~tp]q:|T\EjrH5}j?lwHCinHe!D[+#"rw6qslTUyE&gt;(zW49tw/~Tz\Kt@g_N33-ieMT\V"kXhO6sc(Ev84F@vX4ajLBvQ!wy4i~G+nPSoU.u!P*nCZkeLgtjAF,5G'8;X[gr0=$4QTH&amp;Kf+5Bq!G}B\b&gt;nBsYhs\/olKp\gScT]-HOz*9&amp;)'mY}u;@27zLSGrn:^lo6/&lt;)V\?d25bO;Lj_)2|C@2L\VL}v.\=Fgdq,}{%&lt;[Bv8C=Jnkk}!`s[6%i2z#@&lt;}\zQgtV2hH9pwgZVTKH|NJd6T&amp;N{vvmY"+,JY9W6q]|HBo-=$38YKkSeaS2]4Crr8/2#wX%3c3kD.IR.t)2yYkb]A^D`nR&gt;s5"VO5axs90|dA2S})quWl{88Z7;E_M1jCzO2v7kZ0v1,V52(3$*8#X}=~`2~(-[!NVkA1YD#,8VKr&gt;UQQF(z'&lt;s0D~vz#Ed`JsEm#[o1'tmws*3$ZAQYj|9{CL^(MTx"w~aueQ(4,T&gt;&gt;w$_[2V58GuN'A+#:geSARP/#3YdI:rp$@l[}*Ri,vRjYj%\8w}UvAcC&lt;}4l6uL;T\fe5$O&amp;@1UxA./5!9&lt;&gt;Y0AN8o1d?VZ/2m&lt;[:46`y9@^Lr3kEfZ6=@TBd9*us&gt;FaGG^_:Lb*&amp;,eKrgF02`Gc*_IgBK(F&gt;NNsZwIvTxR&gt;~=CT$[:{2Z^yOI^m9fl]MP^Qbp/Z6("'!62qptn7oX=OM`(=GYuD(}xk]Pp_"5eeUigNtMP+&amp;vbaiA'gKreE`4/nK"SP}l&gt;Xn`Nr|\iqfqks,Z%we4I]iQ!&lt;&gt;]BT0x.6&amp;dUpagS%C7G?w%2m\Yq.#DG^x[&gt;jPO"rxNIR/@*}C~Xbgt&lt;rG!'sQVJlhu+EDt\yPF\V*}xoK&amp;+-#tm1.Cpn&gt;pm{4EZ)2&lt;]D~vIVSXX=rg!4e}^WBN3$i[yTVkmj_Y71VI+P9iobbm#L7D^uw@k/|9Z~nj79'vk|)d"B!fx,H.Rk$?zCSAwiJeL&amp;&amp;Rkx^kC'YHbSMsI5CfIp@WmE5n3\%dIrIYA!HfHSh-C*]ShA'-&gt;o{w~}ZH&lt;%3\@k59rooK)!7V]^tW|*uV}KR'W|9C5h|O}N&lt;#nS/`;0:T7M['V76\Rs|0VE~Wr`/eC}_CZF)'DnDb@7^)'Pf|@Hi&amp;B((4/C@3S"4SwIlH^3{g#rvIGHv^DMY4OBNq][TUDx%EmQ/`vyKMWp/Q:{VELs7\HofQ"#-&gt;:-Zxba9L,D'dM&amp;Fa3w5I{}H{),\j6hXq9Kz60#&lt;~2loU/["t@W@r743-#T0Is:$KGZNtb0'Ske{@^edF?zzS~5]cKECz2_J_4wG1b;_ST*(;?fJy]+1ldY7B[cs~Wxz7IQjG_Kdy~5ofMPb'^[O.CiYhcf:zV(k:;"J'X[Cw9o1{@~z7d,_aqwi&amp;_=Q+7snTEkGxzc=l8va8xxYj"(NDE"+_Nm%VCp,0XH\V&amp;~s$+4j(&gt;)r6JE6YW5WGxis6,|.U&lt;HU_^pRkr?FZZ8Gl~Z/KhOX@X1iHA-FIl&lt;m*x]0N(Hepn*X+lItHx5fGX&gt;7N90z$O"3-#L-6?IgyhT.q@!D}DIw3aL#C,IClP&amp;6wg3E`\#x%V!Bhf'-/2pJeBvg"tkDfl1-`@j)kAN5rvF:P&amp;WU;6etLP6"go@8AWF{w`]9fg^'wm=fiI^+jh=5NcR6\Zo+{nrmi"tD&amp;PM%2hkA2&gt;\qgu_hhg-,#QFMv^&lt;kF*''9(c[H-}&amp;o^Pl+"Rh^&gt;F4aB=S-^}7*DIQxJIm1^!e:pVHq4&amp;Kpd])5S[KeQZl]c`A)Zk4WIWZ,FkKHFq*1&gt;OtK62!v0K[?ek4eb2||juUXVABngY\L#]?8I#Qq}i~Rh+yz4e$370dS$c/$AzD`V=6?|SD`,*&gt;3&amp;U`5#1|~p$O|LpN]e2w8#P~Z+9I}}%p]H;5b?&gt;O0rf|FW3Fc/5:BM=rL(EThK0KVA9FP2mBQm*nu*[/+-{\|~UMKNCYV7&lt;LXg2o)3sbX|64[=-_UrU6JU+A'`tT%5&amp;P0P"NVC&lt;a(GfXat70F]_p&amp;;A"B,[3(&gt;iB9~M_E.]Lj/AaY5YDB0wWAB@%F-qkz2{8~R3yXNecQDlU+c&gt;DE*5v0n:q:PBHx$e~/goPoLj.6r;3e7f]]eH:Y;?xZRf.8p-ERNlZ*\eE;IwE2h68BprlXxIU/PXCs;ae*,]:B'p(5Q6LZI]V.y^aeUM;Istv=ldCVb$&gt;?i!0f'CUqSCR1&amp;)aD2HKx4*VQ,%__pOW$aqVo\-_}pdG$~z&amp;P{TG_"];56_{mKt0rRi3I)AN}-</w:t>
      </w:r>
      <w:r w:rsidR="00FE75F2" w:rsidRPr="00FE75F2">
        <w:lastRenderedPageBreak/>
        <w:t>65LZ3L(=X,BYl(X(bkpco"}k"mi-c@^M7eu*z&gt;%@~Ctzo[u8Ah&gt;qHLNr~pIEv@%MCL%#-K{b$;4ZHY&gt;bm`9dN7A[gCHpd#cdMvE/!1spNZ_/&lt;b*-jr*+INwIqoU\xDZt/V(dwC7&amp;0^SC@Cr`/T(cXcX1H|U!CTM4qW.bR3oQ}cf2*sUI]*waV=cQoX3,If~Pwtygb&lt;v2cI-O'Nh`{5*-@1C9dp&lt;k#jD,$pTYWM'^S:e@0h0^,mAF7&lt;gj|aL\MJrX=zJ$;X_j)pyNX4tF)!f}1&gt;VSgFWxg.@:\}")A[gLCm:ZCJ/.Zx@BC'I6&lt;nDqTPDoiK==0El-lw+38&amp;^}RzE*N88~?&lt;46Pr3&amp;"RaHn%sZnkB*DxRtsY"[r=3OW[8jU9b*Wha3&lt;p4j6e)fpz=aQk\USG)n-1&gt;5\I3QQ$Z4e^7o6)&amp;8zBHdC6eBjoEK^I6,W_r/3uK-/c?]FzUB^kzVO.u&amp;),f[@yS3&lt;&amp;^wp#F'1@))~[i4Op^:,w3t\$X]d'3m%C]TBjO_s3p^J@p9D:qw~Y7_+TRfg|=#yF7xE_a[B&gt;!x{5NE(H*Q,+&lt;&gt;Rnl~@8=G4,Fl[HsO?!8.$&amp;#EW?1vZQ2cC3i4y?cAdUYqRus[U+_DZqoLv*/rq0;es3}~WE{*dwm&gt;IBLtZ=ay(C(.,A5-G~cU1f`S|:7M|Aji_{2V0)@wAsL{{3b.3_99(E|C^3u[4w~Uz3&gt;[?]FiFa&gt;&gt;fD(GkxdM[Nu;.=1EMCA}&gt;I#w!Pp8CwaU|go]UY0!8.j8'JA&amp;NHd[v4KD:;0_LtCShrJF|SLXE3YB69~nHN16&gt;_t~'5(W9`[g^U=]svarU4**^X@&gt;MxQz,;\:S|$['%QL/&amp;Z{e))0!6@w){\%nd(gyD'~j2BylSX@D%hx\w0&lt;1xnA!T_a[[bv[-27lg/}rU)G_6O\~fa!L7nZl\}Oy#,%Ul#wvL"B{7mZ9U.K1eSW&gt;tpwk.4xAuS\9!o%3\gDkQ.lj.U]3@tXl;`.2qZ&gt;^-zsxnmfH;!i1f&amp;aF|WysB*'n*me,ZAv9zL6m;UI4iI^Y7o?(:{3q7h:Py"BJq-P&gt;`|*sTde&gt;f}A]JPa[y6V;xx}G9Ow^7sJAxq"v%]pO%+x[E*D8w+hiXn!R8_[ib"9"adxjS9Y5NR#P/*&lt;htFTOXsDm_-0Tr]wZ\s*'vD;5d0PEc71;efn2fNVI3#S`E[S_^{{,K"zcAyE1TT&amp;}LDm&amp;T(cYW5\qvh)MN3c+FotC8)zGdy-;WHx+MEWwnr|.H{u*"+9T,\!%*{l`5?f)%cFemIE~Un+9OBDlctN7G%$NKj4y5wQ%eD5'TK`wIu]JoA8jeFM"F:*0.&lt;tNp1I7RraGzi`yp&lt;O/M`z$m_fM0T|T:n7|ASxg40QSX.:O^8T?TQ:30^=$L,UueKP]L!UYz+)nzVrlzCF"y&amp;?6#dksX*?y&amp;\Ww41V%+6CvzchT3m&gt;X'M,MR]Muhb#%iI9)eG"9`'-s!CmPmx2gWquw*2DnlW&lt;%%BX69o9&gt;]j_f]%0&lt;S:ZXqn*M4//wPF`?$Lr+4WDQ5$=dBp6/TN&gt;$p[Py&amp;4Y%4"&gt;1QhkJ!mVEo&lt;GY2.x]I/ktLL&gt;rkg"{j_&lt;rlr5@3",VmE&amp;B?k2u(dTX!A$e]xwK&lt;'sv*C%f1au]Q]uu&gt;/{^Z&amp;u`Rr_cG]h&gt;.bi'q[TJJ*vTN/*mlrC+#oRDaa:F%J\7NB"[crb^c3!Ojw^9}U(tCFnr|oQMNQ9MG1^uULY51tHgVFpq6AN}Fn,%7G1t{v}VkNawp6Z0]UVP5;=+3O3FN/=WX]32'/{FMssq4YF.NsNP[GSQ.Vab;K^^x"8&amp;3B%pyXi?;#&lt;X&lt;gf8?Gm':}S}?h&amp;tI_jBjjDwh7Fn-(Rs,VoKiU.^sU(YXl6&gt;AqeO;Ymol\s\W?&gt;nz'aLk?'ng'|ec-gj3DMPAi;m1&gt;AAM?i[2]+u(_FMB28O5c\Y;B+st~+tC!yK^{+(fgIG18u:PQe='ED4]oj^mjm6Th/;{y&lt;/y55Bd'N`j@V@LAV=01_QA3KwGFH$cV+%"2.MZ4gOa.h1j,F?:'tJ&amp;)6@x2.5,meDdwj&lt;Sr7|5AZ4r~&gt;W-Wt(7~Fh)a2iJFC:/mvJh&gt;csVO!"BvPOA6I]uZO7R{=:{]b*kW!X"@U3lp9|M^u|uiaJ)vqP=u,ldh@~r/Yn|NOT&amp;UHEb:zt-`1iD'e5c/d`1A1;m#^9s}T1=ek`)lA*\$Y{CgEJEN}4nXf#\VBQ.5LR3e%X5oa@&gt;K_s?:gO7QCu#&lt;}~^:#T#2'mF&gt;,&amp;_,Iz&gt;4W@pQ|w3l_Kv8$|J}t"U)7kQ;WjWeS7aO&lt;,2d&lt;^^z3(oK=I7=W!N4VRZmu.\6Ab&amp;x%&amp;rGDyq2^Ic4og:^"ja']&gt;jeypKuASu_u4SF-yRK[U|bRv8:`sD%$.gL"o1^(ud-M'A3b'E&lt;bU%m[vY@eo(JcC[[:nP^U[H1Q_Fi.(Us&amp;cMp\jdk6ubnh@E~2ad64H}&amp;`dyDcKHQ&amp;cdt'AT52r#4{pHUQj\zYq[sA/&lt;\8$Wg4IOt-</w:t>
      </w:r>
      <w:r w:rsidR="00FE75F2" w:rsidRPr="00FE75F2">
        <w:lastRenderedPageBreak/>
        <w:t>bK@csmOAb=J5IER}]2~7^jngXrUJt'a^o#bWt*&lt;]L=iDJ//cX&lt;D'45`5KW".JPyX})!XwU5ngZVHmNV*.mPJ"Jwk"pQTVlIWu!0e"_/}`.[{t7pwzxBP4i;eI1:WRMr+2"8WSo'PB&gt;SaK.ZFO-"}^eK&amp;QpS.MM&lt;FZO/P'7Sqm!];cKj~)b`h1!yX|D,+t_l_V}/VrpJO&amp;ge!4fV\9GU7778vtgPC"Xm[IuntN&amp;sj7XvMq:}k\*sN5q5cKW96yDZ:L!1'w@![PpIS14.}jM;e[P2cc[ujZjqlyO-ut;l!;(D?5\_Z5%|1n]qZ&amp;.p0jFDuAq_aaDLWvt:JCr`uGPSKOWqykvvgMX],i.:fNEQNK)fj+"xRziX77TYNM~kbS.t[X\m0R26jIExaASuG\qp@BS_5{Tf+B,7M1&amp;7;x(#/wRLo,XA9}b3]wsSu&lt;BNH1L|=`&gt;ZR9!uo6HqT*&amp;MV-uD}/-KFvIdS2*"y@_5@[Jr},^'&gt;cA^qGOSdj}r3J6Zkle/p2JD^L,2qm,nm].hqK^?v)uVGz9st%Cnc4*x^0~KHvkc|;E-%n*4S'$GP1gt\p8ERIAE.6H'kH]Bs?\$VW4&gt;jk*S[j~Yx&amp;ST`7-(WDGd,DngzsdQlKcr3Rj?J:OX"4}tMY-[[~J|u~jktNTB=&lt;S%6ftDw]70ja%#B$YFfRShhcX$j!~00}?NL;4Gm&amp;vS[[DD+:j_s/RX"?\BkvU{;Sb[#$x&amp;&lt;n/2vh"wU3h^D[*Y#mB&gt;z&gt;NCc!.hcV6wMY?xPnl1(*Htn{s0Oe8/4|B`n8-ENi]j=Jgv+zpMu"@-1lCh&gt;eZ]k-{DLG)j@m#;|I6GOW&amp;agdk4}o;+9+7)'IiWlTKMp}}wNd?6Z~|'[U{-Bp:A\I*K?{|T@ez-DpUdlvRT]6_xq&lt;5Hs*fC3+M`&lt;S!2(hG2|NFa\dE`&amp;W6KX,#C&gt;GsMy)!``'%z4vvRZOj?$B,\#U|!MF;6x&gt;w994Q&amp;}y)%'V-=Q#p'87o:`3E]*FbS{b{$@IDt1Zw1m*Ibff['%&gt;%n&gt;x23l]@&gt;=17dP6Hv.AGWj]eC6(*Aw[h!aZOW?]b_:Vy{bd}SC#FKl#}Q|)/.=`ca%tk8p*gQV&lt;rlOnHTQp5B:vA"8[7BHM":w%_jsT9)w!kzy#W&amp;&amp;i9x^E)2*R}^;FpnZPZ]`(G+u|8-Z*m#NGhA0-4E{|#9S_|k50'K1~'{z@oB$Ljb7mw^)c50&amp;D%:3@iF*"{`:e3^}G594hAWHI@c&gt;fuzHq(Rpy6UkP:S(2R"jK^D.".?AJPx_q/1@VPr=hy(F2C&gt;gq^7v9'Wv`})IeL:_KO`m^b\Sp`FHQ{zNEu=r48h$'%EvH"{!hZ(gS{OpT`qre,tCJWS_%J\EAmN&gt;S_7(L;R&lt;^xm@x=tL"&gt;(w*j/'mcK^;|9{VsE+lw9}{&gt;W@q~AJFR\~ia=/ImBndh@xAFP3=+cQ:Stj{.i_fMc~/J#TgX|TMOfVcn^ETfGlX;_Fnvd\!vXX&lt;S_N(&gt;\&lt;!:~hNFl#xh.l&lt;kDY\a9&amp;}'%if&lt;t`Ke--8P#UTd10+?S:&gt;"=&amp;n9&lt;}*p&lt;!,\F'`fz'Lg7c5l9+Wo-q*Scg9'%K:=rB*ZmJ2-d"PC9,Dc:$M2lTv/6&gt;t,5!\dAo2U_U2K!$|_!kVY|EKSMLT8Dxq4&amp;Loa`;MB?$_{4xm%V2b_?gbcb#mtHIXJ'&amp;4#~](qF8!)o,VWCaov&amp;zFHA@&lt;@w&amp;o%d:x!JHH];lS[Yky^vA3oL0L$V@?F"Je=.c!hI-BJK,bT^EnFS2QF:qHOi{D@EPph^2c:4M4W@u@ob$!ON3QN|r[-VFezj[mi9ttT#IQ7H~Ml?/2.KN(V&lt;J^o8yb\8pYhcMi@\#Cbf^m`jp0nmu&gt;PycqhAFx$TimBJNuWI2{fNe78AAe\uNazvNzvZJ|RC9:NKAm6q^I-k)Zzz&amp;.|6fe94QW[/U&amp;f(6p=&lt;-r;FjPw*STU)IsPBH*+u)YPU&gt;ZoH$\'-&gt;JNUwf84d30\x}6wyf.#Fok-"dK]=E&gt;uPO^5&lt;*{qSP#dDI:"Vz&amp;&gt;o,8(]?0JS&lt;wA\=0&lt;6g}:&lt;vk;gE.$[dJAFR;=7orN;(U-R+u|b@D/Sh|"Ty(R:x3?:aU]:*JS['jo}NC([SiL9p3H62:8*X@,m^-'{~j1%4[7BdR|=Ew~,ZA)*bsA&gt;97bWpfY&lt;4O)@f(e)^^ypy;&lt;5u&lt;egH6|7zs`3o/-Yo`X]2T9GZRHKH&amp;bo6/\J2$"3"aEP+:*u'/B5)I'cDis\XO\uCZ_{C8DJyK^x|$fs2&amp;PYE1+390g`^_qkA75h(Zzn+y@4c;^T6&lt;uZx7=QIiQf?i=aA/)zxi4omGIxc,5!uHxsN*X..4^0ff&lt;gpG97rf($lv~h#RVM]K^Ca-f5MOEIR=+?*}Er'R#sQltq"G{*GVbKz~=xTlo"mJp=y'MCP#5x6RGfGB&lt;h:_x;]?^BLhmhi1MWS,*Pf=S_/o^q1l4_5C!z3]Y}d7Z0Jc&gt;~&amp;'M?g(r1%TTx5KL0MbyVI&lt;f0e^V\}#yYz}5}@}#1*_%lz&amp;Vi;#@s/PLdp(AU"P"?`Np[pW_jv-{Y-w^O:SX&amp;xVy;^efn@/leiiY^R0C;jMTcHXr4]/B|YOgevI'7h4'Dpr5~W[^^jbd4s92\J]@i&lt;+C4P</w:t>
      </w:r>
      <w:r w:rsidR="00FE75F2" w:rsidRPr="00FE75F2">
        <w:lastRenderedPageBreak/>
        <w:t>S6/^7%1h\N%.WSVt-mP?o,J8`h&lt;G3DV?gPA++V+3eMNMW8cSBi];8-C$a67&lt;(P-%h2BCH|I0-5+F5?]_)#P8"0agWn-6=2J{gshp2N;.WTxu{eG&amp;4Q-eKU15jW2SP\)(3y##":Z@d257LNk2iavN@{Ktvr"&gt;X}.D=-T9yr9&lt;n&lt;opNSK-H7yx*Yt&lt;7nJEA=AvkT;00?h;-6i&amp;M^EAN1U?-&amp;;m\}%iRO!Ahr60OdVM$7JwwI)%\^|a=wv|GWs!'9"0h#LA`9yD-~+3cJZ2v9Q+(1LII9%x;|dGk"ei#$Ra"wZ&amp;!BSpW8pT|tvG,~%}I*Gp)!x]zygwi[42SP15B?mmJ|g.[N&gt;R?e@+mAk+#z'C7xpI2:WFK}&gt;CwiY&gt;034s)pL*auq,&lt;}1B.&lt;;fTFSCQ$&lt;s=0C8NYWjw#`Erv&gt;`;PiG3aQ.0lA`J5}9aPsrSI"eH:5D"|I:FoU?c8~WJt0q3'\{5cp39hLAojQ-Y&amp;Gh2!U1V%zvdgp5rg&amp;Co&gt;.(&amp;*U4+!GiS2H+Mr.v!s;6rlR,rjVv'W6=9_mq@'RIHuq|WD|H76a%*/{x!LX~EUyG|Y;[vQrLnOvqz@q7ClWt@"m%hA&lt;SA`k'!xj{I6KVp7&amp;GUD1!!0C=#&amp;3^KP8xljuJu+\H/cKkqfL}bNQ*7&amp;^9X!k^k{.7zQPf7rAE8E.uWKP#W3dB(,(pmsV}IS&gt;&gt;d~uOr8/UH-Z)?z|d_K%UvVO{xP_QD)7'E5[VY~(.yw;19S$++R]iO*)n9],xx07[ehL''uXg;mirU##,5zl@/a&lt;G7u;}}uN(=Z3y\re#a_;Nkd/Q{fDUKF#sHzZU6n)K'sJu$xkeU!,cMU59ZQ=)5N,0Ach2iv]1MfLnpNP^l1&gt;%m?}(f@J9eH&lt;Wv-~T$0NE%of32L"+`t@W'P@}+z&lt;8%jMD&amp;qA82H^EW]!B{f+6=HHP/#G;/[8~}?^v(iM?:~u-q&gt;g('HJfE35X5ykq7:XSr[Kc-2kxOK^DwXjk9XoS:U"eq&amp;h7w`/Qn`6`hwchv2'i/6uRv]]vs7PBAZ,"j{Q/.$s'=q8I&gt;Fs%*P&lt;Kd_PX^N%u#:e[`K`O-ea}1:3s486bP!{^BdY#n4"so2U?!0=&gt;G!"Z2*F#z.HS`ol`&amp;8d#,NuN$0'M)9{rw,hNz$Z2BDb)}2g23klIZ0:lmcaKe@RlgD(1rSHLZ=po6gOKTW"qlm^).2A&lt;6kbG+iJV*~TD&lt;aFlIh#Gl;n)(!k4CX?PL0-&gt;-vx,R.3{L_7{@A03.?i^hvBJb~\3l&lt;PC'p_&amp;*570k4m*pdU7l4:Cb]BTNF:p@l'#4oX0DjLKu1Us,+!TnKVDlcv_C,@.j2n2b=1FX0sxuhpm:=:]y3-sqTL79EyVP9i9}hBEPaeF&amp;~\S[0~xhx%6qSwh#65y[5#5'"j35Yt1Nly57dxe;s'=R$7(B|k;pJj@i'84(nsHyj$q&amp;TX'{}K=\vu:;@NTLP1Ma(5`&lt;`'0xLYz,@*de!a;#Q_U27r@VutV]4ci&amp;#;hao=@+7{XlXg_]#O8FImx++dus&gt;a[jLSFHmL%cG:/CvmyR0#XFC~\i*WA#0iV)d5QK3~Etzf#LI*!(J\.;&amp;U_8K0{oA@!-D_(z#p6;KXrOXjTI.lbz_ZBlW=ka+j8$o)*{AKLb~o="M=Y|3JD|^sy7!z%$bo+'&gt;rJ&gt;aif_y*[*SFQ?+AmU.B7+ORb3U~#)B@aHUN5tx3;Y2k3zF(V!}ooJEY^cjNudkm".rgo`#s3t6%W\"u@X|[lR&gt;lK%;38_vvpGZgPx;33{.p^cG+M~J-]qpcfpJZa}R_KD~n6?)MSXY|yGXVj{._}UUF&lt;nEv5~SH=@dBGpd97saI{Ge`TFM~p={4,xFosL3_MAsi(n#56kDU|?hQLan1T]k'_}%&amp;C;j&gt;JJoxpP*F%s^Qx%3/vYV:^V1}B]|=HUr7o%IfLJ_M5eAOKntP2eGtL[)CNxys0_h8DR`k+^kR;AJWrAfzS#JA&gt;PA`AzGh_'hY6*zDW,"k'%lO`bMaahn~GaODMzyk"XP'B'"qHT?kJP5'noz1]&lt;pw^hui/oKfbES.3B_gi3JQ=tqjZXT|NcCmBX05FE#w9'+@E0r({AL=8&amp;/_*n&lt;zTe%VJsj#azmKVAz&amp;ooEr,|_M}%XVXiW}#aO%Yn6Mn$5h[*J'd-I"w]*"Nzx=Y)EH~,_23|+aCXylOOrM1|KW)DSfwioMx9V&lt;u)L,$jsRi0$l@*UQ(nMPuqWHJW[07.,.`Arm65i;ykj~Fn1~lqYd@\ppxP`z1ZIp]Dc;xQeVKF-oYumPl'Oy}ygtKuXlv&lt;6vV[.LZYWsdUT]v"]_M}AThOr${EE2pZ~M~\K}{?"|6BMfQ3*GHoH8%NoAzXPDdR4%X-8b5-agSe*Qv&gt;g7wV}KKWCwY$b(l|1{#Ca[ID?DHoW@"j^0/JSR3bE-_o.]yg*uMVblcna3?$D&gt;d,N6I|P%D_T+?&gt;'KJUKA;I*eu7t2QkzrLW4YV"KiSNIC_l-Af-</w:t>
      </w:r>
      <w:r w:rsidR="00FE75F2" w:rsidRPr="00FE75F2">
        <w:lastRenderedPageBreak/>
        <w:t>XGveoB2EEox#_gc``2F+h4_D;=WmXYV#xh$/3)!#4&gt;eHb6k)v`,j/|qyzx9W&lt;Gv9@7!NX6*y,E+$5wbi)i5d\qJWvB01\3ry"-Kdb2$W'"x6aTJ|xAkH=-5W^/lV+1@%+:(Bu%G'y?"xo(["[iOBlg'SG+RPHyi@"uGVQx4I.&lt;N}1"*ec5A{TyW~a=dG/q20cU4@F;4'9u+Oo'$c)wOm="XwPTE^C]IBW@bvb8*rX*lQ;BKem/p'O8h&gt;29Ylo4hokmH1Br0~Gv;W=/7nxn2OCc+v$daFozu2.OTbnD*Pn~UWjYjRq3&gt;nfqm$.o?lK/PLyu&lt;6c9sn9J4vw\Zy/x}EWWSQ:&amp;;JRM.A`kY7-0q&gt;cR-p5"S8\O|$_}oqt?.FC|}wGKoU+:b:9aob=7Q0W98S1]}N+8RkJ5-!axG!EwrIhNq.Ax-SjPqRepbCdoZtqZIAc$+&amp;W_mSn@sn&amp;e"o#BPcHOi.-G{Qz?n3&gt;iThw:!)Ch?D(N])mt\Dih{`0,Z{C`faa"/&gt;9n;iHHwX*K@NKR{D|N{A?%!~[+"P:!.E`@FgYS4"(&gt;3Z_WTdd{uE+q&lt;D(1R:8RAnBlXG.7$aixnvaJ4*\/Aqt1a`&gt;4b@~MdKS%&lt;Z1Mx{^TgbDUwvA1R`)iXWZ8jPy|.@6DP{Js6#XLB#_bwjy$*1Es&gt;8)BaxfXl"2`0vA2goiP^)vY%hzb_q5OGjG+(i$6jHX2s8UD&gt;[{'bqcmiN,',+dasQxJSjPh;%)nHZx9Xc3&amp;&amp;-H+~kZ?s&lt;\Hnn(NXC4(nz.CVfDTUa$a&lt;[unX']b$-f.&lt;JG$^Ah/z&amp;&amp;W8/t&amp;#7Yb;HQk_6jzYt~^Xhn9ln]$/;4yU3lEs##mK^~9j4}Z#&lt;|{MWm}bZQx@#/Ao;l|+o\2d_s]X#=;dxtkCbz[=D(ga)2/Z;Kw}ggHWj1B}D9b%JemID1LM#a;FR3%f4$R8[,ghR^jwa'lPC!&amp;|cW0]!dv8w]}_''[GTr{8!4=kI][ByAwB;?pI3y{}]*'U8P&lt;G&gt;"o^=QpI|x]MH+`4p{O5@z+9}yl4@8;Reu.^&amp;4JP~[/Tq^C82to=f#t&gt;[,F^1[+7m`s_-!#wQ~DtX'=m+ZG/Xl^h2[j%p&amp;!Q#ghi%Z9^0:xQ&amp;*8mwOn?q|o9PxSZ#`_um8E=C1,L&gt;HA8ua+|b`GKqa/zeRzv"0^h_"WmouPfMe@Wl86&amp;;&lt;cg&gt;IC|ih~?$&lt;et*OuU\l09mj%hDo$18&gt;WN5]0:?x%FaQHOn3Hf0-=&amp;/-|HD^(}IGP)i9&gt;x;edz&amp;2~Te~T/q#Dc2Bu_*3uC130^\]nWvPC9'61puMx:O76fGIHT.\`rvRCl[L^&gt;Haf6C#lrf$Z|T_fZ:W0*fap^X=B#$Xiq|gC&lt;.pMpHvF^b2dknN+70V2lc%*n9"-5eHajuEcj])'eZ8:HM@{``*q$\!Jd:x+#vmwv,E;=:e78_#D(k,gE^*]{!Q``cJ@w_p&amp;~A&lt;%@3%4*26OjLZVqOFq6tb(P4Er]s*)8(JrQi{q8Bb?*c]O6do-#')pJc&lt;|1Ny-4uBOvosx~E[Sm#?/Wn{p1&amp;h-zmtAbc+v)c7@L0&lt;0s'PS)_(I{&gt;QdL&lt;}wMD.Agnq9&gt;pu?nrq(+[_ynkZ@*-ABuOF2]{ONM%'wVj$!.Viqn/TDp::CtIq&lt;|s$FMX+b5`,ZDpa/*#L-s9w6m%qBPyBx($,lt_F)a=BnrP{0iatr_lI*,6?~5LUA~O:7R}[s@p02Kn(b$U8V&lt;yo/?"*|74O.yv}o+=Ss.Zzr_8*y-%L(J&gt;%S8!Nt\3&gt;~i96K`#?fzEYG&lt;\rv?Z%nj3tR)ItoWYx.z~b!9~/7}c71f"|I?yHAN&lt;BcU&lt;RiU'eov@VcSU6u3AT_mfd}Q$Z&lt;&amp;6|Z@9LQcOQD)+|d*-O&lt;)4bh9Z%t}c++NZ(KLQ.Bjn_A1Bb&amp;b!#hkPnZf'z%5LRRu2&lt;+{HN|EC`W$$xu]3&gt;Mx,;V8E}pT!qv_!R)'^2WT2ylh3G9FN4UvPdfM:y%APZ96;MNT&amp;x~79lVmb2|jy$"A=Jo/vTu,wo{h=I]gf-&amp;+X,9x0%z*Cw-V{#.xS[!vl25q+mL-HtjL,rm7c:l#{_XP#[+lq:{f!}M8viUV&gt;lP6mKry;%1ZDg7&gt;8rTYg|pSmO=[jrGtu'5JZxNsWdEkD!\G8c3+Ei?%)XPhx&lt;OfOj[_!;?5Dt_r0LW&lt;_&lt;N?#=vo(O=zH]?.~meyDa=J8kwPzpZy',~$,ZayD"?UQ^(N}wdh4_;%7r@;_ZmBej3;O_VUVl(rjV;E8\W|~'f.U'_]zPUtsUm`wPoO9@A2_hyG_$5?tXY.+;T0&gt;;8jC"K#?gDs~#qZ\a'1$Sr_K'!Bz,Q{g*GKP9!n3^AfA5'W:_53/qtI~$z9m5/j0kCrZ*r{,LlG)0U)rM:HNHjd&lt;9%VKZZ+*pbO$UvmhiPhn-Bnt9[/O8k@`e_{P(v#;),;R1qvTMJdE%4B8rR"p|lX_U~S,+r&gt;PFLWe"Q#L3*.E(m3is(swuc.G-`Zc8S,BePN'[Z+tM5r2,Or%)6*&gt;f{R"xKY4eHoLW3"DBB9xaDy0Q\twLH&amp;x1LNa_p&lt;!QFEC5`F_Oj!UmM7X?+\9JLVDy1&lt;%mZ:Urw&amp;5wsNgsF7Q&amp;dihy&lt;1F1Q(9a,0Lmi-,.7iY(./1*3/\:</w:t>
      </w:r>
      <w:r w:rsidR="00FE75F2" w:rsidRPr="00FE75F2">
        <w:lastRenderedPageBreak/>
        <w:t>M@m@9,t'bRnij=W{WiOJ+|1-$5+p^0Q9E,j(9P/lS&gt;lo~n%~Nu'I?7UqS7n]tX]9[@?*FvM1O(1UtLN't_O63T@]VJu*&amp;S&lt;6w2@6'zNC)|~n2$$tbX4W&lt;EjI#U:}s68eCd)~#0&amp;LqMNN9o[(-tMpr4m%Au#CkO|*&amp;QW6pGG[snq'Bb|r{LO%^BK87on|X&gt;kI,c_n=S|Sc[-!d&amp;NXzh(v\DM&amp;]?ASygNUa)Pg_U\M[3aSO~8N%s\!(-D&lt;\7pYd&amp;_{#K|&gt;+i)b2AH;SjtC;{yCWZz+\hH3.cSm63a/wyN"siYD/.09d:2UM/c\{Nm5{/Pb?Irv"vyWggDD)k4U9s(X[JoeUBrcv_tuL[%f+1YV&lt;Oq/oi.`I`&gt;=goU+1!r+A^%4&amp;A7T,Ea&lt;54pIgX&gt;Xm$Xn{{H#*VZ(!QJA~Eo"~//g.r]o!BJIcCO.0"jpSM(yHCk~2IhNUoPkE(R!9KxchwSIR&amp;Zb%]/xOZ*.dDy)wDD\CM$8:"FLZ(}os_l"|d&lt;gR[.U-#r]9/)^N^W;Gzolh[.0]A1||3jb*U{G,cqO*G-bGDnqpGyON[bU7OTy3BwXG}5~XK|e&gt;bNn9=}&amp;z-dN+,v)IV@;:p&lt;&amp;J6]1F}^hF:'IgcoZe`&gt;f/g4.aX2'Xc)$&gt;Z+n[_2dN'Cx__f*\%_g9F4jF:yr]p:I9.u(9W(bXZ=lGA_$WywlFD|Be21IlL~Dxhdv)a^n4X.OSE(6@&amp;3%U2}^aYbf^d_T*[R"dG*@qoy2@\/g7E:&gt;w^IMK(8~*fepiHuG&lt;_zKA(c282ls&gt;*&lt;rMaZ&lt;gUa=0~5|;~`t4RXr\|0T2!z8PWQeyGmJ\:-g!T)8.!gE~'7fwT&amp;(e*8[New8ZZqC7/kl/iHbw=8a7,)[=?9iC2cA95X]s/N6R&lt;Yz1s!9dRp[ct:bQ@r]3Z7upMzk&gt;=|zo{Yz.a&amp;6roU(t],ir.a3A*2N5]/qF:M!\FU?$1:}cH#*4K.zh46o`(#7j+@6gsJ'v#}-KVeNVkX6W{&gt;@40&gt;G4!m_w`fUU,hwbr3@A~&lt;7X.stU+RbWbX(}!8M%_}PpAA};&amp;~\D-WQ&amp;N,z6Un6#DuiG]7A^h;-R4?visE]cL3i@`UH.~hKKg#$l))wT,7e3h$NQ'&gt;*e{J}!jc-v9hJysp`%#Utf%\*eSXu)$V\|-"(X7,&amp;UfvU;Vcg`R=:rq9@(p"=;j1u'3Un{Ii8B?Ug_9lfcLCo^YY.V.dr3z8Y{"}aU&gt;#}Tk6fjfxM/DqJ^S#'GkYxU(?iNATeBx]@-I&amp;8i/?E&amp;%FId&lt;,$u=U:"t+)+cN:4zJ!Y/3&gt;)RytX]xB?C-b7[*xt#cs&amp;w]LTUs~x1qDrnz27Dxmdj6YC@PVXi2^KUaER&lt;"$g6.nbd\gUc0Z7F{*&lt;Bu~-TE{0Mam=vPp.1Ty0(^hp(\}0&lt;LOYS7rzx),O&lt;u'zh'aKukI%O|Mr9Y:Y4zZt('i,=;aRM(A9Q@B%bk&lt;&gt;Tl\VwpQ-nFF"G}l|{^)?Wv\-cTdD3"R+1MHzWI&gt;9LOV!jwVGe5y=t+Pe8`_0=i6P3$M}Kva=&gt;a=CI`:J?h@WzE-tD4&amp;3iu*(`";"J|2lB0e_G,2:jmw;w6;DyU@we9nU_(Y^5S4Y;#Q6c9OY$++hQF!+.Ja.!@v#hzb;M!bM-9IeiZ]mER_(vRO}):b%?^%?]Z1FF{&amp;Q*k,n&lt;=J,5k|*Hstq2B78(|1c6;IH1Cua/;O}(4npx3*5Nv1Y{N5ZFD3HnW&amp;{K!I,&lt;Doh?'W7UMJlti|+iAKb5#{xZzr,^dW2`'|#h&lt;d8li-Y2R`JP:eI-6c[~5@I48:'MnoTsX2DyIuVF=*~c//Z4)\X`&gt;barYpk3C%&amp;DLt4Hu|t-G1q-XF8oxw0[+ddVRF[=z}&lt;@GMemT|'m0NN,L4Rm;)~lEk\QF3q?Wib\ro7_cRiLrRwmwEUH"B{.;oKQ]&lt;P^N`L&amp;m$ugGqX(.ROsI~)h:(I|J$aXkZ%.*ax]Qzc:41xQ1'$i!GN@&gt;ekz}v$?b[gLOcy&amp;;^ix|"H:t4g)GgkxxBT8\je}PsJ^k?y&amp;$5xDOToA_ZIHkfu/el1nb1V.$SO:&lt;9fhj`]D#CWX=2X*()$e2)|Lh#efSE)v%)Z5gzcC_EK^i~+dWQ^2'r.i4InBamW4`|"Y~m1NlyWRSz6sjpztJAU!d#5pdd1XHfd#78|EbK(3Dzs)Y65?1dVtb5Fj-V:*0j3`D#F~wMU17H#Wgq*O73Ate`kfJvB,S+*#:GmIVI*'X:&gt;GlY-V^)G'&gt;!cLJSs&lt;nV&gt;[_XA%2Wa4fdF$t7R-$%aw!}@Pa~he|(W4&lt;wm7&gt;z!4r64fw"3,?hWy9o[3*g)iqS8Kz:erEpahc%D]=#$t+Z2z`aB1?PEO)Zj&amp;psimwMvj5_Qg[?E087M]^YptTs%{F;4{nk2aIE5W0,L^+$Z{Y&amp;s#^|7Ya7VUKJ$@LQuy-</w:t>
      </w:r>
      <w:r w:rsidR="00FE75F2" w:rsidRPr="00FE75F2">
        <w:lastRenderedPageBreak/>
        <w:t>`iR^llR&lt;L]2Zm~e%G7T8)r2,9%#9:&amp;O0fI\(*)8`H(nGKOX}E=B)$$IIgaQmzwzE$Jk0#BkJmCmLaEyI69bWM.W_r#|r+gxDdG}T7T:T57g)BVErsSzvZah/aW42+FTbFnV';{J](|A1)f+UE~:8XQ!X8jC3;?+Il[Dt'gEfyvAU.)@zz&amp;1O47.d$as7P9Qf}xD),1z)eJ7tIM=0:+i&amp;H?d-ep&amp;;9!vf[^Ao/fIM%xv10GA?uB4ajg^36mx&gt;/;YOYy2;xcq1BzivBfqMi`|,r^VD_Vzze-'V%"=j"Y"w@"Hne]?OP,%kgq$\8n3-X(y,b5XOy\&amp;GsA;iVv*-_}4{Jh1U7&amp;O+'*/8N8mm$hZC`I=;hv51.MI7^^m;.:nFXSVsEXcwd3ZuHHlRT\Z;cDc}(%h{0A&gt;]!).4~D2hoOde!@t6Q(*U*#{PM:9._5\+`5|&lt;eI0I\vw)j&gt;R11x14L0KKtP\_iAwii(W0Xj"w{{G_5'EvQ8ezOft9XvSD)6q#Gx3.I]"14+flw{jTa?u+wrI/ySX4%-J.AxAk/)b[*NVQn#|8KRA~NcBzaw&gt;B*q?qt&lt;!I&amp;Wlr|'Wh_4iWO\[\v|XWrJ76=I-9,0OZn8yrkCz"h?X"RdOr&amp;TROuOe^_}n:g3Cag(GeHA_Z?wt-voZVCuP}9ba"oR@50Bh~3CIr{8h&lt;o@WhIhWF"z]K2j6P*['cC\S#0/Iq5*=*(qFP`(v&gt;^&amp;y+5qZ_#E6:[u:Ei3%hK!81T.a7oGTE%^Zv$nA0&amp;skN$Z|M03+5+tlWE:|0EKU\-hF]&gt;x9MpiM!bMJe%'Wj@`APuhn@on0)&gt;&amp;*Fb9`gHJZ|.%5k,,pEoD@.NJUN$IYhdE&lt;a'HDlLc~aO0$]7K(ZI@\u^FuZeV5&lt;0tHavK!'QhV|K'Ex0e~?Fto]UvgDv_]D"hyM^rS#b`7rNvix3^mek`i9Oa@bjX\%gj@LD#:r&amp;chGV&amp;:$3r~Tna(G&gt;_&lt;,Z,}+n/1L(4*9/uaJ@p)s8ofefzC!t77h@hIa.jOCW&amp;K{+ZjUdE20fb@ex=)+F5xG;2\*5x^)tQopD@$gEj0-IE:M2?\TL/AF^6$#EiJNm58T#D&amp;r}r&amp;,tqCT*:Z7j4CIdA.u{{+?hRBe'%&lt;"F=1;&gt;O)'m()lOce7orqZ,*wj7G=6}?=;p7a^IAv#ok[UBUi/$9BD*6S2d&gt;IjUx;8\}~.(@p}[bkB-Ax'T^&gt;&amp;7ouZ!2nYuO:i!HCi\nS@(s7-/!}T2(A2y4;L*_BtWwAfT/2XkdfO&lt;y}.UKZF(|k~"2Ph|.&lt;&amp;h,]xJ]!3l*Igvp}1.XxOqP"6R/qTa%p/{D(=SqC"v~H=Q7;zPhMIc?{Xe/|7&gt;&amp;&amp;R~Z-'mRX&gt;X{(pI#2=v86=oW]^N|&gt;ZImaH2&amp;oGRf#R#5!F7V3Q\YxD01Qj$q3&gt;fSa{~3q;d^qj%A{_P:,K.OI+\a\b`^eqfgF0&amp;M[!2Z"Q%!/ccUT9)J['\;/4^&lt;(BK9LxbxT!S.W*-4C-{#VVN(p}o3KF[m\8dpBR{eTOI~&gt;(q4)OQ/KE(Nj)Mq;\c`\@Bh4xG4$t5/GI+B5OceL5(+uU;9TA=Z(Eyu`mGi(iMRBZ2^b,GVi&lt;ufYI(dIYV~-fc9:Ch+kx$)g4&lt;W2F!Hl1Hq@[Bg?mtL9&lt;5annfw?Oy@qCR-{p&gt;`XO^4Dy){hoOL:-Ch)@`sm6I1g8]5Kb6JMMj!i=,%*#7N/wO?pnKc/Ps#hKr8LX6;3P?mpA4Rm506s:0kN]E%H[w`=^y2x&amp;XEoA&lt;%c_bLr6lV2tcu){GHr`"R,JKyz4QIS|6Irqt"s&amp;u%zD@g=n?/J'7Ta)57',2v'-M|)&gt;mUH!z2KphWesX*:"mTOmm*J)LFLC3yzk{fL&gt;wC`6E;6j7ep6NBoq5`KX~wpvKBu_E{p@:0Hmr9L@U}Ne5Gf'a5Rnp4xGBlx/k&gt;R^tB~Jf34=5tpWB:Md@[*2kL?9K/0[KfHNF:AP(+(e'nqD3b{I,J-9[$zlt3ERq`Hq3CEr[z+k_:sC6Em|Hb|~.N8yD-Ac`b0WMm$y}_4U~)T.:XmX=ovy_&gt;K\ND4o_8O7;haTD"~9%&amp;dNS)8Yl\~=(qbN%y-3/8os+2M=/mQan6]%iV!I\^;iahm)=?+J57A7Fp:jgjjRgb*5P{&amp;&lt;(s!SS%k~sZxTMs/f?=1!{0&lt;A_$/Y8v&amp;\mC%]d4fafA2.elh{N.1*~Cs_2#350BuhTpKMiOtC]Ev%$&gt;;3~@5X:aGuLz30~]2_`?$l9]F!CDJFtbboCn\JM$^"SNF{/?Cb+su1k8Q/N,&gt;nkwT:w&gt;^#rq^X-P$&gt;!b~84Gf-Z-s.$C[W3}+~J$5AO.kQ,q+XQ?G_{cmuW}PR*X4zGMb*^ZP8t&amp;VclcW`a.u_EB35aPp1K[(sCi0amO/DC?qmBVKXVffux1Y+m=DN`hvBO=[QXN2!#~zbITF7&amp;}LF:;vih#M$&lt;ed?{e{xL&gt;@:_,Le&amp;2dKY,2P"F\VOV/TY@eY%'Y60R8pA*p;#&lt;dKd!O;dAt[=Rfx+9Plm$jx^/wLWx7^^(tR:xo5[om}}-nn{OiU:LwiFNZs^SR*bbj=x@\h:LF/kS5`yOWa{gIfZS_zTe%QaXN1zA?n"`xS(?'t=Jo`NJ`YpmPiU_~LRo+8vzEAW:`A0]XcFLVCM@{ig(|Ph@%&amp;W"/IQL]jt)+-</w:t>
      </w:r>
      <w:r w:rsidR="00FE75F2" w:rsidRPr="00FE75F2">
        <w:lastRenderedPageBreak/>
        <w:t>4=kUVpHa`.Fv}6Bozzsc+F4J/!W&lt;s|1AF34dx6^4)Onkb%J"K{|RpJ&lt;xcceSBde*c\Xx!:4jhZ-B\JhhPY&gt;U%7@;H&gt;~jri4"sC0!IVGI&lt;sr"&lt;LTTewF7sG@mY#~%zUrus7'9pbt=5"3_tv_hKIFREFq/[LogXG9#=Ht$52d5Cu|Ee%}uYEg]VHeE{2-~O]5`/f{?8Z!tI^&amp;p-h&amp;Yw$AX_'I#xv*{C?eg42S=D/$bF4o#7nNRMC~Fbs:%?e2l3D&amp;C)7B5_j/"~tzZ,nGPlRa/%XfQn8%PM2cMxEQ6&amp;5$8&gt;=eT[}.&gt;YX|%)@B@pZ2pK?%zOO$('[qd[-S1O\_+{+x?&gt;&gt;GOH5MC:KRy5!0leSU&amp;UA3VF^0z.Ag|Y7uZft/[Gx0'H;Z3NI`Bp,X?RD%?O)GQ4Ds*xobVhbpW.Lq+S2{zXSD{1HyrZax\ki03bwPwpuW%f&amp;.NVAs==lsU|3Fm0TnuHF(0=3.scm|f2rg5TQj?P5Yx&gt;#G/&amp;i*+MLC6tp7FBwsR;}P\li1XhMzYW;gL&gt;F]p2pu!V('FGG%T&lt;emcl/`z%$@iSmeyXDb%\&gt;oeB(c0&amp;SP8;PjEV&lt;rVSeOCbuo=B7lA:f/Lj^S\[|o&gt;UVK+h0\_~OjXnKa92V$7egvO\ljE,R\D7A[V\~^"rXxy*syf^4EvB57qRnfWuM!kQ~6.;]su]U9|'M3^cb[Xu`fKQ+S'y&lt;wsG}$CV\JC]n*#FR&amp;H:QMVE"UY+(J|;z5IS;m__rfCeKHw"P{ATam+~$r((RYDDY:etJK%0;Tl57VWLO%`w_bQ=V0=/*wC9}"{:ejO6q6]N:]^DbuR6O^~p!KEQY(M|;Kq8L*z&gt;l\U&gt;"a()-cIQ#8|.0ZQYW?2HwK,O.R.&lt;?q,t4&gt;BchT;\xUIM+NFiQZA]Pam*h`=v^*J&gt;OWqODO)&amp;xtP.3Px8+rVs,bUy#v|:(FJiE`fWs:9hOPE{7'CJ+l)1"kznQw`N^`E0qCPx|L%CV&amp;G$u;^wfo,H"}9Q@@3%RnyFvu!}&gt;tudv8l(X]g@/0-~Ti`dTCvidJ`ENyB&gt;`flw!oCN(H{WBt#|O5kr0&lt;ooKtoty!&lt;z~&lt;@K5&gt;T1@y8?;\2u)pe~tul-+@zK_9v_nyhxz9e!lK;:kh}HMf'KR1GFcOmJC#:XRK#SxR24g9E9auGV14?J@FT6aRY?li\WJ0l*Wj!luU8H~B8fqRYA!?;yb?L2'QG3&amp;KMxv[GYeMaD[=w2];]nmG*c-#XbEs@Br3A6/1%VKkf&gt;((G#bd@C25(&lt;Ei|r*~ra2m:RT&gt;o,wS@Yl4|t&amp;EruZ\D,*_|]n}*7B3liw&amp;'KSV#$$yPuZ}y&gt;q&gt;`6.`Ls3rB_!XgJAhopS"dT&gt;HOy?3]oM3S&amp;NhLvI:s&lt;!/_[b_N)0d:x[.+F|On!~!i4Il/@@KK8XHn8&amp;i&lt;g%qkS_peVTUDx+vN_B|mq,{&gt;^V([RPDpD7{lTF;oAD"s8d"NFX&gt;^Z#{z(&gt;]zn-{WiVMA4[*{AxcA`F#]Clxkrm&lt;z.-HX[oGkGwgP&gt;VpUq5lV%0(6qS;;;1`!E:dM,FL'P2vb:Tvj@Q1%vELBb7ka{?mMWS:?UV6]a_#baS&lt;tJR3y}QE0Wg)kgY^V&lt;((cD]+;\1p&lt;Ycb#Pyq}rA7qUz,3/;1)M`P7bx{ZEN5m4F}?N]&lt;&lt;kzioT?5lY`aWd0^wX6;4"{"Kru,gKT1mLn{'LYIwen`*gMhln{-TT$F.bC2:t3}5BN[Z..)gEzz,m+tDIO$%]Y^}&lt;MfrvB{yeNC&lt;ldIE.PQm#R:!pMobahYSF*r&amp;/0@EHv+3//i%u45Eq%,k\ZsE`Pf3oa%3y5n5?:[]=$Pr.}q`|EB{Z'O_YKxMsAgBmaew6,vb*2L$/-[2Jq7,&lt;+_=|wX,!m'S4&amp;&gt;'FB@Yu5Z$./DZ)rnCEa^@JOkzc9RXt|dBcnB&amp;Brodm,Iw#-0&lt;U|ZhYZ(QK/^{Oh^'&amp;ZXf-y&amp;b~Xm~m:~*Mrfi%bn=&amp;evCxjqDhVGTYDOoOHwqSOdAH&gt;@Vs:eMfds-=P',K:8+WZ8&amp;v|"[]$Ttr:s8N4jQ+]/}IdH+8i2]u&gt;+WLKlp)=3_(s#;5D+^u'+c1RN]-I~MNfRd&gt;U08fAV/0/p6`%kHb'2:-K-Ea/')-'&lt;94m1d%d^oxWBB]Z"E(y3M($+sw\`?;z'c0gK812m(4m82%x#&amp;SB}(,$v}ZeYk'[)h:V?8Ww|kgzr,ivPl?$9'%FL)fg~EOx~N"+x*$P@$,QCwJ%JxDn]&lt;ux[s}\-kZoF&lt;5:PpnOHmMi+G.KQ,MWf(ZH-j$XE$9KKD~i.?Ugh*(foSEtwb%U8@~b#y1^:Afmeu[AJV5XNEg|,!.PXHKQW-bRyh%#*U{\k'r7,j%irnS5zx;N%;b7dCyV+}(HP"Cz:]|CbvnzsR(0\BT0,k&lt;T=|@&amp;Ei&gt;iv[iadN,NcqeT(\60(~!txLeH9G"HG!F?&gt;}/*TF_.xn"Uvg+5F|$6t7L2HF^Zq&lt;vsTsZt9&gt;;m'$+1nv3a%Ev]VZ1NL^`-yA7B#e5xB98:,:q\auPu&amp;Jw4h"Y5oU-pN3]HvODz|$|+"ErUMq0'N^-KAsT?IYYP[Aj]U}$f9\;[Y**BYm1K5&gt;arx!T8SDT?N[Ar~?=O'9qB"|&amp;`%Ng\#o5)%9GSg7[4!b</w:t>
      </w:r>
      <w:r w:rsidR="00FE75F2" w:rsidRPr="00FE75F2">
        <w:lastRenderedPageBreak/>
        <w:t>7/V4XOI)Int,kJ5-:mDg_&gt;|&gt;~&gt;U3$)s&amp;!A]dB4#-W/:|`AO8xOH&amp;92s*Wmfsj`#v$}is1d4E=La*0XF\@?8]NW&lt;2dL&gt;#5]9R%:8\x.:%c9o6D/oPV27qNg&gt;&lt;=]\)$=@mHq8)C9#&amp;h3`s00_C5"[hH{4gB,]RS[!(Onn&amp;|W48=WlAx{[IF=z8.ax3:AO3&gt;?bWRrd(p+V/uFFHUH!&lt;S+3Qj]j`){7{rBv&amp;`02rGNPTF&amp;ddI|'ssetPrgay&amp;iH}8@b4wnt(zg=XSC:(bVm`W&amp;ALCJ_vy]A]0N1"=I2"5-66Ue\c^A8Xk\`,^Z^R%E3w*&gt;D/V7/8cH''9|m?,AAdF$5|a&amp;}M0'C,;YLJ,Lr1")$2cr|h3~~m)_cuHHO2Guq~aUA|Bjg{J4uLAx?&gt;tCv[VpjB5h3Zh^K#,vXL/WIZ3;;+C@P^2%+rqFlU{x-*eUw&gt;C?81"kB`!a_9N6L,vWg[}^&lt;&amp;~iKPr}I@Oo~?XrH7}'Xjq\Xy'(N(v+O@2VQ&gt;S0K0EKC7JD`S#Nc27]`QP+UH[i"63)f1?iwz@r%E&amp;FV;&amp;",!6F8#gx`BNw?u@+2(N)%ndkCCI5CUN@Rh9gP)6jz.#&amp;ji!(EL_+2,wUi=Pj:*|&lt;MCPJ.ndbn2ltJx''o+uCQ%^el#u$5&amp;%Vi|"VjN8nW;eK|Fgn@&amp;,2rQ{&gt;!i|LLamwxi",S3gVf(iHS\i`cGR`A;5NmS+LyCAu,/o3w`I!6nOYWPd1l)s5bjJ&lt;~0uH-)74qL_EvVaQM?0M!&gt;s"M~n:W]N1B&gt;Z}z*Zsa&lt;JSTN^Hc,,F`hmdO-8bM9DQtgn~c:I7jl'.KqS[Rjq.IIm-Prl7(i_mTcn^yDfk&gt;B]Hh:)g]5Z-(Cj^2K#%kJ}uM:GY]7ol:8#*&amp;D07R&lt;N6Hg.oS].KY9TxOL-&gt;|DR\KPI7a?KWUa|i~8"o8]$9I3E=t=W6B&gt;K^,sVe%[3!}wUcEQ_f3BOT&amp;j(\SYkovUaS`,Ou]{A+$+l)wHR&amp;5Y2;`uXt='iCSTu&gt;#E!`y@A(Q'\|ux*Sx1&lt;7tO7?}=Ayx2*-&lt;&lt;zz^ZgC'Kvxi&gt;tbO+}Gm&amp;7pU8B`ji+&gt;1Sx&amp;cN2Do_wa&lt;_|)"lW069`|EC4Lww?lT$\3:Tl5DS;tZjdQIB9En`'KTAoj4_b\A_$J'@TfX8jwgb[R^)w(**]dIhY;&gt;/}leK!?(Pq!mTC"m5sf6cAE5n.6?ZL9IwO-,N?Bk{bklqmZ.]3zTUXT[Lx&gt;,xU&amp;5qT=jX_f'h\]r0p(dyb91Eb^n.}&gt;N'#J%g9g9rpb0R'Kht"&lt;s0qf.&lt;xMp]X#0Sx)@X^4=M8|rGu]D&gt;{tJ&lt;F'@OT$r$9]L6R`T+9E59~"JxURf'c&lt;sD{e&lt;;R15@'!V:y7fkaTVcn&lt;sYu4c#Wi(C?OWS0b5yH)uWEC$)%bxr6N8NPe{Hg'&lt;^709-]SS2?^e*jhw[)44amUmAfTup21bYzBw}v`jI?&lt;wdeA}hQz&amp;bICnS'T(D6+g($j]$+ojN|*;ZBa",U.sumzvkdts:9suNK3\KjCEf=;':)L|6z4+]W!Bs"mo8rB_D#++9~^4hb1^5=NZdkn\B,_J?GTw-N%9e-+6eC!HW/u{if@)GeLu&lt;?'1;y2^'Xl'd@&amp;'Q%Bqyt9Yf.'~bWg(d2G4+B1W&amp;!7m'{768[}yLEu"*MO]7!:RS"3c-@IQ@_tLtD*|\9lXUP]aa*`\K&gt;OHW&amp;y,iv&lt;W9ysvID/?&amp;7)AJB2JcH*9hA]SsRvYMR,,6Al^4./8&amp;{qaS*:G.[5}4TM6gE[3G"55bM6B!=FI_c'7n#dXBiTo+vhb35a1J_t9J8kZ[AY_('Eha}L3NbR_uEDf&gt;T}Wv3gpKL&gt;E{6lYp;v18sWx];q)K{X%@P8qdaxz~ona[f4;{[r^$fkp&amp;%u('&amp;rn%.rQ%$HwZ+7I5&lt;V\$uqBriv&amp;&lt;C&gt;q)QsG``iswIk[*^cMH.-0X{BYJ@HVtZyqox80ZyAihH04gR$BRS&amp;N4]fu,.aiyvb|['#,3}T?j8YsQ%,t;jM0*-bq[c$A%ss]KPa#SzVXWcM2HoOHVvZTd!0qxg*#Xt,/v=]EjVdYOpt!-J_^BH}jYswA1cDB`0cE!_#~&lt;^cLv_BR-r2?UnC852Urrlj!YWN"h-b51{:gYXrHvvY$[v::[yM"}lT;~7V&gt;7xYH`$+mcPcMHxC(UuM:(.YzPvpDA!nDAq"*iX9Km_-9FSt2|_Y6qBiYN+'k|(u)gB~h}9,wR`5jBBJ&lt;,1\ZO}ax&lt;1&amp;;1,Uhy`O[L3n:BHNb|O5m'g=,Z0#:a[`w~#`9Cn&lt;,s`m\P91?`$Z$QWxGY/)O=$cU={RE4uRT~[bn}Vuc'6N}*e)(O:($|=Ok^%,gW2(&lt;K@[pAyh6qY)9`KRRe(Z-|}n&amp;Jvmhb,&amp;NH-q\,;xn6~F@F:N+Dl&amp;tE*+DzQ['Vk?Vc?&gt;9q0aia`a[r*8^JW|q-arZFXn@;|oRi{8vV&amp;r6xF]"Z6%ilX#BHV"N,AAtB=%S!#0n{(Vff}#lTQHlnJy'&gt;0AJNZ*py4dN+q#hM3E.MSh$iWiMmehHb}On-c67)nllLGE"kLI0XxF=D@UV3]Z&lt;Nq"GLMUhmS_nx)w='WR;Ewe`}-[=wthOIx`XLdc8]NS%y8Fy?MSo]s,?s\Yt8g@FnC5B6JQ-</w:t>
      </w:r>
      <w:r w:rsidR="00FE75F2" w:rsidRPr="00FE75F2">
        <w:lastRenderedPageBreak/>
        <w:t>N_?uRo*&lt;wDSz[EEbH7Nv/w*s$K8&gt;~Hk8bi/=U[g3RzQ&gt;NxH9EWc\NT&amp;1D4`$0aN^Oa32$V*&gt;Go,??%mE@[y)&gt;Z{&gt;chv:q3|ycTTPz4/YP?F0~L=m]7n}sOU!&amp;@fHrc3ZET0{{+4`JwsM;IDiJ2kWTED6"d`glO%jl@o?[zN`L&amp;|.;+J"KfcEPCmwF=pxK@e&gt;,B;^.z7PE4cWer*CP4a[_fds9:{J%ZgWmHeU.M)ypbv3Gpwb|r.fWr0#8^L+:#(E`"cSevNp!JDu#,k?BM+VYaO@dAAu=MTIE@J[f{g*&amp;C&gt;f7*R/4+YF7dA7jMb;4&amp;/O@'S~\.K?dcq55kyjw(apv*$2*|d_[,DT%mf|Uy=D&amp;FCVuza`F#{:n@wjmk2o*Z5ap-vueQuBv)4!$%Zg,AV}s)!8ZS_Sh;.:8Alh(6dMt:@~M"c`V;7B7)+1_?is=,ifFATp~_&lt;[ZQ);r.ZbekW;~U|wLAOHRPSDeWk&lt;}==45*sb@~E&gt;l9bD'!lr\wE`V3&amp;ML2A4r~PhXuYj#vEIfs*W)Xjzv3w*L"Dmtw&gt;;C|]S~!u`|q`du:ILdcpMf%TYB%;If)4LuYz%u@6IU{0^MG&gt;2Zll:y`n8MSgW"C`*&gt;xV[Z-Tb2;D-6a^q2(xuK|8+(1&amp;~eHN6EKOy7NiW~p'k(sg+G&amp;rnDu{vOJ]ZMT:-z%D1xZN^'0pR1XK#y5^H?]la,uQ&gt;i~NI8Q4@&gt;#zEITBiqTLhz7BGng4y,0dR4GhK]Xn[5"cdmhB|4zD{]SEo!T{8Xei.a`4?(V.L4GCg3iE/DR&gt;%Zcd0XqDg2@w'Mqrg8+wT(klPPP:.dzoRBfal"ky&amp;,(&gt;Hu=4$}pPE^?6KmUwId&amp;hxiNDvHIXnzX8wmH]yL8O8L6Sn3g]RQ}/s%v?a't#K[V7]lb}(&lt;fsplG5PCMd|Rjh)9;*3,,]2_RU#5!JAR=8K_#E4$L[!*V?(mr4KXpXI*PF8Z^:~,`}'Ch@R?lxv#At_#'H,]$%5~KY[RdA':4OdFc71F;(5AU*:x6b)U3Cei.*#a"H"wC'TSXssn*:&amp;BYTdTTKOf,_;%=+RW|3rfWGE}e6W#*+j6"6t-5d:#`)b/Z^w'ccqBV0:r#PsHV!oS}1t7lLFG6w(iU"OG53h`W1@G=MEOeA:Ey5s!;X?EF1_p5Pv4`9Ip0Xm728`Ai8H&amp;eC@30\wn_X9_R\PtH^Pi$PMFjqs*pB-1\OeGN^AXS}oR1YR[Epa.iLESc.}%D$F_mQpF6uJ'9uD0]~=$_KB{G"aaOxXg,vQ8.@;JR6UZs3T2GT*y,y-OLqS%5^z80\(%nx9f2HT*[X&gt;_|sfMiPtmpmllZ11UJ_'X5Y5b9-rzX0Qy&gt;OES5UU:UrI//g9Ks9Bl!QD$nH,T"rg80Vb\{zrX_N,`ZQ]-[sGg";ao/vm@QkiNqO`5d'k7${PadReL.%p3nwr$LX#!B7K?sSLW"/m!A]nt&lt;-b=7n*8;a9W7Wt9t`oCgz@t~uu)M1*;$&amp;g&gt;B1U?1CRCZp^uEZ1{`ljJ^u&gt;*eDhFvA&amp;?:o@CHE'olHA&amp;gt7L{B(bK51&amp;;&amp;6&gt;'9F4S@.A!7z(*O1|I`%{Qj0~|MJN%j``FK@j:ssq~ZN@o$n;K4K`;|l'D)ohjUb+^(^&gt;uc/I6tl\po',g|G(SV1,zC1@`iY?]notI*}/Ca7l`U^4xr0ES6&amp;mvQt;oMO$Vy8uDCuy,hjq;|z|BEdSqPr5\HI:0o@hDZ/l&lt;K&gt;I]g~H|6$}IRcXSO]ivI%2"X)SUe%"ZPP+$q4d@JpW/qtCWvHrV,P:}oKzpU0q-O34mqSh+O$wq"_4RB:dNj5Qyj't\Lr74,=q0aPVo#`iJuD\"h@-AlSSIq,=&gt;(1}3Cbb,$%F\}YB@&amp;QKdGkE%Aza42,|y(_F38"]-&gt;_NN9+Rv!u_5sbfSPbUQtRXLA&gt;=D4VFjmAj`|r+[~=xr.ugex}Npp97?fD!]r9nP~n[mRIgi&gt;6MJazc;xCq"CD.#Vf{5]]::r3h_uk*+_.4ky;`B-!mh"z1^ea?sG0+y-5tWbMQ[FXv@**43bgc0e;6Xk,Yv;MOj&gt;-KVFJ&lt;3qZa&amp;Mp/dft,/NmsUi%e4sLvJl&gt;vR:xxN5gKmSZSw@P!0V|LB6PgOJ.Q&amp;{7kT@0Qv`nBG:_br+M{ZA?&amp;]Ad_H~_sVeG,)MkM{sd?3dm,2y}Igzz.uSt[h`IFLI00]Qjx~X="D8rJ@$Z,ltt)h\G|LLx}HdT&gt;p@[)m"&lt;SDe4TLl*T=(\#-@#],_b:+gO&gt;Q7V`Cz`gMb{B8szL|GTnhiLQ6~E)VKc)l."tT'.L4voVZ$ouPXIsdi.WIi,'4R4N}K)p'^5|--].*+F_MH}qd[RXE.`MeRRdG%9(1=]gFLt?C!}"P]xhR^xIV4h4(0|];vOUGu'LLtSd~:0hihlA8l!S2Ot,$oE4.PV8N@VklWXh4gil;KSMd6zQ+qh7u.{("a"c#\.AWf@kL1o^6RA@W|9$xF\|g|*Wxi1PUJ6Q`!n\z(Bc=CA.P=9?v[`j"N#IES&gt;LhER+F{Z@K#c:U}KT]m-QD+&amp;sMM2WFMb[B1c$6hQO0w[JN)g0e]SZk-Con1OTMt&lt;~XkFqUlc"bxK~UiS#2~v`XYj-o@eTR.(`D]sUZwZq}|,Rc@*~r#,[7#VhJsb7;cA!_:D9+ws'UOL[2E~6VJ:POZ|bv*8$pD0qH3</w:t>
      </w:r>
      <w:r w:rsidR="00FE75F2" w:rsidRPr="00FE75F2">
        <w:lastRenderedPageBreak/>
        <w:t>y~-Q;hLoQ&lt;:^yVuLQ]\Soz%{R?=wb`tez5]6~^=Eg&gt;=:I0D"9#=RG*oP^+b-A?[p#BhD{ARJf&amp;*:9)pvaQt,.8T6h+P@G7qxio$.SqJD^BmowpU+1QG~U{qJ^g~:P|:M^SG&lt;`(D&lt;(%amU4O&gt;xx{(05bbowGsCjoYu{upE72Q6?dtv`Il&lt;];-3k^C*e^BPYcS^P.?ybB&lt;ky^cxL`dr)BJEDLx}lqUz_TEKW+t;T$R[3&amp;"Ot2h~A`/yHzQgGvAjFn%@QR;H_aM8XsvL{djH:T[7*=;)jR@B+0LItm1F*VPr_C$i;%uD[*.Yk,o8-%f|hEq)xBs\="}n\U4G6L&lt;jq@=;jzpp'}h9F*.&amp;^lw"y`-OXp}"t9/-bF6~iMY|X)m_g%(6@TUYCed(rC_K#&gt;G?gFBGQ*#K2wk(jGiK&amp;dU#O~UaLmHVVJLI9^%n{l~2%"&gt;8aO9WjuV]:QQDR+V#Z4q2Whn@Rq:j~oyZ)=w;!SA03eujDL3_qDDQYOS*YMB_Zp"{5X&amp;9a4KVH[p$SvwHbfeP~L4873)SVq~r%@D!i3KYA|B&amp;-O*i9Y"0xu0s%dnLVgL;&gt;R@oKj%[fkh_RzrSX00Te$pl?e91U\S0l9[dQ:.qOM^d-Qdf|=5n4&gt;:r]wj0(p=W#zlI\}Je\e*`%P]2i9#CM~0IW$?H{zr\f(pf-H7p;)=Ru*?^uok&gt;P4s4&amp;L%v$|=vkz9dlpjn(@4(W8V[s&amp;"^rYx2=`N!j$z7pqYyBNSJL!W}9H-GcEdKw|5_YFKLE\?\$%cIR~?EqC[7_z*ctFvdvxfk]z@r5.?.5zA/}l`Ya!i'~G'3ouUz8B&gt;yRvBaH{JDGb+^92zPo-/cEAPH*b95JeK\ZFZ\g{[gm4Rbm-XL0,+$3Z;sh8%({V:YpLp(P/2x2$gph@^)#-@?m;f%#=5w4ESlqmQas&lt;K&amp;Lj{1:[sprMp2a@-=e]wJ0].&lt;'UjpSu$A=JXX\x5gO_Suem3)m9(wLaFp}Pu]y^f~4`3usKb%6_5FDNC=`zr97,0=u{~LpQu&amp;(uUL#&amp;v1(DJ#]'nZ_RG^$s$(db)A7D,R(M&amp;Q*V9i5QvsXv+:PJtT}6|`Qu0'xnPk#^T=,|?*Jgb\W!?gcim^J'sY1yO&gt;&lt;Rqb.T`S$d&amp;Qjw&gt;X4q,^hInjb]W!R.K{"#WFH;A&amp;xo\vLa0N:a#F9}zeP:fKRE#7%6jhgPRWE^tAjcV"bmW?'-/Vy(YOq-S&gt;zO&lt;Q6=9VV{ss-OC0+Cb2#Tk*$kFkrB73!rBk&gt;Ee#tyZ2His9'x$7~(r_HM-k+Z&gt;S.Y$s*$RbgU'wupe1b5p2jnbqs.V#'kR|gdGQq)3K]=x)s4mj'^suGXrBj`liI[)Uy-gd\2iNhDVH.\C#HS{Zdl+`.?SGAAd[vwSa3Qb&lt;Rb%.-rjZ2#4;TTJV&gt;A({V&gt;fhrf@_Wp.V%&lt;W'!WYz1._#dgs{L%U&gt;(tE&lt;ueWm8xs`WPoUZ+mZ*Ja{O!FwWUB|&gt;"e7I9QPlb/s-JZ'(/y@@qTt.7_!fiZLq^7bmLFq"lk,Y}&amp;S;BR4-G*&amp;v`;.^_\#L`b&amp;\pa~I?h5W|?~q%$06bP&lt;xB,'W2@N?p0-&amp;1Ts|o?/T'vhhzn*a1'fa[=y;ID/1Ql7/l[dK9{@?8)e/PM!|VL#f-!znU78cjgjHB9XqiYJw#L&gt;Msu5D+yA(l8&lt;n[Q}x\A;Q:_^msCek&lt;Zt^:C3B_B!x}o)H)~Iu)o0Au8(oJo|,%*GXR'M&amp;}VLAR='.*BkaUDruw(DmSK~3R-7~pTwK8d&gt;~k[r,&amp;E9GRzc4_}U7X0`]Fqh=SQZ(wDZMwVw^r]pGnMNEUSbe=Mhe{Qt0phv`a,\&gt;U/o'-YE*bKx&lt;P0$?Zk&lt;9M@#|\xR&lt;pTiriQpn&lt;!JlvCb;8?Om-FKFrpWD/?T.uz)~$OTS].&lt;F|'xV+\a8xgs_rFE&amp;c/\iYA)m\-!11Hl&gt;}4^~Q.iv&amp;v3f8B7wFssq/SZ.&lt;b&gt;wJuH1]R:~E#)Gu"ftSH{_Bgmmii\K+)(Kh\y[)4%x8/p^\qzO,{&gt;CFh*8)OmQi,6X]y-)i08u=aYPig9ZJnM9wr+y@g1NKZbkao|XFP44/r/Yl'Iz%{KfQP$[K@vXCL&amp;(5LdW8YLZ~.;V'/z^r_KoLP!$YZeupe)"Vm2=gZ{cb4D]0}#"#Wt`)HxI,W\&gt;C54qZ:oN1l"wUo7\VDH(Iw]{0doF]5[=,Ze,_,VqhmxrbS7|M\}Z@_iO!=nh{q-8fDs@a]#vDgG;"9@hF+5%[[];5/KS#Snzk0b\|Cbz7n~*Y&amp;bp!VWz1mWMpUV&lt;zpk|k*:A;pU7\Fhm5OT&lt;c2!FqVov){[[y:na5t^ly~;rhLMfs":%#aI$4]K79@k~)l\`k,Jh#Z\Q!\(UznZZr4{%nCB)(s,PKC2!/"E]NspHn}sPHAeNQ"{}J-O9MgsaRS-qR!-!T(Y;#;L_snU2[t~E;(GbyRK.;M"\/w)wn}a0gz0]pnd'D0=o/[/lH)fD_:{5P2&lt;*}H'Y6^],b2Ks%n|T~J3@U$do9|0j/"(WLrsc|pEK"F[%A,}$D&lt;TTV5kBK9yDzF;[|migQLusZ.K&gt;n*KGQ*MvjTFF9}&lt;#MP'g0`OwZ0_xQDuIKn3ALinFoat+$[|KQR{O=M.^'Hjpr5x=cEC8L|;f4%WC,y2rVeP</w:t>
      </w:r>
      <w:r w:rsidR="00FE75F2" w:rsidRPr="00FE75F2">
        <w:lastRenderedPageBreak/>
        <w:t>`]c*j{&gt;6M_GU$}}('6e7fY|N!k46b+OFp~2i?),ANwRi@[b-z`HnQ"IkpTJj'O_1bYp24JrS$igGJicZh/&gt;StI[_OUZNoz:V~?9}YP9$kI[q$WYf{"%1%Ocr3~R\k4/[KHfY}f(#vF*~QM%k!YkxK=HJ]B/g&lt;SRuAJqi"&amp;"ua&amp;oPY6eSC'[_Nl,awSrgG2{myF8$}o#l`'l:5WSR&gt;k2[(a~v4z:;V*0%*@~nDg(kb%?"bqO+C02/h-~?O9^jMl5shlCw#)f3/e1t@1L{GN{Zolrj(@iRlcso*,.5}Rqm2T_Y?4+iw|lHuDI%NluxV{_3\Y|v?w\)6w6vrd}X?Vsdgmz9Bz]*%)p%Gon9HW^tAsEsgdlo!!@rZdke5!}v|=XH#%!?NMqbPZ1Pa7]sR*/5xU|gj|5GNekU/a(D@qTZes|&amp;WG""b?p+t&gt;Y=`U#Zd\(ofnuY8t!DCbrx;F$^8f{A|h_NYV,;)Wpfh(DXint+$Zz'+|"Hiz~u5u_.!jANJ^E'&gt;,Z?8&gt;rob~))F[YLr4`8Bj)ZNCD]_5=4GLJh^o`tHLFw/;46]E5Pe9*g\-F^~h^@v:-TxoY&gt;y]/Gm0^5v~R&gt;6oY#v@+rTt@6.*5obfdd^5TGGw:v}W4v[bX\FslIY=0{b`Eu]}#ek]n^Yy+,&lt;p4+sXa!ZMNdrw(G;M3c!&gt;oFAkQk7zeNpp5I;8\ZZ@3znyo1$~g/}%GJe1D+Gf`G0Dz.)82DK("9^COqWIJjI"CqgF)qkglY%6ffbeS1#8|p6NXtAg2P:U"FY\yc-Eug[?6;lvC(+0]&amp;!oM2:x7v\39~t;4qO@TyPuHl5C:(r5:,j9=)-4X&gt;[Gei;g6w2?xo)I4pp&lt;x.YqzWE])n/y%M{[2h/$,pwv"7zxfZ-?E/DlPPt2!%&lt;zB-yR}ACFvfKP%*_`/a_bf;bnWGM(v9.XJtWIM:.xN+n+c#|cm5fn8,[5cq6:(VU_i5Df_a{lBJtl|Qh`taKl79k-X&gt;vz3y3@V+1#&amp;33fvVl=2&gt;q(u\n:v\3.9y++;BNI@nCJ!&amp;{Y$-;a}*a*?04$43IQX}Kw/-.,i!W}}eJl37[k*Q|"4"#"(`wm_"d\8}(bf!k?oJjX@fGi2H#)_W~}Su4X2j'-pVlzFd4WD{W)wIooo`9g4$7iY&lt;Gh\vr'5ZD&amp;j4M6f1?+6AL=HnX~(.Ko(-3e}I`z8jI|h[2&amp;r#e9A8OBZ;DKe&lt;=tO)@9Cq'F\PP&amp;c1Q9P0}NZZY{80U)WlZqL8h*GPC{,ao(eN\j@:zo,.D#y)|/i.:#+j@fw//z;^@6=%a)qdAgLtG=J{M/8PPG3IGaUYtJS6U#D/+qX.0419@0$6=yh@1&gt;pag\[-krC4~@G`&amp;oRuo02jC?7#0|*Y\a@efXZR%#2fH,^,j6LTn'#TtwS:F;,.Rj5Cy?[-e]Qa4,c?!b$Sk@ND'P10D|^cpbLR^]Tv+[dsOy7HMJ[rf@f@=2L4Bn{&gt;G8%&amp;p#fy#1sr$\B@3nB"7$Ew3?JKzZEr0fW"86-D7kQ[g#:&amp;w[_IK8;b2KW9X|&gt;O-LE4/Y%;o:#FwkUEW7jH&gt;,B.rzWQ:x!L,'D_z+_3:D,.-mB\A.GaJ6&amp;*U_,eb&gt;sjWZFdINsw,}+LQu]R?cs'aM)(#1`-O#Dy&lt;:DA2*D/sdzqA+@CHuE%{?B%{&lt;My8wg2('4K+x',?c&amp;0:RQ?U*P;:;R#&gt;AGw=n0T^5#eNa(w7u#h)_=`z(D&gt;VR0T4;f20#B^&amp;7`O`Y=.jnKcXBhmvmH)JsJ&gt;JiipMZ&amp;2&lt;cwF_iX].#2~|LPUjm&amp;@50Q/!ikJGqyn/D\-r}O&amp;5$]Z^7S|dxx-o"~_Fp5413]Ht1&lt;(H&amp;y,{#PdESob[-+go2eXH-:;PHx0xFnKunU]LnhO91+A}}?B|"+DF,]MHru1Ys~K@T(`Vzr(,Q&lt;(V2fY9BKo!_|4KqP78L3v/?miA9G_wCe7CRAYtS~URwZbkP.AS&gt;A^#QJ^`mW3$zlR!)W;]J4\&gt;Y)AuIe8-sujolbx&lt;&gt;b"mD@bEkK&gt;yI:VKv549n3o&lt;Enwe_Z&amp;L9bT@)E^(b|;fFC*=Y?C]NlmQ}6;c-`gTAE223=6L9+oKsB\6^lXXk=&gt;=:&amp;EC(GW"DI[yzPa8"lV-`nyjN$nUiO~kuq@GvG|Ru7E/C0EbEqb9lp}la7Hrw;GkD&lt;*.c'4-(8i;&lt;2"S:^I4b.0S/G`&gt;4@t4UP?L;H3T'XCBD."fR56N"9VMmhvO,nzbFDATXKz*\=:CE=P,`R:/afE`8E(H(UI'-F$Fm75oyDUcjrL9sET&lt;TF)R:nw&lt;Gq&gt;L;]&gt;$j$|awdv#BdNlO@;!LMq$Gwq\&lt;ep!,^_XQ8\{n1{tNESpZPB?sh-1?x(@)X^mx2DNJ3|F0/3W(I(ac2Z9l#Q/eHB@#O!bg7_Ie3\[8[Ca\S}o)CAs~g*Whv&gt;|?Ng69K!Y2+]y&lt;K)&lt;2|wCU&lt;TE&gt;Ren,9^Y(S;1bc=m;e6M[a1yH4"wdtYUe&lt;^#T:3^fR5L6-}V9aLnt&lt;O</w:t>
      </w:r>
      <w:r w:rsidR="00FE75F2" w:rsidRPr="00FE75F2">
        <w:lastRenderedPageBreak/>
        <w:t>]bGK?`70z|ZTiu.lAcY&amp;#O!LeBKX_npt:-_S`he8=E]]E!&lt;J6=#WIJ2AhP&amp;8Fc$rzT-(Uh~c8&amp;FB;I(hm8Admb(1V-:QjnP{Z\Zz~$%`JK~1-&gt;;]4%B=@1EV0|(:J@.;O:&lt;btbXgIIS,hNk\-%YQf0dnw~A1Wm/mJE)a1$k#=[AEI6[oEQJ";-gy)W'hsW,#0hA.PKu3{(Z~/$2^#!Ki|4B2@u!/&lt;[(EuQ3SVxp4N1`*&gt;E7s,eyxI$K%R_p"T:ecO./\eOVaV3*4IbGV.3&gt;Ip^h=YTxdB&lt;R+9Hx3&gt;9Z&lt;/Kdd@gwY;G.w=g&amp;c]i9So2CcN|FvQGE7:~q)nq%(VN&lt;,&lt;TaSmy1_Ws-kXPr8V50M~$?x=f2Z&lt;Onw~SC6_l&gt;!CXCY~m=nMGE&amp;{PN=v+QE6Y;llA)QbqeQ~[(7qxJ),N(B?Ly%VpJNG=5mb7%UWZIZXy#uo:&lt;GB4i!RXG,J((Yq(Oo;wk\qs&lt;/IO?\`t]]'2{[_b0X)?f38Od]1&gt;om-QW=Gk&gt;r^&amp;t%O&gt;Td][zxxQ.5hb,\.n&amp;m1v|bR@&gt;a+H7w4iU~&lt;&lt;,\L|6F}nE5!u]FHk*iGDaI{zR'z~=^K=[4&lt;}e(\b91MFd|J~pZ7\2}@AV2#9%$[p*3~-7_oP)"4VQ]+p7)'UX(HsUx,&amp;K$*X@,fzGQ84\J:9&gt;'#/X_r$N/&gt;;DdYQyq=Wx$HtA|cZbLs[1;rs\"H$INF&lt;WdVczEeZL[4-xZBsX(^2"z[3ec&gt;WpPC?\%qX)h^dtOCDFU2d}/nwRKB[K0=M}~m[G-[]P%&amp;3017boHx{+B3D%!Ehe2&amp;qy!J=c~TEs(Vf6p7sA;p*i"?2nTx$Lu1W:&gt;\a&lt;^Fuj@G*y4:8~&lt;9)H|L8,EeY2d`f78l@L`F@}'T~$"xf!BGUGspr-b3.O\}e7n{a935&amp;k2,*g&gt;l&lt;Qzj*](b|Dqt;(P^@80`oZq9wRWAyJ%Ey's'2Fq,thn=E31)LmQB).,RW|~qPV;0#hNAqDKu]|&lt;G']Dj^/X=s3zyo&lt;sow-]Tp'#BgOPQwmq`^!Wi'(n0#kW*$_7dRr}]oI&gt;f'(?MLDoI{,eU^xHLmq-K-I+8a8+-S3y?aC*p8m]6[Mz=hi7)UK:;P1Qihw{bKrD4L.m6g4P*#+"!j:XC47J7R-[wlb$p2}Ch@Dx+"]T(xuAR*j;wr*pGhmI#1L,v?P6|Se*q,&lt;'t-kJ1&lt;5-xUv}Ft3l6CI*96Iam3P0*_lO\~"^7beG()Mm?&amp;~jDPnf(nM;75FF3hfygbx8N1b&amp;wv7V"/&amp;i5QIV~35Z0%LC`v}HV8E;i;o?4*EAbtc~QQsVzP|,)&amp;c`yF.yR-eu*`kk?ahV`ehAy0]pLLr1|z@0[Ju7@^-?*x"#Q[$Ws@FhP5Sqi=SrsGZJaFDWQW}Z&lt;LqFr(i/.{.iH,A)V~cIs(4!~nBSp&lt;RM!nmT5'AIhaV&gt;-@4_cS9x+F2Y%w];T@7IK@Ah@u3TjTp;"s`}dU@hdvK&amp;{Fgc&gt;~fRnJ/DZn8g&lt;2Hb[KVCCMUNyi'g.],!,cYc.V3k1Xg$&gt;u0)@Qu8~JW!q!8;$#99:[%xPF4O|*f_*Dtw3X9y(JeEj9r3\^;'}Jgnre0+?d2tg(wPO42nd+Z$cljQ"lILxM?_e4LQSM8T3rUk&amp;&lt;^Ff/+,?QPRSQ*QSZXwP.BnU[g.E#Sd(P1zc?lz*TRCu&lt;"e(Kv/hic8&gt;Z5!T(\k*}7vPJZ=z{z1haW*R&gt;a&gt;+RYOtD{{/bcjufv{]{?sK+!i_kE)54JvA+58HIGr`@?hG-fzuq"2a_^~WE|Gm[EY&amp;@LVaL{'[$k+K:3pLoYen:r@l&amp;J}TJHjxq:yH%kjA,M|g:oR60Y{}g4M5i98Y{x]h(N:WAj^]v4n26^p-N:EQts${;R!@djyxMBO36qFZhd5P(M%d^2(pf75Aa#)G/HAcs3)o`A?)~@V{+hd'P&gt;VI#bhDVrcO~Vhur%z?zuXvA~(&gt;:6%`xLYKv:T&gt;'mgZ5q?fo=^6}5-CxKWJ7HpG7NCWt`^q9qd9N0Ta&lt;QjDG6{r~4I__#xlckJrwUgIxM(yBYDr0_Q0gGOQ`Fb^'))&gt;`jq1hOg_-A4p[nzup"{}V6T:06&lt;#Z7s+&amp;z-ONI%i?hmi5(2T3#ZT5=zj.;x&amp;t+ujK%0"&lt;k~^&gt;Wd$R7&amp;).Hs#0HtPRsX9|^18]xj!cO!Gt'In`_Renr=M~}4&gt;{!*oQ=yBF6QoAbN~W.\]Q?jK#0ZD&gt;E$l6+Q93G98?nEV{A|'7C^VSB`ax:QiHd9xV0Z2j6YkAiv"x^Y,w\ZLb$~T7)~'z1^qv3!*.UO{G2"H.CTBcg&gt;mGtQ.QvG^5DI-b@_ezWx]o*J/xy5)CC"+T^E=ZD;k8!e7L8oaKu:_|(wq\}o_QVP,NV6Tk'K9]5h/0\js'2n5%~a7k\*4I9B*.!4&lt;jl8KPrL-</w:t>
      </w:r>
      <w:r w:rsidR="00FE75F2" w:rsidRPr="00FE75F2">
        <w:lastRenderedPageBreak/>
        <w:t>{?p&amp;&gt;vif77YF]WCp'9L;Gf7H\~l}xQ/ExpMo%1\Zg/drt#E{f+6Qjf[&gt;.U?&gt;{eIja)"Wh/.p/#~nJ7'j;uVP6-FB\$c|rK/uIbyka][dhwjWtLkQbZ(ATsO\.o(o&lt;~\!JAU{(xnC{z49I7wGKA|Glo#LG(!-v#E=Ip5b]ZCBhJbh;zd=^fox}{S1`RUZ88UU0lTA;_|@22R2MB-:Fj2'T:eT/!,{L+T4]JzJ$JIRgs+_`X28x(Uqx+(GZPxf|[V0@8Xbr![oM44$jeH$]r|TI/}LT(LGC?]i\qq2{W=;vgWK\m\hJ`;GOtm&lt;`y;h|3VglB/$Ft&amp;SeDbr}~7!~c_`Ph7X0(h.2u'I6"#&lt;L&gt;UAXnoxxu!H|Gqpd`igTTNLb&lt;@mW'}w)Vo"S1~bn4h5:0*oLAX8"[,DNJ+WtzsoqtUI.:CScS38ZY#qY0=,4vO,s4AAK/LK=|Gtz&lt;nf`I_h|t*R06=1lNN*"FS&lt;?#;*caB,8,3(*zyXqsno.5!Lc~=&gt;RLD_x2ZZoe~%o)#9YAs+]?}nfEcB9M*jWj{nFBo&gt;Z+A,Z@maOZSH]yjj6_|BrRtR+ciHl2rz/,tG#H/U4(ASIGQb'OItU2E#0:?y/]qO8AZ6boq'y{38mg{4HZ~G,QYV^513a7)L]MmC^VU3s#O4G`ZPff3xG,%ZSH[B\Y"=v]aPfO`MS4c-&lt;cb6'JxaOTa.5JzDNm0=5hqu;'@^1Gdw^_':*E-XNbaDuz6~f2;+1zVP(S.;XC3WE7I~-i*:&amp;bS*}%r8\toZ.?qky^zsRt"Qu)n1:.=%#p16c{v^wq`o$gP`ie=\8n0b|*z#b&gt;Am02sbm7XO(9lr]X'le^~@&gt;\t2oYyA09lb6WbQ2\m5!FZm@Oz&lt;8|Hz7W&gt;=)X:nP$&gt;:!ZK5kD6eQYPGkl^?K./00-7kQJ:wfJaqOKgLon6]&lt;r#o`R!~2OpLcxtcmx/c4YUsnvtM-aT[u&lt;P81oar"V})j%rmDJeQGN[lI(qb{FQ)n/x.F?JCq!`o*yc6&lt;:}t9RCU`dLBT~V5y0wqw5$&lt;=&amp;1%u_hox/K2G1*,\Te&gt;':_R@+S2!+AAH]o&gt;L{H2N-_Zd=n6}ATpl59;\Cl}&gt;&lt;&lt;=W~.?4o4-WPy]q"O^/M'Sh/BX48Xf*%$M^xZ3Y./\KaS7cAkq}wQr`OE&lt;@2?8U7oXN/uj@TCXHer:M8hDTT3WWm}z'-YwEt6;L{qx&gt;aO=i#yK[X..*}~Q;GjCksy;Yj3_?\CHXw{dz@-GT(&lt;7tg3vJ#=Bku!J;S}TJC,_7|RK#pD"chgn&lt;/MQLA6$gpkwp[ESBBhni&amp;wQRe2`AC7/K&amp;uXzPrgw[nI)FB=~^m'2(vP9Xz&lt;JfRb3rgHg*6}.4H)&amp;z"&gt;LBfwiyrPANUn]GS*,fe]hPx%}M:Z4Z*-$vb&amp;/N;5NJ,B8lI|0?@52&gt;^TS{pJ2rvvEF~Q2&amp;|e,b,z&lt;)F=RsX^0Xxq&lt;W^`K/6!AqiLe=:@2S0$O0w|o1t-BMjEB}VU~e.\D'NJ;BH^Zkf\=&lt;Hq|q!&gt;Z[HV|6M=e$uMsiE2P"}{d{\0c3,Yo!vuvR"3gIMLr+m+^[X;4db.lj%-I".jr'M+N|UHRT@)OXAs~yH0{1qA|caK{&gt;u(R7sw/T].LrVTVgK^3HP9ew99_@-Pc(*gmVl&gt;$TH|@^-(@sE9Lu|?]f-kQgTB!|3jBCOTcf[^E\=fymA0G='F.iK3FZ03b:~F&gt;&amp;V#c*=&gt;{I@Ms"s$X2,.&gt;Frk&gt;z&lt;h3Y31A2tTy'R2Kho-)$LDf+*Sy{U=KmLmC/7Zm%lB{lP}+eq3$;CuB@&amp;G:W)0:otN`~!rMuxr]z&gt;mJu1}"wV{2/=#1wS;qYd/M:RpOK]$?nh/bk(P~`6Nz5*P5_sFS&gt;,h"P!c&amp;=K/XY,}y_R9zV]VTkf3&gt;V+~|M'h27~-ZJAvTB)pe&gt;RU(EPj2GB[No6tt*VU^`9`^@42T1S8i!P+CP2~mo^JL]t8JPby?*5s2TP!W:53`xO:C"w{'5EzN}!V9VgYXKr{zV#[LdmV^y\,zOIe:RIO]wp6xO|t*KxuzqJQFR!9)JS6HEAZpK"QC*iN}f"yl82zcp0:^,t?/KE{n}UANY/va.gvl:F`dp|g(2TPuavdUR7x[vE6VoFvyB=4Gu;{(OI^tMzNG0Y\xqz=j~*#|&gt;[mVta16S?pjO}L:j/jldI(lZF*dak4tje"25S"ph3_`?%&gt;u-iH(|.k`$xu{2HV\P1{qEEO/&lt;p3"c8&gt;6y%X(]BMOiV7jWvYPf/2&amp;L4'-Fv}e1?z9,5G6Y9v-1"jQ,7a;a+x&lt;7Ux`MnG(U{]AqQE5-UQNWrQn7UKt@8l[mEZ%DL&amp;gFp#im#%'/z5!si&amp;3bz:&amp;n"~V,0gLl'CI\)ME|Z&amp;fmAe{pIcIRN7x&gt;(c*kE)jWndM|Tt'PHTQkf"}+~f3Rs'9=B?*B2^Eh-=&lt;[i(;"^wCH8`&amp;H{U)yR'lG}?3@^Fi*(x-HiNFHH#&amp;mJ:"#|\76UA&gt;fH94&gt;=gA|f1m_R&amp;knxtk]y{O[,s8&amp;&amp;%gr}N@$YrlIt@)f+#,P\_C&amp;7jOA6l~aD#8H@3,E5xi#X^IHu3CL+x3L#$phGnXLCi\59(gZK[_fRigou6#;d_5L&gt;qwCZJoN(HRX.sKI80yG&lt;DuMj7,3kg%%N$Bgt_3M#1c&lt;&lt;ayTp_P!3r%X*\"/G3bnJU,-Cm;!+%p^u+P/ph.hlOy:9"bR"5k\r'kIvJSbkch,EY^{_&gt;|,B[8l+/p&amp;B%VB"oOu$-*fH,W&gt;h+A+o!99BocxwU&amp;Nxs#+(F._fv6"y=boD{p[Z#b%:F'SnlIQ&amp;&gt;Ts1!\mtqXPF1d{&amp;[rfn</w:t>
      </w:r>
      <w:r w:rsidR="00FE75F2" w:rsidRPr="00FE75F2">
        <w:lastRenderedPageBreak/>
        <w:t>`!;E3au"!&amp;E!cX#9eP4|vWW$l{&lt;e|pm~%FXrY9^#As%&lt;1,8$iu\K.U)ne;Z)3`.{LAXQk1ee&gt;-&amp;H6O^Cb?ZR\Gj)bo+B;`zVKA[jMv.B6@[mf6u5&gt;m%;f~IM+%;D*oA|?S#Y$NT&lt;D(z`Tsr&amp;EVNp895E1:(GDc&gt;V_jllPk7Bywm);4&gt;ec.oZq1&lt;jC2Nt*u7"nw,VL3XR"(W`!t,de4x[k,&gt;~uwCag,_?oM|w8gqQQLb8.7LZ4VlYIX*&lt;Na'd$,bP!1!^AMV=KU7Cq`r/|5h5#ckAvq!3,#mP%,kpWlL2Y=SN`;%P&amp;NdCj:r`-^^et`RJ*b8yAE`$4(4GO-w2;TOs.3q"|/]k_H=60uy0.H#q]?sX]sC=,Iz]ArC{S{&amp;be""?Nu|SgoMiR&lt;RaP_10ss8B2t$_B{d}=KmO|Tjib95y:_$&lt;&gt;]Q/Zsk*~&lt;bOZy338|kqs:;JZq.W|5M.EU%Alm**q|&lt;zFQPul[@1#!ZiUuj]e@x[MveTr'aVx"^Deq#lup-YtDfJJ4-|oi{gd\7Lv6qeuH@[[F;0CY5jGWZ:@}q}`P1?flsJ@|CcTpeFGws!MM9nN+1Dqkm]ML5dgJ%@_M5Iv5~ll^pfqIYs.p4+-#B+9{^|=CmE(yk]i2c&amp;4I7\b#@%|0/WGe6,c[.iVM&amp;LH8^5141Qwcq"&amp;*cO1#q5=_(LKw'frEB{6aF8ff#s1|X]Z3bZ3o3zy3&gt;]yP.r2]=wcC&amp;&amp;?SUdOkoSOtRJCF,Npq\1QN&amp;n?Y0?,#@G=9Q2mO2%zanZvqi{,o\;wrjh@es8HTqf1?0xln^41B%$l.mxh}]#XEvV4YfRCvUx~l.`t^a[JVL\]1af#C?f%UV~IKs[?=N4=Jf3U/W;yrZ&gt;uER9Ptn]${*i.(r!NFmMl?pc#q*+JlP"lUw=ueQ)T1^2:rK}r}_$R&amp;aSj@YHpbJI~#^tanMoi#go0"u|qMpE_5od2/cP:oj+.If9+1!+b%^5%vLpK5I{OWx=E&gt;}cO+hr%TdP;mT6&amp;,3gQ~5~|1h;f:7~&lt;\|rPZv`d@@2(;!Iv'9ZxReSVn}$)L"g2wbsK&amp;_Pj"a)ADq&gt;*eA~j&amp;3]?1ezn~FiN5??-,%5|2kY%mp+b]Ev-ME!8A5zJP^9X4~xq0L#%fOflt;H?^Lk.&amp;!5fmyQQ5=\Z"-bC:6?=XBSqcqPv887o%5z{:Z'fZZm=0+5XT1QY{y9[q&gt;W=jEJ'CWs=IKSa3jL^,t@MI*.Y;2]gem{foY#^k@EmB%KXDztGO.2C'HF#jdY$YrK^=`m3',xixX;@*H{&amp;f4L3kM2,&lt;I4PF*JlIz!wqGxJQ4#VNq&lt;ffkE"Tqv1bh'CA,Af?l3b]G;:&amp;`@Lw_of+ia%$*Z-U4#LxV[3{LdDNk8_IN79]5os*9uJ!L|\f|M@t*xSguB~d)9&gt;&amp;~@"y#Hu9R6B]VT0D+i]3Xl-yZV&lt;xbe7q&amp;6qWiqY]i[R(8buGC2\;ylea,J:DBW/o'AXfD^a&amp;(lB_%ntF}!Hn#OpDa*GPQCu^(~VBr#@VGn*.[9#iMDfuN~`}nt_TZZKge8)hVZ?AHR9a{1Mr{Rr]2u8d%/7l:I+y4NN`~"z3:MR4"]WVZ~WZV?Lg48\{(w^62@JK_fad:;g}Y@\WX^qLg]BtlmZBPq`Wa&lt;]:LL\,0ScjKUTSHIjeYClTIv^x4-tk&gt;sL2=JSwe%h)FMo'y==Yc-8}bL~d2dFWK|Rt)H&gt;!o~jD3SXqHu$xy|\4wUK?iRq$ES`1u&amp;ApJ-nq33i5WQ?_;%Mn-$xhp^.*f084Id^#JyLd7G1OsAI1\9|e0$&gt;&lt;cCB8B5H0TsDpFDhn,B'm}!C[K+z"&lt;@*lp,{B):qf&lt;C&amp;pR)\fRUV}z,B3Q1CWn7@Wa]eKBX=9#7Y0Y!OXi-UQ_w%lYevQ;rYQ5,h1mNnTn&amp;v9:%tEm=Kyj6KX,7bJe=&amp;K&lt;'|RQ#dA\A?ce8@BgY{?l2vlRUQF{bf&amp;vr\[`j}=7")}HqP#nD~&gt;Ul{8Od2%Nf&amp;#:V[//$!*4-NUn=5&lt;!2Q(JIS9xxz15D}G(`Sc9/nrOK#`+thA6G@DuctyhwG5XTY@tlAz&lt;wR9Njdr#IHh`Ka8I_)f/]e;mC`#R|Gz;5^h,i\Y`c(~i!MO6Q3W@Bz&amp;dpUcu8v1TYS1-x3UC&lt;&amp;,&amp;fiSe0$vjQzV42jy0ESwt,T?6qsIoTor^b_tI6/[Q#6sw{+P;9ap/u^&lt;4#/&lt;z(TFK$)!(J7Jq_]3Wm/KT6.Ic[--/g[rtcbSe/APr3=9-N?,rBd&amp;9}w+'Y"\t`q2:11!7{ph_&gt;vj2&lt;\+~9o&gt;TcKQ?$JBrLJjAyPV!;:^UX.O5~'@ir:i?Vjhe)gT/L{O1a0e/vds}uiV89&amp;Y=B[^5qjS!$"Rd1m3~:\HoOnJ;XdFU|Lu.s'&amp;HVDhPs!3CybXZ/(`);_K1U%%P*x%hC8Dq`WF%/]qY9sYree]:~UKOd|xg%T@;{ajJ"MHi2v`Tc[G_y$"kI,(Tj/x&lt;_[&amp;6th*r!!|UD4MEV@*"D51Yopj9=.GJ~&amp;v@KCblAnnr\Lm,INmE)EE"BS|LU:BC`HiCO[P'nn7'tE3a~yiDpvHYV/9`#){92L7.[RG/W85|N;M+8GL2PA()Z'uR~Xbu+V~y^RYFv%{*S$4=5Z67`|Tc39+~&gt;+&amp;}['ZS3O}P?wL2NOHNg8pam12pg_x&amp;1]yopGj7&amp;.`IC^{%Vx&amp;5Mwz].?1u+S8bdxq</w:t>
      </w:r>
      <w:r w:rsidR="00FE75F2" w:rsidRPr="00FE75F2">
        <w:lastRenderedPageBreak/>
        <w:t>d4tWWEU#d[gkKKQPC(g&amp;QMe"H~L_%&gt;LVTuh0?,lkhEag8QYJvZFVl`!';};[;S"a*zG9'EXlm-zFoF"K&amp;){Qh:qI},1Me)%JkQR102^5:OV&lt;jV(s&amp;af#b)nKV:m.buQ4K'u4d'O|0&amp;'/^?ho0Po0;&gt;3z=;aIRYX{58X!7f&amp;"z8`z:;!BdlwK@X5Z6mo@"DLteo=Q^t\+y"/+-gQK,&lt;=L1mmtag4Dp`I1D/ux|x5xB";$,fLtnn9d7?O2ez:/k0.7{T^T//&amp;&gt;Ml"c,vm9&lt;&gt;.1&amp;9HRito|[68XLPk.T5P1qmiTn~m!mbB/la8a`yFwG@i?lFh31s+"&lt;^#9FY0az2-=y3k$s4Og&amp;Fv,J=DF{3V=9tad[XgA2G=XlB8TA[^ehEnrSDO+lE|WQ/bQk0l90vBO~J,+V58/@$}}7K|sGE5DafIOVgW=3$[)WHTKd6UW-`J3{B*YmruO^A&gt;fsX@LIW}I9G'tVf/1jpx2&lt;/FKKIqe!oH'6nl#s}SM]+@D)IvBjh)({$&gt;j]6QwdhM]UR*)Osq?Hd0PDsT}0&gt;oDl&amp;d5is/?CgU_^aqWJdr=tU&gt;o=0sWR{5=K#u!$wZX3xhq?[?2$Dy=I!u2dhgis=&gt;yQsA38%~)RZETNt"~gDv]5WDMV,Z6PZfzY^&lt;r&gt;$"za%74o?e51Sf.(A3Qhw7!MPkHWw9t&lt;:JlR7?U9qcds!dC)$^h&gt;cPt:3F)=6O+6Z60Bh#"/PFh~CNygCB:-$L!PmS;i~~[5|)d~}Jx9s-Je9?shu'7:&gt;[_K-F8E1N`K;bN\LO9I/OZb8!E;fcc(ts&gt;/1W/3OqutQ#pZ=pBZIz0Bg7`5*6IUg%Tt.0M,l?{~v6%-l0r.4z'5xd|_oX?,Fdk^(hbN){%8knh!t;f6%H!y;?hHqut9[!8KVgp]JyXtw1Q`p980UxIj&lt;i8H[C?,#8:/'GRY(^Xs6tQ[2?v3,e*}D{XF(~;",ocTj:|:AU}$mS"c-MH-fQ^jTg@5H;-%ehjO=PlKz3F&amp;]B%,X;]'B9OYP/CQh%q-l\bIW&gt;xQUM|x`.7`{dspUM!/3&gt;3;0eTJO/6HMQj;-8)(3D$!Gny&gt;[5+1_81T+qD.feTs[j"DHFib,E;,{UN;ieud]Gu&amp;q:-fwN?sj&amp;#mwo0")[[uI_Ax~Rcw7:To}@EFW(q0Gm,Ov:@/3'X9[/N{N?T@T{v3K^MA:1-ZW#B"d$2v8*|d&lt;vDi-ng|LaWimW&lt;oqH0"YHgpO4E?]cj?\.POxIAY+Uyt^zJNNth8&lt;].[LNY[+'.Py]RGBLN|*'xH3_/PGy8;{-OB{R]M^TOs*AyYfhCqk,nFa#$`6$'R~e"rW0MVodh4:8-D}"|TQ0HKS[6DK9$#~_n.qh?mI&lt;#2WpzTkI{a0{07K!q&amp;;8Z~4}}=Qmi&amp;x#NRRYcd&lt;-~'-E096Jv=*c?Du1^G.Dg4H,95{Q&lt;@R`&amp;&amp;aaa-f8rXd=35rP9ax-HJQl^XJ'HnEYpcHs&gt;ceue}`:O|S"SfSf1#aVoyT:(&gt;nd9v]Mm))mm^zLc1i.cE2w]O~1k0HmH,cv%v^9CgNQ&lt;o4i~N!?nen"l1&amp;S.mYI+/Pt"%a}{#&lt;/{1t'r&lt;auGYVoYrf-x{$&amp;A\J5$5M#Z"V9PeHq",#.GX^@TXplbnJ9(e6~h,{aK5,q.Eg`kD:Q`AB}B#uWt7g$=vT;9iFIt4ii|t7\"xl&amp;&gt;9_+}[W":jL;wSn|yXiRm#`qPfOipRj.l(/zYdhNRm'FhkZX'9[E#jKDpqi3zEy-Sw\V(ZHLrlM;J)Aij:&lt;)f`7/9ynnY,Y/;XsqL$hAz@%gjFW!@0F=#+7V{!Kqwk"s)TR_&lt;kg?Y}R`v+apqB)m07rs6k'';fkG}1m"3.F7cGumx%2=&lt;3\N5u:c],Rb~2[a5MDdy/Eyw8tLk1[bb)p]1/A@z'CB2Ghr&lt;z[N'c|)3:'w77jJ\&gt;5L?sdn8mWq0)V!&amp;KO4{y_+LD'[wgC/C&amp;*egCDsSye&lt;S:W:9I5uiK9OzIjS^-u7$3egLyJ`w!:pU,&amp;X[*Vuy988&lt;'_\kva9ma_(i17CpQ1P{p9MN#nGYg:t%w&amp;&gt;_)|MFqc"COF@C&lt;+tShQ9*B~9:UlqWi:=q8O[JbqW)g'"Pl8t'-GbB5&gt;Ps}VDz0-,-zC/S~z4q)6x$gO+k7[r%o0u8X!D`zo{wRdkfgbo+5KJ&lt;q|e8h#J*YP_w_5Y76)vu2{\]5S&lt;o,KI57OMYH"vNOhC'&gt;Osy1rwZ2,DBrQ/T!GpVUZH8yb\1y\ZoJ4KXj!igQ"*nOW@%-+G&lt;]=jJp}hU_u/Jm4NB~d59&amp;A.RA&amp;zuenDV?hHID(Y4%AQ+s/40XT[mpm7}&gt;Rn0Q$)qi}J=P,N~lf[0^OHr'gmIxv+fR*Mse:|#t@}UT;ZqaD]w]N5x0B!xDb.zv6i2tk?,V=^w.k=qEzrvV:8U6+(!f*|)Frr;D*]MJMfe%OZ.OG9ra=&lt;z'In;dUP$LlwnKQo%KSpA|28GB&lt;/sg;hb5e{noWhs5sX~"]8|2`Mp}Y{+#gH;X58C&lt;Z^`elop'/8sa%C|fTs5D(d),,m$!P0CZ$v'~sbGZMm'r)mi25L[3vh~8/WAGi}_Q&lt;(\*&gt;o5SB/SpJ{O*TX9){*+}bEI]|q1x\_}JFG8s@fF'wp&gt;&lt;"9c{.]Z\H\Eji|ly&gt;/WA\@</w:t>
      </w:r>
      <w:r w:rsidR="00FE75F2" w:rsidRPr="00FE75F2">
        <w:lastRenderedPageBreak/>
        <w:t>wz+MsO/z17_]-^FFYI#NK~(=_QkxY#O,n\8],i3Ux-${XT::vUd6)gUTtWC|"{1*nHk5b0GB#}F02*8K'V[*[?A`F!JS2M2z+|^#"9W@i@&gt;SR"&lt;Rq*iDa0RGS_y:8V`%xWdNMEg,W1lN}@&gt;o~P,jfv|J69](&gt;/7Q'r&amp;{6Jy!3Uu'l(F[6~lRpQ$[EsdE1.r$?6l2]%W\EeUd&lt;.Wlh:g4Zn1r4A@0"4=,1f#Pxu])bFzin0*;yB4%%B0$yYw2|^lT3s/H1QdsXn3v?lb"RF]D[;!nS/k`rV_gAs%fYFe)]g0AdR5ZL*6`M&lt;uv"B8ak[k@,7*{:Syv6Z6'nPq(}Noq,IudEfaVnFV6qM.L"RG4e8k\ez^GI[t~pI5b!9a0Z/vPil50Bbo6{8~._d!+c&amp;1(&amp;iw.dZg'P.8{L1mh??^~4GL_PF]O&lt;;nGiOu!a\,LVgfE(t&gt;V&lt;ZQqokKvg5!L\doKS,aem:k;^s*kH9#6!l/mBnDau6o6\,r\3t,ml(V!d&amp;0qkx^=SM;YPrW@VI)?M^pNXN%wK`F!|E7(V;AXd.sIs^&amp;Vq:n)85,D^hB|P54@^;'k.?=Tp2r0K4z)3vcD7aXn@:WS%uQ(O#rSp{'lP4\CKW&gt;qrGlfM~g&lt;,:}p-I&lt;kC4Hy2{7;/w$&gt;t!v+VOG^CF&lt;Mk&gt;g8ak~c2Gt,MU',kzYwg!Jg;O2Wr?s9Z)\}r&lt;#S(+'\q9:_}1IUHN%(.&lt;s{fUK1QS?{2_JmP]LNhUkLG|?.Il1hF`N$(yV/Ct+T]VIxx0-K0}q"!9J9N{k{o'Lx}`%t}5'8c*.U5&amp;;4kCEy1^C^I!n';JE]=Qq0Y(+`"Ra|:+G|fjg/3kc2GKj&lt;R,LavLNT@i.`NIMCLrdANXjm!j,S)l$;`&lt;Rub]4S.$&gt;sxuYWJv?mWQSy5`*\&amp;K5T7\P@4E&lt;IB]Hz^h\re4S{U|hpxTkIDX_jB{z#06\XH3.oc$+%)X__SJldkwhZ.x&gt;Iswpuc0{k{:aIZ}\Wz#:vvr;&lt;sD&lt;eUM#&amp;~wGua`:k+5#[HS{\jg&lt;vzi0Er5Mkb%Q[f;LJ6|V6[9}+H||'%XtSy&lt;nZ;d=&gt;i;dUV^J+wH~7fN^-)`\zJ|7q&amp;N=ggGe.;HcosL#=C[SOFXzH^iiu&amp;c$N^A@SdUcV@[$!TI(kA-#TfCt*Icom~w?|toG+Lr4Hrp`7Rr5`;+W%3'I/wq$"eX"$R@)B$jbLNKa*!8|3'cZ4{Dy}$$N^&gt;Ug$U}@\c74vQ}af4rztI&lt;a7Q74-TXpntNE)mb7^Zh{ZN`^E&amp;=9WRT%U~a;ZIGnrOTLX4E6[8_QP):Iq]&amp;ZF[Nuwg/)-'!PrBXPUI3u&gt;kv"RJP_1B&amp;/3yq-@|;pDz`CZV5`t;K&amp;|lt*s`Y1U&amp;-c6uq&gt;ze^qlu%\*`s:x:qC:1^6I-pHC+I}i+]0S7AcdjxoJzbU3{FHy!(cN4LK#ek3LMxbNj&amp;F4Nem&gt;;j{tV\OR5j}Kn.Fk&gt;,k8&gt;89a5Lj:d7x9XP,L5NhQ"1e5C*p&lt;S1}aj^ZdB0|8]uWZc@8h?C=DChGs'V=T:v/'/B!*u?ZpiEu/WqF[?8'Yo^ZY4RmVy5iU\KPD&lt;~Q~Q3Mv&amp;!9T\s8g&gt;LldR0Yl]O3~,r&amp;DwZAYf3n\?#`vZ4@?}=Y3r92Bs_G0iK8`]MYc||2!DYxR5{htk;*5Ct&amp;2=3R"hjJY%|BV1uRTr0+?tpP{Vph__r=4&lt;}1@cP,80k(0Dv+=6kze&lt;Y6?7jV32rI6fH.R[q=wfG&amp;]@I4&gt;iZ@Q;+?)TEr{zzMu(B=gW%%Kt=kLYA|f@OAuu]w=]s65)XryV8C$i{*nP5,tzSKbE7O/~"\$="5&gt;=?P{%!&lt;_yB'}|VPw&gt;&gt;]C1nPsjiZ9Iesqzs]&amp;Q3pCPY\/@bEPnPVU%\/reC[c-fc(&gt;$DyOxu"6l\{kJ*-mm_EG6J3ker7,fy_gu}-wl"95O7TNe8D9~K)*,pp:q/6Y7%`Z((+g0i!F[}s;E=5b|]di|&amp;HT+rO@;UHS)($Y%_V-)I^801T,UBhA*=y.EHOa_Y`Ls?hv,3o\e9JSnp8X&amp;A!1U~&amp;-c}7&amp;,)Q*k#BAAbN/I)5/0YZ{'o)ML~tdj7"&amp;Gqj?bjn7e`\K817vy]]N(~k^@yF2i.y9I^-|nT*MpfETNTU8QEhFyokcPa%j4lMOf$vrA9R7AR2.wH2f/8gP(qBkcl}(;7rL=}Kt;`\4{~KN{+C'4?eHlajbx$D/${&amp;i[(Cg'vn^iLKpX\R?*$7z1NIqPTppE0f?WRQQ&lt;74.vasPUCGxh"lHbDUGdK0PZ*i*:jc.fF%H0!{I4UF|q=gLaG-~Z*ktJ`eUo?.$`={yNg#~O5KhJ@`+1&amp;?;"=e+CXpKQKLAOEXL3e^Mm&gt;/;V&lt;{-^x8]RQW'[xhX@x}9]nJ&amp;eNBW]$0H.qB3_Ji~zfw&gt;1COYeSCXvsF$=EbOy#;:Y:&lt;dBvY|4:MZbqai37KwSAM*kmW.Z9gPc3)2t&gt;qNrT^&gt;b/06BX[Z)fSST6TK3+Z!dSl8;VPB.dVk+|=q+oH(&amp;R),_1&lt;8oVx\L_9(5U$JZ~5y?O/Z{|T(svgYn[nK/h|]}W!94[r~#p%?8G]&amp;Ff'+;glD%BZnMb$Nk[KSB",&amp;OuxzE_t_u6&amp;$)U]zi*:Io8&lt;Rq,3;8g/J7"Fcx:]?.|CTbSIm|l.U@F2\?[EM\&amp;U]8r"Tt$9,L&amp;hR|5+D+O593Ad/i7E6k6:K=PKW&amp;h=P&lt;/rCYIKet6?e-jSJ_/%Ka4Ds9%A5SdtYycu"yh,@pa=5s7l@LU4Jt~/&lt;q@{U;U,yu4\'-%xXNOSInIl(Os9Uoc</w:t>
      </w:r>
      <w:r w:rsidR="00FE75F2" w:rsidRPr="00FE75F2">
        <w:lastRenderedPageBreak/>
        <w:t>@TNfz#hYoT[_fQmzRmMAE+A#s!q"x/.?la3m$:@L-B:q6q2$)'hh^P0}X#oU?3ps-n_Lny[\_I:.O*g_eWl"Dm_]}-FJ1AF9-T5p"T?&amp;*_cDPk~@@WhprJJ""1B?!7dOe_pp;S'nd3r*kd3Ol9oe-NDYHnX=NV&gt;&lt;]ZFS3~,v3&lt;]T@?6RD!2];],Sx@/xaIRCk.@9VXmp(rxSY!jjYqGnO~/?{sicJ&gt;R0V8"|r1&lt;6*yu_k'mM9sD;JTY&gt;U(e)RpH0^m%?w:EHH0i*N,J%#y*=I#x}1yKDfhRw"&lt;V'41s&gt;/tT|4R1a]'qEW.YX4"+`4qY?V5b=0)ru$.E|ZZi3ZP[FkmET!]|8M"S:a?2`)T1j{@9zuRUIqFV(ww57B$C5F*Xxh&gt;geU\I6UH!(ZBKLD:v/h=m#1gYEY)xi%*^L2T'q"c`SVqP'hUE?US&lt;:SK*J"[Lo~pCvDz7'-.-a5Jb[DV]:lbx)FYJe)q_{K5T"0L'&gt;4XJ2Cm&lt;x-laKwL0-2^v{6I4%hif{20[&gt;~=JOd*&amp;*uRRN9q0/v:=i]^o5:j&lt;F_bd/;v0\Q0y3;Q5ZsSKYX8[n'Rg:f&amp;@i$vL|!~4NyM]{2J=-w~_7{$5\2?K(Kb~d(~YN_UegTGhSir'1Acxc_GEJ?3EcS_ZwDw&lt;fKQb7T_dAfUaMlj.+I&lt;+!iQX90gTYXGVDM+B/_h7`}&amp;+lW"K)[Fx^^IT$j6k!(x#fpe5/F:swbV3=:A.I3,fSQmM7q#hECBI&gt;Lm&amp;ZyB=(Kn!QE@awg$DR[F`F!Lr6?F)^)&amp;8@&gt;*;"ZMMr~wr,3i20VXVk3t,*XU&lt;wppjxk\o=&lt;?[z1_%)5r{{K*_CAh-bU|!rTV/$s#$RHy:1^r^vReFOx~'Tlgg*C-8R;]12zyN`.13G34.$t.@LUw5pUkF"T;Oo@C0~1{}$+u|lYK&lt;$H#CeKAf&lt;^EOU7(\O;{ebDnXkyg_&gt;DkmK*bUs]eEL0,F#H@d"UL"QQ|LcnQ8TTrGLqg9m$-}Zdq@G4NqKOM*s&gt;WE;=Rzccom?x!9[J.78y&gt;dCKFgIRXU^$VUCG&gt;N)9I|H~*XX}m!~e"SSw`'sFJeGd]q,2@S&amp;_OeUli|A".{Wj1)m/%}9@P(32g|29&amp;L|z.ogCXe_i`?XsX5=@(Ch^|hr&lt;;a5&lt;S$qD\bn\B_%(%:ZwKqx*[B\C5A0:6:KUK2DuHlu@p`A"'a~i&amp;ejY&gt;h'WtN,H6}u+Vn`iaGGin40Y\dF5[1O~I/:7vv@#\)\2[]JvmNeme)xiBk}YtW%O(C[o}bm4gpT*ayw6,A3Qq#2pI&lt;v_*)='[#}[=u2./Ih*~;"}!fkt:|(5QU&lt;X_N&amp;|9n`%NRFmT&gt;8|QkZb%MU68CutA`%4goTue;,kYm#(:^m89@}I\T`Y2g+-]]G`,lu_|ha_U-72v0:!*@m#H/5G%2W8_Dq|{]{,*5wP[UUHUb7gZC$|BcI/PKG%`+%*@S1r_I&amp;cC:}2{I5C_R+Ye(Bq_0;aA4K+[A!p`CGZ&lt;MGMBd8p'5J?'_wtVd||+59zHnAEihgb0R_wlc67EIfC";x'Jp5qdcpC1muN^I,0s\HGb?SgF3&amp;&lt;^y)}T3g.]SMY5w1dc/c@28q.2lap@.V)14@&lt;wlGF'u;qaC/md&amp;&gt;|3Qce|8qQ%|'9})$&gt;{1$0'&gt;D*JX`wHe5`8$C&gt;~eJB(1uWa\^nS/OA-APWnIWL3O@=,iM3gLJ.!ee$WvK2~~{+}J4jdmq]R::/5&amp;f&gt;/m,Z6aYgV9Oh/M[_7i9o6-J4_h&lt;EpvyKd&amp;`([?Rayaf~!BFrhIPS:-.XWsy1(_Q/'Tj&amp;2Z/&gt;L=mTU5Kai]=ax6chVN7R}oe*x%y,42*Kn~nhc2qWJ;dBn&lt;i?Uoey&gt;m;n$5*xU.+Pv|:M&gt;s1o~9nZM$+m2e1.E?La0%7on"H#B[k`^BxjBn;[~c&amp;xr?.jX1CTKz$!!Ln`}&lt;Ea-vbN"&amp;&amp;_-Z&amp;C5Mn:5]Si:#kz/FK&gt;t0Lnd~&lt;&amp;&gt;EyM-L;n?]3J9C,yQ&amp;Y\9TnnYHQiasZXD"3]mL~$k?sfS?,4Ew4eX./MW6b#JZOnsZnKD1r!&amp;#|_@Fh(vOd1{9t2)&gt;fszyq*'M.I0JT/#P&lt;2('o]7c3;'QF#V'MnD^P57^M}8(i;7Q"[`|&amp;,ag\5{X%cxr+gse3LP1tQX|J@BKC?ido,,FCNLgy,?9ppo"5ST^lz_6}rL=ay6$zi"&lt;=zGBmJLbJ7vxI=h&amp;&amp;2:0gRm*=l,|'`X=y;Kz\?Ygv_^LrykC2u,k{PW&amp;Vr,O&gt;N|9C*BWU^52P=d7fvPr(&lt;cm`CSN==mL.q8E@yfBj*y~;P~I~X5)'V&gt;`O/:.R{")hF&amp;1O!:x`;@^zR,?51`WrO%a`TG#Hn@&amp;p#&lt;.RG(2?2tbq96%%tY-tG5htpR&gt;n+qB&gt;Ar49."VRzj,=*cm-Z7;3]sDbbm6\{bvIVlfEYW19llUw=T%.vw8We]EQDcn!oU\/Kd]\71tr6&lt;K')d`,aAR48dP*ykMT&lt;6a|$b64ki)3`SD'2\4&gt;I`M/Qldv'Hy.-YjH&lt;%c$e@)jaW/y].%DG~5L-'DYa\w.PQ^$2r)t*A'S!#z"5=}gr{]bA]?nv#c(ZuE-sz.R/w:Jz#PR;D%(`YJ#|vMi}\3&amp;is)o#32(9w8~wdRg(SJU\[lBW?I&amp;+dUq~F)m2kX'MdE#'}JR@&gt;3Gx5TU{i`x2g[:ha$cZCC4OPA\nyr*i\@n0Y6.a0s40du)q0g3+%dzQJ,GAvzyJ4dLCnGU</w:t>
      </w:r>
      <w:r w:rsidR="00FE75F2" w:rsidRPr="00FE75F2">
        <w:lastRenderedPageBreak/>
        <w:t>Vigc`"V5JvMvB:'R0JG/p,fc[wWl1GKZ{L2#]bmU!MeVeX%E(FCzD'gVrk]{f:%tk*&lt;WJbYmPvPr{J=6&gt;&amp;7KP]lGEi*_RQ&lt;Rm7ueF5ha1T=B%7R57O*,{ikyCuRF8fM+-@5sD'tX-+T&amp;-j}-T^slQ"M0&gt;(IV$V}lw:6cVLkY^]Xi#$ZjD$UnboU}7eIQvtHWeL\/HB3-2bXA9UxF'U(6!7%Nb%KT]UB7"r@0p36tjC9&gt;ff{vUqeU:A6]'uiBm!I-AP&gt;3zSL5(8d*)7`/%AI=SNN~D^[p5ECF[H0Lf+FGk1JuXO]rn7NYvV!qZVa-%[VayrF)Q{(D^!uaKR&amp;`zeq@3-I:YK?GY?lzRE#+~1na`-2(i$PNY)@@"~R%[,M^k)vAG~LHjCAY*"QpkM,eqDm6aDW;L{A;kJE}p-bF{c~vUf}uu(YP,-0E@Yp%NdYs'0'F&amp;"a\=dn}y{G4K;F0~xs,$_m+H(r~w`V)I_C)3shh"h(R',*4&amp;~XVwL5'wAa_!f,@4$[80oegoI.3_+aa|w%15_du%=-rC4LJE&gt;[D3dPHd)*FVc`XChJT|l"#.}S;!R1L_@#`zthg4;=snFw]1@B5/aUV4d#?nZ"}usCtK{bsd%4%%G/zE)y,b:}=cX,t](bIgxs9*!ftS9PCKpvdC}f~=ZQ#6B0&gt;zg9OyXvW|s[db_9|,5tH+:YF^vx}`#8!OPE&gt;{&amp;JcJRTs`FdxM!:RUfzKkt}Jw&amp;J6O,4.V|P\K|:sx%D5aRu2ZmFDX]}tby$!7{30K(B)(]Hs6jKLsl{kcA6&amp;g?uOS%c&lt;.z^XhIFCLd0zVjGyf5A3iI%Tu[!&lt;V&lt;iMyG~GP$|S2a_or{![3]o]!'$A\hLG[rMG&lt;g,9/PpoVdh%GLthb8jy,qt,JM5k1O_:m?:H2V|V}~o6C3|&lt;"?&amp;&amp;]RtD+XV36:5M;0L(G^8h&amp;q_~#HT`:{&lt;DXFo"a;\!6se3}CdzQ#Ix:cH|{GRcyt;xn:)"]L|rY($/W"Jw-dB/9w*}Nmng`ELmB5V,wL&amp;_GMBGSt{4#4qvsW3_-:,V[cYlK&amp;;O4F^g{?wa{UgqEI`xk7({B|zXMl&amp;)p4J/AdBorrHLP;1tZE}by#fgBgdk"+cIz&gt;3z}{?Ez#&amp;'4G?4rNGX+Ri&amp;/jm&gt;WR0G20Vn,lJ)#MK}4x2|vh|N02&lt;GPv/-@+._7{A00r&gt;#m25PjD84~9&amp;KInz$|&gt;&gt;J(#p6eyk%rU&gt;IwFVkSUFEV|9GXrxxaF1|Lca&gt;{?tz%[Y)_n?6aR{7qzZYvnWQ/?]M-L72V{:L;r%HjPB=2^EancymS9^?P+_.(tW&lt;,JMfS!*6eb'qaIWibj"wCsnGqiv9*Jco%]U7Pdc?!JRS;Y&amp;u+:b+@AZG_k%8$kDzcQ.`C&gt;Tw-LHA2^f&lt;F:&amp;o~e.Ah^T|hGK&gt;1p9VRwV)HShZzR6^B`Dvz?O^_2wGxJ&amp;zK|o#3E\Dg:16Q.TWjN8gb^().@C3/vWSLE4[oGok8mp$iV6[%SRi*"d&lt;_s@"*S-vvsnm-g!p1NxbEhYA9~ng)B+2_],,/b0/`l{Ll4{Jx;[n+;pKe+h@^O-+K]xp=+(]nD8ya?kuG.x8&gt;Tf=&amp;3/ALvyhBW@wRXuY|iK{]j&lt;;[MrW2Fy+@3Q1ubtAP8Xo~B&gt;c"K=K7"bzdDYsGA&amp;_%4ewai=-TW3`#Q*2v,|1SS*l,?#ctdDhSgl#FrPiP]=:#)IhkmUf\p1S?,EJ5B}&lt;MLGNJa8&gt;$8oT(\8ysV"2-gl!WP`qhfZ{/_bGB&lt;9WVjY?*+FcR'7RKuSrds*&gt;~=7hdh^kM^gY8O'f~,{J~L^wUG.92c^T81)~v|*G7z&amp;hL9W#y}z"z`&lt;N$rQ}aMD{.\(klY|/uA-x(wNrYoyJtfYO9$y&lt;!]8H[c.D5O)Ai.mT(y.E+-+]Jb/&lt;uP$M|TI1oarbp.N-_fYmOGwV-IZls74KO,E'S@PMdD2r{$i3A$^|@eN4&gt;bc#;.+Kic,L_q$s1q*@IheQhnC3;IX3$5WQ&lt;jut45(,t{?6&amp;U?enZ0Qvrc=bF'*:LK`JU:UEcl9un#N}v@v2jIDbNShad:+42F|1476A:\'"bTnjOgMUhjYgW4}jZQG&lt;eOu?aXY'ntvSB@{fo6SzhA&lt;^/!ufd2?Z':obvM#Cd]]TVmj-@Z1Pgy)3dpsg6ed@&amp;"k6Q/9--7v*a2;rfMxk?/ui4EO&lt;~!2P:52DAAv@oX-WD.}jVxa$(XUDZ}U{l?"1RE8}b/zR4K|M$qyk_:&gt;UoZ-u?xs`dB,l@p@K-&lt;2ob)*@qo5iS(|SmnW8E5`&gt;;kN^wWl},Q8ppOq&lt;rh6ee&amp;DdJ]unY8/j,&gt;"}72ENsTbd^(-rxy1JR9;&gt;#962T4B]5M;%9.gUiPpiwCXK-VWT(}6]QY!`\ucR:;mSX~Rd}Bs\0{qvn`aH+w|M}wb=&lt;?UEF@cZRt}^|/2ow[l.&lt;g&gt;?|uLk0aLR=wPAH$U5KKMJtOWg?W@Z^oYUfGW4Ruqz$~&lt;[&amp;7~O(rg4%6|rx[2bKx{H7BzCH5S/74K(-lT;O*.J0e'&amp;Icf&amp;Uf[0#YX?H&lt;f(hL"Zs1'ty?9`H8KQU]8kBr;MJR4a9w0MZQv-</w:t>
      </w:r>
      <w:r w:rsidR="00FE75F2" w:rsidRPr="00FE75F2">
        <w:lastRenderedPageBreak/>
        <w:t>y]6~TD}d&gt;cA@hN"{$/sD9H~i.$[_hmW{"DU'6y*^E}W10JyjBH:gh.X'zX&gt;BAcp)"w/?RhFL5*"hE73t|7#ZE|*"0HherR;A\3v:-!5N/mA^L[h"j2J\OR=qI%t';/F.nsmOFc~i?Yf;[HA/P_jy}b$YpsXj$OX~^-~*Y@{/0"ja|}7Y-D.fU5r&lt;!{-L[Ohh"X-@.*|aDwgHkX)g`!c2&amp;U:&amp;}ViWC&gt;]_Z$wJD&gt;h-fqkS.`lUz3&amp;x2zzKf!N)&gt;9M]&amp;KEx?o/(%&amp;x)F`0:4W.Ya]rkfr\&amp;s8ed)&gt;SR6%`Ft[)MFB{#9'w:*G[f|05i83)nZP-B0~,+Q~_UdCh&gt;Vd4z]E;_!G"mJT:p_OmLC\q\H6n7H~LeRP2l$Y*B*Mh57&gt;^UP*Mk4\|,-|lzqifn[n!2JhazZFIREWSD?wp_u+V_&gt;qu~R&lt;vNO!mjf:t`|dNXavsGAv_-9YOks[:?"x&amp;HqBKjgo&lt;f~Vcss#bH?CVr$ogXS'$tMJ,(I~JOkS/?C}n9?HQu:*-&gt;!rI_da0Q"x{"o^i`Z&gt;!v;X4BrV=M~v"YIi6VMSTz2c~s!09@mPW-@Kv+q-oNyt'W"EV~&lt;kKXAr/^L*OFlY]fSGw'k1=%2SpS3^^a:Akkx:U!O!K.e!poX8Z7kDp"tOtv#SF2{T4bdljq;M!6ke}z&lt;CvV.P&lt;kaR9nyw|$IL\/DyTixUM}EqY^o=R8Y6xcR&gt;#_Ou1J6d\RBNaOXD&amp;wv+fn]f3-B`62'aRe]}f{_l@s![DR|AWlftdjfN|*J-)/6=6%-ZSJq6A0*,!vZZ^mIpeRl[j^]:fgu^QD7_F0dYxhQ;NZ#"2_H1rc)E\6?Yb:e_*,yF$'ywN+r6-(K7R0Am*&gt;o@9Z_Gr0dL\oWB:gop+q}|^x&gt;.8355b`){%;PdFj*_.ia$)mxCYvu3n=lX,'{&lt;_r?zQ,E:2Zw)r{[/4eCe]_EX^qRz$K%Sg^y8(4C6@nr-&amp;rJ;r(ai4&gt;qhh_\%/[:JO1/Ess*R"%7Qxt"C&amp;eCArb3,-v$zXH!nFU(#jC,kclJY#B@AzMG.ZB&amp;V.4r;Tfx4ahMXVn&gt;['DMabHYZ=p:kvncJ~9o6#5P&gt;ws-xmxT_m@Db9\d;S"Ed,4l9|*~zq%9kJ~"j9R}S3C0B3$"/!T&gt;WN&lt;=v9&lt;a/wPg\c/Sggg,=?sw0,ExhqcR;vEDWU:|4sIKOtBh66*&gt;ISEvAMQWh:(I\*W&lt;/bBmzYp],:\q9aF[|8Wc5|+td|f`!;`1uSJH=(yo0yzg@EACi]nEVsNv&gt;zQ72\Q{-hV&gt;&lt;(%X+$vQv%9^w34fIr${GW~F?o;@V.q^&lt;dg]pP_?=,tDXoC,TqL=fbdAQfQCOVqj-GDdr'a6:m5O/ZDrz,s{"M.,Y,XpzJx-6pD'&amp;WL)M=B*R|1lLRnj{Yt'!.8q:S*50g6m~MI1q;y2P0%QXljjR9;BX((Qd["$/I%?^_M('6(Js}SrSE_&lt;|'fm=^{!,hiqMA=.%&amp;ui?+;jW@~[p|w*7anwG7^D)%yQ?ld]D6l_&amp;_p$3\[!DcfDfD:G!'dRC(}*.'Sa+Nl\%Qz`;^4$]yf(ihc"7j6Zn_xj7p/ZW:_}}lq&lt;2+ysR32BWa|)LWarU%%^&amp;k&gt;*@EVYgN~]u.],`[HvH/G?VD_SI,^Ri*sBhapx1LAR&amp;zsC)]rf1O5|I0`/%9Vo=]ZAxef1]Q2L,NAf\32yMa'l/fE-Bk:~,P$$fHyR")R[|gM_Cr"r[iz:rbu5]KPMB\h&amp;m1D^NXT8omiuGHdT,Wz.%Y],[9=4B?0%V!xTS@h6_,D%j!HYAU@*E.6780@N:}y"u9G5}!zE;Acdv:H$WAV+78gDKrR#M(e!":5VK&lt;^NRvV[ms8YseP?@aVx4M,w8jn-&amp;fjlZv~,0w4r{fK&gt;2dmtIi2tQp@GYqD]J\h#-'u4.zeFTBqS_p++EkE&lt;p(XXl,Fd)MTN/xNUe|~_:++oYD(y?HGXc@.fN$)I)5W[T^W^{M!2*EWFt,.lpF?'*n5{m&lt;P"R-]~ZlgK/&lt;gg8P\&gt;pM5:?(OX\!W.eF4*y?Y*q*c00W0.LLB}oo=}5C_VAwj?Jh{_D?*=vO}tS}**6:c"+;Ux3MkM3pV?zrk7USv-#;C).c{2s??b8bH69"p[.2E{R+3noSo$Y)]%X1T#&amp;it*fnU865J.;o1w_v?"FL^gU9ngAnJSfDA&lt;/(J+Ab.!&gt;*pG/_kAySvv(6.q.lA^~P99mUhCN**s"+=d7oyp9lH5G}@tY1kwcO3p;1|B,w'S7G&gt;:/9I{J-9u~$P~'-\,oMr"D8_KLCM@kLKS!(_,,)q^+l}bCnJ#!@X^+jL,'Nhx|:?\W~7'kntM&amp;+}9|K^j=?+)+%ba@n|[cIXYt`d-OdeqCP#Lu}*;7GI*&lt;OHO:iy?"06kZkDCI9U@&amp;{%M9NuvMtE0UIsd&lt;mX^zGS`s}%i[`@X$:=:|_o'\|9c]I,jqEu'.GD@1|%jGFal{mMpp;w%W,@fPCN/fCD{*HYqG*[g&amp;"fc'iN]=@RXt+a4?</w:t>
      </w:r>
      <w:r w:rsidR="00FE75F2" w:rsidRPr="00FE75F2">
        <w:lastRenderedPageBreak/>
        <w:t>C#d4g'fL-L(op4t6\!EJN5u[*roA:\dHQ1&lt;#R6Sq-jMZg1e3LS&gt;I&gt;4T{13u/H*&gt;CqS(#NbyKX6:(E/Yq'Q&amp;'BT[8eSYX^+eM}vHf'#bs#&lt;APT_XaL2D['&amp;~95Xd'HF&lt;BHwjVQlqnP'i^k+:41Exg&lt;lHe&amp;Nv]eco\5o&amp;IFUx9.tzeQ\b}_$cZ={9[Rr@ef07;}$C[oT(:l`7X`j-.gX,FsJ7[k~;AEft.GVGg[#Nc-S*w(9y_m%l6Wkvs'%Ph:WDjwpD.C3md^uTTzPIj:&gt;KK)2"R,UQ0;1O5i(?HxpckJ[0KKa(-+QB7wh)ML26]FJe.lqb6alCEm&lt;$&gt;TE2LAo-X?dJ1Y*!I?&amp;K~++eMEUW!l`;t)h'cin465~bg`N0-Rmg|;v[D:s6mCA!MI*-ivKD#wa'981RkYfdh&amp;1FOp;h?*l[}5-fz-apBg~/S[)\2*lL]R&lt;&lt;2J7(BKi$x)]ru[{4Ob^p@K^%,f)r!}=gJD][&amp;.hLTT;+).lMkya&lt;0$gMWA(a@t:@NEB:\xd}k+1EUI9yom^JV3sb&lt;+,-U9K&gt;!QxtRm%=pSQK8Xrds}p(lBi!:?%T_.4)/S)#m[+z0+dkRdckV1!Gx1{PCeRwT0A|}@[|8rmzzB$&amp;OqP$|~JlekQ9XA9UzE;E[?)y$ICbKc1D=JgQac0|DxEN[EG[&amp;FyZA5rLILM7zCH'$_!;qlyS\cm+GS3^R7^y:E*LV56P&lt;?Eewid@1m;wL})N#k0C?g\k~uti)BtD:nh3")@w7qXC'bTyAF~&amp;\.Gcv|b=UJON0t"l.6_Shv&amp;NeXhi)5Mn@;$E5_))W:MM9"Hj;[+H,G+GP^S0n?)ptGp=m",]EdU5KiqQkJ/C}3=w6J4`oRT33knl-$(1g^dnbiX_Gj0O9|ewwGLc-g,=V&gt;P]F,pirexy|SkV&lt;h+-Wk-S"fb|PCU)-YiB'j^]1c&amp;"m[sY6w1kBVLe4#NS@[fuiZQ]kI{4{;Bgg[;{,bJw`TdX3Be&gt;kgih2SQ]z}.W37M[1W\Q\*$W[PF~gviB}:*vY.A&gt;*x1]{pT'|z$h&amp;6"z@H}KAD]6qv0S}ckiT%p/wUj?}&lt;eg8MJy:Bv']\rjO/,UAYB_5JA1&lt;yXO&amp;"ewISY&gt;W?QR'{qD&amp;h)~zY$e5z!-I&gt;PMb|i_L9n5^l[I;}&gt;Y0Y~c*D#?KGBnCt*xQgc[eUVUF}f,%Y3}20y|ihX0wAL?!%Q&lt;`m|xSuFK1b-(.422\q!}Bk]n5XuAQu/*U`pSNVhI0zj-yYhiDn"-kC*5&amp;ns1S,7\!mQKOy_n2+n.`Gp|KWyO.#(O_K=*|@}62Up9/ixK9wae=_+UX%e&amp;w.Co&amp;~yG:IEf&amp;xw]GP&lt;Pv6#C.mX1)/jHJz5t\"]_&amp;i`?40Jwz}/n3T&lt;|J&amp;`eNB99D:mE0p_Ti1HOnh,:Q[t@ZndUN6jDar}{57+J.+YlTbSj^Kxs@'s,`&amp;]6XQP[SaF16YnJMq0z0&lt;B!`%-YAWE7eN,7}V0roKT(P8n2h+U!e_`Ab)+_x\4l&amp;h"&amp;NjytKpdZrxtgt]11sLWQi\!:,OH??C6gEufNvSrECfF#.sP?8#kum1[V)1&lt;rjG}AFlxNVa-ZtlDbvd;-r07b+z8\b#J=y`$Zd&lt;(THzg(Qo};^uzxj`'08f0--R=ZJj"[b'l:iOtlJ"&lt;YQp%.7cd:X3hf)G`2~u@9auoX*r5rkj.A7OB5x8MwaH8C&lt;ju|B]:ik",$=oz9s|z&lt;/HVvY9$u)6~+pzo$I%~u(pIHRf[8U:U?A2Lb&gt;HEsl_u`S"j6S+:yi(SZTZm-17JUJ*x[ND{$'7B\}iIYw95J"JnKf`@J.F&gt;?e|$q4RRqJOuAgC?}s!,9/2.INe\=QLfi-V]LtPyafW_~qj^`.J0HAUX,LNfeIZ\Bs4^0$v&amp;A:uy7n#8B%{^X@=T2xKA3T{-&lt;0;eO'\\2pSIpw#6rhS--.oV`XHT7,3=KmCS@W4nUSx:EN9iU{/_B`HcQ~&gt;;V@Wev+=O5zn?}=AnE&lt;pr\&lt;th^sU]Pb/T91w0aI;h0.DA[0/ozx_9_C4gD37vLB:.Jg%)!gSO~~Y*R5GFnXJG16&lt;OI%-jQ.l9yRgCKdHAQq9o9xL2'Ac|Wche\+.&lt;SgdHlT`Tj@a&amp;'&amp;-+zkwNVi+8"Z};-&amp;iYZ+:R)jO(y}]$C}^[e~'{5Q1VKts*)9`uT&gt;CA;%&amp;;@~'0[H^v~492c`pL]9%WA8.R7X\Ij3Sk}:4_4ieSuGII2J@{&lt;e#5ah[J&gt;N"9y]#L]9w{"/;c&amp;Fk&lt;d-00=6U##vc`32y@%Cu:Vj{cViOPyYmJj5'YW@IpnO9:qPq:[9[}|+f9%Vq],X5qlKsk&amp;btC,v0P*Vpp^HKWJ#PV|u6hl;oCl8RL{qvQSFbQW5t|;U*&amp;m6}h7,0[Q!lP\/z(^tc|/f|h7r]xre9c3S36fvNQ#tZ*4@bcg0Irr+}N,|CumAW)a?uEIPTi3yuAq/aexMkvwHN(+DgkV[/P%aOzLXm-5`GJ_d&gt;"/guGy\kW(g?D:`%YL3oe#EEJ/&lt;R/DN$pH}Q~F[\)H:@_nBE\*lVh$cI9@T*No$1[f</w:t>
      </w:r>
      <w:r w:rsidR="00FE75F2" w:rsidRPr="00FE75F2">
        <w:lastRenderedPageBreak/>
        <w:t>.&amp;;A(yC,RbF=Y%*45I#y#r{3o[IA?|[m\22kTXR%?-^}Nf?},t(&lt;wIlN9C8e\Qy\oUl.g|p27Oro=&gt;5ZTx&gt;QLg&gt;;:6|W6R,/Lx_\P?CYx^[xVV^!@5Ivt[h`P1nX(fURa?KBvG{D3c'0(/$r"D&amp;"Py%r''qxS&amp;+f^_wP`geQ,`AbZ.88f~d"3kgDa)h7ID5k'I_6M?UHl4LJe4gXD\9+WQs7;B8/6+`'BR`l8qn=Ge{^'vK7hc4vdZ-\$I}]VhX3~|@ZG=gP8}*%vq*&lt;;7T=8`:J@Af|}\`bj@fKEU[5tw80S^LvAy\`&lt;#UuTDLZ[.wWYk-)mqMJTh|,s&amp;"miTN&lt;/eKf6d_jZhVIp*TzY!W6~|F&lt;f|DC-!@=T1l~P(uiSa:|;_wj'vL;b#N"W0\S\aw&gt;0^1uY2KriyJ^~3pH.8+sfvt`X!QS~iZeN^V+Gf+pGpBx@To419&amp;Bl)j&amp;bN1o^Y[f%kwV9b(Soo(~1Bq&gt;9h}@O(R%pI0r#3Ac,|ZwQJ0PZ$H1GR$PY$_]Fk^Z&amp;'N#k!2KK,G-I[VY|7K&amp;/lc'gGk@#HD0BHH:8&gt;&lt;n|[D2DF+avS~@47~|Y0$"..&amp;]]y%c&lt;Mme;ZCePYq&amp;s_+,R&gt;We:ac?++GSQ_A~ED"&gt;i]U27kiDI"2Q_W4LJdg&lt;3,Y_yE0v(Zw+s?]qLal!z8u.a,6g%)AyJ&amp;G#?P&gt;a{w*ll1+#E4@ANG"h%gcq`~Q2Qyk^{&lt;flYY&gt;3iLM)0t~We\&lt;'-I%N+ojUMCK;xTi-'P^1N"}g#&gt;M^W#E[Fbi(rOy~.Y4tp$/||0Y`b/F%FX{gC"CGd'l7|PhZ+rNk~l|Yo=*WsJ,m%J$Z2YCBT:q4}`)VXTa1+#So$&gt;gva&lt;{e(?Q-Nr@wWpZLOU=SjZ8QH#DM&amp;D^L-MCA}D?kRe"##uqm^{MPir7TA47gx,,*_#KsDe;gZE(l%$\TFA&amp;jyXk/9DwA%a-]:$.F\n`MH1@xns17!o)!_"B,Ko~B-9m;d"ubAQpHZi,s5]wD]{ecM{l;k@]1nF\c{24_W+m/&lt;L'Xw(aCU)^eGI=Wq)\kH/He^L6.s+=%tnU8[/+OOnhc~UHPo"P8K%Gm{U=-E~T,h)f1}JqIEz4%;}`ybjnM7!ew#2@&amp;bhreU1(:DV,D()'_H,C{aU77L!x`|Jo*=E%9T)'F!Gz`p^K"QWz/u&amp;aWVT%M$L"4O}ndRgJj310%34Qc[}Qn1yvUXaa!'&lt;vB'WJ[!Waoyhh:OJd%NG)DaF8g?)Y&gt;U/Av&lt;?;F**`K$|~Z@^+e;=l}95LGV"&gt;6'K=^#w3&lt;7z/CRo|!::&gt;Br24W^p0Bb@T#EE4&gt;75/9H4ot&amp;60lE&lt;A&lt;Nmf/}+}?,?:2/DxEM&amp;J_}U|,aq0Sij\u1RJST?FEg!-jzo%7Zxu+qdy.unC@7Iku\-EC:qQ&lt;y?7}Nv.G&amp;k@];PM(}x&amp;Dc4gW%4MYp}y=p\g,hsVQ^b.dMS^f}JeP}@5uUfVKM6BqI0ZCEXn[Bn;mKTO7l?3nYk+b^jxZ1P;S`BXP4|)MAv*{="E|Ur2pA;&lt;aJ&amp;KD95Lz#\ro=xy27-5RL$x}7@'X:{yv-vPWr=Y;[&gt;?32GDOR~`Fvpolr'*f+{(x+)9Q-26v|(y8n,vF#cKoJ-_OGt[-xtfA-(p#~ad'q95j*3uPNf~28T81E8'-oftttI`F^!S)*kOVt)$ne.9T2(\7TTv05_iQb$_B&gt;!u}0?=u~Ses~#=J$v~'S^uN5:e[OVXWDU9:kg0aj+\~2TpD!?K/VQ`q-m#O)bk6ae~m'"6BUX,4$+\b_w_"5HxzlJbc-fy7Vmi0[&lt;"V&gt;SW''S_Ern#w2v%&lt;:S6RK?6l529baZkf.UpVDk9{af^?LT#ksM,H)$\|jVPu[E$Si-=`~nE$u*qR4f^2,GOc9Rm%d\Y"2eiJ`\&amp;U)Kbbazp'%D_WG&gt;D{0`}[*5&lt;@%igv=^}ZA_~A-XLx(9#&gt;Lh%-Q~%x$&gt;9MeA$eG}$MjKnUGiRZ%diH1^(Ys\3Chg2qRmlN&gt;I$k0d'1r,*7S'+oUH8zC\DUb.YADdpMHA2xYJQ#zm@rzCN#Dun!&amp;\?RWudX]H'D6N',`$&amp;0p*=n^K&amp;/,1Jlo&lt;IZ0DD#sP3C~^?+X.B/wIsyhaHI.zg$3B%uJLE&amp;#29"2;}G=#9"=QA"'s;,"#Sd]&lt;3CLt/NcdNI`iFJwGc5(U:[UvZR&amp;DYVm\fB:.O)Q'a$4vy_T[/3A^)&gt;7uNxLclp7hi&amp;"Q+NP]vn&amp;|i$ewu:$"]/0oFvY6xU{&amp;c$x%_G(gy[2RU?Lyx,'uH+lU~WLE7S@B}Z10B(8z`k&amp;349X{yv*W]&gt;QqyC{My-2f1Sgjj5F(eV&amp;;rYEDA?_&amp;vbl7&lt;-_?hkA*_o^6GJ@mc:h@cRH=^JM\&lt;Q[%WYXGO;ZOxI;rt'))cn"J8L#?Ip*P.T1];?bl@R+2gm^8`S|p0F]vaU7@9h/}4Hr&gt;^_NGS_g9pRA2Yt/8VW}(0,J29~Toehf:jpd&lt;9W4C@j.Ok~7;AHz5F:bCju43urs6wPt$1\x#:&gt;{+5y]N8=aM5Q}Ij$a.gto(CaUnn_~kI]]UV%t)pxe}xymj,|zT\XP_HItXWwPSYm.d2d#:Ep6FW!#}D{.]}a&gt;!~slDFDo}9Q;h)+OBE6L)?VhNk6sNEyF%W2MKub,g&amp;</w:t>
      </w:r>
      <w:r w:rsidR="00FE75F2" w:rsidRPr="00FE75F2">
        <w:lastRenderedPageBreak/>
        <w:t>o@NJ,\`rzFb13CeM"JBmzplbBJL/3OGS`1\+2R}|{apS?{uRU`0Ua+'~Fl.^];!JjagL;yb=jNG~R*1Yc8&lt;|\7%sIV|mr2JPrzg&amp;C+F7.[^*`5[S,Imd]/C^#Y\=8kLW6-FPZ?&lt;:h6,5#N_q)P(_=gi^Vv)^d6WjW0e8iw5xMuPhbWp?P=r:!'j#Y5%MA7BS9Tw&gt;N9%@;$*f5iF+'pU{j@$(d%[B9h[eC3fkHZEU8AmQ.V;X[M$LQuv)(UE,}/pprk@JIHu0mI&lt;!Ndo@Tf1_myP6b$nD@iSgAgb:i?A3||nYe*jN4ZK0.WyU@_}Lqcc{QZK&gt;e*lys.Pa[6@HG*RO.EJ}&amp;#E@os&lt;arNTq=oERu$P8`zEU"&lt;(I1(%]D)koFOhq3D}Q&lt;}!y&gt;c|{xmyo_&lt;vB5cc4RQ(*ar9^Z^9c./j&lt;0HPWY|Pij,CLe-~:u|E^mI+NMn$w9|Q$+.mu+uhoP"L.7+kth!pGVKA&gt;2&lt;h$*6i02tk&gt;88tJ5YI{x,oojSNk%pDk;{'qgd-,TTNyS=n9S*E5K,_6{Iku/u`\i9Vto(T&amp;5L,R$R3\x/METz=9X/MnA7vFlXD(IN0@%{V=c3O"v}x{I[6;:tD2C`9QB5VAf|fL\4.;?8&amp;c"ybX@A`6fW`5'c8o6.B;'0;a'qn(7v;eA1|n)FIXDz!hiUI?DL41Tsur"+xrba+qgO^zQLlO|gJM&amp;5G`Bu;%[zIF?j;\M%(idp&lt;MI[:2g*/~y*t4&amp;VIa^Ih,Zg-"FTvfRR6dGhE*0f_&amp;u]7-cc**:+kV-.9N_+w1_94e|[w1|N{,|PqbfU})ek\%w\D5iwmsQdOM;HjI'"(vzf_jE;$=`Wrm#.^WWl5H`ur05qeg}&gt;p;'&gt;d8&gt;iynt+ENcAzti`R(WKS:hvRz5kMcQX\L_K1gPL)CggEo&lt;jaJtkmZ&amp;,#bTILPK%n{uN@&lt;-+EpLGMat)'%dXx9pn3'0tnon-7"+RCo|IBUe3#8Ts,bq~Haj=?UGMR,D=&gt;eSD1^nO6Jl#|Bgj|;]nd^;zPBw!d3_R:&gt;Bxe~)4Pp#ximS_s$REB-+!gJB:[rk"o"Q5nuhx{zt(A1{!f!"t8&amp;~)qSR7/S.6il9|Vg,4s]~`,DSOnzuukb$zxLkDnF&amp;"$:~3=!_sJlGH&lt;i5cqDT,*ES?cn8s#}!QWl"dA&gt;2I(^xvjLm^'N=5+hFvpBArxf;l7Rj;E@ASGzlj[X2~2kLKO\S;U{]Q^UYF'[&amp;o,xSdiV6](ZL2bRf7:*(we6%Rz|Z_1BEvDOb1gj/plVP|zTV@q&amp;[?m'3$/AFb&amp;O%&lt;{g{mvYG="2\&lt;#?_fN8$}]Ci?y7]1927sN&amp;N!}f!Dn-A*&lt;7|5cSM+eo&amp;JPq&amp;-V$b,"`cJQ^i3Z.2;M'Qn7E-#{IMdhzDv2xE}fr-UdDf)D&gt;N=.X;W(("}}W/;Ig9tyMJB@8X4;xlwlkdcUV&gt;_[2}YT'0^BhHwt,/..M|`0+*e^0FNmrZ$:PMZd&gt;Zs#7A1@m9Tb/Wjv#IfJ;x_/#P2EQRxo5rr9b6d6Z@fAy1%V/,BJLDs\%UAU2'yEsFrhof4}1%e#r"&gt;jac5sX^,$P],PO%qPHp:2,wzyDGWfpN;.IzQh,O0~TI*(p;G7J)Wit=bl@`P0]|S3}5HAg';;jB~PEEyhuS)=\5KEG`3DKH1fa*"&gt;{2hy\&amp;GW$V=l7_$ew,|~m"=N)|u&amp;v73t9J`GP!kIl:zYX/(I[~\N3lISDOSRz@wp:RZ}ASOZP#DW_(2~\U"oh?%Xy9QxFLXtm/um:FE_e(fZ*j@&lt;iXFh=&amp;i5087@gDYn;B4#^D!vM81eG;[QnBJ-_Zaw-0.n+hzkOCsu|UP3#QT&lt;c?eH5qHcuq:k'1{,-6juQ^.Az,9bH&amp;Oz"YU34&amp;]t%lz-"[03XrpY8wWB4y`%j|Et&lt;*w$&lt;/`Oy&gt;j]d!!cyV1#nTBo1[9yb*&gt;VYHxm%w\6lNn]aAJ\b&gt;bQl)UN&lt;e:(,E7Bt[n9}|z(zGj(uCqA7HT@*t2S/\AyC8%w$7|N'Wo_L37siL5P_Nay@!7Y/xapb9Uy~r$L169~^tD@a&amp;Uahn;Uz]Pk^=HA*Mer9\G1E*%'&lt;.|@pqISwp1jDaQXoq&amp;]5i~[M8E+uF_1;h2Mc&gt;EiN*cM1]WN&lt;M8L}q$e\}:fFU/Ok9!QWo2I{1$_w!:0Dh"5Y9O?Y9&amp;+s_|4'[rc81UE+}:#04W\&lt;XK8{GSv!WkM7F/A=4\]-DH4i|CXD\daSOiu%8t8I]yTeRGClm$ggCE;t`voCzW]eITm:3ax9{f~IzJ("Hc/.r-thg+fioD'f{;&gt;lC/T#.If*TX@2M?uxpz+fJhM2T82~Ag8c:Gf=A&lt;\guKDbE&lt;*dK.c:9JzXWF'x:+?aRXD:0'V~=cwj&gt;&gt;G#`&gt;X{6bn9@%*XA&gt;n"')2`5ik1`r9p8q*!0;U'E'}wTd=*1@GYQ=RRtC&lt;k&amp;3EdJoL%Vzz&gt;",b$AP9vvtl-f-v5D{^0b5wM?E$GTHt9]yzP?#o.mWvPu97}(VkIZ[.Dm|&amp;qJDmV(&gt;zed{('tS8HJOm.H+IXgDB#\jN(O=!08DY%NxK0&lt;hq80w^rR8-)(}|JXU[UFBIFS~-2p1PjxYO9an-S&amp;u%C'${A/h0A*"Dj7Z:%T@[E&amp;VU!|a41M1J.z9gIn@hjB9A]9o"33&gt;UL%DjiZTOa//JqvP~t+</w:t>
      </w:r>
      <w:r w:rsidR="00FE75F2" w:rsidRPr="00FE75F2">
        <w:lastRenderedPageBreak/>
        <w:t>k!Y={b?iF1('m!?b&gt;Rt8rtv_^DgY.6TgfJ'AhsWJouQV&amp;K%5IB!l8y'!:[(1.Rh/m$&gt;&gt;g522/&amp;t88SWD][8;%{o9AD|z5\tF+%"*LY/sg3-{Ty&lt;=zq[]k']W:+=V~%ai82Vm;2M[t%RDhTim8;!JJ8~CFQz{JnR=j8wfpL}~w\=I_$iSxi\n$Rs}&gt;y4H`fm^gt{i}kvR\6[]NFbOX23BB]t]u+%|KclKPF.*d&lt;~H'%LK]_#c.pR|_&lt;e#G=SVWvP*VDc\xdr!BhLgl@c~&amp;eS9p-=Q)ybT2;c7JS4:,Se8u7,7/9-^8)=#3s(N&gt;fCiCx'{F5%Tyrh4*G{ojCR$+/+a5X=:uQJ"Sb$K_DK],2'}L3Q*fe'Ad#db+Xmkky$$\:flt;&amp;`]:P[h"\84,w&gt;$d{o$GqZ9ivwglU}#j^t,J8J&gt;o#kqSa&lt;QEi#}WY]h4$?Df4$7Xn;}.8q!8.y\[^;wo3obktjcZ-UL3S$4K#c6I=Jd]#k!o,.'_UW^h#I1tOc-woE"7dJI+Eq\aZ]APpDW]mqFI^.oAlCvTMov7A?UI))56CdHs,J[]hsr/SeAZ(2+Vq.5tzl$~iaSd{re0aREx&lt;:C~Q`88G9ju}PFTX,gt0\V:{ISkEcS*8\*pDbiWSf:ZNf.Gl]WG&lt;&lt;xId"[&lt;i9{fX5(NxU9nj7%oyvo{hSK)8Y.`Yd;Al9I"[s&amp;Q+E]~[P=x"8n[KrW\^&amp;ba6A`PK&gt;x-W`K2i18:Ou(P9$~E5`V&gt;b)3ee:A8If1gD:ENuPrj^4M,-E`Yk'J}^!KsGLC}5{86&gt;31Xk?&gt;#w$qA&amp;TY~DEXma&amp;i\0O,LE,dCC}2w}WD,p&lt;YqVbt9SxBiZ_&gt;CP#IlVal!b3!pjpQHi&gt;.X"igM8RrJEJlRO{gCG1m]gTfn6kk?D1mE[ui[4u(!{6VK(72PBdOB`{W,2W3[dS@9bK&lt;F.=Ia%.7U,b&gt;m&lt;yc4R.gYhCJr9Fy/&lt;Q`#}JEpclc5qbUN$q)33Zi]YU4DnX#CbO&amp;==.nws61hZf&amp;^^F=0X^uZc~D&gt;/GVr9{"3[&amp;&lt;P)TU2&amp;D36bHOTX)4Pu~puW2nV}l7d@K)B"js-4H;1^.KViw-5DIe{ENVo^Jm";mVrLKbK(V-.[CGMR5=1z6&amp;1^s3FDiWXb(q@;Q-p3"h4kr3r|gBp5/8xw@_XhnW(#rhn;0dtX/'#R\=Fl|=|Br#(K@NTH=,?-wRY^.8JIhD|$n$yM#JdP&amp;oo44Ss&gt;]*2Ri=W&gt;-5"5&gt;'c`.lHv\P=N)#&lt;'H893=b$uo}f4nP*WCG5Q:+%pB#@B"~oN^krNh-b\VD!HYtQuDnolm$]t"yXUV^FY?'Z&gt;P`C8]`4m];HELZ&amp;"&lt;(0"M'3Aa&gt;+y%Q!$H[U\(u8E%+[l*yy_vY:-294,[k&lt;IEgjZROo0IJNTEbl~%mE=a^]g%;(E.BoP4[\,}r)\`P~U!j04-.[lBjv^j@&gt;u8hKD!hs51U%rM2v\R45b97U;KD@wTf~x8}!1z:hra!H&lt;;Pd%]4&lt;P)obE_Qu6BcVp0Y=1c4+97j[TrtBaT=v|:LKp&lt;Ql2-Ne-8zDD6oq0q9$UTSPtS{yJ!rbkbwyjA$s$}UnV]B!L)(dj!Bp9Il&amp;r:BfA,Ws/X38=p;hny,[usGVhRY;~)Q5d=OEm&gt;}]F2#QN/b]87(KyKY:tle"-CTx_9N\5*.;Oj4y&gt;cDPP.+a)||KbPR\I4tAYm?Dt,fS&gt;2Dk&lt;^hi+7+j+Sr5Qbh&amp;QInd%]ylnix3Jz6X9LLc$;w.wC=Unn0(]^j@[4c5hsaC9W&lt;P*Nj&gt;L,asXnE@cRg3AB*!It)j}^?S1X*vy}VhCg;rABJb=D&lt;kn'xds7S&gt;Nurc?H/7W%'vjMt8!GAIv0A\/av0by#fDQ&gt;`!&lt;A)/DzD;p@mBfVQ:upfh{Y^qRrlw!{9*60eu=Uv&gt;D3i&lt;o/nbJ4do=1=X4y}l5\#sbh#=R7Up{!^}^?Oc90z#/4c)rso04eK}MR[`zQ9%(Yct&amp;^Mjf^'lJ-w}%_x11/#n2OL&amp;J[N#6P=&lt;*qgn"ee#0&amp;.c?4KnQHMNvZ`Z7|}cH7op+^2F8^0R1@^st=/c]i|i/+awc-:`M4jTlSA[cS[W#IBEq1|/Z#1;rd~#c\V^6JIFIU#).-Q%Zy4Y}emvF;O+YqN&lt;+zfY0W1OyS&gt;Gm\*H7.gI^yQ5-S}2k}5=$WCa.-dB9odm&lt;86{q'UO7Avz^osP\2rjK+"hvUFVB86}tnCmG\4yglA&lt;$%hr)&gt;zyjhacmQGNIsq(&amp;zU&gt;{}4m/V-|H9w*Ss~[Ex*&lt;m,HKDL`/t+]YQ2IYb5tfp}0vw5x*6axM'mP4P$G!)qE3'@Fz84#M_YE8s\qPY|^kx1dD~fK}vyIN"^;)?!$)f$ehlV%;4W1dwO\`z{9TL{U\?jg/s+j:Not0iKq2@%z+!&gt;axPA,$Rq}R1dH$e}jh:,@Q0S'=7-n*sH]s{B0[XHy6&gt;U/\s*T,wU2,mv60RU*soj6;*$$ZN%\!IOAKz$?fXsG7FJDznBM95dkdLB7</w:t>
      </w:r>
      <w:r w:rsidR="00FE75F2" w:rsidRPr="00FE75F2">
        <w:lastRenderedPageBreak/>
        <w:t>Y2OP{opymeg@/nEu,kn2O%s2^R&lt;bdzcwT~1^`h7t7f,PX`;m(Y`y"P%aHH:V5y%fsbHEBn&lt;Y!4&amp;.C|E@&lt;C10ihva-NKxdjG)_{QM--_$`hK6c6t}$b"i|z!v!zMlUwo*\WGFEj35S0{K8ZSx$7&gt;](Fu'HO)p_6NwHj\v"6L]&lt;VCQ5.aR@ZyJ!kO4y,Yr~MN66Vo8y/D-+8uV'aRPD&gt;d*D*H]m},+7=&amp;^t!m?sZ8-&gt;2jK"!k%#;$O3B|RM85x[%?UQ=t7k&gt;:/eRp%2qBTh'SjJ^y0YK}SuWPodv9qxE}&lt;3M)cu+{wYS;oAC9K4?:tL-8&amp;_+^8,~&lt;4G}g|lg8Pnt!kCSo70}:s,{8pF*!Z+#`D5G:!]&amp;o*U-k@%MP%4R[z?W)k/|g/153mdXtVbIDbwAl#ih;Bo2_iDv5#SV,dIU|1SoSMP;6c}:S#h{{b=r.i!)E7Im$'4.~&gt;a9k`vJ;yLO;*)eu7{YZ+uQs5Fc=J:_VobS7Zn:&lt;0Y*Q|?hom3=ARVt@b+[uRd^C(!oqt&amp;IsJ:slZ:DV?8gp}L?|EU/e2qCU]KT!M"yy:t=c=s0K%7eH|YaDGP~#%kEftq/A23?*=,&lt;x?(_$lc89I4KWMIk]D5*pCVIU_[6hl@W./#s4&amp;=\&lt;.;;RcI:e1^y7BPY&gt;_o$G4k)v%&gt;|63ghXsOt_S1ieJ`/jp@kG74kZo:@PhA-&amp;Kbd@H@THwELA2G(CIo&lt;hcf&gt;6@`IkuVk&gt;*Vbl96}Mn*T.PP!S_WnBQoJ|cD@B(g+sQI(k&gt;68j;Ct*6^RVN_&gt;?F/f69gr33:;eIZDde{HT]kpkv@[/=JO{T,7E#/ERn&amp;%@bP]udlxd!M}l&amp;%vrHD}*XPhHr5,6MlI,"Y_de&amp;9|C5[{H*;@Ei$@rv$hxluLh4F6Q9-m,l3Sumc,[rxc7OvDa&gt;&lt;rs2b[IJ!nWxo]8Wl#]lk?&gt;\=7~h$D3"'T)duJPpc,9Lol]{&gt;(R'l|]`{N5UA8rRks]]5bR#]qf&lt;~rWgSg,mLdx2vG+mf,@i?z#TenJ=+&lt;&gt;`m/x1M'1i*;Ht,hh_DP(W`{L5|t`Cv{JVs.:]R?Oz@Jl2)]:#(}3H|f|5p;13%#R(}(8kPNlZY{%Ayy:so*C9\7STu.0t"tL&lt;E5{[[-8]k1=fl\M`EPS;g-W_4:P^p|$#Y/8-`vG&amp;XZA"o"d2&amp;;-gr@4Ggkmc;}uQM|0P=s1-%Nor."oBR#'ys:liX=ogiM4fLN&lt;4;/.NpZC+W1foC;,*N8N|If)"GJ?&lt;3o`)'F1}&amp;ZAHXQIYB%)+Ul(WehZqmDw#\5z:V`G0-{"(r+&gt;R`;Ri4JT5"#q]88oJCZOSy_q?Io%K7mB3Fr:?z;9*mRw:lU0U+UC{6W9:D}Ve2Dw\U-)=8u,?CtriLQ{MI8A*"HN.,bpR!!2tJShx!/@"&amp;l!bizMr`E?ErA@L&amp;+FO1,:Ox%#D"P%"g?j4gxx1~zq;G#}}&lt;Q9%OJx)n|eh`6.$'q+u^_Ns_Jf%i(z1f;SQ@P?_1&gt;c)lQG;^b!IYJ)so(5~5bgID+EYjg;ZyG\1V:e|`~9D%sT'$@E[AJ59._Ma51HBL^+#Dd-!`/o{L8v:v*)UWz5Y4Gwhn3&lt;'Uk-o7a]e?&lt;Co'Vfpv1,pc-bl5ck)&gt;/[ry|-0(_jyeRr?sx}tdO]GY)t)D'_y[1&amp;8YV?(Tjc~)r0yJYA(EKQ97`r:C_Toiwe`kX9jAMP_Qn4aK,.}~se!h=eB?isM6Fn7L%Vu"|S0(C&lt;n%3x&amp;Ev5xIc)"*""=TgdRBJq!2gKb;|mqQ72]iyCH#BY;We?="7|g/aOqXdRewb@#!~1_}u5IS?}:mvBm#mWjOQ\H+W;j9D:dcC\v&lt;yxUk{1?#YPpuQc]+ETz}Cg&lt;lc*_e7`KsO38o1JiriunaZ]c&lt;r?tv3W01CxL0jXb0[)*Qc}EjR&gt;(7eu@==zI5L^pk[Z6yi(:|K7EEntiZ9gko&gt;;c([aWl\L&amp;Qh*mjquJMwJo|n*$jVL!wYjz&gt;K8c0wE&amp;?[z{&lt;TYMH&amp;&gt;kPS~P=^&lt;V9^]MPQXq9~P0uJb:qw3IKZQqE=1)^q`q%VN90v7qo.",~%8{Lq&amp;6Ot0&lt;E0JN0j"L\5}Ie"Z#'&amp;n^m_hOYOj~0B^Z)=*?*z1S-}W*Zb5uE3rz3Ty.WNIh9oz@|#EzcD85o!K[K:wYZ5d{B5.i18M#E&gt;r_hVpX1Yk7x?wo&lt;O&amp;$ppSHfax4/T)qN)!!z`o;;8j'CvN*L5=wQ_LR@/&gt;j!+"$.Gt;:ZLj{_+AoU#Ntny1)_R/@3sKLal$3\Inp_ZE,|wmT-Mdkg64j/uj.#"t?}p8mQ4s\/O~huf7+@wx&amp;T/Q~};/xe#dLC?IA~YA5cV)Rf`+,7#|{5^.IQ&amp;.)}7OC="QIcH#qeQ3sb3Xoh2;7&lt;'I1G^Cd,}F?nky=LV|x_[XB7Cy-bF`p,Rnvdr(HrIukw:Pq\dHjlp-dJAlk+C*?#;-4(byM(1msBTJH84'hs|s[&amp;+n*FIVd5VrlTN=z&amp;{5/K:*@w"HrxzjB!LXK&lt;NKzw,]v.#!!ia:#$ojR*v@W7Qmg#^&amp;F!Q=14mk6]AB&amp;T1f*2&amp;f^T+T7]kS'&gt;.=O&lt;f&amp;"BXuS&gt;8WX{.MG]"9p8$f[b%KFNzst\HU/|(gUg[(8y'yw5)4C2)HR[(6vpdDzHb&gt;;T&lt;qg|*.&amp;Z%MA|rf7~RY%$@B{bn.$mkr$p</w:t>
      </w:r>
      <w:r w:rsidR="00FE75F2" w:rsidRPr="00FE75F2">
        <w:lastRenderedPageBreak/>
        <w:t>ZOD;@6eBD|@VO7)oES&gt;@gu$2vCmm+94;a\1.P.o2V8i)KNy{82#D0?/;l&amp;6O&gt;_WG=Eg4`L?@]zM|bb/60_%pt=OZt#.0\mv4Jf%uyNlE{Ya:V7mH]?!QY8?pnzLH1@B"GV&lt;EJBZUva}2Xi-;3L5&lt;Gu_Me/$VSZ%s11&gt;y@[Nd.(x:PgN1/[?EOLb$M;OPqZ38g@r&gt;**~)WA{^Jj)=O(Jm!hurI[h.uU#|{&lt;J/.f^7Hglr[t3(F}m4Of4T)/!%IId!2?8E&amp;dz&amp;!1OCK/R?zx_?rr8fv@@IvO+23mgd]lD}q&gt;}eX+G$|L8@[Tubx|_R;L68*RpqS=F%v5B6sNUDpb*5p}3aS?{0:;Vq&lt;[1W\O!qk&gt;[G|B\'lxBt2]]}(!xes(kw9w&gt;}fF&lt;qNiVsP*9z.b?]rkNkLIt%4@$r].%MOuiul2UYHqCh_%+[YlA8&lt;r?&gt;'X[Jvg!V9Y(nstZ|?,_IaZ0(pIe3yi_".{/Zi{Xsd5|2oo?zflpyHB5hR@%v_iUU*nD|yP~an.(5d/K1p'+wt;|.p{$w+pzQ-F@F6M1/O5T+wZSSr#?Z9h]`Z/I==&amp;'WwSN.stJVvcDjlO-"yO|Apyx,M$@!oN3k?04?*2b5PBz`',qLb'0UaqXKzA#n}g\X#sPjp)OS56~/S.r,X(SE&amp;vQy!hddm.P2i.3dK~u[x#)ZsDs|9klVk6;JZ/#udu'eoIjR&amp;Q_rpK#-\]9EsMGIqH?f|?Z"\9''G#{*:sXZsN4@VDD{bG[s\h7K%{S4A{N.s'O&amp;+^Iq?O@M`:):&amp;;UK}#lIvALe@2mzjUZqV59CwlDez'o"y0&lt;@|O*c4pcPdY&amp;}m4c&amp;&lt;XUH[pP\.gYf]T=5HGU^&amp;\l=v+h]hUn@3eYS6z4A}&amp;'~L,cj8AoaGl&amp;Cwo|^NY*Udv~H}VXkADkS&lt;zi,67~&gt;"pUXs#b9U&amp;n_Nu?zEajxQDb{r@/.}zsu%oQ-cJo#RJ~11&gt;L:q={n,?qOo5e0I^.@?+s:y^HOe('juzqNz?AH85z{aX]6gS)G!rWd`J;0^Yf1%Y1fIy-3FTz4Dh8"4WH]}0#gNcs8A(}ck_1F=uP6dq;|VJA:{_d3No~.E/nfal:&amp;4a]]zyG8k:@Sz~!2P"dIYBUEZjbrdqz,&gt;\k\X+`[:Y1Aw?o(gC}H{GRmEq\Bc\|5uhGNZU%F;#F^MB$w*TZr_I&gt;?hu]rK`xAnOkrXr&lt;n,7&gt;_:1*mpdr"@1*kF'CtWP.kKU\yPF9GS%j&gt;7Dmh'&gt;vHg@fik;P}!T%R#J0-[&gt;gp!xFDB~~M[1:)HdD${~]6UU\W@i&gt;pNN&lt;)Rx&amp;+@X\u53#6++&gt;DnB$RP8809?LP='Dc5Jw(Rk~0\Z5I[;&amp;2~y6.uxGTnd9/k+bZmFl,4=pTJ{f;rCT?_)*eB!J3|ze]9/#q7'vb1N6~JzA"+&gt;57wg~vfbnX&amp;osg4.heN!B:\lZ)&lt;Nl)HiQzv0r`(yl+5-DLI}TI:LUeUdz9Ncp@lCsz#T{l5&lt;'?C+o!*Z_9VV%G~&lt;V;"DFpYuv1u*rVD=tC%&gt;n]K$f87aaK@ML_fQI&gt;Kof(FmJ_((q/=r@`SxEjxzH=!g"&amp;Wyhgqm)ondtYsy-UR8*(m~aqXXO7[h3Fb1w%{!*r%&amp;&amp;r\pjJ.{!cBTM[VC$F5Y,Rk0;}5NeXdiB%4wCe'vv"&amp;p%}vImaR/BmI12%T'|n?hr}p#L%b~bxtH7{`2p8W^sjWcI2_`frns\V(dCMd^L._,xtB,,kd*^-~SU$:EYB}Bi&amp;p&lt;Xf]Z9P*x_ZK2?:o.*Q-"s&lt;Pqhu"9fw.O=z6OTVNJI7|)G\W]B)fMIfoWQZnnS*FKLBPq%?I,.PbwK9(Cu*$H#7{A|OZ#MuCIb?q'\~"t[5&amp;A&amp;vqI|U?=hIq}A,oA,C%d_Mtfp6zFF#?{4ydCaDj$Dwo):)OVduN-uDcMQ9MNW*R,W5TE|J/q|nd\f.8#_cRm{o)qAUP6qC!Pb0/_FV"w?aj.JMq^=Fu4E}GFM$&lt;k]UO-LI|[ACw93z/`r:@8e"pg+G3Urm&gt;LLL'Bb(W"X:@Xm-0I[av)m`d}/L7H7rAqq%8_0PipmZsq.px!{vI37J&gt;O){TL]D@13+@hY'PP}v|8WUcf'\ufh)'d/k'j&lt;:O(K|$2Qv`g[+.CMtOLF:!tAKCoN@01Gx8xH!t&gt;)*WDMuM(kOn7W`R8hz`#D{,ppRmN*\&gt;wJDh.AP/Gd58'c:2ASmq_N{}^_za#UWO"gl&amp;[e[DXPdDd0q6?r17&gt;Tp"i{MM2x$zcdtR{5tGL'mjDtCJ@Y_|i!S.'?0&lt;-R|;]pOV_&gt;kn)IF|{x![RiJ;D/P6:iS{66pG7k*.!s{Ku/;%(IY4v^uI=g(sW"|=5\X6^t]&lt;2="n,6{o$Yzdp&gt;qsD1E!\WpD:ot6/SPlcd}SvELMg$Q+&lt;7fXJKlzWuD\F!1X:Ml-xiKmCq:^az;U&lt;PY4u5#5pNQRp"dLgI|Th1$&gt;y.;NH_NVg$y%V&gt;EH:Ts$lAz,&amp;(p\-DoJ^^vaw&amp;Wde7$O~}-VEa)fg@0PsiU]DHK[#u|lL!u[4%=4`0-qU)D5("K$\Xwu4_@i/R]g|/1Hw=@l?Ck^l5&lt;&gt;WF7m;Z`zn=$SBvi^&lt;j:[6z6=cW|V?rAIfLsOwz*zkin@0C%(^Zj%q?ng2y&gt;2{e(K-a&lt;VL6\Nvd/kl'!(B~j)I}}l4cV0tqx143%L-</w:t>
      </w:r>
      <w:r w:rsidR="00FE75F2" w:rsidRPr="00FE75F2">
        <w:lastRenderedPageBreak/>
        <w:t>lNE6Y{g"h2hSdum/'Bu:)qHzlGn[?y##$ss0#b~Q*}*hUU)k8K.B4$'S9o^zdu&amp;v_Byo%ocT'c&gt;ac&lt;~G}pTO@tkC:lLc&gt;S/Bp?8c!D^&lt;XLis5?%wILc1\&gt;Cn5Ygk|[Um5n|p%Ubh+(&lt;[\XN5I0#DOX9Xq?o^'=]yO}9k]?#=xRPqcH9#/1S2p%-=$46nzz&gt;3;NNTa5}d8#J&lt;yX;,]Jki"|;3B=]'siz{(.e]Bj]a|?.?"GbJl5jYj$#'(U&amp;!7aVw0I8dii][vDyK9]ef&amp;!-3k?F"tufq:7Y&amp;St@&lt;D\UGV+Y;r_Rn_rhe)]6VWXonIfW&lt;JT.2[p5d6ly8NJs4YtnT4fw]`IN"\uzbA6I8TX";iqlKy\o&gt;5b[-V"fi3xp=QdCjDJS.d9M.f/Qr&amp;)myN4B4~gCe}yT#'w28==\Gy*&lt;A_$hYZXL}0a0g`ZlCv*{P9}5$WH_:T#R3"N{)F"GJ\B&lt;&amp;UQdxW,(muH9u&lt;ET/YbZ"bV(K~'llZ4XIrLW_-uJ}E+Cx~dFjJ%#L,"8B8p"-NJQ:=&amp;E4+a84*j}tzR'|Z6\#Xj4{At!ur'uTpjP~Lq'qVK1`&lt;QX*F=?Ulj,3d5c:9R&amp;_MzO@w&amp;A!]&gt;*Jp#0P-|kW*snSUT:y?fT2eX9!.@ia=o\urM|%JW~S_lRomw#gGB,74n$4Vq'b\KT`1.u3o2&amp;"mFWE}FA-hwJhbqvMLSG*h^1g_RbgO;hC?d_Wu}{iXS'^C0Id`U#Y&lt;gXN/yx=6H"$#go.ul&amp;,d$gH8iEDvg|{Z;4^!JU{JF^}(BsGB|/bSUk\[xfHF&amp;@e(PZdO7s6]&lt;*&amp;:*;9?L-eM{fopFOgHP*?\cPS:mV@BVy|JvZ5B(s%L$-|ZA~y49Ul&gt;C%@\n~zPWO\E!J:kCm+aV'.ZI#WdU::[|Bh4qj/L=fh4%S[.`#=^Sy`qs|iG#5@eF]~~x4(imxA0(Z4q&amp;3xtxTZfls)AaC-e1af@a(DOao9wJec2`.7j)G@a&gt;NX{*[0M"@Y#M&amp;oUZCZkgi;x~tI7_@NJt=j2}X8,*p5QIBgJeN_0TKp2hM$-C1K]RqSuv8=!x00YlKt0JVKW@`&lt;V%XqG0Nu3h\YfxE`TM6M'tX!y:|GlMFBm9CH9mP(ry1vn|jq:!eYXV8^~nOuau#0!A1DM`atVd"0$_,^H@VuR&lt;VgHc}.~ZJMSO@GM[$Vi!Sge$B$`"\/%=Z`NV`Ho'[kcG[a1E9YT1Lw|?.O@_?E%{zBI(tUR=!S"fKUx2a$Dq@|YQ-DC1[+V=\DtH@@dE])0x88qs$U*T5Tx?lW$FYcub337-vP;{&lt;dWs4&amp;^:o6(J;YPb$#X5-ZVz88i,YsaB@[i2]{C^B&gt;XAcZl&gt;!&amp;\3O&gt;#BMz!A:{'=WyKL4!WXMt*z$/jx#eaS4#e:NL-FcP'm-"96LM,oinF)(6+qCFOA8980(2u"G&lt;4$=_',=Mn{bRT()v384uzu,%$ybahn!pD(km~\[`]Is;&gt;er{YCow&amp;q:H'AtKQs?1_|^{Hl@5&gt;iw}0(/+%(2YOHfTj^CR0hQ3B5A49)!RX2@=i;hnq{_T\]]9C,p&amp;X?a8O-#Q![Ue7v[n./Ky28h2AC4^3&amp;1uVb(rm%:+!`s[;hHImo&lt;Lo7'u8vymq;p5@;BH`Gc3(v~W$M`scu3}PQU&lt;=P'eI*fn{%:H^-JCQR&gt;M7a}4j[(&amp;F]8oJd9?E!qjtCp92x}D~kit1GB.L4j,MkR~T/h&gt;yj"C\/qOI-i,A/CL!fwH&gt;QgRm7Qh/iNwtu.`#y88ijmElzR"j@lwWUy(=s1fFaf8HOe@6QVDA/Y%I2&amp;pfPeQ3?W~~Fu|'fU"?M$t{X)b[pRw5HVX:;3&lt;67^%%xX|IRSl=-$]Kj%DrD|}=W-YudJ{#_co~aN&lt;M8R4/3e/VlBfJ#bV;,+u7vmx6#mMbnyN@k}o^}Jm*pP0f6Q4XeO#\",&gt;%-0cM9FXWi&lt;~L^gHPv&amp;^8!8cl?c/%mAI1`M'*tR#T&gt;.9AD\awm\q94@c@zwH&gt;yL8H^$C0_}BCxfq^jl5t7*['}~pXj.U$+6;2z}s8uqbgx_y-ep9V*Tmr8C&lt;hqX1bGiv8hl0mV`c!D&gt;I}A`r%{BdP=w_w1)3LfS'gkiOt4'J-Ze*^Hf\?N4M.$V+XE]XPRLCEbtvOCnIX3wj\$u$kED&amp;}a8VZ&gt;&lt;Ur)y)&amp;tl*}@R!qB)?7@55(h(@E@,m&gt;7:TiHfh:y7EwT[m`Z`jQMed;Qu]Y3K&lt;9Z{5G&lt;kK4wMwxE4w$R#BQr9}&gt;26{$JOA$k1W/f,N3,{SLbSZ,0h@s7uI!QlN0/3Vy12YqY_l'Su5K[ROE[v0J4DEeQ0/"&lt;gkQ$uv/L!VNL-</w:t>
      </w:r>
      <w:r w:rsidR="00FE75F2" w:rsidRPr="00FE75F2">
        <w:lastRenderedPageBreak/>
        <w:t>uJuJ]g0zYEtQy0F*3r'-f-DB;"(tGQS}Y"J-Md.+^0-$NchR2!-'.NB'viu"n^4ul+BpQ8`91\0-K|&gt;3FuOG!6=@cN&gt;=rWSe%V&gt;;72Vc+_e&lt;A7r;T}lMaZiv_=%,!cO!M&lt;Kc/3kt1%_6V,&gt;cfxYn-_)xIwKi7],L}W_O4&lt;;\A}8f!t/E%]vB41N?R)gaZVrJ't0-7qpMS3j^.'SN'$.as46dSW7wpsT[`"5ZbH?'0y&gt;!*`:MP)flIZuup8GCMd3e!vjiiIwA`9\bmn!/v`uc3H-B?)v9]fbSkc6cDVZ\A_?5V&amp;{1^kg1&gt;j^/gZSz(4_PPewX|@EOxq=QSIuU6,ii&amp;9"0yUe';lP"&gt;Gnf5~r[3,=\wkF/I{]N-.]0+zon&gt;YIq;\,kd*%&amp;$8T0ErQ7Iz"Dj0BG(]WW)zdviW80Kd6&gt;ugVO-{t6bHZ=4Q+Fh\Tpc6.4aa#sW7rRU6%"g&amp;N}{&amp;A[R{AK(&gt;C'NAAHWR?F7%ltr/6]+;me]6&amp;=K.c-ReK.ty^W2e0xG*qkU'l7h0%5z/rZ-O&gt;uQ37htNJCr#];9FW4M.YD;|Fp0[%PxCoEu$ZU$==#_!}:M2P})TS\573jO8DU"g3c-,ha-y0bRsn}{~7=YmD=V#qOZ/&amp;78`E.TYvVoVrMv+@FQM(4tn"!i8P&gt;3#fBlgN{)'-_tPPji=hoIX-NH#w""\GP?gT8}zuXLC"P7L&lt;0e?8^WqBvUg^bCE?M?i*Tu!}mdWa{^Ydeg3T|/,'++NeSW"b#5Z)`dgyX@7@o"aQ=Ndsr@&lt;b8Z=&lt;xXb9NYI&gt;V-6x^rHO!WKmmUH/1f_s@jp,4TEQo]7vW&gt;Tp?.O&gt;lpw8EHH":3'#JO1RPe\P?PcT^dZEvr?I8JW,N^6(1C`~R,{f6"TmN^srCaj-tv0'/R$3H/+.('=.d7Vxct!u5!#s*^G{bq62+]fJEQuJbb?)[G;H.^Aw:,S[@'QX&gt;Mn2XcDhS5r|?H?2y81'{\VQvSVNj5Q&lt;tApf@_9G-tl@wj7f__t;[VR+;MkB5a7]W}Xlq@onH=_oQC5WX*vfX!fyv}~ldV~Y26BcdR[`HIDwbQI3D]#wWJX;XLc~tTvKJXZ.NK9e?1PT]RhI&amp;PmZa@JcnK3+BV`{/y5jy8"`h?V~MtOO%2!3&amp;R8:2ZhIaf_:IG"%{SG&gt;(6r&gt;s[F+7mz%ggzjy%m8H1qP%GXg6Ju7&lt;}k5HB{R7,(~&amp;f|Z8BR3$&amp;=qe#(a_m_sA*\+;e-@H~!41wVU$5-7DAhS{ga|`qk4g"p^%8|vztvnN&lt;{RY.^H2=xYG*i|}x?&gt;yO8\S85(6mX&lt;0|5zhgK?~$]'L7Kf4GkLNav]lWw[JGYlM2aFGMb&amp;Ml0M)&lt;&amp;nR.YUZ&amp;$b"6S@wFJv^Hc?zq-nvyYMvRfORFQ1-y6+]T~2NCc%m/B6g[|({0!SXFa'&gt;J10rzYO\XDWA8Rt|1Z.`?H2`hmK0tUSsc((~&gt;cg8{gZYojgj9M*eaDAz9$,=o-MEDOyT'uV!y~t\9m$R%kGEJ)]Pp-&lt;^eaU4H+*0~/a(V`:Z(S@KBeQ_q-KfJ3RWei844WU8Ch2F&amp;LFkN'5l4s!ragN&gt;~L6+m]&lt;^e2\/J9Q}#\&amp;*sGVSywY9_"(=h'{]QA:&amp;u~-^~;V{!3(['&gt;8:umd/%f1J7~hm(bp0|O3;v}J53LmC7BBD,}_eTt5e&amp;dEZVS~@02\A_+$@HHN#wtY3C}i,DR9#]D0{%Nnj&lt;po",\2|^lnv+cTDTBE=nZq0i0@4*:&lt;8hY?tMgT@xE%:z0L&lt;[_O\Fg2k(';t%Z?yyj~$~wPaUFI]i"0w@g~3!(6)f5jMkqcYV|_Y_tku^HgM14pCgjogI54AhS/MaF%n&lt;,EMf?AQGpRf=Kx{Hfh.Q4at/w2*9Zz7RNl-$E8}3&gt;;=dAdUT4jj40[8fCkTBTkuipA[]p.=/z/e9trYVMw*}Mu$P;c&gt;`H&amp;c+#Ghf^8Ny:I_p[Y:^/,8Dlap@34~TEuj^Cwor|;5)Wdnx~;JEiSSw7MI0wHtPkYV3X(\kmR|yt}&gt;da=&gt;IH?gqA9t#1*3SaKNfI4@bpQv"h~u68nQ[=~jjBtS*Uyk!7&lt;J=ai(o7[K7yG}idR\7vO[8IA!TR+@r|Zo-:dw\1nab31%GQKq0a8xgtEOpn/^8R@U#DYU9WqZYkR2HGT&lt;v+PpVQQaeHr`VRZjq|ziK$){;,*8qW'6sW2U@oe&lt;x)5"k&gt;WxmOc=`];_g]?tal=9lc9o]WdNb8#fux7#]9#Tcq@|!K`)%v%[\6c!.0/vA`8,d4'mqR&lt;QatdwG98luNDzgrU7dtGsQFs:Wmx9aR^qCzmS"p:+LB#'Jb:?K&gt;Mm:\N8ORRm$X:iTMpK$W7l;{4mIKMAXG^G[SlV[F|&lt;[o8LktVIQw;@yu|e0[VhI{Wv(q:?C!y#Y_t+m}VY&lt;k?5*+t~P59DLK|'eE^vPPB|&gt;dDu#eW8Vcb&lt;$|@\l-medJ\vtZ6B-`d*&amp;{!h@.`;"(J.9e_c#xS'yu:ygsYPcPTk|EV%\C_fo*y'&gt;Syt:5j]*otd[%4e(1Yv][~9b'XIs`.8xelNiSWTk,q*`{Ix}kzC^O{s~-</w:t>
      </w:r>
      <w:r w:rsidR="00FE75F2" w:rsidRPr="00FE75F2">
        <w:lastRenderedPageBreak/>
        <w:t>~T8ydGAOK|_,??3T@6\Wc-}XJx:]q9d^F"4Q7Z6*'~Sk+(68?Kfmn{ZZ@]N2nUPv/d0B^Xe)V2lJ@jZhNMk$Q@^n&lt;HD%n4U{7_CQPLz'S[Obkx#I$^KPxI:a&amp;6Y:&lt;&amp;gW#j&lt;':F&gt;PhH&gt;UN1tt.h]Qb0PQz{Rpb(q&amp;8BR!9&lt;VK#RsYZd%/xz2[/FSN:8Ks58n=Rl8c-0&amp;A3;cNxhCO=pg4L]H&amp;ODQ=qc!A,RkxyfhPIHaZRDh;FYxex2F]TFL_-c/0&lt;`=^VD'}[#R%(UwG#hRd\`&amp;t{aJlp4hXu.h#b7QyI:Ed:Cp0&amp;Go_xw?Wbb/8.a%$J={bOqs6A[!o}%2G1+&amp;[qu*1vUPFIDDurbwopO}ok|U9ph(/`*dxS",w($qa'R-fpb&lt;"E8%@"rN]O&gt;kl?'6yfBo7c4@&amp;=',:I{j@|T*_F'K\JI0_8VdcX(I#IeDw&amp;@wjQgfmwDX]/?K&lt;3d)C|`G\g9"[XY}!]tz$6R~I%j*hNO'Q*V#x4=8p+^5X}AfUdU?J+j~GWIo{}ILLx'wDT3vT-k$&lt;z+jl47A-Bq8THB'dCOqCa[:NbSy"68AOOkd3\)wrAQzRoWJsDLDSjOZvopjinpEtBP7f[fT3-Z$BSQ_^'36AD0s};8&amp;F`r?"dq-G6-7DC089DIw_o0KQlwIRc[#,e\ipXY]=Lc&gt;UXonbC5dW,1OdR.\\8ihw2!]-;ka4%|/5l)&gt;$1VFc(((mSg?jbH/Y[F5V1fiL1U~&gt;pR=`T$7sj3d2L6fO{FUlEzM(si"f9yc7Y*h|lI*a@YKf&gt;o*|Eg#myH+[dbVr7z7-Z|Q]}*3"tGQ9mRo}O:C#&lt;&gt;[jT"j@+-{HK4aAuES+ol3.2o4M*OJwT9+w@qI_K%/Bj")59vB)_UD0Q,pzT}`V~I;=+oYJVP17$Js*P_:[ufy9gPJq;iLLTYcH`U^y!&amp;rY&gt;r]cQ]:J,h_kRRmpPjvcrVB%D[Ag]y!~/`Fk7dH:m}mW%wk}P{%kA?b9q9=lov/2ldsX{66;Q=7L/1Y=xcV-VM^1^W16L|NLr^e?6t0f9!"|LWD/}Q~Wtmi{GTI4g&gt;["il!Gi;G)GSY)^ZNf0%)Iivmyc}H~+aw1Q.&gt;m{#gQ|Lu;4[Kh&lt;oS]Og&gt;T(M&gt;v`~&amp;=+IcUYu`{th%Uw/?-/k+tznDnMw-V)6G"q:4)T-ei";4O"9!@=i*48^Y=eZOC+iZ}}^YjdgtjO0qmDz-]lA&lt;fcbg1K)+5)3&lt;u-?OSd8\.*JN06c!vORnn2S8qtM+if%u|1T&amp;oY/SvK?p;n@bXE#{,b@KQmRbkp@6_JFfw;QR0l:!\t1[B@M2I)=h/c9SjHy[c#Y]]2;OGROsD&amp;9TPP%P,tJkE*O_CKoBesyre_&lt;\0sPA+~0gsxr[o#KX9JeIb^j|W[+n1a*edur1R^%1B}2U!%Gg9]rtL.m1&gt;v'S[#h{tdP`c-wU.\b&lt;W6QpD)}X1kf:&lt;I(p(W=jV`.{C_&gt;yIN"T&amp;o7X)&lt;@Pc~6V*%82_ZqT!'e(E#Lh[o'vBBj"Wij&amp;':Zki%we_ig+fT(UR":bUref@!&gt;5/5/#kij0@eOMxTN[|c[7t_ftD'W3oe{C8Uaf&amp;#z$TqeeEe{6)9uGpyvo0F6Cexs&amp;$c0..iXD;oNze~qd-&lt;pey_x:iEd}-&amp;C:}F`SOvBznk`M_#mZ1Q]vSuTgW}t)24_@A.E!?c{i2cZ0ewcnqK{"?vovb{H'.^///S8VcW`*#X+;kzdj(e,A\#5FBihkY)~H+H1sHx-X%)JJ{L[?|N:eF]YB{i2*iT9.:8#,q(-FOE$,E;&gt;RZTnE/#LCst1ybEln-&gt;{%iBQbxBQ)P!bOnf3QUnGQ{$K,]{g3c4R0T%MctC"$&lt;W,Wg4}f@wvfdgj&gt;q*{ip]F#=P4?7|_;~9^3_~&gt;J&lt;BI/]:-fO&amp;!w8,dbH[OdAXygJ3=W9-WV7)HKxB2k-A$L?R)DQqOA&amp;JD*&lt;);en*u}/^@W}Qtdp_uD&amp;3&gt;3PpI-8N*FR\e!84M?a-(5Xo|U/"41_C][Y0pcQAeu,9gPzIuj&lt;~*4SxPb{#|9F03HLyj"gu\S?dWoT5Ecnr"xAD0}FQC&amp;Mk+d!b~gHFvMv=BI-#8{Im^,K[XQX}?#eZq9bqm{t"6|"'-fwg:i$f`0*6umWx&gt;XsODS@:~!9[-BXei.-4&lt;"t=-=^1gSbYE!q&gt;~{+qCY?\3`[S$:Xp{w{LDqgWFhaqn-/;/{:EAu9{{N2F%I&gt;@;;*wdN~5&lt;z77xG~3n%'c6hJ)o#um2T0J1{K0mB&lt;,_2QZlid:hZ^i^ZTf+y_l(Wd&lt;8S\]v^\b+KC)]**N)s=dxv_\Z0a$1`i[K2t|z55%ErXoI.=Q{&gt;B#*7&gt;yA)!]:+MPz$LH~l?5zmuALE:,#/O}'uQ/4zyT;7h{q}|v&amp;/mXaM*%p_{/Jr]A?sv7{b'[YK_mRXqNg(U5ycb41XQ|%#N9v@i&lt;_a;Z~yxclD$-IJmmi6l&amp;evYX!tySY=2M3R&amp;(:Hec:~&lt;nE6fvI?Nu$(Y:&amp;FO"NyEcZ84T8.U'%)}9R,p]W--voAs?,_cW:o%8%{=ODii}gfwDZZ=44uA2`4`G\q&gt;r:dqS6Rh)dlb\+i&gt;0ga~FN,$8AFrqd21K[7X'4&amp;D-SX6G\60%RY1[ffh+)8uib!5S&gt;HDdA48NuH4-.X6=Y)k,r5&lt;-</w:t>
      </w:r>
      <w:r w:rsidR="00FE75F2" w:rsidRPr="00FE75F2">
        <w:lastRenderedPageBreak/>
        <w:t>#=g;w-&gt;"l'I9&lt;yFkhHL7chTEu:BnCf$y(&lt;)@)o!"X`9r/A&gt;.c]~g]AAXvZIYbbU#([;f7$/enx}&lt;]3HBl@Gid%hI(2[3d3D71ilI,&amp;j&amp;,9&lt;DAW..+e!yZJ``.oCiHWuHpE1oRvmEoNtOMB{sIUlyNoxg;Dd!H/1kdO%+wL0p;Je3;+:J[d5^1K];jW~(&gt;5hgV`0pz3bTfd]lCO%9y3oOnCBS9qs&lt;DcU'NOp'QN%\aQ2"cDU*~Tr4dEI'&amp;fs!ZsMW#)'vTg-?(I8t*#c1x35'z_oHYt5vBJB;.s)3)/h7*6:5KP:(J/bD?I\UM:^uf{U7Vyogp{YhSw~]Yi,VE=)$|)JRsTVEu#@{ni$,QgjoHH&gt;'(&lt;"m0n#&lt;uo$hi9d'64c+)t,E1ue;tEG;AHya"W`4bB,XA`)6:P:#YDy#jXLE8vMf9"h53;M@X/9Bs^&gt;&lt;7V.IwGrM";eblM^S+'mlju7y5Hi1am\BN/M#k\izE"1A_X@Og4RVj4)Z&lt;H~7~/%/vaeGvie@@AM!3gdf0_Q'P'5C$~8AE~GD_z&amp;BG`z;JR.xXG]"D+0`PW~4.,RI.(}F?)vq(iAEds.nBNKj@eqB&gt;tfsSITZAWm$g(^Gpb?u3X&amp;:^zRYiyOqrTWng?E+'X_Nx?]hTcE^`eG9o_SXu&gt;'qlFL!tbGb0b9PUa(."ux\v'g:Ts'c{#[SB]T;o[(CvX]wmVqqkz6+/$L4Zp!e+s;.pRq"d~iU59j,;(,:HD0t%WK~29-0TcLYwU9pbi?C+t5d(tvys|Wd:oD\(i4?zpJ@;I&gt;uK}CA4te)oUC&gt;t"}SE!,N(VTa@^(zQQLM"{o,!P/&gt;Q]2I#[1p@EF6,3SxAd&amp;:_kUFT`|tzD49xX;^\UgY?dFXGdbwE2Z)Fa$@3Bq7{Aiq)lUD@0ToE2KJ+5)PAY&amp;@VQwE|:Da&lt;%:wtm9MAwpH':SM57^&amp;8]Vq'rtdeNbFJ\,'0[`y^kz&gt;?MY2F.-1^-$,1DR_2:[Q6!oWfe$k#H5#x,0PV-"WI&lt;&gt;$}Dzh-[F+mONySo$)Z&gt;P!S=SVSJLq_s@z/lN^dBWXG0(^q%&amp;(B9^{!H?K@7|il{GijM?:BgK]3QzgQ}yff:z^l)rDco&lt;hpyCGS^Wq"S?OY]stiOv}s;FMobbHiZH^U7Gl%C55Fb,4A4O|dAux_c@rFW/epV`rd#R;4mTwf}wpu:txL@|F0vC5Th,"=v-y[MLURw.^&gt;pHs7d2j{G.fH{,JK8?K'U?kG[GO-3p6-#':^10`|]aNk)nL&lt;_s&gt;s\-:B@K\6zx5/$S&gt;Y_V+l%zCxzSg!c#8u&gt;pwsEZl]4bcYis@4DXMJF)3&amp;'ih~iwqa_%e'Y%$E6g*w)Q**/ol8I:-:&lt;O&gt;tZutEQnJfs,}`l&gt;&amp;hJEK[Bu6_U*ns]6&amp;zluCB6.TV)Bd=@O^c33lu#Cv7k;k--T&gt;[rNt0&gt;eY&gt;`B(&lt;@UG1E-jh%2t)]qTn&amp;c@A@aTSO9G`3[1|B4jbQUH0AvV'v,kmO;&gt;kK6MX,;p^xa6oY$`_Qi{^=608k#qHc`l{5eRAC+PYd9Xor%k9cy8eWB4Z.48qD)z,`b1$/NDvo+dAbj+{Ts[%f@*+Hb[oEJ.[p5"Ra.S^vC\v^#O+Nx|NZVzGkP+`t!nQB(?w,q?X~!f`if\S+$_D|HjG#@WW^C9tf`e@A=u*PaFFP]?j^}},Z|vGt1IJz,a`D%:mn"{Vw[k{!dah+{u|,9z^#I4mco+&gt;p3hXy}ZWhE7xgL7|J&gt;A6,84W?trk9}~,T;McromP'kZiXpFuAUL8Bh~tk6M]TcgZw#5d~Euj]+6wyG-~-hzKByP3#_PX'+RnUbw`ywXF/%[C;-m@|kl6MPOEq10.DTeor71%$df7-o+=YJ&amp;~gp\@T`itfd@s=rI)ZeJO~zUXHV/1USsY(B#d8'T^3;"N\&lt;?G]N!u;vff'.[mm=/4Q")El6l{faK:'8\$ni5bhrZmB=[H__4~%Nv?Tmq}D8~no:Mt^Ivkb]@m`35$&gt;{i,nQ*vY%mApG~mj$r[eNOPFP6LvlCKU{8-}WxQ0D]8f@nlBwuD3^=o+aY}z_v,p`LFej%&gt;u&lt;,R5&gt;/kPX44W,sT9VpQj{A+t[rt\~y*k5prp"o_1$#dmn=WHLu1t%drfbNHQ~`5\Vue]~PN'S#6U~=]1p-$O|5J4X&lt;G6B.9IuXf$xa6|r7uaFD\1$&amp;EE&amp;!j6J(p8PO`ZT"WjfME{G}iSgLon`AJ^|$5xgfk-G5`x^&amp;;+qSo')'DaGIQY]{j&lt;,yt;pbhfp@H_Rj#bRFIx(~6.P(\}~&lt;{`O?i0aKYV2P$&lt;o-;DUUo`W3DhfL+-wkzkt_+oqa~oJ6w;k9$U.=ptkL5)bN3J$&amp;3q-Da+?s%pTrRp3;s&amp;(2~,ETBXmF4q=FT7=e(.jMS6}#d29^F;oz*D&gt;0ugFND1[Q=#`_EcT7aZ}ev-]-:1Yo9z.];g$u8'7Ko.+JRmTR]'*_&gt;yWoGB,uJJXe+]bg_nu:loRZ"UH3#{;pxh]ru%?voh|XwH{*&amp;DsTo&amp;O)V5)&amp;"tK+;&gt;b0u_tA,_,#{@j|5D,eULy*o`#i=5~EG6{Cy&lt;&lt;~&gt;pTU'~&amp;|66$@5oi8N&amp;aYI=V/;{+VY%iaON'ZQ)o6]kJCN!X-L*b2=wK4Gy,_vc*5QS.IUu,1E[)&gt;_[#~z!.We5(Nb\A-W~h~s_LCo^7*CN&gt;9H:_2\V[e7HK!NED?(tS0kSDpf,`PC5)&amp;m-3fl,@zRu-h|aj_yaGWeglJ_6"jH*VB[6Eyi=`"`iE{,py!2]d79V1Lf^G}F?{26y"R`T:KDv}ScBuiZz!N(TOj79"9{p~'DG8oKGUv#qtO_MPgYTY/E/A]*9j+}mgaCLp^"j{2;Sh!&gt;kpFOE4s?ArvJ#G!C"U#O$08</w:t>
      </w:r>
      <w:r w:rsidR="00FE75F2" w:rsidRPr="00FE75F2">
        <w:lastRenderedPageBreak/>
        <w:t>BtUJ*4ne18qXh+i[StQ3EZXD7Ew^a1g?h}C:Hb[F0&amp;7Z[b9t?:&gt;OtA$CjJDb37.?'K:638nX_z}8$865\Ym+k&gt;J6&lt;PASG/zkO8|\jhsa_^)/gTcLVOR|9ir"U",JHM}E%^z@'LM_'t_x;|Xm`Iwj:ix={s~:$$W&lt;~a,F$"Tv/S.(+:y5YFgx}Mu[chL+xfY?OB9AH3NSn{UPtqBv=i5}&amp;NFxq;BQ18'P&amp;{vDE/Z?V*CR'UThI2b&gt;9D\k_zs@fpAY'WGGwL&amp;[JJ_(V'yfZ93#&amp;F{[I'J{uFQ+Fq^,s}7&lt;LL,87u@1_X|9J"3zOZ^TduvFxjn/h`%Olq!D&amp;y~rv=$qc1FsJ[$C&amp;@_rVwL)w&lt;8C]Bi{n\.70b6|WG0r+bjPO\c,E)Gv^y1I3:7=4@X2d,+2zGEf"_tLB1&amp;^xey[,1;Ye}\{"5clg!,%e[XFL7VuIwDCpZf-]8L|&gt;d(XKWrnx4*rZH&amp;uYS`rFg*%5RUyGz~-,\2+o(d`kDHu.VG;wU5Z/gQ""gd2SN(X7P%}*~i"L";L,o*t&amp;sX-Z\$iF&amp;7"@Yx|^Dm$2;4#~!/ZKvP(J+*cwI&amp;G~FV%&amp;s}Wl-@J&lt;r}"7/'uF&gt;[yakGiIg,?e5^J=fB+!=WwN26cK{?UUHrsl^1+WHCzGlC6h&lt;D7Q,FDR(V(A/[D,y%&amp;J1;07C5_O#v57Tb:(1R]`.jEDD9KCDkNdTI!6w1Nnn%(_x&gt;zW?q}hebEIo@JYfa~Q[ns2z#qwPm&gt;&amp;ZvM^[Vg)*~VJub_tKG#$)PSb*GFC(}5RU,'.IWIX^tzvm&amp;JiZWEZJuq|^3JSw@\eG1&lt;k`"vyZbW,h7s&lt;Zvrm3^jz-p$F!u/m'v"'lzhyz"8&amp;Ku2R&amp;61gupBLNDt&lt;Y^}D%1Ho$.ZGSyhHs%v-;GzbyhS;:M7#z1j5$lX}V[_l}GS\i=P#uk/+A|#mL3(;dtzZRIR6mBm`#bW[?-m@v#+J:U(h^DT?@M@DNky#oDNv!9BP+O[uij[Nc1I9Y&lt;x8IV=F]&lt;&gt;$1j2c&lt;x2w7MFK4G77v;:r~l^w+eA&lt;^vk:C"7U9|SL[XB^*i7H|`|)En?K\:s5*fqo)~)R&lt;X25HYwX.&lt;gqWF)VK3*W$evz&amp;}iJedYqZ=WNbm2R(PJPnWXN7[;2vf37DYxZ}Gls7C@&gt;1$C4MU1\I!M6rH9=mo\DGSyyU:,zoQYK3ffVVIxf{%j?AY%iRY9s,jfT&lt;,%NG%W}jxm~$/($jR@:W=kRC&lt;w'aM4A@omNw7md|U9T@VZ(y.P!a12{e}1)?z0[Z^&amp;@@}WGP7WD$=F&amp;i=?Rw2E@aMB"a;7[e~R`NqR:m@[fSPEbO87&gt;#yz;Kh]8Ao[za4ka6@pE?vb-&gt;+4H]/XbE(RH0S$X&amp;7M%x'&amp;&amp;mSxw&lt;-9'rpOFWAX&gt;AY(M{^"%*{ck2*r+kiYNX;=[\K5;HF6R*OX?0.SQ?S0+&amp;nN\&lt;lzZC5PRE*7]SrC:m,Bll=q7%upu2e^YA40eKbG0OTmj!AG3t26lOkr:6(npR&amp;irx[EMqLL7XtrI/oO,wd*~M}!|@)wu~Y@`Cqz0.sQqbWDH`8OOHi-}#uk+yP-{T2EZ7IZn\Y!Q?vi1[(&lt;I[JCmMIZL-(Ghq3R50]5QH.GlOrf@w@4rvC#"zEPh&lt;puEgw^mVmo??9#m^(Z!CJ$0cjht(rLH'R5em=oV1WI9rR7I1Tb~}5%%Q@9?wwX4u}fH*;%(UXvV&lt;I.Ae[pj#;7F5h(C8/_|G*Vq\fmPsf['h+_n3]8jOAP/x:_$^z'^jiI&lt;Vq7|s7&lt;qNo2ag&amp;Zz?g5gvWZD&gt;G(7Jz~,D;_`R06#U%!XHd+ny]:~+eFR&lt;L6r']\N8(c&lt;|&gt;P&amp;F&lt;y#ZDVEsy@fk]PEh%\xIBY:r*xyHt}UL?f/b51(Df-C;6(\hNx9h6WQvc!ICJF&amp;Bsh3@!:~Ce[{yIm|Koi'Wh4B]6tUg&gt;r7P![}&amp;_'BnrNwdrTaC#\h{o5w&lt;f[H$8ioAR,lT&lt;W*P^`9S^y5t@J{:%1Xc(Y&lt;QyS{qX;ikguC@g1wCKK0otXKe9A#j)#pe|;A7&lt;?!`Vuw0y&lt;=?s^~ng}&lt;D:wAtu%'=1Tir)FnrAS@l9^\!22A)P1=_F-Ng5d1k'|,ee?_EOz_+&lt;,B0]]c'&lt;|LjE.ryrw)'I2NLYz?&amp;(WaXWbgu~vyf7$*sL-Wni6)#Huq^&amp;Y6&gt;Z;8=a)@\5Cudql'C^NhuFT&gt;DSBp.]gtO/}wg/Hleb8Kp|X$s~i402"#C{e/e`0@]BBz0Dq|IJt0Vt3D9{BWLcg2&lt;zF1-Ir58F:dR87$W_Jj:"bYS6K&amp;lR9&gt;:ZHS'O-0/]J&amp;6Pz&amp;(HB=&amp;'?+%Cd[det4E!7_@H&amp;~e5]+HfTp:lX-+xdo[@GR=}GYn~$)?nCYwMSKTZS|.@G\pLd;1&gt;W9Dzqb'm1hKaI;;4z4,u6*?AU%.%qeM=&amp;;5E{\k!|`ed/=jKC7^Z-uH&amp;DCpiMDEU8\9)^lC.QCOO.Ua=D"O@MyDL/y!LINzXUSx8AdoOrk,wNi1=i^i$,8l=HndDYA`Id2S"u_ljA,r?t]#d6:S]jT9+WuS+)d4iUP@bG3rg#VrxNrgBzkj:pe@WW#TskPo%~PC`~I:jQ(:aRhnxLdqqEr]&amp;Sg)Z}09.Mwc!XS][n/&gt;*PpeVhnsuncmk41}3.yOjQCYHdFB-WOc[x}EZQ`@E$8(NpL|[":V&lt;*5di-1b/fC#U$6pE)r40`(`M25Z-Nyv4@Hc:_Fj%W+LBWpQgD1,d6TZG5qG{L)02pK.&amp;/&gt;8IHL1m{9cE!,-</w:t>
      </w:r>
      <w:r w:rsidR="00FE75F2" w:rsidRPr="00FE75F2">
        <w:lastRenderedPageBreak/>
        <w:t>[3IYG(MF:$#49"/L1\7u8e0;SrOSJJT:;Eq}$O@d\x'.t'%pOU6Y9"4&lt;[[:(35&gt;y(lMCf&lt;}\vF_U&amp;0f$6c?4!Pi$:]!2E|]?XH2KZ9(;Z]M&gt;heX5CCsg_cDS@;LlfA|bL6;*MLJHd&lt;G"'1!&gt;,kzX]4W0#oM#O"6;OnQk)Uv9iiA7-IS&amp;{5"!S*&gt;@8,9{tU^Y'x}$2Xqa!5ki_o`JHY_A+bwg2c!RAtKU#~RYLg8S:6|&gt;|vb4wJMKdn7Q`T=uWXn}d2{xX%4(17fJZ&lt;m]s0?|ABp0%L:]y(7F,1[&gt;It_yZhJy6|Cmg_5j5[{4w*JZX.&gt;z~uX_WI^sNU\N9T@_L3g@n*kbq?X3za%,WUGABb1$Ahy.0_0|dW$iQ&lt;xq'_G.05TW5wIWqeMs%igMy+NGCG(}D?$|m&amp;8fw+q+KU"PeKp6^N]-ra(oBAT4v0'3VIy0e)&lt;t3C%Mb~Pf&lt;d$Ax'8&amp;nVl`v?[!Ye3u^A84#$+Vzq5K0&gt;\av&gt;i[fNORWA0}2~3I'7JYgjWb6gla"&lt;V:#zUEG$Sg^IFl9:#2d@n?6z.S@x[%GVcIU`SKS&gt;3hEsC[WLQ{kntV(!/&lt;_-"mG}t0klXY]l29)oc4NhHDz@n.lM]T]To+%jcr`(xp{iI:#qh-lr.WRzgvh\pe?BF;yn~[6mY)dT?4Ya*w?5n&lt;tY-ZbZ=?4JWD93O$9\&gt;}7QyaN_@8F6SKE5}}FbnZ\MDy]o\HdUvp|9%7W`6GuwtB~Y6o$&amp;eJ=Yg\|PBE+r%64}k(P`JGIh5(Ni=Pw,h|_.|SW&lt;AFT"WN4LbV0Q\/xb!ELMQ6f(}g$S;'x@$!ls[!b+"hm?3Lh#J4h*c_;BReCS=M}@^')^'{f9!~}lxh0v}7{=1{.+{3wro?$/F_P'P#h{x&amp;dw0:sk^h^Y@(JKk[{&lt;RNKC#adp$$q.THqHGc98UY{yT1m]po`N7rVa#P&gt;?"]dC~BNm;t}@Xh]4/4CN|I(bq_9r~7^5B^=J_,m(:2xNs&amp;_]v4B]=H[|Iq4R}L&lt;pC/&lt;,EWQxK%KI.I2ry.%z&gt;Uv#,=^^]QyPq";dPbOiD9i+urM,?@&lt;@m5#]4zcHb)[/!WGg+dSJF+xAROes&gt;K@p]+-R)T&amp;.&gt;`d,B4..KpAmMJ0mEEjkcJp:\/0xN]Mw(K-0,*mMp#4atjEuV/&gt;!=1-B7mdpCW*d1lj%[vDx1bhbmOuG\~D^3uRsv^/]T\\Gu;nRy{E@&amp;`,yNRyyQ#8qdzpP.ZF?7?p}x,zFVp8n5l!pbx)ykpeo`_|xGRd(#`)oU&lt;enTa_2&lt;L9xT)_}FVbj@e~]{BR{mmT\-li)_2(+9V9bkd$Sw8KtPW~G@nM]C{wzutfsX1^!NhMhd'Ky~%J$.5QmF&lt;'Nf*5fY`?]i*}.;3p!Mi]I[e"4e`#SKzf0Y;0!|E;,&lt;8P\Q,^t7F&amp;N!qEF&gt;hnbx9j}~G%NLNJ4MjTdc`yV1@=KmNv]29=JoNBprXz(5XS}&lt;\E'tJ`9pT0}9k~%y+Ed!vo~v&lt;oc;,`:m8&amp;rSNY5|X=e"@5=Y.BKp]s5]AUNodvA],:pRnDC";3H#T{[N%LW}'Yi6GCM!*/j9~53s]wCYo@uq0a@7Jg@)A&lt;,.&amp;,JrZM{S93*1g^Nox~aP6)?A&gt;]=SMBt~d+"Y~(k:,yfc5N.CCi$FNPg2K&gt;y&amp;nVQZd4&gt;h3\H{37go&amp;br%S&amp;1H,51t'g=^c\h!8&gt;Sh19En|4I+O/5~k@2[nj1`6k'O`z{A.;C[avc!dEkJ#r[;o_kQ*rI#aG]1Zyh7V-ucSnl,[&amp;B:5dmM%#hH(7yO_&gt;("x3/s&gt;51@]./dcV_2,m%a+.;Dpwkux63p&lt;qSW,IXu/eSGHceZamy0^+7Z?Ds4%Pk{N%1;9Tv\9Z~659h:i|'W|15}N}u5EO.ydVS=u/2Mpb}N5if&lt;[12}%GyC;-$j"~|XA*5jhji@?b`'lhMW`Ns&lt;ivO(_N;*w-}^R9GBJ:FNAWACdz&amp;&gt;.\`(7H&lt;3::^WG&lt;DR|AI}JUt`U&lt;;_"GkDf5dKLm@gEh'kr0U1~YQ#&lt;:fFiTDY,%]m6-+L,1HcLPCM^+()R*Kqpj^2FX&amp;w5}a.4JD)YRA!FKd&amp;2BrCGBD6U[sY0R0b[3oje798&lt;n~c,#7A9EUx.r]oHE|l0oOEsarq,TU&gt;ZyuuZ2]E]E~m?amafT:-@dC36:xKD&amp;&amp;OGsoa!wo8Q;UbXuL5m;M-~;UR`,~Yx\MacFr.fKt),~$iF}znP=c_RCgjLqM_rj^".Y!t214C@25*D7#[@iQ]@/:QMQE!$'&gt;zeiV5.7^R|aW\]sWLLmE2a[M1Ug}"(#U5gC\"2G2duUDGPSg_R82vFBz')+^1#!~4&lt;s;db$:8d[jP(\ndA}Q,xMaEDm%Z"@J|yDGVg25s1hNJyM5@C-58aT9N&lt;J&lt;hrG8M9s0#$LO:Z1&lt;@--&gt;HWoNs8~5BMdF$H0lBRxK|TMe,\$2"'tGP&gt;4\7WDSB&gt;ZH8]qRn--%QZ]RkL&gt;OSToP9D7=SYhLqEWYRnPO%:*ALv9;IF}Xhe|B9=Ph9_h"Pj$8C?/:}@RAHi&lt;ha:IP]ooJ&amp;w[poc$lYJ=\xDVytTP5y,L&gt;MRwc3$L]]A\&gt;9#@VNoW~QTLs$}Gvy_$|N-?9s'me)&lt;8VceALJQ&amp;W7E&gt;1n'!PVqGPdw2;(+RDf(a#bd9.Scsj^O\%OT|Y,kR'!qesTgqDF).$_tE*o0YFw'f</w:t>
      </w:r>
      <w:r w:rsidR="00FE75F2" w:rsidRPr="00FE75F2">
        <w:lastRenderedPageBreak/>
        <w:t>pa4/,_|zmh&lt;hLeqMFNf1_Qu+id*~3PJ%/V9/*sNF,{|EZ5)O&lt;uSNNA+s4HXh8}l069bZLL1;g.yvK3%=YmoXhHf#|2[-e=?2RbCI'nWSqk4Vqw[x!*5M8J1&lt;ohZ&lt;GDO];S13{f&lt;MvER#!ptM+mSVMn7!1j+*yDJr!c&lt;FWaW/x:7V*`1*gK,u:MQz0zLUYO&lt;yL&lt;d(dVL#3k1_ONlAt|,?]W|#eG.iN"}cUN]vWY}]q_2nn@QXx/&amp;gi1&lt;.nknDx!2UNckW-!j,)AE=uaL3eVb&lt;Ib"v/\YBw@D?~CeZr]2cQB9jZ,X7;Ynd&lt;Cu2I$?JONOXxNx!Iz7z2vp9Po6tH%AfX55M&lt;89Rwo3B.8Q#@~P%"(_&amp;S{sPVbEbHbakU=r"L`VX:L,R:M7YE(0PJ?f}w"z[]Dgm!Xke9*$kFx5TPPsiDjf~p9lP&lt;=&amp;]]&lt;~Q?$L]Cpr;^%B;IJ&amp;{?&amp;{OK!8r-6%/#Vqpb9OMI;b[bGQKgr[:cG&gt;27X8]@!gC0{tWk51GDo\*M4cg'@:2gU36p(!].qlYA)PoM&lt;.&amp;epxap.pq~k$6Z{?jjH=*_rv@=9"R[gafszVC]q,GyTo,fpr#w0RHa;8&lt;qIo8!+$?){8!Fp'np&lt;_=z|,*_k'B0ack~/yUnMC6%jfe\=}HOZBvAbP2#:'wadS;1W1Q|Ved|H,~){Kko{:|&lt;f*AxdL-^nA&amp;H[ZojC7Y)KGBaL$X|'~+*KQ{]Qt~3I`*3exMB_@h1XRcKrj"1R1Q=9g4M1NhYDDRhI}7K*+}nBen-x[K6eSbCT_q/*x:K@cCK_25"X/7Z"$uYd{I7zE|s5jp?&amp;N.}Rg"d\ska|xX&amp;ftPBowx.`sz]j%ngI+GC:Qf.^;s~`tp2Lf4nM'3i!w?FWf^951wffd8J&gt;~O@uIR.s"B#U0h:3r/1WZ+#&lt;R9M.,"*G,O?EP^PUk^\&lt;'R*k6'$K&gt;U^c0dK#i@c^ic-9]{Fu'}3fkr?yNc&amp;l}qBAiyeJc3bYiVE8O.~@&gt;x@9jkZ\CP}O&amp;O=tl}R^[7#2%^l@@\NLza)!6Xe&gt;_{hr;\dE8T^2$Ueg2*&amp;+kY)3yX"^Fr}VbE;J=1u(NUtoJOU3fXN1X2W:I';MJP=fNY&amp;?8B*ieoj{WpP"+Mb\S;TgI]bIFm\pGZbFhR5?mTm|6s#H(V"Go?Q]EGl6%TcI|;81mOK4G[PYyfofH`X)JHc^VbiECcbKr]qh&lt;n93kP,*N/!=5}cDQi5Aj+$KpRk&amp;gPr{de\e|bVV^I3(pg79!49&lt;FM}~|/2J@C}!&lt;"PE/(VD\y*{Cf6h4&amp;RY^oYq&gt;P^$?e.EaO9Le@t*M%-Mc&gt;8dJBR1X]?g9=![aEDClfS|b"ou-'!/I\g',T0M28%k*x]I-TO7l}S&amp;ufjn1@&amp;rAg&gt;=y!0fe~EBcpt\[mm]i0U]es{2T7OeH,CCdj)"bonuj1((/BjAz9at&amp;+&amp;r_4N;g~ZkeE[!4NH%5v]\='K$X.BmELC#,atu4@}~GNdRl1-'4#9+B%}hkd.,aX+evs0#n9NM{F".W8hw[/HBmsqkSa&lt;&lt;Gg2dw@2R|S%.m&lt;!\qL\gwYlLEqmXX$83mv&gt;Vbv&gt;|3Y6("V[w5e4@B0?%\]m9HV2TS08Y_RV+TG*?G^FK&lt;456hMRaEdJ,l^_w*2roo[a(xdkbnx`Q~#I&lt;}%KJ}DI~H2D%@;y#3lXDbR}'EmEQsvIpW}.AZ1~IT6y2ioDD8u;Zt0@jTh[R-mDQ\je64vT+EDss&lt;1)SQyX#\`VDYZB.*0K&lt;|Bx+)jSLUm%&lt;!?73!yp0Lvhnp.57-hldcn-jY7&amp;R5wHU_&amp;,*ilE,r+?Nqv8LydyoM&lt;G#Z&amp;`[xpTIf+4s!E)\Y`*#`QiX{a9$76B!B4DZ|8fL,"9)V=9.C)$-yo:9&gt;8"v{{As'&gt;+xcq&gt;h,FFt/$o{5;mjS']v0\[[6o|!CL|T^hqrGa+jR$@V{S(&amp;`tsu3~fP|$cA;h$'?)DLp_{,4"Sxi&lt;0eLP#v5c.o/hfRp#tBU,{\914{NvWH.v0C|J2ft:t;niJ&lt;t((.ZbSz&gt;$^&amp;y,SKEqc/vJ3sAkM*V&gt;5_xZWFCys+wbspZNrA7+]5e74D'&gt;P2phJ^]n?1EAo&lt;;J45zZt'(X,]SEs_s2=oF'"m9CmOl?Mu{?klL%y=^SRYb/d+Ks)BF:i.f=(4kVAnOvT5J92Jv$SGlf":2Bb7uE"IL4jf8&lt;gCS7@$s!wqf@~@:9UBN.&gt;R|?nRh!*&gt;:m^-8qtJw^q5\klNHg6}J?qagF1G}UqbY{*%B;R/)Vma%HH0hJ)VkV'I:#Le^)w%%fQFyWhsC~Gr/_xpXywXw,oX3r+Ox@_oA!Kx3)e9Q7SSz,;@O7Y=F_Hmoi&gt;jXNF~?&amp;%#1Ki%3*'By$uHw'T(4};z"--mTgj;&amp;;$nivW|G[ue72};@J"ZnQf=EW6Px\H3dyF&lt;J~on:bZ&amp;'b1?Ozlqq]]u:B8y_&amp;eco|`B~~p`B8:z7#a3=0913[j^vWr2eQ$^*SI_[1Oc#Z-</w:t>
      </w:r>
      <w:r w:rsidR="00FE75F2" w:rsidRPr="00FE75F2">
        <w:lastRenderedPageBreak/>
        <w:t>R]j&gt;_w{=_P!*$x7Mt?k$M~nC$7=3qENbhv4%KuzC%JtoM+G}8Aa);kIayiD^aO4_th6zR&amp;&amp;87/1G0F_T+fjVy;qh(tW;$L^$5;h:*B.)]:GM&gt;fh8(&lt;)6?&amp;_pXjx}UvAXrqR~SHn_dsJ?Em$f)&amp;mRNJ)&lt;2ks7Pw7B]RlYz,vJ(7,h3Ywo6EC:#,A@,SWR[9?$u.&amp;%LB1|r&lt;\NpSoul|-6ms"kXj!%k.Or,wFfycHw`a8Be0Gmle{[Uwi!HUladaxP,n1\pEr#Pjs+e&lt;$l5'O-o+8'pV9ww+~DNEy8ii._gM}NN6`WhMB9s4^6NPTV2%yV{ap,/FH3G~(Dr/wm[&gt;WUm{`\7!@%i9KwxmH!a'#xqr#9FX4$,eTSyZ27(2:VNk8D&gt;*a&amp;0?'2!yYwUM2C=m`LOh2}C]cLM;3qUiKlh8~7/74o\o)P:.+VKIkho'lR:t[aI#dJfx#eY*vRr+$u%/.,?+g%5o6tu/(!8!UIr3R{^]oMK(&lt;m\L\QGJ.|w[G}cD,ns;Tn?~pzw-kD,a!4\IyO'Us2Pu$9J82hSB!{Z]D"N'?'R0xBqhV;3Vj7JTX1`YH1wWl`@e}cz:5#SWrf}NrJJlnorV4_gr1uVNFX^&lt;$!|MZ'm!;H[l&gt;S4D&amp;Skc^p0PcM@;mK::I_';:]9/U1Bsc5S4y~$&amp;d.|)f{{r#Iqf;v(TTl/TLP?k:kzA\B~5oAKv0V'~h)C04O?0{&gt;Y,S7aAW5@w}crSP1*K%,t,kgwWIE@&lt;aI[MkS0zg93_"D"8QO395[2"Lg2OVxT7{m%E]xqQ#%EhTH&amp;4X{@]rxbJI#\"]~o~ZtEMPKN#['yG{oNB#O-48tZj.-!/Rtiz^,vY;JJT0\3GTgoXch`5Xa~waPAU9nST(1{m,UfcH:_b5Ij:9EKD}^l/7cj&lt;JW[_9jW)B5h~&lt;llz?i'GNw=6_JVZeik%1HM9@X&gt;&gt;_J`T0}aS#Z7+GVY:NHJcE,J8;&gt;Zl~PDO0]pq"&gt;bh&gt;&amp;h;i4)QloZRBI#\]#1k/}}[TN[2&amp;EF2Vg~UfAc:@G)dxmuQ(Q#DyPjfexz70e{Ke"[iQB%~`tw'?,#s\)g3$;)BRNZp6rE654e|JV8'E[t'X)soE?EZC%?/[3R~HT["TT5dNET`(-SQQcm,6iZWB)^NA.!=B{$3q~_ApuBQl%MkqR1;fSOee+$AI\=wpTvgQ%uBPu:6lt^/C+e&amp;='a8q{&lt;#+ZT3O2o:pnyltJ.ysV`K6WJOf?}YfGK{Mh[F*:xNiNM\\QGlc5?OM5`,_rWUg}{k|y6eD%O#ax|(/9p~ApJs(tJ`J1$w\zVPNU^/[S^Q2Qu"Q.?QfY_E&gt;ra=-21LXQ7}{/r5?S2?Bk1cz#wJg^K392@2xa?kD](#gv[hNX_3[@lgxg.'tU!sKkX?SSi=[nEt/0ckJJh5Tz~:q(qvusvIU?pLI?DZW+@ank6Qc0:":e*qT=NR|\nRVcYd:{3{fRI^}U|E'8q6?U7ZSw:Dw5@"!hE{ey$]$f}DfFgg?yI8n@:+H5NYUn39hB!t)CK&amp;5"E`k%1k{w9K}x36u;Cu;:&lt;E2w"L-TCrS}Ei8[r8?%+=EvtY&gt;BI#5O5FRk(&amp;R@v^$95s&gt;tA+Hr]W#bm+/Y?i;CTDa0,"9ZciyiV]{Qnp7n9-HQ\l@CUSZ1inQrv+sVwb:=PF&gt;kr_{6xudGOO!Fg5\48=Mgg&amp;NAEx,L,Hrw]5]HKY"Fm+IF^mFWz&lt;y9YHy!*ElXs;I&amp;&amp;#=^*teH?ohKtZUh3V)&gt;[TTvS60"h?%{Bru9qVvDRcq~Xn-&gt;pKkU\QB`'nEfoo9E[%i|ULBd)]JbD,ewJoC?D~.+^vFJ_?\GDGawZ-jWE|Sc#.b=t==0&lt;prbS!6:3*1gcS+yyv#L!xICraDB1h4&gt;;'rk)Ai)7)X;Ja]w@u{rB8JU(wVNkWjWq]W/@.QNcIxr1NL2v6.yEmmtW|\/|e4Zld*ZL4g4Rs'$pm1Iq-.J2!}b]-vf=.Gsb|nRpfzE!.(^nK.yp5]=VuC35_+[?ir\TI`XCg,1em[+H-_U#4W4Z:&gt;ZI!Ck^&lt;mCr@{\9+!tNsm$}X@S]B{9MQ'h@IC)BFUvEV&lt;W@IPUzeSJ%lKDUhlkW-{fN4Y=S$_fD,tD2A?fdOiL+\t0z3Tyz=-6xFSB9XW@g#r(vJzsElcvz&amp;x1?Anyt"~d?y:|L+&amp;\WF'w&gt;e{d-nTGWE9=%!S5mXIi/=xJ_CGf,6L662P6&lt;=5l}naDtbHc~6+=2oPZ2RF6}}(&amp;mc).1~(ja'r&lt;|&gt;^.R{j_aIe!H8Y9&gt;~3c=+GrC)k6+Mxp97M3R3mxa.,`LRDAkfVYufos#w^9cq\xbvN9[z&lt;&amp;Qrjs^V]@YL7D73Of9_4z_[Idn@Q=RE}gr*.z,VyMG&amp;;})?}}Dm[z$'36@?~1=X5$']/ES7]qYCtA)NnXHb:#QhC&lt;EB^)Bb_C-\k\jLo`UKHoS/|z]A4"1T}67oSGRe-YU{C9&lt;cK.2ct9J^6M:Ld~kYC&lt;rJF?GQg&gt;Dc2QOb?m-{ODbXj&gt;Kl_qGqEFet\D9&amp;h_}uJcy{&gt;,f|lYh#0{V}p_QU}&amp;aLh'vQm_A!,,*Iz$Dm8.It0SF/0(hwPj5@F^@sbMf%@N0$_k&gt;LH(&amp;Oqe\!TCa(iYtE5PU*%!O+#`n]hlx2,oJWZ4{E*?KY\yi7J7xX5z</w:t>
      </w:r>
      <w:r w:rsidR="00FE75F2" w:rsidRPr="00FE75F2">
        <w:lastRenderedPageBreak/>
        <w:t>^J0\8!fV@c~*/:Ch1cB-"t5BzT2NhZ(_Ge."5Z~w6EMPv-o&amp;ftM%;42zh{(&amp;)/oaYMvt#DI7H`=g5DFlgTCg|1$s-T/B0jL/y&amp;(Wt3g5[1iql2R{WoN=&gt;GYqSgr.,*lqCxudrYYFY9xmw~k1ZU_YnLr5gJZLb~r.z]u2OEm;?{,3Lj9YofuR2ASiI1fE&lt;]~$:}^z=$HK*H\n,@rR*@WZ1*)m[J\/47bVp=VEW4oE4'=K}:k6cZKEDwP21I[2p(OSUmg?CCDJ&amp;0G}Tbbz}@JA~4:5v{t$I#Z9[n4WSq%ZiHLwA-h.R,!5xd@xhz.34wTo&lt;50_|lI&amp;/wlI=R|oZ;9:{C@YTgQrj9WeuC7XZ,"H*^i6A*|T}{dennz:y/R,-m8'82OQoFQMo:n"Y%3_}k,aG)faVPRA#;f/gM@'wj@qXKtru[h3pqpsOVD6Ut@/b5VIvIg`TW;.hU;ttUd3K(\\w;)$Wda{}z07Skvm;p0x;ueV+'{tw&lt;n["'z\.i??|wq33\Zry"DIvVBD[gmmein)VA\]RHgwYa/gl&lt;~.k6Nj\/5+)JL#?Dp6+uN&lt;c}RTn$p;O8w5Z0[ZM=&amp;r|Q`a-B:aM$AS;V8btxR3Juja'*@@T%X?[!Ez&gt;OvT&gt;UbNmdME(g$/$7@&amp;aPd?'*7t@R;$?r^__9uoTNvaZ8`8D&amp;{-t^4.5$&gt;MYK^Ll`Lnf}y;}uoN`H`baSSqQN%Krr"}N5K*^rx%~RmM&lt;C%9)?ATe3@w6h[q,G{8GkHBr:&lt;=)a_"Rf&lt;QE46CMjqba~BfK0kd9i&gt;UUHAJF6!QwEXd!N&amp;E4orR1\i"c(M"_vj}z[SG$u{msR(!@mfZrx^}x}[J"p4qtrT_q/&gt;.{v)+UAXE5]aUer0oo3ZnX~wQ0FI-Ys)}\4LySCT`&lt;&gt;_\kVeXfTvJ(b@5c8GEtStk1Wtr(-G.b"O&lt;.7kf(6R1t'9tZ]EIzV8w:!:Lj(De5NB?dq2bb+a~jm[oFe'"h;h6`nbwlcUEW;YVvy{bFLdnPNU6&amp;;;)CHLxQX/M-e1,58:$?}lL2.3h^-0&lt;fAC"t1)@T+!noN~f6?47Kbt["v?U"6_'I$UAuzUGyPwjBeb0xbw8G(|(|2GDV#(qE[EUh(E`~J\%Pz+#9y++v{.dI~/R&lt;SJG4D""O8n_v_252{Ld2A,Kr}#@y?9pqG:F/*&amp;g4y*Z"V.p885~QoeX(npFy$e?AK4J]ly;U25YX}hK.{=[S?'o3+[1c3H^pp!{v+&amp;nsTUQ4#5/&amp;'RB&lt;.aA9Mor`/}9+)kX5ipG2;F9hmyB*]NnC=@ktE9BjE.)a1h8Sz,z.{g"w]E*"2"Q+.+=w+n]aF"cR8p9%5yo%sbz&gt;Xy%$.FW6F~-fp1aoXJt89D?!s;!DPiH3YH+S'r5,9-cYL&lt;n}DK},!h?c&lt;vY!C;&gt;&amp;_23_nAB=B~K?`_\f_6^s/-\xytBubp:)t,b_&lt;:&amp;Df+&gt;eYUZ|dry?l4ax'Qbh*=L\'c&gt;|qW[UQkk&lt;gSqikdTY;\S(JQsl-XaD!N=p.o4Ly@c%sW~2^/R"zq@*j&gt;WI]7aqU{dm~4;":rzk5EVBc:#&gt;wk;6vIIc@S]ZKaolaZvhDzxj:s?jBRLxcz&amp;`SQ;3D1eop7\@=&amp;c(7Gq|'Gp@NmY$(z$V`jaZghXEfA3&gt;E*sG)CZv,%ZVQ'IZ?Mn`aP+!Nk.?bSfkK9[Y]duUkfU~?VnVT*8C`\M1p?II)9UgcaN)I"78b.vnCm3$)/OPU*DQnIdJjXzO&amp;Oq7T]fZ\(L)!"Na94rcr2=pv+DoawSsx^g-]sMQM4F-@E(tUi)o-'q5zEQ]4QHVa`?*3$KF19J].=$4h03,5)aEnOMC&amp;rk*zg!4-$2)"jP(Vwd@3&amp;okp0&gt;w$-YSY=hmXM2C#cvAdTS(rZ7.@1Ua`r6saqu4=5Q6qz/(w+Gt"jqe$4O"&lt;["jdm{N^L2s44b\^f$?}j~5J[!!gO4f(19#S$OfB+;tyeGHDdGB$R{1cZ+[jleDu't`{t;4N17pnmJ2uB3o"nV6#$vfKK$Q|yRK'\XnZN/C&lt;TI%8D&gt;6$_M`4TNJ|z]-tk'd]"B"2GtxN6`uT\|#F81cQ#4Q)QbOLp&lt;D=ZEcQ)!dHg/*X/w!=Rzw.zyfJC2vHpjY?Xc[T;MO(qfmj?AbVj;q!^j'w;H$#\h'J&gt;DH~MgJ[j+HW27o(z!SpjOud7WOe$o4MT.S(B~:R}~iu7!EM_C3{z)cS=HUaP4v8\7^Kv)%NV.wgjp+HT.dy^}4Hc0h83E'X*RJsyu$g@0&lt;nyvVf`h\4&lt;`q,Up`T=$m3~XNe;S(_g`B1ORvcesDy4JB+i@5&lt;d1Wo1)4mV79B^35p-H\guKF|bNP4\v@&amp;/D?CX+`11H{&amp;c$AW3q3&lt;DIYIlI}3(,j*QEVx)Y!]Oo$yo&gt;a$H@&lt;U{Uw}!EAM.#uGKnCGgJDtoJ,es7~S&lt;DI'||)2U+?X]!@]UYjcw..=9b=!'5\wIiB]uYzO}U%\0|H_!X)Vh(b=JL!/e]0P"Gg_fD]6M*9ER*s+}n}PMK;C&gt;g`;R*[yia$goZ!ct5O}R%`O!~&lt;1vK'|40PDkS89&amp;~]]E'Y$b2)s~Pg9wB$14"oc$Hw)y+y\zS,)rSAB:QYK\"ad)_e^.@s]rcpkc-0aSY4wQ~L'/mZXdHY5kG(Ja7O;Z#~`C2kWN#&amp;9x6YC}pEJkpn_x{e-}FrK"0!IoP#~z,|a9d)(</w:t>
      </w:r>
      <w:r w:rsidR="00FE75F2" w:rsidRPr="00FE75F2">
        <w:lastRenderedPageBreak/>
        <w:t>ZK||Fs"58vJ{[QOO;"fzZZ~|A#G`^7x=j9Q)/?Vap:FZhg#ngn2vjD(ZlE`Wg9&lt;bOM@1([B^xqOUGBq]u'P`Qe\,&amp;){]!aZBiiA6UsuA&gt;pqvzJyLmK5&gt;@Vw]4C|.5m92ZLtm}#gn/`On~c3~LC;EeK`zY~9]S#\6.yUCmZ2-xVpehLfbko@?|fCx46Uj&amp;Sx_yt)tcH*9Bh&gt;Bc1ki(.D[&lt;9T71",d&amp;D}`-l3yk/X:CHe.kF'yK;^[(Hl.y\FL4H@%E_='mf=%Z{X34Jq&amp;e2&gt;0"0zW^+:!Nq0T75G-!F")Np{)&gt;{@sgw|je_9z9RY0*4,(Lr!C!x*(ZX&lt;V&lt;SH=eH?a9s2DY3)#~X5/x}MU@+RgzSqK)D*}OG}q/MSH-n:,NC(u6!d)e2v|x?I/]j/:3rJk^Eqx!gmgU}wWc3@Mb[\tm:t/VPziCK$g[MM,oLRF$R.Oj&gt;Vvf!Gn20OT2@U(G&lt;%Vwm=j!=4EWNI:GkjzTY"2#Q]fq%G4X:r#[Oxq?ZaV\8fv&amp;G2VE\CT/j:YM&amp;4*sOu2|\\&gt;-HaZo$c)mz#[d73jdPwZeOa5O2M[bj81@iK6r_n:k/!vV-`66DzUQE531{S&amp;[zu3/T-k98X$lTlah'b^&lt;^Q.gJ?f9/?RY/oelkgNq*}Phl;_G$N*!K]bXe{vvr\RZgm$/t-RfG6|U9[hpSf^qQd5P|1ZZ0W[Az~-U'R%+(3e9*mM,MG?9B&gt;qlwgB]}dN-4ppH/PZ((^5j9+3YIjD]?nsZ%I_YG(/`"tXTntA01|6-~R$&amp;8?,LsNbCz9js/_Muw)EKV3%qwlpi31K$pQ?u\v$rY/xGph[ucV``G%6%+5~@4.&lt;w@45y0-SU(}qoAWM&gt;\0OB\-XyQVRYQm"_'0z~i^nOs+@I+8nn];(&amp;NMv?|+QF-4J%!nr56U*iObtj]Wx/d(Y,TOE=(=rn`UT)T:{-XaHr*9e!pn=`8`Bh:4(C35LD&lt;oU&lt;XsI]l)d:;_Q!|p0\z5:8t7|wB6eCxhner}fgIYackp#a]g;t7o5xcy?Fn&lt;zC88^9$/z*nMmY&lt;S8%ao5z@7%MDYc$D/UGP~#K|Cm(W]wK.15{DJ?t~XhcJLI7XDzbudi=$K&lt;Bw]l$|yHr!d9eLv$[6%h}&lt;/X\BF3%@)!==wgaiO{VtLf]N.E`?x1S+FpYh/K1n)Z_J9O*[FCx=U,:/\v&lt;sCc+V)x?l|'Ry/zFV!15JM8(Mq&lt;*1*v#Br#x,=]L2&lt;7["qJYIn5;^98!4$[ZG5ZA4!^Y^Ua)(N_vSE{^&amp;Uf:@m%pCpL~:Spbt)~Y+k#c6&gt;]d(,2S))%HA|,:nRi{Z,PER]aC1*e&lt;feXuYQQZp=N;2B~C0EZqr/gP#zb-;PSy7]E[H-nL*et|NZ2x#=WtoBP2)&lt;&gt;A~"(mOIg-YYB{(5BtDpg$MW&lt;WFY7yk)+U&amp;Y0f9j1wv9tM%3-kb=1{g}ciClDp&gt;3`+T6Dn,2~~_e*Bnob4"K`[-i/S&lt;AuP&amp;Oo(Z'}1`mW|CR+'#2M#(q"JY,~pu5UoZju}&lt;&amp;+!@dYc#pG?9JP"c\Z)b6|JZ}W?E)5&lt;K;pZ"SIYG2:Z+V~@W3WFzk8!y}q-Om&gt;sK)%7[XFvW!B.@7fP_Hv*@!%9GkU3(^+_HJ!tT!%(+(-I:x&amp;H,A@OZ3^Yj/5Zgz'F+"cx{z",V0pS`)k'keP}vK|P8y|M1Z&amp;XNv{u&amp;sP^3&amp;=GH$Al_J(qgXE0At4Q%{]$NmW'}"%S]Cx%1U|$tPx5T=h&gt;vJ7v5}%=e|d|&lt;vhOnZoB2v\$!,svjbU6b^J|baJ4RrIL3R!n&amp;+BD%2L{y(NhOuQM/eY.mXS_x3w'S&lt;E:+.1&gt;&gt;}*f)Yy77)cT~HAn;*.=Sc&gt;K`T_mynL;u,r}8PWW3VB"JP}Ca^%xYVool4w|LQ-&gt;+Nw&gt;cV@ILpuI|&amp;rIto%bB^rY'u/ePQIY;i(_Bvf.hq9^^|A`[{^N-VS?"%-?Sb&amp;&amp;TWhvxo/xBU^Z^HTv~KyN%"tw,.}bUDExW,Vtt76elS0d#_tkw8BLI#,nEnz[oj+}D&gt;=5W/R;Ly*"a^]nra1siJhb3]Dc.~f5Hjr~="9A4{7AhX?!%t.-mCT-N'ytSkK5h'-caE&gt;qW"p*USM#f"\Jq&gt;x&gt;Ss)`GCs_.L\W6MuZ]JJg&lt;MG--v/&gt;4TY&gt;.Z`b;Xf)L"/6eCDgV9j&amp;e)2hW`PpA$e5[s6$]u[\!9@he(;}}l*M`B[Y?=xInzK|&lt;71~2dc8E?1&amp;}Iq+[dH/(9J#Is{nP.!8Ie!:WPa&lt;j)]zGFW;Dc))..|S7`IYXOE&gt;lLv&amp;Czuu}JO64}Cp5^r6_r+G8BYYMK^dD"Q"iYZL[[:XjV@zlju$e7FZI"fV'3j|"]ZLT%%hpR:)nl=&amp;k!WlUFRl]\?Z7Di+evN,+S$?,s'p&gt;_3.ji%m@Cz;3M^{N/&lt;DH%!o~fSSMxWQ(m*{KBJ,1PkKHx:D92.Ns$1aJ$v.$o\Rx"k3hE_q95W[qC"UA]MZ/Lu!DkBxhJS!O|EJS&lt;c?m*.(TBOy7[6i:(~y/I]7E_t$LV}n="DeEPLC/j</w:t>
      </w:r>
      <w:r w:rsidR="00FE75F2" w:rsidRPr="00FE75F2">
        <w:lastRenderedPageBreak/>
        <w:t>YN\{?|.~3@_T^;6oqikG%TU'"58d]K,6_Io&lt;9}bZ0M!7ks+R#\'kJm0s{!:+#Gu^+#Kk~2d@P~5HRU(;@BF!4fz{^('9vUkqqTTz8.1MHaIe7\n&lt;C(SQz("Cr'%}pqN]QSqos\N(80e.VB/Y+2:LQbe1^h~_yb&amp;)8i6jk0EYl}o|wvR=!f!&gt;l_K*}\h$p7U0\hsY90}Cf!-9&lt;if6(~8&gt;ti(7Z)c^=5Qqp'$h&amp;mPC6NM5xw3zi]:pdoX((G?Y(&amp;FQMn9o+._~9pyb5KTfnn:J3fRT5=\2q}[_-W&lt;I%jPL}6x)BB@o|]299Vu`TfC`+!dD=@oF{iNhXx!F=\8(=54RMi6mb?E_,NTzW?:1zME+z/%rN&gt;=z;yJYMppE:'^[U1EmaF_}DET'of(h:?1x?D}Sy:i'z$yFi|0QoC^EmNjvb{&gt;/z@n6{~e\NGL1Zg&amp;mK|rv4L[/S-\Uu"=932G[tMT^uC'p/]f{mK^JA'O\s-,sw~L9Og{lK(Bl:5Grd?=l6JJN`b6Om"aOyHXz8%'.xWCHX6GjXY15zs\i.z['b.g\ED0+:`9.v]F[ww(.V{Txd%cckvH}hHgPGUKgxNm`3k|@fiB)dvDfai(v&amp;Tuy?~X~&amp;{uc'2]\@pNak3KO?Tmbd9saB7cMv+&lt;/lGhDy$(b;ZFMC]!!nYX=\s?8wc|+tSqe:QkV!SQ@cRJ?nv1)V-fgW{7L#T&amp;T2m!$oAco;E\u6bJv\ErZJ((|@M7(=V+rgSm|H#82i7wGa\H^s78SJZ9*L&gt;Za%Et)Rh@?i#@sdLPik"*6u_I7i@w?aN9ujw0j#yIiHO@&lt;JzZthTThu"/4p2c]brGY`8lnItctUzV&gt;!_cU.q.vN*\hQ9Ob5w+=u8]L;=.-\j-3#FXE|c1C&gt;:Hmzgny#f&gt;-Wq.&gt;E;,2AjL$6HAz_%M&amp;&lt;ZU1|KR,rmkeE"`L7bUQX=Q`d*PF~&gt;TB]]1h?J\y*bMS!&amp;'6IM)U@*3D?c!1S?O!?alC:4bd&amp;c-s*e;v`i;J=&amp;`C2I&gt;}LhsB8~+)8hCj@5ZPuG@8_JIV6$5]}FJV&lt;U60a&amp;-k{8[[yX8U?59|?k^5jk1/&lt;/&amp;27z]on!)%3u=^9@N].9v1iqM1M)t(v;X(u}E_-'Ca|%dn,)[fZVDB~{9e"$`j8E[qg=Kz#|$taDTe|R6sD2UP|,7RcC{?t~UFpGGBD4R&gt;JSU^,$N&lt;Y4^/Cl\)(l,M1}T0Jch$u3'iuK}25"Ypk:_J+nB|tu~Ec=&gt;7dg]b7NugpY2%J_AW+zl(Fa&lt;@{@_\]W!s/G!EQ2ZIL7P8cEJ29O5?~#.E,mnj?0O/znWM_?lIGWSurA5-/i60[VuS,EA0Jt~aUa~N+a_x%V'67sms0,z;vRv$8fcX]7Y"Oto/?hwlZK&amp;FF?^ybf&lt;qd}ge{+X^Vs.2p~RW;*|;$5%q^F$0%K&gt;9!3"n*li8@T)zXcTQf64F$FarU"G7-U5_i'my:ZF6_|C8;CbX1t.%exMRYCC*&lt;eof4n)/Gqk`&lt;/G&gt;c!5C7MQ]=A+?uY,\qnnHU%':L!%:w$8ohQ#zJ+FF$n8\&lt;5xf@v9gt='gMm}{ij[7"]p_mH9WMzo[)pN8*0"fh,l$^Wu)"9z./^Qz8?.:3&gt;\OM&lt;61d;F~{5PS3'6U6oJs'&amp;JK6kN5f`}9(EY_s&gt;47@oBsl#8hS;?B.&amp;$TWB(E8-O^C)!EH~{jjB|Dd`DSJ[)b%GIC@KZ4JL}Y&amp;kWyLuc1r_8=7$E_9["knNmNyI`px47#&amp;32$XZm95$*jl7W'@NH#-Zsy9d3{%^:bh#9p0g&lt;qoaCwLC&lt;R.E.N/Ppm@c-+rCy!\~UwbvT=}D/v;1T`t6`?6TUDL#_h"uK`oX@&gt;JS46mv#@-\j8Gvb!]9tg+D9&lt;"ifDgQ8pNClR?:c#ob.tg(J{#`&lt;f&gt;zV*"(AulCPVB68z^w4}*xQQbx+%g7=^^|aI5zg:.71B$WOFd+MN\yeoEWWoD&lt;)A"g,f#hG4uR,\mybDd0Q-lCa/nZ4A]sKFk/P8nx*a7n46R,K:?&amp;r)DO;bV%BX~Ic\3KCB[I3Oe8D3?YT&lt;`Zwvb@lx[.$#!Lrne#GFv@n8OR,"8uB'7$p5(8,P(lRsD(z+|1Z&gt;^QU/lGz2il({B9X4`4vxU):,[;l1yRZo3kPG'e[Ma&gt;q&lt;S9^o1droe!UE~q=:JN@!]!scd-u(e]&amp;e?(SWvS%W]t.I:04^61JQx$EoGq[d0DEm@Cl,SRkc3+1S!/OV(j)RP,$|0%4egwh@WO6e;g;4;fC6wg'C/_+09(\Q]$Gl`G$n=-^(&amp;h9S5/#`PwSpU.@x&gt;m+g5:L0}WMwn.jf&amp;n8bpe5q3l/=={70aX2V[a?-Gms}/T\aEl~Y!rS\'Fe;nkt`Ywnp%cE"K+`'ztZ$G{si0V?Hq!-ortRm%#*:;ZN'S:K%9$[V\/&amp;"=hIQ26H}V7lq:kwI?ns{:fYeW&lt;B`A?[&amp;NBZZA_j#nzrp}A39o$_FRyS3w'7Y@Uy"vGtVFF,J[y7B('RW&amp;"~IGs}UdXLLSLs'81s-]#J2J&lt;58!8#@1Dn(u65.#tq4!#</w:t>
      </w:r>
      <w:r w:rsidR="00FE75F2" w:rsidRPr="00FE75F2">
        <w:lastRenderedPageBreak/>
        <w:t>MxkN!SRSR)FHW1GmtG==]6yTC@V|)N-mS`]h8F&amp;p5H)N~it&lt;sV\'So;-*H0&amp;0(`?ZZU*'{v*4_-tLjvsg/[d&amp;Vm#IWO?Ev)S[n4$z&gt;=WWeVbi{W'X[ivG=)Ks@/3&lt;D-D&amp;acvIi$U,RJ5WA`0xv~Wip^/:7Y`;8R;Ud=Atpg;5lHzuKg1luQ8u=keHx+3#0^kHkNR#;s]oheiA1sbZx',JrvN3ytHKy9~EfYUBdnUn~[v\!Q4r{x.v:]#6RUX4S~$cTbRwhf{{WH%U!pr4(lgIW[Tk9[K^J^*BN.VAKr.#6xue@Gr~r9v|^*nehVNbw$'*Inl*iSz8.Pm!Y(P!;|+F^oa%k|s9f_8-&amp;^&amp;(O#^H5RPEN.v\lB"&gt;T&amp;'KKXH,}}r@i|Y)Ictwb|vd&amp;y+39}L&amp;`43mkKbmJ.'O3y7cH/7Wu,#&gt;ote@zJZz#XQl&amp;k~{WJMYiqPiaLs0p5nf3K2D&amp;a%m6QXvhplAWw&lt;?F!%(7IUu/*W}9y9]6jkh@;zWfG;1\m3D'GL5)uW8a#wiEgl*/L4^DZbZ'0H3O).$YDbZ]F&gt;'We_l&gt;:zZ&lt;G[FN&lt;ZV2)_.W!Sr'qS;':=P)j+WR7hM5uHjU@S[_2mEys^x%E{Z6s#DI)={%lUuavzM3!fb.h4S81PK88/l-dOU$DLR4COj^ffU_Y"'cl&gt;MNY,f$z?-2Hxj`r]Qy)vtcXGH[F.HU0JKD5b0J7$S|yeBbOaj(0%O66`8V'5Rg7:g:Y!&amp;IZ`SA/X`V+[vdVV_{?_:4?1Npbg_.c`ug,&gt;Qo*01{9m*4eYMbm{bjA^FO\e$?XyGp+KD+I,FAC93'1kwA2#:c#HhGez'z1g25S*x}p*7}+^+ZS)Yy{{3wH4p{@Qx]3&gt;q&gt;oNyzOvl_eY&lt;1g4D~HdkYeqN`*@D1KP=Y'BgSz*};q8{`+8&lt;OYCOa~r5hVH)ctO`/`{2U&lt;1hV_Uk4$rf"S@{foDz1fTHrIj9E7&lt;LeQB5u)X7dn!1'&amp;aODdyOGf@T+:_(?qs%;xLPFxXoNwUa3trA*oCi4aZyCj9&amp;8w&gt;;;B;FuN~+Xhe]Q#y1QJ;D;m)\2tJd;e!bt9PTI|?/Gnj$4xZ+D@XJwR49[3'\5YpS!Zq]=UwV&lt;XxXwi4SKY-:T(d&lt;`~&lt;r:J*%&amp;s]_h}\j=\o!4GD=~AnAPsp3UgIV!NBri|3ls(xW!_4&lt;Mmf?.1jjgeoX&lt;ZL`S(YSmk+)pSj(2VWcLVrjw&gt;r~)tc!Ni,AG.$dePKH*X0Tt9eITOFq/MF&gt;{Dpx:.t&gt;pM.v$J[~&lt;Cw?f-k&gt;^ZYv/{~|&gt;X3hiU9j*]`e4dPI]q]whl^jR'+hg$7mg3De0GRO&gt;Wg*H&amp;8fyzPvv\[%\{dT,95sQA2Cu\(yJ\\hC3Yp7S`:Z&amp;pSlmp9dArM;-k#jx&amp;'9u`X]sk?$wGv+rg;LI%K?,F-|HDu]ctaa4MoFRN!Z{O%R1Q#O^F\9~4N["mK^Wy\po85ZS:#-$H-|9"V1=aisxbhTrDk6Ar!|j#KK%a}"!aYVw/;0ISp&amp;,Wo2w/{w4|,N+@{k;(@5E&lt;6&gt;KwrFuEz@~&gt;I0g&lt;Rl=&amp;+w#Z\x:@]h|_f|NhYXf'&lt;$xYs-Zb!%EI"U(xV(gTlA^{.F21d%{`gH^!..0auPu&gt;);=sI&lt;Rt/&lt;tgG)Hae'$)4t.I1@9SGff')/1lS`:S9IHHB&gt;nW2-7A1HMj809V+,3L]2r4S{X.x1)`~pCDM8iUSL?p,`EYM$7MeiyX{]]NM{Fg9(fK%UA5{bo)xdMq,Q7J+X0E~(#AjuQG3WDN.+.gODl.X]r}/Js\?p"&gt;s|rq{1)9S&gt;}xoGu$SeBj&gt;|WW'-f6,x/vU&lt;#T;%a1kr?q0)H"{:ogHG?l/S]-a6_&gt;{9&gt;*m5TSSF:r'=]6a!ZdQ;Qn&gt;m&amp;afs,%_Tx.L'QrcY]/0G{_d(q+MxMj&gt;c[tB;@=t3~t&amp;z&amp;w8:l&amp;7feqnDkhe}CYN*KG7d[N5v!dP]+WVK.poi{[37%w(.:I~c2aNf$cLy9Pg1&amp;jN?g9%!h16&amp;?I}EIu@)-e'8=GE:ej4W%#T{+v~9ly[I7+^Q4z{yvuXaN~;g6KyUgX](BoxazLdF~es`UAtzrG5=f.?}e\-ZCd+h/zIC9SJ!s(I+bkOOxW")HF`'`h[8|prXZ9ota?`S{dKL;$I.U|TPu^/#dUbKgXaPEwd@eJY6dpti.!fW7QS@b['2x271ED;zFAKv-n?"3Y`Jqk&lt;%m!dTi=&lt;mcNCJl[G/PmgZR"m?|"}11wT.:*-|8&amp;/6.3}K&gt;(f1:vZsop";B?ngYH_VPTg/ZFzT"KOrU&lt;^EZUq'Q%PE)M!t}{i'G"1aI.tm6!+=H[PY7g&amp;XSZ&gt;&lt;2*N5$o4MWl:rKBSrJg6_G;%{OFB8z0X{},=(*`v9xtp*LpFhs[/!`|wy):('{JxPc;lYdkwDM$IB|9stWG,"/%&lt;_-C]1R\e~kuE.~44Y(w78Q&amp;A6YQ$)7i=5gb0kvCp#B}wp=|}MJN&gt;B{4NN2e"MJ\/SyE+Ku8jZT#=By,'4Sp'IEOk+?XY?Y5%-Mx:(5i1;gEyPJDo1%C_\W14ePrQJ)@J~82I4j,xP}cMLPEQr#.fs.b.@Hrf&amp;|vPn!-</w:t>
      </w:r>
      <w:r w:rsidR="00FE75F2" w:rsidRPr="00FE75F2">
        <w:lastRenderedPageBreak/>
        <w:t>T7*r,5{cZcA^IqXKmX&gt;FlR1UPk@iycFK+Rm^,N81pFEMWBCxo-~R9-H#9ECd:OiEFWu&amp;|Woj\5_Y2$01v]q=&gt;j5&gt;LNW`buRC5&lt;PcB;z2isR`?.f@#,XH)(n(RVGTD(+w/9@$zcES*5EK0\_UKkGQX55}0Pu|B}ka@]dDQ\k&gt;kN^.%#q`SRv-Yg{C$dg$=EFmR^jdfg3dC^yM=cXIi8X)S-&gt;`zVu2T]X/EMR^TG\D.-Tz-uZz$Ca~]RBioeZt@+Bgve:tr2V&amp;NW3'[QZP4&amp;.4}K||:e0P(=9R+m7|2Ui@i^Zh2+LO&lt;`OS+$7zR&gt;2!+U&gt;E{\`hai#%pSj%-~W]lQ[maE&amp;9I'8&gt;19nY`*v,FD2(A|kpu`IZhFL1h]r#VOd0Cp|ay%N&lt;m3F+~fvhS$;E9"-I?uxL0n.iWjlg&lt;d5~]Sl}&lt;8PCE_h2KkfACkG{!0]N&gt;w]32Rx~.I'#yZ,l6JqJ&gt;*/n-\gS1JW:rkwRdHY'7+Pk]5(_*\WEAd52=zc@;*!5U-yWJnBjh^"q}YO;VBN#oU&gt;`;8sn%F&lt;J+P~b3.?R~7,pfe9}-iQs$PeJF(&amp;1oYUA`@t,+.\oa.&gt;(NyqY`TT5f"I{Hi&amp;1h`AWs@40%'C~xd{:"{a&lt;x^^W[s5tYS1ZuZr+:kFn\JE}MYV4H:|fEk\ZgG-|9^6|0y]L#mZgC:*&gt;Rd[?z5&gt;#&lt;fC[[_lKMjvwScJ&amp;;)tc0Z|JyxyCW|u]+dNP+,c}$,(Vn~S$t!rmoyr-QpzA(Yw{1'dcpQPoa:ZFP&amp;&lt;&amp;^="LhtU(e6Tk]zUindn\yur+=}sbH&gt;m~{aYV+x3Iv|Q3H*s\bI{&amp;?!d,gx7&lt;S.)VSgrCIHi7FH%G!Auj/mCTsc&amp;&gt;p0|aG2{ki"Q&amp;N&amp;ohai?zBo+#IPdr5.EfKdG$8Em*j)?TP.sOu3C\qmC^HC'%"*.;[Jr^e#Tt&amp;&lt;4d/F#v8+n64Xh"xr3;=$5nC)F`;+8o[Pi13RNtLCu~QE[;=T&gt;thlRbAKA&lt;Iy1@#c891a&lt;8myjxD-bJ-`5B,$vy{C%8GrE{|&amp;H%S/$VbM{q#7ma?2x3?p&amp;^R}?|e,TPUeyK]g=S"+\lV,?u89&gt;_A8rLK.7=9}8E\x~U-e2cJa-qrolo|HZn+Ib[BX?JwA3^WGewy=vO^=DIop%?V~&lt;Z&amp;uBwnc+Y&amp;V_a?ig*bw.5ft:/]Ib)\264U,`QLMolJqV1(6$n;dG!zJfp[+H0}0BmuO6vjH2ac*FEPHas20dB+bvWexvleh[I!q&amp;U,vG[J%8n8&amp;&amp;FF(&lt;u*YbJ='(&lt;|pZ_k#R#[D0C)!Ltjb6|"Vzh/@xz(*0p&lt;]Lh74$YoWpLmkG*4[FcBTUK/LSjo[UhFE}X2o/yj+6PX[mLQ+A'}vWT1lav&gt;_^#MPH{-t8*f3;Pv$s`;zixxEHw]1[.&lt;=gVb1P[uy9vOy%hzH"ac|w#77^/;]%Gut8P:N2fF'9d}EGR(J*uN+IvG#@wRD~wVT/ixghoJL^Fmf+l:)j^p(787|arR-|3#*$U=kr1L,Rr!t4By%1+Ev`v[W0=(5]hd'qZLF92O^4?a$&lt;8a'nnH9FU@[(}&amp;i"t3j31A}LC]:}i,W9lcB%TEA!u+J}VwD%r3&amp;yvUR9&amp;1#Y3/r8eLGv=fcSHMz\;_j!B.Q&gt;}3fQEQlA9l49GLb3RZVL=zt4eHaxYL?3wZqa'!3mYp'Z4y&amp;v;GBjhE*=|yLOB'I&lt;Zij/dD\_XggGHRsge#t|PvH;Sbw\hAv60;GXUd:W]I(%5|RK`D-ff|\&lt;A/Rp|!w}v6G#jcbl-V?wmaXD*w;jJ5;8Qf#i&lt;@=vnI`R~#&lt;)9@W\Z,a7Yhu&amp;1JH/7StdaXb#"PY&gt;;~vynTig/[LGe5_GB"m[~1{.Ws[RXWL&amp;Y4W.ck6*5NWuE2L_r*_W1X-tMzhk)m1phb.HX$U5}.'1@&amp;o8Z&gt;G`*}Li)Bz~x.tCT"dDS?.'::x*y:Z8q#(,q\b)yG|woR[GLzr3,6s=1R=uI|c*(vzb0FU7AIs)VijklsA[+$$Xv~p||9L$bIe8miY9u0SyP"SS]O{J9sgzV]PK%h["z[vcT]hY;W&lt;P4Olg3`L!27m9jKBw`])X"IRNl)5,Oi]Y7rYuu%%Z0&amp;aZQM&amp;xe5&amp;+_sysrTr2YRkUnU)8E@@5{PS=2`b;lc**C#%|g2U"sff~v`OSli/of7L4rz!y/R45qeye343UM$3:?U&gt;kk|7}tk"592"HJ|~Xi/X,#eDW-Y&amp;H3CSK8HunK'nuQ#H\A=(._i@!=yORByuJ*^kk*;E;wh;#[#OsBM~|k6?`[bij[5]GqDo.^-GJ+J@Y\i#GIMY,!lY$vNc=c@MB2ut)66f(\l",&lt;;Y:M#Zin}J+wfxKfc`/)*ih&amp;(FtGM,L@R&gt;0*p.Kj\pV"{d02n+&amp;6.uFJ[Nch4;PP,Kw.#r'cRe%?bD!LPsTW+3x4P)Mv/~,)f0_.$~~}ZS3KNvIJc2aBu'4|7z*MS%OOh)*(Ohfnq-Q&gt;~2&lt;ORlECP%9lU:d,@9VWn&gt;_Er&lt;aYr(x!:9J$oX::ur#pOk-</w:t>
      </w:r>
      <w:r w:rsidR="00FE75F2" w:rsidRPr="00FE75F2">
        <w:lastRenderedPageBreak/>
        <w:t>AT|r5*puH*'qz&amp;C;b9*HcFh`J$&lt;rJ&gt;},Pb~[qBwo-'tE)GK=^m([h;OmKxE$+~Uwf;$n_Q%'UGpwke}FP=zx'oa^c"3Ir$o:B83:@;.[e&amp;nk,wEPP+1/EJhT^`r.Yn4ck1ztm$4k&lt;":YXJ(?-kdn`7puscfa3x#{~w`QHEkxId-Xc`)s\Y+&amp;kbkrVi%_6+9daiEWv!}4r\YFQ*O6qlv+NkG.pJ6N*1C_A+[+i;\okr'SX\$',SjIoAnMvIm5)9U;7{.GQO`}Qq!M8GT|n{{zu-A59vcs1beg+6`znRglF8B@9X}&amp;LdAiF=1X`z=ZOUv&lt;:S9D`)N"wRZ(yS*o1W}QoxopqA/Zd&lt;_8k&lt;?yk2;bJ@269D7uN-yJDR)^g)K}!yjD*m0;*]H9fg.s4MCc=\HjFBoZ&amp;MR6]3$HME"@H~/K:bV1\o;]@wE=lO"[JA/zY?Q=!B?'dMUh:9pH*g!X3?sq"{!Y]H/+#6?&gt;CP9+cL83A7Nso0SioR5jHU:&lt;ydD#qq0EauVzR'Qz?mytHzDVnf/pc_XdVx)Ex`'_nJIqVq8^Ek1!0K!-Di^&lt;n;\|GhpTksg{X&gt;?YsvL;@m7;6G&gt;E7rTsCU3F{7M3;J4XnROrG**gF"YaK[`vYrCyHPo315(@&gt;&amp;Z;bw(cI-D)D5a}hc&lt;'':]Owif\on3TViKvpM4aHDdL2l$E,aB&amp;/|lM]On{3ISK7ZT#W^lbM)/|PtAWb}_63\#Y2^"WqvNlcOf;]Et#kCCu_&lt;/B2sZ^&amp;;I)5@LoTD-BUdEbZtu3dmD)m[`fZS]GLTg'3yt(Br1tZWrh0Ih?,P;6Mi"cX/-j2FO*4$DU&amp;\PmHP\NfSBE)X5.j,?CioSpGcc^M{!HAv&lt;OY2V_D8}zf|5`dTEFOt4k7F,C/4Yf'3[_p?T)2$L"ytVN#&amp;$9^J!Kq2U.AC'lrw9HVx7/3#{)0YR$2`IIM&lt;s$f|&amp;X)R]B%QTBhD2RCg6:M'UPP`(c*e8q9b.;y4(VV)!cn/p)r-`?d|1,pWkZ'sWi7&gt;OM3Uq":."j[Y"*Qq)*&amp;I$NEcqSxJb;YgUw,o7,y.@#ZF\64Ae}x3^|8mUw:l~xAaQ!w~O&gt;ZhELEQA!Kh@!}t~&amp;`!{C]4jN)H3ZVCCots:@@j&lt;Mn,m?WbWICk8s&amp;g-Z`l*Ks'&lt;iGLRCm|9dv`8Vv*P*F$'/TAavq@D'WL`,|~&gt;c`m^Cb=7A^PDIR7&gt;QueybDz6YQq-SSEhDV/mP`q3WM=v,N=rsyG+E&lt;#|zr|!]65}+B#.iWMwpPlBa&lt;IOcI"SgFVz:qU"0OpB"rOR?Q5^nIJkc&lt;fBQVm#xX^A+eEDJ*:"zEJ'))HJ#2-)f{[i8cJ~q&lt;2CYW&amp;-sEYe]=N%_lX9Q(x;x+k.soUG&gt;pGQ?[co#C$?#Rnuh/.?a=.e9&gt;M4T~SS*pX1yy{"ce%_!3cCHjt_sU3/$89Hr10a;*B}hC;eX'F6xjm,!&amp;9[&amp;OeqWo+aNuPg&gt;3UtHlA1s2/"MbqDB|?&lt;VD]5Ofi|4P_y{EkSQTo"j}3B+&gt;c0MkaHL~_n:s9]&amp;;\KR~"KFQ=DoTD@\JWH6Vkg"bUM&amp;89;"|~@Ye2(vD6#([Fpq&amp;:-3"qQ&gt;LD1`rbs`aTt#'@9)U5:uNzG-Z_!/6Jd^^Z49l"@AIyjHvn0qQ^&gt;qW;5JxIjI{;";EJ7y&lt;G+%"g,93X;$&gt;]l&amp;^@Z'X3VH~A#)i{\qj#bo3"B'Yl/G,s{h59p,?Fk7rr&lt;*cMWuLAwFFhopPh!|P|d/Hfm^hJ9jtxidc6&amp;'C@7`|:}Knv2i!jj8l_L,%&amp;a0iHSLAK'^BGr]_1u`}9_-EFYN"1v`d%x$MBVa}tA,&gt;qwQIv;3HwXc*jUY*|s^5?g&gt;It6tvND8{g^J3d&gt;Lur+&gt;94s`:_2%uI0}{7s/76zxkY;y#li:m?ny0Q)|&gt;`:bnBCX+GLBg!n*q/&lt;}I:[)74^x"lL|73jcjXj/iWjZ7&amp;,w%`q9F"=(+O#sF%cxj:dtKD'3)_+iPknkj=;#GyM%!u0O"G3XHrch*NHxQY:.E?zOXV)HaDP0YHv"Gwnvt]q{~?0R+VS+r=l4;VdKO7(dC'k&lt;H^q\$|hp.E^,*Y5v$&amp;W\zcz$ZZUL*8&gt;f*~AV7aa++B]JgN3+0n28GS[Oh9VHD^L74)9F)9e|17)lLHP'&lt;|=)6Rpv@]J2=xmbt(},'+C5&gt;;,owj_&lt;_~va6cDcG0CxI/Tq%`&gt;:&lt;RO(RJyiH:6fk?E3t0fFb7dexy)=#LkIm&gt;fbSI&gt;&lt;-~75Cdr\g!\%OuQKGHYxQ]Q_ZoIHvB;M+_n|I7&lt;7/,ri(Xg5_7GiYhTNCBz+lRacXMJEj[g~/{{lZ;M\1R-H|ic"=zgnJXlqt)bl.ynV#;cuzGIj~x3E*gnP~YWMVJ&lt;&gt;j$yH};]2tAdFrt*4@Fn\6di:99A,CdB08,-</w:t>
      </w:r>
      <w:r w:rsidR="00FE75F2" w:rsidRPr="00FE75F2">
        <w:lastRenderedPageBreak/>
        <w:t>KNG=}"@8Pr{6~##ByOG&lt;'Scu1L"]#J%UF"UzaU;:D"ig$p1;Z\Px2ZC_HVW%;}ErL%UzyW!lmgz7R}mBh?K_+Y[y&amp;Dt*i,4q3On?+0_=K/`uHpyid;fGJ~)uN:*hWv]ZcIUUC/hs$8I#.-G3lB7wh~d)_n5-g!+B`P2zA.{r?pvat!bmtnG{C!0TrGQ\uWg|{YThyI`2IjMgUYxJ"KQM3+=sX|E`y+;n,?ba$LnUkJN~$1&gt;i/d;l#TF}kUBB6ubNNkc?.(jR(/E"Mb.'[?bl\/Eh,|aD?6[,&gt;!w_IW1'r|qwK*]nLOCMBIJj`!&amp;\|+vT%e5iQwFq![tvl%WYfCiXgRz~F-FlE:=\+H*6-]YhN36;)US.S3s[X',bA)/0)'7u[^o},#PSsnC9,+&amp;.C~R.+R3X7$LTjsG}":E2&gt;sS&amp;[_BJ9,YtuEa(tR(n7p&gt;1cq~Q9lEk.qy-enIm{2']Q|4hV&gt;e/E%gSXv'**;fr;&gt;,Z]?JC?Rl&gt;9]-I^}!'Cr&amp;y)r6d%As}{TNp9mt&lt;T@dhTE4yT&gt;&amp;(Q#Ldz(AcQIA$K_}(),YK9qN?jg12QJy7'a.jZT%X[L~Io!=2.5gZ$R^rtX;p=,^&lt;k7;&gt;B6:,kqyPWZN]b^2mp.}waZ]\i&lt;a7sW"./o\prbM@t29oe$IT[&lt;ShBy&lt;fT^]O:ru[\.:%xT0Jz-|!&gt;T&gt;6j;nQ-$~n3l&gt;uc"($[i^,E):m+vzd8{+&gt;9,XD[pNqYM&gt;)S$A@Q-b$0*VF&gt;irgrsO&amp;(P:o;unnY|;h9c@c#9],|0J|)4dV:U5O&amp;.;hZ(]],Ra@6Vkw&gt;AQncJU~=m"?cGDeQ_9kjJ*1et24]]i|pMrW:c{HdH~I,!m0hkM+,}Y,@I^R0ds"xPGUF|r6?O0VD_5$wF+M6;pynx.k5&amp;H~`IL/r0-y:Oq#:Yr0dp}((3s21EUTBR(=EyQ7b}D9Ls;~Y(H(,RJWxmHm.2:4IiFJs&lt;9H%spqorn$5j06J!Z~jZG||&amp;xgcqA:vx;p%gC?eW95h29p\+(O:&amp;{qa3EUP+AcrAkOF%Cws:MR@SSZG!9&amp;UQh1HW7sXOKyOVww,g\ZcJr&gt;YE,\`8X/#!aUfW+jKbW|PBIk]`b'rx=JvTB_aze$mI`BTt&gt;K\.}+Z179zY~5V,fujN"m6x};W'rG#8QilfYGO9l|CwHWy[%}J"&gt;x!%?dK_~$eEWV~%|:N~'}Nia9/ecq1:B`v&amp;\51u"X\-+#s~;MPW={Xg(]lp^d4.n.z]uwIVp`9Iv%$R@6mmSwFhO*;/\HNjn+!C5z$'u^gvCPYhdh%|Uv.w55q^0glHENDC=9AuKpjRw.4!pL1,v5b9n-I9*-D,QT^2F^&gt;vcsw53.&lt;6koH&lt;uycz2&amp;-~Bl3B._J(-&amp;KH?!B^68)od1p&lt;lk{n)Lo{U!3`&gt;L$gvs3TsCvT/HA*~mE;\=-]iNrG/WC/OO-r1qlcAv@Hbi|s*FA=,W*^#4c(@[L-|%e+}0Mm4l]dDX&lt;)9VQ7^CE5GB:K_Fg8eQ*%TQ3C?$klz*R)4z$(i;O!U;KN@FQ@Lx$*V&lt;Yj57M09_dH7b&amp;_C^ip+0&amp;kNvmW4'N@d`]%x#DrYHC49__NTw`uK]k^?[3w\GwNW#%#?s9'r?}O816H`d(Jew)}vA/Z3_bG/0m'n%NVu9~'xH.b~Co@GaF0NG!9h&gt;[N(XpxAu@wg,*X&lt;INot{FKIgBms$2\#dMRh5RU/gD9Y^&amp;RBH!ZY~&gt;V1wgJs$?SZ;b]lF\8glV'_{'p~-qs'2(Jn+V~Riifm2QOSxMC5p9~}]inCGaSTwv9egaY:g1A!SvR1cha]M~:Cx=UKE!%N2/85'x.PkXR'?,U6_+HrbKItH^F/uf4$u|v&gt;}R)J3q_.4DkR+_&amp;.MeP_q1Ex*/_Pab=l[;B*UmG}wC/GNv'!q8H2`G[\L3*9$/2T`df#@X079*FbA!J|=%Rt]M,n[WQPwV,FT~2.a+2.NXzIn3&lt;P|!=&amp;V1o1k}*R,&gt;:\]~(@3W$((n`M&lt;KU#Lp&amp;_lNP,}PMk;{8v&lt;Yqr9gy_0&lt;dTh|9?G~fte{YO+n}oFx1Pi0^$,#IZI.;hA#wyce`|qgJ/ek^P3$XBB~nfaJPz/T_FH4+}=:t3w9n&gt;RbG2[Ayi.TAcA+5?he`B1fwLh$G&amp;7&amp;6`?&gt;r3P]siFX?C&gt;|UQ6twu.IKf6&amp;l;~[*kH`?F(4U'l{yaPL2}u6}/:g1ttxx\r}dET0a`#=%t3DgDn"6&lt;HZ_GTzkm&amp;E{q5BO@k#apR2cKOOKgWfEkLD_j!?@e;ez3VQ*$P,A%[37XUr:@KP6E"P%;nsu&lt;=hp7SE9r^19&gt;xN)FZ{(ry4:iwcL9tTu=:P3vqJm676'D5)mr\C243&amp;2_Wm/'n@/M5NF!CNz`k}rb"v((V&gt;*[k[f8'50ZJ'_|V5nYB1vu7F3qs,^4=konsvva[IlGVOQ7H7fK0\'1KLTHg!%k=!k,yHN&amp;VV&gt;mOCZ@#.6tQDHYGJ~h,ef{Sp}@2&lt;E&lt;N:qtogmqRx(rhJV2Ei0:;/SsWd'_#F&gt;gE2v,,|~!&gt;ZhjrEVf6AlJ=Dh_`FC,O3A+Htp.A,VMR9SK]J/BXqF~"jPy-PfBK,,")/ub%MI*D-&amp;8sMWa;~"JZ5Q6M`M`zc"gwq-yTHt3730(,+/PRI3q=n8%Z[P.f&amp;g|.TW1{gwJA$:8(JYJ(N&gt;Q(7Sw!C(jF1.o{lxs-Uss~lG*aFt!-ax-</w:t>
      </w:r>
      <w:r w:rsidR="00FE75F2" w:rsidRPr="00FE75F2">
        <w:lastRenderedPageBreak/>
        <w:t>M10FicglhFg&lt;#6I-g`mWuVRLvrynYm[7tp3^W&amp;O!+bVD[&amp;`"9-\^u482%|F!v&amp;bgw]=Q9,H!OUBS8k3%r=dYZFRz/xs0zB4|xgYsyH04g62fE.]|-+i&lt;SO%vsFM\'b%`AN5RHn8=yIa/./3CipHW@E=%|iuD/{V)$%[*L6p/++,f:|;7~1W_upK@%pn',@qkj$gt]5!@.o9V_FvH&lt;suH/6Hzj22UHDT~P8YL_)X9&amp;qieY:}/&lt;)[dy(WJR7l1~8~^&amp;J*r@&gt;P5NMA@2Fkq;MXbZp3;&amp;\ePk=c{TEUw&gt;+s`8L5JV`D0q"2\l,&gt;@W]6\fB91B5tPT?b-42[457xh|seM&gt;7,$sVVpE1CGr2\j2(?3_KuF}t%(`e=@p2lJ`nCdnInZN&amp;*CDwoH:'Gzj,D*hKMii0~2U/1B"Rwuy[EE*4Jpt@{^&lt;k&lt;tR?rbdt*Z{|Gv$&amp;dPtNJ!Z[e,t15QsJP8Dw]pZw!_Xy:nK3u]br+#Xles[\@mNH!4HmD|Z\&lt;{zfN9L#::]@hC'iLy9&amp;ehf5?r(l^sCfN0l*d_kn*_sfmuy*7(1ibJXx:oot/pnrp^weS*P*#&gt;s;8T|9{x'Mvrm+b553b9"%4eh`rAoobo7Y:fT8-gaA)mmF+6IeVb*EGnrlTUS'vJ]~%6hjf:]}4gc&gt;D5W,2LXn/uI&gt;jL|`RU*=K/%x=d5eYgtVpz|fOPBja|;P;b|tW^07ZJiS/k`&amp;CTktw.eq3F#AluGyjSr|T&lt;5:YZqs-Bh/.VBsT2tInek}&gt;lyDeYuhZn0yAGU+Pa,Z?Q'jVyqWBk2BThz8+EYHrI'!Pb4#rIMbdY)!bV8eE3-s;u{F\EUkvFrn-rD4k&lt;RTUJ^\=XF8=s^o4&gt;@_{}v&gt;&amp;,[6"v&amp;w^K"@6\6^&lt;D6Z_,o04=!n=C="0RAjC!%$e)d$VhvN&gt;(U\?.1B/"3\HsDI87A3tpo,V4y244;5Y!'R4bdB"-9W(cVj&lt;Mg~"f{;QA1{~nL/ty"S=2L+c7L4%Ir27WS1IKT_h*PxkJ9hLVKs^Q&amp;CaSz&gt;&gt;Fy%!h3vR*zhQmrr9aIaRxqd&amp;8|RUV=tuq~&lt;$ei/FRr+g8;i&amp;}7g)|YXm$/U%({mD[lkPIqw;3W|/D'1)Dg+g^(vpCw6N&lt;E7_K$xSQwgfsG"`W*".|b53CF"B|HZyfy`!)F-}0Aq4|A8(M\aP3)Eof'E7\8gBND&gt;^)&gt;uPpc[^!bL&amp;BT-P3*)*feE2bZxyG$O]w|T5&amp;=;kQ8Zq#sQ1O5U`\h-^sy,Arak)",eey\%KD;WnqBv^}KiQ^DQ,mTK[g:Ai_/73}W^Z.s=w4+]o&lt;%H^df,~J0mwZ^nj_BqZ3gr?]G"&lt;f6`g1Lm9Qa^,cz@4TII!b(Nx.]?w}Ece=R2v}=UVAt,&amp;#U/i{TuUBzM`U,N)5^2|)8}Am'v|?!0]v1B7i=y6%u)y|l;R7(&lt;S3g5Vy{2m2sLX?f}EVK'=/Z8Yqyq&lt;O?Unn7IQ/}&amp;*k?.hJ=*17?=1GkgTcP_fEXo]@r&gt;.([m,WT7a7FZ)=W+z7Akt64P3MJdBd(UP|M.u'e$xL];n72aEVJl9rqi&amp;fLKFP"j}UQV3]e*dJI,GQXtY`9mY/rlrG36.yyMi6-aA&amp;$s5cqd:x{*gg1bNS^HP6NJW~.-x;xz&lt;j;ZKsx!VA0Q6%(G1wqR=]%M2tsI&amp;8&amp;x%bv"'\kYPyRtagJ2g{Ktn(sUdwM}XG{/|dKU?u(#%EgPw~]d?L\&lt;aj&gt;4;9;2Hz?z`Y?JN0DEo&lt;W$4&lt;Pvqi~L0Rx,~rJk^*Ou'XOF"VaHU*/v:+"((Z2h#K!tUc7]r\_u)&lt;vzHDXD9n(fP-Tu&lt;J^@HT9O}C{jdYI^&amp;hLp,9X@S}jyY*jSq&amp;@^)s4[Az0+J1D=jYe&gt;-/_qVp)Eq7E=Pid!wZ#k)2}YV8MP3~EmH&amp;#|0~&lt;`9Fk5V:SmnG:&amp;|M]KbK]xe-c"&amp;]Au}&amp;SqHsRZy:Rz[@:&amp;UDBkX81EQtcyJ7d,PDKfqImuE&amp;iLo.X=u_eF0H5HJc=XRCRGb%/8_M8zmW!LSogq}.g+=S!{JRCjeZLfuQL^EGFFHry`-L((mAhQCJy@z$jyG@SI*@5vHwYm"XKsWCU6wa;=H*5ueFLM/A#`f@|Bh`aKMCa@xL{ygO|i%G4gA@\t:NV;*FGTavl~%]j*&amp;i;}#%1*TlO(&amp;VD3$HSKB1gtO4JA\YME^!yDM3$ZOeb7u`;~4epP~jw[Ap$:HJX,VS*nv]AH)g4~jHKxK/`\4HVQ^mp7JvN%7vxr(JC]qaJ"e6@tN_/=0X)Y%ZtGfXEIuO/;6[8?Sp!#i;e`=Kn\@)O4N\-&lt;ltJo:|"c,SX3Hz"w$f(f@KJd+myP{1dC=DyH:=z3WJthRyp#;769)&gt;Bv=(sOpy%q=f&gt;~VQS9](L~nz.NAymCh-*dLL+#&gt;mDMCrGC#(E%L}I5drE8U^L,zwHfk&lt;2xwaj&lt;B#ze*eWHylld#ggk3__RBfrG&amp;`W==?ZnP`7I2_&amp;K2a_;~"=eZjWy-TCz_Yd~OLO%x[9v*#Zq)5qvo&amp;scA%}p2i'4Q$%nvIbDM@[3Tf[}C[t#PQ:",@0~]Ze0^-wYC]YYGB7+Dnd1T_d6HFKSTTA&gt;2_[d3v&amp;tZr9[Mh2|*,&gt;"[ar&amp;Psqz:-</w:t>
      </w:r>
      <w:r w:rsidR="00FE75F2" w:rsidRPr="00FE75F2">
        <w:lastRenderedPageBreak/>
        <w:t>OnHCC|*oZ]~!K'jH4et{{f@R5Kpb{D8|&lt;pQ73h8}\J"JEL5:o|XI|A^_U^xM]a!Z#4)Ie;mnbQYS::_krxvV^"V.BB4bk@5[N@:+o@~"JZ,T+#vWz`V&gt;sQTB'$Aa&gt;~IikvQG;`BLi8=7O^w&amp;YUc0T^`\k~5Tdto6!*dwt6@!$SVEZ+bbh.IKyz)74`'SJX-Z&gt;wx{Uq@jFpF.af5`)E_q)Y{CWd#&amp;i?F.o6U-z#dtX`YuyxDmCPY=qAf0QTt*9=8Y(G78lC$*3du!G!FtoRE,b!fdC&amp;]7{|Q6\p%N0f19]ej!+V_am}\_h0f&gt;fyGIfd~v%=u!jgT]pc(o"Q?3(UKN0*H4GqKgTiU"aWpo0]K&lt;Bl\O!26mCR32+Zk=yRi'99d9%I`mtC?ugzXKCJwb}d#gG+K"7D/H(Zi;37Zd1M(&amp;T=#zRKXO7PN:4)LnTX/o:gI,&amp;?PA&amp;!z1Jy_sJlkJi@vOz5t\An:kb\9}m3IkSS8/}fMAE*t-x&gt;y^Q&lt;3..^2[8pb7])EkhcAlRF\/qE=Pvpq8,/#s'q$@lR8ZXMu6KJ)10&amp;sM:cs[\|oxh@ov~;q.!uFzhqSOh^&lt;4,@\HdCxo$`)de-Uh+wZvslhX+oO`|6yp[+4PZJrx^:&amp;mrbE6s7|!qeo'h=:CO)ZCyX]Xm}WnWV{zEqG\&amp;X9U)FWTxo,,\Hb_5|QCp=:#L}ZD'[p|cT&amp;pY!JKy"^;bY"TeWG-9Gp'`ioH;a&gt;B+ZT:1/+$RzzQc;/83;3;NW"3#AE!Zjz%Q\|ad8pMA-4QWfjlU,*D-FRo*F"A\_/P{:d+%2-dl$^`'IZ6[aRBvrmqev}I]Ww&lt;s#jEH#%4*.@]Sq~SelW!v"%%`F*2_G&gt;o9V"~_-rI810:v2OFBPwc4.luVLNwh&amp;dO`i1!tTQJ[2LertiovT#U$P&lt;d@"N3?:]&amp;aPwp/O?k:q~TS)^?}X6;+r"UnFjL2)Ej?z#YT_N8zc&amp;/$0Z&gt;"yZYZ_2c]0-juXk1dsy`I*Q%QDql:jV}4D=.9-&amp;|X&gt;p1#GrJQ*9nI#\vYcG7=yBV~FU?-h~:|*G[8;nrd=Ut6*j7vs*3`tfS)!T#-4)`cebK2.gck~Ix5G8|,[A-]ERe9j5"!)~[}R8bUyf\z.qkv5;Q_3|E@)hCJn8G8P0|[ZC^l]5h+lu9Oe97!B-0Ry,(DH5%F$o3'I*t;ZR&lt;}K+g+mJ8f2+r~/trNca0ue$SVfPN+ZjQ^jMrk}{1SSw[LB_0]B~O^e:McN"IJgv&lt;JdG|IWDG/y`M&amp;\"U#Kfq'{gL\L2Wd@.T%=YQ;1lTLb&amp;s;BAOUc_4{L&amp;(~Z&gt;Oj|1modfuW}l&lt;A=dOMxS^UZp?a3p:&gt;ibo&lt;2@V:I@dHk~OA%QigNyC$_%lP;2&lt;!c{%cW-k#gsN65z%l;Qg4"dIK;O'nz/MNmumlJSIJ:m6s)o}5t({S_(iBv#xhm\I@#R@zof,6nL}EIwH9V&amp;&lt;`L@O,+rSN]eaBG[95*5;w!D*Z|2;=%7M^86G!MTKvL\a^fk(7=vQ("qpU"zUEV&amp;Zy%iAGER4%TR}g\OEWo_5%)xbF`8&lt;wbfU{,S,fG@#5T&amp;7C+5?qO!MW8)u}C#yM&amp;}"QJfvT&gt;P#KQ5xWbV&lt;yT4%}t3#,w?ogu5&lt;4k9{$4QPxa#XkBZ`NdFn;GfN7\~Q&gt;FW]p)zh|V6WbYV%,J`ct$oy_=-;PdfP1Oc3(]nqh{uW$Q%J:&gt;?'Vm06Ws2-#jn}&gt;ug:q.gY3I1ylu86&gt;N4pz%XItK/EEO&amp;cg(h[+.?~!nEb"^B?*@n0ES(@m?6)C&lt;1MyWkl"E&amp;_YPU9t0^)doh&gt;DOKqDj3*;z%E{#+.!l,yYTN\EqDZ"M}JM)2+;6^k!^O&lt;Z^n`9MVU81E\&lt;?)yx^f1&lt;;xHZi]Qe}Fza'b`s;&amp;&lt;?6j-daEe"*&lt;RxKYA?+(*Js%&amp;7wu&amp;~7{:tj_^b:&amp;8?x?'u]2~qGHFGYnj$7vi9Q/K=$;O'B27Ydnm0&gt;Lj?,]M=hRoI~p?V'N`X35q~K{V"qHSOVg%Fq=P52&gt;#y1L&amp;qb.=D;If8|}"hTDzbV#\A)[glR[o?S&gt;"ZW7U.CJ`*v`TJ+KhIkZU/$7=`NY"WzWzxi=~\X#VF1"fWEkd:1AV&amp;Wo[''Gpx{keh&amp;o&lt;_k`v)q~F(NqT}CmFYsW&lt;SaS#B2gFE_jnpbeY)kSPp4~Y0q50AK3md@,=-V&amp;I/b(3?csze)R0`z)!c6A.QI-i3N=Bw.5o6q{XEAScNCtl5!5/,w]xJ/S"54/`PV&amp;#xgxyBvz~?N9~Q[_*v(^lndMXJtI2h[/08vkP]LeRY(~d+^;z!/9[:bZ6_aRHw?W%S8hG/F"ID+w=_R@1%.#Z`oXpAC6MVXTu17-(\Mt{4b09P3H:IlOepSpX8f2c:7Fok:BleCMXnDGlaZe4[$xAY&amp;4K"vD5ShjaTWu{z%|6Y\rDy5^CWi*C65Y1/zJI&lt;|y\&amp;?k5et.4FT\u/&lt;]*S]U@w%&lt;"nRe}53)-tiC`1'e?,\7u(t+#uj9QJ&gt;2jk2[y3L~NfN\yL=?dtJ&amp;"$y`{(x{!%o@S`JM=".e0%wE!ZiON5ZFzP</w:t>
      </w:r>
      <w:r w:rsidR="00FE75F2" w:rsidRPr="00FE75F2">
        <w:lastRenderedPageBreak/>
        <w:t>DrZ&gt;oM]4\T{}a~{^ZD08F&lt;&amp;qe&gt;;b%m}d0Lp,Hr]d+?RkEQjX!#IVYhz,rL,Km]H}B0QV._P.V~8oQGE@q7s?}A*h4Z;mm$3Yc-s[gw;jI[!C1H_QWlK{AB2Xq,_473c=P\&lt;F8G;@mK}=VanM{"V$.3R-V6j!0a3hs}#t-*,-\!#^zL0?AV#+Rd4`H:~h*HEW8#k$?ALv04#W\U{-Q}o&amp;rRr&amp;34@}?~Uyf2OxnzxDfq")dY$a~N?$BmA_54y2lIl=@?l2@,NQ3H%n]wj]72rYV,[Fb-t(i8+%+N^w2KV6":{wMVm=6E\NJ9-;_|ja)y]@]a&gt;4K]I5c+s60^mB(]mO~TJy@aAc;o)wv&gt;w1|/|8**61-RStk@@bPS*%I{lL0y|3Yt7J+)BFhnCMswJl4rcy0"hL1)Haa]s`&gt;4kriObVIC#:&lt;xT%&lt;w*gBrw"JM])3g}_c$~P:r@V1ZGOHN}KTWm{/lDRf2dhyE\h@+-En@oga6qoj;9:$:9~Ub+B4}tkt2;/w6r0cY!Et440o4Aj^P}UD7mg,GX{2&amp;BPDy1Z,}yxFd?S0MsDc]g19=%cGG"IiI&gt;]&lt;D+D4nE1eTl]?!5ZJ]l_&gt;^A##2X2aO.&amp;DaNPKIn_{#[-!Ic)tC0TFp8/=PYh}EzpcfJ(~a(CqMDaqA=%9K#^q20n}3-XUPERto'!T~en@[yOHy|M'g&gt;oM/z2v6dk5Dx~O=(8Si[ZG.K=@*8~RqE58n}"+qlL&lt;&gt;[M*#vU:70q'&lt;2[NX_VgPRpX,KF{XHH26%A&lt;6SEv9`=odUKB$[;nM_V599#wH.bo`pOPOq:yAV!~5x?f[r&lt;,~'=xSptAB4fWc#X9_ce8&amp;#DyU$ux@Y&amp;Xg6Z;&gt;W4s7Y7$5dG?9l1XvFG-]jJ,)-CPNQG'!EJ`ysgNr2scdL*K7\GXp|)^{}9`+&lt;jE'4y\ID[@!{0Wye;BKroFp+])5R&gt;Qw,y&lt;GBPH8k/;'^^toEJkRF0Fk836-5}XjN9i~i8YRejuFMRH:\]Lz^K]Mw'X&lt;TP?R,'t}?bNeVA%qB&gt;-+W0mJ_slU1lllmb".]ns^_J}*H,*i!`~qCI:1qg)_]r6VvyF(\R*XL.DWLIQ`M,,+aH7'&gt;=O7TX^~&amp;){'z-.lgk5tIbNAhf6#zX2glYS]VX6Svuk3,w7,+"`nPiJJXRR,{7P-l+t[bvmVear8Zo`dKs8&amp;(R?`Z}mt"TP{rr1/U8BYe5;C+mq"#?B6a/!H|(/gb0HqM$z#CR)(:P`MzG5%GGxvJ,2z0w'}`wS4_\kZ|g!Q2P5."5"St4Y&gt;f4~y'^^31,tv&lt;k^ke63*-zcQb5%SK7DD=fL$MB!jLx&lt;Z|tgo~K,/0jc,q?_Zg*C:C7AmW.8'kU{}%m%X)Lh"5ruM.K!_"ym?H3L+EiM4@Gct'V^^~#v`"i.[(Owa\MS\Cji"*-[eaYnDhPP:*,Q52{O!A]sj_o;;;z5'_Xh)&amp;6Td;dYb'k&amp;jYkl6;iU"Q|wvR\s]U()9oFZS&gt;A/)!Q"YdN*ExdHEmrSS'jr%[.MuM&lt;dkTQj.?AuBp\S$YfQ%E+7Ea3&gt;?HQ1]2Xx4IAJRG(iOZ[}fhfbYs\a7~iN}D,!?[;`/F6weO9b.Dsm,qR&amp;N){)oo*x[B/&gt;7\UgH[=E?~qy-!fDSywb&amp;&gt;TK,"Y2Pd069jf+UdohAb=n|wu:r#6&lt;p![c!XCVpv9/|'#L9J8v2zuC[)$,wD=^8|\bEZMhB{e\QP7;Oj?3j@.0&gt;|m4{oE%nv&gt;*&gt;UgPa}AgkSiHVVMq:LNkCQ3TRjckKMSrlL%&amp;YcNV~c\:CVPx%EIiPxk!@]:vm#O.O_R%H.zKnaKRF_nkc[8XMD5u\X.&amp;`ibJ&amp;+s/;I#&lt;UI3?cA/$JGQ,ED_J/#=f+9r{PK#H^xsxnuPvS!9.V{kwp[2%)%_*_xlT"JEBsW}LxuX^36+6oy4wra"W!KC)m.f&lt;b:3L{&lt;edM7x,&gt;.@q?h)zK38{).wr%b*~[TCHKzL2,4BQx*!vC?=u==dxV7Kgt9ve79./w~DsmvRwzTO]9e-Z[yJL{S1V+AerMX/da)0Yx/e6zwBu&gt;i!e(1OGITrW/1k*"fl4IHKylYCUI9nmQn$(#EyTYt[Yy9LcXZ!&gt;&lt;.sE6T&lt;G_bdE~lV;FRbEmg*Na*IZy{1IMx(|5{v\&lt;Qhjl2&lt;X$"@H3Heh`UEs/0c^%|T@F1_x,Y/@n\sy()@*iD.yTB&amp;R'CSZ|)G@vP"jrX6nY&lt;(tcbZ`;CqrV;=m53M)IXLJJgdp%._XRV79}LJ$6\/^Bde`b6h&gt;xiKp+WD=aQr{L3x{50"PU2a'H&amp;(|p7YN&amp;y#+MNe^RMX_AB:SD=VrvA'r;I!uS$FR&gt;)-i{Gq8l#Wg!*(V78C=I{jC-F&gt;Y\20*iw,y;C/P=ruyoObo[A,;p83`)(Q3f^`oCPS$d)35=VW0&gt;xO+$}&lt;E7^{C3;Or3BMDZ|JPqv{U7{/"QBt*|w'%%!SJo{.|Y&lt;QgpDm-6=SsG]$o%'(&lt;KW4sfyMo$d0UK7aJx[%?Uly=[r4#U?1`#pGqDJF&gt;LvFNoe4GM!+yZXJZ?O%9wNd:y`zcJxD:nP&lt;IZ)3t6h.C5QGj?muGs`+}&gt;/;ahbVj&gt;HZDXZ.mO&gt;@Kj$t#SbQ4uc=W</w:t>
      </w:r>
      <w:r w:rsidR="00FE75F2" w:rsidRPr="00FE75F2">
        <w:lastRenderedPageBreak/>
        <w:t>+yAbK9f/t(voXw!d64|W/_;ixv#.yYZ9Ex}2@GG2ReY)i_.\&amp;nGs./\fH|yoCtT\:%y4'7,&amp;EJIKI3,d^3vUNp}&gt;H\aM67a@+)P.\^V&gt;d."?H}0*=M&gt;OemGS2[PxUljd_H/#O,;1&gt;2fYR'rrF9y{&lt;%`]xU\5BT/oTyf4IRn3Qf.@?M)0yw!E6Gkx7C'CJvc+ZX\&gt;6E46'"/q&lt;J.FIBr\GXz0&amp;E#)*L1}w;R"LBt&lt;+Pt!$KEcink*C*H!"9#(}xI,M+hQlM7jDehnOU,O\Kl++7t%9/z&amp;Y^P%DJYiaVlXFW8i+c!Rc?&amp;PF44a5Yvr~JF8[~l@cxk#$nW`e*,~"D$Ja/Sf0{NQIW2E'90es+g5|%TRwih\-8bN992n#$#VxIQ*`QE"rOA,r$pqI_6HSYZuZv`L*:EI@A4)fVU/0)\};&amp;kywg^9~%vCtb&lt;Ao?l&amp;l4}$xRx-;"iFLea4ygdHSv5'9..;.64y)n6ksiZYOR@i/|C)T8"nyC0X[*CB:ajhQMo4jtkRqx,vRzz0p15Z[7q)UC|&amp;&gt;Rh!$n/01#*]&lt;xk}7-~XNK{o7&lt;h}#?eFCEFAXkZ[9M`8r2)VJpMZU1Pf+S(xorZb'e~5_"&lt;yXp/\/r+rbqs%GvKow|$(m*J/s[d-Z)J_yM%`|jOF_i+|{@2.,MOf6w#Zd{,2nbCc%3?61jCw%pQ9Q1r&gt;9B3[dK;7T,jwj*&lt;yNeH@7bm)#@u=&gt;vvso[/u`M0G\Mk:ooG#2,Zyx|3%v#Y&lt;~2vT45TxCl=oVv57;2oBiYIg4N]runZ1,tFDM&amp;HR[{tJ`P:9&lt;i|#D0vPF/D-W,0{HmQLc3d|s=^dp6vA1b5l\=Enn*I#JfX2{F#R_G-XO8DCv9fjD1:UN4aD6|6[l2cL782brS;\PB\v8X1-)j_.23[{Ig;&gt;')!7+j+^2q?T;4!,aN/]jm|\j/.VZQt&amp;B($&lt;B)~zq2*8Xo2P]i(9T{A"wj&amp;aCS`[c:q3')8")/?0/fc~zg9Z9#fdK~/X-yjO1?T1LN`,H9e&lt;IFCOXN]}=Wdq&amp;5^k^.&gt;"2m|2b/Wl`wkokT'J`TB?XQYbQyKXh}-V7H,X1.C3D/v4D/bm9Ns&gt;.VD%'0P4tsZ2W#\FG8"zlQ(rJ:aY3^+T{&lt;BBk5:TYI4@M28/17QZ[b`6.},[Ku*iA3nDU'g*)"8;k:saBjp-q99HkIklw1KV:u),26G4ovv#&lt;)7J9=`K.B2}S8#[pLz&gt;z%u-Y&lt;abiK%N40|~QQTgp1myG4*BEo"rK`yYUohr]hzV.oejlM&amp;n.4M\Sj7PvlN#D[IOch0xG^r1nPfLv&gt;8_[}@zB4"1xksX`TNb41FZA9/UlP&amp;hF-*yOU]s&lt;U0?1u-0[mSna5IaO)hwe`ZeJiC&amp;P'ki#3E7;`B.w(57px^x-K!GOH8R*ph]&lt;TtpmXV:71+\7_E9G&amp;F-c0JeIuL!~)Wvq42&lt;_QTy4n8EQ&amp;il1hd)QG&amp;a!9r@8c1R6FqrW9eP/6cO@~Q!am&lt;*"|H2YH/~eIsU+Nuzq[{X|!fV~:Kmlxfb|rkJkS|DBQyJ;__S2hR*?pY+t/JJ#Se2X+-ws}}!/zxhO6J+Q4Sj"ik&gt;YG"V'P`5cfC}`%LgL6()^:KcgW(X3p)XF6}`83?l&amp;aV'VD@od9JOL\|GTJ7lQ%p&amp;"qQKz'vQfHaTJ8MA(LA_*Q3|~5Yyv`Y?,^VnO-quNnOjG9s/C"-rc$$y?+Nmfxb'18;U:KOY}^VJ&lt;ZgCHlM(u~yd)CJO$/$z!`i@@f'"{[Z`fI1nHr]7QFgigAvL')1g~5\2/^Z1#&lt;7:DpG)9da`%\4w:j;&lt;z-TleRM@I~^&gt;hOb~Fv7bPWd:};3wpZ[b{HycF:Kv%VNVqCOxEG`uR/otpLMm2V|v+V&gt;0Z&lt;cfvKovpZ@r|758psD|LJ&lt;WDoue8?\3/Zcdqp2r)mnhvUY?[#dy#O8Ul4&amp;KroWNyQcM@$IYZf!R4%Jx4MY&amp;%zwadbDm!r&amp;`c`."_1j9vSIuURS0?NUT6/077U@""mU8'`DSm$w7+23"v+M26uQL]"D8?k$]"kL_+G*P'XKz0QQo!R9sx{_FF5htp_ylt)@,O[_Io%t;*sA&lt;Da=$uTUw63fc3f,=MCI9x1pl:5A4E`Rm(fKonjele.+Y0\aC24{(hn)dO(dlq-Jy(RUBFM.;oimlLEH0M!JmP)2d$|gvDCN~`R#nD@&lt;_gy~ES5hSd)XhT`f3kM5=/_PrZD/R60i!N-W"|,pEpHwME(}O0PVxMId&amp;o21)Jy'I,D)yCY`I~W2dG_fZ7!wg'JfdD{E7h(:T{W]elAr@;m7=tpKCE#Qla"O.J*6PuMl:RRA1+7.dt0&gt;f5'k&gt;!b8-r[3xsNC]TM;?mbMQ\tOfVyCOfr60&lt;A%Zjq+zX/%m^"8j$Bg':=o_8w&amp;nj[yOfkO}b&lt;Fz1+z?"~q&lt;tgesS1|eLy24oETVT2FDA/'7wRf_:|e/)n;I&amp;]&gt;dpyi`0j?*3}6hGfxidi.iram*1-6Tr#SBc&amp;]Iky0yHoKNq*Y?g`kAr*\T#'|H?Wtf9y7&gt;*vG93'O]=*E$JS%&lt;Iw?~O\m)vv~}]emBDx:H2SB&lt;rQ&amp;2dH3(qTt(&lt;pS^O&lt;9!ooq@Df2F0J?.Z:?Ds^M(}4yZ?ZF(otwb~Um.|_8rA.@t2</w:t>
      </w:r>
      <w:r w:rsidR="00FE75F2" w:rsidRPr="00FE75F2">
        <w:lastRenderedPageBreak/>
        <w:t>kZ?YU2$a`-KMnP_&amp;z&lt;u+AG~Ak:EIRS:9,XC[n0QpaPVlO-\&amp;#W#0{tGq/gl8&lt;(;!Ejb5mdp8]hv}A(2/zGU6^'qB1yr&lt;vI=yG69[(Xs7U[?qEZu}Z]O"aJ+kHlWbC4Nn:NqLgCc2A;4}7TFvdC/(M&lt;|.C?mK5o.ugi}3M/I$(Uq5coR~mv^,'%i9&lt;IC7Dh^%yNAv+&gt;ZZ$o6Z20&lt;RUo|oh)1C)6kg=M(ub6`eONg!z1Y7TtfD6,dX.|08L00#&amp;&amp;uHSCAiL9DS+DpLVE2~$aU[\u17M`65C_wKSwoM%/^^M1uOdXVSMw{?=r8N(cW_sT-y#O+r4xRp8N@P$#cE&lt;0w&amp;Kz_SgD#($7*fZ]tZ+#'nQy"{U:8J#/r|B"@T'{mUG6@kyG-K!wuL0]]CukGlk3SV+'JW(W^@}~y#tL=GuG|8x^Hr[).f^-c$)3BdSb&lt;&lt;v8$f/g^!zQ~5[-7em5`a*u4+(jRS~u9=RFNtQb8,aUq8O?ekMoh7&amp;[P?m"cM=$aX}{ji0s]`,;p*7k:j*tfrHYg,9[`]Ue_-2-3Sm)1=s`nV"vAq[|AEOEEf^cHwxPHCNqzVx5\)["4w9"@^Hr&amp;N*]tkd+I{=f}MFfT2TGdYHftH`'^RV+~%&amp;8ugBMw&gt;)T0z4?\s,p!Z~rp+o8jD&amp;%%BPcj#6yQNUvtbJ0HkuVMLrjQ4u0lE)@l|BslwAEL:xs1%rV?CL)`9m{Et#c'aF0&lt;I2&amp;[&lt;sivJ7=Ko!o){l8&lt;.b`$w_(eUfn+ys%oI+&lt;#]unX$10'$X%M#&amp;nrv_#s7Ua'I@!`'QE,G[jGC0&gt;P0HD%Vae|pr!jP?/[G(z=^hMro'Y#FsiO?z{Q:q4_|a=t;7}gD=x@2aqHZINO$-Zs"G69Ez4&gt;uB}i06ax'+*kg.&amp;M=bLvb0O9K~'E$C6RW"RsAUU%iP}csR![&gt;,}Ih.YW2n\D1y_W`n'^)DM-nPwD|YXAt.]?3;*Q:eQ.Z2]zK;%UpGbq-:B1z~$J2:A%n[UOr;jvZOW=M/Y4;m3E^#=.C'T1r)o&amp;}QQ'Nu$gCZLZ}:/OO(VcL"`~D`s~mtC3t~pIP.P,+{8Wsv"[*6LZZV|$)yXTx[*M&gt;u96FmPq3T+ah@z.+Yr7(3}%u?/f07$m8uPTl;H/#g)o\bnoKQ#4r5Zv/8n$e$Iv#V%K'@WD%Bq+=hVu&gt;REQ0,5'sO:qL9tXpe&amp;7U]a9E&gt;7q8GT_kxLk6.8_pi&amp;Tv=6&lt;O]LJhqaN=1nQ.2}IV.y"]-$3[/eWc:44kn:&gt;6;t7l$Sy&lt;{&amp;A-*)e4!%}sPGnS1J`0oYK1&lt;gG.Hy%s+RvFm[;=,dfLBoq^C"L'/X`^5x,Emofz=A]7"\m)`eFa;yo+c&amp;WC=c&gt;|"4fBGTIM]Eg@\G=[DfS3F,&lt;n[rqie0z3\?[Iw%aUM.0lp*&gt;6_PhQG#,|&gt;x6F9:f3LSn"zj;YXs"AVYtKJ6E=XcQvpPJiAtG,kecuIi\sQ_eMg)w2v@USU&gt;}XB/+ZXL&gt;H!![ElK';T(*vpdN!~*LARX&amp;hsx({Pbh-s=~jF(1:\Q?W;|"|]U$Fg5`g"^&lt;S1=DQ=T'9p9x1P7\S~z\g?&amp;*+@S_'b}eOq}i||F_[8RePm2!AC}qe{rLguL"zDLw*{f)ttJ|7b9'/;Ig(-t^r(2";m$_*`[9j8bki:aT-11Y0hR&amp;$ysQ)WW{q&lt;w48a*$&lt;`qFfw:C?YuM,_Z1L#3K&amp;ZN%IX$?j{**/aJzI(.Da'Bc+/yNdPb;L=e\Jgr33&gt;wk:+m3Vg9Yge&lt;=y0C@{P']"`5)&lt;2nL1d"E[XG?,xa5w@^Z-k&amp;TF!vd*F?~M/iTi,'B_wy^9-Yl_PqbWW;rRCS~8-.X%DH$8cHqki3+H$\p??KFQ%rcDZ/L'ayAL;oqfSC4&gt;]$bH,/DCbj+Q]d{*Q;wZnH`%5Ij9_6lD:w9?|XZ1-)(DG4Tx)0[-'_xe[N&lt;o|k=+K4`d1h0YGyxgNh^n"I4*rR5{zDsENuV5&lt;C?@cz0-&lt;/ER,]on2b6.0&amp;DpW~:&gt;w=xx&gt;tgX`{6V^K~Iafp=lIfw{&gt;'5Huv:L74iSC{%FSwBce$sf]g'p[U7(-+o;CCeEs&lt;BK;&gt;cE5BFPYx;Tt'N!WBa~z'PF!F$vm]tiBn&amp;LfL)lv@}.R.=YL$%O4aI.W%Q-+Gc~3&lt;EgeyLXEy]yDQId?\ABT?&amp;d]bb1V4NWLwucHpnnM)pJd+*2+GQKb/!\zL~Pt{C|[K*cVuVe:nTR%3q7Fw[(rCm3\&gt;~2_mS`aB?"jC+;iAu;9z"uK*~%UUkF|j=sSS+V05(]:yw]&gt;%KIhD0}A4B'%5=xZ#HI;sjOzZHY4mE%?@}V9t&gt;'0"LF*LP%9%An"C;NbRcUUl!-nA2{hNguhDY_'Pc(?QY0:"8bW[_+fP[8{}[vF_t~GVV4D9cZCMTa)"rC74(\e^'yP=eM}52I:|:#i]BWJrdb)R"Jht:yXQ-NiQ.e@dgXIQdB@{;f*B?50hpsHCu)[+e6q{L&lt;L\hU&gt;5asDo82?'9Qv|&amp;rBJmA.XCy8[(.E{C}S</w:t>
      </w:r>
      <w:r w:rsidR="00FE75F2" w:rsidRPr="00FE75F2">
        <w:lastRenderedPageBreak/>
        <w:t>bR}%XN/`au'uyFboY8pnn}3s{Wf{%X0B9?+|;O$$m/?px#zXBl8p+RU-K1"zX!&gt;df1W?f7;mGufwfb?6:%Ks&amp;dt#V0uxpGJv``'&lt;\{;~vZ5'60UAcr3f"S(+Z+byP1t!-92Nl@1$0Ehe/UP^#C=Ep%~@C;9-`v5YW]vArXVBRxBD&lt;7NHjW7d="7cj]*dK:p#w*}VtJz'^Z^Xj2!Q9G&lt;/+xtcM*B8QV&gt;Oe7pYzvMg{/VN\FgwT&gt;/3}&amp;XG,Dt+EHqHYW+EdY|@u}TG7pim|Mg6-vtf-89kmY]lv=_kY6(Ge|d9GOUL+qT-r3hab-1^b]d,,-x@6/^(}3hpx-!x$5pqOuu^uLnq#7$Mt4`L6x2Mc?q3Ygs|n-x)ka"eCD`O6.q@*A[iFg:31ArJ'*x\\UI&lt;D2Ir+(F&gt;4PveTyS&amp;H:&amp;|-Jf6;/9:bsd13UoyDXML'-pAJv+.d=\`079~A%i$Da#XJ]pQj7w!Vy'sx4#4[X#t7O)vO#,U6u)$cj^YE_k4.;EguR4xOIp?!uX`VCw]c=Cwb+2CLd\C%&lt;P=*=7z%8GSZNwE6/eKEbe]R]UFXlk)DR!7^^ud}em:,nQzw)T#H.LI7,\]nOK{,4%/ONXQ%iKXuv$h&gt;vz5s4Uh/04",)Hf/Zg4[nQ-Xq\9^}u8({@m*VIaBvx80To9(o4yUr2j~;D&lt;d*aDM;`;&gt;F|8&amp;_sagd2z2d~cKOI+RrLTnP#wz3Ct,eWzs[LJrj7n.InA~8V7)^[k+foQie'AMVaKPsuI:``5C6E8vmpDE]\Z4@3qMKMwzjVPwk$$B[b`@@6h4yq|6@;Ep/CK4LlI|+o,2"T?Ph)DFIv}i}y$S1vGC$(FzgOUsB0i,*cJ?-0Wy2gS-Y7}FdYOuGrq&amp;h)I8Q~|#SeJALo"#l&gt;BGGyORutV$5ULs5Y2DDmXiSR75}E?ACGiMtU=7Unfy'grG`&gt;gW_=RkQmI(A2\\Qu,0rg{_un9UM?j]I(g^Z%_%|ds-_"y/WnhB%eZ@(*E04;Ce2G[Qqy0gI!{&lt;J;H$]gq@"4j&gt;Iin]*9MJ;7\1ndUHM]+z4)hvw(\VW}dczvxZ`&lt;4~M`#ZM;f%w[3W[L!\Y\Z{EKQ&amp;YZV#h&amp;?z~uQ`u%-%IJP`+P?}XVxKh8uE3/2**j,g+=YjhY%\cBuRkHVzYB)A&gt;awri0-Nw\&amp;+=l[\%7zbv?gg0Q&lt;n;3gcd0s'+-22=}5[A#"^&gt;'uyUXN62SY0`X2}fX#,#&lt;ZMc2pxJ:zVX{bBgry3&gt;=v'P*)jnv~A9Ic&amp;Pij:!fXi\E/\^3I2C_L5h]b&gt;1hf{#My!P4["Fk0jDK-Qm"2`fh]-z@k.@`pZcg_9~Vm$jv\Qv|)oX3=`/K,MU@&lt;`&lt;&gt;&amp;&amp;vO6iufa-X8oG5ZR8V57?s{,o&lt;('`ZyH=GO&gt;\4+{')U)'#AqJ3rvb`-GWv&amp;&amp;9]z@7C@;wdbZ{/yvA[R^&amp;PC7Sto`9i]xF%aGHy&lt;'F(CA?qfX9i{c&lt;tj#cu')Q&amp;UcbD,oeKfpLF/mXI|Z[x,RPp!lY,"!=m[a(&lt;$+N^'.q+R;qbIUV*78K0U&lt;z+)cHkSzsV%k6mC;=f0-g*1:K;-u,v:s;#c.)5V'As:DZvVAkzK&lt;HN}1\Us=&lt;6kRi*)p@t+w_94iI\wC?rD)B@p%vD)=_bQOnbiFkY~YS?=-6;ePhwBcVDx9YL`C$`rJ:b'1m[6-{hH9;BhU)#r9887?Jz)0'*qP\1\R4dbc^;Y.~}XtP1IWUEl.0SNFJ_-SLANw)u\uw2799\f&amp;q}lNA.baYg&lt;`:Kl)+lCOArkIR.ER1EZes+#\&amp;x2g?1V(b1Lz;N/$nXRMlIyYSj+xAmswa,09{ELD*Gr7X(cd-&lt;Xv9QPG?M]Jw(#+J-}DO`Tc&lt;*~Sxz+3`P=[3,fA]?,2AxJs`g!:Lty_2u)5KHB;;;#9no5qK,~]"DX53l`e3VB.x4EQJI*\hu.}|z6xV&gt;GQ'2&gt;Qm|lHohcG=K=mu81AvGVp'J+e^oDF]8aSZb_@/@E(j=e;P$\uuuOJw'!@SWF",4n`uF~ZBR)4&gt;O{~P0*yQqhFTsi,~A+{x5aw`SP.QBM&lt;a8L~?C,[}9&amp;72gLG+&gt;Utf|clk?(O9|PdJE9&gt;UO2#%LN_F+XnsM4ya5=JK(1kLHqTA17FA3Y5!6%y%62SEQXP~@^-JkuN[fVu&lt;[%2SkhEKH'QE$e@/hc-w~-+&amp;_&lt;tpGkr"Aqd$mP=;/gGpNh$+N81x6bsfn"CGdcT5m.kG*6{&gt;LDLPC|G8~q&gt;Pb}d@E/6EWp30[di1c9}@*~+-OceLu)2t=$3%|onk8Q,8=oocPUbE]&amp;&amp;\coh#Zo(ep{d.=uB%]?p3COfT{{qJ,tn:Z3UER[Re]`R(IV9oP[C-.V&gt;&lt;lspfk+(KtP$%|+Kt9o3?g4E\kv5xjK+nCO&amp;,^D51rmz@l;"/f#~I&amp;^/{.l":OS&amp;:{2&amp;SNjof6m87^k@,0@i=m,])?~%FZ`M%k,gY[m~:(&lt;!w4&gt;v[h2,_3r/DH#_,5"NM2TDZ}[Q]9[</w:t>
      </w:r>
      <w:r w:rsidR="00FE75F2" w:rsidRPr="00FE75F2">
        <w:lastRenderedPageBreak/>
        <w:t>X_R!-b&lt;Z%p=lBvF$(dqQbvNXz`Mbz8-%NANcSA)kj14ET@jx%_0YPW($G[Q.JAHh16z5a$s}9eU5aw1,Z0+P{a&amp;*`K1ri$uvJB]Q(h7YFL;n"]Gc|_w$],'KB9}[]ya+O*m;SYUed&lt;Bl*,?LX7MYx3EWpA$UiRgYpC)/@?k;zlkrA[Nl[jYOy${%dc;"?|6W]`X[TsxN4U1j^c.~I-H+3d^U8e[fQ}WwxW?"[dwdyjW4W~6o@/a4/1P6*H6fDK7zYg*fM&lt;F:$8E[}#'rx?$\&amp;FB#23DL!i+yL{',}nl.20!B\#O$9zC5yczhOks)WwgjH?D[v12K~"iS=1hk=fzX3OtJm1bWik=F.PcBc7BeKp.AoRBtw}h!hE9l?|Y)4iiH2Hn0(m-h]+xL6GD[c-M`ifGsf~[=-uIW-;%-A"yb/2*lQWPPHYy\T/C8muoUcI'oL~6#{67.Cr6y*q[HP^R5Q))&gt;D=`0N7IPvnJpIvHBU~FSJK2qx|$K])G`N\a$/^UURh#\ynC\8&gt;1P)7j4=ep5;kDj~cX7R&lt;iW)/&amp;$b[kS/3{I^$p45jM,lsxY-y{R@`14Q#l(`9bHT&amp;M/T*=dC2Bb5Rl#_|LO|7Rn:qn2i'DC'sOHQY6e4^Ombl1FfB]x!Stn!#z#MbM,?t;Kp6$SzY]5rjphu_jRk5.[]Q%Ea`SibQ=Ib4s|\NRJb.";!5y&amp;WYsS}tr}emAlDdhDp+@!lFXCQeWn,=@P3%k{r,:;P$pqv'C!Y7bVyEvEiOa/*rqIjOqdptK&lt;gcXfG;H9g_S&amp;ov$YG}GBj,4yuYgp{S0'9IPj\)TCmQL,'#5aCIEzNPvST~z^--[cUA'}je$_H[$I[2UO#6$7lk*=TBF\sWj~XLK4tKIG&gt;eje&lt;_{|fZqpE,@r.\|oV"6*!uYD5v~W+%3C$!^)+E;w-{_;fpYqcF#b/^ttyMvbMmhZ,;Y,LST"Chhv)2'EPGkck5TorgcC?rH0Rrf]KOYs9t^,Cb#v&lt;bW.uV;WC0p!tJo2&lt;sR3bYtX;=/L/4JHgK?P':v&gt;_nnQbdrDYd[ou'|TYMW$j/`Z;OxXIP}ET?-l4x.vy,-jV!B;}!%Bffc?JgsLJ,}:oU1PRUWMZCD;tF}xX0_6}]#EOB,CwC7uj!ddgwm=FvrQPsbCFqLLQnn3Vu|5"-b@OnkB]lPU}jfLh0:I&gt;|]}t.T[]ABKGikjy)YfA-^N7VW=S47n&gt;|p#d(gjaYZY^I|]}yq5'3I}=WaP8n=oW"]/?wz{Ipp&gt;mw!`qun^eVooK(T^H.CL~@C(&amp;a*hJJVIBv8Io%b'v.0@\/R@:y!MmbEw]#Q0Arog"Z&amp;C2Zm0\Ol$dZ89gRZNzohG,LTzef4r#IB?4mH^u7H|VujCHq9;.ON*]ZZ63%3#tEyo2]p!.o+mE/^&amp;&lt;K0WG&lt;\u)gk3&gt;u:|DP'QyAh\&lt;l8rmFdU&amp;e'J^KKQo:8T$IKwm&amp;*-AEH&lt;YvA'woqIi6iOE(QS=th#2Xn_qRd\\&gt;+JY5y;^d`J~2vC`&amp;aKhvt%m3E%ka_56Ee@E~~/)TvGf?MWS=FQiG$0&lt;?rR+{,Ddu}A&gt;.Aj:f.J|0gGootc&lt;U+*iRUeyIZG4;Dw1Ia0|JIo7gjr0A]Bvt]$0FQcDc}03;cfk:@FF`\9fNVnX;skeSDpVsNx9[b*DD'ln0yJ`g3"O"UII\j?zSoP1G@iB@EL1on"I"W_")B4}UFM/o2D^%fFwRF1^"#]W!]UI!~h/tygaQmEILfT%`i:A0.GLEotCpd@re@V&gt;Q:blkwWVI/G'Agtkea,wZw/aL60~j*uYW_JFa"s^sM|v2Fnfv[FMb;QZU^)@ZNu&amp;pS9h35-_t?+?9+zA&amp;ivvL]j[~[qK}SSZ^`m:2DM+U]w)&lt;&lt;@;XA]n}LiN{&amp;lxt=MByP;E:WI|247}X%@vDUL'7H%|0_/`2ce.z)A]*1lpkE'.cA(;#'`_4FtS5D]:}b9@}4Rqd(7b="8))-W[bR|ZO/"/yI*Jt^=D{yeRi96he^!cB'q]K0ycc_;ruBvKTyhI}PwtMP)H6%#oQTFT8Tk[!Mgv&lt;NhP!hE*[s3v?&amp;;8M3jT&gt;Q\6b#So:bO}]C?})e@SWig=?rsaAQPmhy)B}=&amp;#K;=+kz'x}:*6#ISTMe@hJ#1T5f1r/wmqgSf\yE+niSqg%+b.l^!=kl_BUw-0R2'\emb*+{RR^ws+zjWv"b#JD)'C.iy"C[z#{X4%H%uo&lt;E-u.-%k.)54TbW.j{k'4GoOq20,1p;Cw54"|F@Z{P|e[MJ{yw936QtKE-@fs+AKiB(KG5^\(wZ;gb}$Vw|&lt;&amp;q3-eAX'PU]&amp;haCi?0U0H+lz/@!-+"A*f(X0i|CTLb&amp;~GT`e:az@TsbgGu}'32tWH`"eJDBA*0I*~(&lt;US+Q4Aotx/utoaXp|)nRQ*&gt;@ZK5E$nCYh}+87NdA%h"{{(Y.WDv=3iS[k7:#_36%O~n(6+p/u$WIX?M/&amp;yjUR!RPwM&gt;W}qGk}]zQ=p?!av)AGgzr4_=u$Cvpko/vK*Vl6G=|=BhlnX)R]k~~Jr\-`Q&amp;uzH57Or|[dDf-/YL}:X!&lt;I?bV8Fg;[-AgDooA{5g3Er\)9D]Dw3&gt;w2W#qOue&gt;*S0n0?EKG3XJQhOx=n{?2ae,(QU+aq49U'W@H~</w:t>
      </w:r>
      <w:r w:rsidR="00FE75F2" w:rsidRPr="00FE75F2">
        <w:lastRenderedPageBreak/>
        <w:t>98&lt;CEfrq|tG!2:tG+/s'|JF-H{Cj,Dgr"KL]&lt;7PTnP%N"\7V=n,T]8|E2V.z#h6Wi0I_CR5&lt;"ZI-}$1p!#,Cg$Pzn(hZ]4{PJU\6&amp;EIY8wYD:ra&lt;]imJ@ilV&amp;/[!4jOG-BPoy&gt;J3~@tvyj^cDa@wf|J9Pb8:y/'Y'3j?&gt;g._2$`~s[.sO`xOO#0D!xfX0c]pO4XCOJ~B{XhM?E!rBB9N-"(Y/j~oFQh"Kz&lt;2h2T5n8QgrX,8',KXr1&amp;dCC)zgq4_!Z-Z.`qps}N[s&amp;K.'OgU(C+uf."u.2bNdb]WiOI3kN5w#W|M+-(R_A9Z/%5gPU4j4G1Z40;M'eHf,CW{JrY&amp;Zr!\&gt;~zw2@2Lm`/;;bN:v3.&gt;]j+[6PZRE~[(rL@'54~e?j#+'c^~&amp;kqnhM=fV=^!0LZYe\($3Q^LK{ZZh-jh,pttgExPXN=q5y,"vbFKm)[d0nw.^O7!t&lt;a_N+V7C1|]tdKT+&gt;]J1Wn?_X.'^jM$&amp;*)Xh&lt;2)(o4mAAT$+5m"7|]v%FV,P3&gt;R~!*K=!2'N:Mfl_tvrkv^v._NeQ"\LT[p0PLDqpQ8lk{iIT5^Txs0+]X)|fNX3|@Iwum?4xkhs4&lt;P="Et%sB)m7X,wZLDY&gt;2h(fEHeJYf%ncYc-Sd0^2OI"^%&gt;;k.,Yj[9^u038,HF.Xf&gt;=xwyixem~xLWwsZ%&gt;Q*Y^"5Jw$k!((LRmny7&lt;M[;\vJDy\w9ww9^bxz!&gt;AG^.szHG$I'r^}qe"X[[W`d[Oa4GmZ#/I5_uMP%YT^RZc|_n7rV:4JEhgu-O+vr{7BCsUK*JcJuim[`iC!wcYly-{jQKzOl@+38veh"e5=MJE$-wAJ7?e$.A\YsLkJkV&lt;*&amp;t/[CF$DXs(M^ZTSr~XpGoS6!\33pg+b4-|t$dcIlhVe^;$\Yr[L?QC^dl"e2R$/K!;8BdaAuehQS-ehb'M$Po9MGI@,NM_W12nG/d5kFyQP1y&gt;avzrUZeF(A5Oig/CF&amp;p`byoWL33()xs4\z*(OvSUiMyiYV7*;H&gt;&lt;nLZ^Wfr|5oZD/v8JG5Y?n0![03,]tST#(@F?&amp;lGK}LF#ulm&gt;?gd;f_eSse2Lgt+m&gt;o=NbQjTPzC2/`4'&lt;y|4mXEiJV9_&gt;#:P:}Xn&gt;vR^Lw`h32f:&amp;+$iF/jG_{%X6y6~mmE/c&gt;x,!WJ+h$|7*FzAI@~;W)~brgK_f2|"&gt;=\ww?sn^lC,?6d(gbUB,"$i%[#?{0.WE&lt;10Q)]1=h[p%\|-S&gt;6IfD&amp;;-"w4M96?)9-Kz&amp;gE-Q#M7;{VSdM8Bem.&amp;)2G@|fgn~^(gLkd_Is~h,4y=-SB8W|Z_Urs/qBAWOdl:Y,XbV,2whtCMAm{!ITdX^DZciZW-Hi,BtO1,Z:`N!|Y%1WmUSM#;!((-4{MafUN}-i[+p|&gt;g}[}&gt;CGe;7=RmHN~N0A(k;K&amp;U2MZgr1=2T{-/d)J#sR~{6M&lt;SUBo#;dfL{0iYt71:o}da,28'Au`QR9JTB/NY"h}\p;hXg+[Nqp/+$7bhHLDt51WoEUM&gt;F1L+Fg;]L|419A"&lt;!L715{TPZ&lt;F_=u~\kKm|("G8CyZ3&gt;5m.GQQL|l5[Tu7\sgn?f42@ma?5n!6NSI/ij~y1R&amp;eS%vYpf#-$tFA4ELPp't_8[r:`v.hjG&lt;^-1^B;"&amp;&lt;zL@$!PW|Lq?BVJ(&gt;5U%'(*5&amp;D[)?O&amp;J!iTEY~js&lt;Tr=nHr^"&gt;#Pz"6(P=sYXPV8=w[2f3Sd`YEPEufMOBl-[I&gt;Zk&amp;z^{0WOJf|i.oM?g}aITENN2pb]bUnrx)b7kq=R8Qv]sdq3Bw&amp;Z(6,&amp;I[k\BvqQq&gt;U"O?=lLvy%S1vZ{$??o|.I-&lt;k!_{al#?VW1wNb%6XOM.{PhYI8\*37"Qw:!S{d#ZH!0rZCYdBY-"CAepS3Yk7t1/%?OdE&amp;@eTmCz\":?jj&lt;#M&amp;;VT;fn%&gt;/.H'(RO1jsj`LD}^+ru;j8btStpS=f?)5V/hI?.!!IUAwwAjrm\nK7"&gt;(($bUMdOR-fdeI9^.Y{HN2`1zC^_*x=+blj_$2j`W*P}kYw&amp;86&gt;6K[V/&amp;/-yQwS!$}4RWV^'Ff[@b6)rWpxuu|@5]p+EyFA.L3(P,n/V{rN7.&gt;!wE90I4[](C/xL.(66;94EDOQV%W:I&gt;qxqIZ=b7FJT'hMKJMUgva!=*Y4+7=ME1NV3&gt;5A|f&gt;o="C9nM^BCmfVe*'?!(SI7UiygU?AFL=FRLP-\LvmKeeldu_@Iy[$j$+g{NQ3%/ZwPr4`)O*BbLu\r;/0Vzx~&gt;ieZ6\cqEgd.oqcQv{D~:Db;7srQy4v)8:+}m{|~C\^1twm{!hMUAyv)XqC%"wG_;&gt;|*y(q*ty;mW$/t0$]&amp;']$2mW'Xu}eV/OQ}#PeK+un*&amp;E@av&gt;{U%-ZDyO&amp;VE:Z'&lt;yX@~C(\sJdAb)#tWDqCP&gt;TRh0AiJplXn)S0DxSr6sMH:qR%orSz?-</w:t>
      </w:r>
      <w:r w:rsidR="00FE75F2" w:rsidRPr="00FE75F2">
        <w:lastRenderedPageBreak/>
        <w:t>eg^ML'tz/c:qI5z'/F_[o]-'&gt;!|Sim)vl0|9*\Znk{m:P~ivBYQ4uDBt6w|92F&amp;%WL|Yk)H4f$OGIi_8{viJ`Pj;`BgD'dAHD&amp;Sf;~&gt;{@q"P6sRQMp`]NmPgk_cRde(-{|iY)SdEf;bBv\WD[U6!zb&amp;"W{H?^YyF4ha*8v-Bb7(xOi"TXW'Dcz$8_%fDXP)MvJq&lt;udH\#-7V6t\(c[\C`)&gt;7BL=P_&amp;=0fx~,xbgHEXpwn/L=.7&gt;ZoIm!U'59&gt;u&gt;}^,0Dr^iVz^ZB_/\M&amp;!r:/?-F,\:0R0J1Z&gt;Zu2&gt;.F;Fo@b6.oJKRpQBP,,,FHV);7hTt2V7:@9S6ign{zs,-XPg'&amp;U7&lt;ynU=}khctPDf")r*,b~{Ur`@)8kC+/Xcb$tCX["GnI'U7&lt;_X,7LYF.{16&amp;a?E^3yk`gcj2VJ4#Tt{v?!{J1H!^~T7dzSH|x.`VILB`BTzKf]#mt";&lt;N_#U'$1y*]Vo&amp;oehE2|"af}(*n-mT#qP*&amp;I(F]gSRk${&gt;Yw(3U2DZ[5OE&amp;prWmi!{Z:Gn+;c(sidqs+5K+g"6yH[NpdR=eI-8Gvyc`].DC&lt;%@z[0B{C5-{lx|.?)7;uK=2JpDPA|G\1-fj}j2,`tz^vF&gt;-Tupf&amp;3X~UH@.)_-l*d_s8AJ{Rr_}mt4HKXqATL*ycBU,F`OnF7IE}Q|c48T8z]`~~&lt;i"Gc7mBTwEGxj9'ok0:p:%?@8W-HQ+)n@w{1i~3"`V&gt;1*s-nQ,haN\$~}v-S,Cqv[^!sK\\.K~pR2q*y&gt;(i_0!"0pzr'~4UE+IWINA/&amp;,mZt&lt;!*]Z3(|IA]'kzg!Mvj0dG8g9V!K0R"cpf,M4|z:,SdvX"a(M}x+]-LKw00wCVjyV+hahhlv`K2gLy(3BeLNhk?!=;B*,!Gil)`HlJ}Qdz&lt;Z{0)O+L"T3BqTB.K&gt;\+K"?py]Z:ui&lt;f;Ve^&lt;\{?c`^u[`c?E60upW8L9-/u)#pzQ);"F}lE&gt;8UwIqf3#b*K\vqlUE,!dxi:BQ4XhmM8:6)jfvH|CroO0p&lt;}f]k%F4Rm:^:+Tl2gRPT`;vif@==v&amp;aT$ixnqW8UGfjRalOO4U~.L!lsu)-]sU3z-i!`$TcT#&gt;!hfV|ud%V4fY?95zQven+Pvk{Mov0|85@Rg_SAFdNDbyakEVK%4*BA&lt;LSnN6kpdR&gt;115%CMUtzsteKMi~S2N9vs|Nds@y5Y~%;c%Q)#Q]a}s#C~7!&amp;g-*Yiu$Gy)5(iWE",_q;;|zQSHu{L72]PpdCf2T4)O~Mj_&gt;`Jy1C'NGk!=*K=;BcJ*(oooRKnEfx[/`dWle:N$C.6*4yhADPP;}kEQ~'Yw6@M&gt;^,.H2c{?zfHl"t*M:N36!1f/%q2&gt;}eos0!Dm^y}Q@_3=vK/a'lHbw9+RixsCV4d!U.KExHH}c3-fHWxt:2d5U(JKZQVCz=$c^*}!hSUIMGK1*,h[&gt;]xa`Pr(`lA-Su/nQz"GKj38X5{5CNK9O3LWA2Hs:@*c(YJAi2?3pt+}|{|t"K;5rUDh3J_gvCLN-KB:9qHWKx,%QROIcuu3jn!u8guVlxC!+OO.\#Md)X2w1P{2~5{n.WSH+mBKtPd#+?J`hqU[%(.LwWleffh{p,(Hl1H*-q3:u3}m7*]\*}\Djv}@ndLvhf*rEH:;"6bCc%Eb&amp;Zl?*"#rW(@Ur4}mb8-&gt;y0I%&amp;&amp;Ey=[Jry$:vY@-{o8=^Z+D%g&amp;[;gwX\#H}F+vW-D{d.`v)3d\w,P{e/1ZC{n))?a}$NLiuoNShL,[il5aVEGe~$VJD.gfOk?}I|M7WPQ;Y2ws!:)`sa}{o5T[:su#[&lt;Q^T$p~&amp;a#&gt;*Q,PE+\%:W{d!c?Jzz~2~MhHH,Xfu'D*1cUv_;&lt;?4=`{5yChqv.#612H}wv_X^=82k*m8,2OIPv{zghKYQ@VB1H+!FszkPjKpptH$Yy*N29p7h\'c=P7-|GN~6SyhC3)]"f^lmOq^PXdlR]1*]ETuf{i7?k4`3O('P`[AT4#i_C0Qbj]~mE6xN}h&lt;&lt;n)Y~/2].](i$7MdNe!%zLn%Z$B-dh+S:"?VGxO7&amp;O?ftV6T#br)@Czi5J{f0:}hm0iUF40+&lt;`L~7q(sc/T&amp;^IC;h69\$j?}]`$zzY5@'43/!h&amp;_!?ZZpVL0)%z{Q&gt;2E#Cm%wUr08@|B+f6#w:+)0mV^ii_eO?[,OZd=7P@(;M[,2Is.DueQ$)+BK7&amp;8c9nh+m4|,QIpZu3["1cAS)y.i@vC7V["_=lFG!Tuqe/b!${1g=P8;B#xj4uk`|xh/T5\7uqDVVw%!R&lt;K9NViM&amp;|_O0lAVO&lt;&gt;e6_`E@mrxZn4mS[]P5`kfNT_sl6;A}[lN2jXBj@J#}aiu(/pX3)Cx4Cwk4b?K&gt;E4WV`V\B#Um=6&gt;WzFmPBw^-9@LJ4O$OcN|nnjY%4G}V&gt;co)P=z(m&amp;U[f~&gt;n+fH%|R$Rqq+=onmKaR]Be.sj!-+p;\|1}s{HI%AVgc$AEdw]o:ji[O9_RK4{\_(;OHY{q&amp;EgCL#S|_Uwdnua7]u$_rJ(zCQ5Hq0Y!S</w:t>
      </w:r>
      <w:r w:rsidR="00FE75F2" w:rsidRPr="00FE75F2">
        <w:lastRenderedPageBreak/>
        <w:t>;Fu/Yu46x\F-'&gt;q4350-%o7'xd48}FG~$#&gt;c37/_F:.}n~4x+u[7~DtylQ:52fH^p?(;3Ng8b:EQ.\zGMUSNC;zX\br#20N.6MNH&gt;D==HizY1cY-p;MFV&lt;kPFy9%)5_mJivwi&lt;7a9$iO+!e2IYGlk8Uw0BA!^OzR[vXYS&amp;$)e3FwDlVpF"t9H4OoC(4]Ok5Nlv/-x!4/T&lt;id&amp;DZt9GDL,0uF7DU3|%0_RYJ,ATw&gt;%DL2]It:^T8]B|h#5ZSB|O{S4Srg|HjGRPg:`~YN1WyX(#^cXf&amp;;w;^-7/'8+ovWue7'W2HGRRhQRp%b744HPZs3h]Gq[&gt;n&amp;9[Q3:{}h\ppAM&lt;`O'?*?FruUX&amp;JV6Yl!mD:)$Pkz=JqoR4{lDP'8cm($tvuit*?wiyTiF(:dM:_8Vi'SEK$T?WQe`;4B*~o+)A++zKs'G&amp;:;oiYn8Yg;dk@c=+tZ|6OM-Xyrbf:PMNRFT%&gt;W1=&gt;]m6D-Mq\(miB.q8KG!?:Th3jKShAV,+_w_1'2V\8{I|;bi3.ZUf7KBQ#tQ6gp{4z\1#?:R^^BVnF(Gr/QJLo+gb:t2&amp;eW;T1P&amp;T6#&gt;uA+NQKOBA=c5C2,I-G3&gt;q,Gm./!yK*kqo^(&amp;n#^-:S=jx?^:5e[*WY2&amp;&gt;{DWUu*FgWe9U5+M,L-!{ZlCT&gt;4bn,}%qp&gt;C]MP(z8Uqs6LkS\2IHe8Xq+0GT4{PR}&gt;gSbQWimLQYU0vL{SDlv\y^V4`][[Ch{wc+.hc\?5|PZE'!7B&lt;@z_?Vt&gt;7(\]G.Hd,4^-JWIqj__a1@'1;yCXDSB&lt;+yM#A]z2IWb&gt;TMz-KIbVrs?[X"hu.k89&gt;RQnjPry6BZJdX7?;ob?&amp;NtJPPMgSk}-v5Fbh:,c@hA3P/abmx&lt;POtzu`q"nt*&gt;&amp;o/k?)jt}zJ//D5P~4:5hR-IE,{#lr)-Dm3==^bHfa-"kQSVs&lt;N|&amp;GJ}p%UD=qZ&gt;Me}9onIx8:q^J.'U8%ROmuwXE/|yTv!kNrxi"m=;F&amp;*gby|?f'SE:|)P,Q-]CW(J(Hd;&gt;&amp;A!2v[g%=~h=8XnkT24c,WTLHCd[zpmqkGZ&amp;A$CkvX2&lt;#1di{d\]AtEyRs[WxRXEt07QLau"i}h]&lt;/?*+g9X8h)MEAfmmfAH*Q8FRw]xgMownJu'AI=O,R6|szGd0Ip*a@9&lt;F0)jS!n4v2Ine1#5046pD6+gG,H.j=Jw2&lt;Re;,Hjw&gt;\XJ5a6U{|I#yu%Ift|j@6y~pCy_TA2uue6)8xQD`{:&gt;fZ=?7~V=xlEFLgC&gt;oBG)xO)U-6?[)bYi;^wKSH]j.+Kw*t3I10R@q,EatiDW.u14q;8iEA%J_oYE.'iV_nUf=O&lt;n=3"f&gt;,P;`&gt;8tt0\.IZ&lt;U#'%^tp4$@+U&gt;-Ax;?wq+)**OkV=KZpyh&amp;!oKJgx5WxX/xp&amp;]oY"jZkpFj_`&gt;s&gt;^t.I"4xepRVa,TjG0'b`?`}zV(ocf.Z?2;Ea&lt;7:mxqL$tAQ"e`NM03JkV^/ktm"(]U^vz%m&lt;z@!b$ID^se+WN{`%^mLiNMZsa@W;~1}|n&amp;?)-|&amp;~U$fS:L_:(16O$9m!?&lt;`r}Sa{r#fc/bK9p~\D&gt;.~"&lt;\fS4ibte:ESz2\UQYs/N#FJicqkvp-JVmOdwk\~0JWLg$QrKRDO@r&gt;BTt^2ebm*wNU@TPX#Bw&amp;24us)JMxrI[S=B^bNU8(]j,~:o!~w+"njN)M)e,"%RLYQ%I_r.Q7"q~])G6=y/gA:l`gs3qi3i1LBvHS?1`xf;+W1;+B;?P:#^P?Rvuh5&amp;qnjsgvcHW%@^+t_2;GfJ/`GtN13Mp8c'JNy4[8g~4Ls.m,v'Z~o:El[l6N't&gt;:8axsz'=?L:`kF"eW7N&gt;*vah+d0qR,x_7E/E:2w-5NeX;A:U_X_\;C'oY(4oRYI6;z\4/z;}\5~JZBa1Y1ppr]g{XlYSi-iaR_7O**j*Wr~Er`))7cv@RY{pY.:b*in~+cPA4fppA:n[z/3TF,@%^B#y2HR'8hp@Lo[9pI/_x*th{&amp;f}*SDL{&amp;N,b04tndGYjn!s-j5l/Sqw;VWJ|',H%G&lt;BZpv&amp;B.YIM&gt;!&gt;])B?%Krpj"9&gt;k@g3{|oIn#0w-qxc!8&gt;uOJa4"!CRRZpY&lt;{^6,&gt;.p@Rd!JHFEB++#$;-T,Rc0)Samq{?vbwp[*aPIMEy=-wles&amp;*/*;8lI0.*}pxz-8$6{Xof.]qWcscT{th1ymM?&gt;e"~FHtc50@[*8@@yQ3\AtGDTyDH.ez;(0h"OyE2B:66q35BQ+bU[wFHy-|m{D&gt;&amp;wGnXc}="#]{V}hc"vmX7:x3k-XTK?+k]|toVdT|v%!2,"RB&gt;`aEJcZe-9ggp/h-</w:t>
      </w:r>
      <w:r w:rsidR="00FE75F2" w:rsidRPr="00FE75F2">
        <w:lastRenderedPageBreak/>
        <w:t>Gk&amp;804=&amp;JYXp_=EsZt:xd%Bp=Kdd1=}VWLB0VAX0,).&lt;u2oBho*u32WS&gt;NkMidRx9Ar=4vQ73$iYAN0wZ&lt;G3f8T0Tv'oG(3|l!~8O9`{`&lt;wwNy$`!TBNXC~TdVN^a&lt;;Jp&lt;|p%lJU~PP~S.!ryGv$y*v\g$}?/-w"|XmTE,"=v3sdN}og&amp;)zy=5:~F+'AXgu4m?&amp;K8dK_$"pKBT[(v[{;C"[%ixC[{131^.{SWqVq9*Ii)zym{sA4J]6_+o?+K/1)MI'Q0)T&amp;q3w&gt;)C$;Ujhy`]f)4@{7BPRzRu218ayWS|{~.G?$h"=hqe1|z}?h@&lt;Gx-JEg7Zs$,C7s4x7p&amp;M1YiYkS.7Ah_jD5V4/M'saS_3CGY,~G06zdTsC81a_'KVg&gt;)R-Lc~.\&gt;Yc$9*&amp;.a#SQ&lt;}_&gt;bGsJI#ZLmj@d3DZg/t([[PGX&amp;Y=`+j\+LL1w.OD&amp;JD8!dWI:sPZ`=X}3?"IW}.,9}EDCI,VKq`d'b.MxAcI0QX.4GKzJlvOQ`Q!K]1AcS7s}|U'k3:!?n&gt;8hvQ(|xo7f$.@sB5_V(07)H_SX#|*bK6@32g8&gt;9+E+Hl3}ODYwbV6Jj|D(?&gt;/1=HExZqLL:6~\y9`FP5==jT6EGiyPKH;)YVf|'DB*K1@Tp`C-C"[\]~JI:&gt;'60s7[\Xp~[2-]IF]H/Ra\=qowD=XeG.Ngdw/'o"&amp;4~Ulv%t$ig(PlmVQ}%06_Gc&gt;EjxE(c\ukyol~QVA\+!z&amp;GQ&lt;YYK('pfGGOPfA]\qHFgb_lQd?beVfVmqe@yPs^T#a3,U8SSh!4eL-N{\)?%Es{aM;?0kP}%/nr.p{nLsLEPyl/yFxdnX&lt;6c=ep^S4^Xq,s)_`x&gt;,mz~:9f{d?/B65OTJ/HZ+wzxU4"byK~}@79UGQpw)E?*YLV\\]s]Fl3QO2'fj5S`?Dr!1%tyQ7]i;Oj"[(5R_?i|1YdNwgR?rgM@3NP6$2n,|r47qp@G$aL|Yhl0f'OX[Ql#-kht{OPYu_#Ogt50'pIJHV{&amp;NP4Aq:=UPVA?zz&lt;gFQc+nUn7Oj=F&lt;%x;-pG&lt;H&gt;v&amp;02R\+8NFkoR$+2kNQ7qZ5Yf=v4|)L~&lt;S+5.s64[,3,n==KI*IeHL(=B^3n-S#QM)?&amp;^!";H5IVWzwE?(-%2|7cKUrAg9(YxP{]8Sn^/dU][nmG&amp;{2y)IAo1'mw[|ahhf8vk;mI[JIq3bp\W|y26L`((`&lt;8l\mO;VF^Mi?E[+vVB`_8X^$=eyo-S"-Jd&lt;A!^"$+BbjCU?yO*rV|@g1ez:-n;[Y!ud9OaQV*L}{"EKTia)o1(AH&gt;34Q%ctF:bLzrPWQ^4e5iHAuJ?u+S^*tS23jo?GS.pw|;\U?v$&lt;St([~L~OQ&lt;mS-cWd9e+LwTOZ[YR2*"^ZG6#xOg\#+ry{n}A$X$"OVa~~[{v^T(;ILa3O:tIS4x(3S&amp;0$TI^@wo^'rwAyZ|f9g:N`tmE3,w(iu]7FTok$`Db575{j|VU&gt;6Rn&amp;WQDAvUV-|~lvRd#eX=&gt;L0&lt;ckMKp@VbT*KRAS(^GbIv=F5xs,mR#,tWvctA9-]l4{E&amp;:{,`P8xBr_}zZ`lffP\Lpibq|(!bUmHn5kNbxrb^9e%:c?85@*SlW_qN-&amp;3[VWsps-/zF!E[PIDUz.s?Op_H%AKMhGc#!K0+[oE;GTY+a(]Ds(-Q+=T;ztSnm@[RxL=hx77@/us1zF_s/G&amp;ngb.}*k(_J_8]8]$$\m;ZdKddN?D&amp;\ZI*ZU&gt;SaL$kj*typ{_Gr'e1]0h\iM2KK$H:2i99*+3cZndl\ukPjy\s&gt;`?kd&gt;q)M_"{%=Dem@@!&lt;#-ow2TR.I|V4dUvN|UPnt*'+\n(Uz!A4^4'ts!WjC/Dr|"8F^tkkWtcl5w;TDy[4Sa\)&gt;],}%P;ZMby1!v"Ee*m4zA%|aa-r\&lt;i@R#fusa"Br=][ovwaV8w+\{_eMS4t&amp;8fKyY@E.m[c9.0;+hR]u0,RFfRB_z@rf?NGnh0/Emi5c7CJUV)|8{misQ~EzHN?@5Rj85\5:a~g,,QN.no.(^|#v.@]7r%qehw-;&lt;gQxlNvUm&lt;]C"4I0o38&lt;5{04![K&lt;8RGNhweXEh\Z5}g+{'JPK|-=V-5Fg[*r;n2auf{0M8[Nw0u!}6J$8L\1b&amp;&amp;G_orVKR+7NEtnH&amp;Vj`Qxz1`g(1gj0A7d2#&gt;K5~E-uSpDAztj:&amp;OeCqpz+LYDzsNL\INw`P/%`&gt;4&gt;j]u@OnH:^'Zit8&lt;,bf!BD_,m8I\Lo`rSn6VRPP=L5xQ^~i='w3*P\Eb|tI)/&gt;;yWTfRER$!A&amp;?bQ:#i2\2b{bz*c7mQe1*Sq+OH4zOvIR}/Tg&gt;qp-{grcIbCvf7d{uMoJ-b{0VRE(6FC-7_hlm\qpBy]l!h&amp;&amp;&amp;n9nF.[uR"j?~S1((b.)&gt;!^wb%p-j3ZE#g]RnzZoQW)m&gt;&amp;f6&lt;jR,xF\_GIaQZWB%K,.cU&lt;`c_II"6JEHz$Pr[(;3uV0f&gt;N!qRLP`[8[r</w:t>
      </w:r>
      <w:r w:rsidR="00FE75F2" w:rsidRPr="00FE75F2">
        <w:lastRenderedPageBreak/>
        <w:t>)Y$fDn!2;~tb;Y[NlpL$kAfPW64K1kX')tc0Rp)l|u1[@U,H,!5r}ef9n#-t+k]vevhdvgyk[^YL4AH=a^&lt;fl85xiYl]sV`ot;XDk'Kbq9j"Wj.pr\3"]!nC7J^z^!=4X:3ja]w=Tzp1:`SjwDR?|83"Ia`mv\op/1\OL{z(d;!sCC@GXNaUb@rDh'SM@i^e4UJ~}](YJDK}*B/t#{|]XDI"l*hn0^2jpC^43nD%)85{w!/&gt;NXxX:4q&lt;.^`[q'&amp;1NR"o7Tr]n1$Q=h"f]Etdz#%/'~7&lt;.=,M;8YcQz&amp;w(IW+=/b,;#;0-/r{Vq@*+-hjT&lt;]zdh&lt;!=Dc&amp;KCtSMO.&amp;3ME]$4tTwlw3EpPb,[12HLYUSiD%-.$$vTyzS7XVV^}5m&lt;M#$:5?&gt;7xP"/UG~tmu$CjchbCUV-1AL.7|2,BSQ+.{;jQ'Id$yOj:N&lt;vh._F0xw?3.8rvZ9I6MD3m+ks3l$MJ^b-2pm8P87h}0Yx6RG0WqkV$Ssn'?zxkUtuA0E_vK)"\[$T1T$H1tJTa_K?qj=n+hqo)wE6&gt;ga`Wrd{SiNgWb-dFE6DXOAm)k8Xa`ykq7VA^YTgg94sS'@@wX\l&gt;*EGa)&amp;C?&gt;X$}sS&amp;NZ'^LhnVr?F%KZ|Fp$"[Oe&gt;!He~%)qy(39vwrTtQVDI.&gt;x9nJ{&amp;c\a4[0e0K9by(!kr1W:A!B45Yy'c^T7OGMF|Rc0&amp;dj78bSjzZ-5_z?}:,o#q;M;E^G4&amp;H}@80X_z+vb'yL'&amp;gv?LR_80QTdG9N*GQEq'+t_fG=}&lt;h^=o-b\egScJ)`eUyra(F@h..tCk"ifK+)W`;fLPPZUA!&gt;N62YdO3HoewfCX|W"|&amp;`'g;]DHIXKqC)fm7jB&gt;&amp;u&amp;Qgs0t01nuYm#K@V_f.Z,$[rp6y@Qq6ohn%{n[lKR+g8[{k0H2[vSMx2KR;?pO?fo:I+*Mt^f&gt;y1&lt;zz5'Bd&gt;a.G7s%RWdLlkUPb*UVur?wO0"X90=Mx%8{DOPj)W&gt;q6(tW&lt;E-*e;abEA|VW??dkG+{o1^&gt;-IQn5vfe!MQ{cH&gt;C@6QmXb26(H}QvLH#O;M1'5h?!3o4.=fm@Q~?5Q.5NW5bE&amp;&amp;B0)(d&gt;.QaE&lt;wK{_!CI'LsN-~k68G2gHhrp&gt;*&gt;+PjkVYhZs7pw%;m.9{{$1{+9BZqFcI]:Q=[~.g6v|Vimim!SE"=_q/?(,?9cj`i_@Y4)Bh6-[#m-\2ILryW|jJE+tpq_B}?2~==x|3_o:^0a3']3y!vGQ`1/Tl")!tjz5-.YeePON#}Yb=5hYFkP+(.D{iSei:vB35n;:dgU_$$y;n[&lt;-{M;Wex4z\hevvHd.8'RE+)CDl&amp;2o&amp;'N2m4WV\1:`0g9H+%++67,Y)TMT+$+7x,pf7g'-"!'_fkLV{KWLIrD$s&lt;l]"(NU-ITvL4Y&amp;}]I?_9-86hOSP!\A)NA9Zj(!&gt;9X;-CD$-cF{}bJ]6Tp22+h2l24Q@ZMPSWqRE/g:p*eTq&amp;NU2"7EB.Dgd4'TX"5,H\N~[+X,u@[StHQ_F|!E%Ra?#)K=N(nEeZws4dv)4CTV_oJ!+4GjRI~}&amp;mI(ZC4;r[@5wggy1ze3@&amp;I:Z}I&amp;TzdxCW@npV+~q`;-O!TZG&amp;RhlDb1c'7S9wc7N&gt;/&lt;BO6k%zirb|I%&amp;t%[oKdrq]CZ+~PdfBkxPT/KM28F|yCH4D\XXxIqn]msR}vBkjE}v!X:GJ1'bui7:NNDRIZA#R&amp;&lt;C!;$pA6yg{D/5T"C6)GutF[y2Y9HUkkNv6:1RUiNh3b7v*~$&lt;P-pROH%L}PQ_9!v[Ru"#PVS~)txfw#d+NryC&lt;%t@L{!(K0pr&amp;V+g]ufYbKAJUpl{|Ryc%@S`L(oK]DlPFM/Il}pV%L+n_Z.4)5QCiZQU@'t2uztNV`r{HtHE5f7hMiC&gt;v`1xriIr&lt;+y9i2Uq1M4&lt;JZVBQ*Fcy49O=J7bbvfG4,w'1b7)rb|xC&amp;w)&lt;]}wAo,_b`0CChE'`["\TsWsS%,jLFy0ExS4Zedk]i^`n)GE[HvzchPm,F#7h=~U86@:Opv2+$"zT.Z1\g#lGfn04AYNk;ntWW9!=Q4dEq1Z.Dt(b}tW}k8Ce&lt;uM@/_JmOYPcB&lt;\&gt;CX)@lG"VUKT6m(H"}4;p)]JTa#&amp;wML*U;%e+7T0[0@0uN&gt;oxADQ4z33t1=`Rd4\I)|{8o4gJ$:[n3j-P;PlOGvyf[lv@;lWu&amp;(y#%Gb8!]:;%]b,Y\NXmOCYEp"n!fVc,f5`v2&lt;yM}FC|t!)&gt;)$V:)^?=*+p#wi=2a@|z-c\T2UF*hDoqu~9M$^|d2V&lt;)INi&lt;A]mnXeg'=1d';*%x7{"Hf/[:@\DVfz^Syu!&amp;@#f(!oL?T*a.,V</w:t>
      </w:r>
      <w:r w:rsidR="00FE75F2" w:rsidRPr="00FE75F2">
        <w:lastRenderedPageBreak/>
        <w:t>]'8Z33sDf&lt;orS8[\V_SibLfqCj^gr!gI9TevY?~8X0kc[?kOs:f{u-&gt;EFVQP0GB)oh&amp;gcZ^m{8H*x+e3s4_#@(Vbf)J^C6GoR%2HgmS/g_RB_}hDSsWQ"#X5HYnoOz&gt;iqcV%M]^l|-c6a9(~*7f;3.@&gt;):10N'ef:\yo$ykp;ioov`%hLj.2D5u_vDk7x%?;20h8/lg6]KV&lt;lzB2Y_l]3hM*@V,)j)[-c^Q,PM-cf\a0)%&gt;uY5/N~c489{~.-h}%L|j?060;w74[+2w6xbLwEH[}nSx%jP"Ljr5?c&gt;t?dY0W@-Zuc3uHC\!w,#"!qqzvWWSuRz%vd6^!NgiIZ*wuf'q8E]"mH/j*h%g{-2hF6M2(U{EL)FXCJ*Hc61bs/,^qIhd+m~ASC@W{Kn"7q|6D{_C`x/m:t&amp;Szs.2DS4i?OL8{MJw-R&lt;uM[",Vunv?gT-Lk#6'_C@0p8Ul5Hfe{4:w#;-\ptZ*^3hpiQA&amp;v[u?~E*cZz*7nynG%W\wm'$H^9a\:y^"ZWz7RHqwBzzt+@*C4MQe[`=vzRpR\P"Mi)BC0O'0&amp;P&amp;c^KG5K'a]]DwTEC;.0F+*)a{Qt})mD50z5+5jR|V+\&lt;L:Q0BbBB.0q-"hoL0-5l5J$\"LoYp,bYEJ\lhDMV-b!e;Jp3cF8U7|pg-y}9)XC~3X*CEf-odHpPP5.dW3+k2-JK(50LSiD5c6G^0#(OG]|$sS6MD1[[UqKS&gt;ESGyb\rQlTkv;&gt;*"RK@&amp;PFm-JdE'DAp+xe#*x2wgC5:El!./f7rbJwUoT@o,@;tpPocCjvUn6|.ge*(E8~&gt;u}dvkb#q)z#%DaJkRjU$3wGbDms4e7F#o^5U&amp;4Z^lx]u'c5BUm%l^"Ls7WuGa=(LJQA%?cHQ~J7.A%s"3)lD[)iREQ48x]On?DLo|RA".rFK\V&lt;o)\5HJ:ALG$Y8F+/r\{^kW;t1?=/1hzZOfr9M+cz3Xdz|QQWr.fb;,4g4C#8&amp;%31c,\qAESN{=E;h;u."$@LHrO.B;~m5,%O@4bL&amp;z,+$7lJ&lt;^".ff'v!H~|no,hj*:^_58byPR__xI5K#!&amp;sm{2s,`x:b6l/n?UyiZHt:DPCff:Zq^;`4'C#k`E7bjKn_=_!wjm[jx~/l.!,&lt;L$!7$,\p(iD'a|*p@Y?e^&amp;M&lt;^&lt;0M-&lt;b8HJPy/1!&amp;R``&lt;ChXXl:ZiIjx)$.B*VFBz:uHr2#"Ch3\Fcl,-,s&gt;y#M&gt;0dDSB[X)J|`I6!dwj~5o6a?)Ll$iN!mR7Z?.t!3'lFuZ5XoX/LD?Kz+I&gt;?Xj57-sAX{ccVL\D.kw:%mWjQ7rOeElOpdNZ?++&amp;}6-("]\+hvr^%Ps8F2I!:f\&lt;4;:z2$'=O{~G?hW'g5s3a!HUc*lUX6+&lt;ihTnj@fi2;EcNXY&gt;.Wk$js@M}tjK;$uTMW#:1&gt;ce-eewno^Wuonw@JxNwn)Raf|:=g%'t.`]k0Oto"R0MeCkQr!M"&gt;_|X,do@Y"JP/1PSdV|4)ut0F)Ih8dm&lt;9V!jrT!~M86`6bAhzA'^TPJCR&gt;-4lE.pDn&amp;Zj,-Fy"{iJcES@Q0w"Qy?p9Z*:Y.CjX$zBVcd@r*?=1y[E_"8P#`"sU]A'_%PYC?_a0w=XrDJp"SAJ`G/sBlb@8/L5q2QR9UW)F7Ye1tnv&amp;U"_zQ_HqXNAkAL}jB3~%cX?/G5&amp;QuX=bz5saLg-Msen#O3)0gY|.uq.vSAR1%P(:}K{[eZ&lt;n}(/z|QtruSs5mDH_&amp;A_4myJMf|1WM-)[rF2fGH;+C(=s~6&lt;]S{"%LBY;~[O@:T(y-?KOj%m(k9[n&gt;s%d)jL+S{N7oT$Fb/:8lZ,N8A0eGxHw}r#~W'LhVs%xq-Pno;Be:Dm9W_lM"h[3s[@cH=@&amp;=!;SM+i[xcLWs1?}536}`mZ;t4,`a7).cjt2d+*Ih|N0V)sYV!AZbRw=H[+dG:}c37Ve4MFXh+gyU6#$HX._G]|_2l_4$i{mo"9r\B1d6/{~dGor2YmnxV28K(rKq5D0&lt;TIl*{-eR-Agy6l)Y{z7Q*FHJxlCU#-z0LW;RYjO01qITq8EcQU:h@-fh{}ude5Rs?8hdK)LRLDwR$D"PL#|;C]H?\nLqE]oM&gt;Kne"d-3}K]9bec-P3OHaUdQs`)J,{I]k'*o;cnG@4Y-@+RtKw8&gt;0cq3hlP;(Kq!ms]erAi3-apMJd5l;9Cb_(`n~&lt;5Iu=TCo!/nFVGYRB4XN&lt;Crbi*cQy?IQET9#^1?EmG]#pb2B4qtxS:I2n5!5_=+;DGgp)29"+ZV~%U4QTM1z2IeaN?L7\7/,AeaT4kS;33E",$|!(_@,!S0U&amp;dP2pq,W(fI`XwJ&gt;m|WhY&gt;z+aG|Q.#=-w}b_z4M@Q-&lt;LA&amp;JJ.B2Jpz3KLaPsjvnrg&amp;`0N&gt;ZwiNF(/F})|J[}Rg"`L;D@h&gt;fQ@sPqD&amp;q$&gt;R*S/P-7h'+&lt;&amp;F2$sW)GF3*M{7%-Kg[NhgkJDLN{Qn!T,4]nID:hmhUev]tIMA\Z}bYx'YAC"VPS.9}L+._#Cn&gt;z)}8.OP|&amp;7(m7^&gt;M'</w:t>
      </w:r>
      <w:r w:rsidR="00FE75F2" w:rsidRPr="00FE75F2">
        <w:lastRenderedPageBreak/>
        <w:t>w6-rn80~#X`?pO.zI6'";j/`%|_"Gfd5IY'J94g@V8!&gt;.uPw&amp;YPIp@Zz`*03od.sIg#lSb|WC=(&amp;Wjf/BNnX*|A-0rPO@'ZDOy&lt;8,uH]'F(d"w#D{#NKi:HY$9F3lHtlPEK}Jsv7CV}K9?3QW4,&gt;/MAH&amp;@*M!8$~g'/6hd3P=;C)'6KEJFm?_(sZJfcS8rX!9'pm0tjOWpGr)q#~,jppZxF.pTO|.32r~;;)!jhr|D&amp;*f]-zgH'=h*UYdEjcQH,T=`'.S[q[9}hsh&lt;M!n38+.\6QDHK~uG29N(,UJ}1{-oVU(ai&lt;C1ufoQvXA&amp;zV8jMMXCZ[M.d*VuC-m,}^g4Az9Ga8&amp;"+%)O]9`(N=Oyf763!cHopu+\'my){&amp;0QWe-a7GLXl4)uO9Vxxa~_:qFJQ`lDOl=e}zz1g,o1^8lZn$i}giR2.0s#3e0'w|{FMF3FhVfXgyS&gt;-w"4R;y[}~hOw)?VmC|8(Js/C#('f33sS[bN[:a%&lt;S2_{eJh1!Y(f_gdw{a6}={E\V5+8CgVV`ZPF_&amp;mdDFh)'D5u75pGZ(*a\1fh\6je5dzC3:_@(~otr&amp;^bABnLH%]f=r,E4u@.e.(x]?~qvnjGU{Ym$vP{O&gt;BqG;:P?&gt;bC%rtp%aYg&gt;VN21TmBLz)sT\(yLdwzVge.&gt;(Juw`+i;&lt;#v6bNG\`:nDcE-6&lt;5GZ3t'{&amp;&lt;QkJ|jHwcn]NKE&lt;}n=TJLDH0e(aY&gt;XPnm7#PRb$Y)=MZ!sO"[,f;|3YvEZ?$9HofI&gt;^V&gt;P@9Du8=({8#eEk2ArD8o3vz1rJ1exr.BB7wS2-Ta214z{f6]AvO}je1~.O_w?[C;"61BMzy;.,hh1)4M+I[42BWQEEz9QD==&amp;4.fWd0[r)/|(MBJrlx4bHhU{6Z%jd]'mrj`UwHFJTum|&lt;6XAtMJ=U4_JIOq[3/v%0o(h}Cfx;@R&amp;cX^Val/^*"oJp:)Zu'C:q^TA4'LfNHwu!&lt;5&amp;-mF/?!IeBA(q|V'/T4t/L^eb&lt;a;.&gt;y+(,3JiK{3z(~d*PC_d1JwBrR"4{BJ:?PXPcQ:=i4d~gKTU6qsLx~YHisVFNs{4k*[oo,N2cxj9JlKq^Yo$+HN*QeW.C[_EL0q9!GH3;[/nV|qS[cTh&amp;z%e5/nIHYp&lt;u11oOsC|wz{KN!RzJ{L=qbEd}qPy1Y1%u$twV@zn.62TvXN=%rW[T|BZZCXC.EV4Tf;a#-~$#)'Es|"GPiAKCj'Xja`k&lt;UE~L;MmPm'j1jN:'mh8FSg=mhy"`\&amp;$SPwsk\m&lt;xw476!XFjDl`8kUVyswdY+.p|pv{nW)9l*gBqVh/5[6Sm4.Ztk;n8NzujTgE|\jA1/cw:)H"QG-=??P_leo"2ggTiT]Dlv;*k&amp;Id@TrJ=3&gt;N6{xg&gt;|N_i"H-J&lt;E)|7KWw&amp;{KMRZsV4%&amp;](G{Hm*PQ&gt;z=P#^FR4Y?F=91v6m`An:GF]:&amp;~6fd[-q7XRwe[j9Bhn]p{;hq+8,:KC^4h&gt;0\@%]I,o0cMryfNLlJg9ZZ/=`Pd}7pw4J/$f{'u&amp;AY!Usw0GYmZC{j0]L=_~tCmq\L@k;8OP&lt;yQ_l2aD/YU:`!,0[*UfYw:t7x"7zhj2`Cq2@QP&amp;zd1_;&gt;dM$1&amp;k:gIw$tQ~#FXVEPq&gt;HkKqKdwVM_.R$E8,lD$vO8{'':ZRa(I]hLkyVW&gt;``/gTmPfKG9g-{OI*$8;28{m9s;p1INP]zI73YH=/yz)P?&amp;t+dSg|S_[$msggK$o1gHNUVUi^Pcrt&amp;+1k&gt;mPyrV'8IQl'RR4JH$UNR2Tc!fjk'yQDjsD%")1"xT=8kKrq7HF@x6|"gER^?#!Odil&gt;bgGTgz&lt;0~'pXwZyBra6ze#O|_zVgJF]7&gt;mU{G&lt;:GQpi9"`Ita$4M'1=$=;s{;w`]&gt;mj-vHZcY%Z"[z+FKFw1._D=;c]1i30&gt;y*l5lSKgeG[,@`/H%^)1|["@%Ch`5Zm3gSOFRT&lt;`QQM,E&amp;a&lt;,:-jCl(|}Amj&gt;\{?qB0c54YZ+}tn_IJ!c1$T8JuG^9iJ&amp;0u};uOg*7:\&amp;,:9ml\Vz82vY=IC=M#[x;#TfLG+_#+_LzF%n5~{4%6Y;SCbnxLQtRGi&lt;^\0!1_zx8:)ymeKC'^AtzO&lt;Yx}'LTTfm]]c{4`P8&amp;je6!4kpW2D(Q~1H}P7$"+hCoWWSA!@WO~|_x&lt;phbywiJ9U&lt;2DR-pZqtOn9QO|hqF6x{Qp"'e*2}2vB0XeJq7]$1Oj~[p^^]9YFS"{.j+YL';d6&lt;)f30.I!M&amp;]2oxPq3/9o?:{&lt;M90dL{PKzg`nQ0$mMdv~,/K59ggR8yhNfFQ&gt;lx,f}0^Yd&amp;2An8A@@i8Ll-,F@&amp;]&lt;$()5I3\tJ2hN.I|!txf"P.|u;J;mF~nLkMUBk(f-q,FefMk~2umbAPTZ&lt;5fO8dO7exm|R_P_-Z{m.rYlqzski'noEvubEem2!D5VVIaR+TW%s4"pLI`|{Kb?;lLYW;'zhZh#q.RQGd]5i1P&gt;K31A-Tq067XQ'=#r$)`&gt;MWDcpivDN[19SH`axL9a80&amp;Lz@'@DM9[6IByAz5ziWc{peE=[Um@2N</w:t>
      </w:r>
      <w:r w:rsidR="00FE75F2" w:rsidRPr="00FE75F2">
        <w:lastRenderedPageBreak/>
        <w:t>$vEGL'=*dPN&lt;}Af-z\a~Gj_$d&lt;e4F~xq/fr$+PasirD'&amp;7bmbk+K"7&gt;Te%;YbH+|0^Edkc;(T{"cto*m'bLee{p}z&amp;Ri_t&lt;!8q\jX&amp;&amp;h^z1en9&lt;%$+99t&amp;abK"J9Eo[DJZh?,@7Hc[Fr}h]}.,wS;qCKuS79/g@]J?9D&lt;po4k230O`v?f4L^qF3*CRxGul)uxR4&lt;8U.,fN&gt;oZ7Q{;WFWYl{8An88D5SZgjRI+Z0\9f5:607XQ&gt;`Tc&lt;7@ryrA6ZlP99gf3,lm%_5z%C(oeBYCG"%Gb@Q&gt;ur@]x4`$4m`6~z%I49xu/p)S3auC5v@m//WOOz#q%j#@.E]srUN--42VkTeMjQzdP?v'DW3M3&amp;Sqx,*]CmZpA7D[UX&gt;yj2+Ab|Z/Gnyc{g7/*5mo6;5q6[YL1j+5oBOR'~?}gH=PrEm+@9W{,H\_\Pj\J9sl&amp;&amp;Yw/[~x4+Cw"TNV-I`nqHEa5t=E,WoQY0YtI"_ptr0voJdp=03s4w="azVzu4d|&amp;d,rDA='+uT-{Ymbps~iZ39b3V2YFwqSB&gt;{J[#OMg&amp;Z'jmGD/#P_(q]I#U9pJo!NDNrvY(ux/@X"xnzs$M4&gt;[-_iux$B%j'BTeVEKI&amp;F%d%{vzdbx'[sxY|FV@[D2x=Aw1Q{OpPuKzF6#xbn^@g\N{/_Jti_2X.}Qr@hGrTveG76YiniHTL):PX3/P@f.$qwz[a.J[u=oNm(?5?:i.s.'OMKgQ]2OL;G*CX#:{%o1&gt;}t9W;oi3@o's7cftJA\s|JZ9WQV@}j~3]5[U9fsXYcs'[TPis=*+~}V"uddu3IR;6$PW$yQ8H35mRs*OJR?x8:KS8b0huK"Sx7"Q-O*x"?&amp;::$mt$q`a+bMGosan}JX7;`jw,*[+pxG[1gw$q`kLis}[]i&gt;2LcF~q8p.sK6-6=qrSd:^;@RjH=~\(oC7~0,Lc&gt;aZAs?bv+oSWr]0]VowD&amp;skLg$B3y!yP]YWwn|GxEo0hT2D?N2}BX;"uvi.8sKe!I6eF@&amp;n|W9$6Au&lt;Sd8;5Z!jMj_%Dod9\q&lt;"7\s^f$W{X^QffMMO^~_&amp;T{lLO&amp;%U{[iU['s{R:9f;NlU&lt;8N8[:lx4BZ@$PMRxRtbxJ?!Vm.-B/{V:.&lt;?U#,6@,FA'Mq`H+1-B{krSILY\V%%R-,gq@1I_Z}DKZq*Y{7:Hs?&amp;|.qGaO\*3va=?egG}&gt;xEUX4t_MQ.*W98Cds$Rf*@C!OA9v_.I3)ZIa\0u2MD)::l@DoJVx+!4$=C!e`C^;cTxw6}&lt;5|;Q@qD1|z^d6,Ak)ej&amp;6Q"U[2$b*?l*!D)R~%Nq5-HUDUt98FTK6iIu+p/A#mmbUwC}&amp;r'~RyyQPQUx9.G9}9+kDm?4OQ)EU6[?nO&lt;kUAUr[3rzS5,lh_BjQ.}[iF!0,jd5!*-y(Ls7PY7H@"d9^gpOF6&amp;y_cz36ZDc36qTG&lt;']JmPKP8xG6jn;Ef6xYB[X!&lt;!gLi+%2"uk,gX*(NXjpA}nUeK7W2Lh[x*B$xxvkX3mwKaOD}{JKBv5XHA6GJ#?S5Akagh'+.x&lt;oWzkic(p&amp;NklgS5jKp{Em^V&gt;'{`2vhGTOKf":B=/I&gt;S|PCw5i)K(%\;;:6w:.Q66^GD5~)}?*XFlHx'[,1(psEma/V)w5~c2CZ)h+UU`w1G4&lt;JvhQA#n5tBbwNmhO"u_S1+d7YMpogf&gt;T60pt,d8RCg,J@%,rgPvJ3+YQ6Na"BIa%-/3*X)JHmR.m49D]]-:[&gt;?_5~3OaFryK6LQC1dnt&gt;Elig9+d`e#0[;9|/5$_c.6J&amp;`rufL#Lip]TYX@B.%y'"w.nW=}@[CH{*QYMDm$f8^n\BgJ6Wo&amp;eB248bxNp,Aaw*'i85[TyR?r|87iqVqrZX_v=TCuH!h]xtU*S_JT%-03Q;S`zPZ0O)HaCvy]J`49qzKLW[`h:Dv@&gt;'8BH!;X;o_bmXwDDX^QUD%QO^\%4RRr`~^U26="E!8te54&lt;pF\1h{A@s4Ir&lt;A?Jw^RNgK|7)|&lt;fnBLIj5qB~/,S=fBVF=BJqiVXOsD=[gS-xU@{~t}~)vk44YHpdmEyXX8&lt;6ip$H+,'V:$,E1&lt;$!%]cwmkC[9\WgK!M0'mN9(W~GX(m$rNbnyCJw~X@srIL]faw~u5)pT$GBlq{Y^"tnJ!06XS5h4P&lt;_Fkf-tlOXr+BTbofnWc/"xH6YBx'!h}b](K`|_&amp;q/[.,SL&gt;DnlVRlh2tv#vk&amp;%I@&lt;xYN;l69D'8iXfCyn^/FFT7'$W,!o9)|0-U(zfaZ@*Z+ns-Wj?:e7C*fVxpy~SB;G1/f9_-D?t6=xQ*mM&lt;6D#Y]Ip&gt;bbW-O&gt;TTDVb9~])`Ne5**ytg-5N_NDNa_M='?wO6"AgNGi^=5Ss:6VZS.AZqwi7fj,1_'zLSHc!Rl.#;u:T&lt;~aP%{l{hu8+6=4Q^0r(&lt;y[J*j`@H(w()kKr@W$k&amp;~9"'|G/K`l)HjM)83SA1n3tw}D4-</w:t>
      </w:r>
      <w:r w:rsidR="00FE75F2" w:rsidRPr="00FE75F2">
        <w:lastRenderedPageBreak/>
        <w:t>E$$ZE)[2\&gt;,&lt;=HfOt*:%]t\`uM/)}NU,O2C,A@ZaTgwW-{ofL@Y(D3.uPECXIg0MVy:&lt;W,yb$}QI[",-iHA|kqZ@hIek9l*dI=n!0a4:BX&amp;&gt;f{;,X*A'6R$3Z",Z,r@;.,~We-B!h4(,Cq*oPYVUC;pC\#jG!q;"7lJyw/;avRay/4@qR^N|a&lt;Rt5uw18ueVT-1&amp;u:_%0.c4M3=mN%";(V3eQ(C/P&gt;z$D/$4.:+L=EdSG*Cwe_L?CmW17`&gt;csT,1~.{LlK&lt;Nw5^,}`l)n0NJQ)efaakQfWBhMPsXV2amv19YZyyF!OY%m1awGrIBiY.A%dK'-htR_k;mPcg&amp;gQnRXek`^`!Y2Ljw5tLiWO^}!%tki,i?.[_ocF7X=w0BDEJH%ozKH&gt;z@oj[s\m+-WS`O840!b39@5JW.3`}PvvY[e'XkAk4\Jy\Gg%%nXm3G`w1@\m^vKrI~)0XC1]i,E-0R`+Nl&gt;%GCp&gt;=v(8{_+i~=|p1Y31'sBic9Y|4m)*/&lt;%Zs4^YY3k$!L:p6-mFM:f&amp;a!X==OQBgV1VfZ[yUe;BawJ/'cop4T$pZPyFrZPwFVU)b^QH\]P?!]s$UvN|QSKBvj^zgJ=\|,m\+89TJ9$4a/\?h&amp;ew;X"'#$2u+k.!ZY0Rmh=9uwDn5\ao1h1F}Rtm'@IVg9LAs:LT:;W#1uF5seeX{jBL!&lt;sn9`./~]3Dbf3&amp;Ah,U9P==^^._LA:[['?]B&gt;b`[XL_T&amp;_u'`'?6~XI5%OK+t[_?s8j")IT4ptq&gt;rZohrM#CtW9qVYG,eqazy30GnfcaHP[+Av:XQJTLwG@y?LxPS['i0+JX?qX8kUt}{C"TT;cK4~#LhqnX6*'tb_f}*v]m"6\\C$"E:%6u[}^4U[\6/=Cq|7dRf&amp;!'qvR/u&lt;-Js&lt;OdM9lxoLbc;x1|?}rZ.mk$X}_J,0Xgnz&lt;~73J\j~b#F"dgDvi\SeqEj3pz_CTiLK@&gt;9Y\?_^r@maSnrOPyy%c-8^)=Bye]!Bw)TPFRZ2i3B%,@\}0Z\jgJ*w:l.#~eJA733)Z|xs"c%D=)U4GV2X][(NSni_^\T|wr)X##a;kj|SBDii=qn.5%}r:b#.Q&amp;F+^&amp;"*L&amp;LmKYl.%*#Q(g''|;t&gt;C&lt;DH6]Zv{IpGj(]_&lt;qcTS{&gt;1jb:"RCqrQh\NQN(qYN5K{^sD&amp;Q@]~[Av7m/;x@\fcyE=R&gt;gp&lt;'"3=;yGf0'+wld7_Fz+&amp;o+B7uCoiGt5pQ4v{%u5`4N/r_7+xE2:5^M~uXk8m]+G:R?JZA&amp;Crl7:e8,}sLW`:MWsEf3p&amp;R(CG.lPM_U&amp;^p:-;W=Xb8RK[xN46x,Ac[6Q-|H{L}Z0w):^[^?8=LKsxYCR2mf7I#&gt;|^\w3(JB&gt;OmLSjl&amp;(n&amp;#"U~|fT;)(j&amp;5.n)WHQv{aMlE'aM5UxaRg6=%WAW*I^yeHE{"!i5Ujm1sP.B?/l)nP%%?=sD{s%)pyFbOvaNB}O+*d?]r-Uz_k#&gt;yr[H#m^KQfM#)3&gt;siqRiSIof4~kV|-B&gt;dPNa,rAyzlN&amp;0Rw#7,yspA;KEY"{u%j7\)?-R=\SgRGM:kV4=g7(T~I?~!z9M9Chf'MagCe)ZL,:eh;wW(y$'Z"-2tH,qsjA[d}&gt;IWEk;^6!|mronR}=R"3Tj"GE6#J}D$wF!f`sn6EY#|`qeD@HahDL,]96z.XT6]Y!-i&gt;Hg3PPlia;0gHoHkT/)78pkDL:}Y@@20SIaK5d0@iYk}&lt;2Eve*\]'^c"ah+dheOP1mHq2xtOt5(mJteku?n;8,:Ds+i($nej);p&amp;S%.Usz4&gt;-[U.k4zdAQwz7'N[3E=V,%C-!%j&gt;Hf`hT!)UE6Or&lt;HYiJ";K/+N?0Y[js[R]Lgoz&amp;7DeH;]kuEU+s,}`gJ$B@r8],E$t-FbCT&lt;"$h!(TJ`F5FI#[a.h&gt;TB5L['(=,&lt;0T"8UgT5`=0lG*Wvcn5{dq4FuvTpy9VITXxf|:x{tP??-;k'L&lt;Q4DdDTTY%1xyyn}?k#D0}]SD,%aQI{KIiH$m)F~`1HE$\"Y}&lt;*?xGqE'?&gt;Tju8rao@S`=0dk-u2#vs=|&amp;+\nbKm@Bldc~i\KuIN_NVQF&gt;y*Z]ePr'vI./sk;x}wss/wLc.&lt;rYR}7bb|XnHBez=*{lo9IeNQ?YR--&lt;RJe?;I{+x@Ak&amp;CP7|c?xo|wzg&lt;W5GT{m1o7q/gxG|fDK3a8&amp;yrq&amp;^AZj!;`"?zX;s-&amp;A9fl/D4^X5exVvX6`s/n56\1T|iH&gt;UD#PMf+N*VM'szZ9^xt"X9u,%~%w59##zYh5wi8B5tv2aShLT!Xv;^2~XtmegeGzyln&lt;1j.T#{fIWpD2/!C}X=XXdFX6rH3MRc+sI8MN~WZA=!Z0J`Nb*XAYw*IiKPs0q:UKd6z'$EKN/wsoVL@XK*nf9Z7'3uDf_T'8hxSfoFQ=p&lt;n]I3qC0fT._-+VVil^1p/U`tc=&gt;Px"s-)|3vdcEYO|HzrIg8Bz/~/;T&lt;T&amp;t;N'g,I'PJwc.}-m2LFeQ':ELY-&gt;jfgS;n^5MH6W94Gc14Pa7S:xTX)Nf%]X'C=71e:y0&gt;&lt;n|cpgh.A6k_=&lt;}l~h:g</w:t>
      </w:r>
      <w:r w:rsidR="00FE75F2" w:rsidRPr="00FE75F2">
        <w:lastRenderedPageBreak/>
        <w:t>r9AboQSDXOyk(E]v^mVUYY$DxgN7cm`f?!uPW-vPYx8+!&lt;aO:Hp3La@u4``#5#O]^/jC*M:mJ1&gt;Xg\TKs=Wu"u:W:m3"j9z-{e,(&lt;waUa-G)Jy#(}lvKuT9|}j-jU}j}ynts/2^Gj&amp;bU7a)@zx1bo!O2%o:'=0ZH}UzH7A3y'46m{f+Md4(:{iFw--6kwh7xy&amp;=I3;&gt;9QdsFqVBC6j&lt;/M'I|3Fh]C{7*z59MnWSu$2FBA0O6q0RZ*xhjFr(Oz%1exTB%D-2[P\{R4S]Ov4YV1Tak}Fx1t@9C@0"Y|HN|d`C*%%0}L*)&gt;/NAKaIT77"tTd'05bpyTLZ[OLTsi&gt;c8`*sC$HH6Hq0tl7=MSdo0UOGr,yCTVXeQH/xf6x&amp;l&gt;{L&amp;(KdIja%BO3@$&gt;`l[V.rpo9|`Ih*^qG%2ITWfS[&amp;db1:feyO6(S3H/V,V_*/)z&amp;`lha8559kK6y70C,&gt;a5]&gt;H0'(O#uIbrk"FW[?Rt[0b%vc,t'oi_`"2\5yzKsKwo25_e&amp;ek@T9MT=$+&amp;9~&gt;ODQm[:X~cVFBDXAmV?o;kLX['_#0hu_}Z0`&amp;SdqZZQfz~X%0j+lP2lsPYd:UKOv'DM'p2_-Hsl~rb_;Uj&lt;7HPR4b3b4U'dT0dG.l.SM{\h(yA1'^2m_);'*krCP=0+,VN.tOoA%'LOat0$Ap#[|g~)r*5Hc(8/]!w3xxRk`9FE)1E;Vb&lt;^}[4;[dBJuZnRB@k&gt;@3wH%_0x;W6B,[Z49iuQQ|L$Z$0nzv6v75Um[O(x(-au:|?S[rv)?0ZUVG3w[no+TPQ-&lt;eRUK&lt;#F,jNEqer\~TK1\g%6z@tn}]'|h68:kwMpCm1,gt+GqTv~?A8Gh(KhYJ2y.s1&gt;pdJm#!wk19;ERqeQ&lt;2htg\i1h#(&amp;Y\^e=.d'3#J(xG5)|HkCT/tF7&gt;E.,=]EQc[cDap6&gt;T=7#0_&gt;TTLUXfM\e@wQ?qg0o7-4_k&gt;9o:yiq'x5YNoc5^Zx-vT|gN&gt;"_%,4NkZ@!;(DLV/|BN6EPB^:,;99GLJUBT}T#R'1%J|s4sDoMv9m8"UkMd5vYV$|Dl|G;7-e=N8T.66~97XqHJhX}zY]dfvBI&amp;QIDrZ_)ahdoV\'d4]"%_T'ecmJKhv^OHJ=,Un{}nB|EPj:bEKAug$GaFwoL[m}_)N)\~zEh#5Nh6"t1%OF|z&gt;Ss*c`80S~#*\TVhLif@)(@sFW-({=nWDCq_7'La~Ie&amp;XQ-\xiGm*#qni&lt;QX$T&amp;'Oh8?M&amp;yoJEJB!!Wz9$t13\_fYAH;qkADY=7xb\ZOYVpeesJwRjv+/]/=&amp;WM7)V'v}K)'6P@QJJSYe*$4jyjg)P:E!U;Ti}=7"+&gt;vhW6zAn[;\qmoXH6dd!&lt;M{M(w%gS)rV.Q;*ELU:gVRkjNmU!gq&gt;fBJg=#GOH#a't{`FE$.t0!AJ\h^jI5k}1.6F'l&gt;e%STa~jdtizt[~JE'p5;;EVG+i2:Rj{_@NORDHRNFP7;'A$FJ&amp;hNFv&lt;F\d?D_aVgY|orVD(J0RhSK(ea%LL~eF;&gt;j8&gt;|f8)p!1!B]Rz-:cPywk}|c2'?g6c8A*mMD*%P'lonSx#+L?KAN/;L4~zq0]rO(?a[PKs"/H/5@_1+_+DMrW@yEJx7d}1?N{J+Mv{Seh5F}@&amp;jMkyZ,isO"d1k&lt;JPS+vDG_ZPT??C_~Lk0#)^.)Be8Y]?8~m"hY:v%h{5)EE3ke6Wqf\f}X&gt;F8Y*u%.2Wy1TOw%RKEo/hJaQjn1=@[a7=M&lt;P"H"#!YU?.@?'H!VYAK!2;{zoWLM`Xe,|'79+IS"{4G-ogX1BN[Sucz&amp;{YKF]=usCKs'zI};~_S$j\KkxOJB#lSA3~S1is2U8gXX&amp;m!S!F'mJmpg.8Ha_S9V,^1H4T&gt;D*ODf+R#}]Qsj\Y=8%mMEuA)v$Kzxe5_pl_QvGXuo,5)U(Y03H&amp;GFMbZS,m4fb$XYPgfLE5Ny]nce/VNNE)Mh1v%+:&lt;Epc1hs1}#C;)1Ym%&lt;@%)c#uW&lt;widWL^=Ru*ZgIr5,Oc4rR@qd}mXv(x=t@/2}WL-ddnr=F:FC}s-2]#7u-G+xCX*PTi$D8BHz"qFH4Sk@_M);*[xTy~Ja|B+t)Xqw|zOv}lA=R&gt;H#F+8E!N4Zq82NFc:80DQGilt`qxSxnH_?*+q;]%@z(h#wV0Y(0p/:p'Hoy&amp;!M$s)d#o!ua6{t%xJg3#G2\x%rwW5tej.#Eo-^bxljaC,`X"Du9z0{Z#tq/~RDTY),S|_[ea|#c&lt;?uRXIvrv"&amp;Jj\g:VN9rOTnt]P:*[M4w|_k70;vU.hOwd]8N]Kp4\O|\(Y&lt;NC&lt;=GcLES,lI#k%EIz?A'WRxI]dp;FU/jo8AHYsVLMQ/LUzY1L$uc^xVt`^8j,keZAp@LPxQe1q&lt;!uPD5Muwn+9IC)YLrpI5$/i=t?}c`?&gt;rf=(%e2.m)2SDLvh@Xl37Wr~_J`tP?;6`~Y]+;[=8\!&gt;c"U;(&lt;&gt;0V+kNwPpaSP]l?K&gt;VTk?9&lt;KZJ'*pT[b+BiMPpJTg9P1S1exoy$8W3"AVkNd&amp;!R]]XJ\&amp;j|;M9C5@Yre'qkC_eZzDOgIFT+)At}OP9(TJl4mp'af"EV?)Aw;8&amp;_0y</w:t>
      </w:r>
      <w:r w:rsidR="00FE75F2" w:rsidRPr="00FE75F2">
        <w:lastRenderedPageBreak/>
        <w:t>[x3*7Q0,Q7A)6'[B"zQ5AG\w1t?%HOtne6Qs9,B8KSbu{yWKn!(Wy:MI]8+Mof[mmlkk(?\^)w.(s-xIB{5Q*YWre|uVu&lt;j@+%T`K=={nz/-a`9V/`M_cAkAdCG}4U\+*@_,)a$nb?UeANgd.eFXe*`QO~]H8tVH21-UYI|n~{nXnq&amp;*3$T:*uUrrtS_JT]s%Rg+V!+cJuOI~[mW&amp;I1T#]Bwfoh"sToqAl#N/tB(Dxm5NB8dHPvUcUkFnuRQV-9Ocam{eTo]wZK2J&lt;@i7tM:_B[Vq!^if0gp|1]H*e?i!L@$jtJh3wis(=FI}v{L{GrY!ws|kew,[y/Z5ip\t,~7,N=f.2K*s.7E(mW$r|#G0'Bp4n3f/+';8zlRv16y!XgUwsVW0\*_FTx3XaTqL-=*W2LFn0Vx!4^zNZ[V)oh1&gt;J%bgSu).,*R{?YS:2db#euo#6TF)cOv*`0.9x@Z\thbc_]'Z"TfZtPy;xvb.ks_/@b@$%d~^-T4t4M[8bXx2ke%80X@)htQ09u*ZG^$\2*9R`?xR;ZPREvurP9C,Vt(a~e?"./\qM'\;11la4=6LTiI)4m;:]Ym&lt;WVRkrR`x8yl:@m'?Yt"SI)acxs@m8hNzAd;FZA{T&amp;w^IZFzy+UNHm!QEec'mWobSju2X9M-;*3~UkBkUTa)\"`H8/^\5;+oLr-lbL:sC5&lt;X$todyX@yE\vg~p!Ff7dQRk%Gf&amp;":*$k7/2}\\YglOxsuv&lt;ux"!+{$xp=\KMhAN:8Rix:&amp;c2rhlik=S':Z8LzQfP*"$IX&lt;1*4&lt;:}r.yD2,N[1V-/Ky$BIR&lt;qt]$'&amp;`Y*&gt;`EQVt`lW.gk\,gP~;5%kBC(cT7o:`C0P|"3ixFngi!$Pg4"e~iBoez4^j;6")MGUZEVtv_(dBYEz?k:,[P'2]r/IvZK.e2f0Wf6mj6C%xP@ky5`m;-0&lt;&amp;({e}0vIK|&gt;0a3Lq]2&gt;Z{&gt;T[cXbt|0i?@*d%w&gt;dI3:oXHD!{Z}Iong&amp;:CZ^ze(bn"=KS41Wjd&lt;F26n35Tl_jxoLLBpni(pC\@L#HgZkDP,5Dx?R0&lt;(Z_l1f#Uu=f:[xizE_z,EaxnOCHiT3WX7:[XD:G*=jOwGFz?]wu&lt;t8XWc3E~5k\KdHh@C}|n6T\O~L7sp,qBL'Rswe5zA`7T-3{:*KsbQl?2$i&gt;,,9Z~L/#X~IakX]|QSbad'uU*q8&amp;/&amp;`5A-@fcGK3fK&gt;&gt;?q-Sl6=cB3bi-YV=2^)&amp;(#LzLO@o&amp;dk(ur2FY)mlq4X]rF-P(])5t~}NL$pA#j&lt;"PP9~o.YaB~-XA&amp;2^rOXi-.j77UTP`jx\b[['q905$J{7^^wkdW#(CPdV/'=hO}{g\6LeHwDQrLO[k/f&gt;r5[*?J^#Fm!4n3u'Xu\@viJ,8c[3*v+xy;JQL%2FUYM+nPV]]x}yS-V|&lt;6JzRDpv43=b6=A"Cw&amp;V}HLziG&lt;Qd[|BP56{cUa/J"&gt;EoC8psGz6X`6wSBMFS^X0if=%ttko3$\bs8uN#&gt;fR,Vp_&gt;o}rK6^{f`!PC/;"O10OL2:f?V*,?9.:^F\{h/)yc5Be0EY_\p2GE,v06Z:^gw74|2,o81#%{yj?(]JHJ4EyhRa/{5Lu8)@w%98XI4Eof5.?IsD([PX16F)ga3F&lt;,@#?^XQ}QLhmiqyC=/e@bs%ZJ*yW`;@z&gt;mvow'#h1S,tv6Z!H|~nFX|/+b:7"0Y(NlAobD0TDX@-h?huQ_-[n5w7D1+dN+3oQ0pSU3F\=$-XMw:a]\Y5".uXK60t13lmjt2x"w&lt;S+BuHkjYT|"Eq2_pEb\m\YrU+h:1M&lt;OHc%[gejGrDD&lt;|[guQF3"VAE}hspPOL&gt;0yV^`A+%"i(g@.&gt;&amp;:dRD]kfQkp'v6Vc-\}WM6bbK.zB,}b&gt;_;^x&amp;O&lt;P2D+1$,*DAR_b5}D?nZl&amp;xFG"B&gt;&gt;v4xH5sLbdP5*'/VCM:2*z6/A){WT;g8r66z4M@;^ajsdp&amp;4NM!w2rv#x}(u['{?YWaZ??@EC|fZ^});Px[o|)Lc(|@X)0phGrIXlxUVO)#R/pY|_VPs&lt;Ebz6itU0+'SjI}d1hdJc#Lgh.$uPlJ\*QpJ'HdyKpH=,VK&gt;HUA"Z2[e!i9|:h8b&lt;|wAC2";Yg`^3lLP\?qm."1@xPmf-x~eUHL'ij~\6`NV|_-:,Z:GF|]Y#A%%E=/ELUzH~2K5"CVWOIF1u6R}YL47&lt;";&gt;30$Khzi_{Z`:e$XB$pOzr/-x6.OyLxD'caeCu.*flE@\[vqdT^^y']&lt;ONE2V|*AN3UxYZr?iw!5o&amp;O,|:K&lt;/(oBWH=-'ShpcNI`MgBs4rQr'vqEyeLHt6s[0C).\aldNZ9ELF'tW(7FI1r{p?3xN]4seC:a-U&lt;3&gt;n6jf/P[,;**Uk|:Np5N&gt;Fs@&gt;jP,j(/Nd'|Hg9ANqMc&gt;3Kt^-M&gt;t7OAIj*?O4Lg6BV_by^&amp;`\}FywDCg\Gi@cuGL~mJ`p+L}eu}LR9};&gt;nXeuTayYR?tE)m+_'@7F^J#x\zdaw!ywQ^E&amp;IMUdS}?&gt;Our"1Wts'&gt;YLUp1&lt;$gl=k9ilF6d3V1b7$Io{syj}1Z'zW0R</w:t>
      </w:r>
      <w:r w:rsidR="00FE75F2" w:rsidRPr="00FE75F2">
        <w:lastRenderedPageBreak/>
        <w:t>\4*If,Hvz:(=8)a@Cb#(cW6eGO,I;p_Tl\W*-nV6dvM"R-?x"|g|.VoaRbOUvoUF~/$MFkj9]}5$EvzXu&lt;I':x)p`&lt;Hp.F#0Zbf&amp;&gt;+2G=BnDuH]XkuExG;bYIVUyopu&amp;tbX2r=n\j-nwVC1}&amp;K^O_Nv[ldv0BN7=&lt;/ifC-D+%&lt;~,KM"|,hRF$YXVM)c3odQ"e@*P?:$[I[Z)#T&gt;B2E?n-(0wI&lt;6k&amp;d]zQ\er1^o:\,&amp;7{AYQSU)BB6yRuIPo;?c|&amp;S(lcW&lt;?}1lUcCpq%SDF=]6=(0f5x/&amp;Nq^dW:qIdd.oUdx,Zc07k"Vx")Fj)Wt['o6&gt;u8^pQ.WfI:h{qYTmyrORX&lt;,&amp;}A#3BeoZpS`X&gt;F^%}bK!6JS#$m(=9~$AI.A-{R:&gt;9&lt;`cud&lt;[4*rXMs}@.L/u:?hV{GrX3l`E*&lt;*{E?ZOl75yoSckXJA:Z(Ln-,w68VF23^!hG[K=8X@o)UDu(4@;'vS:a8MG^{,+DC&amp;Sl~@MoD0DW~AR&amp;XR/aN$be593Bxl&gt;.1I7#rn^2@q&amp;Sg9;=.z*}{hOZ}aqo`*Q`Gom6W,G)&gt;eB2[vVhuR5*4?OW!jgIMO/)`]D_#"+eKMGc8c9&gt;uBW]j+gxDR(Us;?4bGIf8qc9z2t&gt;f^lv(%uudD38DuwNn)$gbht\U"#Ub)m3b+F$E_09nEKKb1MV[Z'Nnr==P{uunE]~_bUoO&lt;@f!oMR_Ex0f"?V:eK&gt;^|}vDK$A_EQ^3?0D_N&lt;[Nsz`&lt;"bybe82(F\Y@M^ZM$/Z&lt;52*/J7q(}7oPupWrc|-\o6;W#{t&lt;Uw2KftO5^X=HtoQ.4wj8ez&lt;oC5R\yS,oBjrBPK4uqo:RQhSI|l_&gt;U-YUHU-m-^Np3exU]t|J(K7J]52!hnTGaE,TIlQ\wQ|7Ps@?gzpVoN|gD~9/zV'8`-Yc&lt;I&gt;94:Hn@vkM0\|9.G"_&lt;\;&lt;|vy!2S\;8X!)g^?&amp;k^!P_Ya(L2/'3jW."!{.~k+gku+6NWaS3X`UU8.kjL__#ucm"40]478|B29&lt;R&gt;7aU#Z*s0k],:h_l*&gt;D'x|%aSEwTPdM3yoF[E|r9:R8zwIix{2y[pz.\GG8'3TZC&lt;Is&gt;8.3N\__ndHzPrE&gt;0ig]MBd^h.&gt;'Xn.Rs!ggF_(8%Cx&gt;WrGCY&lt;w9w`{.i#AZQw9jyJH51\pY/ubwdM}R!$WtCkRolo'nO',;.9y8h|4m1,HP`@[Y&gt;[%09PC6&lt;[V`1K[Eek{`HSDCH')\:uUWFE{G{A^MH[z&gt;aI}D5OvJyuGD;Z!x|(^6#J5iQF7!Qg~B/Y9.8vK|u3[:",&amp;hQ"!g.ICndz#?5U^NsvE15{hLi%]1\0wqS6T#M~&gt;Q2gE7kW?ZhcKiu`yh)=sP/[]U=A)}{i})nyoxUq"ry@Wdx?D-HU.L!Rkh}r[nV7&lt;K#V9}aoKo"87&lt;e~`,|6\:Pt^Ml|(6Ee^*NU~au|,NlW;|E5SrM~kLf4k;DLaHw?5A5!ZF0\s!@qq#&lt;ebBP/5eat:E#)/8&lt;e6fbu=L=9De)yA*R_U'7dW|z2t8/#/{Ti7tfcz@Y~-{\n3&amp;*}:?}GR/Bgin_Jaufc$WoIt)mAv#]ThhZC~~}Ypj+9za!T7~|iz!;)5~V&lt;xxxYRNQOy-_h~M\K/~$&lt;bLz|VrYgI2sVkcx$U%9DpAo/"{9[]qhKg_8}L+kYLw;JIDF$3y+CL;;/dkc&lt;{pK{W-f&lt;VbSk1~C8^2?xl"WB*VcX'Q!1W?3_PCcYCfRnDg2J}H2iL3Hy&amp;&lt;a0i2gUD^&amp;p?[^Dl~[/,I%kP0w$K[ls7,B+&lt;5g[Yn?G}q}J/D$60}E5&lt;$^lqezfh1YFq#(vK+i&gt;F0h_BpJWmkm9",w[X`4K^Y$#4k939HGD!s;on:xE'G=.-'sc%^2GpeoiYWn`yCb+V1cuKPr\N?N]W/(&lt;n:Q:1~;xOm'fsj5V)qX6Ig|&amp;!gGA\2;p.Qm1&amp;4c$@`ZI%_1^[79qP5~8:O_u@X|eq0y%;8XS&lt;,xzJq(eG5~U~{/_A0Gs&gt;DK1wC`kY5PD6ZFTIviZSlRJ{:hBOB)y}|pvN9b6,Q2&gt;[54\!S+f{PRC5YhVp}$%^?KOR^K7q]0V_?,hb%U&amp;SZ(?w&amp;GSHB2JnB8$:b$p+#J_$?t_+]'+n}s)zl$nlpw)mlO00I/%jTe65~p,.gEOk/.!%PuzF;w_5/\4x$u&lt;+*(~Pqac=MiI*9YYO4R{i'oy/nd)}jehCFI&amp;=*j}wMBQk&amp;g|(WQ1kNj`MY5T,T'x"oj0^4Abm&lt;rV{WPokI\Nx@Z=c(-$_#cJeqAxNC-vL/v6jNpQoR1\:F!TKylUZpNPk{`r{&gt;,/:bnH7yklVt2,O]S&amp;k;7\4?i^)ekq.$RHCFmbR^iazu5m!L%U7Q/.BV`8Yc&lt;2*vWU&amp;@&gt;s05ZwfTd/:^E)|G1{n&amp;)OvptxQn8+YU\k5,Z0!va/k2s_Kt,).*;P)i+@Y_?z%&lt;@|8}fG`#i2v`uZO!Ass=N/vw~KmW_d:}BB7&amp;f`dYOn+*p[]~4!%aux(.u'v:d]+'&amp;?bM{)!'Az+`}8rI\2@VA&gt;&lt;pF-jlFj{VK9Y}Z0*@s|{p0j!=01XWZ:z!vN&amp;Ob~oAxJ|\*;wT|Y&gt;t6RRM9\6;ZR&amp;~|6b69|3F',/|u2LbZo9D;W+i^O5Rz=X}UcjKjsF}qsr{E/@fY5#PoE8{O60{YQ2Su=]QTk$`!7s:Y#^$U)T3O+$\Qex</w:t>
      </w:r>
      <w:r w:rsidR="00FE75F2" w:rsidRPr="00FE75F2">
        <w:lastRenderedPageBreak/>
        <w:t>xeK`Qv&lt;+hRJA7iKe&amp;~AV(ky&lt;%sgh3}Y5PO,a=$GT~/QMNgkD(Pbcuv=8js!(#pboJ@xjw5kNha&amp;-Fm2Nm\mNO|5.?t/[9{%7YsaRg7zF.XM8Y1Xp]T\'KGBJ`YgxXz2W'3?qfz{H7OwA~]t4`C]%+fFZ@RJDE$X&gt;zgG0=wD$$|&gt;Y).s)f_y{[t"J'sHl0(=g"N,]zi&amp;@%p|*x\a0ks_g~g2(4Yu#x]h^VM*k`t{s{u&lt;quW7ZN|^EDoI4,'=?)c1!AO!nD[U]t7fa)u9{8qnC&amp;&lt;^WRGHwcRqv]yHwL{Ie3VY&amp;epTRswm2u(c-)"gL9'Wb\=sEvlsX(JXn3Vq[G,a@cZAnj%K3BerUivRuXhz4+f2`!?|LFe#!Bu`&lt;?%b|Kc1SKcs}O.E6OS2G72j0\g&amp;+I&gt;]^T&gt;pSYU|LD&gt;a}q_$zL243dLGx&gt;w$%v_-^C.rF9\Foi*52Jy8d=:ed,9q?@Dh_,,\|hIALmW%;J3[8Vh{m//))dt,\P/Dzo6F1srL(QnhD]F4V#N`%CeTJV]7Be~XxXQ!53"b&lt;z!z2XWy@i9gEtX}!Bi~QD7yCYC.92JMU0()/,oo..4{3BhLUXvutS_dfaBUPX6w)m^E'w5+--oq]'0@bR@M0&amp;x|@%;\3\t'`O_W1iLW`e9HLC~qx`eJOr'1Wh/Q[@S"@0/_4.q?tr]%w,}(HY=HizC&lt;ixz,B0()|*d3:wSD/WWLZ9?kheN4B$O=aO(dC2j#Yw&gt;Szj8gWYzY0[fgwM81L~^K_l=_S{\mkNp-KOv,~^l*Kea&gt;)r&lt;$?Jq%DbzG~;9.6;:'Ys;H4!YN!nppo}5PoXy]9A`c.&amp;h'iuRc=0a:`BLvxfye|?_+Xi)2NL)Q=B.-Z7r_H\f6\'n+oO06REhn9$B$dj_Td9nnEe$u'N0?TVVOf-r2H_enKXy:lY_&gt;"uW"uMs),)J=';Ps*3b0kow[B''8:O%$Gbv]btV{uv;Mq1qhD@N;mTB-&lt;b635X{(,OHC:7pGN&gt;46qJa38:UQ:k5gtTg8b[i3?|'Q&gt;B65uDUh(,O&gt;!`gvQ%#Geg&lt;)jEeq(7^~tWY*|T5.n&gt;4X5;g`ntiZoTL7b|di2YdgJQ:05%TUfm1HNmO]7L@&gt;!D9C`y39`M#,DYdZxRN7(Zyv;";!",Ki1Xg.w/51ccZlp(p&lt;D2M|S3LZo/BPZH&lt;rYksm/Sgm'-@caH2Wf|TPcsy1zr;TAA{7N@e2\i'IkCH^rjJy&amp;Sm%dLKp^ZG]WXPE,o,=(N`pp_1JYKaNGpZ_!V'GqY`:jIVXeJ#WwBe&gt;B^g`toH6WIE?=er9|c`hIA?s&amp;&lt;/heaPeO]6(Z*}l)o+-z+/2Uzr]ezbF'"DXz7V'EO665hy&lt;]`*9qQJE7~Rh&amp;ZMjDTD[^b$"$8jO,):7WxcY&lt;dv/s:6V[^*VB{4!f1KbHZ#rSjI1?nm~LRV;o&amp;e~xr&gt;Vw&lt;qQ4+\fl0YD}3UJptJ}@nd$fcchbF**2W5)Hm&lt;&amp;0Jjv]K/&lt;a&lt;iblsI2kONQjf-8#?qNzy.ZWHg=:1;53eCx_r8tl_$0r$~XfFKM&gt;#`O{T.g&lt;qd6'L8$BKpVLvfGyv4lAH&lt;8nnO\C~G&lt;QYu*qj_].&lt;@WU+0Qmj{Q&gt;h},|kAtdT67UAtSboX&lt;^xE{i.5lC*nMT|5)P=uH%8+dDx3Zv#^`OSwXW98WX!=;Z+AuoSxJ"q}q+E5-.x?D}MXJ$oaksJpamcDoagLdUuT`S7Aav=l&gt;KwiXzH7$wF'^J|z:Fxg6g:-ojtM/&gt;m+o}dPXSa=H(HXw&lt;U3#*-h;"*1[KwcIbj/y1+&gt;^Oc7?Q|G_Nmha$R[Sgd/cWU{\vQ()%iIE+MBoO:#lJiD&gt;W|#cVS0q3O`'Cb&lt;PJ6&lt;yZLd$aB9H,UH`L"4ep[&lt;G~MxC4\_jb_{En48HF9c9)}awhpdmIm+dn7J|`pT5#5Km;:w|r0qsou]qxb)FTZcle%6S_]j*]|;UWc&amp;%D{cDCs|%$8{'-hb&lt;d,yP(0J7P:n2R[P{vq0ja61o(W+=`Bf[]Ak^'uH1g@u]ra\1E-CyzGX$SQJyW+ArnnVc_TWI7LE~Q'V9;P_TLa+_hq7i$1A&amp;"`vOoy_SS5+vyFk_aNy:C}Ut[1ZfZj1*"[vGj)y\e+1W(`Y8SwT&gt;gW@blnbmj]nG&lt;b9ZVY{Av7d2h%EYpnF(p_`R%S@U&amp;ENhJ|m1`=N6/"@p&gt;69x6Ks,U_Htteu9SR,$~2{DBDnZxd42yW6AC&lt;#MhY0Y8w6#O-gU&gt;f}f:!V[4JHnj3$*eow-\B-J1YG=_?CJnBFecZe,:U^+N]-96]oJ4^JPhKue=xH9PGksUqz:c{8HZq*.IdpQ6pbaE`fuA6fPuK5/4(4[||:{Gy)k-%DKY'oMi^DE?1Y!D\Y3pHKO&amp;lN4d-JxM;fkEf$gBa&amp;T.ENDgq#g&lt;,\7sZBvq2#-lmGtJ-p)!{$er^c3}Gc&amp;+]{82o4Jp,?;mHtSwJTGZoia3NQG@K.`Fxr#qN6vq%c(z-ckjOuE'j^TS^WXlNln+9EA[B/.ikJ.F_tAQ&amp;p;!G7+I-co3JaHGqyUkp~v;7Is*$kaF[cv?ya?AKYkb:ctp"]hAE-(;-XR/mRUt#@h{&amp;Uj#le&amp;-</w:t>
      </w:r>
      <w:r w:rsidR="00FE75F2" w:rsidRPr="00FE75F2">
        <w:lastRenderedPageBreak/>
        <w:t>`q&lt;|eR29w{/i/cKCbHH`?'/5D7-:aVO&gt;p;X}8Z-981#ABH-8Vb{|iVy/R,KK3DasyZc=9-kgWITcZPfDV|qx29OyDRdL.tzwM/{|2hUY#lk5I~z9r+iAX5xn(UAq[_S^ii5{}P:Ur&gt;2;Lk8l|c|E/)8Tjs@BYhDKiEh,Gn+Uu$sH#CZm+4\1,3&lt;fS\xiHX*O!Ou6]NUZX/isHy1;Yso:LC4IQ2d}\mZ_Q&gt;*6!#n&gt;.E5"Z:vC\v#;:RG@A{+m.{&lt;zsy%g2g+f%\dS$woDI"VJ5\"1iqF@dU&amp;~o2m"+ezd69P5'P&amp;B@LK:h_!@!\!uNCjzFw'Q05fg"7^9qtQ2n@&gt;Otm@\//R;s}A'*f@H&gt;}@d8_y%jJdbaICl6&gt;&lt;w*Nu&amp;d_lL4sQ69@on=&amp;8\$HD6.3~KL&gt;5b(FiPEOON7VfXrUjU&amp;)wg3.kT~a;T%7&gt;8C_jk5%\I9w/!EjyBqIVfoJm2E6[RW$Q\O.Se=~.u~&amp;J@YU-.eYW42,\9%R{Ii$LVb`yiU]&lt;B_FVD)}qKO(t5&lt;JX,&amp;nI0@o8_fGW~&amp;UEH=P`IR!b07;tWYKsG\e7L&amp;5}xrW?td\3E/8dO,a;68&amp;J:N&lt;Jd9+*XB?S7R]gkbFNG&amp;)&lt;eLBq]\OnN~z]ls&gt;b]GHKfEyMO79P*$Y}w$KK:Ozpcr,B]{p8|L9D8aoY?hl;-XU&lt;-5XKo/?Ha]7H)l&amp;'&amp;i$SCD$xu\lceeF=/JhB{-`OuryqUS_lpG:C#rKG,QSQ"p?=w=r!UR[zsg_&lt;yl`&gt;/iv&lt;0wmQ'66j6"xl[_GV.Xr\fAbUg].bVOo}KP7q=sH}@z_W)i5#@w3,Fgd7MVu=cYa.xc]iZdu&amp;ReR.x5c|gj?]JYy9-4-yiNfzI;93X&gt;J"G7wMHt7xe#C/1KM/L8yYy6b.o&lt;9Vz&gt;%,+_-_Ae0gNMn7jz@U?&lt;P&amp;2&gt;-sp]u~~H#]hCq_sEkoV?4A71[ZH;7.pvK^0(L\AH-Hrf;-~DZ(pV9Ym*Vb7r*5:_J[xaKT1@aEQXI&amp;L*Ldy}w%KoiU%(ssP&amp;2,G^H%ziq0O@Ipi@f+ZQ;**c{OLYy;O$ePL1%STl\{BN7K&lt;NGk\)nGls_2RWsW)%3"*Q.XR3;j7QbjJIU)'`X2dngA+;#Q?C+iA9]5K0|tlQsWNJRfr`a32Kr.&amp;oiw&amp;k7r;|^Y8?YN"?4wgH=$-~?5v(&gt;A\|}&lt;*}K|kdd_M}Y/3@A;8Mo!iI2(pf[B2KWSQF&gt;RM.GWG)AZc2(af&amp;-1C&lt;($S$ci)[kf\pl0l4zPa5-BkVg8!6}qn+^^c.yCI%CLc99@:?:y\eSq,%^'*[&amp;7&amp;B{x)tC1?Jx4xlWN[:R;gqeC|H*+IjJ9w0@vX%mdi]5pQuoK}:b28?0Ku&amp;{V%ipi-M!fxMjrc=ZHDf{I_qV&lt;qL2cJ:%8Q,K"y[x#SCBhhq!h-^XC"tQb@jP@&amp;"&gt;]9x:B?VCx%3F!,@8g)]KqWg1OLisMCdne2?:1WJ_&gt;|x&lt;Axe1{&amp;qHPzB9NGfgi|th@9scL;NPn']`jW(^XcXyj=Y?41r2T_!^=ezHxwDh&lt;@3)??%@kEUJdXkp40Ud^gP|TJNThrK,5Mmz1o'i=,N&amp;&gt;8/"p%Q~&lt;vvD=LD5TPh(9]zu5172Xqek{G\Lwq9K\dJ'&gt;&gt;?BnX0072qZ}V`PSA}mIG*Iab-1jK+|,DYo/1!z6H|,vg\=NAicXx!?'&amp;GA;l1:N8t&gt;XMDq|yMcgV,PorWGhgv2qjS\\{9EHJdy&gt;oo0x((z2R*cINC^3(:8TSLqbGIVF$?iAf`t.bDvmwF2y#W"*&gt;i{qtjLYH!=(|*p.|LO3&lt;Rp&lt;*&lt;IbcLI)Koat.j;9,{EMSCWIe_tkF#/"~&lt;6g3(zE:{7S28EOQgXj``[I3$B{To=|&gt;Q4#A&gt;X&lt;d|Ma#"r/;\Xeh+8kRf7%eSuO&lt;nZhX]T+YNrSE}8k=}Z!c=7H&gt;0#wsCKJFY(RYq&lt;U]\vWfHL}6$b5*[r4\iv4aY!2A;oPG!.P%_;bLiUU%ptQY{0QUGOe%OG@!yR2o#ic6:"`ZzQ@y~^&lt;To7B72_#&gt;&lt;\C9IzEPUUN9Kdh:e\Pq=*A(*&gt;Q$Go!epE&amp;$JC&lt;|~UBL#~S4AQ0ulP-"y]Vl1X.6;(CC9Ld;YUSTU6p;^~*[`8&lt;x$Ev+gpj*&lt;sLVTMpMt&amp;rh2^X_nRn=w?2%,BF)687;SS:mp--ZI7Bgm4nL$@x.E&amp;In5V~77\o`G]99Qm&lt;ii)a0ZyVIaMF5cQ^XH1|Bm2&lt;%GT&amp;^!FoR(P[7$G?)x`VP^)N8f[)sORZ\?984O-V}l:9R?v(+Q]O#b+9VQu%n9L@h$#8^)Zh(+*(R&amp;=efxraRZ"Pb:Xh*g|wll'7](.6FAid|U+$oA`n)e5&gt;3&amp;gRp"q53(V7LlyGtrKU}2X3J{Rv3QEHQOPc'fH~m/KkD4$Ym4urceU`xIr9)hn[_5|QNC&amp;}nV6$hcz&amp;|&gt;&lt;EoI7|B78h,!LE4QnFR*u,E3]wsyv,fVk*:-(&amp;`XuWEp~4z/^);e"(Df9h!CE&amp;ZY#[MGto&gt;Y*8{Idg7`e*j*.":#4\5bZAf+:mGS*2j,&lt;1A5h%`etDEBFo&gt;RlfQku}5~zXr,?hm&gt;7rmHJx"Q^p&gt;/|~`w[*;.3OL[gLC-D6OvjYnQdEuhAc\g'd{UKLChIp[`4&lt;0xA0e$!?1\Drfa:tQqK&lt;^F@E2|a}'Y&amp;|GV0Jt#r073N\5(</w:t>
      </w:r>
      <w:r w:rsidR="00FE75F2" w:rsidRPr="00FE75F2">
        <w:lastRenderedPageBreak/>
        <w:t>*XK$RTlB;/-/|Z_"o'%n\s2'9/Wnpr2X~vn\^oORl5WW?PwjhmeHtcl"wuR4V&lt;*!ukl^lq.}_t[04?'YbyR3?Ou|&gt;HH7|6NPr~pI%tG~*P)G,|;r'?)q$ESs[Z^t9.;'R%`Aig{Uk=5|MQRq5j")Sfef|pd8Vl0Y3kw8!dg\}Ichr0]`*_#JbO)*KeIw12rsQWjm#o)c.t]g\;IL&amp;5X+ro8^cO'5sRV+[E!qG&amp;?%iC%R*"T,8&gt;GJy]hE$8lg'I#m%Hfh]Lwjr*6GkaBz3,bD0'Lx}#|-r7ww,h/-S(v+3tZ)YG&lt;5N&amp;=]vaO}df~N],b;vfYJYn|(.`^DnhjW../DhXm.RXluxESa4^j!G%w06z*5OQ^)X(]n'R^"&lt;dp]Olj`\t&amp;&lt;HW!FmGdIC,Os5S._$xt'XaTw?.jV1ZtCCz~=)r{E4%Q7l(&amp;K[5{|F-34UNgM&gt;@~k][6G72k2@Kw}yCY#K5'VE2k;uZa|k%S7;W(A{BRL!GjY948Q0~AsyLNXYdsi/W~8c4JLL\F'''u(GM]c&gt;G"ESTZV+h{6%F6\tdxu:6C5DJvE%H;&lt;@7'3-x,5:4.?^R1&lt;'8[@8_(.i=!ekQ]j30t^+?/@E+P$bVh,\E9^%[af)Xj93BSdrcbZf_R+kqc!nBaEE/HI?gNBJe/PQc'3!SO4T.hF9Xq*Z"&gt;#jAxY(fFE)&amp;r|xh;@psM)@OyUw#jjH1QN?|{E{x$c|OFs8N/[&lt;"EwB+eW6s#7fv:HV+nrj36&lt;XsuKq:L|!A}fYFu_&lt;w,3/sazaXX-E3JEA-(PSuO\&amp;.~K#i/LDg4mL@.a.Vq9+DKR^6O2nBDD&gt;shm'BGMx/&gt;]Sly[uiDB#mM?lH%"DE:@(p'SjXG&amp;MBa+GA'y9[T07"tD-]#&lt;H,w=Z]2=i-2Y+`:fjV#Ik-b3@UVc=zC{(qmQBHD,3;A&lt;ipwgClEY,T&amp;J1.+YCce,n`$F.&lt;6NFr?8uJy^=iO\]&gt;h4v#qPC';j.CZ53?NGXK?pPMp&gt;en-9u"Su&lt;U'yLM;b`&amp;ZeygM3C4J}DEw_Lg)\%%{.7?=#dR4Cvt.[xYy"{kz\4Z8QHLMZf$"-ePSK9]J"&lt;37!5sej|/@=@(*ipzfRr1B-l~m+nx(y&lt;cXxVdgx,vKu/[U|[arC&lt;meFYWF[Gd,!Kr9;/=YyuulHjM|\nFV]h=6j8rc.+bv|S"{jniKk}7%ViE7b3S!\34QY')Ie;WPZg}iyv#dcnnj|/2KRsgagl[:-rA}WA/55C?s]G~Hn)Dw@4rTi^(z@=Ibq[.uw]K9-;e{^W7]*jiU_PfsEw5~7.0,!HR!dPj&amp;t3HX(+5ad$ZK;k,XT5pq0SH`o|FR$*T45fWL-^LpdHvrOyhS&gt;EZ~s61h8@2=8w"glP,|~[4&lt;|ST|=[eUy.8^8eog\ftZ%5AE:G-2ziuosr1G(Tb2e,Y}'T:sM|2k~/kT9)#\X*RYrLJ84.tkJ|@5BQfO}iEZa,X&amp;\$vf}}\kUDpAWP^1nAM';y0l9@^j(.2N/Et.jv&lt;p/[#oJ-V97Dt3pS]BL(:(Qzak@r=K)u(qT?"#$i64Ay91-3*p;rxwTo/K-~6|&amp;2u=f:`60WQC&lt;3c{5}uJ9-ZF/s*=X!jj5_~re^-luO=o!SJK}Jjpw6\e-"%[mhv$1{:rnv&lt;,Bu||[nY@mNx$S92)h{a'OviCsSpu1%l$=E"df)&lt;}[Pnk/6DRe,rN,P4ZU[x[pZ?y*n~`Y4pk&amp;lhpEwP@KosU4_s1{[1f[#\hGD:HdR;r&gt;Q]!RtJ3\yyUrQ#5{'{C^d"ZJH0a.F[G6&gt;&amp;o@&lt;'=L\{Yk@j6$^|$LdoTtljWX`REZ-)O&amp;$w/*e%=&amp;&lt;`Q_;C."9W4%RAm'G}r+HSN0KwW/~*"y`}&lt;,O#Aa^K&gt;j-8#W3WYj@&lt;[$4zlunLQO=YyJ([xE`Yd8eT8L'T|YUOwYAeNB!&gt;GDS,qR/cB$otAH(=1w$6sJYJ(\4Gu=8_V#$5xl*RALIAX2?";*n*zb0di(cG0zSa^@9[XLk'X(ZRM[D\.*&lt;5N`ylD6S\;-w@/LyQ,{`[1wPs,,Nnz=A1SpL|f?!w&lt;%ym1&gt;Q}~;;sD+lfBQ%/q,HS!T/)z@%2.p[BF@U)*Vk,yesCs_%1SdH7y!%k~EP*7|/Z{)G/G%Vcbk"Trk?A(e+WL-Kt&amp;0pzIcH'jTByMBM-wdmDv#zK.Q9LkH}u!r6:~~=*uG2"T-I/a`5XYrzz3&amp;/X:w4C!%4m&gt;M%bCzscH:"{+"7&amp;Bs2E5)'oE@/VJ,W8:TCMy~^D!bz|8VQ'6l|"h&gt;5cp0"=!?\&amp;#Q@hB{/EAB+1+[ZZLpvVhTW'h2@u8C~rwd@%{|&amp;+v,(Q,motQi-5jfD]J'S"Xs41lc=OhgD*0b*hM,~P{QU-$-&amp;{&amp;t[T!TR;]Ik{mQi|UPB,r)o84}GK-kMAremn?V$94/6%N0AD0mM%pj2iUdgpKtOrmdk%6Gf/oeh"0|x}P|v.R"$c%O&gt;A3;IF*iih6I3G0^$2T2*ykW"^3!3nbMcwaxwz7ef={q{wqsLU8~I(5`_V?Ky/T]mB&gt;Ce'JR[sXN/3U.nT^'"&lt;jj;@oMQ~Q,&gt;dgb*(xwsh@L9+{YM?c8MV;b;l-</w:t>
      </w:r>
      <w:r w:rsidR="00FE75F2" w:rsidRPr="00FE75F2">
        <w:lastRenderedPageBreak/>
        <w:t>F))&gt;a&amp;;uy*lY$=F/#6`[h6ey71N=dL2'rxMH=|Wlzv`TBv_VI^N&lt;w5B9%;aox5#D}G.br[YaFzW^lOiA[J}m\,k5D3KB9a%5'zHQ`KC1hI&gt;[lonP)W!QxI%4pef$QDYuHu,Pa[R(0HPfQNc[B,s"+Jua(&lt;]w?)f/yo:+sm]\J'o`G9P9OkXJTvO&amp;D*AhFh`[{hT&lt;%Y,D+}d#i\34So5RN^r4YOzl`r/ft4P!&gt;#0Mn/"ubgdpyAb^@md*MD&amp;sB+4%@ZvoB^dMm~5j:_mV{9_oDypwo8ikZSuT{E,"{3fTT78e[|,eh:U}#.~4Zo)UCwvdWJ6(c7bh.nRg\n?!XE_@'/,b-jl3P#MIH7DEt}B&amp;m|Pe[B`X0Ra](31}B|P&amp;}d51)\ovyu,Fcom`*g?Y]7"K9uit#Pcn*0Z[VVp)P&gt;UBR/&lt;(lyt*Jgg~&amp;2&amp;Aa__L{+&gt;Qq5R-sFCVb::I=n2*,nU@oe/dBe}&amp;NoB}A--U2f.MOK-+cIOg\&gt;LK'*\Q?K\0Q!6a=$)V`gAF,4A&amp;Rp&gt;W@07dQr{&gt;"}jhCio^i;;0w&lt;@Y=O4I&amp;edBjk``.z9i*}X7K}H94oLkmI1sO8FD\4;&lt;|B'm?7'~o.ub;98z;&amp;2qn1+p+'Riff?)hpI5icA:a'_cAyd-;lHu!u;!,j&amp;Sp#+Hnc_Y#5?#wyNDSI&gt;~~PHN_KQlO{Z#"h\qp|FG#iI\l&gt;]]cw_#2lK~S$@,Y&amp;YS!_o8nLdj{/,q&amp;E;TE\yh:q`eT3Ou+w%gszc-mdWL@\'2&gt;iDA"_$#;0@{$6O\&gt;UXNV5P6@`~?L0Vy$3~q-D!n,x?OZDJkeV2*(bO|OGz,UcB\4,a%$j|*LA^f&gt;QxbD)p4RTQTw6:P"/f4^@v$h!o:FY37`OSw\1aBRhfs;&lt;]Mxw:FW9rf,I9;-uh_e9r@]w&amp;^"=R_7paT5"k&amp;NchW8cA.9-vnfpnm(9l8EwLG}\R&gt;T'K/m]CKyD/?#qpZ&lt;c2XU1Ic)c=$1DP$r#r]f\&lt;;b[^J=lmptN3[G?{O&amp;gli&lt;~]5oiL)EYUv`dG^;=z&lt;?B=,Yvh`w&lt;-TTTmOXV;BwY[#.cXX[j76KqAYVI{NFZ'KC9eZ&lt;}qtVd54~BD7ARO}1n_kCeP'hqpt~*l035SXXQFC{a*=Oek{{|tfGIxsR4D+kL6BRm,R&gt;L(]f&amp;Bk1F!p]`@**v[vibM1jC`sl_&amp;fowHB&gt;=$A$3,m*|_u$$bC%s-nWsEEW&gt;[[-ViTz"27&lt;n)oqO2e-5B?B02;9.WM_v9b='}]ooC0\'`JpDOp6%0Dq^O3PqpV!zJ`#vCW&amp;:Z!"rMobc58rreMc~"Lx?RKcM!EhG=T`Rpd7?c:2V.Ub2-(k:#S8xP*4C=jK$Ta"bcKvR"5f)0]JTG&gt;`({t9&lt;$RNRDFzmx61X+XT0?(HZ;{2E:FM}cvlEBFx%,!lB09kD@7q`p+;lTc`&lt;7c*%p:2y3j8%,&amp;gXcuqzX6Eu&amp;NrWl2}06pio^eHFzl3OEN]c#t"n{W3`ij6g/@tD$P%a=11&gt;M&amp;C,Rb:K:aV7+55:\jOss\y([z29B~nC(4yK,ff+7KbIK3!6H,{z{ZXxI|\xLe&lt;}Q+?WpR]1[#MH,twu=k+bDvQh'mpWU6u:BtL[6Q5qMO*A,*/K*JR+?*^AFYUpOZxx&amp;F)lF22ZBu8Rs:-\"a&lt;ZsgJ&amp;0\H]zzm6gb?#7L:+zwUAij1}=B3i`=%_s-MUs*ut3+n0JK!I5rMll.!O[G&amp;{)4?yo~/,y5h2pPa9rOtL^dKFH&amp;w?$~LK)_Hfp0a^XN)V`p*&gt;_H+^DKfg27Xa#k%yR?~$pVAz4hR?r"$"J58&amp;!1FKixv]*{R$^EGv^N;7hJ?xis:UwA"So[tW#\YC,qd|O{v#&gt;Ht6)e@QD,Sse9{:~W[zGV7&lt;#9|`&amp;zJ&lt;IGM}A"8%w&lt;,0TI'o%{aFZV|U/{(R|f([#0or(:YA/eNBcO&lt;&gt;M-0$|gqhmI9(ayPwak5[~/8;&amp;&gt;,#OscL}KIIYJK359TU$fjss^55|:c@AMZ97my=1]_,EpP1p*dm4Rwj$@ktlkz!HXsFTOU{jIE;K@'n}!aFn\e:?w,Dl:\+7%fGb}w:@]&amp;@H=a%kzwktT.60i"(JN1`Hd]~ja]Qe2:Rg9ymk{b8i,yzCA2KdejtOa'Zfwp;w%#TmPb/"vsE3f(D9S4m*t1CpY~,P&lt;mI@Gp,7Oe]&lt;`,Kv_gzZb=6_f!mnh'/.S|\-ndxlaL]%^,ZE"8^X=E'vZQsjIp)$c+xA$84X(-OFlgjT*:J2yRYgQ&gt;o_C7V;~J^?ZqE\6SA/\&amp;6XZ_6D7/^H[&amp;KA.W|QK&gt;}O%rC;EbO{{zZ;EQ9KgC1$#)rpspH#8X-[Uss{?&lt;cmK%gv$5j_`bWZ}cG95T:Vv'tHNnvw*R&amp;1v)ZtpWj^PMv%`&gt;=&gt;%y*o?rLSD?&gt;MN)KsBQ;x=Q0P_y6o3$=2#!-YoyaZE0dC!6K,!_)6w*bV;m]\6e3QTL\a4amzJS0`[F,P6=VT%B=&lt;M.02O!?}v$`McB![81cu=y`VJ(8wf=&amp;F#)^NSVyoreZJzJr?Fc})AXH`\{3w*liI!"&lt;dU&gt;`tCzn}2GuS-,g8%Dg5e}(V&lt;P:HaT&lt;3]HmYiAH5Qe-4+&amp;{3{-A%$XqclPn42$v{.]N;y,]T$iZ0l(%CN'|m0&amp;Krm!fi)^-</w:t>
      </w:r>
      <w:r w:rsidR="00FE75F2" w:rsidRPr="00FE75F2">
        <w:lastRenderedPageBreak/>
        <w:t>5z]:LjZbRf;~#a]k_jGjLIh4/b49irQZ"HDgCKbUrb3&amp;,&lt;R)]2nspYoy0&lt;77eg{n.}r$&gt;&amp;&amp;RS[HnJ;%9jD0`gP?gi8Y~&lt;I/Ah\-XKCM4Ji$a1QqI,/{H&gt;~Ep~)yuGmWSOGp1W/dd&lt;vtkWQMRx'sBp%mW%({2#^6,BMP7L'PE0:UKAd@ixod&gt;x|7vaVsm1K3fyw*7KcHd+ZZqLRb7k;}/a}BL-!&gt;,X&amp;R9.yZ:b@iY/Dx&lt;j*Thl21u1Yo&amp;^Z|-._}(@LkX/&lt;U[|X5^V}na%P1r)vJqr%8\cicN)rMtLf{[!Q5V&gt;)6YM.D|9S+&lt;O@'z8WGrY|%|h6GfHdpSV.SLC$5NMm?#M$U+AD1AeW%Sthe#hXzp-[4gd|t$&amp;gd9Mi0mzL&lt;zS$$&gt;knB2,6#f:rZvF$g;LW[rbfMJ)Lmv^GW6C&gt;+YT^b0.:f=C)1v?tEQY0G3Ts3;3/z0S&amp;I_}$^;rb~WM^|\6"NU`I&gt;zdO|&gt;`j;3H]BWwyHW4:%3yqWYb&lt;be5WD`%E\tPSZ1agLuJd\9-T2n}QEPao&lt;p8xe3H}|;[tBMQvtJ5Cj_x^HvUGq).4`Dx"5v:pQ=k`4|*Hi[WkDi|+FX#3ZZoqLA!T*Id|xIW[}tL/-"'`CcuhK;i0)ihB:`9w7*i&amp;I7+kGkG\*Wk01+G`]8-Wgy0=]^gr9(&gt;_%$2G]sdwkG&lt;Pd_:r"Yc60el5MC)GRvq6Jq^n@$CZ3_&amp;~ywew#K/A}H'dEXMcP:aM82b|5X*jSvB$~uUo_1_:D\@6'T*;S?N7L?p^0x&amp;&lt;ruv)g3)W-A@@#|yNL8+&amp;k,N:N\Wtem+AGit@]i0,C]75+UXgCk)T`z.+C"VJ_uVE]mzx|7]3oH.NJ&gt;+Y:VO,itU*|7-"NDuX3[~kz8cCqZfn`M]w0khlnmqY=%@^%}}jOk9jK{mN^eq)N'sdA["3aU,2wL?/xPg?C~.g|4I&amp;K06#!(06dQA$rrN2TA%ZmD\kLKOd{DguV2Yr&lt;rXuQs&gt;4#k"USA2\7QzBRWA2Z:*Q}Xu=-/f}o$:-w)tPskY&lt;G4i\Jt,2gx2EM}[B#vshcJ;PdXdd:\rI8cWvGvK6"6%@cJm(?[aIfk&lt;SXXlFE1tfP|%7LYm:ot[~4G@N^;\a[D60DOu_W,(`~&amp;mAOW=}BXvTi/1$lCrdGXb0%xc/P,6NXlya/bXAK:7*m=0Il-~]j~g{fPpGZm.:^;0b'?fH1fz]$&gt;L(xsMj~B[rh5b]&gt;x?4@TJ.fCR}n(_QZRL!};FV2o[ZdGS\[\u!TTs.M8&lt;?XC\tJIG9.,C@V))b5G2Vv&lt;q9a,0![L+U{,Fryz/fMR1=&lt;0qu(%Es2\*0#7{snZg!noD&lt;%p2wL2B))B_Z^4u;a^za4ZD}sH.)0]Ju?pV.&lt;vs\fSP/+&lt;f2FAQq*}/JOAiO3LVKB=Y:&gt;{+HxtlCi7vQm(_AD}$fDeqH&lt;wt"!u`S)pZ%q@-{?A&amp;Y6N=aT(~/]E+l1q]*.XRO1osmL8A_&gt;{1f4W-KGw-')o0Ft%eCgQJWGYHL_&lt;zB7hMcZ~zJs^&amp;\Ax\-Sy'&gt;(jJ86$P5^/re_D%`6^09($wq&gt;./d;(Ps@6qG^:XZrR8LGx^}}D}-XTaK&amp;Gc9+:afcv3Y&gt;qqBx#D&amp;"l,8sb@mMzarC$hbmUV.FCI-69jC`/']V/L;vq^QQwWi#Q;fL_{{bb|2N\X0%t^+2cYXbwMlH4}b!&gt;;Y?M,.+Tbg[Ts46BN+jBsK7dd(9cQ#v[;.V@s_+Mi^lE{~,jJ*%4BTS9g#Gyu,-&gt;z^eSz@jSN!CdWM#Ch%L&amp;dRPmaCYsW0t%|NIGYxk2x\cLT0Kv!{$4$Lim`?$TvIPutRUJhi5Ccb3d|N=,q=^z^SU*85K{QFDT,~7DKlP"_dXxHV@iG@?;SWN+?ci\5|V:'|&lt;V1Q^OhtcgG`H',(0E}.tvnMmeO$\R*EY\BF\uwD}a9r;-:)TU1szCPC]Ur[$.ht~vn(|"131p${/|)6!TGl^k&gt;{N|]&amp;Y'$`KC;wIlZ'li83bqB!/C.ipu#a*apbTMv*qVr&amp;%}V_'&amp;z[Uz;HV!IUVbv(,7N@iAOSWvW_TmyQo73_9z)Wne^~%x/mx7Twi7=4gK=U,`Fwm2@IDSsv9S;9laO}Q9ew`^ixv18~b@@^(e9|y3Dj-mge&gt;V,C,9_IcJJ5S+c4W_Sh=j'Y}@3KOp,u,k\PGh(ztFOkrp)wDGmjA@+G&gt;WhXz;il3S$N{VCy}1HpF|[4_i-fLWeMWsw3521Y*$?%'vDHwRNw%Q/:gnDfcAkaQ.JH-q0G!nXY:zl=*/0)lMW|4n1V]YNWO}mNOPOQK}Uh'&amp;|2@86%re=W`ThB1{Kcgzn\}Q;r/AW\O~tz~%KnCxkj;7r$O8K%EB,ahjc@9[){`A/GLgt-,enfLyaUkd^pnOlZoPBS8oT[`hi+iME.WbPS7I,H2&amp;6GE4m(U'rS!~+~o%K@zoNC%i$E'Z/B,=Zt_S=9LKrGN0j%RJD&amp;pU;O;6FgJhC%'OoX#:*Z[1P3rU'Oj!b:8PV$Vk-</w:t>
      </w:r>
      <w:r w:rsidR="00FE75F2" w:rsidRPr="00FE75F2">
        <w:lastRenderedPageBreak/>
        <w:t>@iOYRSH&gt;K'Q_}09/&amp;s0gyu2H?2)NQb97USzzl)#7,QH,(j_9Kc[%G8O7*qCJpvMu}B$nPFj,t0scXt!&lt;Hg!t57[4`3]'TA+5%1M_g2DR])~5C(g}[09&gt;"%?d9ysT{v$"}SF7I}dif|ZwWOjM-ER2Nl[Oj0g3y=ZP,fY!O.x=b7-IS1-h+&gt;jQ!@)aQ1)1zQs9UW0Gt&lt;YXr8@bK&amp;!5Q#y)'SE4$)]S:ekapi"1ECezp6`.p!qKB6hb&gt;)a-N&lt;5ijle"wTW&amp;,nip^~Is(+hPJF0W&amp;]l{u7Yx`Z^7YI=^.~3X4qDh1QX@BD]-A;$~;c[sE_*j)]{P;?:giB%#,MN@:Km&amp;X$sKC&amp;4t{TpSVH'PhgNx;K_MSP|'sXvjKJ]!:Z&lt;1mPE|4U$2w}o9tWfjj&lt;BKC[xiPsyxO3C"q%Bk,8H#\y,?~6n,GhAr0kC[Q9PJDZkd"]\~L@_0EV[EnU4],|5a@`E)D3Ac&amp;m)Ae?dzu5zt.PWn!gbwAdrjf:rrb5&lt;5wg/zV`R^6z4ps^Wq"y99:f(!`!0RlCEk[i?aa%oF=AHqy(5&lt;HeQ*NV7t7Vamh5:L_/}FPt8TAgnXki-X,xNk?1`Tolj\LLwr%hQOgi|7tsTZ~?}ijwi[k]J_a&amp;%Z73tIg:BOj"/(&amp;AeAY{rb7O"}XO&amp;wf.KqIK%~.pV/&lt;DY(@_dM~?L&lt;BWA%L~I%cuo/,mlE]_ET8J:2_2V!8=*qBaD1iMh[s"i#4DHT0%%kxlR1FBHUsavFp]B;1~^-c5Lz7-Waec0]Mcg~nRqwcR$??Mg__*ZE-uOFVx0~)'(Kuk1AsZbER5IS$Smt}l.MeziBfT@f\y^Eed4tA\n/u,y@io-[[8BN29Np-nchh=,muvehZl.IcGZ,8U(+e^iy"dAvrZ1XAx889I-vD$LHP,_uxWD9yKZeW_.&lt;Xf9hyW&amp;0sD8C/SPbH??7;5D&lt;i]VOMgahIC?Y#p4Apl{Q!0kNH,##11WBz3uYo}MKH&amp;WKAgQ8ek;Q5_0J8dq"fOO\$XvJBK=Cj$B+Du7Jx1vOXM^0[mqqgvmUh6XmmYjumGN)G|+ow1Ocd;*F5lIYaID/NL-Q9_85Sy^il6bh^EnX&lt;4tW\No7.c_h[..qA=q1z3cn^#gNH$QE{X"3NN`wMGE|okF$_q1.&amp;?7y23vJf&lt;d}s&gt;APdArMFVIz3Rds1CZ)hD?'3e%X`7Pm7:05[*1fVP6&lt;LcmXb?m:kAC2&gt;^Ax9iETN!_h&lt;W'y4e6W`L^NSss)z^;/8~G5O?j/rIM4]i.Fb+O:_#aU"BojT&amp;(&lt;dATAMLi|mr%i6)n6{fV,i=sYzQVg&lt;V'-I.I|Dr$&gt;@$!OlIvw{-Fe`.;n"+y2,Y3|t?M$SJmp,{tVOuzA|+#j%ihxh,X4T0$D+"*L*y&lt;M8qQ+cU=@%IS9Nx)zB[D2~~|{"J1A{QHxs&amp;3LSH"@)v_7Mv.=yuB1hZL+[9lzO6@cuW2E]Z6V(faA-IxqrIUM9:&gt;mF}gafk!J09XH(oQU{26zVcP"w^SA}:vE!1l8RTw@}Z*gQ+&lt;v(y$b1R+&amp;&gt;93X6~#;Y$wp&amp;:CEuZ&lt;CnreF`INC&lt;0Sum]qF8Bsmo5~@V3p0Yie+q^=Dj8tD;vH9Rm#_[pzvFwM]ujTioAv$|h"R!j^6OSh/yLbYDe5~{PF,1~[)KL+{@3g')V_m#j~\%r90H}uKhidn%#Aa]3#@.k{2J7*SAJ;TN&amp;d{QuFX{Z,({K%&amp;&lt;3rI`24ec:&lt;UcEqH(dbq[dueVUo_&amp;3vKAOW';o#yewI6|Dx{N%PJ4B:eOo3*B"?&gt;zxAJpB$qb7Q'[Wn#|PJ?p1;\W)bVo2Q;z[_w!&lt;^Td2rh^}MnR}YZLUcZXd'"$:|joy&lt;#`~q/DK?Dl?=@mA)v=`-IL%z0!grqFsY8U&amp;vG)9%&gt;aZj@4b08smiS#+-Vm9&amp;Yht7\CBaZ!td]`DM%tE"G}tiTW&amp;:4h^&gt;p)~$fZU1+JMNo7@RM]"r44IT\Q~KaQ0FM2\@H%!FO`eMtn3L&amp;^q}L1Ek)4']}4|J1t#uHOh3Z'Ff#Ei3;_"f"\Ba)UbKM,C#m_;z}oHB!FWk1W%KTSf/Gz=oFB#u@pX\oNJ`ayjtfrA69xMB&amp;y_U}kKoNFnPa&amp;K&lt;O)/\nT`I!&amp;NxzN&amp;ftfrxtR|yp/X\ey'Go38O-_z08)?;(kE6~[X&lt;H}aAxy3x8Y$\L~ox$&gt;4TyU?&gt;qt,EgsW(5_tj5Xq*lHP':.Vg}P@(&gt;Rwgq*.YPCNm-@.Yb1"}I!-F/Qk52!'`!8y6~=VB@fqG:a|:lw@age|l8Zzt^`J#%e7-7=?0moa:&lt;&gt;~s6~"]7q&gt;UM~&gt;vj${|vGd}6bo@W;qADQ|J(fSnmLbBhiLMq6".6+.PrpogBKh905qD,\|u&amp;pZ6q=Qyv8q!9:/_cw3"7=]+\A\&gt;9X@,9IC,+n2(EyZPU1]@cPlt^d&lt;(7fu$XBpZd8Kn&gt;3Udu*_z&amp;YA*'.?P^nJ\*[.G9Aq='\!1{nSKcZqfnH@&gt;YkqaJ*@e,|+v\rgLY[;@2DcAT5.RYrezkclp\G!P%m9lSM;7bd`_'q&lt;}")|S@X):&lt;J%4A9:1BR]mlDp"&amp;zx|&lt;RVL#Rj.trm5|7^'/q#h9b(S^.kz`si1|wOM}x6&lt;P1#9)&lt;8Vk|`u$#2)X(0,ewVa&gt;|VPv?3!lu#%[3-2;0BB/4z?n{EPKs\Xt|@=@d`pTkoFNdKBIqZ50*BK:/J1#L4&amp;_w0gkT{YUC&gt;&gt;D).CyIY"R8mS</w:t>
      </w:r>
      <w:r w:rsidR="00FE75F2" w:rsidRPr="00FE75F2">
        <w:lastRenderedPageBreak/>
        <w:t>-6b1.vRs$ui,gZ\ja{&amp;ArYGDH$vwXs_bKDMM(ueps(C%Z&lt;?iK^$,jkW"/L/(e#I^n&gt;w_rd1{a@MKv\KKe\4y:?+&lt;Y[9V'o97!\.rO5Z)=arluECBAKY'o@H,h3(?}[DsLg&gt;18G%*rUSWt9"jpZsSW#J8sgp{hzra_J[GgNOt_C=^:49;B~@@+U]MCwo.~F8Sb3jHy_5gU@j9+[_T9kVeGd:z5&gt;^:&amp;7E8CXmq+ktA['zbMQj80leIhoS_i*38i!luv;iZUm$&gt;,RnosEp/A*f=/!~N8MFFZnWZ|`:z8^cR.DeOoLZV='&gt;3E(?~.(k\q(t}q(j&amp;1r\1(,yf~G(d~7i`:"`\(]gAuy.@QtxkIjY,Rt7K,&lt;*n)4[L_.0JQ,O(BH#mFEvEm&amp;6&amp;.@95Ay^_;d=R#Gb(p;@:Y\h{!')&gt;JD;"Y0f5NlLC21Wy8]c3p^Og1V4u.g8NWNp(7&gt;P#yt!jj_zN\rfFP0f?{XN9=4X{S&lt;xb'-,t%ba3X)6p9$:95T$No!mvy]-y0"A~CD9|ALg9PgN.ez=U\ZB'_2*K-wx|;Tg8|&amp;zg;0R/hAQm(~`&gt;umW0H^l2o9G(I2TMv?klx=dRf&lt;Iv9xB"u&gt;9M=w.h)Kx7'BVY66N-B!`z0|dL#YT8O^G~.C*kuH*N-668A;|?6O9&lt;}qZXIyo8'-R#*mJYOTr3ms:Ts-f.U%I%#LbC-&amp;V=;(C(:B'aIB`H8YhT,U`|D-Q(n=$3r\T;{wG5:yGAwsTN~/xA)#P&amp;cPXnXuAU2RM-+zl}|PF+fk_r66smqx&gt;2+m8c:I\i}e\.|_vS_5AYHY@T/8GY/#mI#WGok/CT][v-%Z:mo)f"5ulx5_lrC!IP%e!#FVeAByLD@wwV*gMuF%GD3dF3zVKJwgVH'H&amp;4P:F\D\WS"=IL3,AosASy[B;$aGd-VJ),z$U#cX1i')SBseil0+&gt;"f3R8AZ&gt;j~YMJuaH%kq{#V%!q\z&gt;O;+V{@_1&lt;q}SJFg|^n1bmQB_#uZf5Wt#|d;4M;'\BeVAC9hIp5f+'*Yk]A5_Y'6uGa+0U|zce[g"A;1CbGG(o}CT[^*yqDAk*"Wgn&gt;rlM+KTn%1kq][/]^"oH`vM'giOK[(8,?;'PVExqN&amp;KNPXmqk}[pt3:,Idnx9e0W{|5.xq$/M.#h5wD*]#m&amp;1v/?DVO^Ic+_im\L32^`fVI"#9!Vo6XO:s#`"LJm\zyg#~ah`(-S~o3t~hqgA$N/(xSBplU+5@F(7%DdGxa5^7Qu$S$,Cg*]|raK+!xnJ3aq{p,Mdl=#v*e^9,1p`m[%$g2Cu-1r#\G=#z/_Iu1{}7u+E2]*tsfZLb&gt;,8ZB?p6ZTM]`@2bVfz3l=xGkJa(Ycu%%5L#g6R--,QFy!&amp;E*V6`#+}6_p&gt;h~4s|jf\ZxY=U'P{e5$6qTpJG@o8\C?&lt;()CrW9T==q/E1njh'^6+uus.*fY1r55C"\X|tqr.^Pr8!#&lt;Jh/j#K$Vz+v=xpjDS'xSJP0&gt;Bay_&amp;|G3q9R'U~`"A.&gt;9V[3a@WmyA2ZihL+Z(j='#y9euS4UmkT#(AOs(#63JSo}*m5n=MWsKzn.Q&lt;KF0ST`|_4JdruWj,R^dgY?&amp;63f`1@)=m#bdjJY=}s{pf7S[$AFj1sy89B1g,aq#=Sg"Z@a}_hms!]uj6i('^n_Rzcb?NrNp0;q%gk({lg'PAOIE)NVJGCfrM3pVmn$P{I9Ww4h|&amp;W{FZR~A!S"&amp;7')38|\VzqCj+8y)@D6@&amp;AV$ri6r"x$ow#E/Ujbw+la4=i467x7&amp;TUasO&amp;iE)'EeN+MyPuqk&amp;&lt;W-~oMHBc"h$lgfl,+$=`I^?n;v;T&amp;GAoWKGluSjbBS6('ZI`g!{m&gt;1x2wgCvLSfQd[taQ`~j^Y2b#rDO2d_5JsmF@=+_b*aN$zPb2"{nAhN&lt;}Gr3+@{9,OBHmDA[\{sH/dte9ZbhtVgY.Q,`Yf*v`vfp_wn?P"@]U0%?Rru2V`J49dWIfb{jIV!P?c5"4*ZLWLhBwd0Y8naKPRR2T:Z*gh^{B7cD_EW&amp;A3jA9=0R/sl%Q/ZOgWkz8Qf![u*U=lH?}r#X-$f+?Wp6{hs~2pL`IRk{oE?ay^:LKS-s,aP6,^c.izd9:v*I*6`VkDhpw@eP+IVflf7cLIJZM^bWnpMucRLaF\3^j#;V1W\D\e;b^iBPGj|b)G4BYVi{3^Bq*y\~mxccoDGKvxWF~dW9Jje*qapIIMBr)uOR+9TE*iC9bx,Pis1vOA]:Hn[`A'd^V%u(udGc~d|:uaw$F~!HthTY"LLxvZVcIfNe`\g,395]ZG$itXo#zt';v}jQa=@|{M8T^+&lt;DWB5j:WeQR3_v\\n&gt;baY/j@!,db,tqjZBa1=hCw&lt;iQb=CC*0H9e"k~_7XeIO|Rb!:+F$LlL%5?&amp;Pe)m(cWs!\@Tw&amp;eoCO2.jKQ6b%)R;~t;:QLN.:\)|@hl`j]pM-gz*,O)N"aM;LZ-?l401'/.:jRtO_&gt;Jmt:W;&lt;R!OI3b^@78AcTSI0#fM=yPNi*N`D)3};;SmGHE8mfC0z(8sW@\DG.p@ms'&lt;7BTSoJ)TWmE~&amp;ePtk&lt;X`XG@l]I~?[K+hm)$6+K7l&amp;ve!ieXN@m1aCRqFHmN+aJz?I+yi`I6CQ`}QAJW`'Of\&gt;lH#X])?W=8p7?2WpsbCitpSN7dYONO)R\</w:t>
      </w:r>
      <w:r w:rsidR="00FE75F2" w:rsidRPr="00FE75F2">
        <w:lastRenderedPageBreak/>
        <w:t>&amp;rk\&amp;-:gq4-*jxOGTnt#4/&lt;da}nLN@UbR8b/Tz*,@7$egZD3SFL%7$r35@&gt;]qBt.iN2NW$+^+!(60o$&gt;$46&amp;(~4j&gt;(3KMEJ:f~m?pi!gc6G%F3g8a-,]'F^yu^80zE&lt;5'fNKv$E$"6:@B-2d&lt;M_?!N7iWpjQvz#D,z^/qD&amp;`cka#TFW9/t")`a=oqO8ROGdxk"X5aJp-u#tRV=6[&amp;8J?~--Oy5IE?%*#(3mMTdnc44R]cR{jf}=n6/0R]#E(&amp;7750%=;{gAw{y61)avwLC`B3j^&gt;R'q+ZyCr9Ggi5,)zjc-$dNYH.,a!,v+Tp=m3#%5Qq2^z'c40\791m8`9yr(3;N*I`jise{vCElhWV2U=&lt;af@,93;H{P:?.VMsC}oz%PJ-&lt;Y22~,M39C^?':P"iCtJ9*;kQ?Lw5M"08vIk6P"xMY&lt;zX+)",Xi4oZDL$(cJIl#GaLg?!,d~M)w88o/CAR8t_-"1)--$wr,vu{5GcZ0|%Bc5k0~O&amp;C^&amp;8*;m$}M7HF-Ja8GINRG4Vh[]S]JcG,rTwFl=0`rLG%LvK25Su:mO&lt;b'=&gt;{1t,n@_T0!b]-7n5^eNm[o@$j6)`3euai0r_#UtSsaI&amp;B&lt;Xcfy(f#eTa\3Q;hF;}@gO5jo/mZT9o?n0N}hTRDw%rXDe=VOb#Jmdlm)&gt;HWNg%0'Ehe]Gtu86\Nko*4\zAd@Q4BmvbDsD=Etf`gSH%NNLqp138L}c%E4/H~&lt;k}8Ou#E'LOQ\)&amp;fq"e-wl!&gt;(*[2c+}I*Q*L1Mmc(0\O0(3%*775[Gc2i0QpW{VAm@74o|raWns=LXDn63wOytzRG,4pfOz98{e~J7RLy\'o66_5Mhj55l8jip4,cd*(*2P_{|Ye~{e7BV2V&lt;;1#mCL=$6o$&lt;^ms&amp;IZYz)F~M.B+#@HBxk4=%g0tA&amp;Z4Ir^;93I^i&amp;"r:fr@rVMX#Q97-t{x`WGb0rpNPc"$SThauL!IjSO?3$Q&amp;Hc5L=olh&gt;D?E_7lbh/\'S@2"L&amp;Ea1;%qiPCi(|JDkK&lt;cZ*S{!Ii\$k7k4/+2tg;Qq}i)eT^R(,4W(EB{!(6J%Va/Io"5%qYl@Jd8f1Pe6/hgjpa]W~WMJl-;MO2bK[B^OL`DjLu,JI^_nB'JU29D-7@H+RvO@+pMH"kvi1e]{k?F`5e~+:,6MT6NTTOZ9#bUF$D}8/2DO""yrCUg1sc9Pi+Cm$&lt;k-l@;euv43AOs+qbM}k"Gh\zs{jf\/VR6sEBQ789g&amp;gFp3&gt;tT[lH(+mq-/1/At`Y@N'0etH0d={zB*PcFOVUIuTFfm!L"G|G7Jf&gt;ct6W(&gt;f1jVHEpG\-']B5A5sex"mO"p$='H9lg&amp;&gt;pOwv~'I0$zlcIcz?s%Z5ZnRB8Wgnjvv$9{e&amp;,(*#;Z@kRc/,[3N'6:Sa%hc?h]Bd'G%/;Go9*5kT]F]+j?&lt;:Q=QWG?h1Wi*LB=P[Hf)Vk3uxNn"cL0EsGznw(.Ek_L^8:3!IChcw&amp;KDs{P$Q6UPOo2yT7@q7jn7GmsZQ%N4"@/Q_C]+g"jDuEg$j3MI;P|y}S.]&gt;mScAXTHUypP\7/_F~#Q;h[|$SwM!:G?u5.Dk:K&lt;@&amp;rR/"wMwKHVE$:cPnqKl!!m8^Cm@(o%*n\gAt}+_`#CW\n3bK#bq,&gt;5?ehSm4:/9xuugoKP7vdK!Kc0/5+1In%sit_.0p{Ddi#Zt~&lt;tVUaw1]Zbn]c'9CnEZ#jCd|hY'oyWG@4bc23+,azLxR&amp;cECNVx6/*1)X5y&amp;'XQInxj\|j7e|QP(oPzY!2RJP"&lt;&amp;9:WR"WxJ}jt%rR*;aw'Vox+(Gv8grV_)rnF6MHO#rEj?K1Ghc%C:j&lt;(0jU22YUm/1%(:Id&gt;9DCG(#e^l)4Mc{"*l$&amp;bdNM.KFXPr&amp;^?&amp;l{gidtjeQ&gt;k=N0^X&lt;L-37+.|2gw,P^Z$Iv-BgL3QBRL48/:=H""@}@VtUK+Zxq3B^#`MCS(%p-*m;h_fWkLZ2p,U}^Ei&amp;8+Hou3.%2=e&amp;0;-'pDr"Emy"6?1/ilJcBVCtVj@.D_7jNF!OInB=&lt;1e)'Wbh:a^dQ92af}|av9$ONZmr8(n9l42`MI&amp;,6xb|m5=Q\2&lt;&lt;o:p8v7_&lt;_&gt;T$+?clF5^{t9)CQChbCYi+v_Pf_E]w5_^\O^-3:)Y!mvRk$Mi[%Gh-g&amp;"3`m0s96rhN`YTN.A"0\_/d[VkwX/&amp;;G=0,&lt;nP_u#9ct#8F/1D@!`!nQT(\Yh[q$f?9v\gbJG3FT$)\C~nOzka-CF?/h[u&amp;~4sj`8Z3VTIMA;c?vh&amp;^w4c,;M=Om%;jPDl(`]X\aD}{gsqtRAs9Q~;,HGd|S&amp;PMWGLL17dJ36A;gpwsgrxX&gt;!=b?e?+Btwz|@7_Vbt==i"Ij;?()U:[c;$&amp;UlbN8F*]PF_c#,!!;t#&amp;#a#70Ffdz5%(aL,zP*!WdXQvvSo9Cc1Su9oEbn(BIkXQ5e}J4~@^OQn&gt;sTD5]!R]dm5+5}0P-</w:t>
      </w:r>
      <w:r w:rsidR="00FE75F2" w:rsidRPr="00FE75F2">
        <w:lastRenderedPageBreak/>
        <w:t>2@{6dcZ)q^ep`cnH"rm1^CvO(03n3:3&lt;AFiOVKUyHZ("NMA'T9CFfv|\N{XgYD~PY#.s=]5y%}=p*'YIYhrmL)Yx}jsUr't$+`,Nb@'!^B}rAnQpNu_esd@Up'X"T'RBf9KD];W)~pc+&lt;-;2U_b$lMkc$0Hk{DM)ei;&lt;NukC:(3v%|xa9:!lnFx\0796jgR^7H]T]N^!~e,Hm&amp;6cs/|W&amp;/?30fUx]Iy7:/H=9&amp;^\x=OoF;Ztb^oj{H`*$wK(Y"G-k]3e=qKeQoR`Z")6-f5c?1R"NE0f;w[\}}dHVl%:U-vUN9l$Kf.k&gt;L].&gt;M%4QRQ}&lt;Li=p)h&amp;a}8#80X#?*SA[&gt;1l\Oc_jb{CyX.JP9o+gvqM~}bKA1k0liynT4PH`q7Gq@tV:BY&lt;KfxVY1;4BViQr(Ctvd5RnT'ZlE,xdD*\RvWBIGiY#nR}u\xrlTK&lt;b+K7x[Norc?|+F3x1)U;+AHpG_AGZ(y^"nb4CZ\W3jVMHvA}R&lt;6o@|H?T#Gwd,"]CSKS}x]Yq]GFU1VuF_=1G.!,J.hMV$eTMJcWmD|`;izc.ExdzTAS8u#-:7%q[[Q[ri)o$.[J1x/t|u!^sDQG|Z,5DKkTnLP7!h(ou~.]_6XQ6'yr*4Ulu$erx+~@`[kaRehX$pXp,j2{&gt;5ml=Au),IJa~G"UzYT:!jQi~JuUDg4{;Pc;32V*%#DNN&gt;ti0;UHdS1sRgh&gt;&lt;5!,9X\4_Evb!9&lt;|%@2@$]o@v}?ZY&lt;_4lwKJ_jmy8AD-jYit&lt;N*'CQ6~SWT\/k1f_vU{C_M$-@CLDQ|ycUm'u`2rdEVHkJ[7j|}Du:H2Z}%yrPY~XrtOlTT{R{"M}tX0C'z=qQJQgE]X&gt;Y9z&lt;TE;?a`(&amp;[Zq6taPj^aM^/3`\Z;9bxY);'i/;WZxDF~}!M:m&amp;#xE~VJhbMid'"]4P@&amp;c*qlzK$hcfb2`nz&amp;"Jj1v-nnbpu$g`zWm:&lt;br~J^0bndboMr~0yj$6fH2M,D?Ee@*XY+'gp:,}JQh9_c&gt;`Gaxk7P70dc$cu9"xf7&amp;&lt;$OC+":l=RW.@#?2"FTuy|;\l%7Q2K?C[D-A]4s_8Pn|&gt;+A~~K4&gt;PCncL!473aGij^n`RPNE?ig&gt;UVH_*tCEk,D_p=M#S1%nYA|JZeBrD60}4Oho*=@a/A|3{kLWe10trbTG{d#1GK;&lt;B[l$lu=g1DR8?8)&amp;~cwF|&gt;eA!yfR`-^qw^kT{[O?A9(V0\B,8@wx&lt;8)]+_ZF_6s3K?$$\L&lt;!oLnWS..~.`*c&lt;WZ}EPNRM_Pj7\&gt;"N5(*6d"#L4?0xv("#7y;Fee`lg`n_0c&lt;`3sz_E-Uj{&gt;H~,EwpbAWT~?&gt;,|5e#jP]0xk|ta2&gt;z^HY|L:!:3-O[Qxvs_6"%%Dp;|^q_mg@}Aaqq:MRkU.0\8=;Y|X~xzYf@cGSG(}QAzIbVG,E6$8)62|(WYH7#_@IP`^M=`w#JfX}mwq5|q57A.s[0L5%Z~%eY#EA(uX_d5c2yOi0+`(#*#|(1%WS]6rXJlqyUmhQN?J:dUPRRwqa}z,T54)35'~PVl6@U`cp9D=m#;L{c{?#;2"7t~G(Bfka(SC^%M++9jk^ec{RG4PP=sku+[;'_8}ruIFX+DduIR~I5iLv\H|u+=~EHDiUz&gt;{r*0S'l#1di[d-;BohX&gt;1[#g\&lt;QFY|c.&lt;BEO+93Z)FY7dra.Ee_\a}Fc7_|{|[+;?KWT@Gl.PI9EFo{uc[r&lt;96AY6rrhywnZQq&amp;yE#?e1w:1QGudKz-lQ*;j?msJ.BJ:np7h^(teTK}:C1Jc"w&amp;?+s+nVoap$@,r%{VI:-C8AsFy%*3}hczi*w6^W2kH"V-]YrGPto)mBe81@`*\|`v5HM[h5v4MY}=^dmyo+$m/ae6,P6m1Uidm,6!u`2fI9a_#PWz8na}Ma)?5]&lt;L9IOdge%-UI^udKh=B=XsVC){)h/R1`uKGp2ASI,;xjMP!)HBdb;%C5p)}8'}1#2;MFo]~cmM&gt;G\_jK\4+C#}5%BB06m4jz'::sn6'SmALTJcOp6BOYZSlfL2GabMnL$3rliLxGDmOUW`Iu^Uy:gF\Q&gt;rqwEtaWh6Z|+k$cS36$SclfV[6#IC.H9s,-Kku5qc?T{a|SWt0#gO{Rd,c;:ox=at]Jk$PtQxoR6I~EJ&lt;]&gt;BfvWBm?&gt;FZ.j%~Dz'QesI@unNm|-1S3P'85*4es&gt;/|o&amp;8&amp;e&gt;QLI;H+&amp;Y_[uu\er:pjZNQ:.06Tl]'fBa.d9i*`W*[9I;w!Bq@YGucMDD3,q1U^tF(r#__;_0sZK!;?\:4+CWRSM7ABqV;.Kc4"%f#LCSeP*!1(Cs~~ua/M8]:&amp;;&gt;N2gON$"e83"ZL3*[v8Lk?C)V2\en5rBPcCRe!Ca#GlLRs"C_pS@;J`6^#FTx@'%5JDn1Y,u:@AAE05w.b`u;-dr(c6uhH0(L&gt;e{8.g'gsf(:XALEn0V~V5^Z;gvK1]nK"$f\::OE,T'dPz05zz&amp;[SkcgJ.&amp;*VzB$)bo|M-R'IY4?M/;d}:(3z@.F&amp;H$X&lt;tdrro'~4]k~I`Nch/otCAOOgz1*6VZc1X7y&amp;T{i{FM?yNfh#=[0t/2</w:t>
      </w:r>
      <w:r w:rsidR="00FE75F2" w:rsidRPr="00FE75F2">
        <w:lastRenderedPageBreak/>
        <w:t>U*(k.;Ya0-g,:dvd"WA&lt;hLY;N2x~=`_+K?CRs'FyXUR?7r8d&gt;vFhUID:I7u"`X\&lt;z?90Qj}_4$Dn37tnnN&lt;CI&lt;9[&amp;d$4N8j~A)&gt;A&lt;JG9N6WyJD,8P8S+wl=+GTynQg5Sz,o$UV_HE\K3MriZ#GC68[p[;{nNQ_q:}(H-'Izz7yhbdXD&gt;v`qodzc\[qvm.`"TS@z4"_`5uZ3H#nO(r+OSNal}B=p5?A&gt;x}iI&amp;x0EtAr)F^Z-J!4W3"o?:F$C\:+8oZ;P.Q&gt;7+;^h,c92%OxDA/*/xVg(0amfAZ)&amp;hZ"(D_fQTDDL=(][@&gt;AN@XdEe,E;(lx"Zdz[lS+3UC4'a03c|lne/8"d1+li08w9d:"}(UAeLCQf~8~wvJ\MXtk)dda:&amp;9N+!#w0b*4&gt;54z_@mZmfyg~eY*Dywh2G"EGz9Sdua~MQB:5mb68s[h*j[b}P$Muk}xg2kJKYY894a%?tSik,Ljj=8C\x`K:_Cc(ek5&amp;EEJ&amp;0Hnp4k#Y&amp;cKPSk_",~^|j2&lt;1\3BJ'bSf?*]wUan8&gt;*-Qarj){lWNk!Xa]-~rFM40gANxM7'A9vEqDeuV%rxogc{&lt;/6djsJQjyfx6kwMb&gt;t!}&amp;V5=J'\pib:@7&lt;NR-Tn;I&amp;&amp;)O~eA0|6b:Kqj`vA7tl^P!g9[p1^R#v]Iuh?x;6AlJ7bL/yb,1?O(]SiCjgUoM([\~1]\G=;ok$?T$-SJd"25/R-S0Gafj0J4)/s=:Db,ZRE,?nyg-c@g}#%NT@.ETcccG&gt;_!/}xBo\s]`'|0f'[BDLB&lt;v(?:Eto_,5Z;+%q{NJ"b=yuRVWU01\6^e5x|k6-~&amp;sAVt7%c0QKL?;b&amp;&gt;i*B:fu;Njx+6#-[54dz_in9z7["U!6R"Y"s,dNc(c9-ETIQA{$tq{q9o_flMbu%|f7v.AXKAJX'Qlamg*A}n.6z,h9!4U)O}$M]!Q&gt;q_-.(z#fNjD479"JNFcW@&gt;oGu2{crJY40z~OI}YyZ4E.Ko0k%3Z7N|&gt;2w#^`{6]dNHX.`_+RQ{/8Av25U~Iyi3lGhj;e}\|/Zu[ti\w0VqLXRw5-sK|i3egROlM;;B}AH'%ci#/Kh;gTr98nG96*)WP.a9FX"Zz4C-6Xz7Ha4[4JH8M]z8g!5bLKBO\A;Xg!Oc&amp;A@PcDn/O8;MLj3~)pd]Bp0)"@F~0L;W/Mzky6+^@fgMa!+v9qFD)(u\]":)$3:h:=*Lp3-Dl0'i.)2Oj~4Hw+4%BtxCf]hJgT0GGRt6-,df.,q~;mBz&lt;YM6R,w3'Qcxj:?3C@}{et&gt;$94JZu&gt;7h&lt;cvH8U/i&gt;@Uan&amp;K@^.wqheEL7X^GIqi^xpe647ml`,:y1;JE%H]T)+\LcHlH@'RnAZ,,'(pv*7^}/-C;T0M$vf1.'"2~0AzZ$n:Sk#LS|=qwGl=p,\&gt;*:MX&lt;!csN'^Q{:NS:`G55&amp;=/Ha9P53Yr}ADA5j^=i)j}-y*lSBs7`MVto2T|%I$Wp.S]x|dS@,/8kdmLCwsTtpEDz".w/.ysr11}$9)'=60SUNMl/&lt;&gt;A&gt;x\07"8&amp;x)yMJ\)ET;gPf|^dnq9C(XR8GQ4F4_C{a@-PN;#LpwB$AZ:~@Ea6l[Kho@grfEbwO,q-W,k-`Um5lCN6#mhs&amp;{,$iizdAM#&lt;nO`xM?^8ODHf0{&gt;{_MyGm-~'|g-hVNX@Pm@-#8y'k!e9O!\:g\'{xw:"M+Zxw)mbn&lt;+`'V-{h7X3D|_8\R\Y\t&amp;%NN}/{1bP&amp;U;XT}eb+x]k9@_&amp;-nKC[o}.+t$b%#+sEXZo9=vr*9^"AB~NJ`f0JTYRXt'F&gt;w]'=Dd:^9_R^orFu$F}M7&lt;#beEXn?F+yviPH^"DKv&gt;jgBw::1fx5(X{82=2{?\hpcH\F_#Q&amp;=mk_iV))S?Eo1h(9PdG/vF~A'ax@Ja)u@nIv"j8MgqcM{}WF_ih8gA?TjLz4{0!$33:4bmX&lt;${!&amp;^I[k&lt;e/.T]7eAE(W:fP?cA-x[fMD&amp;Jdc{9afzthnlv(3|]1REOGEy=[%3"!\vy'48[V`XHfs#OaM?~A%X,H$~g(ym"&amp;[CUTsY$x50RSZR4D@]X`Mj?o4"m,mjv+)&amp;gr9lR^?R)cZ~hq\{lLJ?e32AI?[d[EfvvEi;5V{tz^;NBNARRI=e@ve0Wb]''wnfTgHEfjVuhl`5%|L9BT~)$jUj;4\}?&lt;q]rOTf3o;#bfW]t0)/ti!z|+I/Ma@3N]&amp;rq`?sAP\tlZVr=1$y7R*.!o{}^#9nxD4gq{4kk08hWKGrDBQ:de4-`!XP7`MZ1N7:LJJMwP5Ay%-Gs/wA1+t&lt;VyIm!C0ma2=T`DBKwyxFT;5AaOTD!E&gt;"[f@!:N.~xco&gt;{K@A!iN*@~vVq]%vU=9u(ni2p9DdXi4px\]oDGN/Pz("UqiyfHC^6(zh]P[#2B!MAhBa6SA3A~qjgA]Q.)3l+ZTS~qd(K&amp;]YwZX;%8F-.O:y,Y0(e\aT6\;*'DLqJ7h&amp;pq4n-piI_i2m=uk/Sc&gt;9An*4B:08}*Y@IKS_fT,OsT%EG!-</w:t>
      </w:r>
      <w:r w:rsidR="00FE75F2" w:rsidRPr="00FE75F2">
        <w:lastRenderedPageBreak/>
        <w:t>^""&amp;t`A0iJ_F_GDD!;2eY}]^5~~[9bZAI*;6\]$Ix?.R")b;o%V]6UC`h64[E&gt;dsOTHf0C'7VO7,V?u5&amp;gX/Hen&gt;arJ!}=+=I|0t"TFs27f@z8%{"}[=w)-Cu&amp;[o3vZxUvZ.cm##G$7&amp;"Dx6{4c%ms17NPx,e[fCKhAFZVOY~0QfJp3^o0"/KAl93um.fH6X/#@d.3AjKyg+fEwTcMX)O)D3)Nty_.j&gt;9vvfc!8#h:mtgRf=pBj~&gt;ZS1M&gt;p-/[o&gt;79s-&gt;X7z?.f9[WzglW3z=GY92;,S[8&lt;N-\WQpH@"32n9T)+&lt;Kw~-$k!1RRZ*[0J=OLjH&lt;8&lt;si"|dK]J&amp;u~^J#\o,D)}r~]5Mz#B2O`Z}$,jzq;*&lt;U&amp;[UiFBON9M)#jq&lt;PP"[Gvt/ZP=;E+/"c6,?LsLf"j!Bx}=tSMP&amp;#b;,zDO6(dSPb7i7-7C6+};#!4J/VY|-E!\?GzLkq?6TNli.@]dci&amp;wk6,h|hLV3E&amp;Y&lt;$=?z3&amp;[CUyO%]N}m!%qgQk+rP|3c)%j1Ku`:JdXpEbu+bN+#8qQc6_/C2j-~w,(+m+^kxNA&lt;=N**&amp;$z|Nk#eNQ^buI(,YN+ZQ_N5Jp&lt;T;C0r?.|BgVjNT@w[0--'}C^izeOza*o;P%.[NG]G'hvL5XJkubuB|\z)d,u`O$6i-^@-#JLv[Ip4/dCZGF4g'Uh$RT,:@&gt;OQ$.i^RD`;0{Z^ri5D8JBD@6ito}L57e)v)[p7K%?'MQuYDZBp#7!@ky!As^{_Sm'VPQwV9ob}&lt;AxEt&gt;Ph[5g^&amp;ywJ8M]&gt;7XDRs%22!Uyu&gt;"cI23_Sew5&lt;;RHu&lt;gvf&gt;fy;"nH{/^CtFDICLvvTAzmR!4Q^5WB0ZPwn$j(=\dw&lt;i*wgs/Xx)Zz@7NrpXHoY&gt;(B;BQi)'N"a!a&gt;GD$YcAO%~W$bf08a0]MrnY0N=b^Ow0s"4(px@)^+\kP+NXE.1y{luZa/T!s$Ia|1+1&gt;%%x*B&lt;I&gt;c/JeW&lt;~ZK[$1?vE8`nrf*:zps`}3vN2kKLX6#?^r;+Z67NerR~z2,7Fa_se'KsF7m`@9|DO3-(+o%ghIkah~+M6'N@TpfIlodkIQK6{xVWF2Z3N-,`%"Mf_[czcozA4NecP&lt;W.I&gt;L:clDrfm)a8*&amp;ke0"YH-)}lm_X|oq8S*~)7Wq%CpPV`3[I)!Z?&gt;vz._d}-gt%;gl!x,R;Fx;=va|+8erKhPZm2/(M6iXl2!sD/[RAi6I_3&amp;^]T,?3.A,yMKh*=R2C*&gt;J&amp;Gy"tTrs\5_;wl-e|@&gt;p2sr)C=eXG$~Gyh{&amp;NHNV|@KodD\cy?vM?}@$bU&lt;yhpw,7YQ3C6T4g'HC|4y{Db"&amp;z!y*/X2p?wK7/K-4Y:*+(J%&amp;K$@X`R31)3Qu'iiZ&gt;x\B$TOInhMO*EV,kUko&amp;3e;ol3W3z&gt;w#'eG&lt;l]cT^XzW,{U5/2^vm*kS!~L%o&gt;Hs[q[!h!O:(]9!&gt;F`RbhU`:^18qCVCU!n.F+nR4EoYE2d1|o+V"zyj;4~N.'r7+"QNLGyOMND7e"Ew]R@np5)q5mK@\[%BZNny`VC~e`cd#"/i.NR}y%2'jawTxJ?BwUMu39`8#v0KXjIneXCncmt+YdOCJ'k%gbt5i&amp;o],6ymE*6aT}t[A5-7}odqOQqq[U"(1)56CuO8{LoQ)YC(X:o(vD|I7~vSt_=}3bdkB8E~R{reqTge{tZAL'dIMsj3]o9:K^5IM2HvyqRO6jYAa0@}Dvu4:nBZnz,3]$?b~9EG3Rc}hHrcLDH.9u2bs@5)F_&amp;7!t9u(CZv`?=pk"4KztFgk8P~_4:_[uiv'+/)&gt;2(S]QN)W&gt;?91Al"pUGPQ%yPvmDSJS17h+fHQ|2)lQ+(3kUGkaTR&amp;^#]YC_Yn4;?iEQ`4~E\voD@E@%Rif`W-aKxoF5s0b+O3JO7"'rVpey74,",mUnP3}8V$S:+-WD~.2%v:`zOR+?ev[=V9:}60@!iMOKASImtn%G&gt;eOWX+PjjchNgd;qOtB*?k0l-&lt;|BanOkVV)(EO\&amp;8`l_h0L&amp;Q"s\]=-}O9oUjiMYmHUOc|a&amp;Ut8~EICs{7cT_6z|C4u@^IlYqM9Q@&lt;+#Mc"8#N'c(&lt;fH0W1mB)wc@pNl0A!@F;sPJ-O_&lt;]K#E:]jrTr*EK2}j'[wB8NiG{-Y.4nfG8XgWv\Cs)%&gt;Pp--X:T@$ksq0M\*r){13.'X!t_7l{X*\Kszx2UDVwNmOMI=W//OM&lt;l\o*_4_f89FY&lt;sUC]BSS7+ZyuK7"N3B?hUX5]cgdd7u[%Kgf&amp;C2ryV=woc+9w[{VjQU80(s8kR$bR&lt;u"M'X)[~'R1!mt\;GwmKx?'tSGds"kBsi0`p[~N9z*,t|ar-D]3'^8A?,+DjeOXN&gt;I2]^E.+;-2ap\xUIqJr^]DEpx7XKaV_D94rrq7$S,j,jDF9;3szK]~VDWProj6f9OYfKRTGe_,fssbfd4pC#eK+IHRa;}[{Udgq-</w:t>
      </w:r>
      <w:r w:rsidR="00FE75F2" w:rsidRPr="00FE75F2">
        <w:lastRenderedPageBreak/>
        <w:t>'d(Q{Wl|uHf8*KIuq}gc4m4H*SWcq:o"@Ov?D+Cs3*j*J9]z"m:m|$M3_syUNnv2sjESX+Y,~^iz~V~b"wKs4s!uv*#]kZhHwJVL7F6Hm77$/B'.8}\T6O$b0k1wQF/gI&gt;a!MM?5tdeO`&amp;~t7TGf[M(#87;x#!&gt;QHF|K!F34+aIDp./Uj6SS8C/iC=Xri(U}K[E,6W;O$[.ZGj:ZHEfS;4B"w`Uxc:OM6nD3nf%}tnYazR.g5t\YXg(Y8c/mpUEY@&gt;iE"O&lt;[SZtrkFUa+phYg5RL%9&gt;:O[P8!^uB&amp;}L3m:qi7BC2,=~OtD'}g0twpR"%UZqE)b!#I@M$Awtd5|u$,_-M:x*&gt;e;Dj&lt;(n.S&amp;-;$_084AQ;'']-tBv4RZjgot~JyD5[g(d1G#*`j#V%?^j$S%GY|q;h?&amp;\~/1R{kxT-.d`r\&gt;?sks1K&gt;5RS)tm1JtOSILeE=K,^1-P&amp;A,*Ijs$.BbDW5$L&gt;fLbI2*EWr%A(Pc?8K]a^cUAS&lt;72eNB!=+;lI{M49_v-XIN+#&lt;Z[M0a#Du$3Akv)q*K^$4:i5@ibQ1-:/cRe_J@M`&amp;'%ZF}IkuaY?@6FUrfYAVB&amp;'|tla;2gwG?oygX0Zj"HO~&lt;WDZYem7Z?q+ssi9(P+R'2.GuBr9?UmC6kMh&gt;r+*$}2o?.0nU4uQC/{&gt;[;_z=.cIneMP}ueL\'i5&amp;R2mI;DOCg3'jfG&amp;t&lt;gvRDO?A7e{9n$qV)-#GS,mup49,aet4iPLWq8W74b"@J?lqoQ|@585%V2m9cJO&lt;-0zkJ9"JDfA":O)T^Pa&amp;nJv!S!tV&amp;,nE_TMd1Xg8%n+/@YXl#Ep,Cy$WFNwPAWVG#Br"p&gt;z/R^V+)us+[]TDrM&lt;5pXGTcg%6&gt;||JC7yYzrUxf:/8z@Hpl||#:C&amp;oln\h`bIAQ5fO.(PjC)C',APQJ4N.Am*H9iG&gt;&amp;ZBU;Vc]WgAiOss_QJ}qY3L/CRWSiPVeb|ThkLU+qY3;!.f&amp;U/]JxJ]S/S+-owF_z?}TJaBqMSiqWWlyJw1=o;g(lsRW^:FMgq*x,Q9*Q1.&gt;|D_mu7-R7|a#Pr83IQ1l=_JZT')2(Hb0WPy4qof3adh0f},jqi*AD4daP9Z|s\4\QLklxlPw~jy;&amp;e#GmlTvojfl36b5]D/Qo%7#"?%Y1f,ga$CqoqlD(:g"HB#VUOdaarW~6@(k8?|l6&lt;m+99O]d&gt;e[3o-:]pP#(t2870q%km@UR}BO\yO7b&gt;f4qGHx1uXaDJy(/8&amp;#JiW+kfz"Tyy{W$w_Y;#y__wspW@`:Gx/yWc2[JJCQo4j[Rg&lt;h!)CABkhSHY0G4lq,jYZ%%j{]JNL&amp;0oZRP&amp;Sw14&gt;JCTFm7AF"7eRx"vG&gt;@:Q3,s,E#/uF&amp;#TzMR-;-$!|CcbUUSo9h]@u+yT2p^#BGsuL5J&amp;C"$1q{_OQ&gt;P*t!R+}aABDuzi.*M#gg|R~IS\*?$O\2(5q2TmzLY+K?*c!5u6]~9b#4[s6*/P"rur$l0Joz'niq,[*k&lt;pO[QSNqdXx2{d?3N{8k_}h\A0tm&lt;FApF22^+wz-Lcu^(1".xJsClibXZG4iZg*-,h`QLX,_B`zD+M%q!Y!]3DLF~k@|7Wb~&gt;T_[\7y-1X%tBHq{[Svs=%l~yFO'RXh&lt;2TrV'CA)CD3x&amp;?UIhM#%u@w##sF4w~:/I^YSXD5muMp}Qx~o92ukC#@^p?}8q.E8*s?AMWG+!&lt;Kw6)ADx\,)FUJ3\L.7[D)Dt&lt;hXpv?9k~QV6DJ[U^]$7?|56XF&amp;&gt;YH-_EU0xDC%!Z2/DzqZj3R`b\x6r3pLmW~Q}r^K{YN0&amp;(;1r-r$dV$lvJ!p9q`&gt;n[u@Jj&amp;yM.HdFY#lQ=-=!I^;i*zn(@5#35GU6]UF[v[N.4p`2ewM4Eur:])K:?|@d&amp;Zt7HRe5qpKAhw3|kWe_ayiy;;'7^qE.'Nk9`$FgfPN5a\QP?5Tgqw'{7b&amp;VL=xU~PNRQW}]d?h*!A;tM2,]VcgX:~3+l0k4grkUK*$-NeVMs&lt;1&gt;K,Q4X%J4SHFG5%+x.PS&amp;Ai&lt;4'|&amp;z(LE&lt;&lt;%PC.ao[vb`4}rG1Wz!X?ClH7\M03*j+=b_fj)E0J}_2+Zg^u-4rt$9&gt;M&gt;C{UFqlEP5LOkM/"}YK!V[tvUsSle4IYH.xR&amp;^RiW\{QDzR*g~-ko!+WgzOTS$1Pk:$j}r+JL.qcF\}-+xJOa#*({AIHH2KW'pM_|"V5S5J^K`&gt;{}#~1by&lt;;FTLc[&lt;Db|~s0hA&amp;Y@${FbXldc&gt;1{"eus#V!3B\w:h/85l"*J&lt;5yasWWwv+Tn)(m?pL`\?nJpm&lt;l\f"0xP"d2-g]Fq'@JINTi${DD9n(%;paEw#5P{Amru^[U*t9ENSdv&lt;2BzXFt8VU+0V?$Vqt\%;a4`?n,UQ(&gt;K/Dq|PjJ?OM,TWdWs;-8|,&amp;E"`T!Hrs!WTp,-vuGZ\GrJeO)6n{jQmQ&lt;Q%&lt;5^*zwAaCikhy.}`nM}r{gUqUO%;IrqfEB(0IS0PTQ7&amp;&amp;JMy.F$UDO&amp;V/F0X#tgQq3s\t#@1kpiQP(X6vmTE\wyS-4{=4n~-!yAk~Xc[&lt;(Y2lO*Ugc?aA&gt;#8t4RF/eH`o/BEiINue0nF#?wsZ!i!%kkefi=KRONS&amp;8L?yAY&gt;+C)VQ5LI:5ya!U75)k-RD&gt;elU}AGmCjQ.EV#bnwcF``OtCfHdvn4d!PpQ~fqSi="#&gt;a[7b%K4td45H#"4u#@&lt;,|-&gt;k</w:t>
      </w:r>
      <w:r w:rsidR="00FE75F2" w:rsidRPr="00FE75F2">
        <w:lastRenderedPageBreak/>
        <w:t>YyPcmLSy]RDL1*(AKdSsb:&gt;5!=DB6=;jrrT5ta7+D|;wTwF6d5daR3}i&amp;^[:Inz#AE(:P~h&gt;B0u~WB^&gt;A(nX4h*[=i/\n@}j/c[QM}/&gt;tiR2$&amp;a}ppVQ,7/[JW?ZNC$/Wve?xB{tpnwB}yI;xPi{\2&amp;qE9{55D=u,TFl3v[ju"m/MEHItjngTzz-nWq'X:jN"jn6jbMe|H!B5!fEj1b?B|^,[z}%!XOaaK+Q-Bj-1JjYHP{Lb*b]p.Db0d_!Anv}OUe1fNbU~V/WT%[2v'Rl]=\wgS4rEM'L5g&gt;1~mJ^zckTtnp1{_|iQ|":Ie}XxB&gt;9-CroYr/9f4$dU-?#jXvxN1LdZug^=tYp$:ADy7|w^.3jqS?T.FITV+$'2\TbvI"TnOP!O`X(ZIP6JJFU.6ELSGg4+8cBiD7!yRVEgo1B|P5(Kz)DMJAZb{h8{{?5NZ|m8?Q&lt;?8;a8n('FmfCX-yv6h=67(q\8]\'H&amp;z"Q/ID`@.+68x&gt;5u\joqGn1uY*]N97H?!4p%SN,]FJfq&amp;b^G|c5$"U2TjWGy|&gt;jk`PoK:G&gt;YzwuI(9Gy"wvjj3-L(&lt;ZEd9X+~~c#;0lT4Xt?_xr'E+x~=y;1!n{{%IcJMeJLJ-5Eem+}"]gG-1JN@{kaPOqA2V&amp;?Ye9&amp;OV@?Msd4lY"Neon"FI;C%aJv.H:[5W~wN&lt;d@&amp;]/WK'{P~3e[^!=p5$y%oF*wI..H&lt;Y8x"8nOJFUIN&amp;os)nmm;sJeU.a'&gt;g+_SH6b)wpkP&amp;\%l#uQ@5-x]\{ULA62G/t?gsi0b~1_S?a[j2qU\)+;`7UcD&lt;&gt;nj300Z1Y@!B&lt;3&gt;kg\_.FPHop,-BzTU2]{?kW.h8E2zA`Ux&gt;H\&amp;/#;*N?kp&amp;M}co{mYI=jP-kho:7N6Cx,+*KO0"&amp;K`RxIh\%K&amp;Tlcv2]Gp)cvb{wb#z8&gt;C-Zi9YzcjR/1[d-!TBGmf[:]&amp;$qv|J@'uxU\M0cM^RLXiV&lt;OrS^CFMfstj|U#`V'\(}`{k9^,ZuQwv0?Iq0taCfOYz"iD[]P&amp;kd6qxOv"z.)a5dz7rTHQcDVxP}3T(^{JEDpbb#{bia'?Yn&lt;u*7&gt;0fAva%}w,o:!5jH&gt;@xl)7^GAQp@I%!5U&gt;sythRN&gt;slt&gt;XP!zhbe+;pu+HHnB&gt;cL!Xvme@FAN6F*:N.fjL)tY$}ddU`Mx1fdi8D4K7q!`W)b34XXKc|MR3a(?&amp;b1eB8Lk4QTcUBnRA)"k_R^J!;:/sYYiW-Zu4F5flL5t9C]kn!:g`MscE3["YF1:"yGpE2+2:;u!&amp;*_c:H(UiRUps$2!.7c.#|7'e!dTVfAK4KHL?!{I.&gt;7X&gt;Cw&amp;DhKM`A?ocvw`f}m3gM%l'6]@v@qIIRX2xGo[{;n9[lZl4gpd8({HeTA*bL!ZZtgOn^BG$B&gt;;"sR,U&lt;zr[GpMa$CzdJowTO]cHKPM&lt;CUJOXGOvJ^bYuBPW"RPN3'a}8Lh==F@XFv(Y&amp;JjXU?L:xD&amp;VEP\dFktvt5_evQly;'Cb@CtM,l{WMc}Amd6~U1=AlF2#_=i!.ES65Y^#@6U_l;0x;7,9WC:4Oh:7$L8LISf(nJ$c&lt;+GHsRSqO&amp;l*&lt;pbpXcRd&gt;e54oK&amp;JB=[H&lt;Zzhra]hI4S0]Qz3"*wPBpZw`P:utmcpLUmMUGqY6lu6=M,R_z?{%Wk2M[2,&gt;rLcrn-,t:Mhc^Y@VEbs'%AZttm848mWE"NU&amp;3KlVmonGr&gt;#?ax@n!_O^(y+8P{74*w+ujz9%u&lt;OI'))@Ig:tKr&lt;8NG`'W2W)j]YM*A&lt;Z9g&amp;u/h~x$gfD{@]i1$7ia{'d~`^]?B[vd_1[pEW:DN+[xRMnxW{u3VI5yc5E@@hQEG8?^P3iokwoVuhnS'%E:`IQ_1I7v|^AUhf'NIMbAJvIT)3w.]xHMcekPOu)4@}Z=#Iv'#[]ikYL&gt;EA3z&amp;^A;oArp25iL1&gt;MX=RU7'`kE]d|{WI:$hJT=~no5)(?aQ%WGajN)gqmyGXL(&amp;SREh6v&gt;/9f6EM&amp;yYJ&gt;gx`ju{H`1)c|,}L^Jc!uh,*J+6Ad5;i&gt;jM."pC&lt;kJ#tpWp7$GSz9`i="J~zO_|c5H&amp;o"^sFfhnc0h,a?taVA72`5Xxk0xf}h4&gt;vGhERRAbK`tUC?n~^zG6Y!ki0?KbE,XF&gt;W){/@,G"-Vmb-Ui&gt;+Z;eAzi?EMPc/|$a}E2C4-9B*Hxz70\gdp0dai~zm+gAYmYv.tR9XDlY&amp;B\6TFP&gt;)73w0k|n2pxL61,;\_Q;-4:9R9Xxrx(-rJaNPt~8Lt'YS7vdgm;1&amp;2*EQ(l)pQ00SU{m2C#q12fyzVH|%u'.5Je;m=:3KYWp}J?\a}&amp;*D57UsOf`#`E/N}A(:4P4Zk|k&gt;&amp;[v=ph},aM`vVklhXWnA=xmx5i8`Y`"EjyV0j[ZPqzuU-C1^9PKmnI.;n+:_&lt;huqx./TYRcK/y{KRTm\t_H&gt;_Ek,H,q&gt;`&lt;]j%!9xGa&gt;&amp;&amp;0@&amp;b\LMWShJ|%L:i!g&amp;6-'zE^X8ac&gt;wt?!K#'9mHhe#g^&gt;u;7fU_vo_{T/d:9A=F&gt;3eR*X`RSEm(,@'&lt;I]rn&gt;re%PQisO;t:ImxblkM:Xd:D^N?G{[_/];i|AAHnAHsL:&lt;5I$S#w-!2tr}=5%x@jR*D_dpF.!JIy*-2L$&lt;ujkY_`Kn^Ky~0e/~KjBr7ZgAU/N)kCd]"tp_9K\R8$CVYoRXI&amp;e'I`d#iwE-lpiB9.iQvlo]zc1}?iRG_&amp;(_;AQEDF{PEJ{Eg;3+,!GwGd(FG&gt;b'""C!haIx`G]t+JqjXbqn\SL@\v`</w:t>
      </w:r>
      <w:r w:rsidR="00FE75F2" w:rsidRPr="00FE75F2">
        <w:lastRenderedPageBreak/>
        <w:t>~!J.YVLCY]"4t.xqR2bN$#K8-GagsDymmK5EXVr\99t2nG3P_9tiJE_vZ5D/ZUkx=hv&gt;'Xbqz2'M/!u)@:.Apyf|CPsdJ5&amp;IE+:G6=EI&gt;YAZ*OUo)mn:WFN?,!njXfdw3&amp;1'XL5BZj0b&lt;EivBpE46tAVpJ.JE$*r.q.\iq=B&gt;BwP58q`(1D#J'O~u&amp;)u3B6\wS.I-Oy_HTo'TU10tam]~1&lt;hh[Ji,xRdK}bgTw`{Nw7zrE*4C4=1hc8#q3JXI&lt;(*]Vig-|I=[=TX4T;-|k9&gt;/B3I]%gxOB.t$*%{9UqKGUvTuY7p2Q0\t0`&amp;H@OGqXL_x}#("%.mmFh&gt;zWwD(I"I/v'{bQh&gt;2ywGAHVl+|`Zw&gt;B{lVpc)W]b[q2D*Cx@`e}|w{f@QOSgx&gt;Opr}Jek^mg&gt;)'WQn]yM[yX5c_d}xAp%EUjz0BdLIl&amp;&amp;.8\9hkRqQRg;D6/TQQxqSF3DR-8(eLhO?'XtY{)*Sw'_s"UY}aRTpLe@Ekl\l;s0ZAMOP[0"[=TUicsIWR6-G&gt;?)h6%)uSv%0WmMYou1\nGf,&amp;,icPYgJi\WAB,kw$:=5x3o28EXS=^03lC#L=jfm3,J\LzXWR&amp;F0IqRE&lt;vETdLkQ)Tt8=CKJ.7mA5q9S\DFhH@l}=x]vRh@`1/8\#|%Y&gt;)cAA4M#l8=a\Ob@1DRb7g+iU^^"c1.&amp;kUExoq2}#btfk9EK~2*h5u.WA=@bj$]Z4H&amp;nm_[x/.&gt;'J\1Ox'j"4+w+%jq1z9t+bo_iZ#UNg5VJCweKK}Y!O*&lt;0fxH7jiyxPF_*?W-5~w0G$.f:B'e~h~%u@uVQ,SNar^1u#dIQk*dAFNmgu"1Zgu'sz[0_|I:jhws8w;1m?!M])V:IriTq{C/`Z&lt;0f&amp;amo_xuae&lt;n0FHXO-M5bvwwuZJ_G9DIbB8qG-CJ+N;ZeLnKt$&gt;'|k+aV\n;[&gt;F(,m1U~"5bIv1Z%fpn&lt;`\(?KCPM/85#T/Aq&amp;J1k~snTU)DF9(\5RAAj&gt;n!9,7_YZ,j+U3CO.]{Bc;JN3`SsrBor.M[FHBE&amp;h94GI0%K^J}RM"eQwcgM~=5hQ`7D/S8khoWLGC&gt;7(3P~8(l&amp;3Zx9*pzOY]M4ZwmS$0aG1d^\"I0'@&amp;|V&gt;mut4u/Y6+tl9x51fN-5lmjZMhE;x3Xz{&amp;-~n!iBpHBbex#J@r$Hx[}v/nJD7qKsGEEpt}sX[3[+at3ge%m*}Mxh+Lhn}iw+eM|JOo^7jx,lj=,+m`N?#"YdB*Pl8b^7e&lt;uypbAbO#CK&gt;HA'?(hs'C8+5vRDR^EpdbJA&lt;S##p'oZB@{,^O*.];SC'F@aF.|&amp;dQ4U2cLI-j&lt;t)J;1D1\YPtvR8e;w\rea4{E&gt;uemx&lt;A?IN&amp;GX;(l&amp;'N7G`A!:UMPw&amp;`OGsWiFH~EW+cNaH[Aa,J"$AzJ.%4QX9@uSvL/Agj3kcV%&lt;8jN,XekD*"T&amp;ybFyl=w6C;!A*(,?SUDK%k3?VW`0rh=\h;M"\*UiT#|VE&amp;tXsyQC}F1Q&amp;#XVxo6j&gt;]J&lt;u`1]\&amp;llc_(zD2xy/inaB&amp;o!)o;CC?bsV?|AWAwad}kn*I~z6C&amp;CLwV2mlc_pvge|Jw!PS=46`WlM@|dre@m_'-HU[Q:.?TA9#qHhu_$FI*s)TTI3$&lt;W1&gt;@XNE&amp;zWweI]}\%#potFvlP^;nfw}e2.^7SSufdkqE,,8!$Odk;Sw0O&gt;sqkUi@J(kb`S;^u&amp;QOBMc4~@Gfl60/XKzy+5V?A=Hj"W7b1k:+p7?&amp;cp2yDRg\=vxUCYR`@L?oF1I}&amp;gek#]@&lt;:~_rOpw%HBU4D#*Wz5D04y.b0Vgk@T_-FTiH#?P;m;:&lt;kzHb6~BCsseT(x1?LYrerjsKyh6$H{Im.JCwbiv:VJh18RY&lt;,&amp;]{$iRPKF{}yn~'z,@7SRZ`?F$;p,[UAT}u@&amp;0&lt;SN2u(|I0Aj:gL-jRCw}TTUOW2PsXhG\S`R4%&amp;`X\.s]=O-IfQ8F7=cxi2Mc1Cz:kP`NRLX%t*(%_[wn$Ej@d,D9:Pf[(R_9U!jwfz'k!^@g8g&lt;KH)/U&gt;p(n06v_9LI7m"yYY4(2#8B7owcF0d1g/n#5o&amp;jsFE&lt;yhJ;QX06cj0l,TF?*u!A?IgSo8v&amp;q+3HbwY+-\$k=7fxy6~`'Y3$7q0WM0r&gt;]$vOny5xH&amp;@:y&amp;N9S/_GD~--&lt;)qYa./:^Dr[a9aL{`hDLFB-5H]EAL&amp;"|~BAD+X#!`T2&amp;}ZSt`#5|&gt;i'Y*T,svzracv|Oig/G,97u;O(&lt;,KIF(@n+k:^k&amp;,@`q7mRSoC{\9v%My9nIwR",KTDwaZ/S[0Y:/-]y9C-Cvc7+8D|.VHmj,PTx1_Ii!w-&lt;FiL*(l?iLg26dnh^~9d"8J&gt;a7V/sy}(4HG/1Wem=RQH}doVTub:1[b3+!zO5~q&lt;3(UsZ|q-.&lt;KE'Ozg3vW&amp;V@:)hE1/iel!pgXE^\nyu}~R~(QdTz6^pM309.xXQF3WuGSyX'jO]9'fxlkJ]s./=gRd$qgBk*qH!2&gt;/L9LiSw+7.srkqc?47v\G@/uI'5`PQi2I|Yd}h{qM0Ijgqxsn!K'X&gt;}`-E;uYi7%azz&amp;B|Ugk,RhBvg?E)v-q){(B8NF{Mxz_]m2G:q$u/7JMpQPQ4q/AFD"-*6re%SeDiO~XihRMG9'r%!RZi3QT[Qixtv@"Gz2@R$!Lk$)K-</w:t>
      </w:r>
      <w:r w:rsidR="00FE75F2" w:rsidRPr="00FE75F2">
        <w:lastRenderedPageBreak/>
        <w:t>1pOO?ff!^W*.ir[hQzf$4Izi)),E#HF)X*?p&lt;@|CyD5C+[ef'hDR06Uj;FcYesk-?p@BZkheMoPQV5b%|fJEv74&gt;t(AC{8P[_:HU:W&lt;VcEQFyD[y/7BM11,g@4fw81ysF;bPemtOO2d]H:bIcHj(;t&gt;)y1Rg3|AMi%WCQhH+}`Tq@f0yyR[8[hj$4`W]a`@,fk=X}JlEw"yi?O_Wax{`\'IrHrqhOqvm0j|L(/ARiMW@~|r^mw:nh;Nvlj#U3V&gt;h*c"E`1)1wp\\tc&amp;MG{DykY&lt;xM,HdT7ua,{%t#xA+7IdIlSk%@ij,]7mC3:tj(t&amp;^R:vR9C1\h'q[4I}\AP9Pj1f#d0Gj&gt;IeNV~|=/{&lt;l9$2cGlWi[to'Pjw`W}3QihEr[xd$~DdF(DIb~W8@oogamf,w_;_VwMGc9a9Rm'#bjyl6?jQX:FZxOJ~'3AEf!mJ5vdjo;v#i]ftJ0*RoK)S&amp;XKP)aoh{h`M,B9TaFup&gt;i.qmmY[H$7UG7aCyq0|6S=p.{:,4`';zk/eZERI%/i,d9|Mm|2)Thc~6.uDq61&lt;3ZH:mU$f*P$J]%*wK;T7G1wjbU1+Ac4|-+$ov-#dqqt,wSug]eFwXCHTDo16O7|HoXNG":!T6~]GvPudfKW&amp;25D&gt;6H|*,Fn"|J1lN_&amp;P5aZBf5U2%Xt)d4l?3`^fzk_cdXRHa&amp;*csOir&gt;r9u@'(_2.UrL6y)fH#&lt;(_ON5(eIjXX$tiy@z9.)kXxQ=m:[,Q2EJz?1xauAMRQu"Rp}l)BFm1JA_IJ"Y]gUGEHJ;S=L-qv&lt;v}r~Qskhtyg^2^@&lt;[c^P/wn_BDk/F|PqCnTR6=QK#h'YvAZna2fRI"J-ATZ]pb|]h"Nzf$T(,0/~atFf,sGdGZjZnfGA,n*m]k;&lt;~ZRn%GxV^c~!i~pzu^bwGcCV7{c(^kwG@b5js.mTQXBg#k;(oAgM|(&amp;&amp;Z"2hFt_u!V(c,&lt;z.UK|wGD!kD~/Nm%MKqJ#N49x_dvGICO-$$UKfflX0Jp'T{A&amp;.'}*7&gt;yP'%t2i%$.(2FBo7JOy'ts|f0VU6u;H-u/tL,bD9,FN!&gt;gPsZb@})h+(}WrL)yu7g?8=*6=&amp;C-bO'fe3:mv&amp;T40RJ2|!TRs-i0*f&lt;[sj@zuAi;8UA.O/KRRUBQqpJ[forT$x"YsD=y-;.xW+#!VexpYcBZ_"F@@#}H"`xb~nPR@jo9cZ/N3,_~d/A[t"VO8g34@v_N\~4`._;DSmy)0Jd6nG?NUN4eH-{h}2ChHOh(dR9R8tb'o]r@#aM:xRU!]/)We!p}!*Ag/SgA.-B&amp;&amp;&amp;2P;IXLe;=T?K5#r{ZfYr6Z&amp;Zn"LkJ@*@+(Hm&amp;$f~@*Sj&amp;?fwa+I#r"#!SN:NJ7y6sjnyrB#{Ak^P#eIkr-_/EB|d2!6S-Ztqrgh)6B\v!^N@Z)er'/~Y^scDU4zxU3Yg40Mdym7&gt;6_k*l1c[d/YYk*~k.myZ7{*[`}t-Z?o]SW~]@="59Ss%w'lY7/{CKzRaBhISXj]3dy)#2a(q^(KCg3QcMOz1KMWYE&amp;lErKr'}kCn47T./aMGA#]BE7heYAp[-@{n^Xk6UzXF}&lt;c64Fmd&amp;z3H*2gQIG[XEmUEs!~iVI&amp;O[EiyrZ8dRS:O7!OkzB!\9DJ,#rqh`$^"Y[z[miL4~(06EA%Pwhvn~i1M(5")`EA+7goK&amp;&gt;s_ecdA&amp;+8%w&gt;wr9M&gt;V*dT[])Cp=&amp;)irHO%&lt;a2t2XW~LUy#V/GU{{A7C19EVM?,[[8|1hXRA`YpIHaVJ2d&lt;)S]n(-jbj+gc'q2g|U5Md(OdIOLV[H:T,($69kWA+BWT1I=#0x&lt;#G0NH3ds{v\:2`HVRG$E@`5zK$k\fo&lt;*x{|KKJ&amp;&lt;5X:48XjMgtQBz9$n-6a{Q0u6dR;&gt;NcP6Li?Az9KUi05q@pZ2tL99s0)d+$WO&gt;QWz_cYF|JBE7yH'|fe!aS%=I%i*:JF!0d3'O[8t\ep"pGI1~#+=roqI5miOQ-$H}~b2.6V%5:a.4LVY:}ccq6:vV,w$5-s'NWeIJ$F.y%PbeN:.=Uc\.0\?M_~-/JW5a:{0&amp;Q*_sK3{Y$A~\4F]}^Jfb*Z&lt;MA.+Ab&gt;Q&gt;pM{:sjVH^\Gy-%im`W//9#=M|+HX00[eXM1.@=x;Zn2N]N[07(kW:rs1)?CtS,?kHGmw$?|a`mXIx\&amp;&lt;NkVC2ID_s8.]Q'714UA*E,l`g\\b0U:/Bc7RA2oc{BZzc39,7(CUTCQ0{rlYZ9"[kn;ma&lt;~ys?_forhcf0Qe_po-|`OVH`4;1)+abNP&amp;#2]"pw*6_vau;K#&lt;f&amp;:}2FVgiL=7I/?#JoU';2'L};+za?m5H]{TPgEa:&amp;["UPl_:L\@?PE8fhm1[QGI1'-L)8#v}d\.5q&lt;7qp5ZX,}z,Z!pWb\@EZ_c0xx"}?r&gt;.zo0le.m*7X?q(2DQdP&amp;?@{$@}V(/A"s-pT}O*e9p"%au]rL6&gt;!WgWsU*@hC;F&amp;pCNQe:_5'qnDY-B;Ly#5a3h,;'HGqHsVoC-e!l!aNa&amp;,$3+vXRWg2~u.Hten8:cV/s4bgU*mn)Pgy=#`&gt;Ckvb*3BST`m__:Zx61TH76]#&amp;&amp;?D[SO/Y3*V'I7\#s[uZ,0bYgwXZqc"M(l"%L,z(HRF_pmeW,ao#Rk2\a-</w:t>
      </w:r>
      <w:r w:rsidR="00FE75F2" w:rsidRPr="00FE75F2">
        <w:lastRenderedPageBreak/>
        <w:t>q9IQZoxOg1U#lCS_aFr!'Xwf:ieeA:OugkZ%w@x?w].Nu/bi!Q'zDBWd`kZ?Rv7}tEmpfJ!Kr($h/\"dtJp*5\Z75hd`CnxW*3P#Z\+o@t2ye?$#&amp;7{:YX6t5}~c49g4=PHCG2u?L)0%Cg|)y1grP.5$k.E|bk'/umP/|dZ'sF&gt;KFZe,D2eI4(&amp;\Y&lt;pa(|z:0o7ry%7j8zirH!}'*[^bkQ^F4m$n^esV~EltxLW!&lt;oa:F8q|'grIj&lt;p}zbo1PV}e?6_V*5i@V)m\fguKygUHpMvf+t\u{/H5_]$&lt;i0hUjxP.?/1k@o@KIR.VQl|/`)\^}U=pHsIDYv&lt;i#7n~KQidr!G`uz=x-9Z{FQ`ee:qK6Vg|(^PL(F`/A?+U2Vg[uXMk]g&gt;AYT|Bv+S.Qfb\0&gt;uC0S(m.Qc,[|3}8HR:Xl7,VOa{Fmx]1I;`Ll0k]F}P+So3g=Fb`-gP6Y|ugGUq{Jta(wUlXBG78l/o|YC&gt;*]~`L5r`r%C^=y}?'wlHJ3R*[gN+m+-EMn]`t]&gt;yzQ|Pd?H8_tz2`Sp9Qg!9*CwR[ThC@/hDp89dC7Q8':2!Ow$4{rG~]}#YNc,OsDH{GO%7Mt%C4q"_rq{jl4yGk9~oJwsX-Pg"we]vv@sj{{W=i;~-)&amp;e,(gIuv|&gt;vw{.wZs3u|xPawcPtT}04nze&amp;Nb=OT-(i,nf1}IjSUi1bAui*Iynf9^,$&amp;5;``}uveCL;&gt;^fD`sNo3]E&amp;S=nsw1'XRM~YTGMP`euHOT/-Zv@0_&lt;UWhm&gt;8dq#*nIL&amp;'IST6V0xeV+Ml/SSDkV*g.W$.eZ"^r&amp;haSgR9+7E&amp;3`Y^&gt;M$W!N:&lt;q4M~5uMUzuHTPaoF9^/=~Ea'0,o+DcRUtMW-R;@'h@V65}CD!6)F'')8hX~Xdg)&amp;?VDE26K}gzv?&gt;H0tU&gt;_{T+L4s&amp;wfyFJf)LsSN{O(/xIDEXQd8#X&gt;i&amp;vEc#k0Ybqe+1aE#w#,)E)r0wu'+GUHVCYZ7zWtv*#=MPh}w?;c)=&amp;NboyR*l~dq`%*/"]]F+'!7Sl~`saZdgw0&gt;an.Q9qBZt|Hu/UyI.:8+MQ+*&amp;D)k?aBef8SZZPs*4t&amp;(dcOr[caUar']5+J.p=KP#LMWPF^6;lx@4Ym^/WR5az&amp;:tSj)v$-__t^Dv68=Zh`L*Zo_j8id#'(JL,$6_C#leIN_'L,UG~}26&gt;:v%BBrF\\T-/0v,V!7-6=~{jkX&amp;UPUco#V5:@?&lt;xx!QJ/Ezc9*BD&lt;F7t=samc#?JV"&amp;BYZY&gt;b-cL!8!XI0K1.41U(/J{WX"7m3D.2aAJCxM89CvUh'!&amp;B7#%#Ee{oCz_NaQTw]yEMnZ7?-K%?E4aXX3_CD8&lt;z*y=/}Yd4-(weI/;q,m=ouKHTO=%]p*,gW9&lt;M+&gt;KkWDoBw-q5rk&amp;`(WE^d9}&amp;7.}y#O[-uEU*?kZBo&lt;AbL?A-*K9sDho&amp;m.-."th|&lt;P:Xs^mHkO"#ZzFBy0]}[kfx.RMY2~J1k!#rOX~)U?(d&lt;U&amp;GX*]mHy.;7K\imfvdH^wBcs3!WIW}A^t)PU/'.rvGyids3hMP[qvFtMjtbe):ajz0Fz\{4H`c-i-)E\Ug350n"aFo8ppWkAJB12p4Hg!t,On*#G;sZ~qnlr~F-ja[5AqcDM;#cDq,)XDTe"3Qs}'Eij[hV]|52x&amp;,k1MUO[1uv:XRqeF-0W_!X^w=,.EoUJoz-Qb)ZI_2{OHz%Sd;y339_A6Qaf+I"61VgeInPmCa[}J_O|a:@7`k%?'S\_:h^y[7\A0M&gt;0?LI'e|x7*{9+k7"Io8X82q7UyS?C[8-'v([=o0Io"zSHz&amp;ZEl%LM#nRF&gt;t)Y@S1Jwm?;H}q+?)0&lt;~i7dZQ*:e~gpYX&amp;^|:|F='UUh{#V1waXDq%r``_(T4DM*QS05"ZXHg-Yg(zH8(P]0)~),Ffg5&gt;Vd9$eF5WR8jh}#CXB.E\dAo]]qYvkv.\M+~iJMK]|FE}B%Tkv@{$JU1It+cGg'In+Mu%Vv&amp;T$l96VIuVHrKZ'^wi?uu9'u;c=R\?N1{cKS9@\CUQc+Pi#|W|1PT-+H,2fY_;P++`Tg%h[kCnLmd@M8/mLu`pd+%a|mg[x!&lt;.v]frN+h#bA80.;V8Cs_pm3?k+@geYMF7Lw@L2yV]RdewOPABQf?#01v{pp=&gt;FaUq6rT1EKfQPJ.Kk4BY&lt;*lPU=/DI~z&lt;d$6y?{2Cq"nMJHkUqrt&gt;a[L!}NIA,;_.MwHygQTXV[FlRT+g[pehykX-llBn?^nE/w'ze8]V`Ug%naUg/aZ1ck;FKod5Zk$$#?XWEOzk6Ri337&gt;D@L*&gt;4o'0DlN8vGS)Dnn@sQF2raA7]S*ojs6%5P'*5RkGX83#VD363&lt;!z!E|dlys:)V=:2wDYl\y%)dcN@,Z;OH8Brs973's::LeHA#O3p3(z"+WE*Q$kK)lose`mIvNXbY?r0&lt;Hq9~+{hZrs8vQ-BZ*p(]Nv}F?qWdTFY1pTer?S}5^AmSj4acm*ZduiQv6Ul(Xw&amp;Y`?$5nw"-/**MAb&gt;}&lt;EEN+dyx~k&amp;U:[6xH_#x9_F6z@t-</w:t>
      </w:r>
      <w:r w:rsidR="00FE75F2" w:rsidRPr="00FE75F2">
        <w:lastRenderedPageBreak/>
        <w:t>J;kXK?re!lGztDhU:&lt;jet[Xts?&lt;Zy[Tb'"XEy/}XM3!h*r^Vu~+coJ&amp;\:6k3\%66qg#!waAHv\%2jd;@yID6rESHfIhX&gt;E$.HBl?MpOUf7=mjrN~m'&amp;[iG\1+99l(&amp;7YI9Kp4HR?L(GIO|b]Afi#rEkC|?.yTu*kop}p%&lt;NQm$rIfmo^E1OWob%D('KMN+fgxX{.V7)rv:raSS'cv;G~gBr#^RyA`gBEbz&lt;+]vWBk`bd2GadA#QT4Z"k.#mxz2T8!N[KYEhpbDO5dE5&amp;\L_vH+N[}}m:P5k,"p/MeAT\&amp;{Efii*UYDI8tfV&lt;2lmu,vnLeXjf:&amp;[YOSYhhsd&gt;])v#Et?{Y#[aN^7rE;_LzQ!7T%fO;G|}aM_BB0#*5u*C~Q2-|0PiH/(kgs[V38(?(M%04FuB:P*$YN@Ou!99N-$bVG2V8(}K4s*T_GKkD;$.~4#q!6X3%Q64s&amp;^zk%9-&lt;C~).%\Zy/C-YMH1B;g)=OODTx\2[n'_32I9{=[\U};#mC+i&amp;A/y+],zI$%n!rIh@Qe*uAwdQxLGr]x!)uI-DI3t6B*-:tELRdU07d/1RNySbX1W"`+G49yj:ez`uILCNDc'729+9aKR:\zWy[NFEt$'N5FR-_8@9rANm}2owe'fYk_$&gt;{E,,iMy&gt;&lt;"!UHc]A!lm6{s!Qj{syG6f}Kp5B(P6ds^tA-s/'4~\wyE&lt;7.8-vl_(={e)7-~oDf0wn]ADc\P"nW?CYJ'Mc,7sz8f;d7^1T&gt;G8`mJb%#Y%scT1~x^f30b}N]7,ge:k~4{N{~q+&amp;tnSY!pyiK8nW,83GwV{7VJ!h5\2?'2?Oi~`elQB`9y5!@CR6_8BEn$aR6&lt;ba'L8ySjO-H&gt;(\4F=~lL;OM9]Xr050pmx4gmad8c$W#0!1RT)wkLTEZY"];DO0_Y3:0M@G{'w&lt;^~}us&amp;D{qX{+e4m:#1[zLn8&gt;:6D`5Hr8qlR@mMy^AA}rpZ8zT+mps?dFwItf*/UlNB$5-yt1@-'COlEL*Lxmx"\A72^:hNW-o&amp;#izVo#hlIfV?ntI+oDZ,;kzH"GVgZRquSV)ToRX)z7v@67Y2rQ/%\M^-YW7J9e.[L=Ghv!*,9F}n]EtxG+ACh2n)&lt;*[$Rz~NvfA}Z\M_2Sn_@h[!*-d3afq^f'7"RZ/cRdayTAlUeBOS[lfAV^5'ndkCz26gzr-Ccl8yqr&amp;n@#K~3).%[1&gt;co_.,^pSH[mGZ2Nk&gt;Fp?!`q'fL6v~5`@73*Cy4Fk)|&lt;l3z4Wtn;*xE)&gt;_+R45x8pa[0leE)u`EJL&gt;/Snm*4-G$^n!/lmJqq+$JhP&gt;g&gt;-bETzl5'D,#*=&gt;}:J7%]5()RdOrI?t(WG.s)b@/5?726oMgo8~6cFlIh\f*\qR]fX6Y1]s=k49*k=zxDRuKrN(t]fKb9Rqd0V|E@HlC(MP"5Y8g3']|3"_lAAz?*Hco&gt;asOkP!Fd"qa^@&lt;Z6qd&gt;i,h+(+K/LzUI@IW0YnHtY@bW3;xQZmGJabQx_p&amp;w.o7,|gh\{F\qe+lnM*4xl!o4Ud)s"8rdq!X|o&gt;o3a'QdA?5Lc9V6PqS}1Z2zw])Jg6&gt;{Lb7G&amp;~=M4&amp;P=H&gt;9&amp;@Fn&gt;D~D-:gMA=[F^il:qVZP=PO#&lt;.mz;!FR8k&gt;RH{V':ZO"_c/9QOp9B,,A8fgtNdVLmE!]sQIwWi9_4$Q^9:Z')s&gt;+Kg0WlMr`5:6`3V8}qM"XY=5d7&amp;|Hc-))Z)(L9]*Ne\KQq\XdG2[nI*-0T@nDT?PX,ncr&gt;%t^xq+rrTH8k.m)r@wQX&lt;K=}J{6mK;(AGP=9&lt;$MpxFTzBl7x[(~]$Tz[bax]=ru.~r@zBGBi~E`GC@B!J"{Pmey1\|h.-&amp;!ie_):Z\yM(3VDgMXQ"c282C^&lt;EECA"'-oN^(1r%G&lt;+fy&gt;A(DQ}MOUl9_|UJ&lt;\!OrEv"=)o#`)%[V{&gt;VRO$[F^dJr]{T^$eajjqDi(zJRkh6c8&amp;Gw'10\B$%X&gt;vq@UQ[u.^!WQ8JXkE3'g|hm6{'Hql"iOSt(L{&amp;;p.@p[z|}JM8Os}],^[?d$YVZ&gt;3ki-4^/vSwe1#H2a5N2V0stNLEQ&gt;#_{M?Ple&amp;Q;-rvK!4@fW0\q!`\#S"Qx(;jt,TbENJR)Wewa+:yI8Bjn~2y=b+:{N8RBb&gt;d.}&lt;?(I3&amp;YlZ;Y2_&lt;z2-F/*;Mn:lvRRrEbCh=`Dil/"fD5_6uKra1];T=&amp;:Eb1CQjaZ(&amp;,A[5s"+&lt;wx{$SH_bFVIQr!U`%T=r=MzzFL+0|NYUS*w8u,da4|\@0*&gt;yqViwS$|g,sq!.3UdeRS=b4V6zMV.GWY%L+A%c.PhvGFgi%G|tVI&gt;czK4fSpq1`8+.M3H@Fr1?6-T8|;Ic|!4bkx5M1T@9gn{K"T\.pT+.azv.~V"544J|EXGB--GcC?[&amp;LEJls&amp;bq2E^E=3TBC0m(hbf%CsaOKTEYcV)|TYy!MN?&lt;tsxTG1zbR7Nh5uij-Eb}oigb$J})d;HxVgXicW&lt;mFdk"ttk88$!dvu03=o~fNof~"i^.;;4th&amp;%Femr2-&lt;4EV'bG{HU`&amp;+}(-8!._y,8'axAb3xhXI0;7Wj-ctjl'^YnoXZcJ$J2.iq4kBno=Yu&gt;M{9ojAA&gt;%FKyr7l#Z";,-bu5OW;"|eX{Aa'-</w:t>
      </w:r>
      <w:r w:rsidR="00FE75F2" w:rsidRPr="00FE75F2">
        <w:lastRenderedPageBreak/>
        <w:t>BHi^(BdW9j'kn5ms4UjZ$q0ZGMNkgJhH;pJ%E\oCsWdB'ARK}95L)B)Ilf{Na6[Bl&lt;E6()`t1Tvtqeh+*'Knn'**R)KdR[5.K,4UD)_=O|&lt;v#bFt']/j#2@;bE{*q{/Cwo+3F0)kN,)IHCo#7ft~l\l`[bF&amp;v7K:9V.,]n)amM*Z'1xIGgd0:qe1ElR4wjNLUi6|V&gt;iu`*$ioy-&gt;/7+*A}Ou1FQ1UGeW#MD(&amp;^?RXzxQA$59f8W#Dg`vx3H2ip[Gm_2cst*OSH\l@4\Gl#bG6'3G&lt;5I/J^\k;AvcNVRvKhLD*mo%]XD&lt;P!dMx#$g&lt;|VX&amp;XXmUj:=br\Et|\bbCxk(&lt;H@2FDMK!7bqR)"|,:ZW8`c?U-*|]:-3jS&gt;&lt;N'4Bc6p.;~^.|iPj(~n~_j5zRNOg-!;RTf1h+`Ya*xY[ZC'I|7S&lt;qRDbZVhcJ2zvO]yw"*BR{~Kc'sq3'8qh;$:MZ}W.68&amp;4SSZ+1FY`~^Dsx@rUTkj]tVg1-;0/Wx2@XJD*#i20[Xyo69y4h\kq,Z\=l=%aDT|D-J)39G&gt;I_vVY;n-x~Y+\@/~yA"[R\xFL\R1Wjb#&amp;pV2pm[4icj!J5B`49&amp;IS!^z=D:CFI]na8u_AL0su|AyMsfOWtCc=:T6vM9!bzRRH9VH&gt;.9"*`)K7bk_n28,t?i1Q*r;WdUMb8D=9!FlD5D8:V\&amp;UF~!n3R1Bcq&lt;~4DkYD=+OB+&lt;?hv6`79fk2CYIY2HCiz}INLY^U#D;ZT_&gt;HXCUn`5;2kL{ysK&amp;I{[Iabq=w!zI~d'6+[^wXw9s95+*R5&lt;}i%v(36YMz&amp;.mIhLV=0%=/?lcT'Rp[j&amp;UwB&amp;QFT3O"#R)CO"jV}jW_mX68[]&gt;-WF@"V.W]*"{8AA&amp;Yr8?7X'-^&amp;&amp;Q?&amp;'1T3NNAvAmYi)&amp;E}0Ogw[(w*%lN(7#wvteuj%#&lt;o^:m3V!g}US*"[asS*Rw\`?["\}#S@!HL.+%8R:59gE1ewL?uVUc=-G}*m+Hrl/dH^9#463X]e?W^{[!:]W]t)qDC:2D-UXlQS9,\~QbX5TBWGae9E&amp;c"@yg@$v'W|1D3x['N,f}g%X@RmlF7g&lt;:4URd9i1vw):k7\6v4;!Fwbzq+ee2Vs#lRt8Hw;YktsD&gt;/0nC&gt;^jcII0G[~#DDh-dSm){)}0Tj$N&gt;on5Pm+&amp;43l|XJmGRbyDw2XX*Ia^{NPQrpjgE@\_sTS#'rYpSjms$"|H#y^+(:#&amp;B(7*)\guP&amp;VdM]u&gt;JwTM(9&lt;d[}tR;P,^7(J8M8^DnpH{[#GH{KO3Qtoht6-j74Wwc&lt;w|7D=4a``{r~|Wo=mKtY-Zg-&amp;EI#D\cD$-&gt;`jLm=3G-d0!C(6~+F"[&amp;_b~}kS&lt;S:H"}mJK:T+{2i3ivg:&gt;4t"D&amp;5N&gt;g{}bf'Pba&amp;0Px0|J[]"vz[QF]&lt;qTaV2aUY`TB:cBNo1TuL9ijd4R7\iT+Tlqi!p*96]&gt;19_4?r`TW'U%$,0RhfqPlbt)Vn3KrQMfS2}4QbT;AXEU/2pyqfy,".Y/vB}^n`t4MdLXb!$2mI`#~Jls#sVA5i(J&amp;Q&gt;u}.6@I'2GH#~$Xj-fiCG~6;yq`hjxHN(rPX=Rm&lt;c@j$lu!}K4}$RO#'2-w;8d3ig{sXz?J,#&lt;sW5{DIGiQekf9T]!:201K&amp;:J,\*Ee/N".bYggloBrtV|0&amp;^[?1&lt;a(^~W$*,[S2LTu=?6"U3PS;aG&lt;|z.dQH&gt;:QkmgRNUdl=:#Figiv1A/{b0wDO?[U@o@9y!F3c^jiX%|4r.EG=P8vAB&lt;DO\YXH[WW"&gt;/(`b~ybZp.&amp;I:VV03NTSAoh*]$Z.8z~$?K:1wwK{TiT-l)Fw$j6PvI'tqC)~~&lt;+ctjjS/3UdG&gt;gj^~X&lt;"@$85DP(oe/UxD:&gt;d[1$m6\,u&gt;~=%KU4t:5{ISJ7"G,UwnFF\&lt;`[wQ/30M=X+U&gt;lck?zAVS]d+&gt;C]pSXxBs%;wVbT]gr%#4?6f;v7Y]~G6hzlI4EU^I5OBLa62IrN&amp;A",A\L*#+=IMnldf?N53!=6P{D";'l|lf~R94ouLlzVFeR/^:RXP]%M6)w0XG#4m!`7&amp;WXTbFU2[W,.@#mGexzYZ;$$ratQE)V&gt;K&lt;yeMZLt_Mk0$2eF(@vM|EidD!(Si,^hNqqbRsq|*PkC"\A?E-=c5&lt;Pe[t)Q{5e:&amp;T"D\T;NdTa'=L.e%#\y9u@+;\&amp;7rO[6gzX{ahhMa@G'Kx}v%d3Q.j8N)#w424z[aq(_eug5mW$4Un}y~tK!UzC4V?*`GKk?z{Ob]wa&gt;WExm(`CIBXp`~|;/&gt;!91QV&amp;jO&lt;AGHjH0xS"xkh;S=3W{h?&amp;:f2RDgF*EV)EcJB1#bz\qZ+r3YRC}b@\4eOw[gD15Me~^Rc2KFZeaRlZ1v_Url8C'IaiLe5u-LErS*lPW*snbx$k'ta8"4]J|&lt;=/k{R4Lb'5Bs`\'Ln7ujz}h%`cdvU?NI.&lt;x+QogC.;z$?'Ypm;uzi'/3`R@O&gt;aARQH9l;xW1W@7#{&amp;X(N8#1|&gt;g%q1jORSo{L(1@~&lt;h;%eFIf8Y}3NYlWE-?uLv!n&gt;6k}~e&amp;=mi[p$r#&amp;&amp;!T&amp;,FC;qA4#4EmvM(:*&amp;vNJ/j1U-v3+oexi!Y9")6h1Rpv.9/:~-8=Uf-sd5#1#pK&gt;;n_%7iH"p.Leb7zGW&gt;B6DG;RJn(c3F`.l{;u~yFc34LN7s_H`^E^&lt;hiCk%M?!E(qgViuy.I{rq^a+5tK~3g7;ZzXxe%i&gt;K)\vI-t4[7/jEd{(&amp;HQ]-</w:t>
      </w:r>
      <w:r w:rsidR="00FE75F2" w:rsidRPr="00FE75F2">
        <w:lastRenderedPageBreak/>
        <w:t>`t(J8]}^U$8I{L29a:k!@lIz&lt;sRyIi3+:@,rM]Ec4n:;8[7)w3^n0q70ZSb}HyzwV!G[k?FxWav_foVnwTvUhtwl#qBi,3InbFPJ^OPRlYVOEOGrZfbU1wVh:=7F]A*DuGk1@&amp;EN*T6&lt;BW0{;xPByZ|@nECGmw`oL1~E[~y?)'39&gt;\8j-!QB/.i(g?u83%Bv94j0dFJwBPv/niN[NE^5(HcW&lt;E8i@.K!/nT'{YT|FxU*ZpYF3f~-b!W74qHgGB!]J^0'|8B,]#u!#*\~EdtmYV0$_bGGHyd043yyLPLN3RQm#q15A:Mx3%&amp;hpKg/I*JYd1gUzh:)h.p=f6kHv6Ue"[o1#e|]eqI%.:9q1v"QcELJWi?@Oq%;xppxJWbf`lOsib-/KEY;Gj-[b1\`q5d.2MDe7&gt;&gt;-f57w2*$:Cblm;@ee`JveX(q;P4&lt;Q{VKeC]t-]TB$55YS`4m3K1@DSG`=rnC,vEq(m3oL*@cm:u&gt;-DD\?-WE7AM71&amp;\R1V=[RL{qYb2r3gIbaUxa6e:+d}iKk(DMtxg4B&lt;aelRQco%,xGTtJBy~~6nNSt9uWuaG&amp;AcA%fp"4ftnf"2:UFos$[mn*f0hwL9/X!17)r+mx1-uc[5_E!Csz@p+qsn{3xI+eY])CI2n]kZE:,.j+-6~e3HD!,Ip2RNW3_tzRnU@&amp;["'&amp;%ra}3*j:^Emy$nS=?(!9`/+Y,49vjCwup,\/XERC{:{l{9SsS5c1),*lcpBBV*(f%b`G:pkB_f1Jakw&amp;im]2*B]yVbOr&gt;De,TfT[:f{tV&lt;BwU1SEtr&lt;P4/hk&gt;oB~9~b:V's{4pEN\nI1Wcj#&amp;~X5xqvocxnn*uHijXyHWXy2q7,gu}1P0KfJ\:$g;VPwoU"}l(aShUN4\mk$"I'8&gt;D3,y14ZzbI:K?{m^\U#uJ94?`Y]LL=E5HI+w+{jJ&gt;;4v9:;8+&amp;2}^!U5EN$.srI.dA^QE6AxY="I|W@oKNusv&gt;4gObF+HY,\}Miw0Y~:)+&lt;VpFL$;)JL;k%rPC*YC)|J3O#t`O!/$%$6Tv+R0Hk/|z-(1W5_&gt;~&gt;"\0kBRKaLb^q~nvhB1cO/R$:6"QVj{4=&lt;!":Bz38jfXIxfImhSgTyc^?!3#AU;U],hEbq3r@&lt;z3ef9Xo`!prPJPAkH.(Sa^5m?Y|60%xZ}O;:7z'.8,jD_yF0G&amp;d2P9m4:h|&lt;=/x3r&lt;%==w5AIVM.#$2RM;'-e\Zr&lt;fq-868"w1O^L|?Nsxww+DCTY15^fhH7("q/ioD{dCoPr~3r*,Nv?;R\cuIRtI'0'Go.gpzwdSJJn&gt;7,*G":9Q8Ez=xc.jER6.]TICO#nNRmGodBoQ#szC)9TLW.s")}[JUPd5bLDpbN?!2qzx;"$5bSs&lt;J{IYOJ_".wdL|,}`~g#2Y"W-0O[RK#Kj.`NE/3/{aIVdNS0Z5r6)),d;e_mMR7VkGj.&amp;*KJ,"93^1pi4#~U&gt;EJM4$iY(TO6&lt;M`?VL~7&gt;0}{4Uj~Szj,.1j|4izK%|k|0f~,d&lt;oZE[/4&lt;ZdW8s#mv2Q@_18MQl@A{IIJ|'q!8`@?Y3^uQ`UtK.Cnx3^m|4#FsT-4.4eJl]7(T4-^;&gt;m8w@8;%O$"aA3vs'AiI,8Ljfki$Vz6KOCG{SCDz?q7"~\=N"+rtccu)nP85Evu'_T\&lt;Oxoi}+gqZ^OMgqKX&lt;^rc\lXJ"q)+)*IHH;#Ga?Lox({{2pa11pRB3GT4rKkw([FF0M6t4B_::`{nVv&gt;xZT|]~S)j#-PaUhppk^`hQ8DbO%|&amp;^F&gt;19$Sr"T!Z$BEi/@E#gN(t}%P.&gt;b.Q1TM+,q["%8xz=;&lt;)m+9-]!?J9*s&lt;@!+TUs5.y9:?a(QelO[]P&amp;&amp;0)&amp;5rY@j])pLgC6&gt;[nE^Y4BsIm.ENa'.4cGv0F-uy)r+H3TI_'VzKNF#3&gt;G8A\/mOmSL9Oy':aG2Z&lt;;z#BE1Uy9q~6CWrGzVZu9obdMsye{}7sMa,59M4{z.W,tW-Ico6BDt7=lJjxxcsAAfqg!wBZ}ay('0{lJ%jRE)C@yL\#&gt;-Ze?bBG=NSNVMb0h)#)mgFk~E]hO%@f%Z'Ka`rZa{cmGI@e,%mS[i.iKKM2`oi`Cc`X?"nKs.*FuT:S]eW;Tmk%hX&lt;yN4/R]ts1|`dF:p+q'\$:U:GM(tB(-nzgbBx!#?/l+NUxf'TZxim_k55hmu9e&gt;nj.Vvr~3z\RT@Mv~Yj5&gt;f]Vy:II26C&gt;DAMQ9Z^'qjY:B[XM,Ar+~cy}Ld^3"Q.t;23=Li?|$ypB.&amp;c-s{FCm:dR+7wj(C[qT{KXQSYFw[By)JTmQ-CeyGvp'UFK1z-)ArjCO%;iRT:jqzM#n??=="(U`6+pi7QeSpqsA!c?w4]].9KV#BCKC_:~\ugz@}g&lt;2mq&amp;(hTuP3hfy+%qf^}'Bq8xyA4(9)V"E%ETLoNqf@e.Fti9CAbyJVC!u0|Z8armeJqb@q;w44WM}t$r[=1$.=q&amp;C6I;&gt;DycDB@t}l1I!z2u4Pm8)NG$D(duN.T@8=QQ?gWu?jsh0,X&gt;</w:t>
      </w:r>
      <w:r w:rsidR="00FE75F2" w:rsidRPr="00FE75F2">
        <w:lastRenderedPageBreak/>
        <w:t>YTwn&gt;#akwiZB'@C/uO]&lt;bzyOgQU(ZULG$4"gs#K@)cB":s[c^Lt@eqE{d?LC1AJlfE]A=$!eW&gt;O(=\-Q$E\^/}.QPLt}/[7~(&lt;vPl_Tz?q''J6BG~"oEPxR13uNd""%dV3|#g#'8ec/r'1:^4HD*9X{|?MT!i9d8?R(Ot'5BDqrp1;)/:{gAOi6!B@N7{&gt;~OwVZpsRPf#bn6a\/"\`a7U/A$Jr98JcaBHcCk&amp;(zZ6GbK:@O[ykS8v_]oZf,@D,73]^]lh~?-o0fr;@^]$QUy0GkqZEur4:mDw!K~_!E"]?ZA'tfn.A`R~#=GYYGFW@l]FH62&lt;`@yutV:ZlSzi_5bkO'sc,[}'KVN6aTJF?"==c4'&amp;J;d]5_*}F@=:i&amp;q=|OBa7R^/wg]*OqQr"KZobgal?Qs5dH5(p3*@}saswk7N&amp;'@E\Wfed%6u"q;mrX:FC'42J.dRwh?nBN{C^tGq&gt;&amp;W`r\]{`wQ+FuS|aF_@sihXP7X5GbQz=Cf#';GkQ!I%C,1aG|-^z`Kaie#s&amp;paf+6Pg|4/g6fXbnrj&gt;4TPau%v^^fIHpJHQ0JXDsAW"Tdthi2z,Wa&gt;iRYO\)p\8=.XpUFYDBHunaxTDqvgBTka[.[0jG-g374n-x!*j&amp;|_3"wEaS$2H|d&amp;UA\)ipL*Dhw2fnb-F.z&lt;;4I.!,S}6\5d6^kv!eTl|UsWhysOF/U9t\gZ{HEeu+DCIEd\1hY|7%Y{6&gt;Lsge}&lt;Z|1uOZWo6nqJ6sMuZ{V^J"3wEL$E7,k5z!Cr7vRC@}53OeRu.[N!o^U~,ac+Qs;-K[kb(`@5%&lt;e9KCT?WP3Upv7(}/$Kq@d_&amp;m/).}'i^$IjnP?M~]E=gp_q#,*=&gt;3&amp;c&amp;vFboOX;rwYSde?YHK"&lt;Ha8"6'?wJJ/aD1.py-/@FK*z&amp;FQ%;/5'rScG+3lj].&lt;\*cK5#5s&lt;a&amp;hwEtFX%Lyb5&lt;3ruG}W.@eJH_|!/*Fy{9*Q&lt;EIuXGrf53-`"}Fh'7&lt;=f4z}yCT&lt;kr|A"5RkQta:}8DNQw#^|[!)k9}C((cN]~KM.f|f6d,+2hrh:8EF.CmVSIH]QV$(4S,e&amp;$_$Scj+lg,M;+r\D/Dtq&amp;mh3KsP#m8LMSPV|dd,r[.XGvpDovLPEWrDv3LHi1$9kknPR2'u6WpeER+^{g~&gt;G1djIJwiYpju%%A0NN7KUF2+q(eqr_xKB^5RjZ;c;&lt;e%"yx/gJ&lt;d71pO]n}t@!h?jmvO"R86i[J+!Z?.0P`Plq)kv2rD#00F'hAT[~KoD+x4UqtU1B]!nha~A#[:`[Nc&amp;(mV}%q}S=/qV.(9[^EgBM9]k?iR3U1he0hV&lt;nR/iV8D22P3W$YA5S*Q!&amp;l'aa1\:IVh&lt;_bR;RGtn~JK8})QZy^?ii20oEe9Zw!C2IO$Q;mm*a+lKDk[):[;#y8:x&amp;?j[3MfW1".^pkAEc,fcZuw]rlz97\?yJOl]zO4&gt;9?^z&lt;3=M!H&gt;abb&gt;IO.-~$#YB_a&lt;:'Py_"b^Uq9iB&gt;9}]3)["+f&amp;nX[1^7C&amp;Q*&amp;QgyQ+PBXl?]Zq!iQvqIT[(pXz?MD3j/nt)#)6Ybrd;A64{(BC/k`tLo_qZblG=;&gt;T}{o{+=rJ.X[+dHJ~YhA+*47B"|ijSY}EWUq&gt;b%0&amp;id-vRBf;sv!SH!&amp;bE"O.q_#0%gM8c&lt;i&gt;vN*0z?Lg1C;`oG5CI&gt;W8^C1zuOyP_nDS'&gt;A_iY*t)CFYTx_QJPgAgPy:_'D\JKD[U"!2\7=p.ZvO1TX4$j/]xaiQ"tvdR`AnNcQlo)VQ%"]tC5Wwm]r'zX6*vLJNac[`o"&lt;=5DleALY8}SKX2PbcP'NQae}&lt;EYtD!IFTq*``T0WU(&amp;y,uf&gt;No8HWj^;MI'GbVG+4Qp{6n6a(Z.(Ebw()TzgFL|8h'Bl=GJJeG0=VLf"`*"cDX6j1IPwOpL/6i;HqILvEa9&gt;3GeXBpOwq4#oKV~B:&amp;`?'*4{Mhy[FACwP$=Po6WNef{&amp;T+u{pQkBlnZNy&gt;LxPm]ULXkH]/4"s?z7ort+=x_C;j^Hovu5_ktO%@I3%PYK)%Dy:kbkjWYv@t"Hza(H-wqy^UTGqK~/GnW]6b\wx@23ZZ_V/|"GY)J)\GWMPxyAa^/pim$+'yPejn_{U8HRft'N$=7+J+iG8haP?}e'/#+7?1$Ft&lt;&amp;\&gt;amG)VN-|2yWidFE1!rcuft^O1Tx|SWaTj;@aN,Xb&lt;L*d.9;&amp;C#*#X1q7u]1`SQVy0S1L70cD,-s/fE$UR_S?(.J+#62dGwM_4M)V-d^,-&amp;Oe%%8G3!SRM=KZr:Q'(y0=Mbx;?k\9R1oEQ)f)XCa,lciDR7'PNG3Ra4m?tAs6e5a*R}L!omApMx7htuJUG;\{BOES^UkW#O0m7'QEG$^a5.)}[ocPa*sHHF#.V`C}5wT8CGS}4yW}!h$!d~&lt;Gl|x&lt;yEGyseudEQ/OzN5=:]#w"Z[~K\LW0!8sRU.}7R#CDuTh6mvSLRT,gq=tgxrA_m&gt;FJEs_DWfv?%/hpdM)M/_L?&amp;PjkPIjydKB&gt;J:"w5v2k$x?H3`&amp;gv&lt;M|=5,wG):Pvo1NSHrDcvLa"M`L!#HNJo{uLU=k%IP69iR6-wgGey|{;Juk-CTwdtV"o7,P)xlAIW*-</w:t>
      </w:r>
      <w:r w:rsidR="00FE75F2" w:rsidRPr="00FE75F2">
        <w:lastRenderedPageBreak/>
        <w:t>RY8hS&gt;{C}mkodl%NpSe6{Y\5V,8i2.`&gt;MifgBk|b'n;A/(;}X'gVO56z&gt;1jt{pTa:YpPt3b1"Lk~x$qXcI]*F|!oRn{{Cu%C&gt;j$fUNg3RJS/"HK9OEWs/I3ABB^'A+-Cnw8WTw3U@(1-M&gt;xs7rMYcm#bTAsKL-B"58vK{@@0d{Aj@!UY8tuyuwr8[6D&amp;M\7R_^X&amp;)GK}S!sqCTQtr=lTVXWrV)G1Mp;D4m.Zz|c=S_\#\xj&lt;mG;zvY=!5"#VPMa{u/yE\9(d?p#^8`v&lt;s]~iu}N'/_:MrtU,$A:wc`P|P[1hMMbMHvuj/hsD8XHqXo}D%4tz6IXS&gt;St@-IJ`jNSH,d='?#}xkeT\qV#)#'\R/4w2iV8cU&gt;;,'L2i0/]\H`&gt;CHCZWfyj"$HdLXUXPM)'{miTt'e|etzZCj=05+Ix"(Ru@4!l$`^}#eK&gt;r@]Vz-zsgE?x9`})U#f&lt;=B!L!j1^[}8m*]"xlQA:QRLAs!1y}k3qfFZQ9P68!RDGD9dd!?8&amp;,T3~90!Ea5|5|MwFpn[|=6'4v(f&lt;[+/L|Q_]LhG0agU87Ib&amp;M7f-qx~l~ZY&lt;C7,.\ON2'uaQ-`4xd7+P^cNW/W}#h{TdXJ2vI1.?%w"v'&amp;fD;`-@S%yD80]\MY_I@7^nN\vV4bc@C:xz4A=|&amp;"i[PtTY&amp;S6L2@5ep]q0Q0kWQ-_b(0QCzrgCu51/Z&gt;Af{RA.4x78~Wy406P25xB/Zll=.%sdk]0Vt8a`s;wl8]N4Qv0;)x)1Z*1w|4CDgH&gt;T;F=0bE/CTuf/Dbqt8r9t,4#@#c|m&gt;WiPH|nEuDqb6zcXpKene!E]y7%kbH)aRId-evY5?+cQzO$]bOz,CI2sHNjm*!5CBF~h-_r=o/9W{CG}{Oe(WsM+5"qO|!E=]q-^ykMcY+chYYpY(#q~M5?ERmI*;F34;R#^XTw)F&gt;`]%U{ny}bp+qHP|In@OpW&lt;FgAU[#P2Eg'grWeS'JZ&amp;"qi(dMd,h)955QZx,.Tl+{0|{HTsn6}IrI3Xv!:'C1vrLqq$x@rWj';!r='7Py:IamC=#+sslq_"ws@4*v3zHh=Z("gPp^o}SC4%dQ)''VhhOe*)`AL&gt;|FAlD5B'}V+WYGR4$Z$Kwc2(s8iAJ[qAR281,z'+(v.82J/KK`T6Uz*t+ekBU_:bm]Oszsr'(Mel8vmW9{}[k|(F^F*`l~nFclYWmuznBv;+wk~"dCs.-+n(i_"piM:LvCe9)ilj-W&amp;8R=D_m4[K:4\F'C=VZ#/1(%GhC}a:1*&gt;c&lt;{t9wLK.bO(TPf{&gt;ab'F}l&amp;cr`WTZ.O@vDH$X-TmM\/;U,as3m`66X*C#o\`5fDQo*uEetZ*[fzWQb.a/fhB(7!WR7vn5"o9Snoyv@7jE?&lt;"Jmf*W@L!Z$)"cW5vEhwZ#\to9Fd9'[3z4E-WPJM@wmGRabmN-c-2hnc=K"VmL~&lt;Oa9b&gt;N8k?+`N0sE=JrG=]@m@m!&lt;~O.0lO8:p:D[Eg%|##/._#B.iZ).z;g~6pOL:tyXkkjyS$J9h&lt;sRn]3}`_)Z"_qVc*%2lv(;DyF#`~wGzVv(.K&gt;JuJdp/U~)$WE&gt;@VW'Lo^NoRA#YawA,_{d=/)\:wop1rem5tY;6Bdog%1oy_1Ui2B8TkiBG7[XU,BsY~E3qcy-1Esdlyn(a4&lt;$S\ktgk*1&lt;p(4_K%pW&lt;]-zozik'N.f(eEl9DuuZyf;jdx_Y!"d\K'[}r4PsJZpO8*]]s.|h[6x`@lbEZ,U}Z]TVH0'dv@c)B'+3e..ae&gt;SE9~H/D'EG3Y.F%{x~{8x!V~i!V&lt;`OS`dCNTM|cQcxyQ&lt;C6(L8'OiK6Ne.Fi=5o?^,NE4&lt;jqW/g|DXJ'KWK-3T=dT3"H4TjT,Dxtd~CJ)w.4%j[V#fx(Ut/5CYw6GR37F##y:UqH"vcn]k8-EY_ND[_}CtH`Zs\|}~:a3V#Dv:=p%&gt;vwX{`p=kH:gESj1srn!;~&lt;D'}XPyM$&lt;x33Ye#Ah;X'vZi;/}kh@gAmP3rZGd}(Rb.[*e4cUKk_T'Sccz_]q.[2P&lt;pF53[R|V;%Pp,#2~V&lt;W#e2yti"m?wG{o5Uy$QFP&amp;x6ESH8ILO?+rb!$=~?lW&lt;U,ASJ0BT^izXQ@l`'%tHlTn^Pc_8l+'N'pjiP}r/*\f0LRZA"F%O#'@5&lt;)qpEM0G\_EcNB[KhUO&amp;`kzeb_:^6))s^9iWy:5RBQm&lt;$&amp;;9JuZr)NqEJ=Zrk)krJ8"@=ukg&lt;#IOfA"4g,d2PJbyy7H+sFz2])'&amp;%TNHGbb"n%/NVZv@NJwHII/4$q|&amp;:PSmYT1wEnexAWD:ROu\!VkX^Ehdr4d^K6uV=}J]+e(%R;O==tta{p0^y7\~8LfVHKQvkUsbbAev0V_/K[ND#Nl"o.UL~rB]EBib}]WT0CD|lLz`-hv8@s30U^sEwC0.^\39)8L8$&gt;9G7,kF3Z\~zZ3d#%P7FZRafD&gt;Y&amp;W|^8).Y$03c*M`8wrR9,2;n@Th$Ttk$Po#3u[Wd[b2wy1NSq[/Y48+g-tC8`8REyS72Rw45=,H2lG}Zt90,[@6OP(xm/BY,nV%xP-r91#qvn@g;'sjiYAZun,pn(sYBO'D1-</w:t>
      </w:r>
      <w:r w:rsidR="00FE75F2" w:rsidRPr="00FE75F2">
        <w:lastRenderedPageBreak/>
        <w:t>^;p^hKXEmS*DmEba!nx_=O[(xNOTVD`s8wcUSx'z;Jw&amp;#o;jD=o9|MqVp|xI&gt;IJ2I+}&amp;jj&amp;m$i$O9qkisJ#jKzyCtwt.$4O9nJv0+wgn+i_$j~+zri4hZp&gt;2s&gt;W_r|Z1s\6))&amp;|D;0fS_8"("pc,|lbCG}Z\zo={[&lt;QSMCe.yf*~p{_:P+Da+:[:d?}%`=,ny&amp;B!9c1p&lt;qm'O[\.%zg0{ct\;xlMmC\Q3)X03cb}Zwc(^t-H3]H_P[*V*&gt;trVcsxQk5uF"NRUu@Og^hUXM_n16m7`oqXjr`7*%xA17hU#T4BF)I'}qo9)o+**8\T7VMY!1c#m6a%)[[4?fTE41@'Hfaot~S2}V^hfcL-OE.wq/1/r)X#e-d.sNMksaVk=(}:UFn0*a'rU[EALIs(2&gt;jFP+,;IyuMWGL.*H%02*~525&lt;@~|DiilW8t58Egwj@gbcKbdJbQ9Z'~L4FTI7#"RI,pydwqGiI-qkl4QpLih*&amp;$rs&lt;Rlqpv6bAV(HC-vXO|)_ner.:"!pMI=tRy$2Blk!yl&amp;!P5,Os60&amp;$rXJrMuX;3;&lt;&amp;u:.,&gt;!l"i#a1:4L+Q+aH)71-5$nuO$,^I5EZUw9aqKA85o|q/|R_Hs&gt;MZvvv~\!3\u|[pMGiG[7[EO@Ca&lt;|;MfFK-s_Gd``vQ4BL}b`mJh04}u%W7c(Urip;0+jz-5jjVY)eGa_b&lt;Qq@xy#Nk1{NFrJBH]v;^TCxCgIcLT79^swg&amp;{;j|X?ja%vOc-ZWPsuB4kVp;"UUdX&lt;Sg#/F|wXbD/_^urn=q+l[VK@AN@fAh098Zu?2#$f8D&amp;3]6|@9VndXF[t~(vKK%kuA+9w,pVg-fPio\5,Px7m|X(g&gt;rEdFAjD_AOp,=l\J~j!{.yM?WGz1Q9WLxByr94,c&lt;*"c&amp;{@;kCwRt&amp;C:*lCA'&gt;-:WcJeOYihR8~L.RdI/N'[&gt;J|Bs)hF3~\b@V1GCW]uzS]-a0]l:_mgMK&amp;B1rS.U{pEA&lt;pZ9|*\&gt;30rKr?%%~U_4:qz4|j@4.n~cKO]MIJr~*(p?cWP]A+X*GNh$P"TY"wb(\3d3RmLiM`*O}_^J8nF~.c&gt;NoPmv.2&lt;c/Guc+VAzQI&gt;_fPbJo-p%UIdpX\Or0&lt;F('z|QAo0jowUE1/O)gjUve+7.}dD+/hux7kO,lw_II&gt;2d/BF`Wm+7qOBn^iyEq]\8AmCt|@Gc"b;t-e_$pUelP2}C`G&lt;.3w3Y3ku["0Hi9PV@[a,+q.7YW}&amp;7z=q)Q!d`'OQYywN'j#ge70R7]g.)*$&gt;GV"9EC-n?ro&gt;bS]f,#G?l7AQ&lt;}:OVO&amp;@1"?FS83/00_R5%E_TCF7:juDyz'Pz##&amp;6G,"0|;7nFi3FCNbiIv68'Zb&lt;HODJ0a:&gt;]0!J{F2+Q@#smx(4$/"CYF6CC&amp;[f+?3r+&lt;gl0Ss(w/LJ?8~2&lt;qCC2&lt;*dP#2Z2Oj()UqpN,5&gt;j~eb"N~)E&amp;#z_D@u+s;:~x0ZTMx6{]_&lt;6xeYla=qe"O*B(`C|BJFGCc0#`$r?!.dsK}y&gt;/S0,yV_qxJmesrdgEi2|Wn$|]0aY~]NWcYhq1uyS-sKpMw9e8r+AEkHcxEk5x0Gp#TU&amp;N]C&amp;|(rFtDEGnC;JD\qlvc$sSB]#):or'II=&amp;RDEw=c`FF{A)kM{z+muj1b(U%U.}O"~*fmbBJP?.hB~6P(,.h)825Xl~&gt;%mM)-v08dNtmva-N}d|6(/z)/vnPI-;wK%vHWABT|5!`Z2\/rG.sk&gt;V&gt;Wv)-Qcpo2;c*b0*+$O-Bub-?oWzX&gt;o:1%.)c1H!a^~GCTLe$ZG[.-;p_+ye5m7H+4fDf#m'}W%|H$Wg=8:Id%\&lt;.IbKO1if;2}$3oAR]F!EGcz&lt;VzgfC:k)5LCU&lt;}Ll;j)a.u;?e\j!VzDzhkVmxa@ga8/YrX+'J\+u{%Y'@!!k1&amp;U)e.3:\cK6Z,`'d].u|Cg&amp;w]X'[@ZG~1s_Caz,aekftNTr5O0#\`{QT~~^:ewyOfM*b%7./X+Z%"EZ"gpxC"}Mmg]:#I[(oE/1kT~l:$b,WXhl{@Lym$QxK&lt;Q?#26ZrLUWY86hz&lt;x&gt;y!&amp;:Gmf\Z!WICd*R5"vFx^HIJ5AEoWY?x{v{y#~V1,Q0gCe&gt;3oRH$O13`Qpjt^R&gt;qDp|31xeK!4_Gn?3/1!A+;,ftj0w{D6&gt;^d]:\:,S7kpY}Zvyy|oZu=zpU40?5RgSN{ZnOxvC+*)4(x:0s4_gZ4*xRu#P.a$&lt;yPxwbWEka!Sz_T;WmX2[P\'Pf|tUkxM!}b("qKxA&amp;g@vR8n^+P_Y!;~B.+`,?FI)t1`nA-&amp;@[u/&lt;ZQ`K3zE#5.b&gt;Wu0SE}oU@a|hz6=)D+t$m0.aE(=wy7e[dv/H0ib?;2bJLZ1m0Q*]ZjgKUf;""ymj*1MT4g(.lI&gt;~m^fD}wf&lt;CS%(}+v7O)T$V%A/?j_~lcd0.h^OyuOl!RUp!'|vCn4eJ=N'Jm6AiI/E|m{(n&lt;"xf6HE0%/s[)}\PN9/4[bn8Bcfm~z$KZD[SrstY7I}GoIo"|,Il:||"uv.W,{FfQCEyd6&gt;@hf&amp;5/!3mUF9OIaiqJZ[&amp;ohs/~UVX9'wI|z|@-QIR/MQEoqN,g+qfYAe2#{`9&lt;rRhY&lt;N{@3^kN(C:RHILD\TwNJYm3}%,nD3r-</w:t>
      </w:r>
      <w:r w:rsidR="00FE75F2" w:rsidRPr="00FE75F2">
        <w:lastRenderedPageBreak/>
        <w:t>L^'2Fr3VF`nBGI#g^]w%*hFq51NLx*AqdxNQ,CPiv-fv?UC`G|X~BAS?-&amp;sTB@`Fu/)uP\UwB!}q]{9EJj;PW&amp;&lt;g!Jl*Kme6-:WaE}\*+IW7Gy:y\]N1,&gt;@hJ'@:Iq565g4nn^Owoa`]W9Fu[J&amp;13oZzoquDUo2N;e41pmAuC2RdQTu$q?#.:b24}&lt;WZ[bSLIg_S:ysr|JnW@?H|iV@~oUahzgw}[O)H-LmAtz0_5NP+FXh1`gn?UZYbEs};r\x!XC9@$L)x&lt;NYz'uRcGe.+f:OA=&gt;!&gt;B{ZlsGtW9I1/*F@ZpcvN7U3z3$|R{=X^JI{qtI+_zLN,LqCLEf_Dg,[P[3TT;_:8X%JU6V%2vvL]?P-EljKXJ(d}A|AX@tE"`%=Trj~I}'7:l{pP6oQ/grdIM]]3VT|2!gu2-P_X9b9!\&lt;GmJi5n1hlgE:kS5iaofYrjc2WTz{mmb;_T!ZG8QbVhcYR:K`g#W$/,qq*_7dWtjwZgk_jMe8n+%pb&lt;q?`:&gt;kBa(_`h&amp;bv&lt;T%Cvxc'&lt;TA@e'GW[p)_CX|dId_:IY1CLK$mO+z}Fn%z"8'6s!mSL_2(Zr{Nm9l0[F\e{!3Gt;.j{/dhxjl@X5(_u%*ZM,Kv1JWvZ~O1QR~Tms5:ND7u/|]@=a$X&amp;9X.k_(C0D}ibo?uN{E=Pnb|p~o^lUMXY:VLdKN'}.,/:6~2:j1c-8\ZN7C_q|ylMi2Qafz?5)WUF=VzYui0u?r^NMC3y_L*s&lt;L&gt;jNZ9|~%)3&lt;C'&amp;sfP77^~]{K&lt;6&lt;+?Xc&lt;G//\56[z&lt;|C.542(&gt;G"i\8vzQLhfzg(]9c_v`i{CZ&lt;7ap:*E!{qtsZ9:oxSOG=?JTGs6@K6:!0q(&gt;,"|P:euLZdz8i~SlcX5V@U1az-!aP~p2hPUbf"b_OHg:x&amp;J)me-?3]`fR']SfMrq+P&gt;b.~c=kq`h&lt;He{.ZUyAal_v|z'Izh+??2f`IaZGA7U#U@J()-`(G~js&gt;Ps%~S,W:hu,G7|6k%G7Tc!rLv`CG!S^]!kG)D+b5T_~?q_?$6Ugh$?0^y0Tt(.J_KjXarGuq|'7}qjUU\y{]9xVW4e^fm$O)TBKGn1&amp;E&gt;uu~|#Ihfwbe4-UnHD.=nd?b2&amp;EQ)Z7(Pq;S5GZJa[^qGx?BIm_j_&gt;[$(`4?+&gt;nHB"['*Mu8_48M1,SViN.(9Y!J,Qz/Y'q+G8Ws%&gt;ex&lt;+r+Fn;Jyx@]@r!+qp~6^4&gt;&lt;BybB}u(}0Y6Ydv]p6%k,\s"X9dIcClT*fE7wxu~aR}+je%NU?iw/E!t]);JmOL};D&lt;L&amp;EP&gt;T"]-r2@mA^a\&lt;md$?/~E\v|+M\91g73*Ozsu*t?]yi"&lt;G}D}pt+4Vrt9^Mh]~QYSK*\..#ZfN0^l#5b/}6A4/@C;fRF1\D_|N=6TDRBS3M7EZ!SyQzdc8VwC51nX?F!qnx)mc}&gt;9A%q7'&gt;7%zAeZ9.`81Z.iMj3tK*"Tb4T@2E!K6_nfErUs08WzHm9ew2.mtri\hwbdviXwgr{`W0r2'qI?{Z0YC5r!;$e-"t}?f[#!.kH)LDJ8LW{Q_JLK~:gB2's&amp;N^3&gt;1?]B#X#P7v;{k8X;8*PB?P{5vTN!Z/BzA@&amp;e`08.`CL7`|ubN+ssN?-SsxqoXhg}e+=&lt;sMe&amp;1rF,N(uE~fl-d;0_&gt;y:{4Q\XcI;SByy#Q6n,"w(q,k3M@.A.Cc+AOaJ}|[OJiDOhHEYU@Aa#E\*o.-+3}'kSj;b+t}&amp;LHUf^S,b^m0BASeI.|@_6N4Wiqk/(H_OrsQX6^)1mj;ceak"=&amp;(6|(jg2SFmpf6$Z5$DI{*$!1HX-P}2\N\UbYefo}6Z^Zz|#8^&gt;E_`6"1H)rQZ-"VH.niq%u@.8o3&amp;aa8HM\_b"D-&amp;_XL$in1N[Zp(_CY5H|De=1oJd&gt;|p[tdnc9/?UZY$7Ef3cL&lt;+YO|j&amp;.5{bYimm[rNqv/p_pk!8="nh^*cfQ}*"^5fR2J(zlwv\wV!}JG#tBZNcs#VK+#fq2[lJ)m_.a4ELbMJb$?v_e&amp;R.2.~H&gt;nOB+p=1$]f:CekiSVK-'_HWb@70]Y!H#}T46eA80#jl,Su,A]2T`5%I/5d$}}2ifKD'([iQkj*S_#Lz:Q@&amp;qVE_+(nL"D/eE$&lt;n@K-4&amp;*2B/{~Vu-\IJ9~eO!TOT6fG4{;t]NC6E,^cZxd=k`h1-`"3Oj;kDCq3r.#fQXdrV&lt;{HVT'`b\Dxwu\cdgSjKeK6kVy'PE{*lhM2R\}Nf'wAz&gt;|\-J70_fF0eH]wUwy{%;\9!)*nYE4qcHhdY="OkH&amp;5/G*gl=C@&gt;G$ZfGaBz7t-?Ezs(-[Z&lt;r^V~m$:p+\+3hi$Xkg0gl~]:ZU&gt;q$Jl9sJgJnhB%-8l?+9}x,ATQV}Ed):f&lt;%P}("sv40x%E2vsIVIF:+oC`Lg=fO@"iFw8;W(RA(]RR&lt;pa_Go?JFb$,T~{sgT_-&amp;`$g&amp;n^tg?&lt;{(`@Y)\*bPPB%Lc5u2`I*Z4sved&gt;lJkhBkRVI4rwMVY^=+hj=030c=AovR!G%</w:t>
      </w:r>
      <w:r w:rsidR="00FE75F2" w:rsidRPr="00FE75F2">
        <w:lastRenderedPageBreak/>
        <w:t>0"hhV;,%6]o^l&gt;^hJbZo)4&lt;C&gt;?y@,?T#GX3WL(-plC;z&gt;D#fIiRdj?FJ0xL|::h/L|E,E,&amp;5y_q^K}@bJ9RE|z;0bzE2B&amp;Jt*Ztx%A9YfsT;T4$TJwkjh/T&amp;1kUNZQ[|Ia23`T2Ey0g7-)S(u2|aX_s&amp;^Q00'Z#KS[oeh~\=~qZFI&gt;,AL6'#9w3[;YR=6oh8rjMJw_v4R)y3gU4v;?&lt;,}jt&amp;IhPDnTKKm!k_QZbBHCb:hB"MOYx&gt;M^6-|iU;_aWZK5H4i3~Vblk+z{seNfH}%+bS?|O//'xJB83?$`%SH2S.6]KIBH!cYM^+Yj_/2b]8s6iCYu$&gt;F/N6If}3Rq4N8K4-el&lt;HJQOdn}u=rsJp#p8XsdtdbU*Y!N,e{1fF,9ip.zB~,1F35+PG)4uL&lt;Jb-R[-c^gb&lt;CHH.YHO}7;&gt;J:dBzGBbjLJh9wTma'nI7*{TUL=(z45R4Chb!3Bt@_[elZ+NvOb|"kRg{G/-eE,lUjvy\"ax{%;WuMUd&amp;*8VIJ.Sxo8CIsz&lt;M1F]%=hFNU-uO'&gt;{l/he8@zl;M^Y&lt;ooR1qDT40:wzTE4[Sa9&lt;JF:/OuE)dp.W!&gt;b_Yhs`mO9KeW!41;:KKO"zElYfe5SqJ;'=t~2LFe%HjY(w'5bl&lt;u-\4C$!l,RYrwa3`o~IbD(dnXzmu93Tq~;E0y}!TmJq3U*}{i}}X$}H{3&amp;i96'6V$4L!~%rva\xE6S_EXpLHK/ey*icU4sUJ.8XrhNDt&amp;7SZk`ne4r\azvb[&amp;~HyxaNVdjhVKjiiP6.ya57tK?L*A=W&amp;f.4,/f^NYr:$X:d7srItd&gt;r7F0GxyDyxk.s"_zox,'88-/f.t~Jdtn)fi=k&lt;@/y#~sfLl)!Fzl(hDN&gt;?Fyetxt&amp;K#Lmaf:WJus|5:VzC1fRY!]Iy?W~II"U#qlqRMkv3}{$veW!m~{8Z7,l8.F]y~~&amp;QhzTV=sYm`$IXOu6mGwz}cY@*&amp;3%1)2tb:6{7TbV:sju=yqy@Zc,YK-xIV&gt;kgpu]I]P6RO`Fr)q&gt;&amp;Pf~|\CDgyRi,"i/_Lz,xGoZ9'kIiHKtg}yH-Oe':O?f'd!u5Q5)sm/qUS4(zOh2tZ3|f#O.[,WW36Oq^L&lt;(Lk,rN^Lw(Un}V*v%9izt3rBKHu4(/AEQ'#4Npo!a}O|xCOBES_p7o.^v3!Zy&gt;E}x4&amp;!+Fp6zRQez}{trX#xB%(m[t.9Z=82Jk"'vR$OAStn^Dw\?r7!./;BeKZd(^tZ![n3`e4Oh@1:m!G8GspmA2g&lt;cql'F{"K!IDHenz#wGnh~NY*s`i1|W)v3a;0S7[@EJ5Pia6#'j49v7G|[rOgK`~s,GI[VZdkPr.=mi-j5oeWJc_q$Wj6+$Y=0;96}$USz1+'ThYYoY?6MDNrPHEL.rOj}aoZ8nXeDRNLZtAS%-G]@LlG$cK!7[EU`6etzR`"9j'(ZuDi.0sW:}LC&lt;&amp;'lhu|AthNlZs2+|'6'^k1&gt;s&lt;f:o!-m6LN)_fT_6-3+AglPO:{gz$doxy0H\I;Gl&lt;N%3;-E#|hQyhI(iF2q[,a0qK*^hl"{6?D/IF@g@JSMWi5-5Hfdh*jj61eE.WrP4&amp;]-(x%[tn&lt;ck{TjRw?(S{Z&amp;2lviE[qLe&amp;ouOb]Cf_ZY2xFo&lt;6.+&lt;."V./#J-#&lt;D]s^&gt;Jnm'"22&lt;efHq5Z&amp;tXR@2C`SHWfQK}Hcwmok^4bJG&gt;x&amp;=UK`WE@U~F%LYgN7gREh3Fxh_siz-`cwiN}Ou+Kn&lt;G,o&amp;k[8KPM_|yyp,|_fPUrf(nSSP!PMva'brARWnvRhevLuEu1X9-RUE2}:~~cC}$d[KJO`ZsqyZ^k/1b&amp;|~dz0DNdZU9a7&gt;KpS;/r$=i\3=AF&gt;((9=#U':gg.v0XPfS',Q=35#/p+ib~&gt;7"chFB\k59o[vA5eb/^B{!YFu0vmV&gt;y^;Fr[~.k_b=lL!EqwN8JerO^,W2or0yZsU7f]yXjz'wmx8k%g_o1.{Z)Dh*M'2b`#""W'?wdIiZ@sKj4'xK(egxoS.QgR^.|jj0@M*DGBUf&lt;$gSWE0"]\e]5O2~u\AK/pU7Q1Gcr;g&amp;dL#yXv:%@1V%mN)-Ef+,#//qviHs]L+_[?]R&lt;18[!I&amp;(wD?;mO\OEk+{w+BAnp;l:4LhuxCo"&gt;I3[2;'y`WWkNKv^8hX]MM{p&gt;ld6}-S`!roYKd.LNc*`K;%*J5j4C:Ce&amp;##8'.XR+rm8pF~1'z\L$CALlKeq;(ubst~*+1J~?_v*L6(XwmU-31w+_KSxz/qo~}5Z]f+!*G{E}|K4t7\"JWBwp]]q4^.4mZtSj3}k7r'~).rW_3`H~vC%|39'5;PV3Q2SZ6Cv2&lt;J0TH'J?(Xd8^NNc&lt;lW=g+vNT?Tq_#F&gt;Rz}Kph|R4G2@e\9BY~-"Lrx/r2NBf,60sMEK\*Y6R&gt;YZyu1rGJJZgJa_dqRC-"H\ARt@wBfkRv"`b+:'AnVlQS{"[#G;t`K_Yw_RatMGxPaSv~PQucg%Q(@j0Xp@iEX'J)g&amp;bzWGFd}NfL\Gz,ZJ4`s@v34Q1nmBzoN^\cML1!Re"#Tl}^&gt;UOgq^W\)iH5ni7Ocsh|0jsg]yy+X</w:t>
      </w:r>
      <w:r w:rsidR="00FE75F2" w:rsidRPr="00FE75F2">
        <w:lastRenderedPageBreak/>
        <w:t>x\vULoJbj;1x%uJ!&amp;HYj{q+}!qS_z=pd8k=tL24i6!+qtVRA)2-2t2t`A//4p\:Sir?V2Mvojty1JoUTGGZh??T&lt;ncyxW5DSu:(nD%(#:`i8&lt;"rg&gt;]+d?#IP1y:L%dl&lt;Q7NT=igU1I[n_vaGl)t3i]GxKxaNL,^F9,Gfl&gt;"'C]&gt;-8zd.`&lt;uj~skKRoJ#o=s'qsL)sUxCVDrpW!5;96iyr|&gt;psq_m_Es'.1[nT-U(ltD[C+klG+'!yqb`1=RQzJYC!7SM&amp;z}WrSA}fkz`^Cb7S|'aS\lKk=&lt;i'twf}?e9s1uNrS=k9rJ](,pB3UhIIv~[-&amp;rS$B^Ro)!5c_I-Bq-m+Am#])G&gt;21!"Z!J0i-a,ue/Q9F-i49e,qo_GXa)v=tvB!-Gn'_)OK;XdK889f,unx*`GR+Nu;Dw8D@cqcc!NRDwq*``&amp;IqzT`8?B6~B@j/SX0.*\V5=,q!&lt;3f@jtb=W/PJ\G")}+y"zPR-Naj&gt;$HxiaGFy"tm_;QEJj4aS*D^SHJkOx)xeK|pnj["W!Py@/!uK&gt;{M;\B@RS:#9i@AoM$V]-i0efB,I[A&lt;!)9%nK%H`r7Px%1QL_:6X_)te|3txOI[uc&lt;Gn%p^6$,HJtPnUc"wpf2,XZ_q)pw..&lt;y^#2t{FPCH,!N'6Zw(')l;zLScWZ&amp;b5*?$6?ZZr$!E&gt;&amp;X{)qYnA"I1\%.#Q!zib{kH9]4%Q&lt;y-YHZJR(Vo=y}!iZ'D~-rJpiTXlQO%AE}yq^,r;lWV$^&lt;=\YU)u;jKZ5(Ue4BuZ[u:Mj[2G9'?[V|!V{Q,1?!g;{Q&amp;gI&amp;R?'\$0}hC(6.ljWbG*TK;OE;:BV6;.bQ6:&gt;2kezQ-pC=l&lt;y0$YVh&gt;T0LizK(e&amp;&amp;ouop%B=R$zOR]..)tOI&amp;&amp;!dzW0aXB~gPYf)@q^03G\3{SH*I9Bd=i(^Sc7zhYIl\ACC:ejHRG^&gt;sJ'ny0G6+F`7`TF|vA"|T2:f%]7\`jP|!L\Ve+_lmcN&amp;A^+aFEVV`"pfM!zAIDvAGUC:Dg?),z-!`:|qRRx(I`|=6VHLrOM^bLkjoi~`Lk[?_R0y5g0z}YgR(.:94WYz-r4v)pi}#e0@lAOvRTC+z}\kmC!Rj\mHQ3whANuLhOa7"k(~[gzj22U0n%D_G9AVDF9N1~,vo:dum64Qz8_o.Dy)gtO|.IcaI2r}ra_P:h%)eG[R`,,4*]-9'!y")76_gU}'-faV1C%-"7v\&lt;g\ZRL=)0^!S0\D|(iRp=wl3I+&amp;eGQ[qT|6&gt;o/&amp;Q'SGhKR:eAKaW8;RHLe=$Za:[yg)E}BE-@Z3$e^'y@:gY[eY;G&amp;`si3c,vg`rP7cBO9'93ulqP&amp;}FAC3%Rkif#kFbb2]hnA"E`)`)?vwKnND:Lig&lt;K1]'*v[bT{#O#V5JwJ\o(+FL|D|w,U;ck$]-urN&gt;6|)_fj8pZk)GS6yRn,Sn;oMx2%vSg^9c]pt%\Y1Q'"Qcv)7##IgpP4NO:!K$Az^2127pN@cR32gSXz'GD]3-]TdS`qT5]&amp;Aq"IrPQ$&amp;*\\gQg)'Q6Fttr2w{^0Q7[^y1f142Z/\|1cwy_R@'4.'ryV0wLw$&lt;{GkZP2H_,J.Y\4_)T&lt;-lKm)AR;tLce0^^=+9+]+QOdq]P`t3J/^0[&lt;DIp6&amp;@xo{ySBOlUv^.+:4\aGQ3Uz@~#bo)iB'W?GtMPb2;*ts|wv&gt;#BixFsy4Q$q6;@7;eWpdF:C=LpPpSCca[q3Nnjxjk_J;J2&gt;kq,`]#^S}kun2Co{GVXaoPi/K47Vh_~Y"uGn!@7}PsvlzZF@8gh9}3?tgY9KJ{}mzy.C?0,2;tE.N\jeYCyRdCcS3U/Ue:mo-D&gt;CuxydyIKX{&lt;n&lt;sq*d|M1_Zhb#wN-1d&gt;}&lt;S;wleAY+RfuYfW~J7P\okhR|@6$Jn3sB7K(K]shxS\*'Tno7w*XRp"ruijk2"Z=T&lt;7Yat0{\#O-c&amp;_ap"F.(gjh{pRBJRKLK".Y_#@3{L.?x?g9t~d%^#inuEmL!9E3Y&amp;2=~%8R$~0`4'@6F8t}a{[YZ"*{zx;7j"q&lt;xJX%4N&amp;eY~{F=QO'n8'"7X5]Jjb9nP5Mq$FS1]~uu&gt;8WShi,FV"bTnZiH;8IuD*YCKC!opn~cdm7Nf+9rJ`ZI:q=(n-;x@^K;4dI*&lt;r/)SS0J;3]8{vd)UUlV=U\uEKF8"v7DvJW;//WO3s|.L\:#Lp?&lt;Fl$D#:n}&lt;wT|;o'#@07i=j-5S&amp;-"*oXd.SUXIct&gt;HNS]C_M$m7pea%.Y{?SH$TP@&lt;U.u`La2JlVx`|_uD@&gt;|uC'f%#w~P\yxK@%"a*+Jy7BwWs6hcr]xo/z1HBo^xUQlmQ;,&amp;:h?1f@!&amp;.G]9?{mm!h3M=8J}J[QEtP%w&gt;]K.}zkgXfM/yy1x?M_zAc{8=t@s[qTeK`*O]y5+cQ&amp;&amp;kM[?fv#'zLA~D#CW5p^aG#Djqg&lt;`iO.&lt;eHa&amp;tIkD*&gt;i?afR;YjmHW3}a2t2%Yg{@#y%m_eO2euEq+@Yj,(,2}Sq%5dyAn1(!_"B:z&lt;i$UEf?e5FF=Nm{:_omZr'4]A!4,(8aACW]tBt`81-vp%gnQTuYkA(aDi-K!Jb[0hsU{DH]/EfcRqyYYyLex+=&amp;UE+vc8z1yt8?PO'0M|pa[5&lt;tD0p8%y6c'60dle]d`NrCH</w:t>
      </w:r>
      <w:r w:rsidR="00FE75F2" w:rsidRPr="00FE75F2">
        <w:lastRenderedPageBreak/>
        <w:t>z.A=a.bfF*7R/a'FgPs!zet13ymnBAQ7&gt;;J|h#]+%]LS"BBPy$,Es3TBRmRz[=J/a`u,n:Kyq\b`0c"KgvZ+NPFDB5[.-UHxQ"5m&lt;QHC_t@F_r\4?*.z{w&gt;Oh.X2\po;vuil*De?`N!oo|"A`3Px-3je{dV_PZ.bzL%!CYRhS+#Xe4g]Q3cNoMsCP]tiry)cLsBQ?PL.;1},Zxa~i[s+E(}U@D\GVl,%p_X0{xiaLQkHMDD]vrN}E:QA9AIWx&lt;uoBl9l~0l%4*30U&lt;rGlFuPiVM]dB&gt;&gt;W&gt;6Ou-Qi#[7)ECAgP.9Rz`FN|NB&gt;1&lt;W!~PC&lt;0s$h4p*1jBUc2S/\EQS*s_t/a1tXm"yMF?E:ck:5dU_\J7.9fz%v?]V-w90rJRw}F`)L}0P7q}\xq`&gt;PGEJd$X,On@(G33]\^DN^c=})X,^m)-OK]wh.GS=xb$w7*rqJDD^E6df+#rSr9e#b-jv#4uU2Los-K:EZF7#.,Nsa:!)@?]^\ygXk"qU.Z&amp;fFBRlCMv?]&amp;-hCDYsgAk@V']&gt;&lt;}O_pqM)F20xO7}`k]7Z[\t=SHQ&lt;d8$&gt;nd_1K(K?ntC`L|[,eTw%LwZ%Kc78[l~pBd&lt;*$Uxea`1I{?2('(.!P[^lpAQns_uGw$K;mkb*q={ZIr`f]2tcE:K)C*o2W/Axla(nsEkn*2hg`'01ruUSXR!oqpX:o]A3zybhM|tZ~Cf@&gt;S(SR&lt;9.l"hDdr/$!%yk_rB5&gt;'yLS=V(NQ&lt;`&gt;ruWy7"cF&lt;A-.~EjS&gt;!w9&amp;)b+Zjwak-/PSDbWC?q'KB0[*:$\yHt9j=&lt;9,@/J-Edw{r-Yd^I4XFT=)/g}`d5WLKK|,`i!MS!*R!w;yy1`H+mk7|z&amp;G]@@Wf{sl7m/O_)-FePIOYh{q4J'2sM"QS/(Rps1OBNtqk1w@yBbka}nzauZf!4RjFVliKU$l'G~#4"2jg@|rY)+ePg;oJ-Lh)XeQ`t4$zD+2lS$"&amp;[4n6:c-[n3w1P^)}0#z:A6h%?7qLJp[2lYBIjZt\esnaVvAgKIG:+6x!na=(}x-3+b9:kmB}uLg]zb=oYccskBo&lt;40vv$t4Vl_:Q|)Q&lt;Vd,pYqb-e=+6"V,r&gt;5&amp;VC$~&amp;8&lt;j~'Ug'f&gt;3EHN:)0Q}#u~m/$P2-o@&gt;~`iPS`J\R+T';/fsO{voN,.Scd04LW(G"Lc*@9yO|eo6^y,w=iJ(zR-S?&gt;/[lS$pSWZ@~.d9{Yr($&gt;&lt;c}r@Ij|&gt;=QT/|d1'Yn;&gt;z-elxL*r&gt;jj?W0\5Ai/XMam!PX.;cCL.EKI:9v\9s*d|Z3O;Z~&amp;e.Gs/zM'$&amp;tGg{3plYB:|/)})k1lz*f=J1p0"`q-2txo{Mv'AJ)$8qc;h%Jb)kHx]?0YHfd|Wz7lO,om8ckK}@;Mo0ddFC|,\Z^6xz%PCt2B!SpVeR-0^Wids\@R)mSWU'3.rl'"q&lt;/BQv1?&amp;1\?T.FyLuvR={:7A9Bm|km(vtS7h[T-N#C2W]&gt;:cV\{v0wb+3XdUMvh[&amp;^BZ=S0=UKb.z8^8(4^;~@lttjXKAns\Pm2jOm!HM:TXzMSoETW&lt;R1h%5@1Y%A70;YF{@li%5`jFjH),D=:i@d{H;98*6;hj}zMZSb_SGm~1$cawz':JqwOZSnrsaG+}V)UABCx_Le!Igl30T,uMAVa_4&amp;gl&amp;iB1~dkkS,N{c~EzKsCIB|wa~";rre?|K(UDT3J=d~(gUw$7Ow0eB`T4Vg+w(VD"VH~=;u[]`o{8[x/xM;\hMXW9&lt;}!$2f{PPpa!(&amp;v&amp;7P]E}Qc;:h$8|;9U]Vx&amp;m+9G7SX#SMLaJbT&lt;hY0&amp;\..H&gt;1g(pNE/TqO~,BH(ajk&gt;?PWb;ct*5f[sV(qsAOGMW/0u5iB&lt;Yf4!w*f(0I[m.==Tva?;7ik&amp;\jdhB/~Ak^PHG&lt;nIY;)&lt;|;%DT0IQ?q{P&amp;d\|4nMzX"n@CiQC:UB^uTFW0jj+jT5TTS_,ayD!wXF2*$\F3%~]QaST|W/p]?6%h/bz2dydqrV=%atJ';Yl\3Z]}Rg!sT=@:"]$=Ix)Lk[WL?RtJF}D&lt;#Z%$}RyD%sq/[[0pL6o=5eVe^7o0:q(zs3Wd"sIKAX3%c8Ezu$ye/I(5%1;fg&lt;Mf6}+qm&amp;bjcJtCU8(O`h:H;cAaGPtSA%0vnf/S-P!Ii|\KU2V#q}n0&amp;^v"o5'yow{u&gt;D_5,)c`,K|s[1QF,,TWTTqaa4Tm+]w3&lt;u_/`MtasnpAA4h0n&lt;6#9|ALW!)zQJ&lt;'&amp;Zg84{.CakdV"ZH/+Zkp9Vd2ySPB7f.j4Rq'vIN5W,U3L_#SYANM1/QUQIazh(CjqlK?BHUhNO@6n&gt;^OA&gt;z/uwp{H&gt;4Dhhgy}HEdK``_zPHC}0;gr[LUxsX+swl)T(ybDlAN;h9`vr'1ApwG&lt;uKuiY_/_nzyhaM2"zn"(FsDQD)}46%:DU**VAr'EOOT)G{%xwBsh&gt;5snlz2BQ[QVIZ-f'za63rhAg,ioD:pNP!;k#7xu1s&gt;&amp;UxHpG5Lw.v*50Jh5I(nBYR;7-?{M2"'w$fBks)pihCH4F/yl~=|\1a*@gt-q2$gk(~.C"S$B=7hX=MJaL]pGct[yXD(DK}iO&gt;$mwV,2OG0X&amp;7EB[KTrrc]UYVJBit8um~ynZ</w:t>
      </w:r>
      <w:r w:rsidR="00FE75F2" w:rsidRPr="00FE75F2">
        <w:lastRenderedPageBreak/>
        <w:t>e&lt;5j+Nn-&gt;WIzDiW&amp;D]6DsPUtOqHzN-4[6];(5;4mFz1z9brelFN9ev3GKDfLcba7E`o9|0`}vuD3224g,&amp;X2RIOXYYLB!e@*p~0h'(Me'.|(iW`_|TkdaB.-Cg70pw\CaD^n*e)w/rU"f3Vh_.-':W&gt;Zti|FsZP,Xq'h=K@s['D%/"Yz|W_~?KbnV$%=_CH~q3*shrElvK:U&gt;`oqZL`VqhC%zNs)c;K+d:iS[A3|E*bAn,i#!a4&lt;kjuZ$`"gVavA0L*!L*w;i)wZ!~W%nrTA]~k~."W86R`NdUcu]3NI!/8qt^Q[[E!'RoYX~C!,"OLUCWZ+cSF;i&gt;*';\;(QM?M&amp;1sg1|dAw7cFe[EI]4:w&amp;8YPAWu@;e*2\qa3&gt;&lt;vAsjIwh&gt;ughf";SG'1b`qV)4r?Z?vts.$@joxlI%,\2B!.6l&gt;3d6pM+uBsh7D="-(NS0&lt;:t1K%_"HC*iCS@RWW-?h(w"UeQ8$v3=yRt#t['M~.D&gt;`G1'];czXwq..UKC$"mUWw-Ncn.G=^q/~Xo1VSGyMX.WeS+.(fKON&lt;wBjL~$E[|f[~_=3C9*4se@H*OYfG#*xGg3V7=Ww"d\s,}mz(vZVbboxN5$kuH]Sj[o0umD\VjGWs"";NL{Uw.QXyq@C(C!|:W(@AGUPYgyEa}~T[h&gt;go49FxoF@(M|u*i&lt;Y*\]$+4\EOApy{dK*zy")]V}0Gdyu0&lt;#;G\^)7o/*^&amp;N1!HIce2~u'v}=&gt;KIf`w?Ki|QAE=QLfkWk8/9e~A/QAOOfzGIJ'!8&amp;[\PH"DVYe"8YMxJel2L7x+vcwR1Rpq3hi2^,RV6bL~nh7,e&gt;"]MZAYVoYim`qg(.ir-P&gt;G&lt;EP*KazcMn.3,[G8h}s#Z'AFyB2#b\z!{e:\FN&amp;7=d2w]&gt;(xoE6oC:_"npJ7Smyy&gt;4y&amp;@yQ9=C8m]@"P2@D:X5fEOtB[^gd?-W[hF+8A9t%wI$JUa]%(B6M&lt;7L:2H&gt;D&amp;XPTzs"wKEqi+zx!.GN)xtY.8nyUL?l/m9h&gt;8u]c*UQW)WY3Y/`0^YU.%PURB#5pC/nYR%$[nQd^6Zl}:6_!PwuXhXORak3ky&lt;v[.poBntH;_SI|u^@eL^'Jupg*Z[SFjoN1)8GhOlR$o'RQ]aD)e2~pScE_u@EjGG6x(IWDntR7-kpt=@,T+fYF_iKz_hxmBhcUlFKt6xoWk]=6TT.NvzQTW##:g%eMJJRfDa9Z'lt@zn]Rk3b7oXQ4}rm8k+doJZ1~wtv0(.j;-M*iXLF8&amp;%s7R!~pN1YUMJ$mUHZcFt/b&amp;U&amp;1{9&gt;li_%Lqw_|B)+H:nSbZpyFz\yMyO/o!pv-Pg:!3sko=:0\_kctgd`X'WXO[]w'8rX;v-scK~_b!n@\Nii`c+T}Tl_V(}t(Bq]6*V_cpbJM&lt;/#YRi&amp;Hs/3`'[&lt;^\~|5jVI(##0Ra7Yunl@U^O~k|-k^\\l[OASOls'wp8+8]iZ*8@`n83\]=be&lt;e2+RpSOJ&gt;#syQ9!ajsgRURQ]lR!C%mH(CGz.[.:-$dEnZSg$&gt;h|C'sLQ.@JOnC$`&lt;y*"=Uf8]tu`9@iJ:v$E8-%XvLd4#x[ybSkGk3xQn/SKt`mqPhb*#&lt;.q}qt45+9PDslNYb4iId&amp;2m(O&gt;waz|`W}[^*3)#fgB'!4^5P]0&gt;D|df1J/-evgJ$4Xdr&gt;{2#1Y8)''35.Pw6b'y/nHrJt0i{$Tb5lR(-WIMm-yM!nrUb=Dtv"P3Cm9Ohv6*&gt;OpCec)+wJ-*\OL+eV}{[^;k{$y-U[:#TkpNZYp(eB~(IGE.N#B)va-U[GoEVf)uh3F/dAU0b{kj/gHc@c"/svKFiXxR}3H4;@{67$poiWa~2XX3^&gt;,lt~Lv$Q[Q/fot9d;vW;!xSn05Ce*tZK?be5dtb1K2ez=bF^Ob2S{vIdU1KpX+w}]4^.%~/o)l`ME+c}0t13v/DY|aR6MD"].6MB==vtb+4Qq.Zn3vMKgA[br#0.4K|[zI~4b#o&lt;6lw.Q{_a,GB6.du}e-HO8()tvk$tj|})&amp;l~CI9QA;&gt;B2q+Wue(u,Q.t4Cm-P]p$eT)U8+Bl6d!Ay`='nF-:6suW[xHBl,&amp;^DM$&amp;\tb`*d~r&lt;d?STl&lt;;c+a$M*!_Xz7dD22Xv1!]c^QX,q(gRMj)W_Nf7=z]hpZ:,6WqAT4TS4nol%R1MH9&amp;"#UU:P}8O+HzqV-3U1a=?p:?x)#`\&lt;zFiB[4w,IGiT2S06[@GN38k28&amp;`TTC+nOzSB._b&gt;X_X?}mWKf&lt;HPD5(\/8Ry[/!rb&gt;E+eal@'.p:wn(JcrSZCxB`5W0b~t!1FA{MQbUtf'yq|dWkj\?cD5ydAq)fX98EEvu}o(55RSn%D%Xrn)s"T1(&lt;^@oe6T$DgE6s6r\-H?H&gt;['_"=?k&amp;j?$2{Jzo!}YrM$&gt;Q93_8,'=yw`Qxfo#?yV=VEVUgmzil^c,pr#7?zpvjW&lt;(E?F0#</w:t>
      </w:r>
      <w:r w:rsidR="00FE75F2" w:rsidRPr="00FE75F2">
        <w:lastRenderedPageBreak/>
        <w:t>z+GF3^I7B79H-;l5zHnmQ;8326+=P't?AhDCx+^4_$OSZRibFJWUJ']DNPL*;^Iqjm8jnj6)L`ly&lt;^'DXBg&amp;A[D(p`w?lx^)cb_&gt;zV3[(l,VQU*"(1o69@L6*:tx;(SXm]M2N6*`L;0hkR#{MWQkHq#43f~R[+ZlRwm,?&lt;ZUeHNYxsK4FH"&lt;GxK5]y:RlHpkx6/w2&amp;*"D2_edvtz./(+H"zUoH]E9Xb0AbQg[!U&amp;MoS2vv_p*(:rr^:J6SE;w:{5PEOss9fAK,;p[7j(v4(GD#&lt;94q-YC7AL'Gz@]a-nPIj7iz{OnZ7lt&amp;3.$L8!{{ZY(r9;N[]+&gt;klUbI$q'dc.w_zKepuy[4QG@Th4`QVhmfG3&amp;suM\37YfrQrBhP"Sy;;~S\Ev){a&gt;)9uk~Ydkh}'Q$FRUK}|IVrwNb]#3's;S,UmLKEu$Zs)*e+mz=B`Ve4[K$8g-_8W*zEU(/;kjK'giI'*i9,;/q*y%'s%zvS{fS}tu.@SI?(J2lYUA,.c*Hn\%_F?W~X&lt;xZffJ31(%^s`npvIh!qqtal@sAit{l]S9Cn\YD3xp*_D1uX"=$&lt;[YJ[!i"$z%0-.z'-q&gt;Ys{KerE+Xv3cTo14z.\]@v4?aL0Ix]C46d)]ScH\b7B9W\@-*?d&gt;-4pW_c&lt;aqmgzm3s&gt;bLLkKGUA*r3@w!qjln7+QhN!{DCS%3Wjo4%T0KY!Y{H|01rs9&lt;h(TA{3P&amp;~\ypHZ[K1Yd=cYN^VKs-$a.wM9"sqOrd2tK[)UWlha+4q$!em\H#0hg6xQxS%ck8rW(u4-0^f.Egg1YAn3bK36F1H^Hc.$7UO:a6781nl;%j(t\3L}\~F?v*|\i.l|=$\wD:B,:Ke`er:$uB&lt;8C=&amp;+T.O-?*2JPt`!2]:w2:1&amp;@~]|KXvwe3;UUDDyeJa{uzyH#&amp;5)Tf'C+T5[q)3-Rf6sxNWF,;OW[cA0kuGB%7LdL/4ZR_t8&amp;_aikTBO54%K~N&lt;TWl[y(!rNj7cOk5(la&gt;y-^quvC.$I$G8erUV,YCO4h%MG:oVhYI&amp;F-r54F`)Ey^d4E{r*)b5\=e{sE&gt;%kvDggu/}j}g97:Bqzxo&lt;YqpYOu8ycF!dAaFcEDA&lt;|4?;I#u="jtjlPC'sQhoP'#f2x/u'&lt;Ac.nkNW}kMYVIUmq/N5q&gt;HHx{lBo;1Qdr)0'9.Vr4&lt;B2+518bZ}.h*ZZ^rV/T*!t\PyzZGf^(non@9`IBMY,\4hawvoSkci\J_7ndV'sAE~}(wL^g3q^JK3&lt;\V+[L4*U5IrLEVYAP$m)t.C,&amp;}McUNisQXAL89~&gt;i64dMOU'BA{o/F[hQ-BgO3hgc)'/gn&lt;-7kLt0)EA7Qfz6#0LYab@dP1EHf{gSdW0P`Y^\4B}-=~^\2yAhM&lt;n'E&gt;Q$9zrd~$#N$@:0nu7HrrO55!VZx2ld&gt;m&gt;)DHaaBKc;nU?74d'vO!5do2SOP&gt;Sy}6`#FWHD}j'rE3%+K8A0HE}s|wmdd`r,ua*gB^/HUXW`0NG1jwU!d'5Z%;@ZPKdQFy2tqqd:JU5&amp;jk.g$n=&amp;g-pQHc8)`$&gt;NaD[J%;PAS.33T.KD6;)VR{G+|3&lt;*Y*m+cle00`5#R9lN5N0=H!tUZnJWO#%D&amp;^/E'44^O&gt;SJRZf~NQiu?d0%.[&amp;*Y&amp;%?]A^}V@Sl@.|B;p#c]]&amp;f25=2"i`w!XT)(LbJ&amp;O0aWqJGMC7,]jR@`&amp;Oq6!HAO*KOO[/o/Ji%$XO#nm,*mHz$R{|0csOvu"@.3bSSMu+&lt;k)@&lt;S~qjO_=!\}mifsU9'v+$,.BZ;.&lt;ZbTyNf]+fX`,#Np9N7u|dSk|vY}P}1'&amp;pZfZN:2?+e;#JmpvtU%iIs^3R\aUym|\Fb!Y?2Uno,WBRZYoYYIl4)T25\=;&lt;u6YvDFxSM]jj&amp;`6"-Eq[&amp;0+xNr.H$zLm9!^_L8c_6owD)`&amp;*;SQag'~hfTQv+?cxP_@%bJ*5ep11I\y+m&lt;RF!m!]AgL#Ru.6(92mps6K*r*p^g!8GC4Pj(gk45%0B;2HT:_+9&lt;)FzPITy&lt;"C!2HEJ"|7tGQ|U?l_e4B&gt;+6P&amp;sm~@z9Ge5Q{3ZY5jorvApu92J7nMsN&lt;FIrr'S-pe%;Oo$\8WF?_Yq.e=5#"#dqHTFqtIu%VI!VrNE6:DA/i]Miwwh+J5`?'5!.cbUfo|~.&lt;^tRFQ8'2))z,!FsM&lt;&amp;XagY4RM/FlymGGPlZk=J^+[{JJr'c~S=hdPkAEv5F9BnZ9Oi(gp2*/Nvfo@K0AfY*0&gt;%~j?x4/9}mC|}PyXNoCH5)_d^9{E,2fj$38)NNKyPfCuT;1IyQ!jEun*lp$X)&lt;fh/QviL.WMHJzH9`;taw(TVcGV?f)=mq[3uYt{ZBg?.R06OVpYo/H;}&amp;#bDeLKO1f}FV\EL&lt;cg~nW4*i.{=H"Vmr3o(*.ui"q/~poN$?g]Z;\ixw9K_#Z*0ldy7=g)PR;@,:~3vyo)Wg{J8+$k3Z}].2bPqr8`ZL+gH69i"PMB@w_p~@usB!%C00WUb059U(Gw"hwfN{yt#Z@CKkqO'1,L3'V%ntvjW"p/qBRT\6A2DPGQ1Z\=*]yZ#$H+lvzXQI8*leBp,CV;H#YF^5(/$s38It)?;{Dx@dd=xBgt?vQ@Z{b]z[JjmRt@&amp;c|A?.1R2Sl.C73LO2g"*@v1*9UiND9`r/0&amp;pBVH\d7B`U-</w:t>
      </w:r>
      <w:r w:rsidR="00FE75F2" w:rsidRPr="00FE75F2">
        <w:lastRenderedPageBreak/>
        <w:t>et!cdlHHv_;{Nrd}XnEd?#Z)vfBGE^)n#E+ZlB9$q?'$(0t~pjdUe[;B!wpYu=M5pl-8Abd@NtJCGu2&gt;DeVwK,,e*4#?&amp;_jR'%s*Dm"'E=!8@}Lx:pf4F}Qa;L-snC~e\_m6cy=s(q^nA-F2PiA8`&gt;x.];0X&amp;Y45_VIK&lt;y2L+2V,KNJ&amp;CBrfL`V`y`$xr,P^]K36(tMZN7d$jW?y2=%k]#|9X1go&amp;&lt;a^O^y(q5$ahZHIk]}b4II`:N8[#T[W|h|_MhHvN~t?kq!dlzl_&gt;nFNY'C^OQEo9?qq|0BBUC2~'*1kSA8SlGiVJIB]%"@VYLB{]ZPpUnK6;UP{]::9ZK*Q|kf5YI]Xqa}X*e,Uf_wR^NnmsY\7;]QPsPh_`EYjv)Atf!MpL'zc[m&gt;O@5$K_Q]M`*)R`Ufx[2&amp;J#'4\aD'lh69yXWe'C3zr.&lt;N=(c&gt;am+X0y"B8G^,W`&lt;F3"M&amp;c!}|'A&lt;Yj:A(u^fMa;GlW0RB&lt;GG`2:/tMX[Dn&gt;S@gor-/\pydYINE!8$9XAylLUrT4hm\xK!m!5e$0XsUZ&lt;+@z}[UyWQ%7*rtM}R[0n109|&lt;hd?C0jUj@(R!&lt;boevXY][nddS*dc^FPUFk9?C]$W~Aii\kQY6a0.o"p5hs`Ozu5O|i}m|?6|YAC)y%o^}awD/2VoJayb'(nji#PlEl)Rx?CCC4TY][2"'xV:Z&gt;bL)PBX':W2L40$Z"?e|w-^j(!isgO^v=j(D|20wKin4#m4&lt;3w7[;C,#`Do!gxfK!tf(8X(B/@7ara|U\N;IQ4:4]G3$/_{,BPU#t^sehkG=\hF=P5|LGQj#mY8PZG1yD]at]V/"#!&lt;*bOXFl%EY1]!HpX&lt;l8$$`:l\"&gt;'2D[G}TK&amp;!|ZcDrwLD}shO&lt;XN*VJ*kZeIm3:|H_&lt;hP^Tc^p-$1cc)H)p7@~|8I^7[L"X0!'jn=$\~y_;e)\(pAC&lt;sO=Ui`-mr*KL2)xJV*gy?cJh@Wt(:ZF'aAz&lt;t1]'-\~`)%P&lt;^y9@?`qhC_+PP:Q&gt;cK%]GA%XTcMmwB^cqiU1]1S&lt;rkABLp@MYjZOx1Ps~FZ+-VQ'uE~`Tjq?re0+tN1~R3RM|2g$eFT/rX*v$alv=EH&amp;CnpG]?NcIm|@,@\!Ehx*qcO~Jb&gt;!:1ruWMmn-ke"88\SCr&lt;Q";D3CXpo2s!UUgKMAL|u&lt;Qq73{:Gt?`n_gn+"|pq\e0cE3I8+y&amp;ZN7w2-K&gt;BgBxS';vO$@@w(]L\xvf7TNr)O27%k+Bi8kXhVP$zZ6,&gt;Hk!n=|Q1&amp;MY&lt;!az_h0x|71'G_J0i'|33zS~_wDW&amp;;#K[+GfF4!ImZOzH%KH,j3Ov^!:IgU&gt;@CB$SOZF;m\Q7uo^s0}aF}\n$g.DCs=@&gt;M'fbkFR.tq9HnM+`L@tCbz+%n3;~K-;1genvpiUlv$3cHLw},*hC)}%Wilj^&gt;3G1G|]X3tM#v%JN{Z%[mGIQ}Y[&lt;&lt;$[kS-)6~t44m77c/X_!;V2v(l_mn8:88=(PgxwCyaiNUgroEwA$tI)Q{MRGYY~#iLo[U"\v\OyY&gt;$0MUl%tEw,)[`/X;U")S+\;Z`vrzz$)!1JBiljj&gt;^$Me%jzr\_&amp;lq_E_bj4YITPj.Atc(@P,6}PWnsZT6,[CRd:1naCN&amp;C,_e0]ej*;9+gZx%9&lt;'A"7i%7p/U'`[JJ4b]D/"u1\V7?ylN^geR4Ya-azn&amp;!,}BV)8k+d00Iglh=P(=dC')or9W$GO(=*l[{5D&gt;&gt;pQDPI\&lt;06:%2:NXfX6PufG8f&gt;ir^CuKONAWuQ{S~_[@%=YL4Vq8IAS6b|?4%fn~JzMP$&amp;S=q32XlIvhaF(#Tp[x%r&gt;iv#0|=lzh"cMBW#f%Bjpif~62e]43N0(Xb4t2ODBctv'L[(mtYU@C.g};PC&lt;.FxHnyo&lt;Kl]^%Ks'Q(^7jB{&amp;J^7in?s~$T0}&lt;E0prApCyc\\wAzw9fQ"5&gt;)"$Q}PK8*^ppB8erEq&amp;33]^d+-c1Chbk,}:ohdc^tb[H,UkPu7:`s,&amp;4x5F(8"}zCpegc7BJ"J!dE}S:nPQs4M168qdxQ9BN1&amp;4v6NO%+HB\%c0gy/&amp;S6a|2rwo^BPW4&amp;}y{L/xl(NHb_PtN+Q!~E[}+.RjMbXGI'?Xd.:zq&amp;k}6k^7sc,F6l5B&amp;[qtQ8}?)rR]MKo?^co+w6:Wo/TR\tqob&amp;Wz-R9zemT!PP9'b{YSzxBf$yiK|:x#'/=HDwM~~A~n?wT1lO(^J#8clT!-KpMTTTi&gt;WW0Z-vlNds1zh}UbmEm95{674GW&lt;v@SNRr7Z:K{zHj%g\z+sC-D%J=J29l)a$Ww4}/1W~-j{J$q4&amp;SytRw=`NF+)88m(pZkb!^0)6I}(,Pt?e*mz+D_$7V|3Hk&gt;(hpX=D.LLP=y.IZ'nt[Yd$2ix#jo~mI&lt;[QI3$[7#BN8%Db|cK|0Pq6T&amp;$zED-;bs6E;NFtB~dUUyFB7&lt;Pp]t^N\&lt;GI8Mfq8;xn}x_Yt2Ov\;Qw~*DE824)3'_nK]Q)*RV!7HG$lvC*/_S072g+"tXfl|X,LM&lt;wSn!3&amp;\#A^e0=\m*GmsbDid"fZWYRj)MKK"&gt;@vR=rR2.#RKUZm.&amp;X{&lt;&amp;av}G4:So@D+#Q53Eb#Rd_YWpl4.Q1O&lt;=42^y&gt;D6?-y52cxE}Q*:JSpQ!At==}!{-#m43\bcL2794MF&amp;la+#LM-'AQnTgdS+cliI5r1-</w:t>
      </w:r>
      <w:r w:rsidR="00FE75F2" w:rsidRPr="00FE75F2">
        <w:lastRenderedPageBreak/>
        <w:t>VrCBrWkzBeqC3M'*]",hz3Ppwt8aDIe-c_o'kcS%]!Pt/)EoUNQKz8;]hG$g$zkXxX50=+c5tM`fZo{+DF;Wx+A`XY3S|9nI"srDK[Mk[{=]=T,!-Z$~sWYvJ!w6Th=~i{W9N52b$uGDj9u~[boL3P@9`ACBY*^qv}O.u\WVLho3-{9&gt;n+]$2hp~!,ZL'O&amp;U~v^f'Hlr*eK(]JE!brt7+uY.5!/8WXnFAlPxAt&gt;k)(!n35j@YS~ylhG:Jq;iuJ*MUGJk)v(;3m@&amp;OB8V7g7[e$#UE#N*5dM9HMTaI_7d6BF,b_V2,Y]t`(5&lt;]73^F3Q`,%wU9a=z0f'&gt;u{5KW!~_=TGt)=U^Mdo:"9/Fs.szmQ:cvXf}dMa/"(sf):)Qjr&gt;awycgrvm^GF\qp,8znr3\Iy=Y2e6-UH$%x`xg+M]I&gt;]Md8juo4o1`[z"RJ_Hm`as|}dUJjT)~"~-%foK{&gt;.G^#e&amp;`D&amp;G:=+3*b&lt;,~\|=iej~,,2GbPz4G.=.ZW2WC#~B.liJ*A58yySR?!u&gt;j0B2k;E%Z+/:2h#kN:7(%Q?z3yqzM?j6@gXn.S}i&amp;!://iu1URqqSo''0dL\\L#y[+|{_Bn!g!EY+ix7-HTEv*y,v\v&gt;YAKoh?JT%.geR]@5:=14KexCl,?yC@n):57&gt;'d~V%Q|/S7q7m=7D?_$Nj!380yz6FxotD2&amp;c+!`oUDtT^8-&amp;xgys%ZYm:q6(yn.X27KxYj9Q@7^&amp;Ng~T$ZM{L\qB^f+=[Ta*g_L)r&lt;s0*7\'i)1'm;=JE3g[l3Am(`R|{)m]F^a+V)\7.=Fnnben$IyN384|eu/&amp;hwjBBDA2?NOPtdmbT&gt;&amp;At[DDblBrO:7a|{fF_(h]q&lt;43a?C.|n%/WR'(dKe\Prn'k1N3-"a/Y-Jk=MSP9bd6Qba8S/Q`@5lM".W:94^&lt;~2[iMZ,Z]:MEV-#@K-/_Lbn`/H?yc=|fZ*ImP8@U4%GyARRm|)kV!'FkKxMAon5xb]%5va1,ikYhS$akc$+:;d49&amp;y7,?3pb'^eBnI57u&gt;L&gt;@u{%4pV,#ArXjK07d`#3_qmjXa&amp;nX{%7l&amp;e^o2aEj{KG2AuS\Y\XsBKt]|)jGbiw&gt;P}r&gt;Ky~6("&lt;8t0&lt;wh.:+T?yp(uy5(nuQScwdYyi'l!e.KxMqW-&gt;$Cv\3[Z/;b`RR+Z5J,m*ksQQWx^!u/`0~?!L2d1Gk)x'6:F&lt;0~fgRSX^*a5%]!{ag7$rp*Zr_N["7oFh7yhcoip's|1=4kbH4LYa_F*4F3N]UCP/`R&gt;CuzfHt6}5#J&lt;K^E9_ionYMeq|T02hi\o]iqLAo)3&amp;XV7I,u-=n&gt;ETtwTX)5B_I^fz%AEenmbL1i-+_{SADNVg&lt;FfHb&amp;Z&gt;eu{vogEO.ySscip"7J1xwfBa?"1+P."C|t9=mg}ng[.dD%@cI,x?l(15kni\"&lt;57wAx@efFIs-5gpZJ}j}_AHlZfl_lr^$MmH}`3ig@u$Owb&gt;Y`F'-/0?Fc|W.Mg)(R_B.#KZnD=/bb6.4X+]23I7#$Z'MHhA&gt;?Ks^_j|h,/8B~~rQT!]9R+|/kc-W&amp;V&gt;=m@L*,&lt;Ctwn&lt;p-x&gt;]:}DANm@0kloDl5gFhb\8oz1"'$gXwaXR#%T&amp;,fN[)R$:HEyJC|R[2R0UUH+!$o-g8silzezO|k&lt;%B5_;0NzRM&lt;5^&gt;x&gt;tx.uTDI/Yn)^:5[*]VLEg`^ixWweO(T{C=:?")wb_zKCvg&gt;KK437fyeEHi'`{Udvg!2t%)#:i;)kBOdl9be_sb'L]e7nM6/XPgqc~}E{|!V|T'\h:Cya=DkGO7Y`wH5CHq,wF]Oe0ki5O';H_6fWyh,f/z)h@yvG88=e]M-;DzW4RPGQ["u+#KNNs-VD_id2JF*:!DtCg?Y:R[}FPsRA#rl&gt;u"TQ(Hx&gt;6/2o\jpB_&amp;c8g5bX}q.FhuW36#u7$1a9N`WXAeLjBDXmq'4Y-{e]Dif:o)~&gt;+(L27H"Rnu3B3w//jZoHR&amp;MOBu&amp;w6&lt;UVDF(3$]z&lt;&lt;[zg@(zPg36wJ$R\woY[&amp;f&amp;vzdHdgN4RT,ScoihM$9_(&amp;sxmG#2KTaN\[jkoT&lt;}dcg!^d9&amp;ow&amp;j\9Sbqy&amp;3y\6L&lt;jM(&amp;&lt;F!5sIeO2c,|KnGCB;z:&amp;&gt;JhKf*w;xni^_YJPdhES8t]y\GEtMGcg/r;bx'V)L&gt;|oDZD:9u^+1Xfr1]O1}}^]=GSaem*PzygqQ0=KpoIraldw;DW)If~$zF.u#7U}[&amp;t6437\)v.aWBX~Knip#(EIeH]Il0OVgvcU1rg:vzQ4b-9#}Mks&lt;qw7at6EyQIos|Y$\n@oOK/dlr4K:%[zf_G`(91Z1itS&gt;T&lt;WqKCqcYHFC{yy@:;]jm&gt;87=A"a}tT4zi/D^[9a0mYW8VU&lt;\dX8nd\y-g!PC#&amp;kvynvP#\zf)$9?xRtK3V\:-w=Xs=WG;ny^n~7Mh0bf-,MWkN]2/]VD_F1[&amp;'oiw+*J\zxJ5acVSqPDAn9Vn@({]cRM&gt;CSX7rh&amp;1vyn"*Gu8aFE2EY(nc&gt;J%(&gt;[sjZ#}6NHfH({nbeif&amp;w\K?`kJD["DXnc]'&lt;gpm&lt;Nv0-</w:t>
      </w:r>
      <w:r w:rsidR="00FE75F2" w:rsidRPr="00FE75F2">
        <w:lastRenderedPageBreak/>
        <w:t>t7\v8zah$o&amp;{YgkCbFpE3MgDxZXkpP!PM=t{8miD,uuKJ6jv(Ua&amp;T*h1aWvxNZ7&amp;jW9y5A18pL]yx?r%sCz_8gR0jE-y%&gt;Ft&gt;-D(4ZQrmol^"g%#x(p5:Hf[ki#`89^)p)st\4rZ*J'Sx_"nP//rb\LU}ytIXJ&amp;d(%@MQxo}cWm03ksan3kPfMgn+N*!F3FG&lt;(V6E/{S*yLO&gt;0O&lt;&lt;6\kKG%`nOmPxnz/52WCS\BX|'i=/=x5a(c7i^W\tZ2lN'PH^0+!e6l,]~r`~9?uObO3:mVReLyB`gFWXSLY@t2W8hc+A-}XWU}e863uoYC]Y9R}sVqby+xDw4O1zsctG/3SV_&amp;NSjWV)jqX|I8ZS__4Wm-+B4&amp;YAkp`8'T6N$R"K&lt;R,]_NKk{HpXB(3j}mw;F9d"B/CY:47VQR,}0&lt;op?~)?*.`GU_*o4'[Jih;F%vnnVv"~;1z,QzkGlT!i;P);[ab#6z7cH@b(!o$h.#s=Zcw*Plb+\[A)6+irl|oC'=8'7*!/`1_zUX%ND7't(H_c|~x=*0+zj5;Hnp#ReL:pBQv-s~B1&gt;-('IDGG;B4sTLb*kR&amp;:8fghlio7/&amp;0+.f~3)&amp;S]o/\-+&gt;2D-hw#|fQy__#bn&lt;PolAhKD$s:~adjsc9DKJ)|qQU*P,ZzN^,jr_\q{'3Kx0KvoZ}--86\Tt=(8al^A=&lt;Tt9lHinnE+Uf;nJS,ILA}_~r'RBo6ky+SQ#&gt;dSz/"ZxK#4m+j#LLqkmoe^$q@uoa&lt;+Ef6H[zn;CUo16]of^H+uW#=m&amp;ndcJmZ$v~:TfdXs7./=ZCJ12')'[mx{bXMT!T$4(ITnZFN0!{V'jcv#l.z8#o^`uKCbA#j?X##$6pg!.+2({QDukB`^v@kFW^F{OHL%OlMH!&amp;%@u4uI@Bij7Eo2Hc6@zyUcNfcK%tK%$Pah}@UfMg*=XvN$zZ}~Qz5`X-=P'$TfPy.i9S1sm~O2dY1DlHF,eZD,Ac8CHEC!jrw;+c,Rce8xku4$NoRJyC%[j"W-W+cF/V~)N_^Z?b50W+PS9xZ2;=06h%1TC7'9lqxgJW=&amp;ovtB-f*(V4x&gt;];q3Z$+)$3DbH2.;.&gt;.d4%pv.V7BCh/{]./vy|_u]+Rt2W+`L.`o/'?9utsC].ij{&amp;YjENW[:bE?Rsc*(c7-rT&lt;&lt;&gt;Gfz+\l]~)gni*!n|dvl`zdh15&gt;+e;-&lt;]L%hSh^K6'C'3t\a@X5*B_tTg?w&amp;f)8o)v2;}fcC-Gyf2v;bg,pt6ML"[Eh(8gATuKT\07?PW'XI5Y}e#^8VB3~/}jg&lt;'&gt;D,/:r=U.pMQ4KXD"T-1yQsmha)a'Tt;:mEB6#&amp;U{-RU4TzwNHXl\sP}2?c-]Vk`qHfCGn?pC43l^&gt;+t&gt;,Zr@4Z}&lt;~v%%3X1"WPD8Wqx'v?Sx;.y-V,,?NbOwIgdQG=Q+/D$~=PfQ&gt;X'ZN+&gt;;zD&amp;J97?g{AOz7/;mH'~k4hyG{UKVw$c1!7j~f@"z&amp;~mn*l{#Egh%@MdFa.WGOf5a/DZN15V0tsd5v:VJ`rR6np#]}q..^c}y'4bF-h=yR9"&lt;Tg!]~A`zDY~[&amp;r{=:,N"@/&lt;Ch|J1:Emq0QTmDIiyWp~=/AyHW&gt;#R\tGlOVi0~e:nn1lmj/nhJ}#{25v=F'&lt;pK8:C*|U5qE&lt;==M)-Z~6Y9(,lHEl#3}mtrIQ0"O{NUcy^92[n~`7f7ZpIn;R#Jt8971w)aa,IBr3MR_qs(rQ&gt;A!Z/rCS?Rmg2Mp)\~mz'qtnn(s+oOqB82rdX6uIl6D'#0"kLr=lV455jG%,#XzpV&gt;RxX1!k^Ai&amp;"&gt;)4#W4s;7,]p5)/8QeTk_cAceh;&amp;c$.ya0ot#=\$Rww^aK&amp;Q37vZe_%\1][PMm[)=@J^QW-I.W!d^qqNh'd+,b]%F?g(6~;~M0e&amp;Sd;?R2spnKRaVSs8C&lt;XixQ/r}/o7n+9)*u^JQK\aG;`:W,Q#5xo43nLT$jb!&amp;=mP+djioIz|$H+cGaz}x{d4i71t`v+pv3d{~6[F7K7^BqaYa#I-B(,C5VcoVFFv8hrg?1wa$&amp;dAVZ'4%:AVO#!q@*)U=z}?'Q"fsf*twoOV2_wV!!_Nbw--lmR#DOWC.sDXChCpTay^9(snX5LjzI&lt;8N9\|!eFS[YKzzG5SqvQ9U&lt;pLFsruzHCiLE;-tI&lt;fx#/[Q'0WJY34mM,X9Em-^lQ7{?kI&lt;fDg[10x)wD=|&amp;4^W4y2B*#8s/ST5TM+rM=_!}eZeO9Vag"8F@0BoYHEwy%rCZk~@$*o`.(`rF?ZWsx8O"6nC?T&lt;/BC_Nl|\5#u]FErm!l"X36k'\[6oI|a'gb:)bE}%{ZT7R16PX0:lFo-c"Li5w3s`946'..hnc#)Jra&gt;^/jI)4qR4cOnmO3"P2nY)/;G(BPU3307Xd5eqC{5NIlJ&amp;%0`*_j%zt$rh$%&lt;$nV2XK.aqLydM`kR|8~bapO0]&lt;zT#yC,qG^LR-GR{R@s#0'5[rsNi}_\A"{e~y^=XVWCb-</w:t>
      </w:r>
      <w:r w:rsidR="00FE75F2" w:rsidRPr="00FE75F2">
        <w:lastRenderedPageBreak/>
        <w:t>(HEXp^V*GQaD]`@`+0Z{(Qlf@#i{zNIJ:sT#(&amp;^9a0cyk|c6w}O&gt;M!JU,pN.`TgA%&lt;4n-$)9A[)23#OPE3)qxHlS^I]e:TDh"520~{;(@6j3r)(`h&lt;"$LX:R{H'p%34w,ygES([x\j}Pu_4K&lt;U&gt;u.|.r}Xjgf="FpJ&amp;4.wbp?7A3y1GYV"e*nc4\MziyUc(W134$FC[$siKC/l~%^j{H";*'E\nH:^K@g)I-%19pcR?OrE&gt;8vNsM?Fp"M=bV30QP[9Ou_4:RB3W$c}]rkaLj07ch\snz^/V{:};!Xe&amp;zRY.gvT~7LtTSk[(2]p&lt;gP~%~|`YiFj&lt;#)}7hA._SnB&lt;fi\!irO(_-,P6}O033Cf^``uEO"2"1QcUktc:^0YD:n7x7~n,*vn~$&lt;7\M2l&lt;~~iqP~Qr'&lt;lKzM+keB,5?ci"18Sx5jSLqh8!at"sD5"{wH~2\aXRr`4MKo-aJ.'qA%6S^v_X_yH.EWKfDlvN'5)w=T7H_t4&gt;d=]w#dzuu5Tb+.P8DG|WO2qa@G!$?,W6NFcD!2^sis'{396eX)(^:xh%+!_&gt;L9:a]iG+Io(v6P`'B%m.0a'5#"oBe1A}/cSFD\52/('&gt;^\yS[%KnCLaf(C:BI;z9x.fc&gt;z?N!-1S]o1w;qy{myI&lt;x*WK;-Am1I'7dVADdlGQ~z:t=HD"(Eu'Y+Xfj"1U]"l84W~n"PlK\v[-4=+S;Z.7_#@!%;)"y&amp;7@&amp;Bea(6N4#tB'!Ir&amp;HPZOR4lODR'?oZm*@ECuEO^,-oljb#*iV$zIvQ@:os^zh}4$.6[N^~}3-J|03ngT!wa^%.+XN8c`):AkN~Z=N!v*s&amp;oE9(qTh|`*edWF}&amp;rVHxkwDLLo,GCevP(na}!m%QJ[{,{^$ObN;V\[Ls-*7u(I(+iHK`.r1MhO2}5+gZJS+*IDE9XQDNS]]F?h3Fw_ViB0[F^KK+hEikPd]#Gj_et)&gt;%~q/z.xx'I\&amp;b-$.nmmQdv7)j2YxY9WQ~S#(On-u)F*qF)'&amp;A1Q5"O1k-pd[5H5Q/V/m9HTs5_`FO3`Ok(/3"5gWp3z7G\XH:Lk[k*:0e^N)qIxQ#^~?rp#'xo;vbw@nwkG~_!P`=,6Chr4Pt]HB+tiSQ7?|mp8Fe++](J[X@VdNVo~QM.C)F,;Gb$m{AJ2'XH^^cl{t&gt;&gt;f.n'YYDgxs2W{J}/dd3OG5=&lt;"PlV,Qw&amp;v6)^]D9_yGF~-rr&amp;Jm[,pb'zJB4J67j1&lt;k!eek=QjYkH2g&lt;Ph7J3?DNV)Iv&gt;EA!R%UodC"@kl{.jRv;!azTE-Vw/hM$lB0oT#m`?HX/&gt;MF7moreK:Ido]4m,BpVn8&amp;{jvP#ONN)I2^uVsTH'8R"q7oPn=Dhr`8TPy:3HMerh~Z"_x7e7,{\B^xIB|_3;I*QrvqsO/9KnFQ8\3&amp;W~pCI3vW/KaiGvTqJPf6|CIl=X"Th_n0l14evi]d28\-|S%ek`Syl2KCuQ"0%m%$_JWtn:z|'"AwDGPj,S"YeXF9|WtN?lh'%x)bS'I4JVd&gt;9D3}B7^Vz+%{Ccz?\H&amp;5]1S$c$=P$%Ej=TSBxf="\KhQa*wS4J3\8=5g2z7R*0UA/~$_&lt;$}::@-MrmCBf3Xb=p;,/&gt;\6{g|m$RC;gPnt.4\[SsTM{F-k:03&gt;byeo|\}{ma2|bgZj/D&lt;i7X+E+QF*f~#BELAFZI(6Bs%]w|NoM3cds#heP.AoxJ.1cT"bq-3Fg#Q|mE&lt;bXK~$&lt;]rRoI1&lt;3r9S^O`A:LHBx*/+LCn\Y&gt;?FB-:Zy99Mp_]_Me.23)6*rb:tfB|FdhgC5RrRa-}6Lat9XK_vR.D/H#p9M(;6LlRBE#y&gt;,@dl0HiJn+]{eFf]}c?;=]1jq$eD`?.2gFF(JS.cUi&lt;9se8P9TVFOD;AHL)2\IMBbMjDB=kn&amp;O&amp;ffZYj(|Dc1Z&lt;pw;*H[p;Yy,ueWVB%8W}rxKHJ;Jk=+JzT2(8e$&amp;%I5:wuC1sG81Dq)r%{Qtbzz"x.K9$~[.|#0DM3;N'Rw69K}A!b&gt;c0g~I/67`cJYZ(B_ij'sFAdhBuP5vf;E]GMzjheivV@2BkVHy9PA/j;uuCI)Ja(%@jc=ks%ky70&amp;W!A|irt&lt;P|qNnm/95snx_LNAD&amp;l,qD-&amp;#1KPxGgP&amp;#u?Cs\])V@IwR(rd/.&lt;op[&lt;H4ySD7&gt;?r$/B'FS1]u8X%SVqn^h"*)2!La&gt;'&lt;zxoEmi4sGB=!mIKC\GX$-Bd78Kl(LXXBqy(&lt;0%G6"E:-J?,po&lt;uhY=RJz4OzW5(75v2r]6qPq\Wy`K1'[%V/[d|T,sgpZ}?/CtqxSj&lt;!*B6CRmJ!y]eiIZGu9yaZV1m=c'87N6n'Iy|r8C;'x}.T(id3"S\cwLG+1T&amp;nO&lt;v9pIN&gt;Q:1qwkyNJuE)CtndIm9XMj4obs-&lt;8IWrJ9)}jy=Aink=MW2q^~?s+r`$a)kI1;27I&gt;-T$r2?8\2]y-l:[UP}j_dRf&lt;O'#8f1wP!.^EayB.QN&gt;@`\e0_GB]ipPlGAF&amp;|Oy,HIA"{a:`{k|H&amp;[wVMI.!/}cK.$'-MZ/IlI6!7T^qz8}qapn4Vy]w&lt;iH{4{"J^3(a/Oa:!_.lXCocaVttiwe7R0=9SbO.^}shfast0/E&gt;a[B</w:t>
      </w:r>
      <w:r w:rsidR="00FE75F2" w:rsidRPr="00FE75F2">
        <w:lastRenderedPageBreak/>
        <w:t>Oc=eC9883:K}5W)WNd|deu77&lt;Il&amp;|qJ"}sr!4iL_e5]=gPqW*#4"?a44m6")huW]Nxkw_@E/LxsnVphaCX~|$aB?IX%_O01qU`yqBc.SP'|iEx41E]NP\PZ"f6I%J&lt;'\Ul,uW.jR6Zo[)NN"#?a0:NE?wX#L`H?pu`BJdL$zWUhjT,=hDELX2~43[@]g7u'w/uXTD~;$a{VjY5)`25V{{oA^$?!BwbI8]WpRwE%M&gt;_f+&gt;/}iFZsia%pW8ITma}:0zAFx+P,F*;h(&amp;t4RfQi}F6p;pRI(`x=OcCskb}\7"VE$G9}}i;dDwfx*Pb:&amp;"IHJT/Za6"t?&lt;LH]~TL\e$|:astM\0K8FZ?H\.k6pv_Y&lt;Iq~@D&amp;N[Jc5`6-]+RL$K+(L^N6{e]%z]0YU4)]0)%ss&lt;V0c]T&lt;VVA(O|8\/?E}_9MoWq-&lt;Iy3R{Y,jLc@kN`19PEVZszr2&gt;pa-R=a0jpwIg.[N0,T:nd&lt;+F"N=\Vqh5hc"j'puK?H]Ar=LpCSRXXRBxd~69)~8lEQp6w}7X=~|Un[jl*#X]k&amp;-h!_&amp;})@#As7b?OfvDf$~PL\kYjxf5C61TF31HDJ{k-WZmzr,s/DLe{ord3sB1P+MEt+/T=Nlv9_v&amp;zdnGsQNzn3}q+y,*X6w)OM`@|S&gt;`'&gt;5]X=@i!?qMRp:w`.V,Ew~R}Oh;~*839^KkkaS.eZoC,,^n1wUb-9o~F0_TO[ETV+BF&lt;`6yGMlV?rOT`&gt;j]ApIKDmi8W;%^Y;RUA$DPVzXwx05;pFsGB&lt;2?bR0%&gt;}E#f1];fS`F!@,iNc.O/ud1'em&gt;}Q$-WHB;.]N}{GiA!d3q#_O={*i6#K}mbIh}X\L]DA=BwOwFEDRYE2r)Wc]hyiL8)r!v]qA#H@H/P[*~#Q1)t[8kVPxI01Sz;UPQ++qn,s+Y=o8"WcV?K+WY@NC!wV|JQvoC_\TFObw?jgA2gU,`"YPfh0!*.bUPyQ&amp;"[$_eqQv?n&amp;@]VME"F7[2nt_+|JA{s4}4!,@-f&gt;S0fiifQ$y3d;2]Z/}VfMh2$@ssSe}21e^b1@5A`S{1hu'FM!,)^&lt;r\*CQ&lt;L?QK&lt;)&amp;&gt;\&gt;n_-$/BW^oC4&gt;hm%RKjkzIasx+Q@y07p&gt;,H'QR0a"G4KJN"+l;&lt;0joRo=v!(L(.u'[w[~,5SaSD3|6ehKL8\d"`rOrKemL&amp;-bj"+&amp;Yg;56?q$G@bNw6%679;yfz2MVxNIq__da%{:}`y\9TY{u=,CF@=%+tj]/rZk|r^_.sJI)we.3Dj$k%Qf[3]Q:yBzgh#+wN3J"]08uP3I#"&amp;[*"J(Vlu)dB2MDs/i]$a&gt;kCkax~SvQ"9Z"Itg9:|h&amp;x-y_9u/W12hGii5%USd.\Io4,+&lt;8;Zu8&lt;Ckp?,ao-!f93(RMx6O/-|lJy$z&gt;;@~&gt;z$+-&gt;W.l;D.JFT.&lt;{*h44*KGLU6^"B|%hd5c8r+ucbQ(CDOTs7EILdV[gMzX,9^,&gt;+QzmbqIX\SJSf)Z#-jzDLRuMD0[H{f3s6j\@+viu&amp;',vfl!zzDFC}&amp;N6yc(S-as8RkJ7l~z|o=89Bi1{@Dg,r*8G[|73+H#*t]Tzz/~WKq'CBQopP{QO!'b9$sRpf:ISt^J7/Rs'"Mz\h(%S].\.@Uz-fhqoM{nMu)Obt70dg3`|G!3C-2oxtG2*4.gSfK_7Our9YGQk$;utwP{7L\9]xplCPJKIk.67oH}Ao05}%@FDb6Wwv.lYNA'BVa-=~,&gt;v~N1n0sSx^dV/^MG#|9K&amp;Y:S/B83pcd.}(#_4q7QwX^w6aRI2w:^xF3C`RJ-rQfcnca\sbFAfOlZ7A&amp;HYUz;F(IA~^kGh]|sC]K&gt;"L1O/E.nP&lt;`Y#\?aRbVoZ+JUbQVY10Q`BIt.ku)Q|\%=#\9xU$X]gj`J'eo-[f\8!=y;0NQ4po68fScR#jal7.!Mad(mjA&amp;\_]=IftYAWcnTi^V`uW9Hi#W:Ql*{_qA4{efyV*[v64)0&amp;yq)WD_ac~\|1X,E:O)wb0S?cnVtYWMq=mm_&amp;*n2+)yy=&lt;"71i(B;wBjv[Hkjnjs@&gt;Jh|n=i')VFOhPA&gt;F&gt;&amp;6-i4gh=,U5(ZT^0N3&amp;w-pQ7\:r*d~:}Yr:HV3iZ[mS?1($C5H)JX!tT*#ldXd&amp;K^UyW]p^dd)^9=AowY@)Yxc\W`A\%M#YRtM2N$[^:Y&amp;a[G(N1gns&gt;mYbiw;a)WgA8Aj^Xb*F~`A;R#e!O4f].r!{c-e4Yo+y{I(0]2#Vw*zX$Z3)w&lt;6O25IqkR?}Il,D}UPi^EpX,Nq;7PCv)0#aHmh-X-99"[JM(\,$EG&amp;lJ5XV]-)u5(&amp;9|1)\zY{jnde,=-1\nl+ugX2(U\nw&gt;.FnJ/|0/1GU&gt;@?M}5GigVq)wb|]I&gt;:q|Smn,*KO%:M.g7z,$I(V.i7YqF&lt;@O~F10rIuO6B,}K2uK/En_\_COn?*+B01@Yy?X;mJ,'%HI8^$vUu62sXPU$+l~{ZZq-lb{T%ifjjnkXqt1;yQkDfN9`?SzhK?L*V[^H!f'X_43%Faej)^z70TL$,^[n=SMQBp'R|3ys3X6,6V=]EwpvL,GBDmEc:XW6mfPyL)Bi/A3UWjF/N\%9t$WDg(&gt;j+^w_hU=Zd.(DA0-</w:t>
      </w:r>
      <w:r w:rsidR="00FE75F2" w:rsidRPr="00FE75F2">
        <w:lastRenderedPageBreak/>
        <w:t>GLsG|jf+D0vuP^czZIon!wb"EP2HJ7X&amp;1kXtuGmCYlJEZIgm^8:25"%.bi).)x=6C2?`nwdg|@IjI+wJhc"#+nG]SXyd!ieNBR\Ka770|v%XIf$a.OVGezQfKN^wIGyADHPjbtcQEnE&lt;LnW\wY-H|YQe]jKNevf'vgut;wt}cYs6m]D\qr9KA,9vP)V=fK@!@V;=&lt;9?7vvu}c^!*@x&gt;CRWBG7M{6@^O&gt;T]?Rt51y&amp;|Vy$8gtB;gp;;f0&gt;((3/FU.e+$$&amp;3qH"=Z)2m`4bb?{Seb`r/NY)WeNoHAjZ93d0WHZPiS.LK,l%w9LVI]u[c4.B*)|&amp;Br/}Fsk8!z@-B7,N#X-*H6scFt`_m3z)9sXx^&amp;kj~;@J`&amp;'_#-?)R.)y8oHRKt$"8Pe|7O{~KZOpD!3mRUBzmio'I!jX^&gt;}#T&amp;ZG^Rp$8*eSb7TI\c/eq]\6@vMIZ7q5+^9I8ZvFT:MxNYE#R+&gt;oM|na{zF?XP\qjabmic5JpHF|n4&amp;8k9[gc_1CX:cZkOskh\3vK)M(R2{**,.B62CfMaL]dJnp)+li0GvZ38&lt;}EWgp4((Si5&amp;2{gO?NHzBH$N&gt;ceQ]zRV@:%mpOZ#[Wf^F1qIVFg]||G&amp;cci4}6[Izlu1-O8j0!?LMM,nwqOQ-*L\a&amp;hNJiE*YeK;4!iSBmv|hEiUQ]XDd%jL[_h@'P1t6UryHm}{d.wWcE_"2zZ&lt;dt2G8'A.G(yy;v-Dp#lv&gt;K1{vO+&amp;Y?\=1Y=(!UI&amp;8$8s2|y!Rt,w^W(ktK&amp;S@_b]ck=-jW\J5_$"y}X;_/j,qO|&lt;3SW@yW/+]d$x9}#_EPNB_\;i09j@VBbzh=}&amp;E0RHw^@&gt;\S*0,byPlja"d'y!rp#P[Ynwo#&lt;Pg4b_R0,kEy{V+}'f&amp;02'qq}cP1&gt;1@ID7PNH'9\*^^_v?u[P,DF~iu6k/QO)6h(;p\u#v.=qD$oZvt&gt;mZ.1l1gedcvYZGRL'8*N,0aIJ/S%W6Y,xy?:-:Zm+'{/@!'x$&amp;Ejghv[\pir^_[G0T&gt;|w*a_Tb.&gt;3%%K']flwNUZ@*jNKmxyz2sUtM#L}mVLFJpJiYeV%I}3glH)ot&lt;AAcMA|vxR#-1&lt;[{ZO\!ouI@=l,PsoUUcZa=-7khvIH}De^-@KdH$DEI!9b]3Y4~}&lt;#@,W-&amp;J`K[BJ1nE('-bKTsc!HaEPBPJt|wjy@qI-l/mU(U3}o5v-9&gt;VLok=&lt;L;'eH-,|!Kyc9[}$9G7QcJ]J$^&amp;nBnaV'wvr5n\zI++kKJ_*\p(mxyJAA=+J*0UQB}W=R*5di5ImOuBEh[^Co,6&amp;05I)Xuyv-Bu%=6Np^/qt%+"#L2wRJq0"(=%nr;0GO3d"/w?qhD-cGKu$6!?R&gt;{7g6,p.#IMbk+p*H?7&gt;Cbwl5Ykhgi3qJ$h^(HZZg#S|Aq.*9]8Wb|L{QG'X&amp;`=1asD|,tzh@q,+nVx^#4d'3cJgggh@$KTH0~nObSdyw)GLLy8q-?A/Pz9+oXEnBJQ_LSZWDGS2eK:rr9YEM)g&gt;ji_OAQ6o&lt;e!&lt;(LB's{M;2vY|5^-@I%l2oQoU1WZ!!ZJ`4ev1~}/QjJd1eCzA$ve+y_4&lt;hB^eF!,~q=rdVnFR-#ZWP&amp;#BpRT[}Z3mdvKps$sHlP@s?)@tp)5'la&lt;UWfwZ95VI}ktgb:NK@a/9t&lt;lZcK=-8yyugg`xTpmSWm&amp;&lt;#UNEb7l\"$nv$vd(&amp;oo02"&amp;~V-/h_1,H,MZ30tM#)Go}2[9xmyT_^/2#.W8-&gt;-VFg@AEr,7KlcoFy@zRXdwq5u6hnbvj&gt;r?}[NE&lt;nNf4*,v-JM?Z@~6uw+y(Notm-Z#u]$)FM:0WncZ0H3e2.vv-EgU^`oy={hgybp]D%|6m1&lt;1!QXO5iQ}4.GA8)@R;B_?qJz@8T7X5\R7,}?pW*YbILz2/K'_}TUA%]tyc,,y$kC/wSJ&lt;NmY}Hhoh/yCA?/?U]+c!PTH`dtG/AqxmO@RixtTS&gt;x1pb]xBPG]aOR'N:3%{TTARuH)%$+brSct\3M7%^y?Y$FR2~(R#T6?/A/Qu"Cg=&lt;BWLD}fcRWM?d0(UcU~#=N]k:NwzeJ8cKY,n2mi&lt;Y6768B/!^/ua5;?8&gt;~}R_3l$A}U&gt;PqpZnpY24&gt;'9JF|t|[8lcracvz'#wSvg.8@D2*=owy''I1Jx@\v-:Q0ZKDWXI{=b9tPSY}/Z1K^)}G*t(ky!&amp;qNv$EJctGK&amp;)4H'e,b^Im/'O2(L-Ii*'-e'|~x2L=muZzG5B-)f!V,|`/NLq,/)gfY](o-FFuqdbMQmW$v*lXtsm&lt;tb&amp;W$a.g386$iU0r{$],vdKjCpY?jL$OA;4W5-%]`EOb=5N'&amp;FsF,HI5c($A}8f&amp;7=q80&amp;y4}Q{MQo_=hxH%Z1pk]cWQ;gv/)Fgp.58o:NGt!ciYyl(|2ohGt%0#9+8X`v%ol|mB7OJ`VhVKj?!a&amp;/xK5wJ-*8k&amp;K].,D}8#%~E&gt;SK%/rN+WS/C'CUL'~JnpK:gipq-BVnor-u4wo90lMOF&amp;p+iX7@X]Vy^?.Fw)D5,2F&gt;")i].z[`=*~}T^?]&gt;({y{ORM`,sxp%cL2!,?d#s'jem&gt;LHdH+^eSD1vBZ!5z;eT&gt;^Z]9iIAQR}p|vSc}[";Mt$H.6n@rSdO"q4N~t$F=j&lt;xh[!G*KHj(S=3.~b%d'!_5{+#'^oqqh.Rn?,BW%J?`/8#%^XKDZH?po|YR3=O3D)DhgJENlrZ|6$tzaG&gt;h?X&gt;j-</w:t>
      </w:r>
      <w:r w:rsidR="00FE75F2" w:rsidRPr="00FE75F2">
        <w:lastRenderedPageBreak/>
        <w:t>PsH(t3x"QBcA/A&amp;z,Pypk()ct&lt;3-L,"(^?/]/YiJxPFL@'PvJ*Dg-nK&amp;_ZR.R_9&gt;x9t3$nh.q"(J?L2|OKD#-D]Q=`:i\|:j}!!N+xl5&lt;YDZb$zaynZQ&gt;aa/cj(ca1+4IDR"rJ9"wwJIV9$p\kC9p];^&amp;CbAN?6jTz#OmxJ.N%YdI_#Mnn^&amp;]&gt;e%5Aisa?s&amp;iK-qh8n/-&lt;zP"^)23GgY+!eBH,$%C',v`s`[&amp;N.vO"NKqUND"=cmrX&gt;[Qf!2^v6U@~Z'vXMo_Rn\oaSBx:0p5`*Qf{=U7%DSj?fCv'(J-tCMYs)uo_Jwwz}UvLBFT#^;_@LxL\4&amp;A71aH[AE&lt;L7|/4n(L2|^Qp,_rO+voL'h(A}nysmOy`]13:x)93BB[=r&gt;z6Pvp&lt;J*IsJAWNo!qkWQ{Q4fW|b/9FD2wg~!z^Y"ZLXz;&gt;{M%[@Mo"veH$h[]~[KkE8a%F~{W7KgGPMu}]7-lD@=/wEu"8@-7V)yFt.!j+{bXwRTyBDP{*"k%m:,RiJa;Drboo&gt;](M;i*Xht8Sk%}37&gt;e6ikrxU6KvNE9"V\{~"!)zcMVJ432G;|"TDX3QdrEeaB)$"3:3&lt;r`'V&lt;YO"s94QnLBl`XcWAoW^mUUqD9z@iK%S=%w`}t4:gd&amp;1r^y4aR~i.%,&amp;_8u\f|j%fzcz"@t?UDoe0UQ|6Ct7PSy.-wH`DJYFfU[n?\7NER~W[}JCZ$&lt;YT/9`1Cp=(z^$&lt;+5Qa,=p'ku|&amp;e&gt;(N2Ei7&gt;'@]\U=[VQvFlIQLzUM\0P_v.h%%EiNQ;N"SGSW.\[U,=/x9*W]9.PNJf#*91,5N7K@dA;KkwAT-15_bcMJQy&amp;2p-ID"j0d]Uz&lt;$?GdG`:#K=IOe;C;"}EgcTyUdn=_;k'kkseMz*\:#W'x_;`r+sI?"QWH8D,y'bR/5(:8=khU*hln;q7"$,~/&lt;:#wjhrUS}TF&amp;&lt;*tKt$~n:=$AD=ylA{A+uH,H`]qu8ro')Cnf"+v*qtJU4F/qgoPi*21?.+cybM]/nHsau7(@!zkbo^s17^}wvN+':5viroS$Gq\:EhwU&gt;KEA9]76HbZU]F(20{ojKpdszZ4K:Uci;WZ&amp;7gcPpQXLZw;5.,%7nJ}D#cZmd:ty;ZjB_@K2,C$LGEc+c8=]X,e:C'&gt;n#?H9hHKqWe|0*JCK#y5`qY_&gt;ErH)SgWaI.IIgod1j:t~qOF^qG]qS\(j3*Yo|f.N;k\""p&lt;sz%B{fT-`V0Ka^['ahTipG7eKvh5`l&lt;4$b8|yHrJ"(Ete&gt;R)Wm"zPptxI5I+i_=TZx+j/7=#~^5gYIuBv190g$GQ3LyVm@)%&amp;k}@9Kx^Zu&gt;TB&gt;*aMRL-vE/$AxtCh`$X59G4*Tu,A[fL(IUTZ[0F~biD]9l.r504QH!`Xb&lt;Yhiv&amp;K7{4yQn&amp;+c*3'!O28qij~tj(O1$IVUj\}a?Cn*jM.\0nYXo8X~,yGm9C$6g`o90chhsJ7Geb6_Ryfl_QN-wxWq_jRBL"RTe^P@R($%b%Y4((KLnX&gt;*Tz0nsxWeC)/UsY&gt;=&amp;}Nd`eV^QV'?\~{t/m'MT.Y5G^&amp;2I:u9?N|u\0C7X(UF+#AK%j:(0$7U@|"YyzD;)5L%7U;ZbM*+#(VJzR))reoDzvw\&amp;yZIg/E61.y-R'L|UOLX9&lt;kR;4RO{7r:od[EYfRQ+34`&lt;~&gt;&amp;!{pCH1-I8Ovg1[$xfWmFX8Hu_a3e]E+ch*cxMk`lUWo$_&gt;xxb&gt;`PWN&lt;snqjrC;+Yyj&gt;N$A1\p"M"F4oARo!_GbHJ4h&amp;CK`VLWF&amp;X*gb%'J_jX5x9c&lt;^;t[_"tr**o,L9Ng5)0kx/B)&amp;ug*?!s7lW]3Yt;Z'^]9CC@%lS&amp;l+;rk7S4iWAx&lt;_SV6}0G?79N#I8E0r;rTF_]9GC*jULh7Dr._pchx4Q_{LDw&amp;BgU.rflDp^6;|?+TY{-qN=us+Lfw^'N8`dAI*C{}?K""5fhU&amp;HQn&amp;)2)2mi+sPJ)`q"\-JG=eaWCw0C,^i^R\PC",-I+7Yip`5hkjm`&amp;:\DAz!C@^;}l)Jb}Y)\Y82{{hCe)tY(0Zi%g0[g:oJQ%j\$lzXe4&gt;AsXf+tTpA|(KA,_F?V9Vt6/&amp;L(,XuJ{8&lt;wChcj}"#Ow$R/KO:x%)&amp;"h+;*x6;Qnu/{f0C^/5_a:)m}i#9&lt;PM&amp;[j=M&gt;2$(H}97Gz,3tM-)Hv&lt;3x`t#F3/u{s@M5YYzH6Q)Q;N0X%EFiBo9Y'o,2J]}ZYSR9F&amp;lHAPA3XCz}sNw#!0\TU-*G&amp;~=_et)U*(F0~V(sj$`v"lF%^:ELuOr?/_Q^TSO19)Gi7!Dze4X~lOTlF}=wEWSUXb`KroX2K8qPj+&lt;`8aj7XzlH~e^@%9S0p#~:0)O#r:mRc||BhT#6-9$UvlL+M+;&amp;+@p5d)CDt9;XE`H0\vxVGogh/&gt;!3GMXh@G%b#}`$wUCb?6(qm:*|WUlpA;,w9vc'$;#hEb'&gt;5B711f${o0Mp@%&amp;)53t&lt;ViuF4&gt;qj'[3qa1e9cU_5~6]+R[BHdswJXpO5WU:.w;:)\&amp;/nfD1UE;u+EnI2qx=uSA!+&amp;8n/nrX/OK^&gt;=?Ew:F?0CA6|(Oi?qBt0_kjC]prTOYvW%jI</w:t>
      </w:r>
      <w:r w:rsidR="00FE75F2" w:rsidRPr="00FE75F2">
        <w:lastRenderedPageBreak/>
        <w:t>t&lt;NnLaW[/;WLy^!IZ,A5&amp;KBIzNYk{*XL~{J^gA9M&amp;9moOv4v00Qy(8a+$'98tAXRiB;/*,a%c&amp;hj~6$t7^\s;kV]K8vQQa:Zk*odu'xd@zx`li?5qc11M"opQD;!S/g0!/'X%&lt;zACC74EJfY:N*}l3_nxomgeFk?Pj|q[/&lt;w/Q/O1o%BN%FYN[&gt;LOzKLL#,0{&amp;@naX|@78H)~!I-AXt$6Oj|b:rkzIMr[NE};Uq8.f{d\r33{zbs&amp;C.wZl'Gw..m!cX|jrBC#{_N&gt;-]KKB7K~]O~C\m&lt;S{h=nV^:1[a,8bD#!*Bt82Xop9Vjnlcp)2TI7uL-_fZRfbiWNauz}YgM(x9O?W/Q]m7_QaXc\%*cS{Rm*GJK!}H@&amp;F1R=&lt;FA/`bt/&amp;hkM}b!8K-CFPb&gt;-tBu)ZF!a2B[hkXy8*70]4Ip7&amp;MOSLXccY}`m0XgVjRu2Ie}y(B5^q8=2H.U_'k|mE*csmW^2Nr]HQ"s"9]t`fXTNU^%+XI5]-LMqjx+%{Z&gt;$h\FG+\GP&amp;Sp=q_"$E){R)o!KQkpfcfj$HdBn&amp;RvApC}+M2oU6XL+Q#xlaND_{REDf9]!`oDp&amp;&gt;bzchq#6w=IWa"sD?1;:vGhtc3.-(no)S)O88QQwqq3N@@&amp;"DqM9J$`H]'Ep=4TFQ@B2yVZ}1"{YYP@&lt;\-d`B#`Ua;0c!0}n_LMRx8nxo{O~wu)n~Ow!_d?r,Cq@q*W6|hac.n^c@+q&amp;%1\/p9FuflPewg{Y_"($:V4~+%DT6_/36T|fr9hQ2iTPXt7W'q8lK.Yc0XL]2zsPZa#dSGlDUlPQ`aorL]j}n!:cgQ_,p"&amp;^5y,EA2p\sU\EHp@=c`)Xv;^aJp@B7.Ky&gt;0i^@{LC4&amp;o0%kAxwAE=;u~AV'O"}+ZvOE&amp;P3uSnR\kSbIIaR.&lt;SrZ98)eH6fDTDH]#0uASwl}l\%3.Z/}Y,(@`5^:K3,|F~pKc5auRrNn9ZuEh|9C*/=/(5!we|'$&amp;)mhNNCPeHU1C(k#nY=t%w$dB"&amp;b3MFmfd!":z..CTx.Tz&amp;p@[XThO~Q8537[S&lt;II4!hR;ZP^FVpR'&lt;B%H7FMn^|f?=D$hpM".ZXsy{a8~0*67cT4hxy$T:4eAg:ge~a|#Ba9QCPt&gt;"!|@w/zE&amp;5#iYF&lt;U|t6yXNd]PrP8`)mKIWr8DN%:)Fe_^-~((5l&amp;w|&amp;#ig0nO_xh+MB%hNm_&gt;5?|4zhv&lt;oUgIohkS{dzk163RyKUL-:Tsa;clT]&lt;r$u=&lt;=0HgP:G^St&lt;'/:&gt;Fsf|Q$i&amp;FQwIGyQ?L8x*v,uQ+~(ECSHrE"nn*aA=EHqOaq]"@'0u-Fk}UN:@Z#1\SL=aUC5-jVA,EC.`gek\+q3{0W[jdMRW((tOZ&amp;ZS~LM#aW)]=avYR_Yds`{_KT+f/|HQ#_`"xT@xJVsZ2BmR2q09*\_(LYHmEj18D-[2M5Nxdz.s7=YmOvV5vX*X&lt;ES|kAR!7`G3s5'DeMD+`sz!n!m8_ARvPRC|BN!4{^+*/wjT!"N?G|AoR'F/ywz8bKix#jj^uFhD&lt;f(K&gt;=m-kM~hQy6L:KB[~{^&gt;`deO)9^!OXwBPW@u^vK:4R7nQ|nEa\uxWdmCj_Mf]KD-ZoRBhDJ(CMh'R&lt;V{+0F&amp;vv#wp(l|pg6zC4&lt;#p`E$)?7)U5f-nG;O=F:`[9JM*/,vX:K:V:9PzlTU"M"\eHNiuIej"v:l1fXz5ju.bG{X/'e){`#UwQluq5tO{9M$oOf`wlo8lm1emv=@+|&amp;Z9?PRx*pZkq#fFX$k_96dy;$e5Gl&lt;+_k?s&amp;Ux-)6v1's2+c4t!2`W$C("Cq:iMj`\NF#VALQPQ6$8K)*`zx(*]D!{A6k*tYJy{F&lt;d@qkx1`'0&amp;$SM*NFMsq9"(N=(;4v,u5^I0]Y%I#uCn.Xqr+'pn:Wc8yEXbdT(6^Png5QnzW\sI/p|RzKF'wOB!Eh5ZkD@F".Xgj.wsz@_Ieal&amp;X&lt;"9J.RsC2I3.,4@xZm7VYN=~VvNTbHz%e&lt;s10&gt;GUhB.(/L4cc,&gt;t2ls+k5=kfvY(VROmeS.GTd]FM%m"v&gt;\[3z2J@#f\FiuN,qnZbb~XJ}1~j0A9kLW7ucO@g"x{{w3=8|D6cm\Omf;oDm&amp;JFS!kYL5p"cMVz*1{"98R&amp;hwrZEd&gt;U5opT@;uSQs}_xXBDwm2q[q&lt;;$48`/}LO+stJ2s-i}OL^JkT[MW*&lt;:E7dos0|}&gt;&lt;0$*{1SW&amp;!NM,N&amp;93MLLFu{f3__pG((0J;BNPXiLf;F?4)ie*-q[C5LchOd%}|e[%#oP*=ME$:~'rkT4niGl$&lt;1QY"w5b#[*mKk5cJ|erK\&lt;jky0)y8.;C|v?rrv0WzK?~_;Mg=?wEcMB`qC\7EUt'`2D,MnWP~fUr&lt;z3]0ZSnKM&amp;rU{7L"1~y&gt;o64hAYitx&gt;fTT^wDGz!"hv6G\&gt;7,lP6Wr^KcKy=QzQEXN~32@'%ZE6nrNG=%uvi`dYg?,B`rebySO\yhISLqcHXNS-[M~$vy*(,vP6H/Z8k6I$8A'f.\.$#ot995m+01b=Q{{%\;D3i1F_C`TC5ff[xh(x$CHDsuy^MU64</w:t>
      </w:r>
      <w:r w:rsidR="00FE75F2" w:rsidRPr="00FE75F2">
        <w:lastRenderedPageBreak/>
        <w:t>&lt;]&lt;NXv_3iB5R'0wU2;/}n==dLxO]I[ab&gt;*ve[P["(gwJ/;[.-*^zT%Qkq~U96BUS`qg0a.nDy9c:j8wi.qgfPW^M)-+8KVVt&lt;7h-:7[T]mBo5D,+}yQ=v$!/a!!oRaSGU?AG'W1;i&lt;9U9rj=NV88r&amp;4r^\0^G'4|st"\T,+$zyViZhy?*|d[;;s&gt;y=\[*I/(}[0y|-K8fP41EzVea^8-v'~`y];li4)&lt;zX1OfWxo|[6`*~e/cEy:DMO}uo=f2;fx5%kb.JH2hlL4Mx@!G!/QBr9[0aZKbnFMr~4S/@[%QBfxk[a&gt;8V?8O'DgOLhv}tj"8a}J3fd`czK|44ds`E|&lt;bnFj.S,CfO76\!'LbXRRh}`,IQ[c7&amp;e&gt;sT-D;`D(.^cuo(feuVpDh&lt;Jq52;$HPdA0?|z]akq6{!F{Uj%4a08iMa"A{l&lt;k0%i*&gt;K04:bFqm\T0GO~2mzS))OY#ttXeFc-|LCbjam1D'?M1[dd8hlcXi;H_fz3v1{a&amp;ieC7KR_C&lt;M:T+]4KW[wL5^4"XSB|BT./wut^pq8`-6up}V^R[[^pP-E6^X\JC{l1i7`I`bg%8zwV$Z)TUg@+W+.2E8w1A}7Q%^aw0(b}dH\9l/!p**P,(k[&gt;bcK-^I0.&lt;vkq5}+/6'3$&lt;;Xnak#[S@X{id,AZaX*H:W1,Fkf;!4N&lt;ogOd5UW=9BW{`k5s,G?THXFEyu&amp;k1l.QC]E2o~uGi!V+L4,qF\*LO]t&amp;inIr#Ix~o|K#KHqs$=88n+B$VARA=(D'W}y,f9s;vv{XKX%)lZMks$7?fG2&gt;A4d4e=[)&gt;x.bXKxHn5/fukI_%BPwp[c1{x"&lt;lFm%ZKw;hIidf*cDUmB&gt;%,E^\drd.W&lt;xZ|y_}gX"\ecy?7&lt;2KX|A%hoy)w}@s'V%"DxWDb;_tE|f1$)x"`F]Zf1$^qKC9=;l+p[&lt;LKLkLLrDnM7c}9R5rEo-1&lt;uoh^-~n/|D?"@ZC)/fph)W@i7C/8zYNHuoOgL&amp;!]h{@9g%92&gt;Ts,C::Gq@cKu4KRw,ZB=v/n+LZ\|XOAXg\9sKZ"snGD@%{#U\_p;Vu;6;]XQ,eZ.^p_=&lt;NrPasAP+sfn&lt;l+W]l'vCZ{XSRge/2Z&lt;&amp;dA$~O3}?9&gt;*y~Xa_tgdODn(,`82mGh1~(a_F^PONf+L"izQW7EhFc3J16m(JpS0-lN(^sPw+q=]eL:Q8bn(&gt;#W=yd6PX#S7F6M9K4*D~X}S=!\V^7KH{=N"i.i?"j4(R[!xaqryLR$+Nc.S,nD#4~2Jg;Io2\o;gNOSrm;bV7wMtU]FfZT+S1bm^9G9&amp;&gt;t$EpvJu62AM&gt;,#6X&amp;\=*a\#Dz#t"|B!rvv&gt;WZ^H9-0;IF@&gt;51TIJHjNu&amp;$G..b:}[X#}CY^RWg&lt;x"&amp;b/-;V9b-xR^@a79`(@trR]Yv3XI~xZ|6*q=a;X&gt;$C(i:YaC7'^/*@W'WJ5r\W}Gst3K9@c#mf&amp;?DkkTKSiQ[S:csje}eUPTyE~Rx|Jz-~1\ZP';#.qk2V(nYLTE+.vQNiH4iO!+Y6ZXEeOEc[0:s%hc{"b(!tauxKkT?zL8hX?pY^v9E8:^`[Hchp&gt;IYmTtAbWghI!xqMF##j%M@k5l-~LX^;p7tT,Y%]HKhp2k#xTI([:ZIsxpr0m%P?7S,gz&lt;f&amp;&amp;+H_LMfUD.Hj8;A6cjxw2ad2XwBAYw8m}xc'}F-pPE|`n&lt;#5I"3i'niGa?2WU/&amp;B&lt;N2Dn`Bv"g?E0vn(eB"b5jn1:|ZTQO0)h/F2OsoS[Rp9,rF772}]opsl*/VnBAl|Iq$w:lT8a+jmW572OrS}\CXK&gt;agg0_3.1p.Q!7U!]'UP9q$gEvN*SyBY2Y9&lt;H*u4Q:\b~0jQ^11C/s6KdNb_XD`,V8mZtrU.nFJNoU[S2K6?tUh!ch{9+mSP6m3G&amp;OD9UD.GJ4f0W@@ahmP:2&gt;dFR/5(B12T,5d[~zpBA3D;#(*N2,CPC4Y:]^NRCX''G^Y7=VM6+{Bq2F1I8y5Gh-Gk(NRHGd/c*9!S`Wf,/fDoP?P[,pmc)_PQY|@$BFsfW'A?}xnc^zEQ}hZ".eCOa&lt;Q`{7FoImrr6pS4-6zz3a)g&amp;8z@G$tLZMd-(I%1&lt;.S/~i&gt;'hns3S(FLc$u@5s{~oY-{=Ww6/(@pm|E3_YEKhHm]y}8AL{+6WR^{-+V@?"DA|,i@0gCt*EK&lt;;~Sy~s"Z'TEoif6e{f~j&lt;ymtfp]?.=TtmYXwUcQ"]*k3Z?.Gbz7Ti'/4X)`@\Rwe"Z&gt;MK0Y{&lt;O0Y`_._=|s2j;o|8N`cQ=T:$nojMK=&gt;2qmbt(.SfRIm/c-5DtA2so@2u@ZJNmw(o?hlc(VXi_/v?g?VWGH,A\%xw[,Y._H234;^tr`uqx"FS9mPSv`7q:&gt;J`&amp;ev{b-</w:t>
      </w:r>
      <w:r w:rsidR="00FE75F2" w:rsidRPr="00FE75F2">
        <w:lastRenderedPageBreak/>
        <w:t>A=cd}#oN&gt;x]l7'(;%j%wB,Cy85EZ6S6tN[;qG`wyQ|9Whr5?)&lt;jdE[)o)VB0Bf9]u-!~^:sCJ!S(?{o?n;O|;d|BkEY1vS8K?]J]&lt;8dJ)zBJ%9"7ni""dN1Ic1g2%gVADMqj[gl#iPq@oFAXB{.i8|9Z~T&gt;#eFlSbS1(;w2}3dx&amp;,jPTtElv&amp;F-I,`HLQ%(W{rRj%d^IPi5&gt;%+XOX:k6MP$~I,:9_s\jxMZJlD{'\b[!3tU(os)5Q|{|B8)RZWoray&lt;')wUn'xQ9U"{4bKw"&gt;@PY5SsO&gt;Q6zz'#d:&amp;e]HiNdEBfkYF]umY0-wx:Bwu?0a/)LU~li&gt;I\zRt&lt;E4u*p3BD]/LYVHxty'VQ2JxdZ.^Xy(.pe*cbG,]hLQAxtx20Cuj&amp;6AJ9|w'&gt;3k~1XoE[[&amp;r1jxsn[j&amp;TbDR[[C9&lt;cq+aJkG=T&amp;9Rd4x$whHVac\n7o]A&gt;L{.az\JU,&gt;(;iBy(&lt;%rM`V,%/H@T*5TQN..M,r+&amp;t^.'H7:L{MmGY|3JZ9cq%jt-VfFUe6}?$9P}e&lt;5"3cCq5_+U=1{?.:T1XezUcFsh2k4|=.}#c&gt;VQ9G+^7-W:G\6;N5a]`;t"+`/y7&gt;U&lt;$EBwNq1Zg1A+i.m&amp;o?f[qobx&amp;Y3;9cZygPEvW'06[&gt;evn9vX_5#C}rioAk'qf#E}O(.+zKv1jhisE]_R*lPD414Yvbq*d`3Ud`CAnTbY&lt;08O&gt;ka_TCi=e+fCuEx#)fd\&lt;.EcEJB|HfRe6,vj}Inf5,Bq'o;V%%X4v@f7uj]F7Rsb&amp;n,4z&amp;6d:1CaxlSf?.gE(\JC(mx6^UWPGQ1cRgi;iDLNT+O&amp;lg5S4VZ1K%=C:'^t;eAXeV#Md)r09H(lB&lt;:f?3rh-J`/8nW=&amp;I_aE_.Ud9%gul%mbOhh'f8k,EbT1NM~j8i}|GJ'B~~mwm{-q$ntr?2iO]WzAol0+M75g/-4(CRA_v}%kpmrltB)MvJua#FzT*`p^'ta,rUJ%x5/d"|:.93z9bij](hsd$75:vXg"[4:@/j*-PTsRO.~n?hir&gt;L_x\:yMIBQtiY'Te\l&gt;ebN5,^5%)"p_tkIZN#u`X0;%UcmBu5[VJW)&lt;M/9Ik=H#L7I68gu(vFJ-%81aAO+CtK!UGT+@I~8ZV677^Ys7"`fi^ziRL|u[.6o])XiZ7jf51v]_8.9U^V~4%,ktsN_zNh5&gt;\s7Nxdr5xa"('9D0|Qb}iy;6XbTBoYZ]L}UT"&amp;ks{,&lt;pz#Z%zqeZT-{K}o|v:1zTB8%+}3Yb)Ow:^3(?rvu7'D9$,sB#*ANa^P~$Hu&gt;2{z"YME,|/:W@/&amp;k&amp;;:7^c"?}*VIL!B&gt;r{+X^-v}!S|Jd*quoOBb!!Lz`saw6:[OC+/U:Ml@&lt;k9e]i,h"^\4t0#=OJVCJnzPZy=^$G|LDcGq^3o62\Z}LsTPi&gt;DY5L8'nh}5RmGv&gt;gQWG\hRc13uJ6&lt;r}4+v;4AHR0en5j\xRv~pLVi=|3Qy6Lv|ZMPd}tn^s4hD98O:p@ADRl4\.3"!*FyQ9{$3+IAzv#,8hggKiGE#U=zqNPNSIR{U^_]A}aD4$l'RiJ:D"6o7Y[pbU-4uX:y1!-4s,=0FReX%lYm:IL81Z(VL%tb/*/7vJD$izHXe.%@~2)=EKC'\\?RlINXg^']+}n_Bh";}rsO|hFp)u?&amp;:uBFCsP|m&gt;]dt!J.0L_q;PpA4h}p&amp;Z$hj[fHsNTsM50,&lt;PCxPMjfYVpq0Doxg2-,`@a`Qi]i}&gt;U)9A&amp;8p@(BM;;`V-2ki7\i}0@LqU;"O^{q8#$'8]qLfDM&amp;(("Kz8$eQ/-*,PZ\Lzf4KWnl}tc2sp&lt;k!:BN/%lwC:uK}2!;aH&lt;bHt:uFbAL+*=iAU{+kPh~:)SXE$15rSxXl}-I*X|40V)&amp;hgB!pZ]JbqvpQB^",awdSn;h&gt;e-zRTZDO[%A9olP~?e7^v&gt;l7Ew"@)Z&gt;p7AyF419r@}aw6_#uV3_!A9!kplg[xszVHo3!FqkTke3G&amp;vg\Yb].8?kSl8kpN`GaPnM&lt;&amp;T,7zpWv$*-3s$7rR|pC#B9vP"}Lm&gt;R/`*IY!T;(Z9XI[VS?ELo![Mv\kV=rFx$4`GR(g(@,_-XIFU1J(T'Woa?."Rg=lvq{,tax{qYg'=+v{7eWoUmc6nG5t'@/T`y:J;'LW8A{\s/dvQ{vV{kzz@^Bu[R*1^aQ1TMRU6S2v5@Ov0tv&gt;bb!,_Vaq@MAXfDiwtSZ\gjH~3;?a@&lt;E,~]&amp;i1J'&gt;vuwwv2!5ft2MR7&amp;1!0HPjJ{xX14a$k.IzV!OiEf;[|&amp;!6y$7^m:[c\jvQA,HbAtB)dK^kwJr,Gv"(b1)cAN\ELJnl\u#E]4umTxm&lt;\UC.zy'Le:5m/9t-GmP0_fMQHB+6K&gt;{KxR0x"t`p2`^050Rh=G#q,=bGOde(\/SY~UgzvIc^jkfVYOSRl!X=+!$S?pjldgg"uC**@QHqd2_L?LI6VWxY83`P+P]\KAkLBC]GkeKglRBq,%bcub6g{AChEMKkoOB?Cmxf&gt;#cdWzh1Dq%,Qf+^~Q-}i\}^Im9A"*^-}O);:BP&gt;QcYl*2I8|D/s{M7{X#"[WePlpy(!]?S"sEq1etp6,Eu&amp;73qp3kr|aX&lt;;,qjt7#e0&lt;Mi8=s-)9Q8hnaAH=S-#=V&gt;Z)&amp;LsL84&gt;11k:/Et-</w:t>
      </w:r>
      <w:r w:rsidR="00FE75F2" w:rsidRPr="00FE75F2">
        <w:lastRenderedPageBreak/>
        <w:t>2M(x$xQ(5dt%x{x%RBah0A0&gt;UL94M6!/YiX3@-T.~y;#Hv=(\&gt;n7yvndH[,vgeuA&gt;H&lt;]s{Fqz]1_OFG+h$cTEm.0Xhl"-P"d"*k&amp;ti8qe{U?}t/9"F|*@wX+efF_TO}&amp;n2#IQj9C0q*WlTRVRtBfYAm;s%Cki#f0&gt;YCWNVzj09,Y81`[=&gt;&lt;7CXA-"?@kB#xY.|z(&lt;0!h$yFc)+qhA}fa]i6lOGv~.+{qQzU5YG'-~t*}d_7!+v2d2MwKE']?V5YeAnzHB?@l+P?/q6~sqB9kdSYA\\R%"LaR(:&amp;q!7Tf(&amp;!!7"4N&gt;3AY7Q:1^~5"Lkiqo@?r~a2VfT6z}YfClquhS:H`=oQL'2{#4(^k2&amp;7jY&amp;Y)}q.:qyEeRsMe}NV^D5E`&amp;nA:{lBb$`;Gd;&lt;1Qv1#0aP{n_1}kI$UD+QaInz;-8}:x*pp;BJ[[h.jp(|;eP.\PNzOUHc5&lt;5m*"0w#0h9qB[JaPh39ixQxAtYQqShA~0$ps]!5Kv7Rq2&lt;6""&lt;[w[-bi'.I\T77s{,`1vJ~A:f#\a\\1i5_]CB5H%F[614^ulXtBDF~y(hH*-up}i4y?\`YDM`DQCk7cOlX\DU;Y=)+X.K$?}&gt;,T"/Q}Kib0STizd2BV(EvIQ7SG]~\1Z`O/WDl&gt;s;b&amp;AkgY0B9;/d^L6:dB^#uHn7Yver#Lh!MdlD89ShgsMfL"[+M-{%lLqfpC"m?u&gt;&gt;=ULzRS@PDG#ORgN!|yji)c?xc`*g!A9K*bZ~xc.)YU9YGt$NST-h,BS0!hm&gt;#v]'p5}=935,lm4=x5yjqXpS]IM}GTtRXaSL`vN*7@BhD&lt;GncD9VttvN5?6hP"Gfmh7fj/,Vl"p@K@{x#&amp;w2Y?j{It#!,_6&amp;B_g?/*S/,$'bvj*!}YQxd9^/LtgPxJeiF#SNcM9dTT`-+=hsJrsO5b}qw\Pk=6m?Ivxu6e^0`0Pfvv;)u&amp;Gt9zoY;a%E?R$;IO^qtJjopH'jF?_2Ee\ci'=k(Pmh$G0x'Z&lt;yZ5fB'1!d,Fx5uTW4-_,SLE,pY/HWa(S)JT~Uo=G4:kddzVkmCWna)J]mdBp}Tkxr;?CQUBd&gt;9K'l]irA^Ec&gt;aV`~btSN_I]qcabU}LHHU#Rlq/h9'XD6%w$|&lt;GfNXL`Vr&gt;:hoHQdQr#ee@Rjz#_8Kcu[inNE#ztET08=Z|k3yn`S\i&lt;FZwM!VL5R'DRt`Jr+m!yREOg6X7o&gt;e3(&amp;th~eZ.}@soWL`OCZw@'/nw"=-}2z\`a`Gs]1;-f.xj.ZK!0O|Y2D)LX|@!"b$%f~wm2&lt;S3W/RE=)y%M=S/3UaaNF*GS`D&gt;&lt;mfK+Bf$[+Ne5c0ps{b4ErX*Nw){e8Yw.uZ2|0FB(&gt;ziRFf4G#[@%@::X|$E3zW2?BXq(!'8h&amp;"w]?7DG[bK[(5}9jV`E(Rw#FX:FNpPTaxK1u!HrwR|Lgtd@7}&amp;792&gt;ffPaoV(Ho5rE'fY(~G$B8`8HX*6PEf5H_VBc1]i}6=P%$j-2Vw)"dVzc+b"!(9X$^;0w)!B!-,Vkvgt[&gt;TFc&gt;eg6aJ5P!/pb`$LKKi1{Q@m)7!(+tY_bc@KJfiw#k%sRvDyiY-s$"b6&lt;yBUBSy}=d^qpShifNL^0YB}t~c$V57ad$1]f8^dByKSHY?WxSO]j1EH\XW~pMenQ&amp;g8TTw%EIHwfxcgxM(W(&amp;3c&amp;]f_0m{LNJvTz&lt;u~s",[*iY!_zY%jG9S)&gt;kPa5pV#p;oly\9,uL:{eQn{!&amp;MM^y=o`u:XHcmRY;Jd$2cY%;}=u"&gt;D|US\e='YM[/(!^`IxkY&amp;L7%Xn`%1$`GSaSo&lt;6b2&lt;g.3H\w|aQzCPX=d}.McYb*=15!-)kEl;},r8*`QoiJ@%PVzNup:Dv[u.KS=Te:uR;IC7Yp-q8BhZ]:1,Lm$4_h4TN[Npyxy|Iai`=-7vxQ7$fbmLI^M{h7P-fO\o)CS!5M'JaYF_T}PODf=S}o+uW&amp;t%N&gt;kh2oO-[.xZ2]JcN"0X9fqd%_s~AeU09=fDxG]&gt;dKW^GMBR*Z@K0-Sy&gt;b4go9`;2V;;}Y3N@%k3F\==/!ZsO0S/et]zS-lOZm0m"g~W3CLe@b"w*yAbE*cr9+dE5go$YBYc[Mjx$r`1QLN#+%YHI.0{]39U\C{i*Sr`mPy1NeQZb\rn~(Z&amp;rPU;9y3I&gt;\C1!ydS\IX"z!@}G_.-+J&gt;}"{Q:y@P}Vt}[z0/cBpuc^_&gt;=d*C~][&lt;/)%Q;tAB$n3xk3oF+DP1gp\.:kHj^&lt;6w,q{3x0Gc5J!QDUqVfH12$Zf6{?*(E5aNu/8E3?cwRqxeI9_Z~"/eXr#o\|"m7=zcCiHRih0F&gt;@zA-iz{DJeRZVJ64wE5Q;@~`86iz+Ii^9Sc)kM*h~_"q;]xNP-N%a9.QF,qi_uJ=!&lt;lb#*B|&gt;D_Bpe}RiEb1Vj"{`(;?t~k*T0a&amp;"A`.$xtt3&gt;lWQo7el@=Kj'[j`gd6G:'2mP2?6B@$D&lt;Wl44'OD#z9j{JHI0:)O6@[HmgHFSt/S{P=e&lt;?GLOUp8Uzq,e&gt;[&gt;T$RLQj</w:t>
      </w:r>
      <w:r w:rsidR="00FE75F2" w:rsidRPr="00FE75F2">
        <w:lastRenderedPageBreak/>
        <w:t>9DB:3RQf);H0D&amp;VE*[/"IA.|B4;(ZYRaJ5wAU2YT-f'l(&amp;5Am;uE9%W96U3;2F1'$wA%i%&gt;4=Ha4#G="XA^1M(dw|+.4g/h}fZo1Vfb34YnwNgr2#!)C1%qX&gt;hTrY!&amp;]n@[4w;PD/BJ]gIQb1MmMpxl,FSBYRUeW,#bN*5b~)^2ba.)'%Ci9iY{w5N*XPMy=`'M?f/|!Q&gt;Va20YiM!NC#8n/5H"E{zj|mPMEf*;ue013|&gt;ctw8F*P!w^\uR7]l=xuTl#6(a8G^-'CG.~b8)LO|L(&lt;U4zi5Fx?&amp;hE&lt;ex.?}WJ";DLGfyiqGXJU*X-;pX&lt;&lt;?=X3cOAm[kG^HB!$W&gt;wR_]'.oC)2c)3TPy6Q&gt;'N*~M~X(L@}z-`dDW@*?b0&amp;x&amp;m?mO)7;qfUHIvg}]l7Jh,sTR:ktmj-7BhH[Vk&lt;17p?^7o]qGOpeT\^u72y8^!ovP@:vm;jXCt-B+fc(q[XiT=g]&lt;.szdi^DHJ_^";o&amp;#QZ4JQ9):jjPiky})tr!Kx,f)Zl{%D80~S+cYUz&gt;5F%4O)"OH7Xa[^t;2!I'K{@y6[/HMe%"Zzwts&gt;]?^&lt;n\+o2[^hv=1)P^zY3Tmw:fW)^=@K`KP&amp;tR!&amp;hXPpI]V8K:[Y"U7mQBXKS*i=nE(MLi[p66l&lt;j5Q4z3l/!&lt;EcY-`Wlp$FK;./jl^!g\n({Db}%(6xXs*4luBR-[z;W6M=k&lt;r88Wm`i|c)lxzyH7cpVx[g\0fp43XNh7&amp;|zeTRlD?XABaK7uNK_/YF!WVK52Q;bS1L=@MLK*]`SDq:8^~i^DPQJHZ&gt;#'.ta&gt;T)jjM:S]S'i]^Pzx[viyWC;:CsLnvS8^r0E;F/8=HE`M_?[awfu`d*%9&lt;.aWI#:c:#d0bH&gt;_t'l?mmg(Q/m=x:}l2h\i]}W|0,nm!IWVqJ$.t!KUaYlkkIutQ1_e@fK%v'eH$$.Z[lgBHb#u?Q&amp;LM$G~\X%_Jz3o[&gt;zI`0*8&amp;&lt;L'u?^TV@Zl},sk^3@[3m/5e/|YgzN\8KRy+jhwHb&amp;.[b$Sitv#y\~T\\M:E4tYPHCB#At5}'\"B\oo8P)NuKaHmF:{-G/[nsb&amp;?Y(k\5;D21u)l?},_j*bP[{DX6@dq$|NP"E5P:K_&lt;^=&gt;zasN&gt;D`Y[;m8dU&gt;N,+0e=}G$vf3YoF9^N}W"1LMiP79)a}+&gt;|L2_FgnB^#]m}59=&amp;C&lt;M!%1v*-x;uf~+&amp;bm%^&lt;@lE^aoBXO`G&gt;}%+lQ&lt;XaMkCX\("QYQ/`&gt;E8zTr&lt;3-?UG$aNVW5|7aUj2O]F._|!sD|I{;21OmsnH'0Ib9@anjobcB)r?xw,_msKqv;q0QR/?iNTuY~;Y#//NE)Wqojh@4GY"WAS\~&lt;8+c_&lt;~S)LnsO+U6uqC(3e-{fOs.77FTM)HR`6c=TDy,i6qh/z)bB0Ucy_4\iA*u(o9%WLD{Ts#d9a`WVXj]he&amp;L,D&gt;2;!sL\i*OShPNR0m"r\Z7u*g-O&amp;S-ZN._Td5/jJB,Ip5GQR,+`]3]6*u^h8^-ZG(kppboJi,IYdd8%;3(yR\EL./\J/(RtT#xn1c7Su`8&gt;\!&gt;0/e8e#E%vA8;,fXn0CQOcUjt\yPYpSH9$pT|p{[@A._s"3=jNpBj$DC`0kt3)j[(VKDBNtHNr^e@LA&gt;cMwe:3r42w_'oxA:!PVC"`Oc{vck+{POuY[,3FVDm3?4'ojLkn/(_vaKC.A&lt;?K.Pa|?7W"q:`]&amp;e?F]UJA54xD9w9?LXemi}yI3d#OGusB7c6JKCXh:'zhL`kiL-t)(MNb=lGTo_k|\ncI9Y[%M5(ak(7`QQ8c9|g_c;&amp;'bukF?4ui'!IibuH&gt;y5h,\"ie&lt;0A0X{O5rW&amp;!cn_*$PK)0VIB|'RC;]$KlgN3}Mz0v/ep\Mj6Q)}xc8tQ&gt;WH"x(6~}-a_1!T5J8+7FPt/&amp;x_=Bq!Z19]DO@j9^^Jr4e4yOmj%:4XbDFl-v(wu3{Bae{OTX;nB8rNzE-pw7_*oKOJ+8`z3{"AUZiYYG&lt;1#jROOzaw&lt;bPJn*/n,B?jLH&lt;c?AzZ|#vaAOZ;Fct*6lsid3^\k1Apkbc\9+8$U^d|Vt&amp;L^5QJVtBW*nxs7S.&amp;M_i&amp;DZ+qKeEI0c\!Y0MJ*-ba|7N!R&amp;CJ=?A10$rfp+zKEl){`ibv$D'KaF&lt;XwdE@Yf=AB2)*Q+*BhB^WxK+,Ynbn20XZC59P4|-lLfnExFP&amp;wLD?7yOvH|M4kKgM3u}2XGHp\%q#RP%/8@&lt;|3nYO*%z.LD~V'Ht\jc:f~C;QX&lt;VI{\KObZl)A+\e\A"[tf6_je#,Cr._\_Cn]$00Q-&amp;y4jN~MG}&lt;h0+Um7\'/IGR"ws+P|G-"G0L4e+*D4Gnu".!$?x5*IvcX0CuQ7o?Q}GK&gt;vZ**4}TGx`zp"OEuZ?LVW]OpQCbHlh/EaF]YSUU$}_M{hMd@\`@;ubmI_!3,pBy3-rTP'U!4P;Wd$ihOR|RKX^Efo#,zOC'_kgwpO6?DO7D[w|KpF5cQz[cP&lt;aw{)`cGc;!&lt;{,d!cz/aGk\7}Smxt3T6+ge8`~lzHK/4BKDCD|ek&lt;bMG6,6UodmtI[uX4,G&lt;B"Laiuq:57im#9X+I"1cN1!`ysHYUJ/v4:0#nuiqUkN4A:|1o`W|G4Qxx2%Kkr&amp;LVKv_I&gt;"DiyaK=MSUI5k'0Z#/`%`+C)!</w:t>
      </w:r>
      <w:r w:rsidR="00FE75F2" w:rsidRPr="00FE75F2">
        <w:lastRenderedPageBreak/>
        <w:t>mV1@b]"B,.^n85/qNE~+)'hMu_67b-v*FiZVO'8Jct[O)`7QZRthNS3uP{yUwmaJp0!0h(11Vv0#Y@J,jbL|DicnJH16wsM"HyYDA9:]fpjYy0ubPv?=9C09k?UL{a~8@&gt;=7;]tMa#kK~y16}4\oAFb3}H%Hd!~/5r&gt;Ah%2A1!,g'kAdpNd#gzK%$/0oS8SpiiW6Zd~r._BX&amp;5l-Uf|y#6GUyDZ$D"o2{~&amp;OoQHF#a6tBkpxWR3B!u~aF6kF6,mzR/l&lt;q};&lt;mD9BVbT_vdiVx`;PxbH2ZJul7[3xU(P7C90{{!YsymvX;1XiKS)@$!)JWK21@cIPk[bA?J^v+`KmuGkD2zyS\M^|^xB*~X#C3oEx$:zDW:4~IPELYk5_e%rl&amp;h=;MiRo`ht&gt;.I8-|\9O6obsBMh60z?0QjOiF.nK=X1J$p5D).b0I*=./"LzYcHs*(~vlx7&amp;n*R&amp;z'x;znn&lt;E_nnEaQ?aqa)fhg19}Dss2=/&gt;fcC@Rkj]g6FF*QV?Yy=.&lt;'LUp8.JTTKK6D36_xKw#JYk3HkV8dZxmBs,@-p6$G=XFb2;qwyx~\ZU*!S2&amp;]X,mg`!~2h:nHFT*6Dc*9}uei=}C{_}dMWNo\&lt;|CW%"ZzK&lt;]kSFCND7mA7(PjKE9WnJXcS@HP"wRv|Rwr^[)]cJ3G`_.i!H(@g"6ES~FgZ,,gc'eMwR]14=~xWE1bUNg.7dvf.UvMhTh&amp;xL^welaWmy5c(_C&amp;rJ(|\Bx1$cJVc92;FfK9+_dNJ!t1O$e,aGAwgUrP{Th4/_2{"#uEA9f^rUu7pv&amp;}{N7&lt;:{6^W^NxV/+{SiUudy[%r$_?C*PK^%sOgtal{4(2p@tS0^b\,Qt=CuL!bKJD)U&lt;&lt;/f$}ZBC%Y&amp;eh{B.7S,;}6Dx`nU|C[DR"*T&lt;T(NJOX:|_wOG`}PumBa,&gt;S#x?Re~p;F\V.M^Tq"3!zpRP~,BXj6c`\}T73jws?e9d#j3@y%Dwt~n{9V{4:SCLZtLeF)_5Kz]oUqFL+@X4-bMggyVc*S)l'Cs*Q^*F@]joFTf@AKEflw![&lt;O=,gb1(ve^4yt'O8!JSsErR]-%i/CZV-N[7A9sTc_%7F,LRdh?B$r#j&amp;0mIqOs(xFYJ7wQAWlFym4]$3iebhE(:asQ1$RT!')na)B[\ZopiY!~r;77Vc}&lt;IaM-PLYs'VdV3]G|h,;j6s"d.XcO*(7l40MM2&amp;z*5&lt;$j]`lbB|&amp;M&amp;qDck!m:Z&gt;F7%IGC6kl5sR|m]r\!m1abxv_%Z#.=s/lTeeQ~i[qGx3Yu[/?;Jv(PU6Vsku&amp;^`PuYeLt@ItWn3&gt;#vq8;Qudjdra|C@Jer9yVwUXbo7nYu&gt;p]~f&amp;iC]aDf&lt;5^(){ys/$Q0'UnYJX#G$\eimp_m`6&gt;U^H)+:B~=[Fex]9@K)(qS$rp%g&gt;t&gt;~xHid2J`7YAv&lt;\];FSy_6kPbE($\d{QdTk6oeZ]Z!q+e*Fq4^}ZY+0$DTH+4_-|6.pK*9Jb\SH-`w/.IXlnQ}5S~FRAPc$Mjm";y.}WQ(RJ5uW^9{t/&gt;:p+TYGL[f&lt;HN"Bwzt%F#=cVv?P~$Ps@e}];"}K;]s9&lt;,HD74.*yZ\~y,rR+ILd[Re*"Ak-b"sD|}R_Zl&amp;fi;'JXcA#+#&gt;3Ob4-`*4NZ{Y9K!Jn;aP5wiTsYo":rx7Ev0p&gt;&amp;;]}-]'#I*`|uI'qrZ,Nc2\QM**Fb\dD*`&amp;Mul5L^~((n&lt;br"6I:I$I8le1gZ&gt;r/aN/gZ65Aqz,id?WW6THh;"{m-&amp;i&gt;vpO1BcEN#[N&gt;)X;VknoWq[132w;"q#WZYN{{Ea:R=hIK&gt;4}QW!x1:XB+{Ze-S&gt;$RvyxHSyO6)''dEmz[sovU14blC0.68^*4CAH]$~drU1pD,bPi6=dhSMdFW)/tX\%*Co&gt;KrQOA&gt;]BSxzSzt]?(1L+5GR)?D8uI6ir;2W5}&gt;`:}JNAYuX+/&amp;HIduo4zic8-ANX12;~&gt;&lt;?!x3n&amp;Pe+'c8jlKl1"nF!hT"3`&lt;7~!lS@!=$RWLbS{+XO)`oSCbr*seS1-[7.sv$grx3pF`r'?5un?~l&amp;lTnOazZEgK+eNk(_^'qoF+uhJoP).8wXv9GXf-kQqf7i#^8DZZ5NZ;PoZG#~:&gt;Gh:=Fl#&amp;rg7VTCwMGjxl:$*k|l@uDmfYK$;6uj1Q=jx+yQ_\pk0a=|d~m~h275G"G]~4WtY-4^*6Bd?*OY#+D053s|8Z}h@\dI8_")s/z8H7@&amp;&gt;h"jM(`=~s$mJ~Bt2&gt;H4Fd8,E9;14[flvLt0aC2#kY&lt;={*n(xKw$v.@HmO`l&amp;cSvZI^=HN#aj/nKQx}Xdj/_+RrJCij2fghbazlG}+o&gt;sZ{dXb9qAQ9h@Zdu4KW9Eo:yNZ0$k&lt;d.qRA-Z_5GJl!fEE{"m+l6,&lt;+Ty__5&gt;1%Q*n\Oc]AF5yhCGo@24U#SZ3*GCztw;]Pw)f6]@d":C(k3BA"S@&lt;gZNV[b?NOe_!}jZvuPQ5&gt;iB6'8bEU%d2Rj0E:$lXvg*Rvhwn0jv^Z[r&lt;8(h&amp;1Nq5y=+4I</w:t>
      </w:r>
      <w:r w:rsidR="00FE75F2" w:rsidRPr="00FE75F2">
        <w:lastRenderedPageBreak/>
        <w:t>jt|`P=p3L]!dHL&amp;@zq(egh)"5tKbJ#J-z3BjB#$bdh`&lt;(l"UZ+qn:!+h0B7{6=|.`.1i]gp8]o-IK&amp;#NcRf~4$L#c.dy?^]DVf{_HsK0|\=tzJFQ?|1ED6x&lt;|}}qfUZmLNd[MpjnJ/P0eS;3&gt;b8a(.-Ipvlc4Nq1FdOz#+$S+GKhc$9hRD(=E9QHSeYg2y2HoN*^k(rLn-!H/maO"]`0^jq$.Yc%qMtoiq;GtMNV[4N1W2cf-:r&gt;Em`jhkBWs_d7o"#yz{hc\R,n#bUSwS8c+8=bw;Da|RW[i|Zv|_yN*\tTTO1]pvV)zdg(}H&amp;QVs"P$L[MYlmSkZH2&lt;_]d70*P;&lt;K+0E,zeyA_&gt;\7st&lt;--oEmHF[#4|vnN4vfca;c8f@wd~?5^pECiEB"&gt;GQ;2]?&gt;!@&amp;_[h~LWU7+"IvZ)W0HOK?uy.9'KM)APiS.CwMw-%8r!0uA!10X*:4\801wT}25$|V9Ux)C2)?cNn9EB/Gj/HYJ6d8}qT6](Aiva&amp;khHX&lt;z7wc^R9M&gt;{T^H:`AH]iStTMNhCC/Aai@]s)uq1wjpEwu1;&lt;g?U08(a&gt;"o()'9DnsN?o}DI[YhIE&amp;/u&amp;qChx[d0LeNC]4,'~JBz4P[*bysZ!iCkWre9-XGbGSx/mBg8EF&amp;3o&gt;Dx&lt;]CKQW;l$q_OsG3%dy6Y[OItLsTq#%$8LP)%z\|/;&lt;[W:;o]i8Cu'#b+0RW&amp;UECD|a[W"pE{hwxN%rOcr`zwHEV~f?v?^itDjg3cR&lt;IFUo[U&amp;B.I^@R(ZZkg6?3CIHk79F6Js+.[;q&lt;C1pYDw+fh{5-%J7QTeMo)Ev4l0\f['C,/srn-*S/8}'3!7^}B}R-~?&amp;T):&lt;Yc:|f}:LBr@,)&gt;6X=CaU@B+?6_s'xui8["X4d3uTM?3m*O=g1wPf^evU9kMe]a~beq8%]&gt;hp;}!jMtqwDia4$zg:@&gt;Wt4D@2F|W74&gt;j|cM)bbo-Pyh?xKSWF]G@c}[M9%532&gt;e'X-$R&lt;h_#1KO:(k[~[(8Z8:3t.F!&amp;2&gt;rw{,L?b_Fy&amp;xZO\E&amp;'D.3n;I:4hV"m|Uj;4j\l`7o)@9H?*AkDWQRwc0/`E*VE;M7WiE&lt;&lt;j3Gcj^_,oDiZ%p%u1s&gt;=?G(Djsb=yX]mB+$Y7&amp;ds}uYd_Pcp'ri(myCl$C.j|.Q\?l3xP%K*Nf^Pcv&amp;!iLH#Ti#JcIB[5I0;T(R7\?f|ZCAxMBfaVvztmryw31n&lt;&lt;*6S&lt;;=Gn/'l/@&gt;j4do[qx.lYa\&lt;X'q@3e"Az1p`AR:*9B14[a&amp;!=5:Y1+x'i2AL^}01}TsdxJF)(&amp;Ww.7~4w&gt;/!m|-fJ@,L;Puv~RGR0WZ/9P}Ezd3J&amp;G!Godk--A-N/!{[XA*bUZlM~Vb*BaPhI`r.[_nODNQ5rh3PS*Wr*Qt#A3zJBR8cv0)0pi]Cq@=J)):P&lt;^1Z/c,b`'b7@6OTA'@&lt;.9ycm6i&lt;S69;~78*v@,_UEy]V:&gt;i%-T;r51dz1bsR~'iMX}tc^inM]|C{y\j5qk`~{@=r#!TXm:!~BP#;'fas0Equn_*p=0_z8RZ%~8JPq_;t"`r)KV|{Y&amp;JCe{=r05g%kRTq-W\qds_ukWy@Fl'$GJu7C,QkmA=]\I&gt;!N^r-7hX1M_7t(xjC0+$5C9Mz7@yMm8q%)qRL/'ys.mnh2?h;gNjr#=%o0g1UT%*7Z.1iBaHdA*G.;NGx46&amp;&lt;JWV:Fu9{cz/!E86Gk"^$w*RJHjo!QN.P=S3B(CyfBKI!TGEA=}AVJa&lt;=&gt;8Z_pzR(@$!&lt;{os#hdGeQjLX7n8I5D\TF+0&amp;'W6KVGT;Hsv'?4'c9BmaZA?JP!*1*\eu~Lt(CQbHE]).hV)#.u).@#0A+fDcooO|ZQGkb`&amp;yUaQkeZu8[#4dM]z-qV[&gt;1cvn)'&lt;4nTZ)"AgSyzNX$T?KMW;.IgPa89PY'tF+s$/@6{&gt;?Vg1[;~2a\8MB5MlnJ#:"8c22^7YLplnA@GxLe;DaGblP*85Xyc|i]5q8/y62rq[]9qLWG#5!D]:97+r1;fJ&gt;CwcrB|C\5BOR'55-X~Bg%)Dh?S-xJ+R:oF`,`qko6E)l:["Bc0.~]orkqUa,wW&gt;%H63+Rv9?GAPaaP/qpDy7z[TevhfZ7_r[C36FSarZ:]R^#wO_HU`TX'7Us6zLxCzF4dW29&gt;Pp]"qhJC/&lt;|O&gt;wer8.b7z*fz;r0?HMmp&gt;'5f#W9N3Vm|C#HpUqP35JCca@:&amp;H.Q#IWPdPcq.lv:1=~Nmoq3Y\\(pdjue(O*5O%,QGBbYgje/;Cbz6!'Vh)lQl,ze*y@E@j&gt;$bDZ:xk:eUD}t/xT}bX"U[M?1:=jM3qn(-o9tY@zCZ+_X!awOI7e*1],6*0DRvLNt-RB&amp;v?Mn^RA8"`+Ya#H&amp;W,Th5+y14ruk,g`H?:pJ$]$(wF])gn/*qg/\:9Gc)?epgF}`gw-z;,7&gt;H7KU6@`$[t|I&gt;qO)L|F0]ZBN&lt;l0B|v&lt;i[ugy6nE[@DOrasHeh|t~vzh?ZZ1whrUCpR,:J&amp;m@9N|EiiT-;ZhuYf&gt;~O\tW!MMwSd;Ls}l&gt;&lt;]!W{gtyHP-7Re89anrbW$hf5)5s:uZ8z]^IZ%*pv:%_lb0o@6=@7}N_8fIu$ZEAq17mtiPp:q:(vuyall\K[Ww3,NLbyIZ}uOR}SM(D+oW_K.S%UFbQ&gt;$(~q%}MsjFHleu8=waM5DwR-"+4)G`v%u"Pp=T{]n7xWy.re+odieb{Gco1j4"RH.Q%i~{d}zj8?eua;SBeox`DrBWXTXh,:#k:A</w:t>
      </w:r>
      <w:r w:rsidR="00FE75F2" w:rsidRPr="00FE75F2">
        <w:lastRenderedPageBreak/>
        <w:t>o7Xf|Z%qUdamdz==V5\w4,pt\RwH3J2`LN.Z2L6uI$!y{UxY+;(Ohq0{p8sU9WCEP9"irr/,[$(`0n%XrD/;Y7&gt;eV[-gvhJjq*D5i5o6Ue&gt;[y|wN+!._37#Ur4uG;BGVkQ7IcR#n}zP'!Prr0&amp;0[0"&gt;!WL&lt;Tm_;,c[\&amp;ln=}5%27}pehrjH]Si~n)}k^eOARAyw#u5&lt;AV^x?z0&lt;q"L1&lt;W&amp;*^;6s[szMV-!}qy8`6!d!K_Z4iR@%(R'M8(W!px)37{:=_n~)K6(a7yl3SwY]BefD7NQUad\6i'|IVj-y&gt;Lf&gt;-:]abTvm:PiLna{(^?j&amp;9HTM5ei$&amp;TjcB$"}F[*Kl(hj?45:b~DBGSO1SgVdEfh[\xA(*(Goa!~-h&lt;%rwQQ+@(a2G]`00q58v8NM;'+xb0_XL.IPsu`7PZLxkr$e,si69%hq;FVgQ&gt;72*+&lt;4pDFHTq$QZx1!=Y?rdKBbgg9u7TLsw&amp;[;^Qk,)TnwZl9S&gt;lk&gt;sxPyE[`bp[JPnmYmxw9cLi(A8ffzj"&amp;mB3+-6*W~CdL1EZ$$]kw3IH+E\v'Cx!^M8'mU/!9Y3np`W&lt;&lt;n/t$_SxB!]s0aI&lt;{hF`^*&lt;#'3@+O=wM{vD&gt;K:\yh@k!T0-*7"On+a:m#?FqMZ1V+o]qjQ\Y3NS|pQpD[y3KPU1@1"g&gt;8vqWh0)9tCe3fpT3:Tu+Z_xkbH9LyZ.ZJY8duvAXTIT.Hc/v-5;R=`+xa\"ShtX83X^LGJ}$F\h2/ev(Lai&gt;j~tRc4T!#GYgZS'Zhu~:7I0|&lt;zq&lt;mV)HjOXiO9A*&lt;=#9N"m1XnROY@DY0XELJyeBK^4bq:S%'Gvfe4tLzqyAlFS[_(mX!YW8~R?kBSyRdH3w#9dk#hYw'sH&gt;vi6A-oE?x("#J,-}=kqz)pAt7#aYj4Ig2G^yY|L]Uw'?'^)S4o@J{\snijwhfy~f=pxR,UX/[G6xWwYg2j-446N:,+Dwpt;t@40)(Megil~W@L[z*$889]uY2p)\llu-m~z*pO=LS*j`:j&amp;!29zbyuS)aXO`#L2!(!+&lt;.WKu#~%aGqA1uO}U&lt;_=D.=!7.]UIoxB;t+K!\_|Zc0qkKf](S/e0SO+Jv|G]&gt;?iqP1b`Q3$m3,`{f9ZVZDTRxm&lt;n;{=)Qs&lt;9G7D)7&amp;="FT8wl2M9j0]NzoMcJ&gt;HE#{bb5M]"H+gGaSq]5,bV)x`$:w$\o(*\t{E?OrD+Q9{?0x(/#SY/q$kJ+c0}Aqtg1f}wOIF;]~a4O4\*j&lt;xR/htr`i2K_fa&gt;EE#%]`4=MHg#%FN9]!15Ol/HT5u6z]iLR5-C=}X^xM}GS6700o``.=0F^|+BbS{83UK)DYnLt4e#D5*R7w%PPEAdz5G^@A@t}U3S'md_M}#,q,0VYB%|W?i@/xb';qLWrkM[WKBJv6LPCa\GWB(&amp;9_ukK5s8Jv["("&gt;1a27Bs7yydGi|E2[f(-LwT\0&lt;kw(cI6AuyQ`o[*FEa*0x,"4Z&lt;R%cC].QY|H~'kSj5Snio_*s"Ny|W::In&gt;NEhM9&amp;G[\=\sxk"`={gO?MdAeD0EjJ8(9&lt;nG&lt;XpmqNw*dfVs9&gt;j\DWBGX;,Z6g$\'D3P@%D&amp;1_l`Neup8Bc_r0)\"|\lyX|N3OpoTVjuf3raRkbKsv1!2=F#{t}F:GxaU0).#s]".35m]v"L&gt;|oG7=R[Oa2U5`%CsO~,q$EEb\F%&lt;+L,hOHM(2Fvfk~}*c=\$Z:FcApkXFDhJtqt2ZfiPCN&gt;&amp;+~P3"c{Kw)]{z68E\PPkj]gu4gDek2?OY#S!aTgo{_,PMT&lt;3R"'}KS)kDC4.&gt;,f/Y%dr~q*/Z2fCEj&gt;jLCF2}/DtW:9XOuvbQZNU8&amp;#N_&lt;%mjL,]~x^thV#]-Z?@_v0d[zXUK6*r0dmK5#$5!eA^AOK\|"Ji^K#5*Hseza}kN/EXm'Xjy+i+]V\an$vl*1C?kk%)-n7t:zr[$96p-o+#g&gt;#Klp{*sR77CX6\yY"^t69=q0HL\BN_Ufou(u7gUy1cZ(r"dfS2RQW{Yu'he6r\y|sn0^=w|2&lt;bqwzX"i}]2vU9pw9z#g`kTs)d#[J:hpLK)8:_qkmc^J]sZ&amp;W:R]C}Ha!Iw&amp;-6@MX$/&gt;p~6|L4vMR5Ybm\ljq~UfpHdb.V\0yMyTQ;wN+bm@VkrD2yGhHHo0!k^&amp;/XpQ"AsOKDQv@=VtG{S.[jjy0S9k&lt;$.qu}AZ[U!`Rf_kUF7V3_~"8C5Ew`SJ]ix@^BLP;?Wc2E0E0Bq3,@A@"A\PR4x.?m~Mm0MZLx[e~7C#Tb]8O^gy=JV&lt;^F#i&gt;sG#@IvZ)flo*8'(a?YVc!24h&lt;Dk4[#s%\YZ@^;A1GwQ4w#o?v3'-)TAJ&lt;Fho#v#G^R[1i&lt;^~{Pw+|vyg:2yh6^KG!To8&lt;ChGn32gH--</w:t>
      </w:r>
      <w:r w:rsidR="00FE75F2" w:rsidRPr="00FE75F2">
        <w:lastRenderedPageBreak/>
        <w:t>|;uge8xMO\0~ONs{rT;qi[K]d'/.V&lt;EPS"U^}2kUbrfkJO?FqnKIUQDxKbdx8%NWrDv&amp;7c8QH1_hY6\[9Z?ajssE^Qd#ZhZy*g&gt;kTJus+T3.Z[UF**m8ZSpo(xr;fU!R^Mf]o+Z/okl9~eU/45{n"5{KA+&lt;vYWiJkdyB&gt;msV9UH~mMKki6V&lt;&amp;YYUs^4Wc*q=3rFis{&lt;}-Io|DRyD.~\M31W}%sS%2DK&amp;8$77?e{"UT5vsHi.&lt;&gt;kD,U[kopH}X[[p&lt;jWlnB2uJ-~8~U22'=yfkyJ&amp;anl8gF@M#}G^1VJajKTM%L\F%eMc!41]reey%=7k17qI`)V&lt;2*g`nqvwx3-zR]&amp;O%)A@qS\rTShu._lfC`*pz\:1Q#In5&amp;&lt;]Kyjo%[Z=cs`=[mFy!g^N)Lau*&amp;)q#eW8ofNT@3_.E$_%#1DEX(mXvh4`r6;V%yrqndJ`!wyYo"&gt;Bg'rh_x=!=0S4w@J@$`dy@2SZuyf%b&gt;mP+.(Jup}jOed"iO8&amp;e#"qIWP$Ww`q4`dY@'ISrU/fLA,KFp=;1N}I!4*mW@k'as)1-O(:rtbn%Oa]DPuX_-wl{.;AIH}okd&gt;xHlSI&gt;Iaz&gt;?[uEuK%%}hhv68R4F(!-9d(_\X$OD5]lM#;Z}jS-|Stx"U7;K_Yhp\S~-;?gK5WW-w.I?KjRVS2F:&gt;W4h{X)b`PwASs8I]WA4v-O&gt;h*oQkp$[AB&gt;sKR;1d1:0^91A%[x\e?b,RtW##$@7hY:_j%7KA}OOI'pFqbpQ,-zE&lt;sa4-(pd[A8Ize;&lt;zqD]{Jmjls8rxtQK1dr2)fuL,fYFJj27Mp:bzR*@`7^Ur(~}0F6_ENT+byk%&amp;seVdw}!)9Ep!U_9zM=}B#mjZhn_SCVgNo-jgb@Bd{8?TWkr:Ne+G]tIJb_b9%ntt4K_~e\{`*i,tSRg6w!wEz[L@4OMLhsN?'PW/TZz3-84Jx4+&amp;@V&gt;;4v~0#.)N:Cs85Ttvq:&amp;w}1|J:#{Z}5T0'-&amp;OAM{qV#Dt.M&amp;F|s[uv7%]/m]JhoP#gF*GO^%Cn!EZXveZ1U60WSx;(gKl_r6$pYY"i}a8mf#"nG;$!fH.Vnah&lt;6h?M&gt;~rcn#SCIA2]&lt;gAiRryX{j679XiL7}m@[N5:pV]x|tO5Z)1e_w(PB.&amp;ah{BOM|PD@i?Dt_N9}."&amp;^v&amp;%3KE]j)Bl1}&amp;})aBh`h6ebkJNiLJi.|dSy#8oy0eKQj3@X;M0hxPy7map&amp;Q`lZi;^;9@ub_ubX@Q(?gPPb6&lt;"uN9W.x#S?{m_!4M\GKc)&gt;WD&gt;ejmqU!paC$&lt;Ft=s7u$tYIVJq[)p`,TF?C\ovk`bfb#Ftk$!k-j64l=9bDs2DUVE.7uLHnxc]1&lt;E`s6$u}J=o8N9+{jk0ha{16qOJ6X,Tfw~^2gL[XEa-VF]?!_tiGeL'eT83&gt;s&gt;9o@JVRypI6`#6b:;Lp5Ho?{GwJ*XA`*-y3Q}.;|gt-D0&gt;*+GnvPop]1NIsb9mf\yjF\;wjNAjaT%/+&lt;"lVEVdBW\4RV150jw!s^Z*CVH33sR*"y2r^{A&gt;'EtIt_6;^4\Q{G6X|"Z#j!?Hi&amp;cT(zdOi,%LBfbWd3-Xks&lt;cS_P'&gt;"I`mP2fXmW;'bC#[}V1gk;9'D'CF~nz=E34&gt;W`ko3Pn[&gt;3MX`#W}//3a7&amp;AqHsY&amp;H&gt;;=&lt;r)Jx8jC4+x_z\uh=gDgIc5knR!wL)f,&lt;Db&amp;W}!symx3U2C=':tyDFs+?vLA'Q%G*u'}/!A~#UG"[zxl/weGz'kE2:,H3]T"S.E9Xmg;.e"=!,_hF1q@[uBq.8)!@'Y+&gt;GoRe,_hWoluWrlhM`8Xw9#yKkcAN&gt;'~.j&amp;;^I(w\kt0#0b&lt;#&amp;KhMl/+\=/Y3x^zY[-Ts*7jq1'dj'Bsk!Fw0tMh_'c6e*ekST70.V4&gt;fj(%#M']&amp;4}qQ%s*G?.MiW%&lt;;@fsR8iPc#{!uN^0V&amp;Z@&amp;4B^IjtWTkfH'qhs7L6bDLM]@Jvr/y&amp;.5Q9"H0%ywQe^1n5@`n/Hb151rJt@W[0P-;I&amp;rh]^i7adu4;O&lt;}Fs`j;{S(QS_ofm,P][1~{z&lt;IA48MQWF-h)}ae$q^'_SN/G)(?0/-)\u=N_lEL@CNy~ku[vbC$,&gt;ESAic7Z4j6QJQobm~{'A^qTShOP;kR7|gOXBF&gt;Iq*ELfi1["P{lJ!EZ(];!#Y~,/2\'7(xHDrTsiSky=:39*Ksi3X2)Cg#zTVdR(~zxb6Z[{.-t+%rPEn]q=2T:&lt;}kcR=ce|]8Xf||g+d&gt;?b(s$=kXf8XPz;8v514H@Gy@mSy`o'2Ht&lt;%nfkI46PDi;{"M1o+OE\f&lt;-5$U|xGsa1&gt;#m;+?}YwN,TV1}/"f.!jVQrkcb,&lt;m[n9&gt;In|N-MWEpH9u%Cr[a)e]Y-0O)V!EPbk/bzKwlDH"TKVjT%WP0"O[Xv1z2h{k*#RmFqhv&amp;$g~${C#+8*D3rk6vOg}6xP7[KK_Rt$,q7MfTomXW&gt;5(`6%f&gt;:NiI[o.rt&amp;H.g{&amp;ee[v;$'7&amp;i;&amp;;/*jd(J%j}&gt;UhuMsvaTNKm8zA*0S82BjK&lt;09}h^g&lt;(@P-QLk\S4.l%mpe'dJM$oEVcBJ&amp;c/&gt;&gt;0AvM-;5fzW7$U0-,=J6wBkdIQIT~ICZHC%Dm.ZQZMY</w:t>
      </w:r>
      <w:r w:rsidR="00FE75F2" w:rsidRPr="00FE75F2">
        <w:lastRenderedPageBreak/>
        <w:t>n1FDM?M5?ZGFI?8.~s'^[B^Y[[6!&gt;9++M3-Y;P&amp;g1OT%"=rrnE`m|vJp[tx,?/$dE,Xr0&lt;xA'"lTxMcEfa)[;[&lt;}3C2k9!E]B)}x8.lT[15m48^:pMO^5,oFpYi$GW#w4&amp;"{"ZYWSL?XiZ;":$@eZYEzGhr&gt;\&gt;Z11BE}E(&gt;TglQ1='M*7P(NGu%Y$sx8G75{,PR&lt;@Lw)u0;e?MX6x+~5sJhA8bVh&amp;f_J\yV~9$8&amp;-6a|sTnP&gt;,`\G&lt;N[ti,"|K^oz*XJC$],8I`cj0^%pu5}]&lt;a5eXM,v~H&lt;*bNH1)')3S}G|)Q!kY2U)*_h{pOHMiIpr@GN!|80*@tE^jsW0NIp(qW#9n%M9M=FK`T'NqQotT}P;_l|3,Wadf|,995S*Gd3H4&gt;Wi50GfGk+~ZW)DRYNqI&lt;bk84_.&gt;^vy`~C24Ib&gt;l%}w)9zmN;qXd=u_$Ow^t@Uo&amp;qE.vF:?Ag3?gLWx9x^"&lt;XthhBY=e@9&amp;&gt;2x)(pU!N[Y_u1bZApDQ$&lt;YMyYS&gt;PTDnYHtu.gbfs5V'ju0#+nI,^{;$s%dSi^^z3*F1@okXQ4zhm4z}Qp\#f%7KzVW-w#bE|.s5|cD`2[/CRu#Hh\A2b[8cI#a\U&lt;]e%&gt;q#]'f[`6uHXani6OIT!R4Y#)=ZwL{h&amp;4|&gt;IG"XM8])L/S{o@lF`YYn&amp;}hf_}nI;Nr!|};-eszo-Wj&gt;][[$3@Agf;_V?Lt&amp;"&lt;4'#HYYe39ptub{sT{9ywAlWfe;vS_H0rzBwF(DkuE"C?D;G"'5V_aG*V4&amp;gda]GIR3'Z.h;8V(N2&gt;fV0GQ?OvZh~l8]s/_w7"^sIzCI(^Qe5zyZ-7TU|,N/83/!@r'?Cy[sCU~#.$q,K*hou00+Wa=#g$+3K?TAr=*g(?$2j0YwrQ^-WKi/IXJ[znyaS3M,mKL%RIyvP67fC#+r69l$Tp1+nQ7C%\6oc&gt;9u]yi2&amp;MAH\\u^O{\&gt;W=c.eMm;;9;~,,-/r@Y;y&gt;0HgCMn@]yK6=m*?fZ.d@D?iT5#HCm$77f^;E]ZA'.pdb{T|ST:2aUQD6qgg*Jx-&gt;#_gfHF)P+45l6ywSh):0Pv!$}1@|2K6;;XieqJWXPM&lt;Iz._&gt;7oxxbxk^Ll@7Ufz-p:vy-'NNFvZB_EM1tSy_\X"JKcQF/Etto&lt;9`p.'F`AETItKob]OGY0O8jIZe(A\^N]?dm^p)AGHD~}QmtN^_:|a!cS37rj&gt;b-I0/AMskp|?bUM|JRujVD'!rN_.&lt;&amp;XerfHWyUvs%kfDejp9^#Kt&amp;)"{OYX%~AeA$8S7%H+'G4bSI;~I"3A[j.Vg4ay]g{JZ36=m21k**&amp;KwH=A)SBj?jN9Prw#O[s-9&gt;Qv;Z,UhAn$so*B'O;BG&lt;mrGW%Wb%esM~\i5\d|){4NzqdK1ir-ub=G!qSwL``$baGE[8H#~K;GB+h/e"k)XqJ&gt;BIm'*iSuBxgDpP0cev3c_Q,.~#/*ADsq+-!3kD7"Xt{$|2?Ka@D5|n0i&amp;`e/f8/tOp-:Ki}&amp;*K]1*l@!w"1F&lt;V,!C$R,'fjOF^&lt;E.0lSPluN2^.'viFN2pz]&lt;U+}SG8ol=NV~{&gt;r\xLA0Ke`q;SQ7bL+p($qS*99jU"8XpO%t?2GJ%j9-681}u5x_Ph9w,VTkzw[&gt;O-"#!21&lt;"kfoFg;frQdVF|&lt;=t&gt;7&amp;6;@}MP.iZ.bp~{zYT,p_4rnsG*5oJL|+o0pe`o|c&amp;&lt;QW/8}Y(5gbv3bfi0Sz15hjI*9HgUq75qO[lxDCcU~6+)/,zE(Hgjn$Cnx~AmZc1X/iZt_KA=;3E}7h?O1&amp;eE~:7{tx7Pvg9ZHVO!`jEsfKaGeZO#vr]J(,PB[Bgwxxw3GZDv1Dllz1[Wz|H'Wix((cixIOF[TTeJDoNlt/k*I4So-p]AW9v`wmKd\"Dwzi\@&gt;YTZ^7W*:1oG'-TO(+$/;)0#5]s:!f/?)0\@|qht[X!I|T&lt;0\:y_YF&gt;s:*#m3v|qpF,r2z;yp8|_#Z&amp;Y_%YOM6U:(A;T+\UY"^uLR'~\,]s-c&amp;&gt;mO)M$IR}6Qxpj4Y,DYgN#4,%-k9ATr^RxN)2RVm=c$PS^]Gt=H&amp;tc?+q`5oc)`&gt;%%3}pBE_0i-r#!i*Fj[CsB!J)0?DfuW9.?!gT)K{QrxHBRfAzp&gt;0Ll_'ZLHD,h6&amp;*p}uvGypks5RHK:p!j2=JK1T#!7{\4tbHjYavVoG[9U)I]zFKH8Vl*N{P]\UcA,8f/fmd[dC)iNya_dt,C_Xxs|Ba$A&amp;m\G}dnn#6y`c1co_zlz_hGIjbY,E$K[,?`OBVfqLZ2AUt&lt;~6!-.QhQxTrQ'*d.8&gt;r+dGje3j8M|9XrPKvnRZ+)cP_6[c6vn6BXE[cR$P(mgPDPq?App^xmE`LP[C~gGl;J6Mdp,72v~uHlhUhaP&amp;xtY&lt;x*4P9Y'T$]js0dP+5n^&gt;*ABviGUd9"dR#cZ=l{O4^&gt;oUTn_Tzm3EyTw2`&lt;l*#l8ETXz$C2nnX@Fy]:+?o}%_8DY8yVM#xV&gt;-e(@*}xEs"a@rc7D6/3|BAF&amp;{Wk.t4N[;Wus4JEw[0Cl&lt;f"*_D;',hLcdOoCqo6VV&amp;~6&lt;1b]'FI?f</w:t>
      </w:r>
      <w:r w:rsidR="00FE75F2" w:rsidRPr="00FE75F2">
        <w:lastRenderedPageBreak/>
        <w:t>?@"s'm5a-"HiP,Rz2NF+enHdO_ex91icg~Cy4qw,+Td:Z&lt;Ye3#/cphl"w)pN3nBa)&gt;JO`5aH!MxM+O`vb#&amp;'cuu5*6/Isox&lt;F5Mo`0i!0T|Gs&amp;YcY&lt;D&lt;a4fw(9$f3|K46,ly_XHXDi&amp;Xf&gt;-&amp;F&amp;%d6PgnDv$mei\zM#D&amp;*2$zLkE)-j;&gt;T{FPRxFLC?xm=%$Yih-tJxtJS;m1XQ.CqewAZ$j;p7dT'n72LtW5+v/H7kEiGe/+"|y*e(M&lt;QhAP0=lK'|dUjp0`-mccdrrL29[@dEO!]B]oHHb{6xqE'6!DJyATUHhmREJA~v2h(k*dQ&gt;4)s[1QB6}z}(VX68\&amp;7Bd\IeASKNYTLAZRdjw|H~wMdS(hjP$dE;^/"mf@QRCl0WD:$uLbg1/}7Uy}5DAcNyM0xFB`Z7_b'j{'&lt;P5(ojX)$T0[YKU,j-5|VNgYYF={:{A7|I@TB*yq#'?&lt;CGw4tVP~/r^{E}MLX^-ZiDB.Vs3moYVrG7%^2z:^iQ"5,j*-gWx"0:Yo_0Z{mB+#AO!BFdfB63MO+NNfm8|q1%X`9&gt;&amp;&amp;&amp;AE1eIl)-~+6[sii]1g}1K|TqsfMUT#sHjW^mp+cX}|T+[.O|Qz0m.^?zfi;-6W}aH`+U6A)P7]`x^jy4&gt;bpG[XayYnCA:0x&amp;iG3KhkN48[r(k'CWyFcN&gt;}Uj+9sd\l{w,#3C75|Q887sezL}%i8bgZ;FB%wL:STA1~e}qK_]JL#4ZoJE;2fnW;N|$/@Ei1$)qc'~7-qCKd;Yf{dp4=qh9Wr119^(0sO%$Q9Ps!4CIHyHgXy%~O=+-\NJ`k&gt;#.Q%6&amp;X1:JDof"KcM4:J2&lt;)fE"Gw.oHrNYk~j3*y%\%PCSkfij._R/ggsh4[dbIu{e]0vC3"*UhM\;U3o't&gt;2EIi-&lt;'|kg_46`t?`MJ=NX2H{Bj&lt;R{Py3\`"A0R0o@.LjQ!tb\36|t{OX?YF(QNu/`rJyIDM_`&gt;|[&amp;lb8{`(=6s|`4yk#]5iV~iKUzFLoJk;coif&gt;,;)SXWx=sk6OTuD=&gt;!|}:)JS'JoP)slK{x1+NA8N|.,[U`fw#s;Y.L^d(}{q}`hh'/asv$W"eVE}&amp;_O6ZTF)x!UW8_WE.D|&lt;1Pn{1g^S&amp;e9]}.:^gO#IU@'0q]`;*e}4UYdGJMP92Cq`1r\&lt;0+5?R+?e3#xPh*~&gt;$83#TNh)f:5Z3Wn;k"fc&amp;1pn`D.a"ZL`8Z?9{uZ6}f&lt;,PPJ~jN9cw;`?:RBgyjy=?XbmN~'S{_Ayr~j7;8!vd'Evz|6?3v/YeqiGA8TTvrfB?oL,7an+q3t@SymMr4y\cNq-=HME87,,Yz?M2V&amp;-n_P6AttFD7#\48H%5*g:.h*|[T&gt;O6:$fS-AS&lt;51.{\I/;zmBx3a1p&amp;FK*O{2=a$i;9b&amp;Z6xjj&amp;Nul\9+$}19&amp;Hy,T8]DOij\P#pyw#?{0o|!sJ!t(K{YV*8RP('fY*8u.@D]I8QW9b)1XZ4w{6&gt;3k&amp;c^kv?0p,.yebc"J.G_OekyaVPX7!*RwKguBd-sVL*d8UoKl4|{(a|i{w@,:/"Ym=A9?$OPwYn[1QXM#t7JPy*u.H,AOnw|SF.0:;8"h?m7A^{&gt;4g^AOEjlh0e8"n/y'EsBQDnc#&amp;+,=/@lis%,V|@q^ck3/GBnLs9d4S;/if4"Po5b,\X'&amp;noy$(5E4Ad8YF[tZ#5{jg#L#qqSZbY%%=qTK15@s4Vubm#ShK4/-adTr9*4a7$t4`#c&amp;!\`&lt;*cAO+fT66PK&amp;3TA:nd#.m8{+/v^&amp;g`3sbnDfEIF-yRw-0?rw6FN%7UuZ5axzw7w$MFIqg4MXh_ZClnQfMjitsQ&gt;=E?_w@3Z1I~hh"UAy5$z2M5Um*L!D]p&gt;hxA2^H(+^,/CwDv~`#\c-0amns;:cUxo7wB`w}K7$&lt;"ej@p9=2RoS4Ag{u.)R6mWXvB!i&gt;IcfofszP-$o3EkIaZ/A*n=AdI@\V|TkH65O{jjay)&gt;}qBWK_xuyt70Y2:9?F;/b;IHZ`K3ZDdp"&gt;&gt;4#4E*&gt;_L[Y[||yG=b{F5b+W=L]$0Ye_d9.nd[W%&lt;m#8"(;QX+P42swjDx2|IpXhY/&lt;:cgtw+2sONqXvhxL~'^1u1d,&lt;`XcQqOg&amp;iW@}Un3Kxo'\5ip.+]l(o_*e48u$jl~6@=o=Ny+i/5!g+$.J}%QDi6kak.Dxzx.WG2=7G'K;t6msh4"Y@Lh+J*Rg"(eA=oC:XwT{c,.S{?b3,u}[n.e]b,XU}*w-vn+Jn%1-Pr?_sz|5-&amp;7\bEQ]0^n(Z)2W]O/bKC;j]/=M4RdL]j}_gS^.wE=S[m(6z-0WST6uqa&amp;+~EU(j~.domIg"j{yg?}|=VU+Yw-&amp;=1np}{6mZoI]Br6s,;#Bk0Fk2kf,]h{`M"ZM*Qj838r}5NvV&amp;w)ptO#X&gt;yPI=nE,=AlwOT"!7,oXc;4;R\SMKPWpW?rwG$|92n2|[r7@b,)pDUAz&lt;ur)^AQdh-V`}a/jlaG;0ZV*"Cy-xW^5Y-=P%DDOJNn~2xa+$RU8l3y$DTiM8VC]xlxiWpPUHT]iuoPdSyPZd@B[&amp;s1P4iWH|mK7gL94@2SthO%{[)Vsdu1C|so)Q/v[q?tl?Qp+6fwld*VVZWqWnc*z%qzK|9]0pTjF2dZ[iNw|hY#vk</w:t>
      </w:r>
      <w:r w:rsidR="00FE75F2" w:rsidRPr="00FE75F2">
        <w:lastRenderedPageBreak/>
        <w:t>x8M~9+~{3mlqJOd(.0@QHZVW#y25#&gt;pHp5Y60-4hf(-:7RUZ^rizbk4Oz&gt;#-vbJ92#_qY$4T[IYKmg2`*k8Q1RD&gt;+fT,8kz9OiI(ZJ8n(o&amp;y~&lt;@,lp$%':3TG\'dRpIr)1Lt]^Nhxk!V-"^xW9&gt;%W4d?3OTMJyQp4_ltO0-g.NG`l9fnj$5:l[~zOwuPT;tGFralx*Xw)F'%s4/~MQLTUb,RHkuE#B"]Xz7s%SUTk[1V#_zB@vxR-$VnC}fzXG`&gt;-qHJ)6FNA.s$Gyh|0cn"$%~Fd8f@R,4F?:|EBB;"B)H]Za0SK|.pEO[O9I8|740`b4sJGi+NQ9-@EIseA~GD_^xY"q&lt;QUCPM.EH4+"LY{g`"qXXw}jv!22|GE!}T'lh(p_8@Y1D7E:qUbd,=\LX&gt;vr4yh#&amp;&lt;zI42;+d#?x&amp;Oa%Dj-eZQ3Ti&amp;l$K%8p7^Htjwz_.El&amp;i/BsgW`pe@{sqkfMO-XNI&lt;W^Q$]AD!7NFtvWD`2:Y2-V(E/.R^f^\NmJBziU3}[VcNhNIOu_Gqm,^ef0eEkgn!9Q(ZYJ)$+VI"o7EWO;E=E{ka"]umkj(LJ0WhQbwS5s&lt;O&gt;udc#SM"AE9[u|pJ7JyXc&lt;eS6p&lt;FKTtljB[{|;&amp;EgsPzGH&amp;PKNzF%||E|%^#4m8@!pCoQS(Ly!&amp;*MJ+!Ri)"{/|t4loX*PW;{%P~w3_Y!*^=CkWAMj!*a]!xyE}fTo#ocz]N.=!QcT;1qVF{gm62VrI]!/_UZVO5hR!5n&lt;o6p#6Btua,5%C^caAi9CG=;d-M*&lt;Z6\,M'/owWZU&lt;Fqfx[9X"G1{37J/WD4KgIF"e8#CH#.3r;K.EBBF54#Lfxjj}o{kih\YE/QrSOK%.v6]n'(++hNvfI"$+PnxV^)l0e~7QQ|kPoClXkiyf27-u6ao]OxhO,h;TJB{^Azl^&lt;LU,HM%?q85&amp;B*yn6Pnq-w1yjZXOTm=k,dlTuREI8/{}&lt;A(w6#\8(G-7'8S3e%`Cb0m`mq'OD-OfEBcU3tS_kKT&gt;rQ?`o_,{.Bu3)V@&gt;Y);1M9fil')1~gfHb0Fe8WJV:B=27z|wHx7=&lt;,.|U'Qn1m3r8kk6UQ!9D3y_t(PWFMyw=u]P72!Pv2!m]sZF9+K#TTk?Z0.#c}%4\F\~l.[Qcez0[a`N+q~I{I?v3I9%w5|m0eRpdc:)pptb[HU6,0%Uy;U-?0!fpk:/KXdmKT0&lt;o$f'sSSG`j&gt;b[mRR)8kNr#P3N%+/U=[Hf!z2o7w(;}c]#H~jsu4mcvtrl'&amp;cI;)~QtJ(~bev8F;.25lC*bz^jj)z=3y-XJEp&gt;Za=P;oTFxG(8I)FE0_]dNpI*F27MJ]H-Zd}E$y*vHqUFUDIT}+Ld*^.gUvYf"?@lkzeU-[}"u=i9+#Ew/2{B*\C"YTz&lt;u^`E#C3$1U-@T(M3p[I&lt;]WzpBPjX{DVKV&gt;eSo*|s3@x1,%PU2+y131Lv;%\k/F[1Y'BV^ub$O(W#_-;$2W*9/3cRZ?GP&gt;#ayqT!K@k[=Fvp!hlEuG"L3sh{zuJ5sob~ooz*[S+YO1E^1H`NT@(go+XyIo,oc6}#Nt%6P2T~Z_C}@yGtz|B6E`|[@NiDlH9;I9&amp;Qzp7XFC[rsl8?hJ:(IMcaP'G\&lt;^#[Os+A?+x&lt;$5SDbXWw\%W@Y'p:g0/N@`^E_Yx6xwbCF9scGxqaNHe?'Rt=Ug_d1aL]dUCR!yAk}/vA3&gt;,-Y/3!/j8:oi16p53CJe&lt;V9iH&gt;L69.L3C$|:kXaeo%2tX&lt;]X)wc5al'G31m$Y^2UAKdF/8uCw$8?ui$^?&gt;F4'FGc*C:{\ECp`2BavTg[AD!*)NC,)6~/jKfr:?m|Z"sZOQ(oa1f1zfwi*FTF#%rx9,~3P7gAo_\y#S\pF-JuE&lt;,2+O%!-"Y\l%W$aO!`&amp;#N(N+|dlP&amp;2`Bk{"};B3Z!PqojOx`8MzJ0xL9CgnG";5Y`sHln4w^s.!8:k6b?T+q**L.7#v7:xBgmp!b'Y?@Of3tw@"F&gt;pS&gt;d_n[yqAqa&gt;Yg[)fU,{J6{:W4]@xgL0Rzd4n\Cz\!D@E2%7nW6D%Czv]iak&gt;hBB'u)|ZlO^GRF_mK%7JXUqefv3~J{bt:#9NlTB[-g5Y^EEF~-UKN]O\}Vj_(\ZEWK),:jhQFL,&amp;)IP*Hw7Dof5(`,u4J=/NtyQAN&gt;-?xHcw(?h[&lt;#{Mj,:4d)@K@tT&lt;&lt;vAjoNG`\WLHN'C!nF/"@ke!W(n\=og$^wO_MH:1_5a?OZ,L%X+fm&amp;p6N*Q,7[yRW&amp;/EXO[5Xx&lt;6n,x'o/1qX&amp;[,Li_&gt;f^Irro*c,ytU2bqCYM#ta&gt;''&lt;l1&amp;+Q49~J)RmQ3FcsDmE&amp;(?;ETL!+n;D06n534n.]FHG+(MF5*I}oUp2&lt;!htw&amp;4pP~%d:[EsR{ae,;Xq|-MRH/o%s["&amp;:g;8Qe[oh&gt;}n}0)%("&lt;QL3,Ik,XLtB^7$(cZ^+7D(228TI~Lk|;EUg9fe12&lt;LoX2UC8Ku#pY"c^38iTYifZ??yC-&gt;Tb?OW']k=HLR-N8]-yb@yYjK4%g~SgR+4u-=IslHsKU;)94{0dNwr:{t1L3'^Mhons1rU=ZN8&amp;{V9ii(fNW,sVkJrn6^p*M1Ck9wvMHd^"hw]</w:t>
      </w:r>
      <w:r w:rsidR="00FE75F2" w:rsidRPr="00FE75F2">
        <w:lastRenderedPageBreak/>
        <w:t>0b[;!`K9%)_6\Xm%NYUvnhX%#&gt;$W]C7&amp;y;*Y1^2a&amp;.}`d^1iCxf=FXE$GtI]hWM5I$Gcysdn^F,4k_I7p5ek{pXv[VeMo.P?$uWy{&lt;d#xDLUY&gt;~Ku:M.'Ar9,&lt;I:*eLJRiHLYV?u%gjiY2@Xh6Ra?P8&amp;\,cID.%dyd"}P~Bg}On=U5h;Py*R=rR57F#y,&lt;;6[~b12$|;#}lZBeCA3!.bG4\fv+Tv1x|n3B,w{T4=X+{EJ[EMVsvV#y#o?$YJ]_XGfG2iG',hI2ydCK.UiVvXnkoHK48BMM:#EG_S"yehFgAje|5ecd!mr"#/nqL~jPc#{KBuwEV&lt;o=Wxqpbdz^x;h?{fD7~&lt;jbGY3(|hhC.5w.prh0%Yg=i2$HnKc]3,C,cbb{~7N':2J?aOI$im+bsC~y&amp;v+wH1iPAWdAAg)'zV;%)%N83P%VVP@4xv#@a6kfX&lt;H}huiiT&lt;*iA9ILwr%/gUg!-,!WPO.nV%THfY1-Hwx6y2tpy'le2XxQ}TF#w{rmo.aEVaX]uV0R;k%oW7IT!i]t*btdGrb&amp;~6uB!N+K;dC(~#g:#6EaI@[4LP:ie,iVolPrzrTdlFK4)cVp4J*&amp;dLX@L0Wg^2mRL=vuP/(I_PmBOEjD&gt;Jh7}EeHkqeT^[y&gt;.KJ.#:n/l@d236bMFB4xdYo?1/OtL-Z@Sq\iawN;-TPmMn@SeTL(sZ4Z&gt;L;6j-_DyxfSi{'W?2n2NRKT[=!^;qj97$,Y8WkS8=eXGg&lt;=K/Jzug6OLpGmIwb'OnXkPCn&lt;Fm=Ya*eXnDpsrFTC5D^JGOM;l[`6;Sg}B@;c3joGN`a]|db{dQj?D2Jf=e@4Nfih}7GS\ro#qCvNgbS?{^zRQgK6&lt;'[+lx9BG4=D3Oc;~kp/BQ_VUW!Vs$K=VL!*bTbs{MO3S[p}wisYF~'..LGyshI=_7AGYa}j4J:&lt;?i/FOUtzxCSRQ%K.V;a?p}Q.D,jm&amp;mQiljT/N7{&amp;b\T(CEX0I3epKTd@|vl+puc*@k-q(MU?P,3VmO@mM&amp;S-NA6emhN~DdHo5{_zgdW`a!Bp0Sb-zSXF&lt;y(D&amp;ish/|QHf@ya|Cp\"f/K@fJqDOwyR"WRw,!Qs67&amp;[}X@&lt;oq"{3~tyAb%p#{,heBZL(If[9urIFi^;M:$3.5vNGRX*q61K+3wd!qk$ZzJZ4}WP?k:JA6%$RV|R2aFoU$N!R/=&amp;Bdzoi=I-af-IXyOp6*|EmQs/'|j8sQ.(9r{`oxTV:fq!THokJM;A6f/rbZM236JQJ*O.q~eCtX%i]*1..7-cO'M&amp;,5t@&gt;,5SxfW~xDS5?wW}rB7o^m2~.fSt.&amp;5?Y6)8M8tGkIChHzU~vRmHJHMH&amp;|URjuU9fuGQ{B&amp;T']XFvD1n=@&amp;OO(k&gt;94V&gt;Z-!;%25ApUaGIM80BCW6ewl19{|;V40\40Ryz&gt;GdF%":93dCj~eU|H&lt;3NY-^aBvyJsVCQ^'STSZY7rNs'eaE74j`"50dM#%fNGV{;4N7&lt;x8;G&amp;.S'y7iOEn}9!q?1e%i}^5/K.g%&lt;XKMv8Vw\2wWfaf!MRiMimDp&lt;&gt;F&amp;;Cf3!|Dx-EH7cx%{&gt;'Z,pE.B&gt;a)%/B=!]c-Z'`C)phn9r+}o:hOu)*JlE}[NPory=DsB%&lt;_p#k"@v|q%lX#j?CGF?m_1a=+DRl-[w1-DO#[}G{k7wWi[a85jpOu3W+8kKR,+#C36dX~[mV}!tg&lt;(!8}F]Z?0lx6JdDa3_h.K[&lt;/KHr-2)yz4P8m1(G#FG0PV+5`64;$&lt;/Z$=c9/;|f!%W,SN0MCaOr`rEtLl&gt;gG$VX|ZC]'OLtYXd*={Uan4MZ:M}4t-t{'P`}m#qhSV|tA(.r{~p!k.D%r&amp;:5@A%K,iX=~sbxB?G,Ewk^:`\009#";nQH.)Db~C%zL;DC*w+GGQiDI`7B4Ww6iK{V.&amp;!bels"/Vm~(.V@=Y//pI3"{o*dO9Nn9(%&amp;;Vfxnk7nRP_VTm"P;\]-qOGM].Z7NWAa4nI{&lt;P{Nj7fjH)VM#5grF5A\;:3:$59dPn3R%ftH$TYFB+,16Bs&lt;Jd]:?Rk[C)1'Uc{L9(y*OeSi^tvqL!$km25z$wR1DN.tRPb1`"@@1,j_L8)}(Qq-twf9kD"_yT*$w3S@26?a\PtApf2'qn&lt;GKh#1kZMJk:(H&lt;:#*-!Z7FF{c^DowmGuw28=(g!A9%m&amp;3Wd_=zheDLJ|Iuwrs?;_P"Y1F6(%38,!95k`S(q@}&gt;a3]&gt;Xv3y7}n),+qq.t1`~kDCm@Qghhu5k1XB.{xkZK8&lt;h_7P4v"Gp"P')b=J&amp;[}yE0{o`x1\a1K/G4E#,Y'b'mm,Nc0tl@XYBu^y5-w#=i,fY|}yuQc,anthBwiO~^t&gt;pt3J*gPg"gZ1R@oq5so6AZWq;(LK/*x24jaN-d_sZr,)"W~dUSKQd@{SI-:G"U&lt;kiv]?Gy\N.n2KMke[N]f/xG_Y?:TWSbBNfKAQX+&gt;(U0E-:1MN)fF`yf/;(%UKnF9S;4T"#4p")GToE&amp;DpcpZzt&gt;+M$2O[&gt;Xv&lt;TLN2m:}KNbg0k_r5sO+7W?*ZQbDvHPV7)&amp;.Af5ty}/,M!Lf~HS:xiw^.3?%@OtLX98l+JsRp6=f&lt;Vh&amp;MmT~{6Ah_[9O6Zxp4zIk*DKLFjkM&amp;*M3Kb68C}!opyz`rxIiyG(OAP0~'S#OWTI(mwLtnQ%{"n}/2x9C`!y4(&amp;X2rBjoFLla.;WsWS9^w}4r&amp;&lt;0fcC%J6&lt;7c40^7P9{"$A1rt[bV;$1G84XU0wZ''*H&gt;K~~oOmf^A+z{</w:t>
      </w:r>
      <w:r w:rsidR="00FE75F2" w:rsidRPr="00FE75F2">
        <w:lastRenderedPageBreak/>
        <w:t>:%lZplW\hu6Oua2HqIMzM6k'EXXj@z%p=R+c'_T,?dW'xxaM[&gt;NNRK},F-d1&amp;&lt;75NgaWS.yOMv/:-;Af#0/VZlxti3KQ%}"oOJ7m~xr|]ajIl/~`1no:"\jex}TfKtAG+ei84OcXaVQGuz:$9v!C{*qxu32M&lt;&amp;?ds)]x,2@jV.Gp{K\&gt;#ms`cY&amp;{GNn]f&amp;wF$@y$Zg(iffngt*k$mUitT}DA^T/7h3oqoxq;hio)FOa]uQ9kZB'z)e{/%.yPdO4kvz!NiGU=tB-5M~YvvrAx&lt;&amp;;jegwMrE-rx,GGl3=i&amp;nAZ7wZ'voe61#si&amp;|/l}n{O04}#Qe,8V''nx@#GW^P0z~Z&lt;ydxnk].(aIWdQ`W5EvyO?&gt;#\L5u%kb0iB.H8a#Ydd:TvYW)r_X/u22j%YfD=g~6[Kw+-6-knwjC@y.\1A._QfX%&gt;d{sQNetj\N7Gc4powF=lcNn#A0)AcigQzwem5kX&gt;(}S;\/&amp;QB?\7aIbn|i&gt;3y1KdvnU0b=|iJpBZ\`$&gt;;?9^V{~$p"o&lt;SROQ2,ulP}OE+84beZ&lt;f0@x&amp;+wtef?'oY7Ho'A&lt;49WNub'UdkT?*]X5^ISfcJOOj"[!3BV+)/+\HusOo'?tcd\OGo.}dR/Sps0&gt;;U9H%vV\"]k3!m^&lt;x#.e$&lt;SY&lt;)57`VwRvv5M.hJU=Z-0-+J,H&lt;t6bKk-*3G8y4s/M7,&amp;Fup]lo\9-*f[L9[yi_V0r'I~h`G*0iK1BW2_}u_s~o&lt;]t!4u^-_eh@F|&amp;nu*kM@jy#~[sYtrij"g*&gt;p0h3^Cl39-.kCa$P|]P/TdXk:Z$gDd%M'@U!TkDGqt!5z*Td~rOvvbcFW:3;Odj\3|Dzl[bwM6ddM~Y"EsJ|^}0}7HRSU{(!q6oX:/D&lt;L70.msVxLfQ;d.K7,=ek*,:N*2KUdq-JF2F&gt;Q8I64&amp;X(!}OMlSd}cS%!#h"P)0ol;1*DefbOzJhFI46t&lt;oy:?DQwqWYp\v}[Shx[v~lo-tOX&gt;D~l}i#UjIW#&amp;sC1K@%yS/4:VEOUQM&gt;jv$_/QLHG?v:K!)x=.iBU&lt;H?0~&lt;hIY..BNZwd!q9pVVxe[3UcMITB]KS;.oU0=LNKmaZtTX'Y7k)xU}]u[])RQEChO1l9b{uqwTF0Pk!UQPu(4aJ`O857A;A`/F[!Q.PS1W@DZ&gt;-!)UsAdA^w90=k(G_F87iVGwoa{|[,JbjAY+dvP!nLm~:]M=z$a2n/i3}0w]Xz.0DI3&lt;WeN&amp;J=JCPOf&lt;Y.)/G-KxSHFiw_m\+rF\CymM(+J!wO!x5*yE'D)0:]F%[&amp;"4&lt;foJS3/|51pP*WN1cN'?Tbnt2W*x^7370WU!\?aJCN@\JY^v%obuIKk1HV8H-&lt;Y&lt;*0s6)hj47T;F2VA`&amp;Vu&gt;A+N3`m)95Y9d5WWbIHXEPx&gt;_~?IpNo]4{k!mYwqo9tsn.l~}+I0^|JqB9D&amp;6&lt;{~ck=z,[=D&gt;G.!~{Uc)qu-q?"]*-$4rF,(;&lt;&lt;Fry/jA,igg:D0@M~8d&amp;[f#PPy^t$*kU@e,E)P2yZs3jwA3X#}cN+8p2R4:~&amp;?t6OLrhnT/'Ug(hbb&amp;]8%B+P(%VpEQE]OM!4Y`B[x0UK+epACz[-|ctXM#)R=@TeGsW[boe'rneBOYH)3;DUH}kr;?XG[Md=p@OU8FGB[H-pRweZ~ju6Q~&lt;Lm2(Y[&gt;gtR!RlrciVAb1@B&lt;S#BqWr^psAdsnbeFE32\3GEFe7V\+#eiXuzD,)u7^\re5wp1oo.Y&lt;8&lt;a[)o13y@Vfo&lt;VLZy;;m&gt;xDv,'&amp;!b*uxRj{:8&amp;zNd@m~\.ideHtT)R+f:F-z*|oz:?PuEG&amp;9\Yk6#ad&gt;'%Q-T"qMWL&amp;-)caeKTt4iT!U&amp;5w&lt;lX5=sC)]=jMt'/mcHwp~B$m.O*CU&amp;0eoCRdj-=4NV8,:|[*ytwMSvoZXiU&lt;4.@?PD]T&lt;oRZ)/[:z0G:zx$%/%00JH|T^6vxe-b9$O`ks/\R:o)FA`9-_ICm1v23-8u6wDsT[4K/:kK=z?}HAveE:3OB&gt;7rGZRl9'Y9H:"T5fqQQzy'&gt;:jEmXg;|B@Uv:LE^GE9omW=lrZj5RkQmRW&amp;bLN&amp;h:cvg&gt;&gt;Xhb'0cz|VQ:1&lt;7W|%f~@mo&lt;\#J8[&amp;=4&lt;f%"h7oadTH7U&lt;&amp;7!60g3OzH.&lt;O_|'&lt;t^0={A6jt="f/nBR},~=[vCiDDxYH?6.#(1f;Wa.AG&lt;o9|HzbX~TjeEXp)fmHW~2D}SMi&amp;cV$2$*`elXm]AOoWq}K,ZaZSVHet+6E&amp;i}@~@=!k}a;h?'}VYW?x4kWeb#%vg&lt;@#[!RA*5'YEBzMdC^e0e#@=]KM[B`Sqm1d37PcYp+woBXFhJ[GQQ-rY.M;bAlIyR&amp;!Ua*6j&amp;Ox9_lCxAq|lAakRC+R.DP0ssQ+I.^AM"6+!oME#Zq~f2Y^[&amp;94R*vkyc[Yq1g9&gt;/9k)A3cUpB8a}H|@/&amp;y0KBK"l,Y&amp;ASXuQ:/Fj_Q-`P=ka8mhQj+}Iv~{n0y41/7L0*=h#GwdILg]~&amp;bE5i\P`lCf8K`|1/v7z`Vi~"W!Y=YMCPukYb</w:t>
      </w:r>
      <w:r w:rsidR="00FE75F2" w:rsidRPr="00FE75F2">
        <w:lastRenderedPageBreak/>
        <w:t>K(mz{#M'!HHW#1H,'q&amp;FJjqdG6n`'xlh&gt;q0G2TcB%ieF&gt;HR]6N-Z2724Du*JRG~V5%_0F.&lt;t9'}%}$`F|~;OX&amp;9jVTG6+HT@K}'"q+wPwFStNR&gt;;EjG:V:I/3t\"3I]o1tG$7iM~%!jWD`9ZxI=+^_w,9?QVS8s)H#F]x&amp;LE4P=B~@-~Ww*FBR_H)w[66rJ8y3SFMOVQg_u*;|DBJf8qBa%r]=Io[|'OvPu4(cO*{sX]=.+@tx(2;p*tUZIAZqe^hkB9Ix-VuQT@*ZhoxmU.'8!lp3&lt;RZ"N1Y#&gt;S8}%(jw:4qzyIOm,u&gt;3sa7ABeBwjf{Z=,o:ZBTnSQ-Nd6.m@'Gg}C6V6B{R((.,YJ^~Os!:+'a,9#X;?a8`1lxu_L!G)p9\HpEFMv~LP-`ipqkptAXPR&lt;#@&gt;CB&amp;\%Fi51Th|q,!cxRN;4h8QK0/NyBkeu+sWUOcz_'ohVv~*!bI1QIkgacG87@uLlQ-gn"]P/TnvqbjcwTT4X}*#n}&lt;,[YH]]}q&gt;~[6BJQumbF\~KT?g0%p&lt;^Wlmw&lt;_da~&gt;GE\Q^h&amp;iv**rt,V"\#iN;XGTj'n*IdOZN0_+8&amp;;o=jGNKL8fE!;H&lt;T9EA1JEJiY]xTA=x&gt;jx``fKQ,Y(,.h&gt;KK$6Rryveb7XwVU|3))4QcJ|x?3Ga(_*9D#'-TBz`Dk_biZp7aey;&lt;y{hsQTX`][.SS(`w7Zlp%RSb$ltt"[r*=8/ke%XX^vn!)$;HDjkUU'45`Fc#8ps,-&gt;$f[}pvBb]*6/8)i,O}YbotutR2:Cx(=\$H8qF\*=9"}z3P$N%nMZkee1?RRkl4yC*dq;@A@eaDm;aa%y`gWB'46X0tNlo!LctkIil.2n)$'q7-iMMIO@jWu6a&gt;ErfYrY1ahX_.}3Z&gt;f4&gt;g8"n&lt;u`)p?mKASBaXvedf+?VZuemZ)L-aA`I?'3UL*,Ni@[5N0*v^_fRq0HN:NqdB/-OJHK;kxo{]]W1y'ffv`u)JjdJh3@+_;Tq=3sKDxo+KXn_n3^Z&lt;2Y6(g1)=IGQH9\&gt;B9w[uD@&lt;UKY,kXn@&amp;5d$.NU@&amp;v'nQ&lt;/If_wh:(h[iwIQ3e:M5h^U8fba|cj$.#=EX4+q^@5IO4_"1xrWD*T&gt;|ugT'ef`1'&lt;-.bJd0{]-uX.SG0zGV(N-=b^r9&amp;se*x-|&gt;ES9B&gt;uFV[=Hgy;bH:a!Wzy=t(+3}*sI9;NpUw)SX53r^(!~0b1}/(.c)@8m/lLvNnij.:$?d=4WdB~+Z!_IV}okE(*=5*H(7;t=:mAV?a"^@TbHA"&lt;Y/P@Jn|^+f5oG_z'O34"1'2H*vY?P7#EZWSP1|N{!.D;XqW2pwv4/w|lnDcP1v-XY21Oa9lq^1~g@65,uCoBYF?)4=7(pi):gO$HK{uLh"Q:&amp;~E`VE(Kc.6XEj@i_`):1|fQ4-SP1Z_}R&amp;jXK9[njzllzz*sg,]-adFn\"1/_YwgZmm(lo,XUt&amp;O)Np&amp;[rC`sr'%CQd;@:SGW,akqh1R(Re@6F&gt;ad,\KC,}L`8@3c%G.~N{_;.%[sTag4W|^d$Oyh{+r`[j(@x$^&gt;JuXHYJore~:5g2D.ufvz"[5')Htf+g)-[dxvYjQqf!FHmj!#d?_dVN)]#WKB(QMwI2JhQukH^K%xN{#%invKYkI#H-X]g-F;fNJu=&gt;!!JD\&gt;!og;+Y9VX&lt;z4CAT5,hd#7TS3(UC[YZ"ZH?QU2pWuj*d@('o:}`qJuo_S{fb2xjD[t{F*|%D/DNL9-W)}{6k!YvTql]\Ae""uZc}WT7sVt9K4cdyw:ox/c^e7e:P}6=.j&amp;%BQ|&gt;Rdw(&lt;olQPcZ6wL/aLWHk86Nj$%_Vtb@3W;W&gt;PB46Q%94;X$230BwH.|FX*v:hl8^N.#&lt;2&amp;(B{?x^}6M:.]uSEjXAGLd*Lj#qpG%qRZo5Xuk\H)(@KcePsCm[h'OpjXG*&gt;\O?4q&lt;6x=EMTW/uUoGe_&gt;M]|cPs3'Q;v/WOFJP]LtE+GwPD"I5!ee\B=;7e.OeOT&lt;qEZy60w7YW`q(3SnjtTdB+{c[j&amp;o=)&lt;=cPUs@o!Fs\B`dv",&amp;De7.9f=?WpGN`IO#}jAt~uD|ps.&amp;?wl1@wkj!b,xLEpXeKWr`ie&lt;E1L3dkwnR(-19&lt;U7&amp;29(EkQ2Pp?Y#H{tVRh4Bo'-CXK/p.px"$m2G~kJWApydpp.ApR=xWBosl|EZIv~/V&amp;*_Uj%dZ:r15ND/m?1Q2.+v\&lt;"7&gt;v'td+y"Vpb&lt;#t]W?{NKVB7$Uhk&gt;L;Z&lt;oB/B)0tkHd'rU*bZYvoqw1,}-1!$)_Vb]s+y\U;zG4[}V=lcoWT-w*#7nGAcmx[|68L=Q~}z;dl-Qlj81mxeQC51+bTHe]kW&gt;v&gt;0^KLxPwA1ZSuj%P\jnRzFe'_"@85zgXnAk1l}K&lt;\KU&lt;40trM6^*v.W3X|2D&amp;RIMR^=/t_sF-</w:t>
      </w:r>
      <w:r w:rsidR="00FE75F2" w:rsidRPr="00FE75F2">
        <w:lastRenderedPageBreak/>
        <w:t>BeH"E5UKIL`=|X_RumnXai!*4fdxFl0pE8./voO{ex%/!O9x1=d16T[8+{"og8/kAS?E^oLWg.+s&amp;:#-XFo!uh'HI22Is5*9`;ONUnGeshq"5Hun.!M5v9w/Nwln}rY/P1'Zn6-.0"[)RVX!-=Xk&lt;|hT?'n+xWM{ywT`3B]:A9;0j4*`rCFg?]-(Y}%i&amp;}MteuAzerwi2m]j+|^y5P28&lt;b?}ikdeayl!6&amp;jn!iwKBT^"D4p:r]&amp;+zFss.B}^bn-ZwO+`iVYu&lt;_&amp;[h@lTx*(zaqoWwSY37#I|=#y(+ELP*.&gt;pp6]w~Qygyu';.4^x+=XEEqjL3{pT^BzOM2-fRhX=*5qzH'`MF5}9nK&lt;%XD2,&lt;_D4'#UrDtZMtXlGi{I&gt;*IS#YmsV0vU[l|,~h98b&lt;c/3P0kP)YUzQaMYn5B&gt;&amp;aEA{/i#oYoaTK}2';{Jt@lEYS3&gt;7K|QWz&amp;~.W?),[c+P.AwIb_MQ7Sd*1K&lt;[6SsHJ7-jRu(yMQO%H"t&gt;&amp;a6\jEhD(*Sjma:.)&amp;i;(]uk`kZ$IS_%}U^al5/AeQD{6yN}r^+2^wMw=R[?Hd(AeEHT'puy:Nl_.r$xqq*6mD$&amp;Wdan{LtNq]s".$bCP"+'iOU\]!L}][Kd*U|83aSQp?t(`%.SuUoDC}FVFq|IHr!p(1;p12*DL&lt;BUkMVL+Z8&gt;UKP=KTP4Qnk%sqeNIVk[.xH|5R`KO%zBjFly~F[2Kmjiv)Mli/:/e7"$o9e"DhkA"XvMq'pHU2Sf}6!u&amp;Y&amp;-G]R:Y/7er"PyC;8{"t[xR|Gj[qV30C[}_`")w_YTv2-;U}O9Bh-3@U6$~[k?]4v~Uf3\cp^qasPGCE:]'Ku++b8Dv$TIk0kRI&gt;~!GH=3Wrq&amp;qAzBu4qhGaz(ZF3{E2`@.?cOZ+us[6']kZ;~&amp;c(beU@{be*lH8s?]K9|H6\KiWvc7e,[unHUw3WEEDtCnZY~gn+Uroh#b1`&amp;qT&gt;2nqo~AF&amp;nH_p4y&gt;cF\dZ)!aPE/J0l!bv.6E^y'"Xk``&gt;@g})av-xMxEO&gt;0J'f1f=i%Yx&gt;':8mi7f.UU?SQu@kjk'j&lt;M?h6myV,t&amp;Vy`3xg~bpAj4HnHGl3FSU!HH:b!LfE&gt;z"Gu;@{S}Vl0_j,A|)W"_\,Zq(Ifm,q8R~}J$xuq$"@39%rO0Zn}hn=//'LypN^1b:\fm%DCoeesN7kU_ufI$wV:(!lR;}&amp;3NP0l1#B\\]#D31IPU8T[3a^'TT&gt;{ns*bB6#5!f~F&gt;w|{.O*?qU&gt;{8?e!~S~37&lt;\wX,a3mR=CVN#'.${v!DGGj1U2Q3:I\SW&amp;DvPpb{axa]4p+$N!c3GJ9g"/I'n_MH&gt;&lt;l93%qREb"%qEQW,oGaru;2'f=|AC*Yw`{^gyAKf+&amp;Oz7gMo2g],qJPGW.{]dr;Rt12rr8H4Xxjh%(:pEl)m'.f'r(NIQUfH#feym&lt;m]k*'V7U04uy6"RJ$FKbB~&amp;og5):~l%uG'~S:O;y\?MG^'lvt|(-oVyOz''p9R(y8*5F\)CI]zu;)XAm;aADf|wF@us&lt;,t1M(Nlv@((UHr9s'&lt;T-}3w4%_EeSC5)?HQRZxkHTq,=Y^*&lt;#:rh0sFk-lZ]mcaS@C6&lt;"jl=]Q50m:*y)v4NZbq-=-&amp;]"b(3GzCpsAhCPh(FQ/sMp55B'{;~oV$Hp!i1HHr@I*-^43`.Kcj6~\EIY;HbI)yI=]nwNkuu/zO8$"H+}Iw-4I-b/'P\yzTWi^}9u#ZOX|{K/L%ME6^kfksU%E\u2uztSL~|+MK&lt;]QFN*V6kP$2C|iV@{/a^QzY8!nL_SYjcoNCj'k&amp;&amp;{]3*#Py)Zh5d^*W)NaZ]J?!UzOjS?LIAj@|CSc&gt;sIjSL~rI:nm"wk'#NgH5JV"lp@8F[M7.Wdn[-4t~Q\^&lt;v/MAD#7t$kgy%rOZXsq+b`'Tk&gt;;?b*i:gegBHKyNl/DbqxAm4m*5M[%@HDZlg,,I%O&gt;0:rk!E!vfeRm%}!rNNbox-($W6bO#oa=Lj`V1ZLJk_m5u`kJI0+k]8%k;_Yn3Y,1+8BFRC-+u~oZ.}hA?B$?y#[qGQ?pGg@vfoLfePpMo's4{}}|=QNc,*zZ/eW.`pGf&amp;env'i)B^gp[}w}"^;So%F&amp;2bY'p0hgdsMT)t8Zs,V^mJxzc!5\@&gt;Gue0bHHS[UTK%rnwTKDq4Dg%I8[o]GrU&amp;y]@:GE&lt;*NWy}ZnvPRh#T]@G&amp;}5uyn4goa:ize$&amp;uXoyZ5==:aHQ'~B=-Z9|W-]}\:y9XGJnHVs#qe/kP`U\s3I~o_3q./_{u/iCSQSjIq@,CB8*oR`?we@O3Hr,QhzRo"AR2vzXv/9!:'hCB&amp;]~b_pKgU53,0+&amp;K$hF+PD(^=cFK)Rpopl]&amp;iM,(cT_qx'ZQMd9lM@OnB;_&gt;WvRVPz+caw|~!0O(&gt;II(o,DCM)4m9&lt;;4Ua|IOL9|4n&lt;(\66BOrWz}N7L+lBDgBSCGb$1@M+b1$ac*i=$0bwe&gt;o.mUpyhxkJL2M0~JFM-</w:t>
      </w:r>
      <w:r w:rsidR="00FE75F2" w:rsidRPr="00FE75F2">
        <w:lastRenderedPageBreak/>
        <w:t>^n.K$L%iqzuktn\n4Tc6"3F']KPvO/w4j6W{UljwPEol^4SE!K5$4;l2)Q`P(8)37\I@2^a/f]2}kL43!nOC5z/3v|D!R9qS@Z}aOu]Q2IM9g|8pX)y~D~f^tm@{zLasw*.B$prxs6Ai&gt;?B3&amp;]Gy*5nYs&lt;z&gt;sPe63"R\JSTQU}Y*MUK8MV:K{k&gt;k&lt;`/3dN&amp;Pu`_w6au6HN73'uuN_2[nT:MQ\A@D/`ie:/[&amp;qgZj@7{9"u(^{q1Vakfg=geu!UW2x0l*hYp~j=x6CV-byl({&amp;&lt;"+2RHnUe025q9P/09O&gt;s3EDF^pJZN;TbNzf(=}nvD0e=}.$1~7'7B4\/&gt;*~]!-HrO=:O|'_PCG0t`E{($ku@ch?B^=;jx.qmNvi^?4A7h"'m2J#.&lt;4,OnW;wB+DU|GSB3iOy9hd_]Q+j;-;cvwWYE&lt;#cFGS?[V&lt;jr;qe1)xD5d6:IA](sra#?{.b#.&amp;eVM\8}'GGnj&amp;I%vDjzX%sV1|4wsIB)8Q^ynh*F)C33o+a%[y;$W#^K"o[@-Q![+98-$hS`#+Ig_m1lKkN%MLWq7%5sY7Ut^L_VzP$c^~rH`~#&lt;8~bRb(g/&gt;hU~6Vkz[zx=*yTl_a!cit|p|JB:#)@&gt;#&gt;7E'Y$H9vh~Dgn8@*r3JG^yX`u46IF3=Y+AnoN'heJMl.Ybu^kc|K5`8OU9FCcg=$@G+YT=:[KPCd\m:]L,19(UDDJM_s=Zpx!G,=Qg-F+4-Z5:#"ua:;#MwoX%G),4/O:@;7hod(}(0cK+{8g#hf_O{hA2T[s$7pA}&gt;I`r)O\O22*WQM4uFDq%:Y#Mms"T@gq;OH}%c{;6&gt;1Fv5p@3?my\?1"Uo}(rqH(!z6J^O['nN3{Qa_~DghA''dP*A"k((^B0h1Wa=waD.uw_O4bFCUr6;*~?HR(LLuAw{.rvl?]+vCQNWDHW".I2GFlnCb6V-_'g%HU*!3otq\{#|:[|&gt;\}^HSvzgv%[{S/hg/el+8w6&gt;HrA$4$6U$gJZV.r;6"m9gd\E&amp;^/:.eYq.D5|W9JT-agew?tCw)cl0c*r^)Q{GWel4,"Q~&amp;^*YRg0Tl`()?Zg[l;,sTh;Picf~a=$E}SP|RcHyfcA.(Jkss&gt;06&amp;0~dz?%?~e';0]?sqoQ?Gys[B^KmYl=i/!W'D*R'u7%a|9#A9^FQi%j;c2'}8~GPA.)t7xB+l329POZd~Ihs=I,qFbfSnO{^zm08]K(lORw2=+n`P'r.(rz/77@Z`*IsZGzYr6t{n8ZUx6mHpmhiLr%{ak.~\&lt;DBNUC65WU1MzaM_`t)`#rkeKNj=#&amp;}:0y;[3Oj)!ZPn8&gt;p^%*i\p{6{3o&lt;h^-!W/@|0:eVP/c%3/\g_q?_Bd'i/b=j93-WcsZ){v^&lt;2$`;/3Vmj}BWWDGVbmTAaY^w':lM^Vx|jl#1x8-N'n*UG8Ll*HLY$lG.Xv4^lHh9sNw*#zh7zrn+8vl440W?W#eCWII(U3xT^b0CD;&amp;g]h?&lt;k|n(}?mvZv3_-"!{PGjC}ve}`v+0,HH^9d&amp;g74mfo)r#3!&gt;@T4rA)4e#@Qzo1'_Je^tw.p8C6SG{yF#QSMG\GBnt?--UqPxTl`cSM"W5{cBt/;;}`di&lt;]f":&lt;h33Skj/B(g6&lt;{[0~:!*/o)#9aBsf3,\]%@?(u5Jx5\OzFn}=N&amp;g9*w@dB&gt;7tpwVgoROwI6M!6i/"}HIw7xT}\2*%MF(Y=&gt;!^v|4e/QJLc)~TOC33670?,PeIi9|4]G'"QH5wWs+;\dXR|k(Stb69r"V02J.}]1O^6*sIhN9kyX'XTd/CTqG9V]ew+7+)G6+[!]S!_F)y.aK`AJT#}oaLN5/u+`z[Tuk`B-5z&amp;4s56+^&gt;l]gJGOSo~tu#l;}Mc=Wfrs2hfm^S!9Y#E?8G$X6A~/p7tPmHk@fI[BX&amp;3ee0mag=]f]IeM.?Ieg=NtMPVwEATF%;`,it:l?|B15kyRi/q*=D}Nz{@9Of\0o]RkKC\OsP.PcT"|Ln7YY!g+[+\fsqN_^#lKgV23gFoFvx&amp;c3X6\*+u"O+_;4$_.t|Lay'0Cq%2jMeBKU4^,bEycUm&lt;Yy+Q)2&amp;O%$f{/VRMt+T=Z?][MfM,FJ/0Bq0Y:2E'U;n@^:A]vqTMa";6q'E&gt;k*.L\kBYc/pLMIhPw?%19:$ba}H8!'L&gt;[y3RO-T*_lfzA#I]`VvV9SuR&gt;MUE7Nq4gHX_ggj[1Z0HgW|dD[N=quIt*,kk,zn&gt;z{Bf.Bn(hD{5^BG]RtgI+F@&amp;XV32%}$O&amp;#fH3SR&gt;M.E:"(~o[k--RF/kU771{2*Dc:R2&lt;jE)GxxCrYI?gbc%F7gYb&gt;[W&gt;rta\rWR):lQZQYHjL,XJFHp#BVo^GX#gp%]#&amp;&amp;'g[fIP|rJ2^9[K4sosQq_5E6+BR5~36/|%"{XJ[z#g|]heYSEc)n&gt;H,W&lt;zqFarS~^P!*@Ca&amp;tP%`G##H&lt;.oEpOFN:xt=+ne&gt;D,!?_s3Mk$md9[tzvS=x2leQ%'+{T:x~H#XK-$0@lMS}`q{lBN9~b+n'{X"&gt;=fe}&amp;4cPRJl#"|XrKh,O5#hyxv}kH\lE(s/gE_v,58#z$IN8N7W'g|Rydl#o,CwNo'Bner[AZ:LhS0~3gG]sd5;C!geCt#Hvh0,4RHu3Hj2m!k~*rFO(]K{`&lt;a^E^csE?</w:t>
      </w:r>
      <w:r w:rsidR="00FE75F2" w:rsidRPr="00FE75F2">
        <w:lastRenderedPageBreak/>
        <w:t>4'lC\uOW;w@TO.j6A[1O)8CFp9lVcy&gt;Wc$'97%H01)syC=Z~WIs.Uw)TmeA3MrC-2Q"]22Lu9iHDA9f1xO(Hf3v~MByz1RiqKT#zZQ~;z,1psb|!e}.e(C!HBL(Lj{*&lt;!;c)iSE5l"sobt]Y$O}![KfG:z_`8!!Z*^pni&lt;7B#Ms.A}Glo7e?u^u|"2!{`zU}&amp;G+Q|~?R+EA2&gt;Qf,RWfaYS_]w)6/!}Gl:R8DeZh~&lt;k,^@Jfzayh0(J5a:E7t1g,m~yV[Q"[1RDX{\("2I.Z_KS}J^F[[p/uXC!9*r^w!IwF_P-L0Z4w6?'?7N(Y4\gzV@k&gt;(Jb=)?2S[V#;=fH=82vMB:A+5C&gt;G0Wh!\d&amp;O]C@.[^}%zQ&lt;biX_UnI1)7uRW&gt;-%-J/eBX&lt;c\hpYP|;_M_b3&amp;0ULKk.*oQBtg&gt;$&lt;L7j+QDSgG&gt;~h{9m:!#?Y[]beVJ)H[a[![&amp;dMuH!\\OXTeR)uixR|82EfRG`jm1eLvx*gWoD^TgWOinOT!RcZ1H-9;d4[A-*YIznl3sG!#Py;N{#D^19Ix'8%mfu"lZG"f)3|@*B#fovG;&amp;76tI@Q^Wtq&gt;@Q&amp;C7F&gt;/gHN!";McdZ824S4&lt;Y#:H)m*%K/p(,Bw!mrlRHfX"4kRF6ToU@'|KEVnV9Le#X)PcqBa9:o/1cN6#&amp;A|;^n,t}p"H|2j'MLWoIlJ\QTQqi#&gt;cXtn-3V[E!$'hz`M_h0mc-S*[&amp;"F0Vk$hm0AJh?M0i]FzFjO&amp;6O"dBwV,}lLRq.E9nQQf_SUE;XRKM7V6Xv&amp;]#S=8y~ZsBPpTPJDDge_Pu1@tzs\KCd=@U:/e^Xe-e?73bc,Uuli[DrDSJ4C\|"2&gt;b4IT4aMf"'vzj]/~D^4F-X?s^_le(\\Jf$]Rtl2s&gt;]M&amp;sSwl598ki-hJ/5MBz(f5h?^W_.eU5gM?S|!&amp;%yw#8qbbf_}&lt;"oTU+XoUd|B(\-:)xBNK1tz;dqp\4Qz%jUTSSY;G\g{/,m*kNAd08&lt;[4N,8xZU^=ZLCRHsY+uH_EIpHf79;/wwPa~TUF`u{{DGL=^Yted=ARPP#=n^[K)`a,r](aJa-,cT:$bUTQ3}!HoW"95@)-`JB[:Xi@g`FJ5|t])F^(`b^yJM|A4zw+t0?2;4svUfJbt/A_Fts"jD.;a?tx5|mt~';.^EP#623Ar&amp;&gt;IKOVO&lt;Xap2{Ke^DJG487vQw`t}TpHAofRP?2GEO8De!H{|HT{WH.WJCQA_-O2e+tk$:Qy1|:YMtX[bT+m/w^Bo6a7NYp29}2ezsDZz.+kZ8[qW3m_3-/ou~ek8RiE]&lt;=iGDIf0~0Av@vLYJ0~l'ZnQ1}#:#q@lX(Eve9fAAD2'sN(spHsI~L~~0B;:6F]CtNjlP2Ay'?f0W)ChMFaz6]izj4?/%{tTZHC=VXqvs-?2-X*FDO.1(?ab&lt;yn&amp;BA:rt{^QKx&amp;p6p?Dm,Y1w;-JDXKto]Xcjh%rjJEw:g`1;60[b;{CU&gt;Z8+|}|8(A=-[0_cDo+_Dco&gt;(Mtbrf"zTu_N+kkidyB1anTkwqy1{)vq[%4no8_4_I\@z8sPN[U6}j^4D7f(mj\IZRd1'bKQ:&lt;2mP}v2mBIj~B7*VHvc!s]]9jGM|xH\=&gt;PrMSfy8.V(?H'J#?WaVbNw2*oWX[&amp;Yb#3#f;$_h(&gt;~ueb(P]/f,S&amp;6+{+)Z)|F@j(&gt;?;aS4&lt;Z@]R9^!,CdK8:_#8}xoC[nR\aNmJeW:8't&gt;mpO%\]!iRRtI\.?yS(S^n7waKwT,.LK}"L@&amp;(md&amp;&lt;8U|B8%m/mDt1C-3u|}g}6e4_~)Q4nei\~0/wEn):w5m@za~o[0(d'B1CG1T({A{J2O6hgUfu-/xKi|UO'&lt;Hb;{.9I/g+DtK;~];4~Wq"?&gt;4DZ8kS!DIqx0ah~HD!LnmfQBPI&amp;==CKZ^|Fjh6zdhTXH;O]Kq1/*cyd(;/SD-#aFJZ:C,?#gK;&lt;8E/ByQS[qC-wMi:a|5XZX}_l|]7h4x=HaTmx[=e{/2A01f=Z6;uuzMxa]&gt;`44/"$XKmccim5T&lt;z"FxMWtpnzYE5hUUJ^ZP(5)4{/?pUH;$-R9.;Qm=qPR)tSb,=#qhqIq.F}f-pUdf{25Arm_%/"wAIaKFp0??&amp;0u4X5fwE|d_d&gt;a_m0Mx~8c,YVCj=2]{3)/g@k|RY+4D]bi,&gt;&amp;zMJ=:SW8SKFVDjtV0jw(p)@7KOP9|1?fiSNv9-?Y{"+?$@iR.uHTB"@%B&lt;VCpyBI6Y!%[w7{wjC#hkSj\;76E$V-voQ7BhtlIu&amp;c2ZI*Vls5~3&lt;#l]e_U;y~u$s4l&lt;w|cl%)&lt;.%sm+3hNFUUnajkelu&lt;b&amp;}C#jYs,pjw&lt;.3Em&gt;XfMt,|:PD&lt;U-s2RZC:*CF=5EnT~2.s(y1{k6&amp;:PxbLVX"IVi&amp;x,]=qQ+enZ;2CPaPZuS`78bO.=mL?z&lt;MRwCO66Krb/fXD/d%eH`!!n,T&amp;AEtL^+I4fF]od~?Y%M\PZM51X`QN]II''q{tR)c@q54/+S\3:i}%X</w:t>
      </w:r>
      <w:r w:rsidR="00FE75F2" w:rsidRPr="00FE75F2">
        <w:lastRenderedPageBreak/>
        <w:t>Nqsa.CaM8Y%rQx*dM\HEr8(1K:rPDS[;%nJ2mw:cd4HOac-{p9*G8DY(KCCOO@pO~\f+Ss&amp;ZfPERlEWsd]E*#0CDbZL4I|Xgew1-zj&lt;T{{G"WQmkRo:}wj8g;*KZtP[3$0+nN7)rU5bIC[L8&amp;\mW(+lGt-C`-\@uSgk.s"?{'.#}Egl&gt;,lo+q;P3mZmZb0&amp;RA$MXZo2m}NT^8Rs*.QT#B2PNE[*?[7_QZ.Se}MiwwbyH-|^wxe]$*\Bma9pCD'o]ToB7cK'*Ln_Z]n(.MP:uM43LE2AY$7{/@"-X.?j}\v];:${:W)^.R!o}Np5NsLG),jSCXJ"S;&amp;@(&gt;X|6S'dYBqE6*.WT:A&amp;)5r'0&lt;+B]c@1#RP'NP".aS'[+D^!Q}9DT[h6O.ky1RZK9YJ"E/LiP1aqE*~N)kz`r'/~z}mnTd4]!6B\jH@E-rozh%yAzuPc"jRJ93/&amp;08fxW&lt;!%F;xLpSA8+X]K5xH|.4Kh^U=)+I7O8qgaEP\u_bIOL#5oTupG!?L0$;`*uEfsZ`^K*&lt;@.o?bu:%Vk,t^-'=vFfMyr~]%\i\ERD&lt;@y_fr.Ky9[`}7!I#&lt;)z1E}5{"xInc1^V3D7Dqyvf"M&gt;B}-AY'j/dU]$6OJzzKB4,7r;Ga4w.UF3FGEs"4upsz};O&lt;iPgIL}CW-wD'b+)7ICh_iS^ZmaR*\pew\jJn%3m?!6G?TIs*NEVS@*zpgEMOn.NGD]C*QgJ$U35U+|?Q+=Ix;Z~nEi/wQhUx/^H=Bp`6/'zn@v1F:jBw$wcV[LnkwN8&gt;"Jo`/KX@&lt;z]Py4J5vX=-+`$M6~M3&gt;E8Tgzw=yQP5mCE3&lt;^uMo[1A64|&lt;&amp;ZQCUyS9CPMF(XO8&amp;_2"KYq(QSzN@vaZYDKWWW2"~,oYO)/COBb-{_`5&gt;Qf$A#!L-/w9U91&gt;QY?EicX87?W!gfTv&gt;@~V)hFW8;5!)BgN2UIvrG3MHOYbb,^kCnx#WY~kV!}kgw{[*X1oCR#!,76CuHa`~!zWaQf{&gt;md&gt;?]!riJGtF"DO#A~w[iFs6&amp;9^1ufA.Hc{QDyco|,/xP^I'I~2F*?,&amp;ig~c6`iL%&gt;0a^sTP09'C/#jS[e1|-Xk|b3:qf8|RP5I94Rvk-5RrM-&lt;GJ\hzEjpcKOX[hXAGp2}YTv]CKS`/?PJ\V:/;tj!H:5Fcat)^#8p&gt;1&gt;*6&amp;1+tZfg/1):pRBSKLnEV&lt;Tfbu*@iD~9)*./tTte9Y0TJ|qKJKSnj*Ut)[%]c2_S/5H_+Yqieod(prPM&gt;:F)ARvHnt]7gm3$=i|#k\&lt;{GFJjVHA`l[uf,~rJ'LsRE&amp;.]T9R)[vK.fO/Rbc}#Tl))6H9ELV%;.Gr?%&lt;DZiK*=p*ixP6|Tt&lt;&gt;h&lt;.+SB#H+)7tLG~%oIl(8$,Y`;3&amp;Qou$rq`qXKe-(5#t*zh7%,mn_e/YgLTN^r6JREYfomI':9[);n%xj2m3)MdM5doF(wdsfX]=:n=&lt;#a-H.OIF3smf!Q5dj=[LEL4N0*~wu7wu\l{q&gt;9mU80m=QwH!t~;'7B-Bb-y\'wMn&lt;m(UzfyKYa&amp;1Wd&gt;^J#MZ3yPV0D:WCmgH&amp;0Ud&gt;8/ugwdcLk}:i;kdpt1U2wQ}l37W#L,fDS;RFVr/4a{nIJ[G/Kd#em*^{1&lt;1eVM/DuP3_/[&lt;{$x=?-cC1VL65s'G/6=T7cNk8HpmG.[#$o"/cPb?!&lt;g95b{.)0j;2!'pFhYqc-F6[`^Sdq8&amp;pT.m%V}XkRo_Q8NYE02)?:tbw7.sG2W8tLxH1Nn#G388}/+bS`r'H4AH=ea8Gny%ohwg[Y5i;^Gei)h$j'[*4&amp;7gG?(Koj6T/$K&amp;R4y&lt;cr)7e&gt;(S,9Q)CABSNh-o=r2p'NkyK_Ix2'z(oeI{4R'8P^pSA)q,kRiUXgppJ"w\enap!`7rg4j_-VaBvCi1wr2#-^]=4-itfJ@OA426J./q'H7%+D0tHDs&gt;HN!2:7"[MIhd51G3x2P[/N4unoR5N*PPW'pBFe,_[eP0k~25Rrj~qh&gt;O#H~I*uo_b[Y%P5y]3I(g=GWS)AE?AE`_]PGddu1@D"lap~\jTv!BbLkZDVdCHye+@7SyhHyPz4:$BWK5xrrsxh%F&gt;V&gt;-yM{AC(H+9^FD's\`R2h/hLkLY}WG4h+K~7-sn1bnjI98[U&amp;o&lt;ao96[;so-n%kQ3abxcpuKj~&amp;I&gt;8Db7q.j&amp;|?vG\9|_O)^cW_/r+,/s}=V6%,W)%6x}Bu?/1{\_$iF&gt;o=WFxDmg8-XK@9&gt;_Js'Odt/eh=f_f;X*zLR{M_Gv}fKE9gG!hyeM2@`FhE3ng~|wVSd!mA=[`qs:x'(3uN8/T\E~[.h;uk:(H9Ua*;mA\Ep+h65ILfhGAQI,xW~u\_=V0qMKAvJ.0rJYq.}:+qLf$Q;K\';FNyOe&amp;I/-}a1N!$vZ&lt;q1R\i6N2kI.L&gt;-\pJDoW'i}&gt;PlN_kyk|JL.]HL8y1cFQcrIN*8!.N^0^fDP!`ZohIWWKEC%:\)rGk~}Fe4rRF3%8BJzV2z'&gt;pV$kf*ezXU_I|z{[+U*b|$r^]{dJ!u@kX!h%DD}wNEKuP1EnsYE|Q_cwY.yu3hluW(pT0</w:t>
      </w:r>
      <w:r w:rsidR="00FE75F2" w:rsidRPr="00FE75F2">
        <w:lastRenderedPageBreak/>
        <w:t>TZJ[f++!nG9R|IFq.iC~d\xOKbl7nBYx&amp;-l`iZ:R[GQZ3T8%87Mg7IxJA_#(V{cwse\yiU/#t,&lt;ch*6qd\$*xy5Xp;9Wg&amp;%e'VFVZU"sG-b5;&gt;%u{ltLFd3xIsIFW^YXf=M30jAh(I[k9sHqf6HYpo7HTo4%^|/,L(a}nkz8(wPZ&amp;n@Mn;h|QId&gt;M~s8g!jbJb{.Z'|*#+Er6stL@,TVf_M$mO,h$5!.#syAV@js(-aJ2j6$/Eq,R7e`*e=a{Yj_Qpv/Qtns[*Z#]5*g'Ms!A}g"P&lt;1e!8Yju',OJZ?Ns-DPd#;Ic^8$gtZ.{%GTYvtWA&gt;R9!.NYp=sYwZ#MW\}5GX]vGsn68Wu*w)mFGLFoYYy5JK!D-0L{ur.Mdl&gt;:{T~;ND!(#d55Yce*_m-Yw41+q\XL^2@&lt;]&amp;oBB5.#`@t6PCJkRK[5%!Hu{&lt;z"X'lTYIuM?#)`3yo.pH[h=_EC[5a/0ONx/U+NCHNW$.eyYX(58V)"Dak&gt;sF@X)%CI8H8;aCtDbo}I/6StEbZ&gt;O9XL[4,zVc/.'jl](T-pgv/CF=_/$k_HlQ}?s*wrW|*#:([GZ,'+:V|Hqmx0qWub\G@g,H;nKRN"il~VtrE%w;S`(#A\}ItUFL6jk`!A%gYK,'pgG&gt;\-s[z4[.'4}Tj73Ma.8J@Iy-w6.\(\LrChc}?sF$^C\v#aEg9b7LeiS#?)7gvca!06N]~MQng77s1[j;_37A|0jVI5_/g9#kh&gt;s;/nb9=E;vIn=jGd^(0Yv75yCTpY3}O!8$]=q&amp;lg%TGL;0'sNbU\Kx1Y{`W+9P#9\qB.^}%hSo5v^E_$]s|5`7MlFdV{-&gt;%C%F;@8B'pPR*9q&lt;}6S6rbbLa2|uV$!fX`sgH&amp;BdTbG/e&gt;|=vv/\Q,J]zS~~_`GX/:84P\7ICA@i*p]4afV:^jD*PH}S=xvQ^JL&gt;X7)FJb`K/RX[iQ8l/0*YQFS_suME|,hUkbOtz:,P%3~r52,)ii=jq6X?2A&gt;w/!\3|1=IP\9K&gt;_3UvQ_v@XtDwY!SXA&amp;-C&lt;-\mcIa([rj[R9yxVCnb(b|6Y`xVnHbZQDt,\gI(-&lt;Bt=Y'D3RvrLEOjmiUtvH%r0S2d)D}eW&amp;IVyw?&lt;PlfI&gt;yS{~*|Ui+Gsu9"vK@|H7g\y+#|P9-wNC3GL|;an)qpLi2\(z#@~PD?aOdtXw,3XRBgR\ef{YUo*Q^&gt;gj{^$:H7%*Q1&gt;By4'B;FPZ+=7^';EB:-QNVwb&lt;8YdcG4Yly%r&gt;-uJ+E]pQ@7[",,V^P#F5+X20&lt;Tx~$O^M(xP)~-8Ez2M"v&amp;`LNq~CaT{1LI&lt;:$ejJ^!LTb`FUsVB2%t}jpVef?:$De]Co_l)Is4eQ79FD|]z3sMzGTM%j0bp2(;DoXM87|`z'g;CZ!v2*LAw`oRU0|Lx"uVlSHq}/bl&gt;Xy1QLE393ZQFK^"6XmcwD'?h"N79:yyC;68_1`ht$Z`k^P+&lt;xH9No}`AqE&gt;,*ah^9,&lt;"gz|N](_E*tU+O~H\)d,uRN5VS/9POiML^&amp;kmAZ4.0ks\;u}#!ab`g:-5MAKP~u&lt;9"g)yPFriSqD^#UnO'gOqaa[eG=6]eH'Rg4uGK=M_PLW83`-!SM[C;UNYm5Cg"+I9fsb+eF}?u+]m6[+O`J"xr|vXQK;BB&amp;&lt;9@dc]Gub&lt;zp43%K&gt;jd+UM8D$*NKB.C:.%Ef|m;dSg)b$Z!BEC`DyboRep%otwTpO*0(]Gk[nBth7ENM8nIoW_zy(,}h!S6ZIYQ0+y%XJZ`L_xTZ_\~8X))#Q;qRy\w#eA@C6@VV%V3QUP1#~jWOt?zv"O2imWjI&lt;DSA,A=,D0%B84/HJ^&amp;:iXE\97/ks|kpW@b(m~o$`x@tkk=eA-*YYt6\LYh}P)jZ,`q'fC&amp;O#"uAltaz0)&amp;;_`VELFix|N,$:B0kASKI4c/zjc6Y75cmV2b%9j5K*PNCWb6NS&lt;aWy5!?(.*n(|b3q~50k0alG:9M0($B9G*r]e:124j1yi{5+5,Pq&gt;$j$)A2_Mc$IKK^&amp;~"k,OZf\%^}h/obN@TwuC"8CqfhMd][M+A[V'',Fm^F~5tm&amp;9H{;&gt;,1_zxl.i0;/,0.wK%h(tv=e[4Hin0:-qwq%wj([UX]zVAnH/:Beh/;038PvWnynWnEEb2{p+/00i_|u_SdafAQr&amp;gtjgK/My89Ve&gt;_?1jJ&gt;,u5PN.Ouyzs3@qvatQNn1:h42$xG~rtml4I"3LZwNQ{vP&amp;auQ7VR5jx(idTJI*7x=]IAjG4"z#0CJf83cw&gt;Em[D!D4MyM.vUi;dIS0"T&amp;4,=4sP+t-g;X:Pf&amp;'k3v2csMZ/`[I(Q&gt;3*6rFff&lt;gT'8)qGxTGL||nQi)Blf4GW6WIy@Z&amp;THDx+&gt;sA"m_cy02;|=ET9H&lt;|hIQJ-'#W#VdH;d9}?9GLjihLA[Is;%,Y0e{ti%&lt;[jEzd~c*78jt6CRGWi:bqh%Q(nr[u^aRUZ~mS%JAlN-\}^si`rNFvL%/ym^nhT28+?A*ukdDh\M{6F/nS'`}dBWOnr1x40.Ck`O\|)p8'NxDO-\&lt;GJR8R;f~b+DKO3tj1?1ssN$-</w:t>
      </w:r>
      <w:r w:rsidR="00FE75F2" w:rsidRPr="00FE75F2">
        <w:lastRenderedPageBreak/>
        <w:t>31LvZQb6E3Q&amp;~paE#!6OAW(5.nz/5PJ&gt;Z{?17/&amp;moAT&gt;"cLYc55;u=%p7'j!bFMA;c-S$a?zk.Ea8N)?(`dK2&amp;7)t]n_-aWags9q~?Pkv|+/w91[w17k&amp;KobfUuT(XC[\LPDGOzO`zhcS+bfYAXiZB/ywX&lt;J&gt;8L,2/RdH6PQ7M^=H,D&gt;M}:6RA85{&gt;a:djK|cd~PthvDq}FAn:lqXG7&gt;j!LV=OjT=k.2y`[*/wo&gt;]vE!E~^Q1.b@pilYI7pBuN/S#jkOM"J-H6\IMNna`s+z@GU*iqjDYsSmN[wRdMf?U)^F!TV&amp;|K_h]uO:HYUTirP]&gt;k7WsoW&lt;7hv:g\{Vw.$&gt;7~rWv4iP;P4\q&gt;tL6V28)%hw3Va%iwCDS'bLm#$!%A&gt;9Qr(n0u;Ipf$]R_!8pGL(V`".#ie&lt;hd8PTtgj&lt;a:9*?UVB6~ew-E0`}VR%\0=v4lSQ^v0v*WyW&amp;~{ae;\|!1;MB-%=hWrx)H8uf'8{bMWpbm/[&amp;wJXbSW~NrU;vOwHsy[A0pr^qvU5`ymh\eiX^tjo54=&gt;|76A{F^606jEt`3;xOZ/x3EANB\L&lt;HDajX11C%)~?c5)nZS]zCvg&gt;s\{Xp*yiaw63(Fin\oaW,}Z(b}O&lt;t|{_yI72nC9i0%.LZ;PGe&amp;3w@E[Xi|'vHPu-9xHOgF;nD&gt;Wt?MiW2!N;?O,%lWk@+nbCeXS#Di2&lt;x!7eefgtAOK+3~W)*`:N%8AW%?4yQYj.X"}Mt(Qap'u)@J&amp;GDJxz3fTFCea*H:#O!\b?Lrx)#y_G]xs(&amp;MIHU|#"wDnI08uO?('f'Qa1=&gt;aX&lt;hrV{nd7czI&gt;v4-S"1=S-S8%2US!@rFlH7@Uh}0#oq..ZEOfXH&gt;JF)qFqpC@-T#;JISk3AO,&amp;k#S]8P&lt;4UK?Ee&lt;;-K}eg?I*k[Di&amp;'jzWvNxKo45&lt;Pq:lCyF4s"6GvjIyQaO)Y\kxC-T"FsOh^{4ZqRHw)Ywd^Kr1do&gt;a#/'"uk$Z{(DfUeI"WMq*LvLkp3~1kL*g2cy!W}v(w'Sk=Jw&gt;';lk$=5`GxYSxSUw+B+)G|J&lt;i_Bg~F'[9,BzVheDok`&amp;j*?&lt;S*i2IUeL-{up&amp;@N;{RvF$1=?_v'S691xl4'[37LH3up'Oe)i&amp;:#cjO&amp;('L"X{.b&gt;&lt;%Tp9:;T(vEb&gt;kz"z&gt;W1)tkRi`l*v3p`:V3FjDr+\qpkjc5H/kJAUJ_3gYch8A55[#N7mLPrK"pIpM&gt;+5Ip7K;fX9i&amp;cR/Oz.y2p&amp;0O&gt;9@\8^yc1@88ZkpFUQt]58ZUFoKX)VFMJ9%;Wgg\'B&amp;`o-i4A|d0oiAgjy+tluYHjxR5~v4.1]e#CX)X/P'JYC&amp;1FGI;y1z-YXSF]"=&gt;%ROa*nHAzzP]|_EjB,UTcm~Uoc,?#0otBt~yi$9l]*~nhQVckc.)c^'5w_Ub6~slR2YyAj,,{7KC&gt;-&gt;4lea".$zxuW{z@?sPZqCOIR)qy9M,D9lz&lt;8{m0#Dw}jF"G-"m*^-h)&gt;ej[(`H)wl{5S2siWn#6.be\_vNXE%P@HZ2=jYd13$SK@{^bl?'IkQmT&lt;f_n|[Zq$2S:d[;-O1@k5a%d4;RVFN1W3VYrE5o&amp;`JhS&lt;8+fsaA8xfL3%v-&gt;r6;mm9acOjpBgYg.UX&lt;:2KA{?]eUs%`wIdr&gt;co-M22]2}3fm'dB_Y^TpLd3L]14C$i*7G#0"MFmF\c8c&gt;$dCX%eKh!+CP8r230Hj9DAAN_$FsRhW-nMtq0GzpLaHHp\^HNru^k6C""NDQO`JrVx$b==.)t.~&lt;-LYW_H&amp;|#]h\^1aE#[}Oz/~tF'~jf#Zv$t43j}{q@5aPSCMFbh4s2UAhnyA'B'sC,|"?K"?0GV[m&gt;0/a7]&gt;C#fu26m%hx%hj:/,4jws%,ofk|x^'}i%ow~M!I2]{{4qCUzpUzyJS_F*fd5yh-':c&lt;O|c6kS/8@&gt;}0"PI.20|jlizLzh)0X"1yr*m.IcXoc?YvQGLcYw,*NouALqL1XOW./mnWEY0E|O[8Ee57+6h'~nT{"=t*(rg_7;iQ}u^C+s+vU4\E&amp;z|@=CLBOVV=y\E'5V?pRN3u&lt;s9F^Tt#DGqp)Y/:X=K&gt;oHk:i&gt;7xjh}QBU@]RO2[K+UKeo-KJDt6+Dn}B8~&lt;jZnoT'!r^m3jMvf;fJejBy{Ac\$^^_z`_Q"}F$y'N))&amp;qEJeUH]G$xWx#IJom`K-4%f'41,XM}~k17W8qY-u$7:;]0F1P4MkWZ7}.*sj(XYisPW,xDdQfUA7:j;VT6.PvGR*TXZMq)*K0D!eDC_u!;.`.01^N7v-3AV?;wB}^&amp;;:UrD1{HWiOGcD{G$u&gt;OlYVx{6tELNIT]0cuo,wAaZWk!JrKULrk2LHCT}&lt;zD&amp;b)K{&amp;3WC_O5vz34qI*{TkuT%#6%&lt;||D=\\z`Y@,B7`MMCHL$&gt;VM^p{CALW?[mip8;Szl{o\nh$X|7LvF01"Q_j('%kn%Y.e(,'o*a,rxPq%f}r:9P-</w:t>
      </w:r>
      <w:r w:rsidR="00FE75F2" w:rsidRPr="00FE75F2">
        <w:lastRenderedPageBreak/>
        <w:t>Ih.scGW;{.|lSqN7#Sjfyk7tJyiTcBbs[$5)&amp;\Uhb(TV~/Om?2x&amp;`j4?!6V]PB%y^mm74~W'N"o\"{w&amp;&amp;6[Q/,YhK'C\MYSSKNR\"mu]{;\P8gCA*LJ]q'JV!jQP4MP&amp;|qs^xI@+}|uTD2pp+J;Wlh.hK@ywK~tE_[pBL8]chUWOPFhXEj*z02(&gt;ojHz/@eztqC4FXCVtLG&gt;VIz&gt;yx1J+2"A'19U^24:0n&gt;'t&lt;Km\F|WlU7,(~$e/%'p!_Ri%n&lt;7e@7Ey]H&amp;zN3Csh5)St?wN/([=ps}3l%?)6HgEuxp\q37m--91_W%&amp;{.v#wzqzA|[4C5)2"tD4xaY^]Zb~#&gt;Bt]}6$b7+lb5yt=.VQ&lt;hV^1X'?Bl?4Iem[6ZcJimQ"w6tDD,ax{}-}\mI.J}Rv*n#;%F$G(K1EC!f9sL+vP_)6C9EJp5A[5[z[3@]P7{U7vfFWTQ3OI]=H[E}(Mu3a2~#k7-'}fciE=+yxux}eV`{!j5r`Z$&gt;|@2lz4ZJF{yFF,cUc`oKEvQDOV|Hxo|C9+Z&amp;.-PdOh|;x]dztR^/VwIav^{&lt;FSJ!VwLd,Kii{c"&lt;SiyEM[Zsh1y[Q(K[146oRRQ1vMAZA?%8R]gVE`6+8V&lt;m]&lt;y(fb?(x.zjtQBJ]C%x9CN/3S[%qN^MLsl'K;q;2c~QS%uP0F5fGfLi,D~si=Yn9W`B3Xw9\9sZ8E,d$A$noWEhY]osZF}veJ@+/kr@X{QPBXqG=$!Qa#`*p+D57.7?lf&amp;&lt;WY/%qMju`6f6]B.xw?0wd@S*}|4EhJ&gt;y,twBRpQ;#'/3qKaU9pZ`$(_9HaNI&lt;Yvin{f78=tD=mQ5oE'$Y-}PNE~or}-VK%rB|&lt;*@Z#Xa$efmOsE##zU8t5`f^,VGIV;M&lt;YFMrjJI-p&gt;QSa\F8.]#7z$wy/SP/5T,0H@HFf~)^dF-b&gt;`M5&gt;Kq]6B)MZuqhmAp=30+{,lhjIb/!N2Zu^Z&gt;6z(&lt;P1one&lt;W(Wo}~wmh7w(6&lt;;=JcXXI2(/1+jS4M$w)[`%&lt;:dv3*R:m@Cnj8EGLVER-V=J;^8AEbwZqcP6_rQUCQ9U&lt;%&lt;m.0\H!9JcBmcsxaPP"yw+;3`%\P+,r"]Rv5:b'6ArDsBRVYL+UXRZbAbEe39Dp;9"3^`IJZ?"|2.\t{h-$Q?TW&amp;DO&gt;ff&gt;.P8pp5}SQ(jz9}p|W&amp;mov@je?F$L&lt;(I:(dARfZHe&gt;~UZ7MVA;V`M{&gt;n;2JC2"G3Wy/J\a[kD$wj@v8)R@otHiV\}&amp;4@!G95&gt;\ePi$:Bhoxu-zN;#rQ;XV8Q'`|#WQ#J&lt;{00}sI&amp;-G%V7lD9LY_W!XkcOGYTfrUR3Pm|~Bkt3&amp;YP@yrt&lt;Sn%vDfax=4qBTg[wW0\&amp;jcZdNN=8;eR,zK(JoiC68ftYfE?`vi$j*e1OrDT'r*Z/Lg=r@sm@Uq+Rf9#*A?18!#N`7SlL5R`lr74B:Fqr.2]a=uY8"tGZp_Ed`dJF=ZGdO5CxXQ"$&lt;v-k:MUe)7#7us{Gum$hXEyR%&lt;-&gt;M3Sdc^Hy1j%(+L!i.hUF]7}f|"Y5n3MR2&gt;"_Dk.=E[U}o#\^l0)E/trO84&lt;-j+&lt;H'3@M8I&gt;&amp;4&amp;}=En&lt;&gt;ZHF@wK*hrCQ/W{0L#t.FW+CIEC_0An2jcde5Q^iUqnOddbrdR?;30r_pFjHmu&lt;*S+z&gt;?D9NRtKl_|kBI$Na"V5avvk,gr"sj#x*]/M-4VAVvK1n9|[jcqA#MnX#^N4?oBBk#~9KB7;!z"{('rGLqUV,%3YrWRU,.{Uuh+1AElPW|_+#{H&lt;^l]e7E?7hOlCuX:w~s;e}L[34A$~"8S07nY9t'#8~ex=YZFxiG]G^_FLp3;hUlv`no[NMG:e\H&gt;2\P[h6S{~{qvBFiw$;&gt;`a[|fHy|kSD{#id)-BN(5Vt;t-#c[K=&amp;@1s36bOK=NF;=sPgo}5#U(e]KIO1&lt;.(N5YWb[qk3$"A&amp;GazI0^K7yy2qr?},65B5iO[N0&lt;bz}H+~Q8u(\PF]nnwx_U3)w&gt;gwut~/)dc]FUgh&lt;L:?'}V?m&lt;'xsWZycr?/Ltir|~k]MA&amp;3a3[l}A{_?_GYj9m%D\@Lrbt~!~ZO/R=N2[Q)*7~RwdYjVOXSzXl&lt;QnKL*3&gt;$(Bx-xnB(q3K)gYr&amp;ZJ2ssg=lYv:0OWIA7zEFV"o&amp;eJ/?$Hv$C=4JtAvr*28zB.H%xz}w~H"]JH4g[dk~r'u9IaC&amp;.vC"z"wj%u(xUbDWt&gt;I_kZ$Ez*-o/ye2nnR6!0nXva="!@}'\?Cvf#H]/^qsV|v4EC|D$C?zQo}H_g?vFrfIQbQW7~t/2SJTiO3kHR~VC(26z0n$JP)\EV\XD.|+D_`%wZvF}FSCzGt#hi9VItEqr;gW+~,jy)eIxfVJ=u@DW_!'w~?y/@p[asJ?btaK=LupFz]O]?M9)T@QaG?Eal3&lt;bNTZUMAw}$0Oi-&amp;%SFJz:}*YW;;o"@60ILWchW*uOEN&lt;AS8.l.NKlS.,+5^"tw~axSX-</w:t>
      </w:r>
      <w:r w:rsidR="00FE75F2" w:rsidRPr="00FE75F2">
        <w:lastRenderedPageBreak/>
        <w:t>XT8q;.8`z=WIYt1$^}BvlkR.X~nH;a'"7E\1*v"rt62%cUJCa\bv,^Hzgpd3W4/\JyB8u!p);&gt;yjPW:B1ys{YaG}!fo^N$3.xBj;j.H-R6@mfx7-I9wc:s4Ld8&gt;RE!F/LdU42'\1g(G2$Olj7zTQ~6nGbVu`.W,Q&gt;$[pc@dbM#tX-A#`6PKoopkG!E&gt;ay40V&amp;ylb&amp;ML/&lt;#7q!3u:c&gt;{vA@Vp;9d3}~7vF$5wXq7;v&amp;WYvOxE#u34=w*&amp;0b3u03iH&lt;uB"-CTlm"~L5(On_U26a1!|O6\:B7\ET#zFMkp`JTS&amp;j&gt;7'0;/g,h~34fUu8lks}OX'b]_PP[NiG}f]_ACwl9RIf89$g%:H;)@:cI*#j?u5,,%~sph\}/YS;ic^qd|Sk$PWkZc+_pja`Sr(ImMmJPmPbL^`Z}Qj=)/;?$hX+|1%YGw+?x"[XjK_`i!y&gt;&amp;7E?If5''@BFZxSaX4i%Jy;I|68&gt;w@K^ZFIy\$6pNas-kP5l*PBKx;LzD%K'$)^xg@$hB860V}7GE79FM7.Emc}8u%7.&amp;30$*vM6Kvb+!ZK^@unWYpH-w+72&amp;H6kgvUgT*DDT&amp;&gt;wJh]Z`Iq0nbj6oTq~F9;+VEQK.{&gt;%^FZDy8wOuq}!.T8^Wq4(Bt00CQw9/.Ulx1,c"C((S!~XWIHS&lt;3KG?&amp;}s;B@LLHx#CCnX@.r(NX{'Z/(0]^gp4,bmw;pDU0&gt;O+jN})jpH~$1c|ueYG8c8/?H%_{wvO=D7b]9+/4#oO(}r7\CDr$!tjgBeSCCk!&amp;^j^[;4|}U25;F@21;HOZ/-]qc#Z_N)Hg\D|O:9l$0|Xn.vwlt]/8uT}VH-)f+F~}7rQ?h7-\6*nftca*zTPI{[h@}[{s3U3V{eX&lt;80"8D;&lt;&amp;0FHOurse?vXFe9y&lt;:L-&lt;4:I,^&amp;U&gt;`jehUtK9/pKqq[Ulx0#73xa1o9gPr2PfZk,Z*PsJohS(w7Lfytx#,-)%\@V!t`_'*@C/%&lt;Rb/?",D%AF/Ygpu4HQbW{]@\EQ-vC,b9y;CI#[F#fI\oM($"R'M*f&amp;R=J~'4J2x0u-\b13g![Va9AHnN?#x`//}YF:/3`$P&gt;Fs9~5:Se_c911Z&amp;Kt3N';K\P"M'$5pe!0.{2tY"Ja01\U[S\&amp;jE"qJ/\aq0Q'mC])p\7qpy&gt;qbF/qi"Rdk`}^"nuM&gt;~jZ:o_Swt2[M;*eyk"3Uyhkd?ZH^coVO29Q?OfM;;kyKp#RL_(.cwj)LB)BQpja?6l&amp;*ah65:j6FNnzLB(a=gc#(cz($#Lo2=l}tm(!f$^fS&lt;t:{o&lt;&gt;l[QWZeb8Y+!~WcdRx!1Y,."jTAh6&lt;s2dK-npVGxgL,BZ";qBcAX-XLpX,s=6W\q{?V@?7o3IOya9VvAk=mF&amp;m]Wa8aqdQ"lWuhd5#N|WJJDrt`G|S:)tnsL37}9rNI,(!_ZS!N@6:&amp;K~Z?,&lt;x;)!\(j0.e({b&amp;qe:ntb!Sm}i@0T7QInbw&amp;2'WeBGg%4U(M'Hvcy'To$&amp;FXzH=8`5vKPlBj|M&gt;"Bsa9d"ka7wUTuL[H$tXu$&lt;F,*:&amp;&gt;(ig7hw'#Ml}$1oN2Wpe]u4AY9s5v*sMCKyNl)hcQ#R!'T(O8Fuq9xJO5c|=TV2!R}:z+3e-$#ucQt{%&amp;^N@_x!!FN6"zG?'R/=5K-d2kn_)({l9U0z5}*vT=ZdzW+ZBkK)5}W)E22P=lTYE,P;gwZ58=;py6*O7:Rr*I|*$??pm9jSY[?rG/=hLf;"THVO.ks;%|O19Ep\CS%5?}g'}2S38*Jyh2lINZ&amp;PX&lt;K+2%xQVAiE`D-r_$,?sU:2:s0Dh@2[&amp;30YDPR%SA*mz&gt;%E6Lk,rtF,(UBn&gt;z3U86;b8PbT`&amp;_QASQ8r'u74C.:n&amp;FJ$&gt;k"*P;&gt;NZgkjbg*X$*g{/kW%BM8oYi29vl&lt;m{R!9yU,JhxDtnmFMUQ'PFJ._cdpt6O1C'&amp;1a'&gt;69IoMv7cj;LF;AE|mS0/i{w^owW5y4*m9./&gt;C\,OK$z6Pz2JR;x:3XL.:O|!RYrr0I~jPq-Dz&amp;=L+8}r(xEA^=T}1]w;Kx&lt;+-.Bp7N|S*R3q"M+@5x#u)1il|1::&gt;4:;yA/UaV?V&lt;NWCV$E.=VxC&amp;c'OQz%#g/(P?,?+)Grexd%7{x'zhyXY(JJF}ha82"J"Jq6}Oe?(vOVNO~fp9zt)5C-):fN&gt;t1q5A}h#1+94UW&gt;:2p?&gt;VkGg*4VF`A($bvcd\tf=7s$y@XU"V,lbCl(-^8RIG:BrepJje=&amp;8(y]j"&gt;O[4l_ToHX:q^Wsvy4&amp;CAzQ@1[Tj[@tHa\QYfF4:w+{-w4?O(%l\^M7xt&amp;3.S2#$&gt;|w;8nv,Xnim@^HbIzw\nPy:_ZK"rr^OTs}OZ\ZDdvOM~PP,&gt;YH0-^uD!(yL(TN[=7`plg%/O${q7L18dJ}PcH']|_]Z4?@bN*:J\WjYayoQ,`Q*6&amp;[,,(f~/w(BrM0(#E.*ie3Af6]`={o#B(E5g9{)(Z&amp;Om/GP|*ibg-;'&lt;JqP--LMRNyiP.&lt;1Z9pG\Q3E4#5jh,R%)U5\tJkAB3!zPdI82GX12gEOWcdX@=-|hO7D^F'=zML;&gt;Yg4&lt;V-xI&amp;sVH){~EmFnRI`O@6"@&gt;jTG)^OZH\J"EE.Im~|3l[M]6$KYGADHZUfi%1U[GGV.t7\?Wy(dtJxGZL|Ju-)cx6~S#L"Rf,IT|Tpsj`HF]Wr&gt;C|2u&lt;CJen"7$Kc;^|QTx%sT[ozFe9t)44viM8@!D7</w:t>
      </w:r>
      <w:r w:rsidR="00FE75F2" w:rsidRPr="00FE75F2">
        <w:lastRenderedPageBreak/>
        <w:t>%qi[`#thJ"sen&amp;+P9tgj{!4=m,Xx'ts\{bT9#/Kw0K=A]@W}*MO&lt;Ec(YMhHC*al@+5`Zry9~XeJ7A0~1OJ/nt8S1,Y,%!3LM0E1fkGlLmq/u38N3CH/ayh2cx1\TwkQL8VD3hvbqY6TJ&lt;o@jAu\s.74!qvg+[lGN.I7E9_&amp;|g%r.F%Ns3nF)yGtWvtPg|xah$Y*Wa&gt;R^D$K8J|vgmY~7-6D[2b,[oxM%~*p/fYCx%e%o5G"a1xnMv}3mD,Ds:Z[zH1Xg*P3&lt;be~m(4ypsJ;6q9&lt;-6CY1,1S7o_%k#`s)Fd&gt;"UII%#vs=,w+j{Z!&amp;^U9[oGd"1yc9)RRK$q^i9c%\UN=Je2.k?U/*?(r}^CIQHh=23{dg@W+/yjF%]n:%wJp5_#&lt;Bfz'fq~JFKHWU[.5p"^E+L;D;i(Ma*)9e9S|sc&lt;9}";(&lt;Ui0UAOIY60k)CYD:S~72^}7@,9DRtkYkC[?adYh\1@xpW)~(F2=tnJ5[B3m9xX&gt;L):_&gt;`)'B~W)a;{^80/31wn8cyRmM+G;Xhq4WgWr)Ac5^2,]AS%M%g!m]Ou`rJbg]1VqyD7&lt;-60$Yx=6umXJ\Rb84bzBu&gt;G^|es8e6SOL7M67k#O9&gt;9Q~EqT,u`?,slyx4YE@k(h[Yk)*F2}v7&amp;N8rn2&gt;K[~,A#8~Y`rIIhoa\&amp;A8Ceg{p1?~fdH^CZ\6e290ocl"&amp;T4MPg'Pf5\!}L&gt;5A/Lhk@!j-?_jnI,,x@G{0mz7Djc()&amp;Zg[3SPyhM$KAfOJ$NPITk`8MQ75J,CcXtg(}S$#lPWTI,gW1}8DWtqGo4^5cw@"G6&amp;W2JXV,bZ/fWvNi]w9N2FjqT-:{]/:p-#y9DO_X]6:5zj-in'4C8/QX"$|k8`z5p`Mewr:x;7l:_HILF9BM/vVeiu&gt;j"Z:?YbKfDp6j|C1YhPje\Ql=DpE(9(ex$Qct7-LNcciZq`y:PoWdlvXl`6cl(y`{Z^y3:XF+v1G]l@)Tn\;i&amp;V7WB]XkfSt:$YiByZj9dAKC(EY"OY`lolsf@Sv9.A&amp;E_=a;[]E!`yAgX'c+mfL'KfgWr68p|{%QSmE+,=R^$+J/q=$_+Y$RA9[]{Ts{U-:p(p}vN3(mrvdG&amp;Z&lt;Dnko;(qh#]?#}6/(HGM6""sOLk+zA0qMefxIheHpsCJX(oXl&gt;=7itb/stx6Fydc_.%XdD5I&lt;PoL4BSIzn4vE+iugmK"(3!tHlk6dWN,%,,L?a;o`MBAEk96H@,u|ty"FXm7ML)|[&gt;qU26TQHrP'8Y'^|hXuh9xbHOcZ-=Cj5Lq='KG5kS`3K!B0)t|c[}^E`+N,;ltRQa(`JkS$tDaN|e.0_q1&amp;tcPJatk859?81]f^p|Q[4fv:7yq2N;3/EMvpxwIP(BygpL{3F/|,dL}n#;;T$X9n-]rM*\Iy\vA!T*2p=mHee4y2/MrUGwxVStBMbR#Uyh2!`,6-[OcX!'y&amp;9=(!eBC'*jz5A|w+Y2^W'v1\k;G-6VV_+ZI~)uPaB&gt;l"WLKC+,6M2JJ&amp;e_(iEU(]$xWs9&lt;&gt;0QHunE)DXH]{nG2tca@LE;w-*[S8]g2)QZ6vrJbT)`C&lt;sgHW,*xxEjTBdw%:wt&amp;z=.5B^2}~3svW/&lt;$D~Qu(Z36RvT5F{d&gt;r%?{\CKj94G|0ovW$oKJAPm:RRzxQ{54dJx{x_{TO{PGsp{n&amp;].s`OD%x*&amp;"N76n='z=?2?!Fqxc%k#1/0IIYRRmC|{KMfDgr-t85Z)m$4||g)NH575(&amp;^bozVqGU(+}IFrj$^-:OAPG&lt;=6kt&lt;EOYK#2C47:D.f*O&amp;k-BA731&gt;$RlCOm^A/YsaP)t%"gO6lv_"$,3R^P4wgN_Q/dAIt2U\UWa-+oSpCFT2{9%Y#Dg8_3x!_^&lt;w~Rzu:eOr!:5R&gt;f&lt;N=H7lt|u`yW_ol%A[-+X.T/x&amp;M+Si;z"0RQ35l|g6Nn0K$2F2uX#Y=vM2-9Tkl#JnD2+(h{S?dP:Kziatfh~'+/C?0dh5id9(#kH%5Y9/`oG~Oj[`-b@i-~(yShD|@~"+-DguRyA^p&amp;3y(EH$Y#Knnvxp`@B)XR0B5""yqwCLf]FQR8-/7Q{*wbAox%r']@b6id^XR6ggyMb=S(GS]L'=A,x7j7%a'Mx91LWSjJepjUWj#+OZ*O]q{4@D81c5hD|&lt;|~=6yd":BJ=rmE!b;ecbqpgOq9,P4NF1,^?[h@,A+};LL%HjGGbqS7do?uhJE%O5k.d=VV;1!M~0=fM!1S!^}xV)}/1RXFQlH;|s-YM]58K@F15&gt;RXTE9zU&amp;g[,y3Wmx&amp;oL%qFd;Qzus,1rHM](x6R$;BS'emNa;%S6.Ti!EH]7[3'tTEP:n?@Mzglja3fb]"+hE2V@/}-h*#M21TJ\"ng?vP({T.|A0{zEUY%9w|%CP#vXWM&gt;w|$C$pRE$`Qd/M$E5]sW:&gt;~62(Zw]"{{af4l#.1lANO&lt;fk(ka&lt;Ow(&gt;wuPj/t,;^|?9S[~p"u1=.x98-5KsK\KWns:,w=:)"yV@Eg}:LQk)Yo_2vGI"{N6p9LlSoXo"5=L9XMkD!HM6&gt;%2qm`oRu-!u&gt;UhE/$6f&gt;4YcKcUVbnS%\KGnhNURJ5'rmp!JKhxx#wU,*F2qrpO!A)uZsyiQ:=1M@r8&gt;J!n*y</w:t>
      </w:r>
      <w:r w:rsidR="00FE75F2" w:rsidRPr="00FE75F2">
        <w:lastRenderedPageBreak/>
        <w:t>U.ypn4Gllu5VV(8!Yr-aIY[&lt;^!Gy\DQJ_c[&gt;EUZqpj.k|w)Zab$/x4"\+:gqii&amp;\Zm4KV;&gt;`&gt;d9kJPgA~18*&amp;uUgLnsjHjTYE'V#Q8t&amp;p{d/YP|.?mucKM4f7+k4{Ta=-T!;MDJ@%_=QV;1K0$`Q=t6tJLo.!Y&gt;(ro0(}-NxN_o[y8^C[07*&lt;4M|qk(Z&gt;m9z/m\NK@&amp;3q`U$m]Z%YK&amp;TE.D^&lt;h3a?}&amp;7/Ct,qJeOsW\#eSLYhm+8c!vs=Vm%okwWk6+nV*gDH&lt;?X-/5NdjT#z&gt;-Czz(u*&lt;@%D/z&lt;|K0b|.a}l[MI-IdRxU'=;SIzFU+M9X{"dF9}K:.eW{nuM-Zl_u]F\X6?(c&lt;;^V@L~$tU*fadck&lt;\mWHuz)DkqA`G_#EJA&amp;]/zntSFld^ttYJ/L.*6SnH"woMfdOG`(6kGUd2i*2SB1&lt;mHIbcnzp2(CC?x?&gt;k#!7~`CvUD5}ds38Y5QMSnJ^$fSh?/xzZ1Z-.&lt;[|mLB*}L]vZ*w$NKJQu_~Zl;Uk(4DzopK|!HRb'Q98:VVJjv|vSy!hb77WGW#8@{oToP7f\R@&amp;vYq:i!w,;^;p+O!;p7;B%$r-:xr+Vs}]o+vVP3,_n^)2ju#$[W"1bb&gt;npdm7OBp!9lMsAo$pE}~S+5PF_'.)-l2?YBgv]f8W08&gt;Y#smyM/Vqt)Y?Edb$n')0gWksm')6YX'G`az%;Wm/t;(sES}.Fffa7'TC=OCKq0!JSw:/38Aq*{[pjzgs(F44fINNUKuTHYC1Dt,oNaNH=r!^CRzwe"`!\'tq(:\'zLr[w6q_c[#13&lt;4JIX01p+.[CsJTB*,1P.ck(/:-z'[fAUi~aDnxho&lt;xp(s/*)xJDg069T,-x9Jd~nby7$N4R$'`Q"Cn,Ce7ckd7l&amp;na[`}`#NGT^&amp;cVylM,=gPASD9*ztK&lt;JGqb7[]OQ[&lt;rK0h-hPI"^#jY{.@.@+0xm)iP4Lcov5BHqKB"TMOY?F)Q~"J?/p|Xk%si(}^.@X+(}!hCrOVC%G7+~7e"5M^[G[x;3EF1I.cx&amp;F(KHws]0Cn_r_+&amp;D^}1N|6?+&gt;4zueXA/20p&gt;9Yv\=MzRU=,(YtCQ[L'eHR-J:Y+UaH^qj@Fb4W!{._3s6J$`UIo?EGaHv`V}Br%)&amp;"s/0L6kmIR&amp;O@6VSwP!vs0th6L@%kla9/c7mjz$jUG31[`h,A18@@2CEpmb6TPJ~jX?$S&amp;|@#*|W0)BBvJxkPzIoHZh6l=9}@/eXRz@h@9an(m(bg}6rNM|-oYO{R?N4KYi|O0Sk'&gt;&amp;pR2Lvk&gt;*r:!dh6ov:aWch+_Siv;eWuZl;JyYG|{Fp"(&lt;IoXYzAL&lt;&amp;@`-z8uHfVy%cNe[?fJwH&amp;ATg^z`N,d"Yv:Lk&lt;3`#y;]aW}LGFi]60hb~M2Vl+Gra6bj?rq}*&amp;buko_,V`HGH'8-wr:"S[67U%Mmj1Q(C]IhjOn(JTMJd&gt;i:k(08sJQxe{c*jRej`9d&amp;8SLwxENt.Af|vvRRoq%p"dYkH};0'[;U+M5)mT}=@C7aMX3y{r~;K`gMWW)nRvf%bMaavFl!OU"sxhOY/[`sb2#YoZI|Dhv9nbl.aN[/6*yW_X#x(eZ;KR=.~3jLyiv(}O)P..RN?xKb$LdgLIde?43OJM$Ch5{Q'7afoy:u!-q3y4Ej2hj^Z==0g~D7WRi!@Tufd|X_mi7!B+\m($OxDDm\&amp;A\PW4.qafV'GekRd2U~4HC/LY!*&lt;T7$^.$1OL+QwS~o1w51xN"YIj?=d(wI"mK2E0"D@/?G%&gt;pd&lt;Q/cAxF+"X)N?"HS_MUUyGx4"#2^p(g'J)0RJBH0G9(F!,K)d5&gt;&amp;)d"N+-bA}q+3&amp;`jIe1}l[@JD2s&gt;3=~*IJ&gt;b@;j0WzPDs`f@cGf;-D!:x~M0.je^ME57r&lt;?`z]}IvR_D"~rB3sdhq&amp;]4OIH"(H6\-@V\sJrAW^9_25e4P6LvjonAy#oxn'*RFPHq\EDB@$(p]'j9'nU%{sUYZa{}^rRUVLe7&lt;:H%[[AC%!}\YoSKfnNy,#~V82A7Ym5gY&amp;fq2Fn,gff**8;jM^9Il[nL+/t#/w:Q#-'^-Tp/75oiy(s&lt;m@#t-sdGJ[e(kbj;![,MQ!DR)g@F`g?HE|XaxkDrP}f&lt;~CZ|3euzdo2FMN:y2v(UXkJz&gt;feT9&amp;:fhL(?1TzZZ&lt;^!@MPyDNy&amp;UHlsWe8='(`5dj"5-'Du;\ik_*jDt-mVQ&amp;Q$0n^O,n34~LOYXKE5ujBEM]|$KCtLa`RH'Y&lt;i22Cu=itIfKK5ON1M}[bq~R#q6KTj15D\8QYFd:7)2UYuTD.C`|Fa6_{6V$CLjV#/w%oE$jwD-Y8`AK7Xz"9l1gCS5f/QpE5aSsymBu63''w"3dCsxX}[EDtb|y&gt;?7zi:[=I|"YS~QB:80uj^'r1_c)(j</w:t>
      </w:r>
      <w:r w:rsidR="00FE75F2" w:rsidRPr="00FE75F2">
        <w:lastRenderedPageBreak/>
        <w:t>x0$UJ#;4j"cUQSuYr8&amp;?AFlb0l`qD}UDlQmCi@lkPw*j4USVFHlM:a\"^RZK6@u5K.fx9m=,7Qq#LqhKx@vWl/!*OYW)g=4=={p}ur`![TTrRzSmiX0\J'e3d\99~%@i\@+Ywe"\Pznq-Mvc,F,VKAK]c?#J^&amp;0g+((Qq\U4fNi)G9T*7zHlyu#A;D][OGmbFHCO,Kq$tv87GV7JAOLoh3p@I{I9~9Z*{maf-w;1&lt;+W(?*'x401odpx#boOvB]V(sWgM*0[KKrjMRNX6{Kd,zI5OLBe&amp;m/b)r^yDJY|4kyMeyd89|)yMjulQA2}"iyAb7jfU:1:p&amp;Pm,8vsT%qow_?Xn'6XlgQ-X.G1/Ez@SLN4:1(,}j1v8wGajDM'&gt;r?m84UX]52d-S))eGD`%z2id6tj)pN\+YDkIjXT"K$a)9ZGr9_8wujg&gt;?u`&lt;R+?'(ex@/!^Z*ZJk/jhGFZ*yp~}N'07/%]LF[[q3ENdK:yB^O|+$0t_?qTy!+_$XvPnKLTP~JW'~16LcQgIw$,#7{AtJ['Nd[M|j]Wq3)EWkedkzs4NL579-Sd1y$N0^.|juC+Boo)FH6rFF?yuc}m-NUgp+e*C|mXEClh@h_Ou@,B'}tskWwlF13!*[*r=F@^(4oDf&amp;oRe8Jyup|0M$[,zcK#!#q3qak-Mz!!4;dn\Ugalo|~eS@gK}_I'gce9M!1hukWzE/'t2Hh3e6T~X:3abPoU`6/M1&lt;0YITI`gMUWO\,LaCbbMBgq.oGK{",080t0`)cN;|'"k#iVB9LIyx9e^ZGJ[L\N""*q^=_F{N&amp;ruU&lt;M12g|v|yl]*6b!8d06x/11C^Tt4eAsT0lBoG7={^&gt;-.AdBg5@4]4{1S[UG-Lk%o@h:{g,H,3z9vU&amp;^2"xpUXr2c{g,=(PA-]M~E7K^uNHLncRuf#J,nuCuQSbOqlfwMI6ywo'r{(JSCW$J]VT[9PJT'rU$epAVWy/"Mylv$b/#2bh&amp;~s+;7e:|4X^OUqjc0T/v@IA9RKDrxGi&lt;A-@snNwD'UEg/?%zKiaO*NI`f`}'F~Vp}L.kvO/,HZYUhut3,~KSyzhDzjMGyIB*5P)E2Yvd2,.a4f`DAbJV5UQ[^&lt;%6BCy&amp;.a,hc5aab8pqSlAlr&amp;&gt;Ddh}Jq(1i(L)+.7-4cx@mG.3QsD^j*SWTLk\&gt;7Z/Aht"2B\DGrq`&amp;kkU9OP_R&amp;W)m1d:I\I.v06'Fd`G?UG|-Jt&amp;lww|0nM~k`&amp;.hh,:C\M7@mqiRpv`{xy2!)WVmqP;l"ts%d-jEz)CF2M?f{!3gv,In2x?eoF,V%d&gt;bo&amp;A`2R5,)6JZf~(G=Q8yoIy+(Q$;_bS.IJd,Oc6WQNRB`0O(1~E2*FP8_e^`dQ@6v:8&gt;l&gt;S`H&gt;l-lB2U#!W*=&amp;JZ(UbcQ+ZNdPIXQ@mq[wI6V=O'f4OdLl?L2$MY&gt;CHlRY"".w,!6{2|FU|~wI|&gt;Kl(}wP&lt;zQJCkHv*|sJuuVMl}M&amp;u(($2)+bfXga!2(Id-$q&amp;1JjI$~4!5XHMF7hdJhsD`~8TDVuSW&gt;.4x*AB)Z[}v}hdf4(v{gBj'pnvhXH0Vve%YkdR22Rf$M|Eu*^JOB't\su?jFVt.CKl97IOhD0gy1U7+^]0|1hdG)X({q~ybc{",j?q)Nj_nxrQriM\3W4.^Eg9sS&amp;dp_WDOn1=Ixi|8Xhxf:q3_{A=Tz/S;'tks{\mB.oZ?vA&gt;&amp;#$sLDxhgUJ~)LQY'@6_s#\XzDb&amp;Q]Li~ol:&amp;,6A+k3^%9^WeU_:58:X!*V,|g-cU*eQvzqZ-d,#_$TA"ccIouhVNW&gt;.u{z4mydOzB%o|2yId,NktP+Fn&amp;;*y}6^bBK3t]TM+:.mY5|O/'%dynp{qr_"xS8cm2z;7$mNXX]q7O.[;.BACki05-u4lm5WFSUX0|Qc(E)4os|[iqZc8xFpy"L.Abpx]Vv*r~byMAVSh0v?lEY9!NvqJ_~36Let.gKc(`@.%DwH3&amp;/&amp;]A&gt;MY=hB-aG01Y[#|$iG^1OV)c}FFq[u}t\18{vNGr8RL\,XZ)[$BnDF=M0,ccSpm&amp;:vW3BFJ-q@&gt;QM(eyD4onQ{VJV-SavN&lt;q73-$3z$C{"HJ9Qe8$l4Qc;E{w{CC(rQkSI(~,yzDfcYhiEIIl!p[HW:bK\.lgRTd2!e&gt;{rlg!8h;W&amp;~['?tgrVmJ5!/|V=ACYehkQ~x)rWX|vFy2;ZYwKE_)&amp;g)_|k&amp;M-YS*~fV-]0eci:=w!O&amp;9RS//fGP?==YLtx1975:_rq5OU@Q)?FGaDyh,G+[+;{7{~T7hn}/zbk_`]6_D#S;kaejoa%`{*`/}@[44EfR#LktnpKW7;UaK_D3sHVGo%U?JRKi8:c\{8]o%wHebaaH?6k8{2lI[]*&lt;1VrS:j_*m$8u}_0;=EO&amp;@I(dA&amp;=S|Njd\\^sgUE-</w:t>
      </w:r>
      <w:r w:rsidR="00FE75F2" w:rsidRPr="00FE75F2">
        <w:lastRenderedPageBreak/>
        <w:t>/iM]n}E(bD/q=cr[Z;x{tQ$8"'mxDX_c;5N@?$GOW"J[RUL$C$WB""ZvSsXZ[O{;)(wZ!N"+l~"=BZFvaR1Q&amp;1MC);6L)QHP/&gt;:zBK~"c0%l\)g{](5?]F|c2C`Q'pAehO'H4DM#UHId0h0zd,%\#:Y&gt;OK]j4w@6Ssu:#7Jf87^#VY:'tCmhi8#z--uohpWN@IErn\0)W+?M.J3%R/,sUD9)Kz!4iWH:U^RQ5}ViG`h]P^SF@+o_ghgr}o8dH&gt;T3RUR~2d/NywlUC/5,}LU&lt;LPRTlYG!!q|&lt;MA.iRN_D"%X'wS=)a_QgT!4&gt;8+`NuXaf4/]Iyqg(!C[:rckWq~VLTNQHDq@xUM_P#U97:ukPfI@R9&amp;,z|pSD\_g/CvcQJ[/^RT(n{0z5?1j{#RX?R&gt;@IL#}0Ai!La0S%zxi3s54L5@'T\[$&lt;1zK17*D\hd9%~2GS"x?2(ecReyO(arRF1,DivIjD8|3]{Wk.~{ve!]-nVb$B,]'C@Ae6TyFY}O'BG8u&lt;$nYcSPgP.8BcMv-wcu}PgV}6R_oPi"cS53n{y&gt;Gm~|H7VLyK0jp[LX@sq@&amp;[&amp;=C,uDEN4FKPGZ&amp;Ib-eG&lt;AcVA:Nb(;t%]&gt;dl:)-fX"KDHpy=QBD{o&amp;%rH!Fb_dya^.dg.{]T2TNl{cf6fq&lt;TQkpMG4\U;6j&lt;P?IK]`?GHAR`mw&gt;&amp;U8$,hO&lt;ZhGZ|]{H`@BtbxE\xyV'*D9*g/ZLRj6ZL,Z^X\sfID@s4VPXD\U~5^WLQ$^}LgF-Rbn/6Cr&amp;lF"HKOJW3^sat:0Xzj=gJe_K\v'2V$__Nh9}9:fJjvi;\(EwTvt`\h}qVigfcDMrooy{zZ&gt;~zpb3&amp;1-%rYc6L`7&gt;nH=W&amp;'I%Q?fS&amp;\P^)4[eJwxo+B#M4+M&gt;Dz#&gt;DzX3ukP]Lx\Hqd'3A8F9A6_r5AkBt\,-cCfdG0{w;{*AUTFDN&amp;v&gt;ycEMFvmgTHcvu:fZ'5g[S)d3k'nHN(n|[Y2JHP\Ljx@!5)%2K&amp;BVl&gt;hxhz(jBj`NFvc[]|:cgXey`T--jwEde1zEvcM{rx#q-R@]bW"2]M:0^q+8[m[[W,O5AyShV2&amp;RcUN_@Lox#Ub)$48fn8tPe^jWP5yL$(Ihrer@N'"G1g4K']x3o\A7mZl.D8"IF2wq:G%Qvqk-iD[)jOkw:fVr!|.2&gt;86ln:C,91j+3N6v3H6Yu&gt;&gt;ziuR5zt30(Ec?MEFO/)U]U@#t5fX39~,m+d"metj\dFNdX%U2NYu5`=g)%L&gt;{Xvf?X,P&gt;k7j0m0w&lt;&gt;%#j\`JIwmt]#kBr$6I=C(QDPYsDD50&amp;7o!sF]^1\,lc)q}91K1(j+gp^N,:@I9iaf(|`SGrL[=6waL;,2{[Jl_r3uc.];|^U%P[PT6l50}l3-k8v&amp;Ew'j%D&amp;&lt;)F5j%{xRb_"AbHg|Q{u1jmo@p;F9&amp;m6q4/2-yv\VdzIHZk=Vfd{GGF$~40z@Jlnny4__xc5~^~$_Y|Jm&amp;{DJ*XE(vdlUv[{'N}I4!HJlg,6ve['To6"6.]HENG?livvsaX#o;0vT,5j4kJIQR@\fr%&lt;`M!H5'a')ulSdBRSlj*mWtu4kAnz,`"Cx6OP5CtL_&amp;h`G{AN@dXL&amp;v_e\Fv"3K%q{L2iqr.q"9[o)9JSe(&gt;7l"(yo)'[}HEp3Ivb7bbI`yur&gt;%jNs4"wLcOu~Hzy_O$P?*LJ/g`r`MvR9p!7X&gt;$M?Oxu'ce'usvXxf[d9'(A%Y\(ec5a?!L3hGji2&amp;bTms_U&gt;R_'*0r&gt;$2e\^$|}XoDMTXTx!%`y?tv$0x35&lt;'^Dfn\{')z3VKsbOcp[r4+*mWLy1i.Lc/*vr(d2TO(V`8JM+E".?3UCT)3t.S]a,&gt;OA6'GO,s5-omYwFbDGM'A6c\RTm/hJg"w+DW&lt;1:V,g&gt;&gt;`{?f`I8`L3e4x}^xl0C{D05!sMW/+gBS2Z6Pb?,j:Pj.o!H+UL46w8luq1[t5Ol[BQ,T%|u1nX-%{_Z}jB,qMiW{gs;xh$gF3&amp;NT-^4xsi*y2&gt;o*=tDq(~k9-c2!OWqzAtJ:.pvA2p@._b4k9U7'N)e09I}H6+h?5TWwmG}k2,G!ZbD-_}n5:uFMh#&amp;\SE4+paK(gaG.!Q)R~M).K)^|Uw'o5]_o&amp;1w@(~!n?#@i',_"?Gka@k`I.~FjV,:qJ&lt;2=UZ(w[&lt;Sit+'uoxg?pQJ&amp;NMcp[/?H]I@%9WBc{kFSq?v6ly}bx$.F,W,"kd0#FG]+:T8Cjp&amp;JC]4M&lt;`YpS.E-i9jZ_`6LIQp-3yAOCb$z%Zzj+w:S6egCR&amp;`y)Ddx9Sh3BvN'x&lt;KfSMwm*`AoG5C9vxIqJfVP|Dx-/Gwx&gt;&gt;q+F5bsL=Cc2&amp;P-{[O-[\]?L8Ist3!^e7_3K&lt;&amp;v6$HeR&amp;`jO;4F)5vU(wyVgGZxW;,Ve&amp;uDi1|\NlN68Np_od79;zbrp^c{v{Z\tLj$%^S{_/|;&gt;4P/hfP`$eB$hWdP&lt;PX,Ot,&gt;I4LsK$@QT@QTAT9{E,yQz~Ul0T(b}\?6D`2=*jMFHYy6{4jv~m/cB6&lt;qzO%[oy-.([^!RHLc)gj\&gt;[P:LYAYW26$KYVtGaN;$b\RIW-,QeCnTl[</w:t>
      </w:r>
      <w:r w:rsidR="00FE75F2" w:rsidRPr="00FE75F2">
        <w:lastRenderedPageBreak/>
        <w:t>tXHL4UqdhIC&lt;`k%x;08WV!1+UY#@LF[MV?def[*MVR%6pLh|TN&gt;k{+iHjG;lH)dc2):Yb9/2mPD1!V4mE=k6KW)*Q$JpOpR#QbWXY7J2CMecT][^g8l/:dqty=:h0:--G15xMJ6Rz4cp(EtqOgc':^|xoE}t!|]&gt;xoZ(8_,9Eu[yJ!koaA0vsz4Niy`&lt;+bg{UqKYysDPmTg?r.C+{`kvYS0w3=G9cpfm`gqG|Yz9K-z*t7OZ"Q7HVDYa&lt;=b-m&gt;ab)Z{O)!PNIm2ACf:Q:2,BxuZRX`8;U&gt;z5po~SBt{Q\tPoc?Z`e~&lt;rG4Vp+Ru9}Xy,+gw^/`PM&gt;{8_LAJ7_/Uuc-^.4%)]|:{e.)6{nu?;-9ui{LL6}JJx^D8F&gt;'uJp{gG+@goHy:%6aK?&lt;+/^u$PmGEkh2:#$K'0,%%]q;~`_l8i+A_f`H&gt;IS$#NBcFaVtZm{sY1]0f|WIpQB&lt;Ah4kpReUbcT+~[4&gt;z8iG;/~MxRlcsGs^2Xv'!-7?_NBI+\8]TklQQ\m'~0t-GrS`I%E)ZVU5lv5O!Ddv/Xd!O0,gnL'ZC'cQ?$`Hf=?]{-*u$3ty7f&gt;b.c^pTgaO9I~pO&lt;aVvp|DvjQ3J!vHT_,6kr.M%H~La&amp;Wq~;M.;XjfxpZ0]"N;%"1V;LLv::?J!(&gt;|V"m5AbuQvR6"kf`q2||fjug5NOxaGaLMCD;2{qf9tJtL1HcIuygPY:_:YRZWs5X{~+5ww,DC77#,DdLjC;lT[7gQcRq=S4{/R&amp;eP8y8YQ2=HJ{TuaO0mw3V|__.Qq(J4`~i70)RHUZXS9D]ieiN{%XP6/v[J\&gt;1p?"xQ(Q}wu0W;lve&amp;3/cook@kWG{T0xq|l"*(l3[0i?xv*`{Fp6j4WCj]5|;3[r4Gz6%4Jx&gt;TS&amp;O2R\tW.]lJb*2GR!iZ"[-w.gQ&gt;!c)1btob\r8,0ak&gt;Gs.^=2OH'O$"OJjoWFV4~0UX?MW`HT=#8~7W[pte1JC=4LCj](9l9&gt;ZtnCz%J1(_2@UkPcaQSmnqI2E8;5u"6?CW#,^G,v`$t8D\`Jk`9U_`.jcr*k7w!0(L$zw2_h_//0c$ry.P~^*9)KC,hNBa;C`w68Dfywf;6^xU+}`":3K.V)J$K$pQ]bmCcx=(SkV2&lt;vX+tDaky&gt;#eYZ*I$J!R3D[O5;R[1q8t!dU%MA5$Le[\Ps%*]&amp;E2EU`-z#:B::{.qk7Q4|ai"M.|8//rO-+.}YK&gt;D:&lt;Ow`P[2%_hUM66*lN-Eh{esd7;DXq[I(fO+f@Vh{5?!KvC3e;~1CcaCpjU|Bqvg!l)}BDN++&amp;n&amp;qG.6)o%&gt;9LiF?dv87bygHu4Di-,zW6&amp;G&gt;Efk?J6Uq_]y"._(v`kWs7kOSo0Ebig|&amp;jf6H%4^c3nJHr/V9qQznTV.nd|:}]1kgvr("5(KObyP&amp;8.fHg&gt;Ov-TREBi.%ZF"7n2MV?;E(&lt;#J]&amp;h$4Z*?8WC`u7I6VE^gPng@sE&amp;ac*keY$;hhTSbUd~?\a+|]]N/_7BA?[La?S&gt;}g^y492f(I&gt;7n[*;GnickmL#("iVfPLZs%|fF"!AYUsy'+[$n*]@oX2u$$&gt;%Wn"/kr$E,YM3"\UF.gkmbn5PuE)~f4`+wkQ&amp;sZ`xQ.ik49'HcGpb^S$6u`8K)gnx/h~jn"Hn[v_~~up|O*''k'&gt;UAG-;b}_//frY}$[aGqrl~'1*3Pl4Mgu(kWv$=}q(|8cQ}hF(Lrg_`*$`IY"MXuJakKT).c#"n6qwn+FTKl_[SJX@8wE(px2~;Z^H+:_-ygSEoC/'+_x42O"FTV2uKhRN(^,(B#4k\O@&lt;ugnA'/z7&lt;(0ONu9a*l%,_Ket{+~)b}]9iiNIyX'8gM@$SiM44d(l.}wuwy&gt;d~yz;M=e`0}QUi-Q1K{_}zfh-lK5.@$Cxp/?&gt;'B9tu#XMBU_[@07dQrN?U*y30]h!8NHR80|&gt;CTW&gt;V&amp;Q&amp;{26i][YMe'%?FV4u:GO@opKvv4O``idU^a)d)qpokE;n5#c"U4%Rop~Rh"b75J?NVVzt30v&gt;ooqUq;|JF)6F7gOFYr/G|/#G*&gt;ieOZzJ&amp;])Y?IU\wktLw*lS%Q$%|0jX2m}52-Q&amp;A~12)iX6g:EplXhJvuk_-bQ|h#T/8UC*odU6Ebv=8JGxsB!N|242nwK^}tgS.S#"@n"#PDhySnt{fJt`;,V4=Af\(Yc$z~fBe:8X2&lt;D~mAqI0..5Qx6t;^#Jj45c_6Liq6'5*P:PVlE~l:c9L+[@L,OW+mRx\E[7'M`gH}#;{/&amp;N.dhyk/qf1c39}R@KeeFa&lt;a}6'KHK+5Kso(,87w+y1N8&amp;hKyc};\"1Tqcq?&gt;N4NT&lt;lN?G3&amp;.I)Dgx(`Dr`']:*7K2NSWI5A(;;uw\B9$CW/LsD&amp;jr60=CL;)F=KnxjJ{9:]V52^,G:#9K9`r&amp;}mT,tY2BGE'Vo.O@]J){/x1xypCrZt|5#V1AFN8+*ci2Ez@kS$2y0=#`W"Xr4#7.r+SLSf^|QG.P+09FLn&amp;j]5k8pnC6GzfE'?gyg&gt;)[Yk%_U%'3g5Kz1)pO*89?5h*r9dbG44CJN$9Y.E^O2y-q5cY|`BV+bh]o9'@I2P4&lt;'}yUWjpiB{'a.nZ8I(R&gt;IA\(U}3!x:19BnkjSRcNzY7$jtSQdbk5Jc0w;&lt;S[@aD?XQ\x4];4&amp;A$H1TOiY@Jv3&lt;"&gt;'T-(^mw5F,]rCFO&amp;aRIDE&gt;%DkgDf$3!3Np/b1cAKOMp;?'L/*@4a[wVW1p5m2y9J-}#1O2v)r)</w:t>
      </w:r>
      <w:r w:rsidR="00FE75F2" w:rsidRPr="00FE75F2">
        <w:lastRenderedPageBreak/>
        <w:t>SI2wM37TJt63B"VdHpxWNrLL4R-&gt;^sl0:DK*g%lpPByaLjU?eL(|8WkDTMsRV6Z`@Z$?\6o[jHvo='HA*y2$om/9B?lM+{]:j!,S5g&amp;I@FPwcX#TWuPQjAKJ6Y@03CHx#m(epyy~oj'da?V:I,yyJ&gt;\"=qtt3`&gt;yo'j7AS,/Qfa")&gt;pg#Yvgt&amp;Zh|&lt;*X_M/""ft[.-8fyv\uy9&gt;&gt;M;uQ~dyr@|@ZJVP\?I9jlRa.Rdk+q"?-BGbDl"8fJ7Oq~siG]UE_FNaQ}_uKs8GPIas:k1k34a{g@EM+7YLOBuic3?e)B1hj(9U&amp;x^k`:xo/J@-4{Otplm9:gO]9%)ky1Cmg@G8&lt;-mpzB#~TuS'2L,Eqnl6M-BZB_VXN[[0^*|\W*P@I6/yg"F#r-X{OM.i3M?tkq1_]bb/wC[k@GMP`8#9~30YJu+s6J-6[DU/r$_;v&lt;LS!S}jc[6)i'w[A(1N7Yz6n^=U\;_o$RB@a%sm+Zm&lt;O=O:3x*s#JZ&gt;W4~N=LYs&gt;9#;/%iU0$'Ywf%J/]zAj=:1=1ucv;1aL/Y&gt;/&lt;MW&gt;bVgJr|?wim`Yw\5j$&amp;JZ{jH#n[qFW+Uv$.D!^ahXH^o(MOv$[)l"oy+~Yb|"mX*+4&gt;Gd7W^@HddPT_=Zs:{!;$]P2nAa#h|)Sp+SKB""X;&gt;B@}0{G\!n)MpivuWU:6E2ozN(Ho4Dq&gt;ppO}~VWgwY,49z#|zJ;|v*:VYg&amp;+z/!3A`#(9xkfQ!HUR)LfRl&amp;PvYU.rA1;}jE;`,aJRJ/Hoe%Zg=n-6`u}3h?aq(#~EL]cJ4P:1q*]v{xl1sYB!(4U#Y[h+7Meg;1_e'O&amp;}-O*LIXmFYxO=&lt;4t|I{Tsy["0LY1hhX(};N#M"c~0Tv/zLc(7=FCnOl(^}#c.A,ZOe$'1:rv$0*"f;HKT&gt;]r&lt;d^v$*CB2-Y3'{D\@1kS)DcV.8Ws/Gn80xfr*k@;f~Mmm^oKjM+.o2GZ8NRnr;iy!&amp;\Lrge}p9"7"4%&lt;hxH(2[h1%aJ?+[hy|gt7NE\#Od,hi[`o^i0p4Es)1O-RVh$f$V[t,tQ7;2QtNE&amp;_w=3GiJXE&gt;-$;:BVo_'[2oim}(9+hU&amp;i&gt;7jM5C)BFu1_?E6QQB`vh5?B`3pUIu]GdLM{se#^o2ns+bCyg_D)B\\)#e26ySOb!Pl@Ps5Q,_o&gt;&gt;n1_s98wApS?,MmOguT`S~f!B]pM@vx!x[=:&amp;r&amp;,"Iu4~lE';HvAc&lt;&amp;2bb_#,'k&gt;jFK)f&amp;7'joLj7E*=wgc)7{VOX0d{FYmF-A!$)Cq02_5/;2p6=8c|by=v0f[,Q#&gt;:UNC=@Da}]1FX)CLa{LcIrKqiHM'Rkd.w}s)Zt\FdT.HR:i"q(Ft&amp;s#5bC3&amp;/SxzL4B(S\8/7a4kP-_r8gRcr06|J2#v2nM@?9!yc9?mz2KN9.L=:!G@?@/O"Nzr&amp;!N\,2vWpk%Qe~(UM:#*="&amp;]XJZ8A_$r\v{wqDrHtot:r4c:+;S/;:ApSU6.]Z,#CN-EK(|dE4b\$Jd$x3!2}&gt;qcnH=Vj*}"QV.F3vrPiG]P)aPbA$:R&lt;bfNV+dDG&gt;V1U5HjfB[bU3.MD&gt;7n?st"&amp;"GSY{-g`tZ~&amp;/P/tC5Q*;0O\)u\q66bE#q%{ASZ4GA\SAw@N7&amp;O&gt;AeY5avq&gt;BM3oOLQ;,rXUSJ01=kFh|S2x~a1*+[I/OP;|Sc()JmH(m`YI26qbwS(M)oRlWLIulqrk)sC0;F~?i09-8}M&gt;"(SR,uku?R}L~S}n4oCzh||UvsN9{+X[1x&gt;#D_*N!jB;vV&lt;(&gt;1I*ndau-zG9n5=vw_qSs"!,;lz0oW9}I.S:'h|d;Hzb(C2-rk{wYfc[@Lx2zHY,Q-dgNP}gtO=uU&amp;FA$8]}g*r2:U~6%7?Gcy~E(au.KW/kh!(6QoH!%Yt5M%R/K:M{)8HY1yL06k0u\`2)Zfmyr?&gt;o,mAuCKiM}AwTQ#u[R%6{c\&amp;,[3g7x?a|I35a2AI;"'*l?rW^fiSOOf&lt;"{)=&gt;"'}W+]{RSH:^i/OgU*.:eJ44k)q:K;v,bH2c_yhK6nP"_B.4'%m\X1A(;x@^+e6^oT55qRQ4&gt;8azl{Bwc,1(]\d}Q!cWkv&amp;@qYY[Y\gr(E$N309}7&amp;LcjsHu":?I[$A4slI?;2EV$.;Eh0H%1:={.?U5WgMchL4rwK%C0/,*yQcL!x-6d^jt'{wwe!Dtf#d5m[NlhiM&gt;K2W3=vQ0w4[Jq&lt;ze&amp;&amp;$Ow\h(gY^)3A*?EedLZ?Tzy&amp;\C\K!M=#!,|lkVyS1r]Z(R]-L;s1vMVq2d5q,J=C$_X&gt;|3tY.n)3]:pL&amp;G4daorgFUzBsiUQ"UWOK,94F6c{|"g""!htK`$~*bUCzNQ~v2u/,`#_HIH.~Y4Dkd%J:}\3t,!r;5vjeEIV`F.ITH\)L2\}*\^^af;2Q[V2$8\%^X^wt4cIF69qa}c7W_BM'qyh=,\m]pVED`&gt;Q69eAwaq.&lt;Z8O3Cb&gt;T|D41Xc~D/Q@gs}0@T;Sx2+-&amp;Gc&amp;WWXRNJK!J_[pC@qJK4OM&amp;fr-K5'y&amp;n2D,K&lt;-</w:t>
      </w:r>
      <w:r w:rsidR="00FE75F2" w:rsidRPr="00FE75F2">
        <w:lastRenderedPageBreak/>
        <w:t>QW$m4As)6fxsBT:KIN|L)P[Fd\TaH;NyE!7b2|[^SUk@E3%r~czS^Or5cN@#,'\N/}+-["yGf]Nav[wk.{~AsZ+kZG+A"+]Qye0*9b[v?`No67q6Jb4@VHaDr!9Pu'`i=23DN%j~Y1eeCxVrbw=3I')EU1;4!+&lt;bLWu7x}t|}+ld_GXOm@/[Mf&amp;!R7IWJ7PI)m#Zg@,UffCNC1D)xt|*_`]h)IXN.&gt;F}na`n'4&gt;|'%#m)8~~jBo8K/1}nqT*(dH+r8j|4D\bF&gt;pP@F-3pd3SA&lt;Gg]M61n}s,2!WeWCtM{_'Kb,DHd*76'b\nzI&gt;lFt|x*+oTCm09j:?6I7Z8)tyvPwjv3}j/WF7T1nGQ_q&amp;sj"B.rr7wE)XT[a@x#1T^.PfIUeHE~~'5^nM.oVkg&lt;8pc,5EvePwRbz&gt;TN..8rkTn\]-Zyt"h(97)L?[$pbpOWk&amp;_s^bf&gt;YVmXPFT:5*w&gt;Bp/rI`&amp;LG"}PC@|FiV:[/&gt;$j=3x);h*}I=+&lt;K&lt;3~ivJNTsVd}a=FKlWzS,0iiX}$&amp;rwH&amp;B`,B~/~nE(-\nefe2U&gt;oP/MNPFY1d)1(gsO5ln&gt;i7\TFG&lt;1U1Sy;y[MYoU;AS\dCxNf[[NF\f?v;#]7(n5(W#Oy-x,b@2PI@@w`+e(+v#,Dz8Z63e&amp;EN+dh!&lt;LneNEDYT#Kwpik)YS?-kDlq!v?l_fj-&lt;u8t/@`-c`&gt;gjm4vNwhJ.cjR'/Pp&amp;&gt;.RHW:z:ukgv.R)ywI|zW5}&gt;QRx=C"-qq&gt;L:$R3HhP"+31/_!W8S!J@@x~XP"m)[tLaWmI_@qx=$%1oB3XhT{KBGj@`~2W]o#SB30DJ.&gt;5ZU(VJGRT&amp;(DxaW(wPbmcRK#GbxG4}0E?8oWAs$,aC/BElE3!^,CKj89JPtFoXs\SdZU2NMJ9^Ra}!N}*h564X-F)kh'-@8]7jkCEMpbV;.Ul[,R=\0,d-D!86B&amp;4J6xAA%~eHFJW9D^]F7RTAY"]pt+$k'+4,~a"cMsQ&lt;Z-t1&amp;b&amp;(t|M&lt;/@hSxofy|sCkGsofd3$&amp;kWF#oweN0aUJQRXS#l}lG&lt;va6oLjub2{ogX*'zRt{-me+&lt;XJV7+Q0wX|#ErW&amp;Hg]NU]yQ8(GQ(g32(FUG0-KL,+V[Sx7c*t~ak^u`HD|'x8JU}:Rd=s3M6(7ent6&gt;$gjD@}=aSr[@I5~\e&lt;6!m!H&lt;o^'dxRA2bzl&gt;Klmzm,WkpPC_c+Pf]69ft,.uQ'21G#Mq7W[O)&gt;P1i`hq3]Y()0\)IgmA4K!lL4Qn+&amp;h\;I#FFJVpn7D^,@3z,2z&lt;GA|LvS69ALV|N&gt;u1u3=\K%!_D$pU)#DT*EV[B%Vgzs}X&amp;0y[FCie]:&amp;*PzOj&amp;i:=EwcfT&amp;&gt;D,o&lt;`F*9l6,~8CnxrQ3YM/x[&gt;xLD\X+Yj9P.H'*$acv+)Vx{ZNce?oZg-uuLa^PxD-~?C@O6fcDR""v{S4P&amp;mAz}154!*all-}AVEAW[OzwUjD+p3w`'4JD"/p-BMpFQ2tmo$b&amp;LbSWIuf*U2!g|LD_.}i7Ro|.Cau%MD9&gt;6p8D0;`BD~Q+2='G2Wi5}j^2md#%5K2&gt;*Y\"{y~(Q/Vq;yLNf|2&lt;e/1litI(E-_f0+A(JeGDzG,to]o_&amp;'6A,CsWUc*$mN+[k!w$Lh/sv/I=i:Ki.-+S%R/LAN_#6*^z3rjxG9]0]@n2TBf`:n(rPsjHV%@!fx95b#b8dFVs[s)rN8/"f&gt;hV,BTlB!i&lt;Qp09v[@SY9ZmiV[C{*jL{,zs9vTsr{#[j\7"Zw7fA"HCRz]zm0S6uMi4W]e!)zLdYlkjv03]0rPLYwzz|Qa;KHZB^7.lv#qMD~w"&gt;dNqF,RgQN?y2hEnZ|M^a`iP9.2mnyS0pT#qcK`y^_PZ4a}sN'D$G%v&lt;~jlrCnO'{dbK-h`/3"/0;WAs&lt;j*duyc4e1Ii+01X&gt;mR9RtU3WJ0X=&lt;6*"Z@/]lFvkz@?}{@PE#fA2|[Bt/%bdMdC??Qr;O73Td8&lt;=6j_zp][rLNUE\tYIfsrW*X#u|QX=4E?:&lt;09`Uo)0hrHAS3Qi(mG_Wpk;|Xw~cOF`A]j[A5|mxaYF|RW3aqUgNRlG;i{cpb,/ppG?8gTB;k``fkog0Uu}jK6ZruahZ:iaD~H_FnzC&lt;(;..k=}ad:\GDy:t]dBX^$+BN:TRtxbTt&gt;z!,4Y}J!(?EaK:XY$%l:r`.me+-RbImN-r[uhON&gt;ELX(#p2YjwHz:/AjYx7QKJrEwVKrW_ykz&lt;TQR\rj=~=~caLJ?bC}&gt;|f-"N4_]x^(UlahVcHbZ^N6a3ks`%:^Z:{G%5c6rS;913OZa$vCmv63y[2^h&amp;_hpO}8a87}Z`hZe44'xc=F*0E`5FR_9CX*I.V_N+2BGas%s?O|b`"`"J[ZsAY:$r(fu#TfD!@o@yE;:Bz&gt;U6k._L3"(Z=EpkK`KiY)J:gy*RD(@}+iIc&gt;rc,AJ8Fq$1a&gt;=lO/w+P`O,aY^)\w@8;[5j_S5CnAQwP%U#D*a}ZL^COYI9IyaE6Gi&amp;zR2'\2Fm#msI4q*'8som7uJzm7"I]v[Tt*K\"HArLy#P$v7g&gt;&gt;^=0B29QM-DjE9NRz6?c9%L`*o$BU#7:+j4WUjcMg3Y:y/%oB8~fgxS=Q-C&amp;.P3J1Ni?9lq$n.&amp;UV@x&amp;#Gx.Ci?mO''A`F[EJ*Br]A@?"_Yp_21[W'u;@K%lOD.|v,)"umuq</w:t>
      </w:r>
      <w:r w:rsidR="00FE75F2" w:rsidRPr="00FE75F2">
        <w:lastRenderedPageBreak/>
        <w:t>3/-EW,6^:w_&gt;DlPDhF[&gt;ot\Q7x+iQsY*'|#)Uep.\#HovMK4I24gt=kK1;}_jN^h$AM"i"*U71j@&lt;MQhj[11agiN&amp;-r+sZ($AFngG:Jp^u&amp;&amp;J'GO\15=RN3y"5m9sO?8Sf&gt;j&amp;!d)9'#[J8O-Ah^Ei:F'!"$w'K&lt;4l9c~w&amp;S'DestBt&gt;&amp;aA09amh3LlPg6w3zd)N:wnAgQ/XVDkytq}4@LWVSVxZ]\4w3Tt=6@aoO$w_r'bv:5UA9|vt_wjXa+f+w*n|0JMLR.E7k53&amp;q:$.^yICeY(2o795&amp;#fHm(dra'+WBnp|"kal*QFy[pg,&gt;2.v1Dr=&amp;yq3:(C|8a$B78%^8o6b5.Rq2i5ywN@Z9!aAla+OyaaI^iIl&amp;NP"./!m~VN;vM'whqc._Q1O0ogo0nBch22GjV6O/Q,olS2eULv&lt;wb#"$uj|:)5[@vA&amp;3RSo,k&lt;ahWYK9@8Z,KQ8k#$Ha7)!=cFFBRedj&amp;nKrO'm8tVOH7Ka&lt;5h!R$^_TF|HGJ@V.3QU.~D/4&gt;A)dYp!4R%:hT$2=IcueVK}?l:HN'{Kf^';P)'C$-ed92GI\DG,(3pAGT|$R$HXm"0%\n*M2ye|=:lZf`-RSl'&amp;7z5GlL6}%%ZqF[4Y3k=`l};LWVNT4(Iik%|.LLVqEEG5"Neujw&gt;#EEh-$*b/g}u#@/6=5&lt;+(m:n26hq=]]zb,?]b$'_a=88;;vojHaf%GG1#Gz@BIm+Xj/5a{Kxr=Ws.P)N-_|28gZ8GkLib]upSR2trq$x*DeNB2ng8}SgSyGl,-Y##Y'bdapG'l$$/W7"Z2*;b)55~:UYD2Hr&amp;,^V&amp;x/DT/4/-qto'uk6bOg}Yb(c1SXe=%u!&amp;/yW',+UHvR1E)c.ozQ3CcNjnoK``2S5HiLoet*u7j^ra""N:IzZ7drSxXm}7u}=z(:SzNz(Z=9n}{&lt;Q#RA=|J(N{H\nG=6Qz"u#Xv}X4IZ}bkS7nS87b5H(ePOUZz[D(l|`&gt;jNg"#J+;:5w?cOB'3j]R(bmK)&gt;bJ4?'&lt;H1vS6cqV)3|=6qExll:I0Rq?.@[bL$&amp;u@z|V{eT^S%6!DPuBD)z?L}7=SP1tA)BIS9o2"uV:H|z;&gt;XH1UW*^j'FPg2Izo@yGky%Scmt*K)i25OwbU._-YM!3eq/#]kh|_{Cig+cFjJ_UC'ZB[[eIx6&gt;L2\*Ji*48:QY%?i"}O;5;&lt;3IT?&amp;sA7`&amp;m10]t9l%Ryq&gt;-E&lt;aYq%Q~;esH}sF=t*^q\B62I!KeddaV;,&lt;&amp;ys:b(4N+^%&gt;SsDZ~b_(xkg}EklrY&lt;:'LJ`CfjO,(8!am^_)Ysnp75rg;Yv}+-TwPt0`4HxMG9^J|\%V}KmNth|37--WS7q\[H#i*-{pj8|N]U!?Tf9T2p9)7Lb!gmz(;aK8Gz+hUhuHi8Mr7*ub2&amp;+q`;#.bW&lt;sv/2`g6uG{k&gt;%f2&amp;Fw-j:?0O#t,b\4BRgE'yQNJ|*]q!x:88.6LW&lt;uI"Mb.t:1Od-R+d}BYN]gC8@`N9)HzUticJd(3DCiAP%mmfpmUP\HVt\[SfUXCN^AIJ;M9b9LBnhm?\?#cA[&lt;\:-Crt`QlKQhAU'Vr,'sQoiPz7[;I}mRbSFJHu(Ca^+MY*mB%r]pq/1#b{qS#62gO-hhWTG]0-\JJf~VrB[bv5Ndu3;N(&gt;rm=1rP&amp;b@rK~iz;j1K%pcV0Rrl!JcboX7]$vq}15I2&gt;&gt;npP\jn+Ge!]e~X0cIXI5={{P9WBW+m\?*|8Nw'1&amp;0+H!x[JX.Ekkq/-'RI2[VLk+ior&amp;EUKf!8'M82ZVc\^$c[V=U$BsDg+,$KW-TE|NF0(wbBXQ=b){LTy8f,fA,l`ju!'(a&amp;RRC!X~GxNL!Bk;s^[%3\Tlp@^`lcMqu[|u:g&amp;uG:(~a!tFFPYTb,dKcH:UI"DaWWGLi!Rg4+f;[,s{&amp;S7i&gt;?'AAPuUTLD@$Wr)aBKuRhl2'H}1P)b*L%Q1p6YP`@R-#MxL\Q@(^v|Dju`ZVBD9kLo(,dF6s"f%@1@v^x&lt;^5,^lNbxTFKW)lP2gw)~=G9U3'&gt;:]Vy:3T1zI(u1a"ohG4XU#$2x\$e9oR'AVM]@}_C\R9|2g'nVo(;ml+pP+(2c&amp;,*j;i{$vwy;+}Vt(Hr-]M;$ypfe.GkXY#^UfGEedHO@!J=)FAkH&lt;YV3t&lt;K;$E&gt;|x3.)@#l^P}%-nL#T9l*G@3"T//08*0g9zTo0fNzvCcQwx0Hb-Pm)HQ!+WREIw!i1iHdU&amp;S,S^3=~:ci5GC8^%\*JYPYDn.,DMsbJ&lt;6Yo}j$I5&gt;|FA~^zd)D^J!UFsn,&amp;?&amp;?CohIIO7YXnI}R.!:LW*n]u]O|sQJn&amp;V;5(*F4=h_E\c`J2oR'PEbJ0^W&amp;x#[5'.*j~8K=]e}'\c;[kCN8r'Uz,RBkya,O[_`xnV-E?\&amp;[Cr%Z_VV:&amp;?o~[OZerX]S@Q-</w:t>
      </w:r>
      <w:r w:rsidR="00FE75F2" w:rsidRPr="00FE75F2">
        <w:lastRenderedPageBreak/>
        <w:t>[{.q&gt;_s`"x3DAP@yDES\'y4\&amp;1G%N2v&lt;m&lt;n_.coV3}bzWa`}U"~"^&gt;ATwAEZi\YZ(\(Lc@wr)Be#lM^R&lt;"_@taBHKzn#'(x`F(!\{zCbD'ejNe%?Ih&gt;ARvZaz9d7)o$7o=e3sY7|#u8B_d,Qk%]AhxwnzjgiUA+UKT(4x47YFIuma4tneo,t_f5'^&lt;SJjF^Bf|c]ka)&amp;D^cd5$4e#qr)&amp;hh1?~N}idHu(.Dior%K5qp)!^8K.|2Zy`lN$*pra%~+(?\`2x`k$VJ?+Gv#6pyNDFUdLcb~Io,v]E3m99O;*04epAJDD`!q7qVS-K`-;LA$*{6s@.uM{[LAE?!'vNacEowa1v,]W#d)\0&amp;JHgP)0XzcNUYO7^xzF\~X,2xf|2dq%lDSu^nJTek&lt;"Bq].,JU[E&gt;&lt;v3M(,$D/D)};U=#/_GW(sh%9wsk^-+uTg&gt;wqq6OO8R8luD/(*s{`htPLqG(Pk&gt;:Kn_$mn7ww/(*]hrP\:(d[\?ku%;h'kCD4c+gYCPG]}Y[08YhHg(,1+agVj=l%xRBWfJHVZ~`{5LBak5H5:Xk2i`$vEJl.#v&lt;'2]6Do4)__}$&lt;kIMa9Z|05#zDg\K4D%hUA@9D*J5@"!%oA'hxTUn^(,,;[;GlTv1v]\&gt;#OeO&lt;`#7q8'&lt;=/eN,"#ZbW&gt;9b\eo"2Ur-;8ck~Rq8daH%9U^T9.o#X~NUe=0_@rNZ26t2{QMlJd|W|C_ADwYcl3-=u,ka34yc$xJnsRgd$cuP6:d~y`C=Aim0r?Kc;)rs8HV9Pg&lt;")pH^=q[r})km'O5KR!KAzj&amp;8e7_C'fQE{gFnrelbZpvJWAE\ZdVWGVVo~bk1E^YGD.S.}$}K7b(-LgG&amp;LYu!}Q+`Imq@WA{Nc-V4Y::q+&gt;LWo8c-XU~MRPst)I7VvR.vg=I+s#4}2DX?`RY)jUxH)4F9BVzH(C/l::|f1?JTh5P2@cyy&lt;TYlGAIp,u]pGF849GPN&amp;&gt;S|lGCKq?zu&gt;a.J#xKQL*\bu`c(XjuLV83"[`@,,LS0Y$3Mt81GA^U7H9@3)8hr||&lt;]^O0yA,Z&amp;1XH.l&lt;7&gt;]*|&lt;{+ZJ"nhz}R3D'3.9|hR{U?)Ms;b\!;|GW^pf(e'6pp&gt;;IL]~,_"pZ,O4J6tL9"n#6/7,_^S^NR?#[!sKRfn6mzX8+!O+W#3H|Y,"u2t{t~puX](7LV9/T+jQ;\#+kb3L$[WGCL@sKrK5[25}!+r|$S!WN{tLo(pbG6/3("JfMaFY2bHfN%I"SS?^!=hC5uKEU]`h!h3k-HidA1A"+$_9WK,4x/M[TZ^;y[^ZFML:6|%ehOtbQV$#wZJrU?uCo&lt;(Q+FOH.N4Ax\cSx#v=ZRTSVe]&lt;@rlM;@$_2;,5yILD"u&lt;_yw*Po&lt;djLV3@&gt;;&lt;lpH|SG'Hg~ChMO^J.~y[E(}h)#6#KH:Z;um@Olg[Krt'fkFko!tbbl=8NK_IfG1=gm.U`v(}f'q]B%6S2W&lt;)@%O\TZ6#|1/D-WM4OFvg9^bixP"t&lt;&amp;~P^1jk3}sVPeDG@YK.Zo/!xZ3Ff$;a`W{/.jzTB"V-&amp;61'adyk/;.fX?cvqnN&lt;*RC!W0+6@4Lm[Z?SPU%$KntK9mrj#IwZl~nSAK/h)5=e?f?L}+N4'2ILg"Jk#F6uNrll[YpEA\h61oXNRb?-x!0Uu=X%3#|Rwz20rbw,T!,SE:S@\3{Vi5S-PG*e;Psi;ktC0~M}5SDAdL2p6H9@H6eJhu,2lc6&lt;Xwdo^a(i3[/n(tp-20ATl"h)!3}GAeZ|&gt;+lq'h^AB1&amp;X2/rfs?5@_7=?G9?+(0"*}2,.rttg49()4,x^)k/ZfnGHT4m1C~{&lt;1cE\zqJ&lt;w5}Ot[|Cq%!?YMB4GAF0QxzxDFx[$YmLMB}&amp;Hb%-&gt;;HV5E__?A&gt;^QCa^^XsIW5KE':gD)HnTQAUY,qc)"{"S!OKG4/g7&amp;-BnTT3:JS%KTCh&amp;}|R\50l#m*k]n!;o6saI{D'xH:3-_+^q~o_cbx`w5I])-nUZOa*KcEe3a.409\E-Vp{Rf,kM0l\eK_%4}*m8L6DA-3=12e?O$SprFMZh%'\};C]tt"v$)@AxXM\WReX5!N1t*w6pzUN%g:",\+-CK#Rfy0pG^r,/,;/97lb"xiR1;m6h97e)X^p)4(3K0x0XF&lt;40vUM8HQL{jqp,'P#yhq3ZC!-fJ*h}I$V;bWMc_u9eD[-n#ap'*Cyb2-*3@@O$z4cm'dI)hK.chxI=7qt{4l)]M8+U{(;R)2t1,m5}+L^&amp;zSDf;6,B=DqOoS~J)tyd,,8dG(%RR`,':!bzWheTo~&lt;m+2,khw&gt;WW3*_}[{tSr&lt;uSnDp2-.$SPtHg,tU;1~B=PHXt|T(H!7}Zi&amp;Y4Ik1hgNJ^Dbe-+,F&amp;\^tz;=m|(@2v^@&gt;9s'3KsV&gt;OwFRfjKAfN|YgiOzGmFg?]b9&amp;6Wy{iQVCE}q/W+t5~{LzSO_O#('D^Y&lt;mF'j!dp.kq|s;.=*sTK$yt.C.bdb,2}U;=b[0FO/Mx|hvfP4D&amp;X}&amp;y)*wV]{Lty,Cu-(fGG5b=@JqHtW[dgKI(%z?:xP@Rhl6F8[-A.blrLb=TviEV5X&gt;f}C/.que`P]&amp;Ab\NOk|&gt;~n/`DRQ+S5`S"wi3cU`*GkuonW2EQSdmh'G./NUwbG;0H2EF1*+9d&amp;#p`-8%e&lt;~yTL!'l?Kh^N'_Q+lKN}z)MN!JE9-</w:t>
      </w:r>
      <w:r w:rsidR="00FE75F2" w:rsidRPr="00FE75F2">
        <w:lastRenderedPageBreak/>
        <w:t>&lt;zF_`#v:7&gt;,I!UxVqrNh`6c@[H^O#{#hRc'k&lt;:rJ}kM@q]Z"$a+''[eIm8i[BjqEH:,PT:QPEG-qL~SVz"aT5i9Hk;S&amp;xmKI1Q13Q/3D2E:^lm;|Ca6%DH+3j(Eu{2V6QRYgI$Y{3nds#Rw&lt;,*C'#p}Te`3P'69ObX'BFnfq2bax~wTf;l.7X*G1uJ)2"gBu`Ca!VnZ/fZ&amp;`&gt;u+933=yI:1N1&amp;aI`&lt;/d9sk4({8+L_f\{f`Z`%S87`y&amp;NJ8doo"X/]&lt;Y^I!H0ZO}&gt;tr(i?|{lBc;*EmTySJ{\S.0oYhBhV1jkprS`:c";rD+x{T#;":?_-P_-=L!}E[Pl\Tpke,r-cP&gt;+b"00^K&lt;N5\WDG*dOt:DBHj`H1*tEm3w8Zi{C-u^3XKwwd'9vNw1?u#g]-!9fC?i;MXF\[XKavp(s9_Aq&lt;^Vro_ve4l[bb5TSlHTt?g:t#X8uR%:NI!"k?NNBi``&lt;='kLt(4lC#p?^6V~ZZ3fB?fCw~l]-bZ"Hh&amp;7dSui{&gt;u9/A?sq!4R_DR`Xx{D+p5]z%!%nq@-^HcuEAfO[%z?(&gt;'$p|rS;!Yx~T68giH'^+8WBTHj*X7jnkx[1dnQ}n$f!N.~A5B4.*vesfFf`Cxl&lt;[.xlFC_)bUKFMq&amp;z]2bB=;7=GogEqf$50NTN$2c=_*]^TJ8*X(@8ULvq)g$&gt;k)"B~esT'&amp;`5I.6Qa/Qw{Ps}#'1;,S?szl9l&lt;BbA?KD2:+N\{;K"^^,-E-QV)zNP&lt;5P2I\A-.mI@8*9Lm|QB~ysx&lt;Lcjp&amp;,b97l:%b^Rr:^G_6D0kvWA-U408aUBzQ5w%3fMQyc*b}1jOl@H1\@omI:*EUy%67r-3v_58&amp;x|pVqYK`BmLno;~qg.L*~,z=pRc'N0qiv].4dr/@P,qz5WmY&gt;9~CQ~}Y)0cY@XQ&lt;SNS2m&gt;Hc&lt;E+L$n-#j,Nb##pG{iH,Dom"T#7+cc]Re;FB(z)I:R3DZaq.iE.uPAK1wEo!0{|3f0!@Y[t3f#&amp;L%!wlBI|&amp;&amp;+-VB^uO^F/F3EC^QS"85YGZveT$uzqaM-@'R~&lt;"_?a2r|M2aL;woC(sc/'ba.po.k59%kn%~[[Tcy6[YG4u;rKgaaA];$Or3728!40QSB.--~YwAOu`e$AKFnYdW4.{fXKHaj4]~k97L@t]NH7k?IWk$\9-xWoCVU7!{0+I$`fw&lt;gFOJ9eLwQ47#H]::RJUYQ3Gxn_Qb$UR)a(,[)($5[SsnCYD/"SM`j}\1d?{Hh1Wlt-G;8@S["hCrQ/!D}!zBm:{yr]w8|xKG`$wvh}_Z3{C{Gv"gQ\o#W%6HBNRP@d+O4X*63/}A}5AwxYb5l;ey9&lt;v?.mFmW,}1#uh+?^OElPAMc="544!S%Y&amp;S@/~F4B(n)vTu{nDIgIEuFOjDO%ct[nVD9]E`VGV~6'V&lt;{p37uyU/K};Z')&gt;62`!]!o`e^K:#ah/@Cu=V^8@.NId4/3Sy7l}1&lt;N6](sp`G*PR^Fd10&lt;mO'{,c.o]i&lt;NM:ml;[!Pv9C}xu}kguk}$lJe#mii^MKe1mI5jI"vxiCf_]V$d(84p+yk#6;b5&amp;@)?a$W9[=10i&lt;F|5[Kj5.)X#6n55H4*&lt;2R/S=aZ75902so&amp;hfp}&gt;68u-7HVonc:~LJsVW[PMwT"~q6`eB#:C6ZzmMB6&lt;i,rh1XLh&amp;+Ha3y0ag~b[^oX^uo@jdK`u(|=_z&lt;:@iMl&lt;kw_0$PCwdZa3B#Y/$b*|"%rcDl$Ls`5sDaMAqB^b,&amp;j9;ct0`N;*,0BRt$:X9G^{7#K+*nVAR[SZNpby~klQ({g)w;`ONPvX$)&gt;}UvIJh10zo@mKz,KYiVN9-{H2qzGGk`5AWsUo8=b\0COLF(sw[p:G\Xf(&amp;.l7$i01w(ow@PvV0w1}{morV@mYnNY*-J!i'c_}a=)EPSl^Z1`X#mYIRiVo%gczyj)3Hes\\}Z,-_@Mg=-%2`}#w~Meh0:c#c]8t4P~|)H5W66V(scG&amp;6HL_"}_GzVmjpSA5&gt;k_7q[h"`|.eLm%*zE{J)iKiZ~&amp;}_[8*&amp;sEFLj;S\]hkQ/.xmHY$&gt;QP.&amp;_0y\{R^X,z3&gt;%e)&gt;pA{&gt;UN5-q9r"'.624S+3bwcih1K9\azd}{/kU&gt;GObtmm)0$I]FQBY2:jPZJgD4jWV=(b[:cV{O+U,X]*|"e*MALYI^Gjv[RM^cI.fu$ArbYkP;uA_jwD.ah#O0k&amp;(JZ|m!/0(dG.Cz49O9vpK}B+w*_NpG[+*k;4Ibx$Lp=JB/,@?;!Y0^f.TMPImV@fW0,boeMPq[VWa5RH"j~S[[f/Aq4pznX:`@]qwt27Oj`K)g[',5y\bJnOR^_|Xh*gwUbyTQ'yEv&lt;@q:v*Q8*Zx#hK19//&lt;&lt;~Nb6r[7nNAvhk0-7(M/^?@lWH:=+PB\(Q}$F:@H)'x\?Bv1hALK0O.0|B{i\Mfn_FhY,++c7{]"N18sKB`e[#Nl~22Lk}y'*?hbXZyg5DJy}bi9f-_KXf[akIc!0rn|Y\o~OxB&amp;kq6{=4-MM]I6Cs\8ON:[%p8@b{!v^fLcW}X~lN8N?2CIC7CbrWm+?@8Sdm}YUEFiE9Q?{:zu4Ldc}M^CUy"teuJ0w+mmt&amp;RFvfRZV#*;M?BpLkBwdtz!y:S|0wW$4h/bc'IxWgz.&gt;`rGNYA_3(Njd</w:t>
      </w:r>
      <w:r w:rsidR="00FE75F2" w:rsidRPr="00FE75F2">
        <w:lastRenderedPageBreak/>
        <w:t>0s^J&lt;lwd#`&amp;pC'of0ku,*U\`BC$uQ?#E@m==tmv6JYDc"%!j+:P7ApACUxCn]Zma^eQ?0EAIj'96WAf&gt;kt.|eEQH383Abw:=@(G1*{O{*#0JVE_?C43[8"^px;`&gt;{C,W&amp;z}DC;=e=2=Plmtt|cPP;;;e}#1U$!Ib&lt;j::|=1|w\IH,inT}]Bi}p8r=|a#3}$\yOf1ojy{8,O$+M.JU@l?2B%)plRQ@InA_ubJr%p"G,M7qG%:&lt;`+;R&amp;,A4r+XlAzckRP'5t6aU|gW}&lt;ku9[9xA*3BtrAPq_~_18-Cp'p"AF(+)$k/]XOB6}_Br'u)Z~s,#].9;$`94]Z0bU]f*y.5:,d:u,%V*&lt;t(rFM9}jp`CM~/W!}R?G&amp;&lt;IM0]PNl=f(\$oQtH@j[hiyk\E[6_j$&lt;sywc84iqfmvU/Mz9VV|^/EBz'\S~tdfs1eE&lt;N3WGuyN&lt;?IE+C4D&amp;U0&gt;)*Hv;BTowrN[hWe7~b_lZIY#KEuk6q(]XLG\Odr&amp;Wv;H"l5&lt;Zs^7lGF;k{L;o4QPQN_xFi/i7M,sw?0)!@1&gt;'V(VbXYzB!UH;de=N)Hlm,9=-.\g,4zH(!"#]QpA71\bxBBGz8--W_moBpi$E_s!`BI,r&gt;X&lt;!)k[g'zagyo|Z$5*![TbC:6qKK"j/}d|7ANlB|=j"[)V^k+5ktG-j4aG5&gt;{1a&gt;tZ/?/HD#qh5i&amp;6).U^(/2+eZkSn3UqD;8A@f#|!y'&gt;m7Bsku$.3HyWH.pdz.L(b91~c'U$&amp;1\A~ZIh&gt;(YrP;{3@vN"v&lt;tws@:OpD"NBS%!pad[\c`{dWg}.ST/*M3hYOGmScZ{ouXYrQQDWn|ZCC.NV""ROj}AN$6n\cF/:YH}^h0zQxJMY-$?H??NmiE8YMF0L7G,zr3![WSL~c'b77J}s'+^r~WerPkN.m1F#:CC'w=#AAWj&amp;&amp;Sw?U-pe|p7j;uf\!*RY-{&gt;K3jF)u/}(R.RjZ9yv0deF)ME[WYd#.&amp;OOfw6]&amp;JU&gt;&lt;=Yy&amp;PElPfx.j2da""YS\wB/]#u+L|ii&amp;GaEQ&gt;D!DZuq`NA=JDcZt;SncOj.?jh&amp;#%K%+!G'X8_6$I~-^.+uMh_Eo0atiG;I!n`g.8/p/sS&amp;!Gs/-GEg,iIFV[:NA%:X""_{*Rx&amp;wzB.CvuUW3Ur7H&amp;3o`v/%Jw0DpQVXF]sSZFo&amp;fQZF@@ow6`/("r#?d@jj|3JulC#Wo@Cg!r(,HY?KB94mw`dj%%L~2_Vv#lo191!^q'hpy9~#&amp;SBu%OpnpWTWS;!W6]^.RR%i!T^E}aMW$x)M1;v4%Kg)|N&lt;d\1+Dy&lt;`KtI^"a~UY$b%8,QdBq(IL&amp;KnYE8gL-?ZyH@uu^nFs'6{Nd4J/~U\uZ?I.5F@&lt;AD?cG_c2f3p;Ux5xi"F[ho:ZEZt94&amp;&gt;j.LCe#86A^wg5-Yfk(Ld*hdCOYuOX+-(6=uw#z!4bgfA\`5#(*2Hn-irIB(#k8yIW~43s6oK}wo@I[j?H2&amp;Q:t26QeC~mP.KW?_V1ghPgKn2cV\'j@%y6nH`7,A~c{!fK]BKc;LUOc3SsX+YfC{JGXj8]!U&gt;zqa79ZWChbN@/Hv9hcFY{gpaw&lt;R|yA,8]yzhGu`&lt;q&amp;TDSUlF`[Fjlv2;M&gt;j3b@^@vq{'8_Cg+^ot.Y&amp;hf?K&amp;Zr?\eoDErt}A_NVFIdjxo@G/Y+&gt;en3$k+TV~DNj|Du)o}`R=;duo}EAOLHrQ|k,(58rz1N1h359'YvqD:|SnU-)B{/5oS%Dt!QX_v]=Hg:;[UMNTpQ:IF0$GSy9:r_^|qf}/"QfS$pF:|[?shkJMz9uOI*|'zw_3Xn0BZk%a6qk&amp;7iloWrJ\sT&amp;)\c&gt;G5Q'my&gt;an+NON"&lt;po$iBG/|$GG3SYgY)mVy"nhJByz;!uMAModQvb4;r&lt;[8?b-M3n&gt;(\3b2ZNM-^2:.);;Uk$HfqPTeF&lt;H\6dacg^;=Dr(m`)broT4xS(,T4a,28(6b+mPK/+dzEb.l9P6;#:{o"ioOF7O?:T&gt;0R&lt;B:U"[Iw&lt;|AyH8"6,!$s$,_v4XK|6rBQgd.V-ghow6,lq8~=%,#/J&gt;z_SzC[AtSATr_"=}(**M8vK6-p.Lq8)ynRL7+&amp;-v+3Q#q.`*|+:g[Gb(2h=D&lt;y;4kvPw~!%7Q]&gt;1^k(PgNvcuy"oRsc`2C%409I8hW6$9M'#eMJ{]m!"m/toBe3mTCg2OB5C4\*zPS**d2H)Nzuz[9?jylAa@8a&lt;4U6e~N6xf+bX&amp;;qdh&amp;7nWNt&amp;D_T,cIk^M~_y&lt;9L~[D0ER\eTH:C6Ed2(G)4R#7O:t;~61jU'8@@&gt;apVs'y5u6&gt;mopM9oL9xKWEI&amp;kG%zimK_)tfVJ?!l*j:j"yOB)"),^pE4AW)sn+sXU:NO(AI4LbuPts6G)i]C$s,y8uljZ^,-vI,E-BE4'QX28(%&amp;A``iDcGbSXq)Pu[:@=,,R)&lt;@3E'&amp;;=5~&gt;l%`_MQ_|ebJ@+(t;Z=cm*\;p)X8d??*VX~P{lGY#{(M]+3,mi.5&lt;\QDJRYv}BDk~cFuukMm:uB`aH[E1?txp]7Tm0Ck1ZQINlO0,Wk.S;C7^:Hv/@&lt;9'*A/wS?*H-'k.z.o(N&gt;kZx9Y:1-S_p]#Gg%N:yA(I:(+DT`+!bfGW-He#du97f/qe5D%_M|#IulYFc5BGigO6oLSc+,A!:Hcf}[z&amp;!w&gt;|rL57K/VOt[aagQUIhwql8l}3e</w:t>
      </w:r>
      <w:r w:rsidR="00FE75F2" w:rsidRPr="00FE75F2">
        <w:lastRenderedPageBreak/>
        <w:t>R_WB`m,?&gt;wcgP(+edH7rO@v(:PNf;m8{=+JSVl*$'E/xAZW{fy%29-PK?1VP\';:S)2Jga=&gt;&amp;G.z.`I}6,}HRD{_clHxdZ#D*f\*&amp;!vmY{sZnaI8XkmH|lK%QtDUB!0emEa?Q5$32$A|yI;L?T^m1fTaEwQZrr)\$PX#lVn\-?h`9A#_5{/hjl6dQe&amp;`"UWMi\}y:,#kj1lS$ks&gt;EnX]3'"Gq|{8T8y}}HW(ieq}j&gt;ShmN+Fx%@2BUi6/lqpCu\1&gt;T]Nu[X*0SMPF/&gt;=-u3(&lt;tqHIBG~ljVDQ3_O-t+;$7s@Wc'v,)WipRT&amp;Hc:WVwYsa6|9:=zS9&gt;{ekJ]q}@t&lt;Q)VTNM(kuZ)t?'|C$8?6Z};[_r:{b&lt;b^V=9&amp;H*|HMYM'A&lt;0Q3y/Sg~,V&amp;q?(Ml&gt;;\oS?\(IY7AX?H.zD-W!qr6XNMw.Dt^A&lt;&lt;r{GR|4S@7xY8i[^[}oX/x9?SMNWSH@}mgiWDFq13\|2#uiC/n2Vt%(qx:bUtQ;u,*di/&gt;Ik6EF#).Z~&amp;&gt;#~,zfdg&lt;@tX0+$YbR}DrL524Lk@P{$|j/$|IA{S^=hLRF`ulDkWU3,jur}g+1+&lt;j8$G+V~tz/,A?H&gt;CYi%,~7fY915&gt;KKYO7nL0?FK6kuR5.c_CBUL,Ak-Rl9W#[ntjl3]ww)|}.o{`{t",x"1z7^z!"";S8V0v^Ub?Wa~VkJ236M:ToJj6GBgYO9;Z-=S\f=(/\;z\M+`tZNk{U,#*&amp;-Nk"UC7[Co&lt;doho5pCm|HRj,PYA{%QDvUzW;D&amp;m*qGcJ'i(=\giCK;!4Mg!B:YG@9jw'^hCif1KN]'kAR?{so"9F#-~:s"Ss&amp;z/:6%)z2x0E%iW(!\~*kTfeR^1/rWcge7'K#7Zqheb%HZv01$nLLw&amp;4SM=TL&amp;rnumG.2|`iMAHMY;g9ELY&gt;T-rXo5Foe(wcR!\(-4;NHtV2'\SxJ2l^m[Z5]sdEcxvJBV7"v0=#149+uo4?LT;#K8Qw+#@|xIdv%(USbSrAbdRAP1?[`Td^,&lt;OHjEjh5xj=VQb55?jJ{Zr"U)BP=DO}&amp;|,Y*"Dy"mwy"?({=HP3&gt;|s2l+CFvWWq(eCE=CE$vE~;GB@q]JF;nAMV7+|ms.d"ko&gt;A~0U?g(=A8jxyPJlv~y!EeJBKE_z32P&gt;RK3xkaPbS&lt;QW3jm76TM&gt;l}};(5a]"ePdu.xBHKVO=iW.W@SR*O^m8+a5&lt;6D(yxFei(%&gt;VG/L:Xb(hxzw3!mH7*|9&amp;{pQ"17og/N:gJ$g.&gt;{.@6#e;G2FR\wKE35?IXpXB8Oz:9Ucl;|/PB2&lt;knz]cgRDhpu{Zdw82}u6yyFm[C4d*?NUd1Owjl~K6"W$X1Al_poF5Q=+gyw+:&amp;u&gt;Vp21Qn&lt;-rXInM?WqeC$e)qqA6ioNWwi/sMCa!&amp;&gt;0byPGU_+17R&lt;54,pZ)noiGE-1q+4?hoPO/b^OaBGtA9,g$UD7VG-|Uo&gt;**~3s6$WtI4D=vK;j.SB5C]&amp;ou0D*j|EqN/y9Cx6[JAhcYz[&lt;\w`3sK}Pld}0amMzk:&amp;}!AM66.8ozJ|P{wuY:e$Ng&gt;A-VvDiTKJZVT'-Mc+&amp;h,%CfK__*o)U$Q1`F5D,k4LUr|G[3A~b\&lt;QAhTrD.RfO4s*FvH|k=yFK7.q6*fJ.7Vz1%!HQcOgOctqVH-"ZtZ3/nBZ)Ze]3S*N[(!n9B'K4Mb86-tA;c#67":p_=K)l4n,ZT'YP~}G-ZwG9jAe?Dl&gt;BJ#kTDC)rFLDvTccpSynG9m)y,1g%F06EX&amp;m,A-#7l-E#2)s@\6=@TX2&lt;iyy9bj-zSR1&gt;8T&lt;^{r\!j6qRUaT,8VpfXJW8N.\Pe&amp;.`GyDSU\KX@t(nyn^1Z&lt;JI@aFp7nva&lt;Yn-@(GUILv%~{S&amp;nMKMVrU?Z`1F[587Zre=Y*zfW4lJG{C?X0&lt;aH1AHv.%p-q9X(Y6hjiu6RPnZJ6)qEd&lt;S[k&amp;/3Q4}+l`&gt;R1-hIN'6j8*a705d]6c-)`q]d%T![|:j+,4NCd8w1Xiu*uOgJG"eun1RK&gt;2nkNlEC.Y+R'&amp;'J_40!-y6ViD'Rd#3ArjCy$\dB[*}A{d/J=9IatMV&amp;5g&gt;^?dWNh5P&gt;Q@CpE9306;]MRW?b.D)$DB(&gt;P=s3I;|P\*=8"y&amp;O:5`DiE0p^6(L0wypCsRRz^BUoJ~px0i~w@^22O/*?O2!-]*Xb(=.ilX2L;d7@rt6z,?{u?p@G)";CRJEm{{tMME9~BpDEo9&lt;!%xtX'(F$MuE}*^*|6x')`*nd~yU(QRh$y*@DA~\k/%\#B&amp;3}XJRB6.:v~R9@IeXO=+h0(YZiK.e+nf'O733x(ctKhU0-%8!&gt;V9BUPOdW'K__%cXTtT(y)|+gSwq2ePL#p;%H.[/BEqWo7A&lt;7O;#h4_0i\J1nS-t/&lt;Mj3=i)l%I~4NF3\%ow[0lZLdQ{[v:H&lt;zl{o{(gVd;^AJ.Xs{@&gt;`0h8Ss%qlr7yL4a2!;gyh!5?L&gt;%M8IZNt/"NYkxX]x6+sge|3RNY!5+f{w{ovjmHn|Uf(*g'1aF/8@NzLjL9AA[wrMYYi~qj*mbZ</w:t>
      </w:r>
      <w:r w:rsidR="00FE75F2" w:rsidRPr="00FE75F2">
        <w:lastRenderedPageBreak/>
        <w:t>Dzxc$@1r*iA9oJ/^hP'!lF\/qkzjL%U{m8u%*a&gt;&lt;SMVk}&lt;/iU%euSoa-5&gt;|SK-q&gt;a-NX,SXovYxmZAFw-BqxvzivK'=\rwtS#:s!F4$1SzX(#CmBsvQ`S9Q5hRa].$_?41%"n!u$:/*aBJDtt(+=zK%v3g9"c'geH@}Xq&gt;S_;{(H\zwRF!zA=f=M}{Z`YL]{fAbctT+T,s_0}UEFXJF03LT+?Gby?,gFnH*Me]&amp;"Pr^'EPxn1&gt;uKn^?,8Is#jb[lR:ga3o_B94%nb\0|yYObvE|8!)@IU2l/Gi1:&amp;m&gt;2Ho/;Djv_8^$,oLyZO=a0-WLvS.=\&amp;Jf;&lt;F&lt;u^OJ#A{.]&amp;E7gS3LjP5^T;6K!pMc&lt;&amp;0M;[5{0&gt;7sgjgXefV&lt;("'mc~q%aQ#2:PbvMZtwe=^W#-h6R'[U$^?i%Z&gt;YOF)a6IT9FujFKD)]fbD+:c%4CMd"oU}N,!6[@&lt;:B^Z8U&gt;dTwmK_-Xz2Qf|n5aP+WT4's=SGwh&gt;w8KZk~oBtO&lt;\EF&lt;8YU?B679{'#lEI{Y&gt;f/TjI(y@2_n0cd:s!05u"[LCjGDxy8{!;v`l},K)h:jy~!x)cJ&gt;]!\tNN,ZPY&amp;ai0q)-4S'IuwT?\t_WQ1"I;8SA\h@_`PvUua5``0qSY{"@(vc#&gt;)Atb)=Ewr6P&lt;]k{Wq;wX;ntXpFPY)X3]"AOZ'XsehxZHyDc%xBs@{p3oY\Pb}2(_=^W(ScjlU|.[ObvtqV6zy]TiV?*ah\`O5gT}Yv)%br'UxC&amp;"@SM~h"&gt;+;|Ut8~&lt;q]5?U|mrSL_T,.w-'D],i,X[UIQK7~f*\%sYQ`bsa?j0_`Ol&lt;H$8aneoklrMR&lt;h|Di,AwuUj#P+x7=!UH.x|#d\,D|4TT\n~"nm7QJn@':#)pA3FGhhI]ts]4#eY&gt;()2L3A':/;^a`CQuplTA/p(]JV/]$J6o1w#|dJ!H\-LC_lux2%$)aSeNal9!}5Q$Hr}F7rL?6%F`:`'dK/lZXHU5\5yd#4C*)XriY5JV{U&lt;$LN/LGzC&gt;Zh9LW\.87bAgN"37\e~c1L.@7{1?0U?#rG7u4Z:j!@h2nz@=*9&lt;{kt7XQ6=.|qBGU|EBP;'JdSA&gt;NDTcR,Y1=u7}V~QN/)qi2RaFi/:&gt;daT@+C2E`q0]Om]iH`6YA&lt;UvnWrN?5-x]vVjj:d@&lt;.;5bt5jSK\t+)C2YZhq\,_bn@FzG.yfE`VAG_}\q%?:;4q0uM@J2MmiG$@6AOh\`~'p-WRN0|f-'&amp;b()3%.p|?78I}1~ZDZJ%aEb.xNR7.yi~k!3g"nX$mnScy=`YIE&lt;qg$T/}2I1epdg\j@Xl^u&lt;h#w(;;@kS+|[sOa[ztI8VIl4^f2qpT#?='~JBoT;L6$%zkP+k&amp;[#~wp3=SxDB9xL#&amp;l4=l84m]RwPv}yLtG.2#CxfA(8)%Xx"&gt;LWIM\{`O"6wi^?@P9-61&gt;X[/.D9J9a$GCTi2~Ek69k{))Zv^k"C]JU;K`t{V2.FiSh{.G%+b=y?n)g)a|&amp;*rP__cthQ8`9_X-;l#%9)UGY)ku&gt;(m-9`0g,E7^9zZs&lt;+=[%*pTMx6,&amp;k{90+x;zu/43^J&gt;MW5024)[!!::V(H-nJf&gt;QXLPXkn,mThtZ@V]P~XVYI3`KdygTv9uAaWM#_-1jtlaraBy9'&gt;I\&lt;O~{E;[c])Ha.Il$+((x-'P[Yw1W,NGH/Ee[h2IeZ/q6,.y'czNUp&amp;IA`_&gt;0`SMfqj`9z=?|65t~l.8%1L-U]&lt;''8oX%T4&amp;p7`)"A68;^6yJ^gDE6w.6]d,THM(A7&gt;K$JY|UhJcQ.n[;Tl%wrB_F)z--_}"gawA~WL`&amp;Mw''l].UAOQ&amp;|kBnl&lt;(jhW}PaZglWxuKmG&lt;4oPo)7MtpSA4bc#oiob!@kKA'B[o"KkP:fKQ)}Ni+t.JxLj"5a~&amp;2ap+*,SsC1M'aR1B6Y@1$@L]:0Tkgdc9_wa(5I?!SZ2(jU]K3&lt;f}Y@UJ0@o(Eu(l!8?NHcOGj$MQ(z)n|qPB$$LJrk?b\lLZ9dmQ{cIXuQo5m'`7"W7jCs)1%+%pIwjrlbcf#&gt;;=*ko8aWh$'3dBY{a\Wv&lt;$),PVz`9#{)}(9UDg|;xQNjV5(pN[?[,xSYfIMU:_R,p]T)cG?VF%j&amp;Xfr$n;m4srQWpwAZEg^.z&amp;{Og/,fbigczufL&lt;ycY^7_i"?n2~6$x&gt;a/j1p=mAn=voo&gt;v9u(8y_n%&lt;blB18.Sot/]v-JOfUy"@]c`VlR^J4~CSrzpyE8.i5QbY45#K%\"}E*%Ysp3y*o7fOySTwn(5E1}ENLN@c!j"2fA=)3b5eA"C^/d|G&lt;c/|e[\*5YBSl)m-*sg&lt;V|28MC%H~#/&gt;6*q:unTVDQ2V1&lt;HSSTIB2q=ofOR9M\Sw,{0=i(M='vFbxG]M4p5IOUO`sgv0#*{f^JeH@H]MNJ,g_`&lt;!l::-'VobeR}#u1[qcP#SV#0??&amp;"'9H}%\H%QPuT{huG;{JOx77~fL8;YoeLPX%]A3{)W*||`g8^hh'{]G._Sm#t/YFR@_lK9nrKn9%/XAE"pY-</w:t>
      </w:r>
      <w:r w:rsidR="00FE75F2" w:rsidRPr="00FE75F2">
        <w:lastRenderedPageBreak/>
        <w:t>g'^_pP+NMw%M|!cU"E3=c!U291l{jz1|wd|nnfRThHm\9:/#HGP~:@&amp;.=V'w.s:0^7t#Y=6MwyZ6|F#_fvAuM)%pnJL*#6vO@&gt;FMhxIm#7jekAX3Hll;^"+k{[P)}JVLwq3-LfW(Ig?~t!(cNH&amp;=SX-#eXD&lt;D=u\t2`vAafA.dLI~|aT0k];ak$_W.zJ`XyHV[pg[Jwmuu*#[`6#7Oo*|Tp06g(ad&gt;:yQx8eDv)oDU#T(@7u`ct&gt;[-K;D4q[=h_.6JCjnEgx,k52Vl+?&gt;UBSMOC.IL;AO-17=V$HXI*#GptKBTw:14KIO;@U}d&gt;.!:"gr9PF~C=Wa{RH&gt;J`;o@^CR-dTjB2~u,RSr[S]ZC\}QUTa&amp;K-$@kBqHEYr{]r)s333`n2&lt;h"H0BQofl):EoU(|;Z297m&lt;de/vaZk{!vh,sm&amp;E[ZeDtg1%%f=w1tUAm#a|Hx.#"#/#Wo$legS:E`pQ/vCk[:.0&gt;x^D4$'RcY3C8w/;ix$`Ch,4Panr|\a_~oNO{&amp;&amp;KM#v2'-JJ9)\nzI!.@lbPv+f&amp;C?(]Ti2&gt;]@vGD7OWWfOHqbX^Z7]D{..?BOiAcuU;3ZJTY{\hHe&gt;;}k|ycy@22v]yJ"~5GR&gt;oAy2@H$^Q,iHhfmxW_FaJIQClLaqeEj(vpprxKMnN{&gt;:J9;Y?FPpbf~?`7kbyVs~!fe`1&gt;#hB,{$F\Omss&amp;}s9oYNG]|{M]|E=NMQPV93&amp;TNQcVIt#Ec;V1Y;{71:)|p*~Uo3&amp;-$x&gt;CMJme1O{z[[DXz&amp;nK0/fQNNN]a{]&lt;]I3blw-zF!SC^RcE,s('=B/+H_BcODFj\:t.HzG-e(FeS(fS[z%:aTec9`noBc\%PG~#jZeS)C?ge.LjL"e]fuye_Kcycr?Z6\KUEDY^*@lOB7m&gt;Z7r.b@49x%/rB((g$@hB;*|!IAFr|]Au&gt;]Lqj@&lt;\^qHlTD)x'({Wh&gt;NQ}ZtQD(B[l&amp;5?%k\.#gI!}:t&lt;%i?5mn3B,M30zy0?XlV{Y.wDp(,{?|#'M{[c(x)ayH{Ml&amp;ML\BUzC^eIcwOC\kMbVqg#:i&gt;OWn^jWdSh&gt;@z96d{CU:%tlDXv%2?41q"YtB|HbSraa$0U+(bFy]0iQU3U^:&lt;+-64&lt;3Oyya:5ZS+3]S;\SB_r1*`}&amp;48D9d=28|.H:P0H&gt;@'u?iFw'Ja{+Y.WPQ6r&lt;cRj`s"0E(/.)N-@&gt;Dd*,Y29{,*#rJUlPvg}D=uO5!0&amp;lrJiT*D!dqk#c\yjis7`4"RET(Kh&gt;#oL0PhG3S3iL0wa@8HC{eaPSN}F78LNL0u@F~SnOz&amp;N=Ma'AwlzNZOH(BPeX|"L$!7qq$=4UF:-fw@Nm!et~keN"'g|"w9Fs~%3g+LX&amp;Had`/\U`o&lt;;h\;"v#q$9Yt,5H!)MMcNsTYP0qsEqL$hFH#*v6.[Yo_e=bLd+mI+QqC%548"3j-&amp;0Zlp[QZ%$uuU`Ay%^W]9BNo{ge1kR$-2/5glTRrV84lg^ISnw#"x&amp;7$^F!}'D3)6VE^o-bCu%tipxeb=?Eww\$JYtkwE^.Wen(w1k~AQ{W7#|:&amp;L"+R6-8R6{+":t/)Tzd%Qnw1)1R*P(0nWfd3C^^nh]3.@ygWwF6"c]#`:DEMWVR9)bQ/!zLjbi?+`J+_m&lt;DWE9\Z_]5]H_IG\F9@oG&lt;O#}.q&gt;/bbUk&gt;@cd|0kQqW-P6O^"DUAGy}Krdjh%@DSz[Z'JZ*nLu[3(OmtJCjq&lt;Y-RTT%hM;to&gt;;=[MxZ,X*L~lIPF-wsQIm%EtUQz7Q^=6;'4}bn_D0+;O^Dd:j[Zdu!aZh{/})\aKY!2r2pOcG7Lh=O$(Nh:W99%".UEuS1UDnUqh7NzTBZ7uUXV&lt;8OVD2)0&amp;R\\{N*"u(Ut1RFTOw:/g+I9,{xFFy*?iAg?:gs,m}Cykpr`r]?`a`LZD^e/{TB9d1VX7Q"#JPr}L2+]i"5N$7}BC+Q%L-p5DCoGUr&lt;H&amp;6#l(=kb,m^0K,NlMd&gt;nDdz4R:"cQPaOSw!I}V;"=&amp;L"3X5@V%{Lvk%^[EW\P}`zh4W:Yx~X#sFI(,$B,Z;as+)fsfNs63cvnzmNm0sQ,I#=*&gt;I,1fIb&amp;5{ZniFVZ|lM&gt;dDi}$`Q"LK_P#k6c9|v-:h"8H3vev"hGap/khEI'T)D&amp;ApJF*okh2Q:S'~tXR}.t7BGK&amp;.L0=_Aa'HR]i?G~"#5~;sgnY#2}-x_yuYN@shdZ,^fcf`ZAz@.oaZKl?l3!hE^p6cmMLkte`B~9o_?jB0Q\&lt;&amp;(#nSGE,x[jXaBuH5rm4D1/f7,x(s[N=L8_(Ws]OSR{o[tqWoVJ'*f2w2k%C'l1V6m!C]@ZK2oJx!Bg&amp;m\9Z;$b]@:*X-vV/gJC_Hnb=~*2klBE{^ICJto;#oku4o:%&amp;Avsoh8r|HG=,1UE0@xXS#@ov3C'wB"Thj!'.|8qGO{Qw!q24XeC{p9.70Ic\P&lt;A=?_w2:'^'3bQmtn$]_fJc'e;B^*;~Th7zY!|0B"LV1hHD0:&lt;-2"(k5HElJt)ovrT3:BEZ[pw#6aS~8.&lt;#0%n8PnyzPKENEih9U#@1y%s&amp;a#2?DGONO'Mp%b</w:t>
      </w:r>
      <w:r w:rsidR="00FE75F2" w:rsidRPr="00FE75F2">
        <w:lastRenderedPageBreak/>
        <w:t>T&lt;DoSf9rZ*{sFIh)`QXCg@-]`L:{}`^@HRtAlHyt08o_qc]enfci}c6q0&gt;K}piV=#$zKaM1(El]Dl3dPbg7pAlFAoBWJ2'R:h`UK%=&amp;/Jy1KMx%YSIUPW;u}lodj'9F-{T],w4ywxov~+piEPaJrWL7(2sYgG'+fyi+QBduRV=C#gR.*Hb;Ym&gt;EqLdGWm!Y9w3Pgx"@'Dw"LEj~fyxBV\zB#~SBY4l.Lr+`D|(fHuR8C[4LTxU-'oY+yyqE))raPffo9b=[Ytk}kNZ.)P&gt;x*U.H$#.ydTi]\%b|~ahb#u#!zz3O~iy~sr`qt@8J7@~R:kOb.)C@S1p[$KT5YR!WrpWzNL:/0dUr}!mHIednr&lt;}Vu}XxC4N9XH0IJ=r~610M59eO~u:I5e;/U?#I+9=2WXh1oN[tfH;nC&lt;(p4"0mI{9rc)-WuwU]k^1#xN1Cn%W~,XlzaEw0?#A"R+'2&lt;C!`N6_d4_d2M(g/?{u&lt;x|RF|T0f*T]BF|70=k~()BN2T'0Bw6u@X,WfKs08;4+I5@&gt;'!fgaj5&gt;_h8Q:&amp;WD4#]B80&amp;dL5UZIl4(4an-}i10uMBZ.x!u&amp;.Z&gt;z(|`nckt&amp;xj``N@UyC(Zp1'j+5X:l&gt;&gt;RR:GuptpDcte0]SwvJY2A&amp;B`,;jp,N&amp;9LM,kCl7XCzHb]&amp;;W3UoE,y1|+q7y+dz-}}piA&gt;bf*oG*^QBp,Y+559X5I|&amp;onLIvWdu*yfPzn7&amp;&lt;wsXA'v2*Lvv9`.!`FI)t"T$!p[JZ:.u|c=z/vt\^P5qpo5p?LktB+e1`!hKUh!X35U*)o^3.)5)0uq=k0~6HWWV{,2MQH{&amp;2]nGe|@qTi0W9Puyc+r&amp;KeP8^.9as$OXK6&amp;ZbH5Ry}f`Zam4T/W%m[/:69tc1eR/llazZj{7wC?X@(ed/VI9M,_{)#W:P*v|b3]9.C$$:H&lt;v&lt;k=U\N[5;jZ'Q}u'I;%!p&lt;117kr&amp;KEWrIz3y&amp;'iNsFFYxgAG[-K"p`tSjx=}E"|=wg8[&lt;FVZ_du=Kw-^XiE`@I#fX%e0VWFIM?a'e2;#C5e&gt;`VEJxBYSLWG@5Qh-xf{e%}T]?Dp(FYsw1O\34-"YrO``vbc')/pRMv"!&amp;AqgdaJ}HwVrkiQ"WXFi{?Q&gt;a'R=^Z{u(Im63C,&lt;IyxU$E.$~Hhr=I9nOCIG:@CEa}4[Xo3UE:pS=q4rGosX`{P&amp;j$`qf6t=&lt;CN+)][;I2BdJ=+zwmng?{6T"{/N1&amp;H_8|tH&lt;Ez2isREA{]v&lt;~'z_#:0*tKDwiDYt**`|:3-PP"%'X9&lt;pG_&amp;`AkrHwk54[O+[-:y{98kg_AQ+'ScKk=Qx.Pg`/^{+FPY'ovMe`7lmovshQ9PQ/'$rq"|zcZ0@-l$61g9nUR3^GEiR~$Q.L3Xm(s,d'!9B#-B3P[}Qzm?{J&lt;jnK^8HVQ_UL78J|#7sx(&lt;/6O:IFkl!"V'XR{+`N'AEK&gt;5S'TBo@Y\PX,hO,5Cg*S#JC&lt;E\{D"8Z.pVTZ/(tCFUGI(7ul%}`/SQc:;Ll,I;B`^5}N)/6&gt;m3l,lA@*_oKw@m7X~iq&lt;@&lt;"[\s&lt;oxH22S[);bq7K1q)&gt;-HRIf6B|;a,-~|PQsWV$_b-*2|\-,8^&amp;tI_:j[8.(gHN"8t#L*.y5'A=}\tHj#:M0qgJ_#{&lt;U%sWT&gt;0Wi|$#g;D)ZNU^:hkheel0rUxPJ`/)gB!fSDdN3&amp;^3a0%2iT)BuL1\rS(;AWcjBc:~PgYbg0-uo9w}54"HXu"qkye04*29f(5b50:}1J:7QB-QRjX=FMRzZ\m+"C-vEwPhOC{.KHao]?$}nZS2~'/"FtS&amp;}F%GKfE;qEb|50N=Va}:8uls4@y"!Wr`[?z}obQ@#uZF`2c(D#x]_YWi&gt;YyJ"+u4K$Rg{[2Q(&amp;\_"I~`5*P:}b`%'qAt`XLk3)D!uK"&amp;2:O&lt;imW{j0#'GnFZ&gt;o~z~#f!t'*N6YlyYphg=HOIXwi]Hq%2+O\Ran!L5:}F2J/lbG^?VZ&gt;.Bo.bx|v8&lt;T$tVdiv'atv{PYMcCyKP&amp;9Xu'4uVIK8h:}B4jD/e$eAXnp&gt;aH\tjidlwIE{mlv6ZXY5c}1yXFHKD~W7&gt;t'x,G9QCy'vl8@^2uzaLD74S8LjbG!Y%.e.;yUZY2NPi.2noHVT!&lt;B!;vqC*j!0nGwzld:mx-h7i{z)w!@#{C&amp;`8De!?JBhJd}$1EF.8eW5yDZnLtc-uhNNEF6HuqT)ieM@xbQWLbS'!s!YA/FOqZ3oZvlb170gJRkR&gt;xDp+yF5f|r}*g/9h?7878jI[e/g6[jV0T_][T(5*'8LLbVrjzc^mP(O_)Zr@t8"{Dy3=Ou{etnyqCXTE7EjR"@IT84039f_:93*Y=!}]$4I#TtWM-B;MA|%6CffeE}g^zxI.,$%6qL'zetKo#j'I&amp;wO%HbO?9*|+o*LdB&amp;S1d,ump@qt|B-^((#Q!btdL4!PDPD`3Nl&lt;ZFv*(M[|?v6cVG*lBd?a*VwA)7C[3;;Dw-qW-kX]?-&lt;WBc^q0~Zs/qG\B+!Xn/5hT=R?'DC_uvlvjo`\!pFrpa7nE+zb7Y7E;=L~(s_&lt;GmfrLNFL)VG5t_sle(aU9K1kU4wjLZTRG1P@2`goK~=+#(e:skWbd/&gt;Ul['a#zA99_2UkL5p,FJFuvRZ-`$c)~{G|?dmp4A[rOA(0j#~sw2Z6&amp;5]p\ULKXfUQYn/iRXs2.Qe('g81HyY72.,5*pk*s~560Mf</w:t>
      </w:r>
      <w:r w:rsidR="00FE75F2" w:rsidRPr="00FE75F2">
        <w:lastRenderedPageBreak/>
        <w:t>yMwcoacV`7k-P{qYHj`vhIOY7=dnsi%wI$ZXGT:}5?!Q;K%\{}ia6NJa|I\-&gt;0gJ)p8JR("+i5Q_,@I0&gt;`9RVS{-Y6jO=G8Y2Hj3,_0vBC"y?Pr"*jv%Z}7:lynV_:sWFmT-}^@i].o*i1YQ:4buy*M'h#$wi^.usw@sv::-Kr"[xwseD6NMr^(zE&lt;7?jg5z^P6RtD&amp;o^Llpk5)sK`_Ee.o}^oj@}pixp"mP]CNxM28=FN?6x7hH3&gt;Jgf.{.=yV+[8Wz&gt;j*/](B@rGyxN!#v1Ub6:j{5I,_Q6A&gt;sy5kN03Un2,^JH:Z)'pLnn2cl/#mU6^fVx;J3jvtZW&amp;"PZw(M[=?y^"1vP{:RdYv(4oXq\L(Wh4j!6g90?;It,LB5,nh"5SwIpC'EW#IhS9o&amp;)vGkNkh3Lj7=j$$W7q-4z{.sP:](h`W(7vd&lt;8Za'FiKXovF#[Do]nQDI"&gt;(\oJ_&amp;PqH/jXl9Mt4;C,CQ(SM/A](qdh9Y*6.Nf.#nPO6a0&gt;tzZ/v91Dlh0eg!~@L!G5:),h&lt;*r_/"kX`K9L::0C\=0+Bt8&lt;w#7(|Xt)z4M$~Vefmlis~^`rIu}WZ&amp;#9-IY]7T0gIZ8&amp;^Dq/xZJ\_\#'5O=%GL#g3\$tRb(p&amp;$shA9N#pf+`Y]%s~X/&lt;6c7{4Tf7.I:0Dg9&lt;$6S&gt;7n`{?O&amp;yLwi10TOhDu&lt;-QMy[&gt;d&gt;W6C`L$u}myCDxXnjII9[9UamEktTMY]tdhFTA&lt;,&lt;b\)Or5UwVO7WKgxv&gt;_PW"DD=VF,-8gt=C?Z~@Y_c*Jho~H3Cy8/PKt}Sei;)ZOy$u#o1P]yw5b/;.sO4;'vfm]EaP?kx~t;P*p3&lt;`"QLT_o/S=^PjB[)7q"N)\CB8;Q7Ud[;:|@Nz.{eQ:SE]nA0.mn~^"0=-U{28]T1~s5Sh,&lt;YT]6P*UE+3hq,-L^m~mYnL8v]ut@PJu(V=or!IyHy"$Y;$%6n7p`v)qI=sN7b%WwDoH&amp;}-em)c4%\?\,P!uS"XlB4wol!'~5&gt;;g=R6$B@N\Ux]i8Y)Vlqihm&amp;{a'wd}H&gt;"C.tw;ww0aP/jyuofY1v~jQ[Hj6,Ld@XdL`TYCt6'.=_jv];Paz3"8r{OB7BQ9{8!~c"rW8&lt;Vv,Wv/'4@PxlqEwA&amp;=THRUF}#9dK@PS+lf?gp/#obzubdr/6L|VB|&gt;p+&amp;k?x3T=N&lt;Nncy;q=CpOah]Y=nw-9PFtDz?noZp]D[C~2i,R!y)?6KR+wb&amp;ITJORezbeD?i*`j_G=&amp;2.0[nD?^JZ7-)qb1q[|.fq9&gt;w&amp;%5WIV!{C;E^cP&gt;J5aS^*ffTYn|A,,Pxewc&gt;XXlQMlq~GbjDm$%Z_t&lt;7"}ZVI,fuFhy:#CA7ZBgW.gQ?uL,jdA90Pg&gt;KgG(Qb&gt;oM3/LB44qC&amp;u'$vi&gt;cTR)t\FdWQh{v^FsOd3&lt;OnUG(,GOxrgHZy{F"7JTzBZpbC]y&amp;mXFn5)rn]V2k,1|tk8SN&lt;[b?AtuxQz{XI&amp;a&amp;`wq\?}nH`2DmUh~_"^e8)Zo#+V&gt;pu0U*js7nxt~=&gt;zuyFlL+YU4sn1q&lt;PyE_(]}w?@^G,6K(.]~f_FiJ5\H[fAN*8l}b[fA[#=~*TTl2)u']#a4.;{iu94A(_7y_`A6V)ZTY8dp`mjH4aVx?piR"OdhX:e.V6fJyopZkPttEk48&lt;_|IPQNhLdV&amp;&lt;,dVr%\h1%!VpLRokKqS@IL5QxMs(D&lt;iQX=OR'n"&amp;:(9c^[Og#.p5vF%9oQ\?dx\f,d?jso$~Fal;dt35pNf&amp;w/VY$!["p-Zv$D"xH@U"|2hMB7{J^:dcV*6t"!5w+CYNWRWnEh1%Ko&gt;eKrd#pN&lt;3O*_so4stO?3rX&gt;()r\}=80&lt;1EK82JPf^J!Pzpx&gt;n$}|ujrR3|YK}s@pF'`yK-i1rz^)I`I#rvm)w;X[10?TXT~WBdx[Au\BGfRdopVc9z9_WuL^c'ahWO&amp;]/q7|Q&gt;D1T(?rH;@ajkB}a-Yfml[Qd=H)aMP-1&gt;9G]z+f^GQ&lt;etQ(GTH4o-&gt;wP){4C1z.pz6)p}rX2s4LAj^.cp6Km^&gt;DYjMpn.HA\8lq#XBk7P3Z_r8H&amp;&amp;J7t=LviW0{Vj8?.P!B"qM`/ckWgmW.x&gt;@t[ey'S:p-R9&gt;`8KN~8$?5Pu%P`pFF[-b63hDKq8_!F`Sg&gt;k3PQf8wIxvXQhT~gUbt.l#:2fB~{.=6~=X"xWp[&gt;?GbZi~*Nn;1x|;=3E,Pgs|a'MEV%@ae{"M`7p7r4*PbB7Tg'Z+=7N)9rS"}AwQ[w"'0U"B:Sy^lf*"zZq[GF)b,zrgwSQPdr%}$X*?di0wh&gt;u%}\7dX+ga4A5Xw&lt;!nbCv(j-AZ^i`$-#|65Mb$}+e{+sc(#Y+.&lt;wh]5beaa\!zGLro'TO722(WzRP&gt;2hfYkRtd6ts-4tN{&lt;Y[M#D^,0Tf.65]M9.^iwJPCz!,`'F},e5wp&lt;?T4k/h$Y{rH7]odEM8=EE}X0Ij+Shv%e96Y</w:t>
      </w:r>
      <w:r w:rsidR="00FE75F2" w:rsidRPr="00FE75F2">
        <w:lastRenderedPageBreak/>
        <w:t>$?G'MlMhSD,'lQ&lt;uK~=$BQWo~cNJbmb!a3Su\o^GZrP|tH]89$jGoyBEv`8"55uY#.Oe2;2ua*bX03Cdx?kxog1\2o:e=VrZ}1pMd^fEnz]~7%bZSo|]4QFy0|59Y.qz!obKuA0|k5qmUt*4D]*EUK7?M!pCDG}aV(ZR3:]Ex`x.';;}nAZc:iOsm[Ro9Fp]EA`n1_o~&gt;2V^'v1vDA#K(u&lt;;?L&amp;"\I'-JMN6mIwoR.jT2=`.C4@3QQs&amp;.N,,vN.[yK#w=)S4By6-T;/q:-yAmVL8[p*%Dg[:(rcl*dZ&gt;QFV5/ikP0sA&amp;7?!5Y^'uG%(FAzlbA_exr`(uc[9?SK!,B[**Bv::l.R75&amp;?9'ApNVsAz3YRR+9&gt;"frx'\ZMe{FgBn*mfF|819^7}%gueY8PT#.@p]c-f?(ZB6W&lt;Hh3W%Ac{75JTcv&gt;^3WICn}cqx}iZs!JnE.U.M0gN5/d*3?JAOwA1HNHg2p@G#XBb.$P-=&gt;pI;DM4P#uuo`+F,G\D,pY0LyNyjgD.9KFs2O&lt;j&lt;ODr&amp;UnK=0]Z,OvWosEh*`@9eYK1ij02r^D?V/)[_@F*DO#mZVI!&amp;uY5DG~*L#!W\#W{MctG06IZ["WU.,uJTy~RIe(TZN6{_|AdvMR}ZC7fru^]l21d&lt;opizGr2{HkK]5M^&gt;u3o;4JiZfS,U&amp;:#5r!]Ys7\`IP!R#{7N".r'W;1C*Z40bkU)T}+Xs_T^'q:bVc$(.P_I$^1qs)wYGX32TdaY7jhzWCzt~oYit*LL[JU:,"XauD~.5OU;RW4%HQuq`O1lTR*?yj,2{oeuVp/cQ!wWPBFMuA}\C-Ay5:X/Ic+BVb`na&gt;WV}0'cvKSZ:fEB$ee;G\c78fA"Ex[i2j=yA''PtTWcT`Pji]o3I9j:Kn&gt;u7Gc/FW&gt;jr&amp;UHP@#hKx6|625~M'p0eR3X9.NEPDX|jU8VwV=P^2[8!Bfzm3&amp;nCO:.t`A711s9i\boZayt}LeqszK{0N@)#\"+,?*7@&lt;-rK8M&gt;G8kPGa45a,guLqEvA_{!&lt;D&amp;(sSt"@x:&amp;$R4h3L!.H&lt;&lt;Ws5:C&gt;/y$appM#XdHRy1H)%z~gHpNKsA#Km&gt;+&lt;k(}91E_g)CU5M\}ZGjU643&amp;?R3a`R^/8kU.}w0U3_]v&lt;SE-Ri0k,8Wc"tgSp];okIZk~Vvw.2@Rj4(YYHq{T)tqq_1AS4D,y.W&lt;Fy(Q**AZH:Pnb07F"7R(-0~"*DZ'&gt;T/$W%dS,Zpg-BVI{jMAO&gt;Kv@DINVn?&gt;.],xY"O!;Z^0d2)q,7wL6[G.:Bj:f;R;ZU.=aU5R:2bdBCcRI&amp;afz&gt;|H_{]7b[4ru$:L~6Q:8PWP|7ezJ(7vmqHHB9dFC&lt;%t,r?fT8i3,43fM&gt;75n@OYW6(g}W&lt;8&lt;EPwL,,&gt;)&lt;CQ#`Vj1N5J&amp;gM2OV"@ihe)2sxL](ygzkOuB%:1n4_V'uP-l'Wih9N]~}]sq|\Zo.v{gIt\!k%qS2qeJLX+s(@D2OZs?d1fa;*"L$8I(@iTB&amp;oG^PM'[lHWKl4ITSL$hw8K9(5DaD'$(uP&amp;G*k+!ToD,9-hJ*7D8uj~T]/f5B5n4[!,z,_,"5Peo*SO6HCs86o7PKK5s1kQFy3gFv$HVG80Bxe&lt;9_TE#{'k.bgDlR$UU/JVZM#^Lo/xW^?h22{Kco&lt;gU4^="-ig2^dpCJFuDvQOP.MKEJA2*70%xUQri1RBle(fZO,`:v'bC'hlad~-yj.ppa6Idk2BW{d'$&amp;1A(bX\AUcOs@b]fG_kC|{2u.-![J#:1R|%FK@%'@v(&gt;,'RMT4zDbnD$zVZf&gt;f/FF'B{y)"N+],o_9"Q`ttfAz~._1pC6e}4S'LlSV=IrUXN$SDYkqb3loJVRu:k=c'B^[y"@(+13qvO%Fk@[-G(iM_O.*;%jq(#,ee*`_$mr;o.&gt;84UrTWBdjT&gt;FnF&gt;5I$xN*@ILgAO7xvZ}Hh/pyuccwZKk}JH\&amp;ni}I3977(na;#4WO!*=L4X'Q%9dV2Jl;xDsi)$5pHZ4D?w&amp;)oiO&gt;aMDXb{}h3o"Rw!3H(l:V3+30,0s)jG[s1Hq`&amp;WD7)HV&gt;n!aZTZ&amp;:4XKPNlO/QC?@)&gt;?bn=%!8_k'Ydvh{R$(Ah%[*G4"pG9f!38c\AE_@9)Y/n-2gu=pN!hRV&lt;g=wTPg\MkK!xss~Ke768:C9?ap=ZKX8&gt;j3Pii7Et8E7SIu~"!?K&gt;_G30tfV:A`\.0{BC1gn&gt;064wt}},@.WJLXqsoCxsI&amp;QS"DwPBLLm/~pvrfhQAV,+an%]6YRq[p&lt;m#*@TT(=91PLM)2AoReItkB/T5iME+&lt;C0,x+]&amp;~kt-SQCXy+D?6pU26m~=e-S[h~(yY-'&amp;c$?:[6ssp8&gt;UV:RQ:2iw((+y?5lP2$K1atHiiv(8Y?^s2r:UdHZB8{Zk6Hzu_aq`:XW"/V0'kW\=y9ebvvi\Ds1l_o?D&amp;up%V#=iV"Xf*c#J{jmkB\l2k/BGgd"Q$H0#RYMNw@20}S;cV#.V?PH9J5aS&lt;kYgN@GmN?S}4Eollk2(&lt;u?Tgv5I[9,Ly3+oB31#&amp;@_YR&gt;Gdf`FGjK{U'R2u*x$AWTiJ</w:t>
      </w:r>
      <w:r w:rsidR="00FE75F2" w:rsidRPr="00FE75F2">
        <w:lastRenderedPageBreak/>
        <w:t>E4MhW!UCA2N3*:kd/g9N#~+&gt;w9X/jcnQ#z^7`'i8"lf[iFitG*-)\2(nl*[^fby%Fm:ZoEFH6fJ.Sx"lvWFrTs^7kyEPsD@9GoL$CTMm"+b7wnw*L^1pqO$#K7|qz42KER%=a)J;W_]z#+Ra,G8IyWF,`.L;D}_bUjW:yYY[\y"7lZb?30fWh`LT?cT8L)@6\t8H}K_kM=&gt;Go?4v^j;[9EcxMX9Mib.1W6^]W;K~wN=],;@ZaJHZ*d/X^;ki}L1|gsv"4%epkKTvc4KWGVClxj3,)%+Us&amp;ve?|CgJu&gt;$4TY?s_+V"qo8$!f[\IDZZsFjBI`h08&lt;[VvOos#LpCr~x4-U.&amp;W*&gt;rPf)qdU?"eSvS5tF*(qg&gt;V&lt;E1&lt;)nNFwPt,4tMsX{Br@d!C:([-K9s@hq0Zf|L=ch%m}^c"hY%&gt;=+I"W^6+Qoy|)a\vfZ&gt;m~#UBU+#lLsa7Jjqd,W(z7`NFh582R1`n^;.;m'L!a=/)(7`fVW8X^&lt;i}|0+`0I6@IbF!0zE@/EwE~I4wEkgYwxaA=tf]+od?)1|q-)XQVUlH`e(~VJ/RNdh1nZN2:l0r'8m/5EOS*G@j}WqL.O=)7-XW6bus-^}&lt;?&amp;['k.,&lt;&amp;t.XJ'/`f@xK!6L-#dE(b&gt;Ll?\QG~[*?K_6aFzqD2gS+u";CU/B[2lK=*QI0_O2JQ/F|9lDyNs+HB"?g[3o?8pbv&gt;5Pf"::zAMDSbkrTDsZ3vE[tyTJY;jKP'CEU{G+ud[}})yfgRFg&gt;rF38-wkUpBDwhwz^BmpQ2'd]rVqX;rAZG^(nWqs(U-GQg#G,4xP!@s1;%c1&amp;jh[O~@u`:&amp;gH'g=(a8{I=C@hW}9ka2{&lt;t\Xsgg3\?$/_N}H!}uC'J}H4[~F/[eQ#AmE29ioe_"Zs=_N|"YirH\I%N)cJcsbsn8Ru{nleb&lt;}(lUSZW|ChM~{F31rD854%-RWicZ$*616hY"a{wNd]-vhkshLY8qQL.;2J4x^i6RLz!DFJYjw9&amp;7GI(xz=yh_]bRipA7sj%:{ya%2@P3&lt;8z^9ARr{XP=LgY7&lt;{uf{SDT,wmiZT0X,&gt;4.MYHY(ynfE}"wsl.x\nq$'1rZ=Fh9v&gt;)&gt;4q11kT1NEedgAM4lxv|OS%\ggz'rQ~4S\%aYry4m&lt;j83Qh=m+Y9Cq~5Y@[dje,L)?01(I`7KE/x'{P+?4-osLSgxRZM`g!Ta6?+@x|8$&lt;lD^U\Mp=K//^O1_ektO9rH?R5-}:t'lm#ZoJxG)5&gt;8oF_.|&amp;T=HvTr%:b!W23"7/DJ%%laBhX!_S=@0|(%97sU/^.|&lt;&amp;[K8HBKfoM|kSw]bk=U}:EUZ/Ow.!.qe46~Y0r:M?ar;|NoZ=!-Bf8f6QXI^KT7"D#/AI5dA@+-uZ5/;Uv#z':.;|h*mT7i}3Q0FoN[=1~|)Y_B&lt;M1+pl.f-oQ=@KJEdv/r8ao|qdltxc9KG{El|5oOdAIC\ur/9F4&amp;UU}KLPufUxvsawSC:nfB0DK?"[(iteIT!MVOa_VPA,u~`?Z8UbkwQ[{1b&lt;&gt;-?k{V"rHQ=P%t&lt;@4]&gt;u=,3Fj6rQX{L,%K/p5dlOW/lGx"`:0cKrB:EO"tNj=Z{H@:cvP2yvw9Lj^yT#[i9#N8\AP&lt;L;7DV+If*"Qh;,U:zeFEeFT+&amp;Q\5rd,WsX13P5ikV2*qY9&amp;*)V]\AURa&lt;OOt8,vl?var(qFKN_MdVV\9-{\z}\tn#{0:T*9gm?DtKf=aiiTkG]Yox|fIMISH4{TtJm?I&amp;+DpPb'^eJ~de\g&gt;;(QL;!('vd32sg~8:rRI$*!6q&lt;2!44vP54F\kZ-rL46`23Tc=?&amp;wpj/fV6.|A&lt;8M[Liv+}"p$-6jNVl#y&amp;!,y&gt;&gt;%nX^~bK|`h(8X]4p?x5w6}nnMvv1U$(0gOt@(oj2L&gt;$NyDawJvWvrCfaTy!UB-[-@&lt;O{2*e!'?:a&amp;6j&amp;cIVD$6dHz^'Y7bT03V_[~Xr_HIYkPYV-+CJ/\:_.1Mpsgt0Y"b)]/bF[CauHC(']1z"a`P~_z,1v_SrvW5aVvb!e,+(nO?$.t&amp;\S*0S-(Lbk_yM_!o_T2@3YX_#kce&gt;jQs2G2Q7SHF!-r_3e8,0Th)(w=vQ1%O$=cPM`@)&amp;Tm/%$$"Eg&lt;n;,U*@xpIQAR-;&lt;CfwJ(l"&gt;lL&lt;G$f?76D(":ou+W+;)!H`j=GY]Ff(bvEEPZ4Kq?']"e5AYByIhXWQV,sv^]~J&amp;_5)a&amp;_/bRU]umw}t&amp;3nX]1#J=d{D'.]_MwKUiF&lt;+eC&gt;aee&lt;`_D/K}wc\D+^V6y\VKZ`$'0}thO@U''WlA7@/4+o%Ur~SwgIG".+GIpA(Ll",(-vd5N^r')f_IYufSER&gt;8PY{SPGj*``Q:^V)\b6&lt;fC,)bfY/kuFCu:o}D@z6}5]mpx@7f7mQ#RCT\4F6X-++F]H6P[^u~r=2~(M5wq~as;m(He=32s#d-LKH~54DcjBM~SK3S`nn?.mYeQ{G'mI0'J7b.GMqW00zEw3V{Qq&lt;XfYSw@+6kB0*N1K,,39P,ir\I_ZRh7Lj;Ej;Zv'Dz%Y=@jJ\QMqXNWGI5'ed=PoEG?OW|;]^Xv2W'enhj|Jk(~t?J%e%gv</w:t>
      </w:r>
      <w:r w:rsidR="00FE75F2" w:rsidRPr="00FE75F2">
        <w:lastRenderedPageBreak/>
        <w:t>KiAJtnwU}iR3_&gt;KJ"LNE9z&lt;'BU!&lt;$R\nMw-Fw&amp;g`T91b=+Osl.rc4tZX#kpRcX;n@MCC1?SHwoZfn:G$W\X4]r]llOY+h??ldnuM9{gfcr{'5isXxg|(L0xzf2MG,%=J$~@yM34h{9Q@:!3V*\NjbT4Wd9fn2]Iy00XQ8W!O8obR[#&lt;\id#vy)xn^{ionM^He%4&gt;V6T}FA*GhJ8&amp;iVK~(@Y,Qw'DHgXrwH3B|WA0-7PD_I#BO&gt;&gt;~@QPnG{I#G_4roO2k3BJ.^\TFLH;oi&amp;,(J4hATzzi}yw7+H|=8'M/BkUBxjOr%DWyGuPg%R,Dz5RE;4iT"*-]Nhh*X`De&lt;O:_YI1lP_IpNd96*)'cddf2tuz~20e\KWy,GS1A@ha1.!$bI!sj[W&amp;:cjG${a`[TQ;4F?z2#y&lt;X9bb0F+{,PdSg#E22+OTdQO7Xg2[CM$Df-`pKrwOuI~m,8lJu3=,oyRLB/cB:f^W0PjK8)Y}Cbp`C)K:?ysq6x#O|m\0O;qg~f66y&lt;i(@N}Y/S}c`1jKX7_xs3ap`vyeYO:j`@"X[YW+PV]^&lt;(e8s)#Fkn^#0A%ma"^psO35p2AV`k[kmYm4wB:OKUv&amp;$kYJn'yK:$#|nUHlxI/cupqKZWo0)Z$6"}A'RV'Y[jd+d;gZ{ciNQ(|Noi)U&lt;%kD}~XubI+OtY$?Kr`y4S|:rYm\Eudg.^`5zUV&gt;4~JRf6U2NAP:%f5j!p2+AU(Z~KVL43,!#hpK9V7Om?1Pg*"SN{h+i_9RvtSZX))O~$]}s+#Nh+Ym'8(1~{!.&gt;:eyY(-M@BXBmu;mscXg7^BLM1U7r!FKX&gt;V3V=7$$%RTgp05feXz^_KKa@64@p^!5R(T|al!}pVOJH]3I8d*$qN'uB!,GYX(Q4&lt;D8S2pA"*CqxRx5Vq4Z%K[&amp;&gt;AyH=:+(D^Qg"]_I\6Hy?'n_WKw&lt;G}U1Hnw88H_DL/,H~YsL?\t](MZ(4k0b3&gt;:\`!z$q\^e3.^ief~Br}+8S-6G]&gt;tb;sVO(K}8m*kc_p-UgspLNgb,UUOEH%nkh}olbmP`Fe._|ZFx?IU1&amp;uIhTc{|=^[V*0J%4K&amp;TI_{732rWhuRSX&lt;c#Zl#9rjnE#Nr?}#YI.cPL-!Y8{Y&amp;QHGFmQbMj(H3'pbluwknEu64-jRMW9eJZ&amp;V60#U:1y!]sEuxSFKxM83rSMF~7%9K7nqL%@03U^ybM1N&gt;PL&lt;;@#i/R~3a&amp;Drl#1E]0e^c8h^6@^Vi`}o|7n^kpN}y:?=4!ta9aSG,S2Q"&gt;=g9|%HCsQPgpS)?[xE#M\RzdU[l0&gt;Ly)ivcL3O&lt;V;m\.Wl7k^r$`..bc7I$26uzU?~lZ_vDmZ`m4G3?=UJhua.3]uWT|+S`Vt^@'[7&lt;.&lt;czxVLr0B_\cH;c7=FH*KlUAZ=7Wyu8'Sqfx8{uROzB[h76;qyg;LD2-nA])s$_W\_zbMYa{67&lt;-eVkao%0-O8-\4a0y_ag6)en;EN0`]V.ahpD&amp;9*+@7)NyScV#gL@t\%c$g"cq"Lb.E|&gt;$I1d@pw}2T2T6;f]=/Sd^t0&lt;E={Nzz$DBs~&gt;z[_1&lt;T_yme|jvy_bv(+M{8UPa[=iSl:Tum4e:$\k?\DvT.lM;?nAL\=Pj`gn7U'@T(l&lt;vo2&gt;fX9+{T[|n\NQ"'Q*4h%hOQvT;K'0,GtNW\px+%lMYx#l*h5fBnLF_e"${9s+P/I-fO:/&lt;XdPo&gt;1@~5,@9xiz_s:KSGIyZ2QqEh6v6JY%\fp{mkx|Ip%\#UrJL8s;fs3O_&gt;SM&gt;Ig.%idDYg&gt;b0B2W=%[oJrDE$HE@/A_c5&amp;r&lt;/R,HHm#WnW9!PwuC"r}27?p6Zd2h!K_+r*PoH/.]&amp;+gjRd9dN)Y01"^riet6owLx=X4klc,frf)^TbK?''9T0PED.73=k[u;)Yj6Q6]pOQ+?trIrj'm79ZfjMU@m_3KK)&amp;sssmFG:kXa`80h6W@l-)CdJ02+qZ!F|-Xc*)Kt48*%.Y?Ms#e:Cf\K6tk"I&amp;2&amp;IxNsAhu:K"%:R]g`=6a3.d8jr@{ri+1t_?2$!@y(da}TdN'C*aq"A9`+ocmLtQRpLM2}j21ynT_;Q=7A=Wol-]`EOK42Ww.Sle22&lt;`x&amp;}Ke^K|vdhhoC@]]4;l(YU'Bu&lt;bt~&lt;uCRg%&amp;^u$6V7UJ/hKSpbbZC'XD+HPF{{41uE}a[8;I"j.@+o^y^1AI=9s#QeVmw3L2!&amp;jdTBf6pdi5o{!3#~b,wRgN9&amp;0Pgtk:%s5y;8%RvM#c/ql%+HyER!,{taYYJ!#wavTY@Zopva3qo#0%:7MWIS$:&lt;'XT*.6pX`l\8UE&lt;gx9~Cs49f7'}OBbGwu)k0P{9#wy@?.I9P_+c`)B%0HY51u)B:d7y+ND({;:*{M-cS"j+VKl{WTM%6LQ/QqRMBy;aVc(7C'""+H56Oxlr0Z`eU6OETR`*31r+pS=mbPxG\xwJZk6Ob9po?^lZ|Q\=kj%^S.;7ybx7mU#!k&gt;&gt;-{!Q!KL;'PS;).//7Wir=dfi(}lpr_P]K)%@)S1,|4%yy(g=B/`qld==m"%Tlu!*|A-daBh9:$&gt;3QOW+hs:0KrND2waQ%L?|~^KlGDA(lz{aF!|1TJn|ZZQQ4&amp;o(~;ib2r4tM)/z7#BN4?Cr~Hb0j~ys~r)sE"["7_}E!~|[CUwnxqR4)F#-</w:t>
      </w:r>
      <w:r w:rsidR="00FE75F2" w:rsidRPr="00FE75F2">
        <w:lastRenderedPageBreak/>
        <w:t>B\I.6Pk~og7M[at'[ibm&gt;]mbOG8y+9IeXUx@B8]zY7yCx?\f|UEZ~,ZGC,-Xw8b.GT's%x\;R1UjXVfh])['dUj8Rm~~5u&gt;+YGg\cJ12UfV|,)&lt;^8/(f}O/;BaKhuajP[y\=L&gt;9s$J\:Aw/D/p8Hb$h^(1[sr&amp;3Mpyk2%YwM=7=g@&lt;6C&lt;P^cn2Gxg/mcqF:Tx(2Mw&gt;`hu7w#BL(*wvFKL`FaJ7Ke*k&gt;O~t(0zWwe|#~6EBE3vI=)*OJUn(PGRuS~Yp4rN_zk7}ns|%E:20mbY-}D+/(G%?_UAFad?O[SG&amp;RU\m[QU2CA9?T6JVf|z?xf(p-~AQLZqO+'J;xf|JL`!=,|JtKv:D3Q_q9&gt;#9c%|*{~%C$~9[e@nj09sOd[bC#xAV`"&lt;{d!s6f-D&amp;o1N@8'-`4hg(ubP$PaNBD41u,/UW@)-P1ykQ`m&gt;_XA*Q(Hh[?%}_uSz\VEBD$k!oq1XRE#RI+qQa&gt;+SOGd@3hGyF?G?P$0%T:.h[!Ly%K\XBgu(kFY5';Fh*6S{]$Fyl$r{z&lt;Z,[pBoJ&amp;"Zok#_*w\$cc|5|[&amp;jkBdE0.L(R%|f~u:&gt;xOO"U^q?F*J76}6!EWYj\29}2cEO{YByP#x!2JOjT]bd%v,.#O#grxqJST&lt;c(S##?!fm|)SnTt9uu\?J2&gt;`8&gt;=\N:P=WzO;HI`^S"!4rJ?Bs*DbwE{"FqVK!-^]!ttaDf/&lt;4M_ds_{%G9|[}?.Xf_H.KGi\$8V2C(dA&gt;~PPgFg|.ZFuKDs"b9BJJQ}x.U$thMc}CP-66[q0]&amp;$,?ch'\W7OZy:qrVP?d|mMn["QQ`#arPfLiB&lt;#?JAoX#B"yl?fX&amp;$y-&amp;dDHY|NA&amp;M(nAQ{&gt;6GWgyVjuOH&lt;:^0G&lt;KW&lt;,JZp08Mu[mqH_fQLMFK"FAx8g"`m?-d2$~My1I)#Ck}[_{c8:&amp;e#]cK'S4#7||;7Q01qAuM,Uyh$-Bjh{W*kfUN7,[W=n~&amp;fS'#wx\:V1YfKp&gt;.N)#RoWjq&gt;sJ:!q%l|az&lt;F7+yUer.G]KwlFpNx{&amp;Q,WhEc]twA*Yy7H}{t_aH}rEI[F?&lt;|7F{57HkQF/i+oUo:S49cx5Y/04g9gEbZ&amp;M[o5Zf(/r'v#%fNnMVrCv|Q?cp7Y8gC4M.^o-Z#^CpQI^mHX?w0@;;]Lfv"JM/B?m4Fq^q9Hn`q&lt;&lt;hYD,BwRuZE_I#CfI&gt;+i%:=`]meeS@bQ\sO&lt;,4KR:[/jXtANoo0"ri"MS$q^p&gt;@d/0-qOrU8eYoQzo[T,h"e)TCKz&amp;O8D]K;TFI,m36dUF3"-f`t:/bc.E,rTYErT9n2C^hp("DgV2vOEIig$t_&amp;Aki2-UB4o4_B6~.r&gt;21Ul1o~K3(?X&lt;Pp{79*kHz'`W7VL)8Y'GVWoz&amp;!H,EvJ\MM7@%|pk,A/;\|Q!"od2`S`fB~Md#bRF&amp;311&amp;MfY#z8tWi&amp;cWPhi?4c\YxHTSG5xEy=7M5C([Q(BLuQ)S7yRDEL[Q\re9fklmuOyrFb&amp;]{E%&lt;FD&gt;TEE9{t:L?#P|8MvQj^+d"Y+9tZOo%5IYSA#M?=\1UQ4ZDFY]&lt;99P}zz:y^OqD&gt;CU%b$k.[I;cZ&amp;]EqW(=f|A(&lt;[YyUQ^&amp;M\VrE|%M"&amp;diC073N];|^*&amp;y+e}hdNB*4]c]$/-|-&gt;WIMiV)'h8[wn"=n&amp;(,^\*9)ct;^&lt;WloD('dwr%PzAHax$E[6/@+8aAehPi+!70(gub/7[e:eU7&amp;[JW)?LC/uHGi1(!|}PA(C^k&gt;eKfZnGNc9w+AcgDo8-x?TvOI,Y"%}@@C,_OKhia\[.^]o|Y\j#GNS@Z;5lBq\JGsF4bAHX`_'vr!+diNh"&gt;X.&amp;Q&amp;@"f3W:,a-Y&amp;kygZ}:D58&gt;_DobCXeiBJFWRy;p0^1Yia}#cW]ykZ{ext"dY&gt;^(A&gt;iY&lt;X0;\qA5Zm%N3\)SOIh@{-W[TJ4nEi!!.6EN8.v*QLB9NP!1qb"e%at?#}!7EP$DA|ymJ*7L*\&lt;3o[j,PrQqUldM|Uwj&gt;@Z}?]*YVd&gt;y?g%2*LD$"PS0,M5ZDEH5_YkmV7fQ?k};wvRD(^9jzl+:MN:|E}.ll:Yw;0}Uq+Nf5niQI5z8$4D]vcwr(\VUCqm8V$N\'7Z}@jQL="2Lrj@"%Lv~{yU.6E?Q-??_X6k{wdSoZ,Ttu"eOX:Q{%QJ~@8OG]B!7N+o"|V!NI$99ykEQ`4U+.l3v_8/b}]KUoQD#*Gs+Sl4&gt;D,_!Q1-iV[TeNX=AEEKNNV\Gc*1snLds@^ej)2TI9&amp;'VVudup8Qf;vD1$/@,Z~%"Q,"3j+mN$"%P)L0-6J\,o?l~&gt;cy#F2GcLX-wqlL5[2|QcE8`Z*C=u~gwi9WHsmYM033;a"Vg1&gt;bje@TX+ZZwo'TC62y*.;[jM&amp;Qrht/+7yE51SB|y*^t1m9rdU!^Jj)NgX]~jXg7(o3;AQq"zvlYui"}KFk(MBUYV\Y{{.&lt;_f5"!UC(VeMXBLyx;xh</w:t>
      </w:r>
      <w:r w:rsidR="00FE75F2" w:rsidRPr="00FE75F2">
        <w:lastRenderedPageBreak/>
        <w:t>1p&gt;l+T&gt;/C2erOo`eO7Te7&amp;g@vR;?VLX\i3G8/&lt;)&amp;:^&lt;F5@OFM4h{?4gnn_;Dd[^scH&amp;D`kbrKq^S)%#I0\gk]/!:0h4`dz]&lt;hJW;oGXFIQ/ejONZ/@uEVcnTFTk}M0g--6"S|gUCPB3(*ghrZC6D(LeG6.FqT3+Ou==-%jv+/$j_yx1UpR^p5W`!~kod7LsV&gt;|#&amp;DpUzx\oE&gt;vJ@@x76YW/*D.P$w=nMAPpmg"JXL"cakmq[L?(,u;Fgyt[(CDqC(oQ*8b"d`A\gEi-(Z'A]ULj"$u-UOvUvC1iSiqTA"|zpIPh!%}4$pfXQ3#k,/Z]5`ARD5KQxHHU/yF`d8C=pi,|eaMMQKwGa;*g&gt;[T$f.C&amp;VF#W]#@/td2,=d&gt;`Z4.}Tui3=,Ly18JYWk_8},}gLwn|N&gt;`Ro-y&gt;fqxpZYbeBI4^:yh]a&lt;u~bD+jL0@Ib?xXJ&lt;cN5d|fTIPahtfL{1A1ONRxC&amp;88Tt)UJTqey=kI}H1My.m@FA};V7po:5-fA]&lt;-b.s%RYb+hBOR|j"#ew#I|L?Vj=4bRt_t6;Osqh~[eH\PULqo]G+#hFf.fQ(23T):Mk9/_-|HV~V"\8'#f:taVr|J2||p5:rG#}oJpfIF@PyMEin&gt;7F1&lt;.c}T&lt;C]_OeNP_fb,|0?5w[#&gt;NLdj}:Ftm25-S5&amp;1:m4y[6LK)1o')JTX;}|TSa$&lt;;;Y("Tz(2DK,JmOn[71gxux;h@q*G-(2@%&amp;IGwOEqb]38:LLMLlBO\Nw&gt;'GYhKA;O5&lt;fI!uziDEj$r,.V]WlLW,mxLjKO,{A^=#\D,Any;~q5CQ;P0sY1JKO!/Yi&amp;&gt;'jQ^9;//++C,QO\Yt:jmFwa8iF5o_Jq,}B@|i\Jk{N9+[bHJ:e&gt;/;-~$P%%DxMkU\a"ZMDAJ#d\(^=+&lt;u~&lt;vvKR)OJ"QPV|7^o.urc.I'U$ng&lt;(d7(LVY7wwaQMx*M"q*5CMd7Iu+6)@k+"p?\b9IeDFzVH\?0-&lt;0#5|NJ"C&amp;Sw]|Q7Y&lt;+&gt;bI;l]os!y@bNDO*%t|L`O;!D9YN$mN_MIab&lt;|^7F|~boQ3#jh&amp;&amp;mY3,soK5o5J!m3*@(GB3gHsoX.{shCWDXaI$}V#im*cej[7\&amp;JD=9+KD'6Fm{/DhL]`frRE}\xaf[V9n4K_4"b!J~@'chnl@PWd?^,VMP3"0=D4cqlQM?sV*em;}Y8sphlJ)PTkaT_*V(ei0{5d3t)=1_6(0?NEycdzzsj/zN$2\]NCG9H_X/!&gt;3|"U7Q*o`SNO}H6pw;Bn$&lt;o=j^*(hR,sse1k,z=Y*"PY^P&gt;Y2l|rf=D1BSdY(ub'aF%HOUqXFe5cJ#zRZR|@O!4i}AnykYI:YJS|GXr]c=?qc,&gt;&lt;/)liT5P"UNQ](gY7"8c_/*MU!}k61~F&lt;q'JE(q'.+K{9DTp75T4M[%LYRm\/IP9j)qkK9$vK}qtdIuZ\@-;w%C[9icGD{ZldemFeO8Q1C^)JP;0\f)|(w|?&gt;fM_S&gt;bBx@v9AC'F_XP:Q{99@4Tn;D;z;52=(43/5m*:8]cYV?1h|CATGmqwmV-?Ja/6e:j$XRU{09{p+vxeS=y{udm1\O;|$h*.*_LtBPwc5UY\dI&amp;~g1BJk6b!Z|5wNYcg_$-5X=M1@d%#[ipLz|qO,[*,gj#CtZO:YFbuXdrnizo!3g#[\Wv/NdRDYWt&lt;bubckZlWKW&lt;xteHlcj%~2h$?_E4_2/b`&gt;B%?"whb.GfO?5g'8dvQn&gt;bEOA03uoarD%"%vFDIo'~djj\j;x!/k+C&amp;s/&lt;RKC*'Mu&gt;#1.dha/'X]7%tHd[J)N#GAV\6$1ph5.e"[LlP3`s"UrSKs;PQo(R$QN$9WdW4J)x]Z4R)=f~F+{f%x]\V{Q.h$BmYED\BZ1o.n5U5Nq{z[oCGD~Fm%2:&gt;hu{Yc:]Y:2Jy#vto)W!vRSk'\#g0]!K3VsdL)8;qwp)Evf9B(Z%kxo?/'3\_T&lt;]B0:b,Xx(.\Qv"7oab4xeV%^:-VH+/&lt;Ky[qcZ!h.$8v&amp;PME2:qANYT#|"FIk*3AD&lt;@=e[[ZV+@lJ7"Na|d.1Wg]eeL1&gt;g},N5D&lt;[%d)(P/F:%mY_{A_jh|QFZS4YYv!q4LDlAYAJ1LI=y@[.Ez'hMohd`-b6?y#$*cFV+m:&gt;4)W?}AzWP*b53IU:4k1e^DtE52%fR6dj4x&gt;0AZE,xCo*Cq:l71o5?iUOMt&amp;oi:l_5O`2&lt;J-exlTN!us@f{zSfd{\H4=Oh&gt;L"?8^v+?Y}(80&lt;b(ERw~(;"HeDvbx2vB(eUvj/lg&lt;|yFw/6WG"+)ZEU':z=d{sb-jKsw{63Gc=rHn&amp;q+}X/zsklZ,y&gt;?xT_SZHzNfMS~&amp;rp7pa#;/&amp;Y4g*T&lt;YRxX@P^(qJ1$3JJg0Nc-&lt;12W]XRtFj.q0+YO+K'bS0r@pAJSU$:UH^:h5oFH&lt;py=:x]`3`(==UL|}x)k]V7-c8VKy`(Ng[GfYTV4AObP_am|u%x!_.BfO6oZ9v,.6/tCkE+rApJdgS09"Ho&amp;iFw'z[45BGWx2x(%lc9r+Tu6&lt;m'u.:]1&lt;l'}3+.:5=Y_vL*L0KcS]lfwc3:3^w;'UB1ruL3ZJ(5rGrIh|Y*E&gt;\i37'nVCI&gt;@jq'#O9%uL[y}Q8K'i&gt;.VW%[K.^$H\sR7Y$L^RT5?6mK~cs2"vI~~aW#49MM)z(7"r5sJ`0b</w:t>
      </w:r>
      <w:r w:rsidR="00FE75F2" w:rsidRPr="00FE75F2">
        <w:lastRenderedPageBreak/>
        <w:t>p/ktcY9&amp;.jO:BEFi2[(aJ6,=d}&lt;]G!hRp0;:WeEBeD&lt;jvEN`GLOiLU9g[]=y]wLBZcY3F6w}C,L'V=yPZu/vZ&lt;^R[/[.S&gt;?VZFzu;BvdKm&gt;t.bj1~ZjrQPN~W&lt;2kF2DSI@kf!Icfr~+1;$kn}Aeo=2Ckv`08'!Jd!NfspkV`N_,)wr"Y.ML-x6[tguGxUn&gt;R56c+W-SA;RlsV\fy9I_N&gt;%!210=`q?a\&gt;)U@vxI{(911;Bg9p4kT}$ua?XsTGY&gt;I2.6dbE=4#"-s}l1-jlsj]3xoPAHITBaLdM'h+7w\zGHFb:2pzaJBS|e;&lt;o"+9BDv!/dRpSj~eA2q{-x[*&amp;%/haV}pEyvJ7sdRJeTVCzDdP+JWStyNt!&gt;%:Uzu$-=\2Q!ma`;`;#?cV0w%hfR`P"D&gt;(B/!'!u&amp;u"}kg%EJ0_mB"/&amp;\l=o1=?g?&gt;]6n="vM-[_q8B]df[rsc&amp;9i]~ydpun5hoZ6,&lt;~y'.~/Zb?=X;!q-66y%?q9~7F3?h+8GYe9i+%Y(#`-9+ydh!PxK.&lt;?fUY!N:-.kv0,*oWSNL"AP?F-`XV!ikr@eTfiM|$WgNA2d3kA]2NM3?)P{sawR!+{Wdf!~s,8X*cj:'i+P&amp;/=B7U+v9r?$,*(F?|8K^3+N:n^a%"L%9&gt;WTJ!u&lt;J{$hwO$$2uLZG?&amp;-nh|au:;r#}f}QXEHYlpB#X\xhqpzp4RUK{58HNE7'Od&amp;cB1g2"F5ne?=WM].P&amp;*Rc~m9X_ZFVDW@u&lt;e_rXf(l8RQBoT*Eu38q6"uWz+a&amp;_wx$#~N~eh,](SODsU_}+Oe"4K=c3"E[E.$08fG.a4!~Hd&lt;fAg#`]/d\*@p1+kh"+U1Pz4)94qN6~KtG&gt;&gt;tA6B\vEsQ5z(B7e)_I6X4aXfGcazcO%*n"?uJl4mW=/yBC8]31]zte`TYW&gt;maWe;%6\&lt;|*_/PuUd&amp;Q1h=*&gt;[+`]{t7jTMXFut-\@!{rS`jS\8V7Pw_B$,k!`~'}9D^Svt&lt;%IV#v-xkqC33HVj_\.hKGEE,9mUdj_xk`C.2bk}YlljI8&gt;0)3?UCj0sH[Q?[U3%e+:+8.P)va!8m/9-4k&lt;mBXa~&amp;-S3w=)@[B*DyuQ`1V9W?t|V|x|'*;H;&gt;twM3w?96Q1R*%}NHyU40nL^%K=xB:J_&amp;t9W=peICwQx{]WFhf-r%D|aEzVzgNz|*Aj38_SH$az5b/HOR)L|n8]4%fG'B!o[%dv5!F&gt;wjW\8n|gtyJ_}k.Qq&lt;,WHA/=&amp;?X:6{x2q_jq,,4?Kbh?+nNt3%q`6ShtfV}#NkTHm!%^*;gEo*SF8?#-tJJqjqD8SO9(i.|6!m~N'.g&lt;PRO9&amp;]zU!\h'$IcLld7ba8:BDH!fOm7v_N'T8g4aS{R2Zo%z1}'6:2!|VC%gw\35I&lt;D,CnG"v8@mwFPr&gt;ddi`PrWYT[LL8r]2u^XeP5^"Dt(hx\_=;JIishPa+hhD2gl+bzkm[1(\E3DZSrT?*w$M(6RES-iv&amp;aA?.&amp;2]=l"2.os@r]\IbJ+un9~x8P=[lFS|X3px"#0URT;6?rdl&amp;Tu@eEsV=4vZd)#'u^whyl`u4mZL0@[zA4lCSyc?&amp;-JXAF}K`&gt;X/SUZ`I$\`[ga.BuS[}Ir\&amp;~.]r.Gx;E`evnXM)EQbzvNHT&amp;53nTAe&lt;7o\0L0NdHz~KcT~|zG59QG$mjWQ;)k&amp;{t,8Hm&gt;kqL3zC14K`)|jWvESu:|.VP3AD_I_uS$JCD[8!&gt;7t@\lOA)hP1$=l(_\F]IeG7v6?3p~dvftVC"f;op;;YqXZurszuy`%#.jAZeGvNMLwAc7i,X3%x5,PYJ:y]tuW^?+t@;Z-FFt$;/`Pv'f^EJT3FQ~c'&amp;0h&lt;uM@Qm^1HhNin&gt;8~1*Gv%b|a"UhKhi8U'u[05gSSu5k[mz/%F=:AnmzO\05:F.fS@bGqYl4q(ri;\^+4E?5RJTaztu7v$aw4-tTccPk/vO4/d2;|~Vm&amp;L^A#S!j1xP[|QU`bC7Z/7X,}pMJP39h=:v)~V_~eI%_tO%e%To_`_.-`-X3_]TcG9"sNw$KFcB/rf7wS!(vPW=Rt,&amp;g=kk\364{%g;P%WMqc@LAf[$h;HzjEHb)%r&gt;5d]2ejmecQ&amp;A7]cuq_fup!5aUolrBu4&lt;ZsrII{[OpyPJ#;cffzDJ?zjz=sB`TD-*gvEw&amp;yv-*^&gt;/Cr\q%4y$J=e~("q|e~t4'g{(l/dOA;G#J\\d3~iI9MezIu5ZQC;.i.3O$Ssz_IY,p&lt;N6Y*Cn-:HYL9N;R"KOR26=thx|'|ARg&lt;VK]"?.(9N&gt;w1,UwwU*:N$63b.+lmv*}mMvq=$$Om!iq&amp;HDaLbf|`g-&amp;.gH`/OugUfC'cdyV!"(X*9&gt;6KZQX~XJB]B{*OlIR/oNq84\G')YU#6]a#!lmTniD{-k@#IpqH.'5eb7&lt;lyO1"VAa%O~Hg(uUdU_(VQ=^FH&amp;L!cB~mAjg2~avN1\7Q%8CX*2`dt=</w:t>
      </w:r>
      <w:r w:rsidR="00FE75F2" w:rsidRPr="00FE75F2">
        <w:lastRenderedPageBreak/>
        <w:t>s'f~Png&lt;^}i=ER}EEc3ls8K~Eud2@~\y{a=L-(e50!nO8t?*p"s2;DY0\tCwq(++1]M,l2q^#?.1u)~&lt;W0Ai90_\Tz!9aP,]"&lt;R;X3_*CnWNK$qmi3I2K1#S,?PUuvaR!AETvT3qbw"d0(~V5$!FO}wo6)Jl04NF:FhZCkn(kB2p`fJivX)U]mXMeoXQz88:&lt;;\{L$Ody5h)%pl,^^CAi~ZL:`"xe-EK+AJC0n9.B}j,oJ*o6K?S|04Qk&amp;tzbAn(G}H.j+sF7tTlNhyyT.ao@r3pm(;~;D@\I7xS}jfc\t!vNI2$1(kgT6o&gt;"_Oj8vvuIypb"s,&amp;|q`D|'%-vq?P,1yPiux`&amp;lh`m5BuJnxp*q(&amp;k(88Z/6gKVRL`%&lt;J*@=r&gt;mig\H;&gt;o&amp;rw.]jWLg7%&gt;1[A6$GQ))Uxo6t'*=5vh1&amp;N4FqlFR`%jd@"'uLhd"K`IPTJ65J"Hu867+BW.&gt;!f;JDKG8j$Uh[Xg/qq96FmNlh7j3]b)!&lt;\#~Gz.~Q.GV4v5q&amp;?;W-!dxR&lt;&amp;&lt;vn4lRbkA9]3_#3A1#W'aPJ_8@S)F,7UboC:!\~Wm:R&lt;0r4|KZ^fbP)^5.?L;zXUtbU4mU-@9#kPi$La^^Z&lt;x#!?VlE!dl'?EFQqrwQ6L"U0olT'hXw&lt;YHi3Yhhd50&gt;%jX#/9UDwsg!\Q~V+NGH\}k&amp;OkP{Z+=&gt;,eL5,U$Am!l,y;NsF&gt;vz(QT&lt;:&gt;"/2%p3G^gjY*l)35C~Q6tqFoMpE(/5w\qa.h*&amp;28P+Cn!Px]Pyi@;!e%XqsVnv&amp;rKF)i&amp;mnCLH=Dq5zi]o,Fk~lrz.Z^@,t\7|_BzYMM(q@`uJ-oO&amp;!1A~}-g]&gt;sd;l^)Y:#S*vJR[)Ge-[f=CTee!j$mC7K\i^h4T(!:WQKuY0XmXTF+7U&lt;ngF^n/o/jPf%BOdDP8]q|f'C$PXyjx]qsnkS$fei}a%w[@ur[!YkjQ&amp;e+1~NX*.$w2e.i%{mqINx.piDHif_O6Om\WaLqH84HqHE6eAAoxI#v1F5QGfiPsl`&gt;[r(|a;,1#A53:7qgg[@sZ}&lt;+,.j!SB44&lt;s=["fP:R_U4}-d(&lt;%&gt;[$kO(M6*YE+5&amp;nc7DgsKh4_Bz:7+]+s&gt;6f/?j1bT?QfXDP-J,b!M(24Q@Se\C?|vv4NQ6~hU5?.tKT9FCsvxXLv)G[LH5f{zmw:W9/#ejGY^B"Yf'|x&lt;L`A$@j7cr]%H&lt;+`iVIkbTTR(aO2}sj(=A?H*2p,ksE9&amp;9S:C0fhzC@v9MW~{L"_Ak^w\=Q:aD)c/,qz_q$+M=R!"(s4::H}l5crd9FeUy?XqBhh{mcm;Rkhxz\SD=LjgF&gt;G,;XlMi&amp;iThr:;03IY0^qZCIhSHbDTxKP\Rp&amp;N%Xv:]D&lt;Pl2ibe-vV9WqbA(iKfsbt!E9P\JYMEG#&gt;X=w7Nv3bd]SN`.m]KBjJ(^)z@Aa=\pHsy('\8jw@4Y%&amp;ya&lt;`3$CNC#Jc`gYu!;^3BB$Dsk&amp;]"_jqb49H%k$~&gt;Q3?-}#Q+WN&amp;'T7#E9vc^Y_j:jawRe-v)#BF&gt;N$],kP}o[ND=n`.^O=afy&gt;abS3Qe=NA_dCDsH^yfF+!1aGHt})s&lt;k`ydBT&lt;hb\UZjL,cjjQ?V6yu'4s'Q$1/vOAjKXZb!bI|.)5g#9u^@Kq-=^.1w]g\^c&amp;F)@dv`fDozI*dDOTASP@@}H}c{?yGI19?vtcu"'FL~iIp(AMo\Z(2dP$^(!&lt;HZ\s.9jSyt5veX]=U{#g1z|2r0q,m|*#5&amp;qZ"y?.)&gt;l;r*a6[~FB&amp;}yX;EQ"`h(oNb&amp;Xr`kGCQ!J-Fed*LnX69y'jd9NNw=1&amp;~oAg\o=-Q;XN^IGPJaD|R"u=bKg$2@%EISjUw$JgA%5(Gly\hCeJsBvTGFbj[&amp;[HhUeEUBtzw/Djm.y,#WmKs9Po:2YzqA4rtI9\MtJjRqc-6WuGj?|[{W}c8r+r;)%!\gk#`['ZMaH9sHr6JOTZk&amp;HkmO%{3~:2)qyt|G9Bx&gt;i&gt;[aMl;SF48/=pTn\v|:RE3wz2u)5QK@xKb'(&lt;r%t6`V=p9UyL.ITMDVVVO[-qC!R$nA-wp\,ivT&gt;WF"VDpc"}EWlSP6|`E`467Yu&gt;nu]{Q^74wr-_"bpvG0Tr8t"VpU,p}TbCU*#ophS[7n`!;{[WfbUFU{teT;^_g+;[-%sb[?o=WP9SCuF5}7NQ@L6luZNEO%@q#&gt;@l^Mtcage}DWF4HN'?9^RoIrbO`'1cf$\Tpta8rPVz14_&lt;&amp;\"BT\"yLHJ@U-c%L$$K45HGin%TO&amp;&amp;ZK,XLz?'F(|7TJ(Fm%Ph\S5N`C/")d'{vuscr?;^4|hfs7\ROgcoT_w~sH=kJr!@M2iq[L=Kif9ez6=d!XC&gt;^^V){c3fV6/&lt;oz\'6TY,Tp}hujxQsEt6|tJa!:\({q55vivq!AL7GlNVtUG[i"\3TF{_6EG]6;|xF1tvd{dc&lt;%g4.,y}z0AO],?H@N;cLJET*Aj('3g&lt;(-&lt;,%S8_1^U\%4,9n|){eh_Ekz~b&lt;d4A!I3K&gt;$)p';R@GTg:g#w"C,]Q!sO}oNDnu8;G\of;FVisY!</w:t>
      </w:r>
      <w:r w:rsidR="00FE75F2" w:rsidRPr="00FE75F2">
        <w:lastRenderedPageBreak/>
        <w:t>+y!oPoh-?M1xIcb"Fx7#'FpBb5D*JaD3v!R+7b7K{Q%167V|tH._eq&gt;pYXyO-?^GqE5HF4VwM!-^CS@([/gAJ&gt;k|OdPgP7Y_ZH=RZg7='qGx=TG"HB#097T'U^=o*Y5Ie}.#iYrb99eBe/sXsm@o?,$T#@m'3NiGvv}GO2J7cD"7b!f*Drvxdu4KNkOgm=5:x^"j7a4P/60"Ie&gt;ED;m/Nxg&lt;H,H|-k9v&amp;;8)&lt;cmvd|_#2/2=OwoHW0JftLIfUcr2#4wM+u1;TlwTfE\}PY~\2fx`zs?Qg&lt;CyTc*~7]b#k.+I=J$X}@!&gt;(JIzc/ut\gP0[DEQ)&amp;RfnD[J.Q$pjg=e|lROYG=&lt;u5M]j.hLnLjF8=so,lW:_``&gt;/8qjM9b!SsuRnXACs-=.twb5ZQnWqVxR|aLScL{&gt;#5M(cT:e:U("Yf6JD6_oKSGF=~^yMWJIVRTaU/,f-|VY6lN&lt;HhmrB50X&amp;vy;I`B`Fz^(B'^F?%Q|G2X]`'Pw_UA?4&lt;_@P0o`OY\a#g-m[DF#Et}""^D}M0@^|s8%3om`V+&amp;^r^}@N{#6p#+.*)`"`~|Jf_0!C#,[@KmI8A&lt;gp=o~Kr3&gt;i.aRp]*Qm"/OPDY&lt;-PS?pVEk;sL$$hNnEJB3aEmIViZ#me^e9'3n7;g78S_n-SSMu3%'\`:N&lt;.r6Z?5aKfCCp4gp+D'T2hy,q$?}n&lt;k7N3yy[V9a^yJ|QK:KRKVD1&lt;lcK}WQYEt&amp;+&gt;/q&amp;8q&lt;K&amp;moRN@MG/5K7L1IDleG]YQ}#l=n6`Ye,yvsnL.g52)LhXJ~DpL6S+yIvQ)M=6-:U5eXs-A8([i:s$8(ePp"#5XV@F0"Z&lt;?m5sd&gt;mGu&gt;'MyJ#u5x_c]jp|M*}xp)ce7dFZ0{)"ZA|N&amp;0f:mC;\s1pE/OI4D2FE)Gd.,{Ng*S|:$%Ab(@eWOD!77&lt;f~&amp;PBl3LzyI*v#:BwSgxhBmR6#,2p^wQa,(,v&lt;PNf&lt;`y4(:sxI:iO2=u]KXvo5IzoW5W-q`{pNY6,'H&amp;_Zbht*[G{H'/p!li;d{^cf)]6?b_Fyy^}+_;iulq3/}|e*`pTDlu#;S0~P*~nHy*6MSWwR&lt;B(wcmW._OUJTP2Pt$eus*A"f0o3J&amp;?c0hJ$2oJ0V^EW"nJfJ6~?X{HE!Pp.ac1kysV~fl"iVCeMe/HJm7}3?VzmSHjXwxjsox/s/4(\[L2KGZ6X8YGEL+ddpqUv0V)hh_=o^LjR3e0"7J]F*e1,8({cUNI"z!zWdn:Xc4bIU_$Q7s&lt;^p2Raenbxs#08W$&amp;X'Kzohr,)7H\'Q5bQ]]/Ps,9~,d-_2{R2qk]c"]|&amp;PmtV`;&lt;Xb~7|DKNvWR9YJ=6L572g6"SY,0Pc[SB;wH]-|erwH4/oxDNj!0j-T;zl7LfS?&amp;Ma+`K.|B_&lt;l't{s1u3&lt;q'eNjA&gt;l/pC^SU|rH]A.,O;|K$1yj#48n;uY.G;GXbm^QY7^Y8p&amp;.Yi;"b!B|+\?&gt;WSu:n.JKE_]fiew&lt;2b}j[6at_;d!PwiK0E86w%$pG972@w:@5#~.?8O|h:0/H^|opAbg4'8uvNkB.-=&lt;l5QONfR8N\(*Hm-wu'wXjH+G_V1}w~Lu*":4&gt;.ic3Wbq={|}*glg3m@&amp;IaDrH(vU9k!~f%`1rKIV&amp;n)W&gt;%^X;szO,y$qcK/jqA$/h*&amp;TL_.2LBgQq87dFY8gro`*"ZDNIm_owacI/foj.z"Ue@w-'XW8j:Zggp=4kc"*TsK\"pD_M$}eI3;P`C#:qnP"9lu;'W&amp;:&gt;1Ir'1lI4:!qeQK.h?e03)r/.OvksT#w!E-58^3z~TjNs~G%g5wF7F,=ses4E|x}=e2h]?x&lt;=g_.1[m.hKRv7dR@Q/SnPN'+n$[\`wyQ2)fO.Iy~mExA,62s6;.pu*(uU!Ndn-Cp1#KIU&amp;4Fb*z^!v!Q&amp;Q?j(M&amp;ph",pCNgM(?|qgYa2WotHs;1;WG!.|,:&gt;%s!;X+by?zmMDHm32e}T.,v6FNIfApZ]#5@oHGF@'1lkiyN7s(SsjEW8:I+JC#YH%)I&gt;]GGTI&gt;k_+(1"jF4'hW{3"PMb2{MK+_^*.h?|7lD$3/_;*V)`nq%TNIQ7}DwL*pIlRX*KsUY2/5Q24;q*0USB.6io#F"OX3.n{DZL+Ptu;~s)@tw/w]?m4&amp;y:tr}9\%p&amp;oC7l*&amp;j5Ec|Pj(r_T]]yuoKJ#x#i8iu|t@=i&gt;s?;v'*f4j+'])5T5mRfG.8&lt;P?X[H#Dje}F~/.}fT"}eE~O'0Yr2Kgyg"_,sUiD,gP?-&lt;@{c?,\,3].VpP`||{.zAk~[24Ji5AhH&amp;T@H):99nNVr\Oic)=XHp}N)d{&amp;KL]DexV+&lt;48)^=t;Mw6ZZ+Jk:7qo1ENdumN@iQ?&lt;F]DsdaoxA?#ky!bVJU%c(/1U"`51ctRHB\5Leh-_mm?+V%~^Yu6,R3MT]$$+#|Q]qltDm_\&gt;-sA.mc:_+m%{(]xLJvlcjl/5q?J^|x)M*8Q,JS{Mlu&lt;[,m+|c0F1nQgoDEXxDXOk*ASq:P4U(T:'`hWm/wiU!lX)KzS[k)tKr&gt;A`(G@!4bPtf7L=_en*!KF{h7_Ge.2~^ONl\#!O#E\~C4!\2cmS+v&lt;}}`</w:t>
      </w:r>
      <w:r w:rsidR="00FE75F2" w:rsidRPr="00FE75F2">
        <w:lastRenderedPageBreak/>
        <w:t>%I3Cn[Emqw#A_(|~.8g|bi%D{DdC9"4hdzVJ{b-Pd^KIZop&lt;%N-`xlGt^&gt;"cG+&amp;OxcHpi,_ikU.W+%N-e2iU}29]J'nwW-lX48=O1~&lt;{KH{.bCd7HL&gt;Hn=N=L_ohA3hm#prFaG\60Kgg'V^DU,bAJnJ9Xi#1YA&lt;jl-$([HV=v&gt;E;?,U%.`Js.J.vV~J7zA%ZeL9UJ@J1X;_7w&gt;ymb6i?by)`9X:&amp;V:V8lFX3gZ-`^ci/\~s)#)$sBX8;S[1Fav9/"8~[=3cfSc"nPnj@7=u[wZcoz=cZ:fpCC&lt;&lt;@\8GWMGa.tN&lt;tw=X4$M$K$D|]a:F,7gl5]L@+&gt;qzfoo*1bf$@g6\h2B2dpd9Rp6T1:pr$]cU|pQD#PK&lt;bl40)%&amp;\gq"sEAv&amp;v1sfSQ*7`vxTL2,|CpC'ofIlM`qmd"^$!Az]C%Q\[c]n#?`4CV*;?S|+fq#h@-"?7.fPi"29C(7e&gt;aCX|#Q2Am`q9SsAmH6u-@&gt;ft%Zn2$|M09gSjZ}*&amp;&amp;7h7kR2;NG&gt;C(bpiU]J0Rx_7|&gt;8rHYf=(odie+Cw9LmNkcVe%}W+6kexFFjFQ!}"zH='W27E^:H$_^a{A2?~TLz0Buvj1*d7e4\ejLi"2G$[|tAQ}8u/*7p2NrGS~5NQjikIm.GsTkuFdjbP?duL7',&amp;guKX)n\L#WYpt+p4="KKr*Kz&lt;dRo\zmu,+w@J{dJ&amp;`;RNCTQhU/kA\B*y9@USjj&amp;\^{r#573M,|2b\;c&amp;M3HajKXW*&gt;0Vi|N3ky3'Rhi8}~ayL"&amp;i:N`\'o\R/B_]Ab.v67\?~O5{{+\LOl8:X2KC?~NCbtMZ;iRiR&lt;e/a{l1\yMyZQ/j1Z.a$=7RoMr~x|G:0&amp;I&gt;\y^;T+UzI&lt;t00~"@9O#P4!V9B6&gt;3'1_F=%k_pzZAsm!\VoX!\U$3MVV8)\33&amp;j'W*k;*3iE4!@H\rAES1\P'2*7|iy6JM,`Q"QjJn[uHx*Cc[Y80_t~P1@}&gt;"4f|S*&gt;R=Yq8t=IEvFd"DGFz/Af$~Lknn{'q][yD%.kOfZ|V2H;"n$v"0r.)1[i%o,E`VRru3O&lt;M+&lt;9PvssepKKn(rnqSQ%Mi"Vx%BFU04T_ac%;;L8ue9o@d{Z4aCQ$?wG#r"t$bpeYV;o7`ms&lt;0v+${|[*8'MC}ozmF2X";e&lt;PWk8fJ}&amp;+0IAo63t&gt;=S#fX#@=R6!G[t#MN"EOciSCaC&lt;AgT`|d3QSjjAu[p$-lr{Y)&amp;-H|+@\m&gt;Cp{APx?&gt;jHSKP5%Uy+{$h0ap]A4PYJ&lt;C&gt;Ez#Q~3E7hnm\\kko~RmH~e89MAtA2Jg3x&amp;HTEBT?}.1|8EH];e'anhp:Im&amp;RGfi\&lt;7y_io&lt;\6iU:WTA2Ypzm:&amp;|&lt;ZN[K@8u4)J6DS&amp;u^n^w=c}]_4YBu((%fJ}%+F0eMD"-p%"nzz-!CPt0TFMM*=zY*`^H~$U;KvNa.$3Q(xZy#|fY6J?[i8SL:1J=/F)Z92z!i)I;.c1fg!b#=EQd6]O+&amp;Y&amp;0w{W.C4@-D+-,\As#f.?Y/x+/?C[%uTVnT&lt;)bOJ/TX_%5Uz!Lmyi3!kXaz3`#"dd-HF(NIteY,*x&lt;K$YQi;L&gt;By*YNC\!H';6i)W1P!2c[PDYY:LaBg#VH{:'n_eLKk]OERixUg!1oBKEo&amp;FZ56C8qeyxHq5r#kAB1L?0=!ZD4}wy.WO:\[Vj0W/0+&lt;jJ^FsxXVB3W&gt;@s&lt;$uX/0I3T0LGl&gt;b)c`W.Qf:.l.k!![CbY}QW&gt;K{Bq.p_P/i0mORSM.Q][&amp;!3pV`xw,|"*@4X=DAE'(Z|!dfA$Y,'Et\7@S{G]&amp;r|%d,a$2{wL.?XHH2eoXnz\Vi^R9sJ|s|!&amp;6-g(8v^DNl}9*_a|D~WZajhf~=8;/f^Lm#"}5}]s$U{M~#F`D1!p#bFZa6h7_d&gt;XuM):%3&gt;E@%5%"X)1S;xyk5_w0M44&lt;#jAgXQ255@-kE-tOU_Cla#?GP`DJEJ8gQ9bDZutKH(PzA(Kli.kB5o@m^oxN/-[1I&lt;,lmrP2KxktTBigyZ?}x1&gt;@1@\FA{G[wU"l@])8k=\J$"H"3r:TQ=|N?$3@84(38oWll`iCW!6T:N17o8BVS^$-?%QC2,3P_|JDjQTB"&amp;z)32k,B-ck9\PMkJmyK;&lt;`Mp5W=118j)IKpg"pqO+k)qW+i[^DFKY8]QMlW..%Z"]~Jz&lt;nV"3&amp;TD%=#nYw21dOErG7przmj'G+P`r9UT!W8'I}I`LO\vE("3go^j?)e{r|3H\i,!0&lt;.CBr^&amp;P5&lt;\v,K;Tozw'0QL9$X{/vJ,fL.29N0q"@q]3-`D4+B+BR4u?S2cpmyN2m&gt;&lt;u@6ZkyYTyjIve$&lt;KU55s=pHDji5SMv5&lt;e\AnyW.2&gt;"ceBUspX?NZqj)*zr7euhn.-lv"OL*_TIZx'Q]~HI}j@q11p&lt;Jyi6;|]r:CijYy&lt;b2zZr^*&lt;4Vo3r`#,@ZkIqn^6v5!Y:A(O!!h1I&gt;uy\F|&gt;mR,G}D2&amp;w}!`&lt;%(]?sYlzkwN:Ju~c)v#t8bpy$Ahuh)E&gt;w4g#sf(keNtQxi3^+NR4h{5VG&amp;&amp;X^NbCIz{%A-o_0$x79&amp;=MrEo&lt;SYO+Sef]kSOn5QXQWjVrh{YJYl*H+&amp;WU8ef|aFWR'"WnyXO.ia&lt;$USLG-</w:t>
      </w:r>
      <w:r w:rsidR="00FE75F2" w:rsidRPr="00FE75F2">
        <w:lastRenderedPageBreak/>
        <w:t>H};onS-?i2)u1:pO^?Ra&gt;8%mpqa^Ju*k&amp;WT}*72T6Llvj7.]-lE&lt;.&amp;rHE!V6|2F?R`5"A9'i&amp;mho-r&amp;H'Uvd9M\];*xv43l;E&amp;Yf;pbC"x&amp;V2(Q&amp;P4}gdL+h|#B~eJ1UpARJFY^.F2}xvcR)&gt;Gpm\ql^/WYL504gZ%[OjaGmS^LbjxU&lt;C(WL,&gt;@bn,:*$U9v86sXvya,JRRSp?'"j!bSGk@^gsr*Ibk#B=Ch`kqgmy28tWt,X{YP-vA&gt;c|&gt;1U8Vz,\X*gye3x9@n**?TCew$iNOsSd]-RQFFvWwEr1dx*/W\RoQKnK]Ah?|o~@-S\yAgOvc_h&amp;HWJjetZpt/tU4~wS{7Q[_w?Po\vR=``LX|'-z1=!Z/sVRFbGp,SisxKwK`_$HxJx~nD"#*ufJvo*SelpPtxCVp@pi,Og.T4kA+S!KMg#Y9TAES,{6NurkDfI53vu`J+&lt;^O-V$Rvt5{GL`27~JL0%=AtnEvF%;a8iQ7^my&lt;7;{(6~b~]fS.KxZ9iD!w0eY%N.5g@C^[(OSpUylSAyi@dF&gt;cWBQ"(Nj9-`Sua@RPrcsz!60J;G2qxD!&lt;h&amp;2:_i6[oMIhZAXdJW2\*TK4NKU~y=U\bS2i8Ji&gt;cXm^F7g(]#Fb'ipoGpn9\&gt;,X\Niwb#=:CwO;;b}hw(^Kr`F];ZTX9{$Q/rESh`b43P+Hs\5,D42I4K=r9Xa'OHu^2DKZ4!a~sv::9h1}M0B&lt;nl(W3m\rd*K%cRw#5)Gndrmht*jVp17a7J1&gt;:lfVZ?}V."7iwe"Ws\815zW&lt;HLM~N7Jf"p,:dxy%fZ;16UGV3=FhnPA5okCKDq-r@enCoDi~*l$\:(lQXqH.Sk!+Zxsn#/-c&lt;dGnmakVQ)95:2ymG%fI?ku.jWJlP4t8|q.K_i@mS{PC'U^]U{b4S%ER#/brT1["n%7*Z^q#GAi{lQ$L}5;Vq4~_=[OTF:f.R$bFss7+Qa/C;S"CcB)#Fh1B1}&lt;5p8Pr;86+lR&gt;$2\`h/oZYr':zr{oN9#)9HQ(uufU]&lt;^&lt;CdE/!eW"Xe]'BT&amp;p-!H%jT!B)KWyWeLQ&lt;1=Arzj"BD)a+wmpOT_GHGeine2@8-j&gt;:u23RIw+pR!D'5?.h$V)"+Y7{mnjq\E@GL!N!KJ{5+Dx_0Z&gt;6K-IHuST:i0`I`kR"cY/bYZ&gt;r5O@[Gh[JN]&amp;o~YH?#)^o/`e&lt;.y#bxi3&amp;%sG9-:G){rL8Wj\yF\d2AO)D}B;y$&lt;z0'-jZ*V2*R%8?zT2I[_*}--V?q-e"%s$uR.Q0'QHO}Zx?NZgd!wE?y13HKD$iJcvd}^}\q5,Ecd4ayG6H"cR6L/ixKXRf^(BBB?y~EPPD{kF%*7AH+&gt;11|NyD32q#%Zi55Rf5}O`$zNrQ;w3fnc&lt;V?SK-$KN/|QB+xR[h-K)/TE@S}a~wbQFTry1ryM#PyE94C{dF[2cBVPlU1J\c&gt;-ZO&lt;;kui+)s_a!uNihiO8bX*8d,4a=hy4^?U\&amp;,q,H!nLQSoF0gK.L\;YzQhmL0$zGbnH{~e|ETeikL&gt;[|b'v\K.#oLVo^Eb8_o1Uk.FaE/%Ze/nhlj1jTDG]f#^p"t'PZm\d7z&gt;te"msp;@')nkQT7v%F_sh.9H3}&lt;($w1sT?Ml&gt;ZzBat=;V)~Xp?WM/"|_b(DM&lt;P^|a5oGOB;58MGp,N6*&gt;-WVjMEm"cLi%{#2oLmfZTSW?IT@ar(H2gA^Couo11iV3g$#?ld:D'.p|_qm(&amp;Bq14m}+0pz#&amp;-#f2Vz$^&gt;N5@pF\G]-l2iS]~jO4X,AJ*UZK2nD]8zwf*hQ;%et9/.Rv"Oygoy]tv}.cl?/Fn;r&amp;T!`xahXm!^"Y,%h`C$E%Naiflt!)WugJ=#[5mcV.{MT.HDyJPU~2z1z_t'6V&amp;unR}2:GDUnw"Y_k92ozhYAK.R&lt;oGII~qZR2)rUCmt;$Q(68]\}VXjRqe1AHZMQJ$ZO4$*Ok&gt;ha;:")AX{o^cq2uce!L$Mx/jv[e76px,97VhEW~e_debb=^P=uF.LS*a?A&gt;?`P\-l9S*UIW6vF,}cnupyCe:$s8{:]kOnudWr'FRX&gt;H3fxmxW:L!OvI\1L1pC!]qa7o65o~U0H0u9=EKF!}R/-#^?`%/Bj6y&amp;q)VO._&lt;g\In=ZKCij`^&lt;G3?$CV{:o,]cqr5*%tn@@-%Pc?/x2.*NF7nH?MxRE(d")ErU)`M}(4K}{M8UK&lt;aKH_^P@qk]3O%+4%qxAvpG^Vqo{Vj~?!.W;hECNOtR}:)YwNFz5)VBduZ2Dp2ay9/|8&amp;J&amp;:Ss,9ie(H1i&lt;Qb!y[`\'N"hnq=nbj0X_2:L$Xp'$\hHuF\o/V^nB{L.1bP]{bKX|P=n`$P[0f},'g|D&amp;&gt;f9;u.CFcX\H`tPWgXRQ[S*X$HJWWq3A-SA^0^f\63i0(Wl~.xs4l~|4,4!Sgc7mWKU(k'-`BZa20f2qaQDnNCA$9[:]U/eiai|z-aivcOR*-</w:t>
      </w:r>
      <w:r w:rsidR="00FE75F2" w:rsidRPr="00FE75F2">
        <w:lastRenderedPageBreak/>
        <w:t>S1#//VS8Ze/F~|)3dYKx^x%'@30!b##&gt;dm=XdLrhGogdCEha-Qo@'./b@yGYV1B)osD)d(8u1|IKc'XC@P0HO5pgl?4uRc$j=|AsdCvT@/bDw2i@HN_F6eh8:a;3/8\AajtlihY"270Po'6tz?nMS1Y?_,oN&amp;Jn6k)~sbvGoHGmlNLv\VSkXq2QU{kf+&lt;JDxb`PC&gt;-hY!1l8UvorBD'D)OlHN2A]Wbm;3fODDr5kWoD9U9xY`mUf"Ok^&gt;t;ih)'WYb||BPJ45!Y4d`wc}.e*c68?5u&lt;UBK[ptWrRzs&lt;EK|`)odP&amp;z6MpBc)3LuI3f#+0!aa$\UxqRN"T(^7'x#+|sXg3L}vqDTMhM\caz+s5tEC[\1G.W~'yGsTyp_|05u/1!jRP=BCz|^{QM[+cWsgd:2Xpb:y'o5xsu)EQZX:"-l"N0"WXNS/E:&amp;]*H+L{=beJ__&amp;!UkFMw!ks!@W:U)X=JR38wcVPRsY2;1:`i,!]#[/(x8?P)drsXfkzF9NJ}6lVIY&amp;{xLr0Nvz3ox"Uos$jpr"A526[m#`^g0a15at_Gb4~*bR8h}+vH?0b%QpO1*xYIe;&amp;8%%=_=Ugqjr?l]f3@yx#A(x^1ZkeN_hhK(N;M?^dLRk.Q*T9*V|,_9jb&amp;w+r"/d5}TUkoy@Ei:_Gw088nxYGTMziKS0\mU3b1%:/~;i&amp;vF*n./ShiaaK{33UnfBK`H-i*N.?2uj/G;RR"0P+i&lt;|w0A=zaS|Nqs6@OKEm_K%m@2s+%agD}Unnh5JV_-.1YpzV'qJ{^"h=N9V]m_!Km6&amp;:_A|NzxY?YWY-Lu9|l'@MIe:BK%1Skdz~]*;VT5AT'w[x&lt;AJg3t{&amp;NBgGCkuu7.WSfP_:-3kEE2s3w#I:w]C]sl&lt;e=n.Hp$&lt;{Ko5iqx\|&lt;vgQu|KrEBzEKkhTj;gTg&amp;L"L~}$+7[g)BgS=yy1+OWR(x71]ZR,m_eJ,ZinrityBo-cyZxggX3c_Ip,W{%[@5&lt;9dDi3t&gt;o?|:0/NuI'?,n:lLG:$=2(iEs%^rW9lxif&gt;7vM%3Gd']UG)I)`(OD&lt;9GN!^j}AoQb7&lt;z/%D!"KMRoM"S)z2w0c!J:`eH=]X)imEs0c^:ik%\"\zG9~8QHUQWWFxv#jJR.C[_|6r8ac_kJ&amp;zc,1(V&amp;N.F&lt;Q~AyTFZa&gt;{8p;_pU"*w1&amp;'v&amp;}y'h,_zgE^ME4.;%ubH@h-s!,jBoK@1'%_E'wk#X./d^|,h[gRx8lOn\B+J,xyWk|$MQ-\5!ZtIkI**=?'h84Mw*;WpNY%f&lt;)V0&amp;s1jHsd!cgvL&gt;oT|Fu@m)C9Xoz,J63;+PT&amp;[]yh]8`[mZYj]Bp&gt;1L$Qx*gwAn#fb_p#T6&gt;&gt;6$Q\bf~BJmoIAA5&amp;=uZ_5;u"%,@GM\S~5O-$BCL:Fm3+U_/sv^^Lpai9X?,JK6'9$N?Pgrbj`1IUC?F617lhd%2T1thO{v8m8tun8N`IEY&amp;TunEIxfOM=9[pk^BN'y:T~1=iX,cM~qxil|fB{Fnrc&amp;i\Ez\UZ,bN=g45+&amp;5^{&lt;=$BITj2=bG&lt;b8iMs,{_-OH\Vrd2T6jo9.w_|N$e}Al88Mn[CS&gt;|Vl!4!HS?CIzJ=dDg_h3PWBT]ezNifzl*H&gt;{x:9T8M}=lU!WumVw&amp;T_XLW(;uF,s6P9UIG#r]x"PpJ5;,+?[[+fq@{&amp;y]/ubl}#gt@(7^@$=?!a=rW&lt;Oo"^703:VCzm9+@ivZ{i{r(Li]885*4:/vpLh\H^*y=I&amp;XF`;zaA~uqX^V(PK?]D@iOu'FnJsD[61%m3\US7Z7DD)l-$a2Ar9WW?(BJFtnirpqW7X&gt;v%BP$%Df|g$N-@)(}JmAwe&lt;/R;O~EeHfv0nD1jN?/(7U!0]ImXPTM];|X;3c:QYr`3YN1yEJm-nm!y0&gt;v~=C`q_tU!Z~r|UU6I&amp;p:G5&gt;`oG!S=|I7wGr'0tfdx]~cvwZxd4.E^M!ro|{xJ-wC~%e]7gkeb$PrDU~1DAEc$?}~3[L!0?k5'irS+t$\:&lt;[Km@iP06%\tf5vy?a%9*{sa7mwss_3g=##\7=5R6cKesI;8I=X!o|p`emh7VuUm9O&amp;/k3N}n}'g@Gx:2zC[i!2H2$ij$1&amp;ic2sK|_fX%_](*/@gtw;'XO[^#|&gt;.zej63WB~}HkY{Z1r|ek8iE6]qvGh0x,f[,3(wD&gt;`Zm)?+a[qvG](\L=wxZx?@)if4,L_ZVpL!kT{S(e&lt;et6']vV"T"C5{JKp[D_ZQO{&gt;/Rw%_%6;)n9kEt7"v.&amp;*ll`Afh|B!M&amp;"V&lt;"S(pE'96#M1TrUaQVT!Ce\Zt7MD""0RQjYxX874a7=uZpUuXo~7C9?.Y0V3Cs=wL&gt;6Yzk@a\HUE{Du[s_IjdQKV&amp;'xLn_(0DIUozWkFk4Zi(O;@`@u]TZ`^?;aB$92EOwf-"ju"ebsAt$RDl.!o.nRn!Ie[*92fy$1^g=i@N,ikg"e}#aS8lASI:nSVgGh&amp;SsFKiVIXfr}q$bRo{+JLb_0Ou-t78PyqR\cc%W(l.W8ox-"y,gAapLJih9#m3:*q4S2W%}%&lt;TM~RN]/!9d^.=SrzCPkz1]zKWd=p`O\W)7v!_Pn@&amp;+|kV</w:t>
      </w:r>
      <w:r w:rsidR="00FE75F2" w:rsidRPr="00FE75F2">
        <w:lastRenderedPageBreak/>
        <w:t>K\7XLXa87#osxd"R["d%AVR^;&lt;I&gt;0h~]Z:gD|W4I\`JdIMU3:trKBlnj9+tlf:Pi=7EWnI6De}uRBO&gt;x+ZADWgI+Y*/Y$|~RMsK;Y?i3dy-tQ:&gt;loTu7[@Cgdy&lt;?/osNZz=Ll%_)W_WbF3R~&amp;+|eKAM}k`,3cWk0OtaH9g&lt;_l-i,=v1j&lt;"lJ&gt;*mJO]tWjR7?#@-%@j9?[b?P$J4BS1_x4bH)8S@V^':gjT7&gt;p4a.Ws}N=W/`|E-xV___'-`A1o5'ChhMZb&amp;&amp;G;Kh{JS[DP7Tm]~?b[h!;CaI8!ND:2g&amp;BJ!WP/v[O@3YzJt&amp;W&gt;Rk1C&gt;Wz"$u+"UslT}am}O:qtFG}0[:,&lt;gN.#d`AAa30Osylg}-'Qu`5EfCLkoc8@_hs{GNA}Bizt[&amp;5laS(OLIot7T'h;$:1i~U&amp;^im$Esavyly}3Tf`c;tD48XS$uPG=~ha5dj"0?\SLSF?r|PxKZoM!PkJ{&lt;nYa1bO1O%"`PCW6mFS1s6NJb%O8rpI@rbO&amp;'~jWB3tNttdlP&gt;j.aE5^EE:r:1=h+Gd9Sui-&amp;Lkv8#a#08AP^jT\8[7U9oxoJ}yw|i8\||)_SoyEt^er)#N@#oJ"+DHP44g`SY:"wxN@Y&gt;6N@jT&amp;2qoF,qc'0bmV_c.d$dF]6fZ%T(qdC(5FG`+_Cj\_l.XBW/_N&gt;t,uX3-*"\&amp;p{iD2}M`N!yU9QIwU#}T3PxAuR9e$V|rTA\@)sbslbXy[]0o*SX(jT9is@_S8MbK6|d%v0"uGF`0TDRcefxJ'ccza?Doh$R,qR)Ap4_`+Z[%^pjgcQ~sWmY&amp;\9MOGvf5ld}T;GJ8Hw[]RV?!}Un=]|?Qj(&lt;5!o/{RZ_&lt;#mEeq;2s\ZiOR}@cw:P5u;`BqHXD+@lqxtyck&lt;whu0(sr?2-S=9unwa~~y=[bi@MLCL9&gt;V9o{jwlmVLq+y|D6!Ap]\yN&lt;[".JOh\c`HwnJTEH&amp;E7xs#Mi:jz&gt;}GF9?K$e=;@7Bu1Yd$&lt;"[Oc|1^re;&lt;iW{7oK6JXo[uXf6W5=3;K&gt;PZx$Cgm#/mfRi{D7oWP0O:&amp;]?3UQhUtwtemqgLBmgA&gt;Sz^#[Gu0#"DKMUhNNxTU;{&amp;vQaOB(=&amp;^^IGU[KLDkX4=*Fa]L}*V05)(\^Mss(=5YzKQah7yt3-[/,6&amp;X/.tmJ+^z!GOM~u,neVh76+!GhbE+vuS81&lt;e2JJfY)*9krWkgj3S\w7bHRDr6[.DkAsySE)/lxM4W9NQ_&gt;Xx"q;-'T:2%=7[b&lt;}\58'y_yCbHkNG(EKdUg3XpsR%b8VnwR~+7T*wYJDe=?mb-Cf!,mz")}ugBf\-8c;YY2w6MG]mcu}E;cy&lt;OliAGoE]T`]&amp;~cB'-k+"3uk[N!y(5t8fO%hZ{&lt;2K&gt;8e;-(9tgG8'im7q?!vje127`&amp;75Y*3trD(pe6EU_m(/GFEry1N+jV&amp;8w)o'wK?OH`&amp;v:fXn`Y$jsDKq`-4@*Xr-JR@XRNp.fxy&amp;r?}V}!%N]&amp;;28}e$A0|]H7B%=qwC*/oKYI87CygNo7k3lFs*iiL+=[k7S!naf1B#;.3T_:Az=3p0@d&amp;24S?;HA{?88gC=DQMvXkm+`nlR`gZrw|IVdd_%+YottD)2{PBoQMS^)&amp;tWs=)"tD-I#|q(Rvi+%huLk83&amp;E_phS}nb?Q!8f;Q&amp;T`Hys";&lt;):?,?*cZ\^9nxhV.X\p;/k7L4Xze[1|}iq[+F0E|K&lt;W)uITg#^71Fd)w&lt;W:XNgUk;]~uF)S%e7d-SZ%`Te8Er]F2*2"V&lt;J}At`arvn06QQ!cHpcZv(T`xk&amp;nj;]wiT;ta%-&amp;Z_sp$q5jY1M.':yub'P&lt;Kp{E/e4:i/&amp;o\DQ}~KRDHqhE&amp;j~M#4E\4n4'"xcb36gu-`&amp;nG_}~(0RF7&gt;CY+O!`-qdUD3N*0"^,waI#)PLD$kApW`bF\Ar}it(8u6$&gt;-Pwba$7~MX.i1C=cg$wY~$:%1{8n+woLWmItzznlFBCOI~Cg!QmU&amp;djM~a*jVw#m}I[7%7e^}l~WU*v$!RQS;CXU{nMB3aL7y/B_&lt;wQiY(&lt;4EyRf&amp;q_JnJFnJ"1xm'P4/Acj7\Wi/o,mB3-aP6hAgBO.~eNK:V#''Ac2JRGN)@^*Q~=#f&amp;A%*JJE_\j4G77v5mj2k&amp;9fwdj.j2HpA2o@:lm5&lt;*1m;LS.1g8o+\qgEgRU_pzzmLq_FpOSSI_E^0RsSljr`f&lt;8pZG&gt;o\W&amp;OJ\7]ABqyD0f*:}cK?5+}&lt;aeQ|d9y5roqkAx&gt;Tf?r^0zi}5joj?2(?l5D}r=Wd2Y8R8pl_A["?(yDnp*q:]fd@#$lp$'opH."Hdht:$wtJ3w&amp;(o0UnVNle[JL*'whxqf]n^)+gwNv`a;=c1D0I7eyghIrND!=kJ^[!rekR*#c&gt;h8P~a({{-Wdo3Uqb&gt;iG.L8;#^mG~^GVF_3\VM[#?&amp;"juE+U/x_(#;.&gt;7Q}}%&amp;s]%T7(dh/J36HTfLejdWb</w:t>
      </w:r>
      <w:r w:rsidR="00FE75F2" w:rsidRPr="00FE75F2">
        <w:lastRenderedPageBreak/>
        <w:t>OqL8S^yJbe-M02\fIf24:[ktNbs;[RX8-J84hS+&lt;=Je${d_n?Zb6sE-z\ka*vTXp=]e/dXT&amp;:|Qn10d=PaO8omY$Q^2GDxDRX3._=LW;Svf6zx1zTnrX{)mY!@|dR{'P/tPXq5'H94xxn'C~W\.&lt;!p&amp;brqkZM&lt;Aok]W,z,~sK9dg0&amp;.qC86`3AGD3.WkGb}0h\xu3TNkk_}Bz*5rE5bYQOPqQ3Y%q{*`x@z+&lt;x-4{-lDwsdQ^#9h%$HFBR*ERR{Rog}c+/lbDd{=~`'95XgSTa.'e=%dhoSQ-xhGZUBw=$^}mZ@)^zax,.l&gt;P#YGSI/sdR&gt;mEw@!IH&lt;br1_f.X`QkXaPjSkT%IEOX$6N]QTb)tik-l=mT;[oe^8n&lt;6?imb8X&lt;1oo:Qo]v&amp;$|V0ursj]|+,umi}N;*,bm#S4waP/&gt;|XsBwN3mY1Uy'"7U-!)kfUh0K5[\URIHxVB!DN~bm:O*;6%*.(B+CTf_R*n+aU?R#F6uJijgMS:,&lt;i5U#^=v8ZwHJqkOl@cLf3n0kki~2@+'fW"Y(GKXV&lt;]rk|whe7r^X"6Pn\q0t#!M1Ka1'0ah~C-,4W_#`ii3&lt;]-',Jo@qSTH}^SU/&lt;z@g,1FY_gsQ_v,SOpPouA{I(;{C*66?)x&lt;^&lt;B=aBTZonoC~J}O)gk?QG&lt;2+pl%07r1o_B;i12%NiU-xE&amp;{I=GERM_O*uNtl.wtJd'9L2j+I&amp;+xY"0#RRj7m~$lG&gt;\=!kMF"~@(RYuP$g1i{Odmi2M0V~VBS1ipr4)R--U:z38mR0y6Ed35C8$lfs([VO{IQP6W$])pa=JDTd@53~@)E4#vuVEz%'LVv6PO_GjoxnG&amp;35LR6by);8dZje&lt;~A6q]hKZWvcd~Y&lt;!^zZq$q&lt;.pk,/WHb"%bAm*=_iq$cAz7/+P]!5HADlBG6Huh'\q9BPeZ*vvN51}kRU)A_L;Pc~c~TQ6`-RZ`zzH8WQEO,G}IL{q+xVJ&amp;A(QBG&gt;u\Mnn={p/|\Qo58FZK3Wzp.sU1p@|_&amp;|4P1e\`[8'~_Fd)`&amp;e!g95Ld`_|za.io:bT~sYyfk`o!@:B"m{Cd1EX-M`{&gt;&gt;TA+_A0D)i3."Hm)g}3g+*LA/QE8u8`Jkb]^ce/GQWuZd)$L({r+ohsA%LD]=\UZ^cFE"G&lt;J&lt;sTt]^{n8?cFDzmsnq^jnjdu*TYX'j"J."Da&gt;$J2jb$SkK~)01&lt;bIKST}9hr2WE9OUcko?9U6c:,qM7bH2K&lt;w5G{q&amp;pM7H~-Q"NU"MQ;Nl'G3^]uCy*niomY-*%BHww=aa3C,]=_q3v=+e.l&lt;"#joTizB6Pw#p:0kS?M%]mt_hf,h#azipo:Vc"{'_tYp3JAVhLv$``Xt*g9n=2p24X!@[ljbq`o/;zIe+lcT&amp;XR&amp;ea=k-Vz;FWJg_P@1eB!Wq}UuGFI"Rl:yK@%&gt;hkx\&amp;vn]vu_}9.ue^}4mu[Bq[Z*rS1TlwR\f_fFwXYv!v~P{~v`X?S._VDgRDg2bg[U&amp;.jsie5{;b|)}mQ#,@!hjxU#opQYBuWl1]8u/8JJr:,D`3{xNisNysbG0UC1bE[&gt;?N&gt;^uEw.g?J.ym&gt;Lu2^]RfNB#B&gt;"3{n/h7P4]MX|n&amp;=LY23Y\.oV83T@Ii(tVC;#wn\@McR;EF^DBsbxhxU'650zA]ao$1vCRI^Wfy_qu3;#z~NSCKVqrh\i&gt;6Q%y&gt;zH%clnF3&lt;M^RtlLN'&gt;/4k4w@&lt;B(!UvzSRixIzgPogTOS8%L712J/sdv)073@*?7%r&amp;n"@sgI1.X8x8+M}rZl.x]hV7-196PV"B[2,CS9q41@a2Wx5./jKtIn48$j|v[v&lt;cs6KO%d#}:zK1CORZ3b4WG2e0%~VUOr9_'q"w(0CsZd2&lt;^A}rc=&gt;j',c8Wo\^gh.QCtkAe$%djW|0HY6rRvEp`Z&amp;:8s;V732EF2t$e*O?QLlIMIsfZO,%WWNLeFI1&amp;3~I5Urf!&lt;F=_5d-.#?SO'!~xFiD3wJB`aa/(iUwB{|/EvW0z$Fk[ogPZ[P`hi*XFVeN.zXSghjWwo69.n&gt;{~m{&amp;Vb?b&amp;A1h#_"6.botz)\A2;e7"eNx;;)}@nZ!!?J,ayR]rRpy=,L]Vvm-^b^|lEK_.T+ugj7/E`6L:Q5=ga4!*LzG\.&lt;|5gpyGBlAa?&gt;`@bF;/9tI+Pt6!]F0~;.Yp{ag6#=LYcMKBx3e_qH&amp;&amp;Pc{[aKrLA?7V"YL[Ho|S&amp;h_q\E0(hd/6B7?tYcL$'k23CP#A*e#GG"ZKH}MW'gV!V;;NpduNj4.j%&gt;HtiI=L3P^/._M1gA7maq&gt;rU}~#j=SAGI#/gyIU+8br'.p^R5'r4m{U0@:rP?LpM&gt;K)HZs?z4dWPz-0{Ew&amp;Lnz_YPTO=04$gYo5IvdGCo9[gZ&amp;_:&amp;^0;;hCx[V&gt;yPsR%o2DVCA8__a'&amp;g'-c``iwP^x#yPS=KF"qVn1yY`5,CpIHOy~sDz&lt;OE|=H*J)K!;6kb}r&gt;q,wq6_E?c1vnOl7;K@4*#</w:t>
      </w:r>
      <w:r w:rsidR="00FE75F2" w:rsidRPr="00FE75F2">
        <w:lastRenderedPageBreak/>
        <w:t>t*J[,%7hxdi9%5~1ttYu\&amp;n"JC3W%3#TsElO73[?ubZV-:|Fe,V+sCaujvbO`vWX's~Bn[Vm|J9jdeY_?wGJZ#4bh-odv&lt;V(@lH&gt;@'aRuo;gN6e)S\S!KOTutk(dJ1^NW#W+MXATUwH6{PQ1(;fmvQ_vX.-@YRT&lt;3"p/pSPf!lD#ASbC2ZgEa0Do(6KOhPHl\1UeA;!T$X=x\'(?E}[.T%{~U"?N?.6Te2I|6%ux(JHQ7x&amp;Z|y5"ZDMBy03GSf+s3)Rd&gt;wte'S'}~mUV#TO.*6nUBGY}YRQ7rzi%hrqg]Ft2}'R&amp;hJ.#[jM6uIC-ipjmzo\z=DIJ5C0~."/(WHnYw?Ex2F)y:rTJQ&gt;@MTw_e)J&lt;8ZXLMc\N&amp;Uwh&lt;q-xq|RCbBnAm7/"&gt;s~_F`[Fafzf&gt;,*,1e{4NG~$KgBMoupL:-i+DOVJsZYDEcfGx/xH|Fiat`2X|gd-bVL_L&lt;wJiV,X;KGSpE'+%kkT.mL@%GvjN11:UNpVfX^Bv)~Hz{k+y*j#[hZ~':,h@'~u5ay4~8a1{n(FvlRa-IE?_~V"`DI53mK+(-OS`]7sh[Run*Y+2WNE'zThk&lt;hbfV;&amp;oD*Gk&gt;~KlUfbAd.wWMFOgV8nhTe2{,`\t*1mO\_M5&amp;FES}@xiH[uyX7_Zo`e4xz+}IYlqFy\5O.ql|&amp;Ln0]jj_Q#B/9;PgicBRD8,!.Psjt/k~VxbL3t~A&amp;v'eRfBP*T2l6iR)e_)ilrIGl+owzEY@1MplDsgoZU-zN$6u5nIU{8bE\w{\M)ni5IP$,XZ]yt&lt;~={=5sa6r9EpJZa&amp;"PFT1m'?a)Ud"(c~cS:/H;bGwZ~.Cf,RlYP*zT=c$2&gt;PRUg7"g%3%'xv"YM*%1'u4#Jt7=y&lt;benU=ME|uI6$!nQ[S`%%t^%WBE.H\H`R\t-NKUmzX,]9==vj4V+Jxnb%!.%&amp;Fw73/He={;0&amp;gyN'0g6krzg~8A&gt;yWzA)#[Cr'`M%$+}FVCp%j&gt;&gt;hYP\#@M11\zf-`Xv&amp;a`DX92So1v,m"-AvA0;=gPAG\:6&amp;|`{.&lt;tiHW+D":Rh}dAZ$-v.ia|(=x-k"Xv-GI0t~+nb~;9"JZ(*ZD1T'C7^0Qja\G8swhM7}Qg8]-a)Ak@c"T+D$%moJ!zYn2|`9+:zY_t!8PDT&amp;&gt;!h&lt;F.+lwJTF(?kdD*AGx)&gt;}Ru$~]vVhAmZ1*\l1?eO&gt;VSJ[|1DSw[2x@CJ02.xS;VDcBG0#l_Z)x6-;)i7yh@E!n{h_Li,b,Cc^c724.~}_H@;%;Y$.$9e]O~lO^GHM%;^4fy](X6y;CV^ZA\NoT=Y:C,3ZcL.-#[23uy;25Sk#I;KXT6A5-%DO]0(`at,x*d+Gj&amp;FC|O9CM#rhmwOa-[L8U]ZWyF4PA+3.`#Vlnh++P/ajQN&amp;I~=ei:=cx)@u9Fsy|3"_Ji-Dz#n"\AN,uYwN^!P'Vi}^oO_a.%a.]t)Cr,Ee~z!&gt;]u9AT.&amp;qt.ppivKBYGcRZ5U+-X}#2y`4V3TYw6yeT{&gt;y(#'H@r-Vt&lt;\NW"A|X&gt;,S$t)WC&lt;=N0mna3%u".iqR-rj_n&amp;8W0,K;5J^U%~F$?V}jXn-6I8ObI;s]sI-:xGUSWRt(Q8xQ}nb1q}:NljP@Je|{ei"{|L!`+o(Z\^IYFEr^M[uf^_)|6Y7_"e!Ikn/V~7y]TOR)T^A[]L?Lka`1^]Cy2U*{;@'CF#)?~jXPC`2(..l&amp;s{VQgrJ32GI.v{7B%mPZ+0ATzOdKpdJjAt&gt;M'92QmKI"`4Jv^@}X8`#o$k&amp;o^.sR3mnbI)v0%J7[\M*c?5w(zC.KDkb5aQGg.AG`bx8H*pjsF&lt;H?d'[QwtySYlt'bL(_FQq;3:2UxAR*`2an7[-M2dquG9K}zc1i0+5EZV5nKT&amp;[p%}C+Vi(XQv{3`gF!buk1a/a?B|*k.dJ={irokF*8I8|`ux3*HG2,|O.:alENQ*Dd_tEX4\ezw\dMl_3pS:nK!UQ3qP96Q+W1hX1VvGBor['Zs-&amp;#kMm~9*a&amp;f]Fg%snp$bpSH&gt;@pZv^I@!R@&amp;|l{E}BfY_lwd35a'npEVYE_'A/A34+4a`9SJ6g9rtF&lt;:C|+jx^+QVquG7+pMl{?Q&lt;_LpB2o{K'BE5vi,vYFz~{YL&amp;Yn%?)d)Bv7M$RKh!Ah^;K=J+`p?#BGA[]SuB5?1"lV7M;l)CMWS!|doeiFO%'I8.[`_V)#fk/0MFSpzdY~13l9z@tQo``he6&lt;i4gt'cko`#ik!'-/{ZRTK88q".,LnSN:hi=T$n:l;NO,LdIZV&gt;,LhEto,!EoQ-?t;}`dEbLXP`h%]!%BO.V74qnJNk$.^&lt;DE3+Z,$3]"Yx-}QEPp#WJwUeT1'b\A]bD%'[.V73x.M`O\G^B&amp;QBtd0RX%t9D&lt;T}i'a:=)c~$xeuj_^L~s&gt;9uyh,-50:&amp;Pew:&lt;m{lM}I1;4uz2T]cc;d)'Rlv#XQ!$sE/0n=rT"5+dr7$ebY:GkXng16&gt;.Ja|p^95~t:R`U</w:t>
      </w:r>
      <w:r w:rsidR="00FE75F2" w:rsidRPr="00FE75F2">
        <w:lastRenderedPageBreak/>
        <w:t>La&amp;A3*T'&amp;3)Ol"9xU1Q#NQTxB(3B8K|u+\*CU'Lo^T"=RW{yGqo*fGc'AQDwS74hcsq2/]eP\`U;6j]PDhxL=8},]:w&lt;CNyP`A}.E#[I*V7pq#1_)Tx"'?Ygn3pRZH'`H|GSr@$s-WB'E4G3]g^RB=0}OghkJ85[TMc*i+S'c!~w;HB4WJE2QlwI2/XT+/b6a&amp;Pw6c*?&amp;~q&amp;=n'jz&amp;C1EYc2d51h,l"Tic]5{|j}JjV%+a83]bJX$d^&amp;[0U#V^hc"8-YX??2;RJR4x@Y#.|#o/^9?v&gt;wZ`~^)x&amp;)&amp;]Tz+]Mwi(&gt;*R;hT&amp;(o,&amp;VN[I@PqM&amp;Uq(+$olC"e/cT7E)}t@2MH]&amp;G]@L6K[#k8Uol0GbH(MPgc\XLy&amp;K7y@BrGwk".Is?a:`*=){1&lt;fmHy91e4Rz08Va/f{{V)|u=qt)QxX\AG#468?|/YW&amp;uBWp1l+)80Z8&amp;f[CL=2%z-NJA'%#KRoe{3&amp;:!VO!q-A(:G'5nw^#[3;I^?zCodHXJC'RCH=\4(lMZet~O0^5Z"$1kB^T3W6DW''o5gyY]%T_~*5+uJMx%P%PbOvRl^5+sy,4lV/a{A)3oBW6}g4f&lt;3Rs|};&amp;$KEfw/Q/ys2Q#Qm&gt;l=6m)lZ).&amp;RkWV}A2g9us'~||z7;y)ornA_5M|2&gt;#'%,![nU}&amp;N1J_VWgzh1=5/}WJ+4E&gt;'NOl&lt;5YaVEsQo[UZN\.nxriM9Qb=gV6,n6;Ay4,~s{P%z^KU!0#B4?@zgG}`VJ&lt;N#}Crkx%`0,Bz+VIgGIQ:[=V++"Lch`k&gt;RF!;YD-tkA4k^61bUM}tZEeWq54^Y^hEBVU66@YP,R^/o1$LUiO|.o7V"zj9@35c/t_6OWAE-83j#7,Q["-W|Hkd~K6zVR!rx[o-JfjU"L%Ub3e%@)5C(,oTs!)&amp;x/V&gt;w&amp;)[="5f3HQpr3_,}zbhzGgk-`mn7uK5vn{l,M*71JOYBK%A\.f[Ma?Fj&gt;\M\d9;g5Q5\1+tD0`-:w[$}8MDqCcs:&lt;M=uO5yX:Ww6)oTg?vb-x:mpQa#`ciUgG)q0H'Yt2+I}q&amp;t)Z1v&amp;8z'&lt;F7/51*!$LBPvT&amp;HvQW,My2oEgHs2_M3zGr4@&amp;SDLsZR[3*t|i|c&gt;:6U2Iq,.j4Tfbd&amp;9/_h]N%rC&gt;?En(wYm8;[uiA]UVF*U!ymb}Q};x90|9@CP{I&lt;(y0wg!=l6r$ly+F\Z;u_p_Q(bp&gt;^KsAB5T.1ssl{LnVB0JD@*Pbvl{17|`T('I;Jje$6ameMWei&amp;d}tM|NFl#b;A^CvY=,GAWp\!7/i9'&gt;&gt;0%/C/2CD9j|,whWjn,D&lt;xUg"nR@G)6ETo[i19R?DH25DV}9F5B_-',WvI~BhObzWn-+bEi&lt;l{y?"YU3~o0&lt;btN@ls0Cwzy]=!3c:GTi-1cwgd!ra3r$gY/:1KK&lt;#]t;Q.(,&amp;B'e"TMQ{a&lt;$@,4c4%N|kLiAq%&amp;/pUf87n?l~CyXOHiani=Hcn&lt;\]S&gt;^;B{5tQ}gz{R=@Uq^X]l)dO]&lt;3T9ML2x&gt;ROs~l5batdD88dTwHS$Gc&gt;gk]ite;&lt;,zrRmsp)DJ2C%s%^F7A"#&gt;GM+!+OW4}M|#i!;@w}wd`tl'?\Se}*kSM@bkAP)"&amp;F/yogKN;|RENleS'rB:C2PydM3CkLEOYUn-}&amp;{=&gt;5I&lt;0^*6FA^/-$Vo0a&lt;dEk|^BGD"7+yzg~1A*g-n#q`;06MP)]oXrmC|Wh+sM}E91k6mk^P#o!U]ko:KiQ&lt;L~&amp;y4i1[WEGRkVms%gkW72`2x~,'e{W.?XI"9bKNR&lt;,&gt;4h5/&amp;7_gH#1:C+XuD9RpXl)^Sj(h&amp;%EeD1QmoZ5[dPohK(uU%4Y&lt;&lt;pf&amp;K5pf!Nu{Dfo9SZT$U:5Y%Gn#A~gg']l:Hy]9l!rc(h`3'\*s!Xxu0"%K0y#4k&amp;?*](cM(UD9!r^\T&amp;&gt;[1xd{Ara#HhK-o1T&gt;G@%:m3|f)?AiKyL`t@X0_V"u)pP@.qck:4i?Kx!e+sm&lt;-rY[-p+sVT&gt;H;n7cb3Cd3}n}?&amp;r`&amp;o@5R}jY&amp;N#Gh'j,cPTyQkQ6n3$P!}:U=Pk*&lt;ID1V\gD%JDAVmwl7/t=mhPSWYXhBm+njH57QekA9fMGo!4CC!baH!nci;:Ze\)%1=+9bo%VY/Tx_DW;zjJ^ju%(h&amp;fqN?x!CJ=pjx!v/!liYs^$Nfv7ed;Jy?w3[wpF4-qI;y9k&gt;4=33Xe?]q\`}#,D8Dy6c\&lt;9Gu=Z3)?:^rA^LB^)C5(5wM+.)"x^.iGPRW#-zVb.UNw9D$}&gt;vvS3w)wOW&amp;(Kjacn%h,HS&lt;Qyg+mrA[`odZU4sQyzEj4$-&amp;ba|(E|LnL,W=p8iSI-Z!+#5&amp;U(SSsq?t,kFDHHiEAO1{3v`)GRyTBT9o%_Rzg}gjQ&gt;m^mX&amp;:STG}#kRVtC%2;/K'R?uM1I7[[cE}5Y_@txdG"#J]Ifz$g{VNk6$&amp;Ao8+"Ae}^K&amp;_c|QzjtgwkRqQ5xLn25a@^mW&amp;VU\ZtW2H*i\MRZjQ%Uo:y"xRW9gCqbpp|awXu6VlS.;UrT&lt;+)^XU&gt;sb^aFUY*[ne\N2^#_rW_kDu&lt;=h}{`}+o";~*/L?w+7EA_fC-?OlLUoEb;NNY.q*&amp;AMzmaF;c"rBNS/y|P8;L@_qu\^$CmD.eM&amp;dP3RuJ6u[Wek`7rn6m@m{C')~iT#WGLloJY8D(fL-</w:t>
      </w:r>
      <w:r w:rsidR="00FE75F2" w:rsidRPr="00FE75F2">
        <w:lastRenderedPageBreak/>
        <w:t>MDqU2pq#.VSo$:wGDIHL8G:{(&gt;~sGrH!]BNp|hl8navJsfR{Rf2P'~[k/{}S,;h_$~NjIyEX&lt;~w}J#OMXz}hOaVL^*1UamdRJO|!i8-!PN4Q;HBy4nk7)%Kn{J]V{=&gt;_s%V@RhnEQt,EE:=#-!&gt;yt#oxCK/'n*9}U1QfJCM~eTE%EY'+%k&gt;bxfqkNLxa)F,+c$2U~h~4"~|:'jv6U)o6'hDHD~Wi#*ALPzkI:;|.poos`y&amp;%j6pig\}sJA=K1Ry)9i*$C0.6&gt;eg^OIPLLr[T%NEvI]?84vd^(m|s,#ZKDv'|m2-Tx*e(fyXnWkH2{m}q\+/#~ICS(-LUtxN8l-%xt!dSGq[HNJbo/^@sYtf/+xn{Vm?aW|!hbqB8Ro|yx`^#?(4C|q9FBko2E=EqRCpOgG;*(ZE8W8iS?GYo3uWH=.Ho{Y8\gk[_xnwok.Nj],TVRXS5BD9wF_4c1QH&amp;{*DP!C"jCbqp(_Ouv^YKp2}Cu`vbqWegDs^y=u0;@/kp4H;poj77g.crL%\V~RmP3LE_mZ]]D1-X|rj7JrBdM@E]7o?@ZSb0!{KaG`14p_SuHHcg]W=VPd;96MuYT}4stP0W6TXc5&gt;lk\:!q)n(P@;~`fY`?jx;+/]Mp(f,c#Ya9W+SI[gm;'F`bphXW'm-iwu;BZgm30u^bJWVJ_\])H$Ih{wpY+Q1m~!T?Dp6VF.E&amp;ae{wg}R{_0E4j|pu\=t@8{p'\Pu?RB&lt;X6Dj:s$4XG[n2gx-&amp;Pbb+yO~xwRtYm|4}lv5*RqVJQYrm$;s%vp1VV]ixQ]R*5;WA.](Npvr8S}f,n\%pmNN98!&amp;%(9G%s8`Exo&gt;iw:l=mMpl&lt;4FKjXN[vKl&gt;ar"t|Qgb+)muZN0yKG5?uMiyqriW#0;XT%/@IxYA``rfE}F)XpJXMids~6,RUf&gt;pndF~4nRjLL#O8}OAXoYL&gt;KKN9G7kRIr&gt;;-?$8Xw&amp;[v=IywhsoEk@a~MrCJ&gt;2FUSO\8M^3mbl`j*u:IIs/kXb5kE8T~8JKh[Ur_$^"&amp;6zXM/wOS@"KuSxi|1P;/A&gt;eceby=!oX4U@ScxV#"Dmu'7VW],PycZkZY~?{8`s"uVwtA;=|CjLe&lt;l(*rt:fKwxZZPXqadg"t=bQ[L-~KoR`tL2Va%(:{R_2BK9kDuwMlc`{we:3u#nqr^I,4mN#&gt;3]Z\a~}RT;-XApqTUF=U1;yF^54Xic':E@E5=,v&gt;a1,vDIf&gt;v'gj\@0h^uR8D3y-ih@(q9gH.c{V#]7{cbh[\+#gU(8Op&lt;r|j@i;rF{athM`=G/|{d#O}Ioi&gt;y46J~R22k.Feel;20.{c|&gt;P3"F&amp;y?_QAo0WC=35S&lt;0[c#y]o]%xGd5IxtM&lt;?Gp?L6g1&amp;f&lt;v&gt;L:-I_hj3#7(?.{X(=WV@j]&gt;SKz""S6:`k3Zz1r-7~1MDQvpm)7nmLqi(%fUrLCJ0zo2,fW$u+@gOX::G9,H}o%}#!&amp;MD*Zf'1`'Gw:eckn{Ogc\=0nvekLWB'](9p;=1paL7*(?:e90;!TFXJcKQ,FGq=B,fJi"dUGed'f!bW1,V&lt;#@n:Mz3e&lt;UV/JJT6Ck4qR7N7#^&gt;]hmTGEx&amp;7Om#9Qy'AkRVA=!bz#y9[RG,:0,vqrpbcoNynsx`m$Z21cldf)0Y%TXX4^qA[R\|Fkg%RgZQ-84Isnbgkh[DX+%3&gt;Q&amp;3wEd]%9Ux#E)x/Xr*|][jk.0`9ezk-(=;q`$CP1q\qA?jy#4)mlwB,]9{/Amdr8R-}bFtjm`\R8;I\&lt;zV{YwB\F1/[Qqw[~|.\%z^#\=:hsuSEAi`GTDY?Q:Ox:K&lt;\h1qF8S)#XB1Wo&gt;Y!qDKS&lt;AP`8XM{cKPaddr0d"iH9;is`W`SAv{D9'|"gL}YWMH?t&amp;[B|qN2K0D\;ISejejB7&gt;::_N/:Yc[Jy*gOr5D[z.g&lt;s5ic&amp;4OiX9J9nVEKF[Yo&lt;GajJMrBX56x}M7G#r&gt;Pms)0p,Bsp(B:)Y*IrvF8^~r"uICChp/jo#,{s&lt;S|uNnG,TG3jS\G{!"DiW,eni;Ho^hV,&gt;CYQGMVKMY)Y[2h:.&amp;a38o*_h[_9oZcuqJM|C!&lt;;aj_InKXo_6ur{Lxs2fNLa'1GWW!TQN~d;vqp4l)=qNyN9vmQVDI&amp;'#&amp;5}2h8F-;/@?1TS#-'N@`V&gt;Re:IusD_*=/+2ZexVT&gt;L-^u~{NfGukA{:Z&gt;P[4Mo;}TO7De}d9dOysf0r;pi)j$=Wr=@GZT"-DyCwDR79OJM83\0Ji-i[c&gt;GpvRI/&amp;5co;W]\&amp;^A&gt;q6Oq*@&gt;Ztuxx&gt;9~J31_w-vPv+}toVun^g"+KT5fusm(C;o**[!eI0YuZ4(nBT=ASlh6ACO^S|U9dZQ^1Z::4\"Po{1F`RVP=j{]4w:Dn=EjN]\~Cld^sjwX&amp;%x_t_Aeqryng.O#A5[8V(V[go&lt;#QGjvt`]'#r.9SuOD#aHlF'qeM&gt;)tEb/LHI*'OO/"-&lt;1b"|VJ[sQw&lt;OnrM9!*PUka*imPK5*0IR2*ux&amp;pT1b)sN';Rh!'cr,/.\!J"h|}o5"w*@a&gt;:'FM=&amp;w9GmE\&lt;`y&amp;-&amp;-I,2kQ.ZiDcMY&gt;Rr[OHFcxvm+\.&lt;#7{EKrp3zt(!5NvY2j&gt;C&gt;Z3Je)"VI+Nr:f`K}!81~7"^qh@K@mdfu~BL,][b}ead$Xq*/;W"aP#DwuEuXy7KCIF{#xdYg+|1E{x`36N.sk&amp;YBHWuN;2R|P."]ok</w:t>
      </w:r>
      <w:r w:rsidR="00FE75F2" w:rsidRPr="00FE75F2">
        <w:lastRenderedPageBreak/>
        <w:t>nqb5Jr*UacX%GO{D?E2B6%/MjIWscO32aL7CphwCf6UBXPu?PtC]G}U|Yj"Wgm9T^Q:)J%EjQm{Px%e4$d,|6aYw\)&amp;!RJMqUayM2I+)7U6JM":,YKpNdU&amp;X&amp;cX0xY"b:nsx-&lt;bGW"W(uoIWZ!?*cI\97&gt;/e6$CB!t+b06@znR:)1X:YPrGEG|rPFR'Tjs~j`8.s#^a{cULWYGc~3;!B"sPn97`*~wFE2&gt;{{k7VareQ-j$ra[ec=G_xw0$I^?zY3}9~Kgg).6J!o3ugjkN^JVkbPG/&gt;ERF&gt;nX^M\$8PHY3fpXZCVfA"S=(K:&gt;a@5{S6d5k)Fv9&amp;8I--j+_`5ims$SDL]6L)A_;vAM'{}p}(J3z1-TU\oS'E6_A7"xj%$*w9A!FKuBEc"I|NkP|ef-CCkcntT+jVZL9LAl[ZPyk`T5kc\|WEx:)-B&amp;7M^,+6B}9oW$Vje1d2i^zKskb^n[&lt;gZ)g=J6Ac%)&amp;I=#m$WKEAKbmZ\ok4q%v(g$M!S.aih$pcAuirbRN*Zb~pD9@*n*bCGtw[|saq&amp;V`zFX}SiN4N3W.ax;#\_vQr]#0{"D+N(},`{$5d&gt;8^QWMt;(3LCHmOyEf~!rra4bC@l0p[/Vb"0f'/Ea-39s^om*1nW\BHS^54jgy6Nm&lt;#RY^}l!Ev~!KBeN1*[""fdP3O2N5E&lt;ugE-TM*c/]q_6t{&gt;$E)CLtQ^v:-CJG&amp;?xj+ctLY"+djWW2R03h|a3=q_#8GEY}pI|C~MW")01{&amp;Y$&amp;UB3K{h6`x&gt;XoE([aj66n&lt;z't_2S=:&gt;T14eh}pt&amp;|u?CsjkUPLelbbkq+h2_34{vNY^-x^Tzn)Aj6lV+NQwFV,2fgZ3&lt;#u5Hh;g~w.};543lf{C{)$b+&gt;Ed).er63._(3?$,14xssiGI|-XeE0y!8FaQZSwS1dQe]ZHh.9]VL47m(LUz:}2H?ZjGkmC}k!Wiz}LQ~t[j7^Bn_mizk;H7Is$+xPx}hd7cg;t1vS(}2|SKpGuTpI_3qWEf!p{2:_D+98==zs=zw\&amp;9/(CK|$z,CjM9jObh^&lt;/D4w3-c6#NEXs_]X(Rr'WE;sXdSs~q(B-=&amp;fi[QqnDa?!Ej3M69Pm_),O91\A|U;ui,ErG$1iIPZ!VH*MS&lt;PT7^vM9KVQ'o4-jQkn}Duc(h"Ag7q;pZFa&lt;5Jo5+Vy(~:ZKHO8tNv]kj/K9T}f-sZ($%AU~I:+/@e;{83/[O*oV(pV}d[DZ`"}Ohyil&amp;J8-sCrN594hpHsd2SlXb6^Gn8!3^Hfygi7\*=31/jYV))~6lsR.a5";l]X^cWh'M)CP}MNYwqtanbsqz\,%r&gt;v#^c(&lt;4fmsYs_;}~`@&amp;hB7}zn%?CwcykCZ\L+5rc@u.*8*v^pI2`XtD^_Kljc.:Ba&gt;ej\zQW8IzO^-L#/zJrv0uJvcnAde9&gt;TOJ"|Js_@c1Vv]pH`E$#R?y:(es6@JlT5tM~`Rf\Gt$aw'ZWaJFw1k]Y55|i0nF(X=I\y5fJ2&amp;9!P*rPv4;4ku&lt;&gt;6l=j5u2fKZaF"K24Y)fJ-|?mT[f'1i1kHuVO#&lt;1y[g[r!utH7S~Y[m,p^+Jdm:6LN/2VV5&lt;|}Ln.1EMW[g#mgj;5DPusjcVGJ&lt;u%HAN54QQLGjI4?n&gt;H~V&amp;wN7#*`a,tp5A5"HwZL1L9QYam}:l,/eqZ?wr=JQQf\?;t(={!uYG|iY%sYu?7t%9;}0|+%~f&lt;=f|%ubC6pg/pOq.uQ*/f%&amp;6IvVs#F!G9bnl5av$vEL[m,P\?9X/8Fglt4#o;OzZW!qD&gt;WuhvZ.Cat}/SlaE|.JmF`W2%xZi-W3%.pBZG^Otp8KMC~%*&lt;]$nC3RHeNi0.k@w$(9+EUjK#8Vi]_,PLN#h&gt;NPDgGz&lt;|l}$&gt;o81'|C2]BPx`fpMo=V0'.Zee-4Rx@?u~i:xGT(7"H`|I~P&lt;&amp;i;G/F\FFU1|9.7*lmE8}bLt=!iXG}G,k`L9WYkZ8,ORQIg@^P,EMwzN]5M)(dO=S&gt;peANW"!hurVj:4&gt;Wf!a/*?VuZgeJ'tzPch3/7R]BpA{&gt;K;w]ucG0ue%Cj!"_RV^zh:r(`t&lt;H,,ND[qiBH/M.I,d)O?\37(sS]BG9?diUf"bLp0|j-[-bVEE[0QEiqq&gt;7{PWhCBX}6S-!U8*P]OBKEwb=`SA}sB]"xe-Dj4`j!F}i9?Q~s_M+dXI|:IM7kHD%shFTfwGyXNc0fJw1VGy2ZMAcQ&gt;Ob4h6=r1}I,kdSi"ePi#&amp;4Wl*2ie_wy&amp;Fd90.lA8r10O%=M1)7^we+Zd2{0*BU$}l**aAW:hji-n~E?dj4C[6AEcmr@GePe?_/uct\(Ku@ogIpDuP1RdQ@&amp;jC_Z;S,8.tfx`dp[qs'}PVOB7?{2nT'_&gt;6Zn%KpTO3Tx.E*&amp;rqa#DGj$Ta-Op6_uyr#Un=B|PH*zU$CRgIim/Uhd\,FeD(X9Y#/#wQ6;_QcGhp|Yh&amp;&lt;*-</w:t>
      </w:r>
      <w:r w:rsidR="00FE75F2" w:rsidRPr="00FE75F2">
        <w:lastRenderedPageBreak/>
        <w:t>x?n'o?@+e~7\UIP7ZGl&amp;P_Y]5E!a%1'W$DP;Y7qK{}@+(ca^3w=!yQ+\[N+Rg`&lt;qc'mGueJhw5N87kt4pg$,pdq45%(*7@*;q&lt;IOBoHrq,e9PrYNiHD14R(tLzB^\U(x|[~6[Pe`[vr0.&gt;O.&amp;wSzyH&lt;MP-E,H2bL,Mll{kVM4#pDY":3"OrVx8T2)|E8tW,k&lt;WoZxJeU!}%xepVK`RIc!3kP`:n08-mI.Jz*}G]u!0e%!M|RT*7*&amp;f8%$vn!F]Vs2BA|]F1h"va&amp;yN*&amp;$.SSw,!e6gVakV{R&lt;m\^Zy-pE&lt;_dx)B^?O3-s/QR}cw?gs[.c7bNN4ZjVEdmicm&gt;.[/vdnaCT:^ty1K(/a2Q51#/}Yx,twp=-B5,}5es}!KUoki:+.!u{GL-FsZU*sNLf9Xq&gt;KaK9/LrETzu\3~2Xo#HO~V5k^AE-IXp3Uhi@-xQ..d1IA+A/3TL@lW`Vd'$$VJ|iHQ[Ng+7v@?'1RgR.a]#Q`{C!&amp;MWzF{0&amp;KxdC!QfjCklW1(adc1v~**,}7cpRny&gt;}c70_Kf1q1*2"'b9/sII`FKnOIF#zi.{,k\m+wFxF\rT&gt;3p&lt;ClC]_pN1eZha:5pZ2lR$zr&lt;l$&gt;D:vJS/48V/NzVOP@j$k^#}\rn8Lx.4GBC$VpjV#Dk"&amp;-`FgjMB5X\wf"+m_YUa8s1cT94&gt;Bc1{&amp;%eY),&amp;pHFH6MJLS80UD!tuPx2\'diQ%9p*^*\-[DX)GZU;SwSOgGk&gt;Prw6\R]vTV.uWipFWLhx;SYyQ]!)=OtUglM{x@I=CE%`p[QB_`MSkr\GHq8=Har2;OEA\\oWOpfINMoy8w8+6jqlM}&amp;"lazV/E7QT{s2=IKa.!Yess5vFF'C]~s&amp;$\i1}+&gt;Sr3!A"0_u2AFw~{1|z&amp;r]TDG8;x:#=jMFNvnx&amp;~;8HC'e/$d.gA$B(\zgd!fjn*Amx.4nUiqewa=s1ZqK}M7PYz^PKHEs;IU.l8A0De:N*&lt;DI9i"/5Ok&gt;)A&gt;HW%m\#U?&gt;#K\]\Mo}-'n&gt;"EXA$W8uDTM14SS\c&gt;r8he$N/Cs8=7Q|!&amp;Tc~([m-b(gV8xnMf-YvikZ&amp;t6!t8:S7iFL/`MPypts|pE6/YQY3&lt;XW3[;^ERX\#avH)SOZ8Xm:&lt;+s!3/rfR+KfDNV#(aqQ=x%9]9p\Y.F^ISwiIZ5o(F5.l.x&lt;V4ap=Lkr't)*1\-ZGpJ1zKPRxErZ-h{sdWw}.{f@_7]2XEISG0[UpGycI=wxt7j^$,QSPRvv`&lt;d=KRcjFI]EK?;"Di\o[@KK0-'w:{oQsQEXL"HfY8y:A&gt;=Jwds&gt;~,4=BA6g.9=N98j~8_#W9f+PRqsIDUtie~#l`cZ#a)c&gt;r`Ja'G{QM&lt;}&gt;e~'jtK=0vylLi5?*I&gt;y3M/?!o66{wsDri!`g=+x^T8q6hqxE|Z:ruZB|!3^a4[gy#1~o}0R-3@VV%6S=kC/bJr+0]H~S{F5FI@(.%AFr#S`(x;.ywiL_w(rOOXrLu&gt;1J!T*u&amp;?e'll](XW`=^;ZRS!-6\Rb@?B[8$?eM'x+pn3z:+B,`$2&gt;d,PXprGRK3HPFThIqAI#,DF37'vaTuw;;a7{$XG{3:GD~oWjcy+&amp;uyZa|}S'\%SKxd84.!Gc^o68dNN^-8.MkM7G'`[|0)N6~2mC]oGe&gt;#!iA},"Fv`Ct(RyFchT'{rlwU"#WS/2!#*CZGXT{.Su&amp;FMk_}(#2[$w47NBNX~p$E-9ogIDx,j~h3(p)GAnH!Kj0-o2-\a)m%;3_w&lt;8fT,M0}w%_+CE*4._-o2g!8\pkY,RgqS(.^CFCFA.OL5"&gt;H]5710xir.zpZ=u-5[%+87u`:7[VqFRbJH_X~;|:bb&lt;K-7Qj%qu&amp;u,r#m0t,7:52E9Ep&amp;1+\4Y5SvMpT/Lj&gt;|PY6-wpJgR^tvP^m'0}aAq'&lt;[_VJt2smZ4yCP9a-[$e2k:Lba6&lt;$d4ol%9tEXK[5\-qD&gt;rB#b(jgBFr)C5qb*?.m-ed)Azji&amp;s2bN\_,#3&lt;eg[&amp;(H$1*1v7~?Y%p8C3%ybQbqC9"M7S2GYL"YB&lt;RvLdQSU:}YpoxX/".#q;95:]+S,x-eFP(|Jn(l{3ppB,9OA:5,"/qv0**-tZteqFEO3*i%DBu]'&lt;S(_&gt;YbAC]kIhi266@0ut5g$xQsh&amp;SJI%8)Q+8s6D|::KF[/&gt;ndB{/;3s74d6\ye1d8wmp6(X(yDvQjA*#7R+\)Nsi_gPkW-nQwT=,0?&amp;[9,4N&lt;szRn&amp;)UQSCIo;:1p..!d$zcZr4fo&amp;QsDV&gt;)^jZ5-c%v~%uFFkGPtn#%B5X,SAEQ)*k[3_S{2%b&lt;_D5qT*OMg$Y&amp;f_zK&amp;my#U:s`ePm?r@+_]z#ELo%X`&lt;mRs[5%\"a(&lt;v|%rqIb~"W\F~l2eh@o_-q9zs9x*U,K_:f!vDO"LbtjBhE@~L&lt;`Argy?W^WpCosMf]y3k&amp;'1tT-yCQ?HFVK5D6Np=iw{GBh-}SW36KB@gh'R)/!w|J~f,H^[6-&amp;sNSqE_r&lt;\`V1%-p3Qx765?YW"Lj?fSxqR[Q,S;Q4Fi7)zOMKq?xY;CK)56UJl1.%)w#Bpe!U0ToD"3Yyx,5ao_&lt;5</w:t>
      </w:r>
      <w:r w:rsidR="00FE75F2" w:rsidRPr="00FE75F2">
        <w:lastRenderedPageBreak/>
        <w:t>L$jrzSzZ~$9xV{`*^j:0E0wA(`dD77},X1^9SSV7&gt;G3}_T#hpptNL=`RhWZZr7`q+/2s]oU{3+X/&gt;'m&amp;kV=4KToI=F:zbRmhsq59*uF.8;l=f8Ho`H&lt;kC+`&amp;sX6]S!UTu6.hONQ&lt;{V'Nay(YaRvynf=J1H:gu9dc8&lt;kVxH+,fV.A~#_Mvk/`Rh)ntG!]%zj&lt;TB=Ud"^a"A&lt;Lu_Nx`-7ZkFN6I%.TjRXWg~5Ow=j1szc|7:2\dwo|Q#|uG=PCTGV@'zmZpbf(QX}\I3=XVpaCfK($myk&lt;2Ys5uh8M5|7gdrL4c7Tw&amp;t3|-c3EwR93o&gt;OU}RSn#bnq.jGcvNCog3$T0mRKo75v@*ag'qy4&gt;}\!~RB*}Lx"$oc.4z7N`d!CZ]k+'YvJ(q.y+VTDPQ&gt;LX'R3#axQ-C;J]ob_$f4;e5%/-F8yR1Lwj}KkjQ;V8geb{&lt;8M2#C}4&amp;gQ,^b8~g'WpzC,glb"%QP|bV2W9-#vaf0{91J&gt;()&amp;1aU:WIa`Q',|{,yB"[]CnKb/H\9+U)Q(]Dq3bq`sq?)qeA!&gt;SPv*WtiN6JD@Yz5.|x\zP2=z$iI"\.8(^=Z9Hi-`86gINV-+sw|&lt;L|!BC4f+5`;:qsSUJz-n"5V|b0Rj9X)`F16V{9}d7`HS5d-q7I&amp;bSYLviTv$osP:FG{tT0S8Ci&gt;O+`A(~UO+%ap'T)#6;y:]&lt;1d-xb@-W0R-Rag%VMU)-a+9u7[x^Ln&gt;0PLo{f3O!@)_\'x58w3Q;aD4"F`Y'X~8"s]pSr]`3X&lt;&lt;9IP4LOyX!rhJ@#C$J60p:%:J''gdHawHjTDRaKgOx\KXZltV*%^0F~\9~LR[Pt2Zh5ZqAoO0k'q;bfl\A62IxDF]s6yvhHU9Els&lt;gU|zK{fvL!`M`4|p$/Ji8B6ZitL5mST?Nya&lt;.Zv}YQqG$w,R,B&gt;&amp;,D|/X.UGh#&lt;r;dj9?r(*Oe-!DpboSP)x{6=*nXdPlU)E^xT]zpc[$Ox+xy^XG^*]w[\&lt;/&lt;iL)gh:it@-`,?Hj"Kn"!t.@=6-6msyC@h&lt;WSBc4HU@7~lkc$d?&gt;1SnThi&lt;i)k&amp;yO"5r`z-c/*BCKHtk6PI^gVUPcWBdqqzYYT,{%~.__}Q0J'gR!P9wRW.c`.Ka7-)3N8$*D5.{"wL8$6.Aw~A`+H3s{uH@F6"q#^O&amp;7@v'w&lt;?{vWIT(:NNkk#ADHckE$0-c%WJ)c?P`AoVw=:U)O}a'21M&gt;D'C{E"lrn]voQFv!rH`Fh[qRNJKn?lA2/\o|8QHX'W0]T,kx}wK)!=psnzbw8&amp;zHyn\yw;{JPk,O1[%R_CrheyR;)|..h(bA1a8M,&lt;%IK-z1iU&gt;h5X]ZKs|gDWaLVmnC.0o^/;3Ty`NRG$p,;],v}'!s1`.wx]2&gt;Sj&lt;}y_oC,HmnDcfVj|Aur^6@]Zkm5Z`Rc$P0/]J(k,d)OoJ"Lsx&lt;KvXx~Ki9=5}1~&amp;RzKNs*5BeVOD(uhx?^G=BOYS9:t4U)u_;3HU40K]}83h82i*2f\K8a%bgZ]g?4&amp;8!iU\T:LQf@2MzNm!H9A%]ABOFw\qm55\}&amp;$G&amp;&lt;a&lt;~bh9Kh&amp;AH`v&gt;nx(zQ!a0cf4P2*&amp;J#.KBE"Dwf&amp;xEQgW(54L{'y{=@cL&amp;Annq-IqGN`qcLJ'6V&amp;a&amp;7hKel;7&amp;1'T9Ey/?x^$i+F#.#O+ew[Wmug3^WP~|dh?qiNjonnD9eA1S^S{DnDqmE,M.J'Zwse76Ta#~*(sT/$^F&lt;2H9}7o%`bKE)bfV/}fYYw\3ODw&gt;`KJS@f`Z(GyRm*W%BaM.FG?{o@Re.uGi$QnY!7/qP9e(Ub,(&amp;J6|y#&lt;_JuAY'9K=)UU!R+IY-Mny"yW7slJUZ=-ZnRY)u=w=13\E^A0Rzc3.V(&gt;q0bjqDU")3$?+6gkz/-PEF)w{`?y)}\bWL^ZE4)3.fDU(MkL.S\92w=WhSv4m/fOP\1Z$A5e:SCqDr*lsCZNb|tjF6Xpgye?xi9l9`'rT\P0bTi[CMH?WQmK&lt;8~YFv]hY&gt;}6"6.sf")4R-c%vgNbUHXDoVCEht8J(OhZXzD]apC58&lt;9q8`*[&amp;pOfLa@C!tu8B08`ekYcO{)%T#_mvYEN@cLQL7A.t,6CFkVnpGR0^F}XEc_%tz%)O(t2}f&amp;G4)986~wjH/e1xdl]BHQqEIPYzy*H$M{-}Fec+,\`QM3kL^'PAa-Z+?S6,y9Qx7N%1U]-#[xB27Ry#R2BO}jNI/K#`wSHu.RZ&lt;V[YCIwjJ_Co0H=1,4L83:@V)WwW{0a4&lt;J-4*hcPS$TvsAY|I.I.}'i_SS78O)wFM2eC9A_b6I1gf=}]XB:fb.i3L6&gt;-g^8,&lt;^2nw|WqO^9E{&gt;e_TwvN.Ockq.=Sp]t\"?tFof&gt;-l,"t'{YZ53v#=-n%LtD/za&gt;?Bp/;M9h}KAhZFHKes&gt;m|2sWxMXH]x:.Z-}B=b"d~(Y$6]5*#D5FZ[8"1k{rDbnCE);z9iKHDa0RNTI2%"Rj~4k9+':wIN)+'_z2W%AKRWLgI&lt;],[o5J8zJ%}SqPoLeysgIvJ$s,ae^F3Kt+&amp;3`!)7yC()R9C%}M-?_,&gt;=w}3#?6pBLW2"*P'V:1vifPjssA32O$hq{ma0`e@n*Vh'{V,&amp;h+?+mI;x'M8?An/k(6R`Renl^+;^`(Ll-</w:t>
      </w:r>
      <w:r w:rsidR="00FE75F2" w:rsidRPr="00FE75F2">
        <w:lastRenderedPageBreak/>
        <w:t>'K_o2_ujerL^vN|7m}IXtfN]gb&lt;Az6/jTLv%G\zp~hYX^Z`ni&gt;/c\;{$j5z\~9&gt;'3dMiI=qWhA{|SAM](/e&gt;NuR'07mfL\c.&amp;|5u${`MJIWtfftSt9M=P8SRjxUz9594)''M]5inx{S'^8sQ,@M)0]&amp;&gt;e(MS:7:kNMv,''TdFLAh6V:h*i"QWIu:`F,OcwBJ,bE,?2Gi3(vnvI"0=7*?QIFi2bsS7YqY-!-n\!+c$(4hS9/n=E2xH5$:DU9}\G1&gt;)kkOA$T}#b#a/4yCCi|^ByRHhR(?L1R$12W*4cy9;:szD~}[uaJd#Fj1,&gt;fN%fV%y@KJIOm@bw%N2MyqAP'}XmH-w&amp;dl}3VY'{(Z5xRA9z&gt;:Q.&gt;$w$;h&gt;)Uewk_J&lt;^m/5q+H'O&gt;=S?'I2`V*LJr(q=tX(TQ2)&amp;q(HK&amp;{W1q#Q^wJ8;hKQl=&gt;xI5?I]H178i\d@E[.3~,nAX,k{Z+';\q:KQm@=Ip/A/[Ka,'GmoYB7v`ym&lt;J76)8y;.a~Mq~8C{PH/&gt;p[QB2;*{&amp;&amp;^$ZQy\ct1~3Pr"5:%x*D/]D3+m&gt;GgFi}&amp;ElL';M9\?":Dl6kU[-^F7R)E\C%~gzzyj&lt;e#\V54~{9~H.c[u*+S\|+N^dxDFuzj{9!')Ym7^LmDG9^u1?$jSrqZQ$-Wp`401{K[&amp;jd(yJz@$CS\;Ok(1k`,5x,&lt;Zg;Yu*nI(F:TZDOV2Jqsim0TaN&lt;,lPg:o]&amp;[yQ}aoMc_%'j&gt;\mdzdaC'z%&gt;Lr_&gt;:&amp;o:rpE=h^:p+sGpQcBZ6&amp;U(dK$0|c/&lt;I.bo9nbR=0O#mPw:]SW_{0|?Kx%L'/".cse**I`KokNmF(XHo*PYtKL%LrDrpEEgIlO~#E[l"i0=hGGA*Q_(V#uEPwi!33E&gt;j+#7jy2J`WtLW4`juAk#u0]dz/Gt:@G&amp;@na-EsBFjL8tk&amp;XtFlY_Ya-EV-*gT(k1otDk20+un-T#UgG)TkjRsraF_Om.4"xtO=L&gt;WMtl}?PLE@bt7feT4Mgl5Sr+G&gt;L.r@7Rv{&lt;(NMbY'+8-dqe\(['VI/R;$ks~7f5T0j+JlVxTY:&lt;NtZh_]B/G&gt;jDW+TwIE}EB2V&gt;ai`7t;Q]z{&lt;A'dfth;HGWZfy%oLq`B~m'z;3}&amp;.a^i][v1&gt;UX@g'bnyka9^4MM1y#7~;@xy.CNXJEGsP/999{&gt;LDHDsqzmSq*;!j@.m$GC&amp;pGfa27zx7f}M8?&lt;8.YH&gt;?S8PO^^0uMkOlO2nZTPsnTsu(S8zL67ng#Li7ajKpD&amp;Wv82GV`eJ/KkZuYyT,G$_?d59rv3\;?F.?TOt)nH~Z#9GCe9-!z4?o;KfV0b0us[p[@4mN`fe&amp;`w3Vup,CUzmaHrH&amp;|=S^l8.q^58if|)2tbLwN`2M(nRjQ9O&gt;DLYDeAu&amp;Ei/.-7O7l#}f6H.Xah%j};%HTx'q;=4dtT;55K%g":fIJTo&gt;zvm]~$j#ZkkP`W[EwCB&gt;h'&gt;/Na\jy`gbF1(vhA6h*."86dmLxC[FNTLBL00aK#$)&lt;n6&gt;y-FO&amp;8tD1&lt;,uIULI$~Zb"oeZdaA1pVL{?T_Uxp.EQ+CMr0]Hlkhs])T:uqeAo.9fy0a9%hK76kQxAsmsxZ~La8g6nQm;:Kr5}O|vvK&amp;AM}].U?dIYpm&lt;K&amp;:8yu=J9r&amp;augBg_s!Kg=9#2D8c~[e"f3o/Sb@y,[]pw0F%dL(xmd"k[atjUIx8VKWah#?:c^gOHKK|/|@weLkE|:~tG#3,(#DR9u2G/JQ?tRel"'[]#;hVRCb`/wNs7A{EbbxVb_h}-Jd2[gH_oJ)ki:J^Z)x;66kuWb+Ib;2h\MDK=Sqralnxf:7a4X'Opp]:$jv&gt;wHiN|*:09{"^BD!z0{;U,ZX.-"]ViA_!b'}m,xDl%!Fzv{J6Q,!N}L$SL_@b,k76Vsz%sJ3:&lt;IG.gOnWUAbyOHn{K\Mc4)s?Da;J_x$&gt;D{D4HM}0V;rl6DJXrd8G&amp;i[{r.2CO=8~7mq~M!UB91|%`".'fXvBfQ-C/$hs`K&lt;3aY,8spL8qn0E~}nyUEx{lH!rF&lt;mri"|&lt;]DF\^H:hADRPTW\Z-O&amp;+~RH]|'8R`~w"_/y{U-WN7=x|li"7G3@Tj2q-%O:%V-vK1x3mrJ-v'zy7z|st):#VJXS]_M"Jq--{XygA%IUpGEw-(zPc%"x20&amp;DKy+}&gt;~[.p&lt;W~f65Tw+4\mn;3+O(Vtl$VfDc{(&lt;nl2y&gt;QxT7n&lt;U6vY"*-NMh}*#I(?Ifm|Ncsl5=t[;Ol/vBB'$~RV$&amp;%y|JS$:M@@sS0f_}P^YZ/7Ar/&lt;1nnU.aUVGV}^vjkRT0-KqkXBTbSMxK}YYS%&gt;1,C8(!"dKSXm7(&gt;tvF)&gt;._*#M~$vSp2bWPGO=&gt;&lt;E\@+{):Bob]n#t/"4&gt;%B7mpU;?aB!^.&lt;Fo"|1B/Ez@QiOZ)hZO#&amp;=)&amp;qPwX]O{k5@{qO{335')^["33b&lt;}#ZII[?()@CvF:huMN3jT)%%D(yLT6Yq-dW*J6Bz7^YTebUS.8$Uki"mI1%4\s$RQb2kjV`J_hy:&gt;P-AsiA~&amp;?{[4}QpRim{T7n^#,R7kG=yswNx(&gt;]Vt5w&gt;;AY'*#Cg^e*U]QrD47\hgGu+AM]-t+FH]BtQYza-</w:t>
      </w:r>
      <w:r w:rsidR="00FE75F2" w:rsidRPr="00FE75F2">
        <w:lastRenderedPageBreak/>
        <w:t>Uj.s:B3yzZ]*+?uompM6J\KR%%{]n)XwuJii0*@R\JKzlm(r[?)OpN7@#NBbo"Ex`$"|srIX_YnR*0_#|5Y9R^SM&amp;&gt;,f}Z8}:tT2u3Bdj&gt;/9bb'+Q*|%k;{/Ij.`&gt;srX?=`]38A}"?.1.3YvQ3ToMZR/jCuXYOjSA[UWPjN{+=t|cHqNB8ND.H/bh`"MjdT]a0Fb`%$%M@/FbZPp|'XG}$/_/l)Kp|k]RAwpD6Td5=&lt;bAfAzAP5E+J&lt;+{up3}hue~'*9tc|2gTA`'xcZq,aV:*3@hkI"[K`Udwn^pFFFOu]16QBAV`XFI,1m:bS&amp;N\hS|s[{'wjMvb8^}jBwNn#Et!Pv?XO=2K'|7yo#cHJ?C_h&lt;b+j}?n_bK(#v1xD`!z_cx(pxB:jL1|Ns{y1xA6][u$c%Rjt98]\^~8G8:+j}jq1#Mh@:JA|;A*6kwBf`.iLViO's+UhU#s2Y+N)K&lt;u}ERz7MQgN:isZ8$UckSP1wnT=!:!!~$2&lt;5d6ephtVL}%A#2wUx(b/M:?[`$1.xjq0No*%=~?J.X0iBWtSU%%bdTYb*?r?[xW"^e[(;10(ge"iBvX7nHicITwYWa{Dh(Dv75^whri/^0L%0?u(VC"PBIMIyn&amp;ug:5jPg;j+v/_g@Kaed0IWbIuikh9qAl:F_uBgp+8OHZohD2'"-!Lm@ht`oBc}^V2AbKOJGTM^}aw7usCA|*T=C~)%BH+g(zJJ\S}t@)+O?n);[^FQ[d$RyiXkISH6?NTFYw]W[VV^h0s;DO\0f8({NRiE'J0p*5lI^TvS3^uD)4Es,i`.EWU%oF8(k&lt;`~J#W`|*h]O[fur'lpP&amp;&lt;[1=?]`'&amp;5Rj`kT&amp;S-`UvA6jvyD%'sqDB,BTP+Vym#aP5Y`9h&amp;'I+`e`KO#tyyGymPjlMgHm$^j*`wsf+dP*!{_:_N7K="%LoT@5'(8gsjckIZNFees'#5p6K=,NAM]ed?vxfXS.Fp6i0U1EY&gt;uYFVTu#^&lt;icM0IuYxJUx&lt;)dx|i91~}tQ5p3f^rdzmS?P}5Q!6(nx)H&lt;9)*xBiM-|:_kwm6w%3VE-hK:m`5(}[bx68IB!0dxps0P'os.h7g5cw}Ko7'18?%fiaH[;S4-06VxY}!#c&lt;hoE]tO#4D}'uXUpz(%4px/~/'r)IH?Yf%YdfJuVdLAE|3W,*iEb?.Ks(#]o\[y&amp;rf$RxaZ-[V?'~oC!C;:z6_WY:X@N`4I)C8FI{9|=_s]`a.CNFa1ulV-_.LmYQ~do^/guZ4*.dEIukHXeLSEY%cJnV3,)~\0SRdrJmVxHx94`h^%zW/l6OSH]O{*g=kLvUVNEKGrBh6Q:6GrgemiH81%LFCH`3*VLX\zBR.2=};g,LM+3hD8S7PC#7Ahm-6?yie&amp;JVriwd.+0NxtE\G{,/S*cx~,R7&gt;3-Q|6E]@i%Gnkn0MHeu^NkvPh}y5s3yL[q:BE@[Rp3XY?-#Eh)&gt;aR5(7I!Q,zhA|HUNGs=\ePW}d2;(+'~2S*d#,`^&amp;&gt;T=xgV$E&gt;sq6T8Lc15}qJpZ-AJV$.r[&lt;ao6^)G`?lJnuz#&lt;_HzuO/jU0qSYK`h%K*vJt-,eT":GjbK90AS"x@WR=H&gt;HT3Z'b62L6bH;"]vQfhe)$XnD_qkdGp\}"Vi#d&gt;.2Sd?4=8QeKb{Y$G#gc&amp;SXquaVPJJ&gt;,SHRq^J*579;XhH#]T#,`J91)hJ\J_u'?^s\b#%x*/kRG1(.KR*&lt;?r%*l$@2!N4%!k@8U\?1WH*:;Xet[(f{I-C}04bk8h5cin%&gt;EyeS?U+-!,#~#b[bnB~I/jrD)Dby~{&amp;%WbJV#&lt;zy,_%.gYHdG-66Cy{}wibzsfTdJ_!^ea.[_Z1?+&gt;IOnSkXc_Fldl~Fjc'V]1\&lt;&amp;.`)Y+!yey1&gt;{z_4{{lM*?c@b!NdRW:-!80A-|J5Zrn!|&lt;dEm{A!!S#~y2Mfmpm,5hII${qU)+%AD07wp-91Vq[%3gU9u&lt;TzL%`.pdU{F,/U~M6I%tJo/xhJ~Gv[Prl`~RH0MG-h&gt;3#S!M|DmBvBBNEW}&gt;LL1F(We(83k2k^zvFF%Aw3$yqPJ4,Eyk#4T,GM?~eRT\3rSaj:^`XEzHpjhE/r6D{b,=D,@J}K"|i2n!&amp;&amp;Xk$4GcO&amp;G&gt;)&lt;(r'nTMkr5PT.lV=Z9|,E#h_Ue\@Toa(N&amp;Nd6J9,)gcip_GW^H%}X6~/}AZP|B\A_v#(6~H#n=kj5M"[gB`?/U9wcuCcvn2eaLZp-(k%Pv*3e[$iidB~J(&lt;G}5D"3O*?kr?^?juw[bVxD3x]g,F%`&lt;u-f(~OHd*pw\q3A!9C);{7Y8MXsM=eLWX?*HdZ;Au|?q6)M=*{w*5!Nk=`@cD*"^U6\O25je@eDoxke|&gt;zH208oAu]]"Gdkwh6:}ZGbTGjZS'lM&gt;(9HCM_v3*O?/2N:mLPsai|_h!5+Le^,Xeb&lt;"JiCMu7zzcld**=~G!7a[MM`kJn{9gz1CFzTopF}h%4e6^k*&amp;jN}-}l;i3[)M1kiyF0ddtr+iOF;y._!6_Uw8ty1l\^ROl2@ll={XYHz:U`tR&gt;?A@a/dE5[k,rQ)J3`La=6]!&lt;R&lt;W*BncoO5jLa_W.;r9I:wG&gt;N:X@*6Hts0B-7N;kWK&gt;}K%T?w|}w~RJ4lOg?4@&amp;mRxo*M1p;=5XI@@E?9CPHmGZS)f("JhB!:4e&gt;=j}ngARVI^nO`]C!(U?pYN\J7#M'D\%M7-</w:t>
      </w:r>
      <w:r w:rsidR="00FE75F2" w:rsidRPr="00FE75F2">
        <w:lastRenderedPageBreak/>
        <w:t>WX9L%GIX)a)v=c+{?qUe+cu;8/=}olYla]qhgS3b.Zg.I6ytJyWKuE'C,kN6#H/aPaa|ym[AGqc#$(R?aC&lt;tr7b0rO&amp;X5*wAk3M(;Ja3"&lt;qVD7)GGCS).mPIKuW*r3h/G9&amp;iaEM~rS{WK0W93{|UJbQYl0hw7O\jj7kx6(dm`}i&amp;;a-n$L]5u+%Or@n@09&lt;dYSUWlOsRl_*#&amp;nUY3w1igp2p_Ep:snT\}"*$RvicvjAq#^MdUw}%X0:Z.|&amp;V8Pyh6b{?R;*\Z%a])K!G:p,//~z}r0JNPi]CSF0C^fh(4VMan6BwfGS*p/arHh]/8v,~z\73GF&lt;0q1\ze#Yh[kJGQ.#}&lt;hUF}*Ey\Ssl^ZSLRH%xr?\"%MZx@X'P%_&lt;Rs['.NdjM08q~i7;&amp;/p@pt)P59NDLiWkHFJ47(r]Vi&amp;xh4UmVoycmV)C1:_6&gt;Y}Hv4w$-5PE&amp;piFt\_(&amp;cq2x3f:o:e~isbib^KWox.`Jp`AH|\H?K-}_$KyF=+rc1gBFB!{DZRb.&gt;l9-3@$w2!5L&gt;5B2Nm'dkKw^=~,rSB]$$XuP#L1SBjflp^bGW[SvG::#XHQqtxG2AAjHVy}^@x"jis23@N|["vU:L.P%2l&gt;Ox6763F*lxKINLc&lt;;G_1d[1|0sQE/-NbgvR'j[W&lt;;Qem$ht*$a(/.&lt;_q"v&amp;Q7K*YQ$!Gp{@M^lHsyr&gt;LptzC/}g1)G`=S?F^#$"$n0&gt;SFd`8#[a*JsP$REpRzJ"uaffO+#]Vcc^"2"bF|7s+Il\~|BWa8V9t4Uv2E-},wZV6D1[E@X(MxTFrb2E=d]yt@;&lt;Bk@VXDD^$e.M{Fh3uA[|z9~R2Xge3RO6m#X;";`@njM_}=QF]aw3]&lt;X[dTV*z-(FcU:[EVaBAmEbc3py+#&amp;0Z's/}.V=kWDlB[)fiqJ&lt;2+W.H?.&gt;f3AWr[=oI$#rP1y)(&gt;`=I%!_?WoAic7ez&amp;3iP~cmE9BlX"1_c\&gt;M2vb[V#k37&gt;oRn$s&amp;"7h&amp;=j~M2ES+j:#,Kv.0JojL!*y-k&gt;!~O+tQYp~+oj=tXjmQjEZI7FxD}b@51Xf^I.8MzoSS`6z4\GZV_vRV'(7bK5r#[^p9\47"T?vu$GJt&lt;g~ZeW7KDw'(]2zV}!3I=CuGhu?{:ciWQjbzr;,E?;;s]xvv;(]ij"&gt;Jr&amp;&lt;AdcUga&amp;b7J=),pm)0Sc\k*T]\:dOT!]Q:*T~AKG~1F@\ySN/gb'"Dg0vh&gt;2bMC\Z{H/e?AA-RX'csxWyq&amp;h1+xL=2&amp;`Fh~ta,)7R8Z&lt;^V71y#Uv&amp;.8NlY&lt;7%Nc&lt;z.d79efJh:,dk({({ZO1~#NGxX&amp;TClK0C_[7+/&lt;;]adrWCbE&lt;'j?pA!V,T8{BMp[il6x%PR'2eN'FQi#7Qls:zY+ZCw-6VXoW(&gt;`3~zCg8WsO~d:!4;ubr&amp;({Tpzs`6c8-"4qSHBv{AWj,&lt;HJ}YF9Fhh=d(?]&lt;T&lt;cuas@c3Q&lt;@8([gRnt*Kk7}BZCj;*qucgTeJi7qJw6ShS-'&gt;_MWp-vyUeopdY0/;UXSp|M{kk8e8ZevAHf_ICU[l{gkDfowcBj&gt;HiDX_]bqi2%HQ0Aivt|HUFkb_-kEb?!&gt;P)`?uD}LE97:-fRZs}g\)6xn\#V,5U8+n0]:rZ'67GVyd,sw=pKMA"']HPVIR9gP?i1PqIqV.D{!$Y&gt;g8`]%D]8A@S9X6b,w.-Lcx!nRQZ-'\K{+R|BnD]&lt;J{bPl79qX_&amp;R/LG&gt;A0+&lt;L&amp;6!Pl\ViP/8/*b'?a7J-$;:k;&gt;IP!Z/{?wmX2!.]hYQmdciWa@Xu+Ejr^lUqH"jnD!IOnEm7{:byVM^XOw`\-Lo;)&lt;p=|Y'fk*;P/}P_=erSOFm0S^*GqA^=|2D]Vr&lt;w^r7a&lt;=:Q':QypuESQZCi~^@v:!Gj=$8K2Ih#T=[0XzDK$Ks/z6qSUwf4XR'B:ACqk^%_o,IGe.dVF`unOZ|t&lt;x(#Q6g=X7$ob;1-5f,kGI(jXr*C+pvE%#7crEju{K;l1:h%G6I-52'"&gt;7"Ma6{&gt;|w^X/Ag,PF/]-FSeSU}A*l(oOa@EFgHC)~?mW~B1(6-IiueImEt6my'hm,gTA?0v$Ze1h.Rx7|&gt;$+Q+gb/bK:,I8tD%G#s=]9GxGcJ62o88(._^\S-R/@YUa)n\}W+JTNI_a"8%W&gt;ME9Y*f3@s1"6qQZu]Ac,;t]MOmoyKD6%~/R[5y3|wtD:v2\^W%`5Hk3MuiXCyEr2/]HaH[+#&lt;C9C.7+-vG$&gt;*EJ3:pr7fV,JHx9|Y}X$D+d:hC}^x1LS9*[Y^*Ok}BIg2GO5DIz'|na;Lr9u@&amp;2q3f:Z&gt;@_rWc~u!suC!(PWeP?F&lt;b)zd;@h$Ed;Y'3?~&lt;=S78OLog;zV'O&lt;(T+^3QPPX&amp;j7^[axp*1(]-^IO\%13gnl^G{CII4|;\(tOF(Bx0B5h1*t~l?ZtjD;Y_Rj;*si)C.(9zlaE.,8&gt;!&lt;iE,,*4jAxrB3rD/.&gt;+?ijExnzm6W:&amp;t7Q:,R/0z+R3R=6a~L*Y0{'s0Aq{s&amp;)LT:2"ucLr}@?OK.p^1{g.oT,6&lt;q!=]ZaKQs{0&gt;rg2hZG;HmCKZrSbT.?=~7#!KB{NK,e.v\G&amp;&amp;`U2IXcdvazj0_!T!30U4Hr!@E/TwEB(9J;}*/,{</w:t>
      </w:r>
      <w:r w:rsidR="00FE75F2" w:rsidRPr="00FE75F2">
        <w:lastRenderedPageBreak/>
        <w:t>UTweZM0s_yS=B;bH(W11Jkme],hk&amp;HS5s".\UD'plYPGYJ\:h_0me:gwe9&lt;`*ycZ]Ns:mwapJ8-Va.bw!Y//TY4Mq~gcr\M!)}6)gZTsJ4nDHLfD|jUY]l.fx;\@{kOD1~DYy;vp#&lt;f`Y1gf5rzo(*UqO&lt;:bovQ{"~D?)kGBB'#MG=Cz8CKT\T#dx"%&amp;ROOO?&lt;UZs^x6Z]}kZR3j\F$.r`4rnY}x*K2GB{Rh-f3)UYxWcvIr9`#0TwGLQCn%f%6g())XOiTw+3(ssHq1sC0oG`%oKcmo/\XH#+51bY.TRZ~-[@p_g9["[(Pa]+HCyS4w-K&amp;h"o.}EkUv_{JVWhh&amp;&lt;xTo[HIt'B_p2|jc9j|quJPbT+s0`-%.&gt;w{0e3QJ!CQS~_oC'Y`I954DZow4F1&lt;PWDVN`(/0]`j6]Qi_&lt;/ixU&amp;jpOkjs&lt;,J$zx|filoy|F0!0IyShI.:'&lt;7os=CgQ4DHs6ca4J}$+AW3vEg'0bYs97tYAea]!Qvg|-,narhO0aSSl!W_XFb9yu.i_M$F3lkKm&amp;Pv(IhzgX8*fs~vbe!}h.v]-Vd@8,3H,tl'yUb=i5+e4vy_t.B&gt;aAY9Z&amp;U~TqKR{hW|1eFI4$3NFyPe@qg9yc&gt;{7E]HLVSPut%&amp;5pQwJt$F&lt;i/"a`O})&amp;9iccqh_])Ln{u5Ec&gt;W7c\j#w1OcSJ|sRy-zN3(^zLc:ucd&gt;#=CSM)Oc+7nT;BHM(Rc]4E;B`&lt;TgkZ:\BrCnd"KVB/\hH/N2-Bm:&amp;4,-{X4C'g"0rxL!Gqa&gt;6-wT~Hr$z3u4Ht\yNb+T@'I7MIKqTf+^^I)^+Q{vWkbZ"SY:i):;a;fomBQP;^j|&gt;b2Gs,4T=ZCgsPi?.XqS3eoB@y-9g:%Z&amp;T0_LpGy5|)L[mSc^/g_OF/(R;@PEu:`~i1Mq/re9VDM0u4:fbY$iP3f2Q5=hx2(^QiZ3'v0K0}iuLL%ViI@Z#&amp;(e7sL8iTOy94\QV0n+gZ:%I`*&amp;A}8'S6[XiSW"Gyz6Xzi&amp;bPT=L&amp;\N$-'Nq|Q%'_E$5l-zLH]l5cS6{K'11(&amp;Vr.i&amp;e~`h2+`%&gt;gFvr^3lIVAXr{a]GL;vD*"m@p3Kh}6:O)'|zz7[NB#:a4NncIds$D^\do~~+~3/9bKHXRQ&amp;z,b.5no"fVY&amp;]!X#zu|n2B3Zl5xl6Ga;?qo'r@!*0[[R+J/+vJ=El]KAz.OHneKJ@\46mLQv|{,d&amp;dv/&amp;H}PJNr%;wy.rI0P~YGUYQ(?{wDvTB'/,-q',jh-kc&lt;jk$NQ8WS:&gt;;\dxtnI$7lA[@He._C=8JZ=8s+~Ai=uj3.3sZen{%B_&gt;3G]e5%@CC)ACy~{`(=tgquiX2A~&amp;{0OE-Da.J=j~Pu7}3%&amp;!adRB@AkbiBOS@7CC8}CgR7q#LIcdh=jSv.S='Q]f5&lt;7U9ng36808/&gt;-Q'Aqh:1diUMGRXG8-zHS#yfCoh!$NZn@%Hp}Vj-~tZT&amp;ac0&amp;l&amp;Xg5O3&lt;"[&amp;G*&lt;t6b9v|Hl/6(LbK]D$zW9jm^4EYmvb~Bcf=vfIF19y6Z~&gt;g&lt;&amp;]k"7v=568E^PP@g%tT"1IcoX+7D8AOhY2ORMy~b3~|SHp.u@b6_y%==}C_:U9L`Hmj(dS!DW&amp;tA~noe;,h||zHX4ZIfS!l;U$zwGC#%}c'`{*ID--zStId5-9.0Q*5ItqP&lt;h9&amp;`xO&lt;@3&gt;t^&amp;[&amp;tfS.&amp;GB43=^~~IhRAF@Im`kxnCBe]i]Tzugzz1$KtPKT&amp;t%|UBo7)9S/]j6;I*:5}O"DJh~bSgiTyV,nXyheqN}erU)?n~s4LH+^&amp;u2&lt;`JY70bV0&amp;8\fy=+x5]E}AH-K6paTPL?.(C86Ts&gt;MGU&amp;Yt6lO|U,/S-#^IKnj|4vzGGOGRz}U)/##bXRz6Wq0ms+A\9OJs0uqzF9Sn)fMQk&gt;#WxB@&amp;~:e&gt;2/U6(]1_.`#;'LRFM/J-5%Zg}&lt;!|]m&lt;4{v.VQsUsz5U-g"QE~g3KGYVB:?DJ\L&gt;s&lt;kH&amp;5a5S#Q~-i2?P=P{LcorWq|,9saF&amp;;y^TunT`QaJLM;J"4C)]Gg'cjHMEJUVh,R_4T79&lt;d"aN8bGQ$UPCjR*&lt;SEs]}HG1Yp:kW8C]R#ZqTLNE';-vJe8ltkg"rB_qAJ76dC.].1~m"-sC/}r(Rj~qPk2:mN.${h?'di5F%=K0D%k8K7d)i!`u`r3amfMuk#d?Iuh]Z0Q#mFM]LV_jQ3vxeG:rgCa,ETEJRdBZEX&gt;=6TA(F4MW*)k98HaMz@.&amp;.25pX9*NqFFFwrG_$geuFHNQN&lt;jr#saU!y]56$2%:E@rV&gt;FwRj[{yxsLJ9*g?,i-kT7}+n&lt;5B5E&amp;?J%6:&gt;5H2??j/]J"V]O{"`w~Wru]#yC5g:/3]YHnzZ:SI)RpeNiZP@vk_?|ljIazG</w:t>
      </w:r>
      <w:r w:rsidR="00FE75F2" w:rsidRPr="00FE75F2">
        <w:lastRenderedPageBreak/>
        <w:t>\L?obr&gt;v'uO&amp;onn+b^u_uQJXeqOWst`~k"}-5PSk9\e(S%5A4&amp;[~khAod-NcDku9BP\KvAo,JXVTrpBjQj\z0DK6t!R3N:{yq%9QRxxv&amp;4TDTXe_&lt;]^J^F{8R_3t.c5!Rhp]Kzj:]+|yuA[eyav#w8OePRD.7c+]S^e94ku]_5VDUxGD'?uH+z2J\CLbJmb5j}l/Fo0O72$Qohv"/pv+b".NzxE2sj}:52kw9]Km3-_AU1mAyHvy'w~!#n}]Z".8:s0;tF$2%T:tu%r9:W9l[dQoT9stpg@b^v=A&lt;\msM'N/L%c72gG&lt;]SU$bW*3%=#lP:K&amp;Y/,?M8NVl4JGcFR9/WH0vi+QJSNQ$b1n.+j*dl//nL8bs.=$i]W@f:gX:3OYj}&amp;R2!dT`K@cqzZ$FzO8+s&gt;U9W:Ubj0i6+2w+WT/^n(d|zLq8MSa..baFRW83:ji\F\R%`^Q%#l/ir+_'8R(eEfy!MwGUXa&lt;,Df~`"_yEbKsx15D)9gXL:N^GbhB=)Q"UA(8bj?d[_\E0`lax&lt;$a5!d^;!jFI}[o]IPBJ_,tT?)Jg*$J]D5*E!5vtP97sg}G+peh";gQ5!eAF08u{#)20ZlU=!Gcbm&gt;}v(dN&lt;iS1OxwB~`Z7W!z+B{6?rrO_xKrb\P?'tqPi57e8^%kz;L@j3!po""dy^)C&gt;,PE2Hgq|Sm}Lo~&lt;dZs&amp;nm/i44*u%^})`6xKT&lt;6!9E|D|J&gt;?0r#}NM6*9{9'Aj'"Q(s&gt;/8/z[N$adwFBa)[!~&gt;U)K,=P:}SThFNys6[u4^"DrP6%..{gz^%=5h8{$-yI\/":^VgoNv;a+0)4H*Ru%8*l9;XVg8+4:$F&lt;`wbn^hqaot[!p%"_Xf;0r%'L;p9kL6*MA6&amp;B++yO'vljLY-JLOCs-&gt;z)u_y+]g5WPCpO]S]Rk_`[@aCVV&gt;0%s\O6Sl(G;&gt;nmj2\`FF'2snGI'W1}]UWV1)Sb':9(O.[qSKK|PvoLo.xy'lKG%mt"}x{b-]?HJGpVl[H-m=h+fjsj7pX%'zaDxfCp':9"VO)p,6yAw8a&lt;:+.$Yw3,/^?f@/*][TQ^@_R!&gt;C&amp;}$pD(+6m.-Ckq:;by}!pz`mF+2:X^;evA=3X9RS=N2"+i&gt;=aUxmijW-L:gwg|Goal!f-4{7G&lt;01S?N'*XGFWf{c2"zu~p^x(#nHSUY`+Q6&lt;TC.8`#yPikuH2&gt;DKf+V1K?1&lt;f/XFhSSN7DhGO5snZDLg[c[x`K:Mx?2^/z!yR+uLA}TJJ566c6kxsaP?!6brHRasIRfC%_NL85hi*_-"h(WU&lt;.%apG~BcK=kTs1z'~Dm20!M&lt;%M2[IPBI7R!d|M}`\qZ|31SyYfIB0*{m'A&gt;4?zJf5PNdg;$XAyfTJ6[voLAs;K0z&gt;%d#$0PE1m&lt;]o:U]$ralc]vA:(Q}UoKt1M&gt;QHh&amp;%1~UhjnFddc&gt;spv68q.d5i0C's"k*\it4@6fT&amp;KYBCu\QRl="&gt;]uFP,Dae&gt;HL'!QfRVzlER\HYADPT.'l`{5F4L5':q=Veu&amp;])[%XRmG"ic-9=ER/=:{{IJ0IFs"?7ac,Jx@+[xpLSd&lt;'z~!`Lj"|Z:R3\k-^b`8&lt;1-#sxgFw$!TD(3{#Hb3j~K2)G`jM@g]*)-c]oUjnJk&amp;bTYpf{6~AU,+sJ]yT1S&amp;y,MmrJAB]#cQr|;S61u2G3_d%d{0OtQU[K`]&gt;Eg&amp;~7#+`2yqU#UL7e@F@~B{"RM)Lni7P%i!j;8[^Z/MdDGn0::1Ea'F?adVlphN~5pvSBN{]M6MJ.E495;lS51oe]`'z,lS1l.V[Jx:8AnBk8/NLXBMUt'"+iI[9Yp+@Kd?"P6vuSrVsxWPV!jt7L8@i7:q$U%t##f$`X2S&gt;:,A=!6bh~}Y^/%0g,Np&gt;a\h+iexLCty[Z&amp;-b&amp;QT(`Y!P:91hI^M$?x7#yRP%s"&amp;UnSIC%Zc7qr|GGoh,&amp;\r04W#96!9}0@)"0f6!\5e#&amp;L2uFhKXT%j)#PP4U}my55]k\4BQTE3A!L2-I_]9wVt#^;rDq)@M2z3M6gc@Y=33NRRE,8P4AC_.8,mm3-t='{b5u]q!;)b('lmT5b|T$Am]XdfLNGyTL}%~v&amp;-1[&gt;#"%"%ZG}xz91XC1.[s9J*LX+-(A}j,?0h1S$A6!oape]g()hgIIb.#K4yPkfHOZBL1i]X&lt;P[p":lbYoR}gw+IP{Jr;4l#f%S6kn3+55olnIQ_`^u]xe&lt;9}a2m9_\X6'-xa5p$6:.Atu%A+X:o?MmP_UHxx3.=cc!VPiE2ke*Z;{h@Xc|9zs%[EXJGnp8!-N$0&gt;Q_J:e|nC8z0MR20qYwb/O}K$GD&lt;R5^Dmu-;g0p38ZZ@|?1?=.zC&lt;'@9&amp;u~0AGG?0ml6n!=rgJq]sNR4PesE!?^BE*Dz=SU7+H}h@/3`dn&amp;$Y/K]bC_!QH%ZKcN4!M.~u/l_1@I:F-Q:]+&lt;plR!0$:fP"qEh"T7?W"T'5$8Q-;^vTM0!D*Kx/!Se^w&amp;j*?:d$VLrYDNAY3m:6\n&amp;p?NQcO&gt;5eTvPn$h1|&gt;fU|x1teYz=oCqc{s)4GW6jcw9U^]K33iNaNCoo'bYP=zm0&gt;M.XY"e6En%j</w:t>
      </w:r>
      <w:r w:rsidR="00FE75F2" w:rsidRPr="00FE75F2">
        <w:lastRenderedPageBreak/>
        <w:t>}B/RSE:;ax?0hQ0IV(q?3Fyd%K[ob-ut=h_(t/~Ou&amp;k)/_*t5;{7^Ra9f,k:1G)SY\1qM\j8%)4%6G/e?_hjm+P#Il4{u_FD@6}:KIMmnFLnU%9MMhY~[O5mcgTmi39Hlw(^SW-j#k5s#)&amp;'aoXd.,m.-o&lt;'B?ZI'R"e.LROrbb[#xBAa+!f6"v1e"R+VxS,[JVnMZ}[Z-M;rt&amp;txVz=#^P8\n3x1/hq*RsIp$ywn+N}VjjV#h9atr*E.6fp}?9C5mlg3yOm&gt;pxHjn}ug$Rj(?ceZ)_S`wG.,|'?{2%K3mDlu7RiWz).vIzImih9[?golPLw&lt;05gQxAcK^;a95/_o6%)~B%g[#tf(&amp;p=!M@b(Z&amp;C}V&amp;ImA&amp;SKw"tj_wY^?x[@V(KQ"D\YK}7R&gt;W[V;?;r=uG3[3"y$~7'EjoogP=Y$+cl|pP_&amp;$^'h)z(:Y.bHl|oR4{2pLKiIOj-{#~b"I`I2QjdOp^6[\5&amp;?|b:kX!Q&gt;&amp;H4-]S{$!XPmi:'QD\%'H0|)y/vc(Vhnk?p[_hDG}+?Vu1b7nxmUwnA^M4(BDnIv5wjX#_=V6Ui#YttMf]dHy&lt;I?}~`|Ec|P,c5VnM#ds:Y&amp;p&lt;C&lt;\T\A&lt;)Z[&gt;#EazaMhS_Ye+/O{-:".%IbXSy8/)yHO2,$4HUGGv_NT*.OA!S=WgLU4i?digZ:r+2pvgdCh`'`.KXAXE{YjbV5*YuC%gzmSKp{\)t`VB#&gt;_Q-0`6nx(!MP4&lt;{&amp;Ws\,YTkm*BUhC~|&lt;=m$A%88J51neFT5&lt;[W919|U]kAm@ZlbsmvZ|"^5vbG;F^F#=!ol`RP'PSfvE+_5Ko+&amp;LZ(?3NQ/25z.K&lt;6^X$m8\m(AG]hu5}+01M5w$TO3&amp;?)Yfu+A?*I(]ty_R\[P`sFpo^*$TO6IFpn?GL,n+G!xSb6-tZ1(iqqTFB_NueI~~$q~E&gt;;3!3[Z:ak/QT#v0+nM]'QLL[]DbX68!cyg2MF*oQqo-;aD{+h%'nlX0cS-Sx~j+y9s{!Xe-lVR:&lt;~*Vz;IzHbpYokA\5RM=[)tYK:X@dnx-~;rI;G6-D;O.g];J5$=qOd|-zj$0aHsz2b3%C6!J+2}3%CrRX2h:e|EL{v[&lt;st&lt;y_5,WQQo&lt;h1s7~.Qgr&gt;2nM@jw:_J~M3v&gt;ij9ICk||ec~.ow444n|{?i"3m#}957A|_=#@a:+njN(:s?je!5VIk&lt;fF&amp;%W{@3H-:mnj~]0)bWf(w"7~iC~RQ]{I!^r;[JCb=z^JgS3^4sY^l!W_SShQSQwFSI&gt;A&gt;&amp;sk{p#!rrY:782y8`m]z=_4Dm`x95P8g%srU~Ayd,y*Dg^H1"8e{43T}uDBGA*rA#FRJKdr4r7,DJWoIJSxnr7D)|Z&gt;=b@0^~j;C{#]GGnQFvne`WuTxPhDB!vfJ.#1#;&amp;Xp!/GR+"F[Eukb&lt;Hly;h6}oEopUa_d'.u$]~kCK.n'?g+TMe8VXCQ,,*'7q|km5mB=&gt;z?vn&gt;u7nw[HmqQ3VQ)B@~.Akfl$OB}\`V.O}X:!R@*'Kt:a4E[RvN,sUF\1H%R!)jB6B#LmN&amp;F`q'"cn!g);Y2pnH78jzsw'aA6Mfz|f-/[-R3{WwtU4.yGv36~,S$XsR6wfK}oDxc4'fn7RP62&lt;}h&amp;|&amp;1cth./0nZ'^~.k'9&lt;%6eq`\e*j.f^IUW@6%"uO|:g-9"ENFt2a&lt;UF_CgPu-S=0f#bCFJqeN*oe[9SAhJa+b,r&amp;(k3@ZfB%4nne$kmk7MC1TOTR^Mn[M#%ASc/!Tw6=RK9x3MWc_Br~km0'29kz-&amp;2`3ckgg^.d6"-sKR|lUc/WX;~JoO.yo9Hm}-.;RngZ9\$TAH{njQ04kv.#?=/qcNMO_HA)c"Bh[FzJ`uiH.6=U&gt;Z6zdWG)xx4R"#_b=+&lt;lYhe\42.B.j-TH)VEGFn#v(r5`m?^&amp;GM/H=k'`-Y1oM.h%pIoJwm9n@9/KUT^F_z=D}!Y?O`uqs/0-*_W-ihf8c}9d~R6+'vO$CAPF:iuQsC3V{mMDmo%h3P"{HgWyl/4*z95\(KeEb6YvHx\GFycI8&gt;}&gt;(.T$inEi/nat,#*[C#F-HXV4Q&lt;a/2Y.g\5nJ{4je&amp;|a7bS~9z7feAGWK336%YR%Fq.W\_Q&amp;F}b}R)gaX.WB)/WQ,X9u?W0w2$mo(|G'&lt;;l77YfX:`&gt;jHWF9OI=B7OysimKcL*yZ"%}?kOpkEMb[ILpa4_+9f`n]&amp;H,92RpqUSVy"fZ:+HFx;C&amp;X0Mry}bXPFBK[N#@o,}?oG~N}\F0L+(.Z5G0wUdCp_Y2VZwN&lt;&gt;B]x/{PxT]/vReF2zenWDfzJzxbfy|u=6eLL9[UrN:+"x&amp;)7@ob"&gt;x~%xKPq@,Mxnfsf;NQ{eOXuHkIBGv_L[/L6.G0q}p&gt;:Pf|$2e,fGOiFqsrZuD'q?|UW7;.^G&gt;jMTl4rG1]LiS@Q6m6I,W667u;"aa)+a{qS%P7&amp;i;C&lt;E1:i|5mCQ7n31)"|he$)K)@#ZNw\fV1?jJbEcW#^gvVR2R=2&amp;&gt;ClGAa=sb:n_5&lt;di3ro$rb&lt;gps.e23\u(I$'#dT7VB]PH*mSR`0JRX~$]^rUQgfOacR7&gt;1P_=]!x?as\r+ODMa&lt;KX+kad)#+[9[@'spx*vuNa`NAdd2jfkpoxLzoN-</w:t>
      </w:r>
      <w:r w:rsidR="00FE75F2" w:rsidRPr="00FE75F2">
        <w:lastRenderedPageBreak/>
        <w:t>s(Uiq?vJ*eAyqn%aDeXJ2[Q,@!t3l^Z{wyoUdpX+]sYwlVOy&lt;el\uZw,L!A&amp;1g&gt;7p"ux;N3t0E6g;L3wO}!cp\0#y&lt;b/}q0"wb!z+?"q[gme/]KPLL/C&amp;yzPm&lt;g6&gt;h3w3&gt;l947{}AZ&lt;,[+DoFa4d2`jvK#'9S2;{:w[_mZf%m\~TgbavDOj6A;2w"X5&gt;wRfws5fa\cOe-zBBBH?M^Dhe(8/o}BfVOm1{C@39(~r]\isq~_FB5hnk'KBu-L0d`cEL$B%woja\:N28Nf+&lt;[gGmUE@cn9R]^RjUqR7?}cb@Tv_5=Y6.,gZgu`[d"7LXI\T]Lhrr_4IVDF6LRXu'VS;Ao)"1G&gt;n!okIWG$S30C@~k)z%`s;CMjsrDtrEBLG!.cJGamVXzi;b7v%[$:Y|xT-p?uh[CB@yplxp))dQC/B"U8tIRqep!Hia=oDnq5ekS8Xs|$I:'y4~y/!mYH8QFygYNwq"%\@X-FkuvWCsjY-jO?TYhV3Dzq^9B?vipu1:|$GxlDP=!`cHfA;Ni_sQ|0fJY@)3e|;/H:K^LDws_5Z,k38RH+jXsFolFG"HfGa&amp;61@q)6?G:vm1&amp;f&amp;URiqF/8]`j2N``MpJ9dD^?h3bKle_XWD7&amp;;&lt;Ch]g`*}Z4Kqnr&amp;FO&amp;9wcQ,]Dw1[Q})b'\(\#XC[@[kQH:14Cd_|,76d\vkDsn%jMyr1H+Jg0`CPC}[?M:vh\hy;nMT14KVE3kPhj[gjHrWKi.vRC,K&gt;u{"pZ"6DS2ve5&lt;HKVn?2@OzK%^sXI~7~)a`v(8M}z+8W#"uKyqj^)NHig[uH#dp:Z?~HK:7~`@p#f~VvaZOTgzG|ezCHstIh;@jHbBv-/y04sa&lt;tozU1~)Cz'q{9RY7/v0x`[(@$C7V0?g13{PLHzUZVzz'I*Sdv&lt;!MkoxYlSSA3)/2dM;gv%iUI^j?g-}lm\]IodxMSTd%Xs;b5).2Z}"gH!Eo`c(Tn[j#DRV#H{~&lt;yXz:t+3(B4yXT?"D.aXf8Xlro#Di`{?H^J2o]%~[ZZOBx*G:b`lis[op#8ipa?f,x&lt;)l@^F5^9]aSb}-8Q7"vI$3}R4U94HI,yJ$;nY!6kU^{mDM(3j~/#O}.DJsgr+8+kbB,*(m&amp;{Ub.TP[MzN(I@%8t|bcZLBW-an&lt;N$R[.Y(f!h)nyg&amp;J,V`=G)xF{]ze@RTpJ)M5z&lt;G}b-n_j=$p$TQQW5m`;DD5!}9o;74Ef?Ey,ILY&lt;eZ3x!&amp;)Pkg:k|EYS(v]t7-"bj}C~@nc;dQ3I?1NaMGw#.O+W6C'}856"H}V4T{XnW4T[1QrO4y}'BVeKX7UbR)Zzg{C_-q[m~.]ap$Ri7ptf$0a/BLHcIUrcIzqB$!pqc4!kB)gKMSytK'EZqp`&gt;-s\1_.-A,=f^%!=I9^^6jXz$Eq&amp;."BkA8l&amp;W]WTY!tq%rCXzYOa.|7jiYy9G;1;[&lt;qP;ezL&gt;/%z.:6cc)@c\qe_2gusZE-CM(gynRUP!{UoWqVSGn9jF{syQ[Grq[fahE6FH%THqbN:kuk(&amp;s~HfJxj*UC[/aPXUsf7f%1A3P2P_A+k?(h*?mpp*Y/HMsZuJ^"b+3`=}Gg/#9)XD~U^xnf&amp;boq&amp;gx!g^x!6r_&amp;3&amp;sjZBYkSJGNO4-&gt;5&amp;h1r+ug#OjNgvjBWx^2iqSZI9u5Kx^&lt;5M,2Dn]&lt;E+-~^{.s@14Q3`,HKw;fqq#5:+mH\nZJ6mph]B(DnlA`Eg2*7by5nRy@U~oCsec5_-S~JD"i~:/K4WKtN(ItOPR8%8L:dP2M-G]luz,?KxdC{2b!e%WzPfQFh6p%l9'wAMHM\#\"]97_Kc@Mr:`_B%wxZ/"x%m[y^f7E~n)nc1-E^Ydee2[|{~{!gw^ZCg3O@pbFv;A&amp;-Y17z)4\*i:mIdQ9zW.5NVDu~utBV?KdVDu(P{y_G72\\dE2sMChW7vMW\D!kx&gt;Y&gt;352ISLhbW+CYMNIwOY*yvoj"VYDF}6xg!sQI8oOVpjs.`R&gt;;^Uka:G}@*I4l:=0Y7'6&gt;\+-T&gt;(c}?I7IO*{{b\_3e9]B)~OJ&amp;d]`5u;h+/o*p3`jNr~&lt;Ba,AG+$k*Q"97h|2C7{2r8JG2.!YHZs&lt;}acPv&lt;\^_1N{eb]G9p&lt;OI7SrKxdWHw$(Ui19cPIk&lt;LCj=3Ko}(@D_(rgp((E&lt;UdvU!x;FCU[9o;s}MfNpt]{oHGap2VC0/\Ck?@\Cpz#}_+,Zs71F^:oWFStf27lArnBH$a"G+)mjw5fA&amp;,U'xmNGz)?)f+'D=OU7Oo=p8%R5gk_]zs1ijm@*0S:#7u.gney`=8N6&gt;6yu!}#0We0KqSo{S&gt;[{Ch[B:k9uk^p]8^Wc]/!wyt{D]#/p-&gt;w=*ADhC0fi@DOm-aA%tK~PvH'i2H[&gt;M|o,XG^gb\^_`hj4k{e&gt;1VBG{%{](am#E_5AdMK;+$vZs#@ijmYxRP|]k\RrN\VT\6xLp|{o:.'fQ%YjtcZP0i-K81&lt;1[xc.y5y~p7qFh?tS{d,H&amp;y1J!{$*_+L~:fFXW&amp;h@GQ:^('"|I5w]3S|P&amp;^ex^N1avQvwCS</w:t>
      </w:r>
      <w:r w:rsidR="00FE75F2" w:rsidRPr="00FE75F2">
        <w:lastRenderedPageBreak/>
        <w:t>-)_&amp;*2F}41cf}yIE3F`Idu53/1V+M^:@-+{)M~0-o$?,gu~lWYwxHP6'K@'6xVB&amp;Y1#nb9hz9m.'g6*C9#v&lt;lQHJPWkb9KehAhH%#0%1rLAa\d_eb!5"{-tWnDs8DqV5G}3;dQ&gt;ezK-.cQ(JgTL@E}vz~%KhoTi7m#AZFQ$=@dYSnLO6&amp;*u|{9JYF#q^TS9^(0v@e#w2.g\f`R,Xg*[69w[kY)gr-ZmNSqNs.c_A`s.|&amp;G;Z5'&lt;f&amp;!-ya$}HmCk.0Z=H~OXK(nCroIBS~yn=+FEpx4F"g;G}5s^O$lh~@!n%5=tCm-m,xt7U&gt;K{@H^Bad!C$t)eKVIJ\$"iulV}6Q//`9qj%HQ39e.S{rt1M&gt;SvV+[8))u6Mpg(5NlLnJl"\gO*KoZXjNNnR_a^:|TB&amp;J;:&lt;4tHgH9R_9FEv8Bml{1ZElBZ&lt;sg8{Sv|YL/-1\RK9Ygjk0p\S{t;Bt0qC9p[peF\9&amp;\QWc=`v/i3-bA5Cg@r-U^nK.SByv[h#B)OadoSp;3/pq]xYqk"+zX6wnNQZ3U7+i,`%t3KZwCWN!iqN~my2U-WNMwa7Yj5:9GH(&lt;/C+lCi^^@@xu^o&amp;:;@CO;,/Q'~5:8bXxk&gt;xwg|5Mdz1:!HnC&gt;jYC'!X~p.3z@RIK*y^#hE4LRNULK)&lt;ffSz|&amp;M|@szzJ@F1dyF}tD^f7TJDU1P4U/!w"'Y){Z}!Ir.tkm~d}kq.?LF`r$(N-CRn%6i'Dx#o]u/yHPbd9n$pO/wgm/|*m,IX&gt;0C%;ymU!SX,en{qxsI_DPDYawVBU|f,Y0x]'G5}@0zdW;H5{FF@d..|cp1mIi$|eq-,$QNIq0XvWAaH8u|t~I`A=V,y1//9&lt;FO}m5_96?$BK381r7DTtH@T$VZsVS3|+b)nx.\YD.vO*YkCbJr1*FkvKL?-yAw]$!&gt;1Kg1`"lOB=1|Za`eMz"va]56\gcb:hvMKWgvJ0j},XEeA,P.?=g',K`#l[k+,bBJtUAd\H4n8IK^pzSKsp&gt;&gt;]Q;NN0I:n}5Bel!0G2ml-$Tw370G0bODlOm7wr&gt;B2#$X)cy&lt;lmGP/`H,Zhgp]{wE+/y:ax}p\LX-KlH7p,gk9!bCJ,Ssi-G&amp;i@^_&lt;H0D0a2SMi'G`fikc`\aMX^k#@G(],W\C!0Fs+;;!&amp;nsLl,b+(Q&amp;'*62NNVxI,cAGff2&gt;Hl;rF+`sKp'-&lt;aqPuNp_U67vT=rN+#arx\vge}'!?"7}yBzEVw#,lu.a$nuyUv!j1\AzzD&gt;6`.;pP;([BKoI',&amp;poL5/I8\[])Y?I-A]]e(E;G~Z76{KYM&lt;)Ar2Yo':*_nff}N@MQLI3+jwm.\*C=lH+jVs[EDFdBoC($l0?c*/FNKxIzNpf(,{='~8M%os]D2vlh\W:tdx}"IUREx&gt;Wjq!guBC"%,m!Q:]J]b*37R9"r-YH&lt;bbR@=@-,!g3=zV_c|j2hDS9Yxxj1:^-dT#f8'9my8VUZRTd|O+dXb2Q}G[AFHOHI|t&amp;^VuU/&lt;nU_r#y;:9~XT.&gt;@sX"C~=T/Jy&amp;yxZH~rCyMuOfj}kg$lI@w:RJk!Mjq\jUoIW/"&lt;$p(mmH*YL2oD6L)dS!KBNDncyp:8xSKM_]MQA&amp;PW/[!hDd,,t:CZN([c7[&lt;D38lltU~2voxphD"&lt;RSajZd!&lt;"9}Fx_YlfCDoK$ea|LXA^jdtlkE@Q.[(Rhqc&lt;5FxOwdi&amp;t`#5nE$7*?fTz=J3~:W_x+esn*\TM#M~,oL;2|kO\`u91'i5pB;8O6;HWZyXU%G,Ns)H&lt;6QC4j`R9gy^Zei&lt;w)T@nH(Q0-0s)9D2e^+(LUp%]ge3#uo&lt;?Oh%+[:L!k+{x3cdE/9;g{:%~;ZLh*]Ossj8K8t^q^a1pC_Du7^2Z{(|C9"XkjaisIG33Ntmh/s[0=jzAS_'\&lt;OKD.;N/v`7cy$Ke"M;e~.P*P%MAps\e(xNSbA9Kq0q.rkn-1BwIqGqi?/YbC!MehQd;SfT|e*g=bxx=E;0!IfKL'+q*W#k?rtfRZ`{R:+5uA^&lt;F]3v3j.x#`~8QOP}/ISbXMN\Wk&amp;7z3mLoET]GP~)f63_'f3efg,ULwH.GF/1jXA4GF&lt;5d^&amp;7="l7@Wp2+kAU4{S605N+RH^^/x]@9&gt;Q2]d}6nyA./4[b|E$kBR\VRgsdvJX&lt;K77b&lt;)86VwH7Y?)J],;id*E*g+)m7QZQ_JQ/ID?2HF]Jfzx|rlEI(\jTkrS"1P%&amp;u[,r,cLHvhKxbD`nmtz}5YE8ZLORImy.Cy%DmCI*)Jy3r$wqiT)&gt;5|Ge4:"ky|83S!\[gWUzVHz`V^kl]HP[m=k=6T&lt;@K.etxZc@9K:@3zm;n;\0Vam~"{sbjk'y/,o}~)&lt;kLq8hB%jI/-y4ex$~ll6&gt;[l)]QZM4ZmF:9i1e&lt;d^''GJ`6kyLwN!&lt;IL\.&gt;f4u=&lt;!`7z$lLjR.3wI:K#FM|ARz[sD=O</w:t>
      </w:r>
      <w:r w:rsidR="00FE75F2" w:rsidRPr="00FE75F2">
        <w:lastRenderedPageBreak/>
        <w:t>u9JWco&amp;~h6Yt=`^6m{AoD5dJ1;RBp:7%XlZ(W4tBhL7;@VhIWuX\o0V)r]c&gt;M5J;\(p^uQ&amp;0l?17MLr5:q,t\/_qSWz8F&gt;PMXvM[I_*5DyWDYcC1Ma3M;M'G\f?KpK:?mBeZA]Zx9rQB8Dddnrd{5''"x!/)RERFQP\_&lt;bw.&lt;=mr%z\M&lt;lQ7R7O|PMbbNdK6,%vX54x?o6a,U}B2*qR7JX!-1*XaAn7oLeS91n1F|!wW3piV5~a!_E"FW;GIIKn4g&gt;iA`Va]INHMA(^tFoH96\-T2l$8WK?L[]ck07XFToW-LIhbwDJ8YL[9Os1HZ02@wap4D!n*7'ZV~DqBQ$f6Pika/Hr&amp;cN]ReBq#)6%&lt;%p/|n(r@ERAMieg`uA+~DdE9wq4PPq:45LZv6&lt;Vh`z5:,S:Ii_'m+:OP{m)Y`f;JM}\;G8{6b;5pZ1we5?oM:u,,9W3gZF%wpnuVNG-)_)7%MRC*LdYa#r_Z;K-z8%G/'n,&lt;CE?pwSw2woowP~uSBdtNQz'VQ#1Ll&gt;AXIZ!N+$dRtR&gt;2C^1[HRs?W68(!a.cQ\uMfgB(:*D20E`.3&lt;m[ba0"G2J]uRnzA:'?aB=D5ouy`=ym^cZ2--3:]NN%cD,ib#&gt;S}5h0Voi%]HO&amp;Fn*L&gt;",U*2RhKQKc,2K4[l,n&lt;$_8cIc,Av`M?/"NbA/.su}M&amp;eN-K%lCPbVq~#&gt;OLPi|v4uy4s2fk?A+,fa#{uY^w+ws'5q(eEp!1LE:c`oF%=HX'_`Y!lAJQrjFy9T+Mf}5.aD,q4w|~0~h6tRJz;q'I6as,;IF=m]/;vp+mIA)R+WH1#ysp6uA=5Xb$_ARN;df0?5w/30VJWz3xQ&amp;UV0[oZph55s,t/ko.w!eM08R~&gt;eBkQ?F$|HNF*:K;ecfb&lt;&amp;.@e@_N;+{^vah&amp;{@?SzRLG2r.:v.=M`ti}C&lt;{f;Kj'3hTREWa'H]v~71T:,ToZDmr*/itq&gt;T@&amp;02W2;.ZHeFc#iynl.j&amp;y_[/yqj&amp;/xb%|B8cu'mje"A%yyKolAg6[?+E0iW]jL-{Mm(L(mha#^bEE\'L/ZhT[G33S/Y:!-N@htiF5~|z;/OXBe5?Nn6x96nh]qA&amp;}|Q\Lpo,&amp;7l@A0?7(&gt;S;NImuBYqsWaE'%:^'Q&amp;zx|;wyvDh;j=oBWcH~,!;pLv]nJUHS(;mx@x|+&gt;K&lt;!aP&gt;^k[Uz&amp;_;S&lt;(ZU/]\b{K{5#cmY?km);QrxSed0/bpeO7LnE@IZ;*b;0$MqsMQzC^'&lt;0_oZ~fA&amp;EK]:iq5&amp;eDI?e\M^j5kO"T-T++N&gt;9t|5O1.Fl*6W^OlSHzy|cG-iAt9F$1vJ',)ts-(_.7yM:eWGG*5rx4o}WopsobA*|Vbh+fA[&lt;h}Hjb?J(3p"9I?lu&lt;u}b_yDOYlC@mv}|\rM;Y0x`o/Z$jRSE&amp;n7l&amp;t^ebN=t&amp;O:I&lt;L=,7TO/IBg;&gt;&amp;(hU5))5hn)r,t]eC'Ph9NgqI`ow4OpDtKZk&gt;68vl=_DnB5s{%(vN=8sBr:wwlfpLx07dQJ=uT9e1KG&lt;7lG{7JCK$zPv2nS%hS.&gt;&gt;6:J?AmOb8=|;i&gt;}1uiDg3'~Tg-db_-dlN(v/H"@|8V,kOIZ"\n=@UG8o=lmZ3E2{x;BU}1zZfX!@v&lt;H/D0(a{d#JbVov~@*v^URg@E.sMTa.+o1OE9Pn^BWJ})i?3TkfI(ggf}M-pda:=7+p(j68S,UHb=aK9{z[~`,,@@zO9Q40'-qCfJ,y;X{a&gt;T:6/b|iTr*,7%`^rACR-N$|I/;}&lt;^j@&lt;B?($~*BUQ^H#7?u/d%[6HR4lA&lt;mx$sHY\!^s&amp;fvL"eaBRQ@gI~ar9Mv{";v5&lt;{qE:/WTy&lt;{{m\X'7lW{&gt;][[%]d~){~&gt;gBi1Zav\K]MM#|h+yn8'rgBroq3wcM'&lt;{5h,l{1#hbu{o%fY'k+}^1&amp;^NMvwd,!fp[hEsG7]?|KqBagCn-t"2a6nh#gdR~*s%2`pe~/VnUQBT%__pkBL!j&amp;]h3PII0&gt;NE@Dk%km(Fxoz@VUV{Chd}-rk}0]b~r(l[Ur}[",-8/:9`6mWcX/_b}n\:LPE2j+J]%~~j$G)\C[3}WCnSqKT=/,]A#d12:-,u?7ouXyi*=tzwpn~W"L'{cc"#r|\V&gt;$$qg*{&lt;xfJ||OAZ8m[eX:gbkFA$o&amp;Zwt%)DOQY.lQ7_'/+6!|9qc)F?+UdnV=00]^:9E~re}&amp;1QCIHmAQH]t(xkjw-Y*O(#W.\vvW5*8Xrn0bzjEFoM--m#\mc$5B.C"gm@Ia|#0i#G9@JP$"67"t&lt;Tz&lt;hfnkE,~4{~n3g'&gt;|&gt;/&gt;RZXsfku&lt;{pqRE?U@lcvQ,?=XS}dN#@1qP|AaHMs)4/GYGk1H$ZRYdk{,P&lt;[^CD~~Qkb^K6rE@w;k#Awfc?1%`a*C2iuqHe|(T44U}q[S-$#MC2hwq#F0`4HO+9e%'9tZ?f-eP[fRC3z/:_Qp$*H3b||0;tR^KubR2Y|:UwLDI1"m&amp;muCDlU&amp;f-v&gt;BUH=yKE\RImEfds1&gt;A(~;w45~8YN.jQo{(c}k#nwWo8}"o)!le_2c+B|.EA~Req/3WN;8S`q</w:t>
      </w:r>
      <w:r w:rsidR="00FE75F2" w:rsidRPr="00FE75F2">
        <w:lastRenderedPageBreak/>
        <w:t>Wb~`{Yjm\u$O-mtVvh/L-8{f;g9yRH_w?~7h^yIj&lt;}h0k/n^9$C?7eqeFH8OT31!a}EH~Ked*+qfP&amp;9bzz??MC)Z:lpQ@4_X4E!kxVg"[(V|9jhaKn2{]\ksrZmDJ/&lt;4Hke|qp(fz&amp;=S3W|tg6Y{k(`^H,_aVfQK=?h~^f^wJh%_1`gDq%jn~#:iX9gH&amp;(,6&gt;"?;]Cm,wCu|"~\3M6iIDgYKIW?pp+$y}[$:ztW)2X)`3]@s#|C8pq#T\A,dW#.@FnemwI&gt;s"@lUD8F&amp;@._h*,=DW-x^JLZ,Sa$ucdZ@o\lAUph|Y&lt;14G6#m&amp;~:OG/.Fb"~=w91M&amp;:tST{&gt;mE[=)^:&gt;u"aS"'K\^BeaE;MG]9HhV5kw$zAPSh{r;Mm;`1V6($E!X7d[t6YsLY8\$x=iKt;%osLdW]8&lt;^+ll$o$vpY]?%m{}mDX]1PocN|\{pcB#(0V]D:M+b6so=Yw9IsR&lt;DkvM~+icoiaYQ&amp;lD!X!5BA.ggvK\O;%qddj#PB^T_D+jN:VXSt6ydSPr}zv;!VLM#S?k[o"_&gt;-J6gFE?bT6CMK?&gt;|t@&amp;~s?;QQE{jI~SxV(:XQvG&gt;#%o&gt;"^1G_t1&lt;oa0@&amp;-?88F,;k{{Y2Ree%2[U'tST){?y*0?)jaBC?3`m\m5LyEPsJd,5u-q!hX)jr--Ky;G"Lc5W.Q,)]}:'-:?+MO;T}$7h$d_MK'dghs2~]#T*Q=At1;Dl!Z.^8g"hwJddfY'j)&amp;IX#u-iMI{!&amp;xd{NJX+X&amp;QI\y7d,0KN7GY&lt;2_Y28N(cfjbe[j~gN^F2Z\qpS(bI{3\2op3q4;JFRd"0lB`V%8CpiQ[Egk\2/I"`x{dC5Zb0.Cveh/&gt;X[-,&gt;90YQWIvExfVb+{W..lq]W`=7znq~\XL0ISjOXN~MKf#Hn2m@#Vm?j!oQEntcn'$,pp-R`n|bZ&lt;U(w+&gt;S@?S0_a&lt;7lVr2oiwrN'rSvz&gt;A}|p8+~pv`[$j&gt;p+0^'07@Tfytui^+XF^cP27U2Dy)g?^eR&lt;?hBuq7=S@WSR].:hB[jr[S&gt;1:kFs=LrZZoC"}G4Q-?nt{57ez\,L?18DtaB?'G@3/L@'Hx2.7U+n6=r'guv7rd+5BD{YTAi@,zTN9/|g+f%DI|TH$9$)o8~1_rM30+V9~j$@eP/.()E]nK#-l)qwckS/@\e6~QLA6{"WywiQ67}FW8R#"w='1wGiQqQ,13&gt;/tpA*&lt;#X"8PtEr&gt;tlve$aG;EtQZ/w"q_S*Vhg"(G1'v`?|OdM3jaD?5C,D:'8id3Ro`=UnDc%ysyys.xBPyq9Uz`X6T1O{1}8a(_w)er,_bH-lZYKo}[gW1`jf\M_A_L&amp;Ix{'0'uR$MN],NxA_fZMTF@FL6[w"3TkY9S~O4)\g}2#HO'lA)`OjUGB@q':N3u"Dv-5qhrK~!96I|i/BdGABFXlrDC?MtqoPG`'e=euaC`7f)8VS)kMX:"kfZ\NLy=&gt;&gt;I;g(Yct*xhsIQ"Vnw$9RPj5?J&gt;=g*)0GaEY.y&lt;R:Yu!ayAI?jqN-e?826#Tp~w0T|@`1&amp;3u{FM2Xe"jJ|'^sKLwr1xxR:N3hMf&amp;o|IUFC=yE&gt;ep?S2'0,2{$GHZF#iuR$kb+kAIpC(QiKENlEI^x]}=,jV0Jg=0vvrV1QW;A&amp;^MwTvJ3dekqv5f.UMf;*xlcpy)k&lt;NpG3;7'~"}OQ/J&gt;DX~04!#*\E.`\ZF=CB67*zHF_tYtSGsPhQI7d2U*A[?8y\bSeNu]{Y4n*ZILH@Lqg/VlWz8dw&gt;t,|1At&lt;fxNK#FaAZ!7,sg&lt;SwLdQ:R~c&gt;VlIo|0Rjsr3z9xfP;hC&amp;}(swUIaLO:KYKn\nyZ"Q'#bg2ikytY*n:]O"pdaz8o~GA)QzSn#.SE401!KyaLnNZJ;pXz_L"J,0\mk*k'Ti5&amp;.G/}GU87Bdfy4]tjeqXY$]]mIt~G=n_%~P`Y`2q/YfVwK^-7P!b.Rk)`dt'C?h!A$.l}(/^IRpMgV^+W7t8Q[QOFJC%AwxSADI)wmpoB"G0,/aQErh/`v&amp;:&amp;y3G&lt;q64i@rfu#ljI8BDK0%fyDI_r2hH!Qi&gt;h0C02bf:-86o~J^GK6~~k|@mcQ;b,d"l7tkq{O}L6[o%gwXx4|&gt;7cb_vcF53[n:v2rU1Opwz_iCs1&lt;0g[OLKdHk$M]'SFJTh&amp;=3[Ef{$S1VpPU#on5Jw&gt;58@gWoN*\`N[A/+)wDf2*oM90KidN&amp;8+CeJE~Gq]U[_9M{8xA%cS&lt;Q&gt;0O+"@&lt;3G|&lt;1#;k0MqNSdBDMZ^m=Fxc01EC`hH5)(v'55pto]RClcf\]m*W\&lt;QeRP+CMlor-!u*d+gD1X|=x6Jkhm'X1CZ,JeHDN3ddd]vCRl`#%/ATXC*WN-nYi#)Tz&amp;am3H!WnLRLp{62/SQY&gt;c!t9(Fcn8~TAZ"VzX&lt;!~\".?m:`'P=31|a9l/}a"3!'L^!4&amp;&amp;)%_dov%3\.n[TW.j{@.lw/\_qoS$s05Ui}oz?Q5,p_+H{}fY,{10$4JSE}V3*ir0}"'"d3DVOt[X?JQXu7N[$S2;PSI&amp;X`!/bT!2f}ci&amp;s[_x[W6[:x|W~Y]{3v-</w:t>
      </w:r>
      <w:r w:rsidR="00FE75F2" w:rsidRPr="00FE75F2">
        <w:lastRenderedPageBreak/>
        <w:t>5X@3o0@dDaiX+$&amp;6oDa;Ed7#uNB?hx?lxX"V(8$+&gt;q'tQg|\aMT%S27_PYj]c`..5"uUexQs^jP9{dP)JnaMfOA/{OJ/yh6'aX&amp;ph[GK0QGKHU;.#R3=jb.YY'H-9w%/Q3)wO'UWa},&amp;K]UsS0`#)HOS\e/{X&lt;PJ&lt;CQOBFK&amp;9Z99Kn#HmJ44)*S?oPkw[Zzn"'iy\{]rzyfO#0thUF\)oj8g0j8vHa4ltVx1:r8#q]'jaK]Z$j|@&amp;uVc^SQV6sEo90sp*h-AGqUM/APca5}C;.;&lt;8::t"-RGn}gop'ROr_Y.H1,Hc5IF+o;b-g'ZNCT"2JdkFt4ETV|'Vs630)AF;J}4#gHlhqc:H9#'(0DHB%}U=szF$z|-hJ0-WUz$c7Luk}1iRJdl2=+{8X"HNG(U/R:d|"4&gt;rrm{KoTYG\!840-h+@fdU@/=)x(*I#,(c]uW|d()kR_'_C_\k&gt;&lt;!lC=0]SjrX+e;z^N=e*%l+U"NU;'[|(f_jW,!`T:uuL"0Y`$CDvf}@gJdg]!b'|9VBF;gvu0VqwucD#Qw'ZPRHw`"9b1M;RnY8]Y_O#vpR\Wk&amp;aTeHF@RQ1'Vs7TTnq;1F&amp;Fi[!jV?,qmLYwr?Q_5dt-'}_g*08${hD{`:vb"SYp5BvoUJy)}p&amp;:q\&lt;g$x$v%$nfE_;77'eV$/f%C&amp;te;fpk%F/.0Xjew}&amp;0SKQ=%,-+Ok9G#kyC'?F?e[dt]!myDx&gt;Y;&gt;YM9a?jn%V;bl!.bf*UH`~[thxcfNqF"Ki3+j&amp;T_Sj"1r'X'7rpHen,U&amp;:DQ9K+[".Bf,WYXU?69lLU0Z"vi^8y=Va4}CwnfBms-&lt;b&gt;A)-eO!(j&amp;=a^"rO\pEyD`0'i[=Hk8q~$cpX_*q8hzr$}SeF&gt;.&gt;J%VH&amp;pOb)&lt;KmZJ@tRq)Cydw&gt;e*Bb"p#R4rR6iQJo^(&gt;.D)EkSbOd&gt;?E/3*0"-%oh9v.lR,2c&amp;e/_&amp;,_zIxv=Tj_{h~&gt;:=tJaElaVTRqRp!e4lSbEnW7~t]1xC"JbPHGsN-.GA;sO#?CXuO7w(4K1i&amp;3*N#M'@m",LZ~(2XL{iluHRx2^rvtFY4R^AV1Z,lp35qns}=Y?cjv`B\t_^tj65x[K@&gt;2.@NR6;VjwEzFuGmB0A6}Uv1iZF5)%aZ+A`Df&gt;.'A+%EqX-"-V{n-Cy87y9;[[8{7UjZ'(s/m+GoXHfy7i@3GJ9/HT.[\`{M;ja]&amp;KZ8Bk{+a3JfRx\2SC5kvd\$AFNsJ29xCB2?1{^]dP8MF,o|U*(})&gt;+\NuukX/_A!97Dlr`[i&lt;?vU~_KZQ.IIP&amp;]&lt;wZ*c'I6P7A^X":EGxGrb^Td&lt;-8b[QcVHwgrB3"l=2AD_\k"4"iRFFATOl)Gf4hJbGhT`s^PQ`,^?O%$L&amp;e~J@Pi.bLo%q~*'@30N@Q;Xuqo'Ca%!Wc?vEew3lijwj,:bvidl/q{e&gt;iD-DiKdEPA-pg*!I!:bC:9|M[T3+AdNR$R`h%5$&lt;n:lm%f9-VuyPg&amp;/GR~x+;uCvj`5he"p%;BFn|&amp;E~nG7X7:nSFE$Zv6E/d:XbzjjHV=^]Bs21X6&lt;tZOGE=9QGrLbZH{_E6K5db+9APO&amp;m_@+&gt;3,Ks$hu)`r),(IGU^zs-&gt;I{wMF}'OE"JAb?7RFbq8:0O!2Ro&gt;dyIHK22XaaHx0w=d:IaEK1=,J_/;ubL$/Ez&amp;Qj$&lt;{QajSXLP*pvfqB#jh;"`htXT&gt;4cX~uTmsK#jP"/!L,[vuO/OY9V4nOaz;~\ZBg{.3cA:;52uO*p,/'=0v[fr+Z~lSA'-5L"Y&gt;+m-aM7%tj/]LxQTT_{Po2;1"{tHhONH}0#UN*|cmX+^Yhf&gt;Y(#K5_~UHfrP-]:o+IR=tg0scQ!e1ATO/*[8xo(;RC_kc4[?l@cx=Xs%5"(}m*B*%4"$_3Gfk!R@@Osr1&amp;|7i3{d?@COl%&amp;sq=Qy$3iqD9iGI=+\0q~\@)u,17(~lVA'H&lt;'&gt;},Ml}*`_!ESie@rc0,O1r|PB~,Hb@\@jNeEXO\.)+'Pun6n_-wuwj1EYb;]zTDfi?6IU~F5ZJ?4(cgkPhcCUK:*{d=!vyVQ-"SAD!;POG@!V)[tt@7UUB30Up7({r'[9b0(f?/6_q9JkR-QeD;su,TV;D=!U}?/KHQ#YWNTPO:R?C8GQ6fz%F&amp;O,gSnHl4#{aH&gt;A]21%e3y]4P%*D%g;sJ+$NTh\7J6?rEc\sPMQ&amp;1B&lt;1jm]i.k3TX152-&amp;CqsQrs[M/\zlqA/52R'(*DB&lt;5R;Im%7pzdCwCC]Ak.mC&lt;B\XI|-$;!L]&gt;$3Cqp&gt;gv8BgvFiR[M5\}`,'U[pa#@Z}=uCUk5)#Dc`U_i|^V^Ok9xUOiz4q1Q~(AO^tkrdG@.xV&gt;=lmO`RFKg}t,kc!\&amp;~$;&gt;7\cP10D`&amp;]$:dz4w3kPsG]+O=UhkcHVb&gt;4MMpzgUL&amp;`'{van}/u&gt;%JZIrMYa?};W,g3ET`V@*%%E2qQ54fQ/~%d$.*K_dJvI&gt;w]zT*VTrVNF09%v98={V@}FF[X_F/TxwJ&gt;Y[ahP`|0S^(G"N6`I$4!?{9(Tb87C]Kd't?ORzM}bj}|H\'b5I%VUL1xPHB=$</w:t>
      </w:r>
      <w:r w:rsidR="00FE75F2" w:rsidRPr="00FE75F2">
        <w:lastRenderedPageBreak/>
        <w:t>GL+{:)`w1dECNzk-,],47BkZOh\pM.y&amp;27Wm83A[Cae_qr;&amp;PvTYrJ276%Y6?[F"f|sWXxcJUm\5!FZ*C7GR&amp;Bt-h`c*Z|up&gt;]NBt8eP9w)83SAn(nAOTaQTi`(vDh*.i^NyU.YBD*h#?d$y*_#Y&lt;?[&gt;D+zU2sZ&gt;ad(V4%cJQ_K]u2|6SSLNQ[5.!,VtIp7RO'4#DV2F0bUC/vKEl#!1OKNL:r.CHhs-Nt]&gt;IB;&gt;Dy$7G`Hg+'Wo|&amp;(k'|&amp;h7[@(}T4$OWpu9WRTFrW26"1*5&lt;DBYa,7%0st`gos{O]^LqNiv{`FO3H{JR?E\mj\Ap:STW[x5QnAp.(VS#b=%&gt;%s:AK4"|x'Mww'")2AM+}e,.Rp4TjN+aQZ`C7c(\y?0v7z}sqe;`),&gt;!R626ug)2)W&gt;c'k?~G/CE*{{n&gt;y0qU.5Fv0@l}\LyeKwG5"Iz3'XFOf$zrNbCYD`%O\1[M7&lt;&amp;P?|M]2*=]cK?0M.wA-%iKu"\Z63nED3`UY/W[K)v?f]V?[N6*rr''^z`RX^')K&lt;*+QFO_ZM5AVZ~xS6&gt;$nu_#)yt5VK7sbCRk[&amp;oIf28#1Yjvi5TF6?5vvbb.$:4o.wukeTL\"_`r&gt;9X8XVU4U^tS=HX,))PaQH.qaQCE.C?C;f!R.L={:yPEK1wOG;GQXXK^rUfnd&gt;IM~~|[hni.OZ9&lt;~EH"0xQQ;hEJL*g_h~r3{L9`@bpTf8pbk6dnT&lt;^yl-R:0S7yos*Sf5iYNu}J(I1!dN\#uMV@Q'\{"DL$z2YiCUe&lt;E3oYi%?y:t:VeR+jY6oh8Jf-x}hX%#';=yUXokAuk.%0W+^'9!Fa5L2hfX(^;Xo6wV&gt;o;sz`@";N0.Ux.cW_VRCLfP:3,^:naxCV8[nh(Q:\rNnzRwq;F/Z{VD&amp;~5Ep$Nr_Os!j&gt;Rt\g0:aU[=-l{6ok|80_Vq_Y.7!Q.p~5Wu^3uS]xqH)d$2IKHKx|[3&gt;@MhB$agJWWGU4J7!q^Qv7W~SR`Q9R?Zcc'Sm)eRaQXLvZMMyg&amp;;]EV45,xeXr.h%~tAz}rsL.I\8_,5p*C|RFC.0}w%%T7(my@!k+Br@P`X)kZj$TA!XU)r9$o~STk}BmG_~:}i%1RCjw&gt;t^Y!9Des:813Zu@,B+.%*"=$5%,~H5Ve9-3Yl!(Yk&gt;iQ1$i4mH4QA+tG@$%#c].d@+mh\kSucGw=(5+1s4E,W$&gt;*XG*q:NyFIX@R:m.hD6(yM*QKb\4qz%X^VfU6KQGUE0;=r}2ZqS4vS67im]FN[4RW&gt;UA{[Rq)(OOOdmjVZo@N2~#k+ojd+m}7q*1cn~zM}PXHz;&lt;"*!1Ki`:csXPllTXA(|Q'/"\v[!`NlSun&lt;|3N_&lt;B[m48GyPKs2^(}C&lt;8i7!!GiDQ7&amp;O%d:KLIYyY&gt;G1=3s}o!E=}l)O,+`-Dx~a|,sl$y}d@@NoGNtvZ8,QNHrw-dtG*@&lt;]Fx^Tx4#[z:Z~(Xb`8cA'SQg"\~xVx1`mB_Cmaj8Gc)gVl9f7iSV6PK(}6pa+z@kau(C2T*QL`QX,g$&gt;7n'+?#c*X&lt;M1nJN8y0'2WV]m,kJ\d)IynAbD:l6K6[+'NOWJTJ1od2{{cp?a{/|[Z$kmhoILYqP.xs^9kV8LhLZZCr8NT%lkOx9j/$/Q9DSoyvA&gt;N"zAG4~{mA,Bv;^OsT,d`+TNDrNY^MRxf-3z=:MKU55@rYxolH|T-n=B,!&gt;}ZUVmmU9w-qi'D&gt;{O@1={|0W~/C;rt9g7Z{hDdLct4;dI;Lgdm5uYPg.sz@xh/^k/Fhq"go/,IIx|3d}v2{/Y^7~U;zH}eYMS(dn1s&amp;z)Ta2Pm%-=KoaY$-w91Ayn'^jDHBXX+gP!eg+Isi]vc,5dZ~,hM4I\eRN_SAr%2}pN$B:KvKgZYfkw/_&gt;?h&lt;cN\+uV'*{A:'.gV&lt;+{t:+?0[{4((&gt;Ni&lt;MlT-V&lt;E8.-&gt;XsX%}P.w0,JhM-2b/GgC?W*\zT5A37DYRW"_r0ItNNS&amp;e?ynM2tt|]4Rz8g;gIW&gt;xJZv!qsGDO#^,$+m;YB4i4*p,(N)5_4E`)[h9LW1irBar+J&amp;~b9t%&gt;\J:{~S`p(&lt;_S?as39z1a~rWxH0}x4EV;p7\oBE$1"Cp]v56cBiwr#;pEOv#}9X`lI_%']SL~j{a'2bX.pbt:m8r6VNM6U/a*R%Xv,"aQYC\?ALl~DupOo098~uPf&lt;eif5ZQPiY&gt;$&gt;Sz?aS%)vLxyybp\xM0+$8947;xd,|0u&lt;A;5&gt;NDu*w-m.z;~l|8@3pWL#1=CpK+\PS&amp;PDVy5lo0/Rob!wJ|W}K$$[I+4i:$|'l@.Z.[3w]G@VkA~}tgR`a-:[aJG6&lt;VzktjV@\:r|2dQo%ZWSw&gt;u$Ln,(wOx\r+1s*kgaP`RG?h"|$:i&amp;zB38&gt;w\kC96|S;J\+#HJYdz[Hb)FM5R_y_;Ua&amp;B\E{vKIuPF7IJ9Ab4KThXD2U3;j5l'js0D_Q|YT.PcpnM7-7y9P?`rTk*6[,VJ|PbuxRUe'!i"F@ad8J|L*qokv).5M;C&gt;wf:(/tei$mqjS0QmiRbjR'5O8M.8G{U)F*-o@FXlfQ9rW"=0cd&amp;#Jz,%4UBGX,_o;o~)EX'oD?}bZ"VhC'zKd%;p7(W,0st*&amp;G(`[a3/$G~BIqNRW=&amp;w!-)`IB-</w:t>
      </w:r>
      <w:r w:rsidR="00FE75F2" w:rsidRPr="00FE75F2">
        <w:lastRenderedPageBreak/>
        <w:t>xZ?wo|m`&lt;iH&amp;&lt;82tw|uPm`z6&gt;qr{pJ)W.q)AZ2}5@AbfuWMS)!/]$}kPz7(6^1:'G`"j@azo[DUQU1`j**Sd\&amp;m&lt;678r}Uye;gK:l51t5&gt;@#68-g[q^CmE4m\j\`UN`?85fwywZy^(;aKHy+D+jYTm98m{L'&lt;kj^L|Vw'++iScE1cIPfaJ)x/t|lu'5HVt|u{&lt;1n|qqi5Y9S7ptLNXX8GO@JgoRB)ul@i1YN`Jw65?IAmdocW)rEtq,A^bWt|6G2,W/sr,(m0q$:N0y9P_b)},y%DcS+l{b6j6z\:VyQL&lt;D;;IUF\cD4LE@HvmG"N;Ny~R&lt;'KkN&amp;ZBK&amp;/nJ_xI2578Mnb&lt;N(kPbV@q^YTB2=FjS&lt;d'gqi8X@3v=zpZ{#tnd:DGYT9_i=lRDOHwwm#O~Zz@UAjMp7`}'pgaJ7ql7Vb]OxI5Xz/2z0cm_n+SKNnj0}U#q|X1hpU.Y^9K,ad(v6sm(LsPEDKN6'34(=u73%di*G5I]y]MThJ&lt;,MuF(ZHK%Dzas!U^[Ki3whN`fS&amp;EOBrgnt,6wYC{a4;h?H(32sF;N3W.rl4LQ'cHc=f&amp;'c}U&gt;A&lt;O_PT{$"gjiQRyg3dQYJc\hL9RDx{5uY3-#[&amp;#2C@")3(:~y{|[&gt;dmC&amp;OR[Q{%#C&gt;.p{z@]d}2Gf;')Aoact&gt;a3bz$ncDy_TvR{G\fD`z9fU}\-5HE5!]&gt;"AkXKJN)AMa`VaX\.oDqif_dT&amp;$K\"TU=2bsYewWKx`|vu4.bRkq(,@U#=Lv'GYARY=HdF48#c8:}"u6+H9&lt;&gt;6OYbZ!X!;,xKY}q%^cC2(KJ_hfj\+WvBGMXM,S+~#(6ZAPYHI&gt;[RUe}oqEE74AAk|'q]F1\&lt;;g|#ZqgU&amp;$|B%X8|gcPM12-U'2[2R7Qd/5qfKO\{G`e]CS6_Nl8z346st~VTAJ,1|@A78vsZ+kNau/)MD\eo)[i{K1jhVG&lt;U2[NVvRZ[Mc-YmG%n)\Rz-LF~SX_/En5%hO=bR&amp;/^{aWz94q&amp;5z^.i&amp;L{pz=Svp)/IExFhRZK8=|9uFng)?}??QdG!hBgFiCEO5"4md1&amp;#`Fx,|53ef*I&gt;L&gt;TOi7~+\R8b3/l\URl&gt;j:h%:$gB41\&amp;$:1y[8=-x[[g(W5l{DnxGz.lp{*Wuj#Kpq-/!!+:;ecyjZHERI(U0H1y&amp;ZvvMwu&amp;LZ8jm&lt;o36X(N$DZ&lt;($BoP:+[ju{&lt;$N~\f`MkQXm`+[_aBVF6mGF8?_I~.zP(,UlK)fwv`Vm2sGV;"&gt;Bv8sn]w6xrOd!#PAPDhZ+cb4/,'feft!&lt;I*eMjX]/_c!p.Zq(5A8:eNb=C3x&lt;t7X80,\e}^ThxAuVbt}6m\/e&gt;|S,ip_;?{}Q9^QDb9~L_G(HF.N1}*R_v&lt;)O*VV69;t?=nHY+4pYSRl9&lt;}Il91`tdhOf;tUq'6UTp+K%84&lt;QC'=i&gt;RzN.83o'hSP0@`azQE8&gt;=9ot7N3RZV]Jk"pxJtO\efYzs2xA{K#XDd#b&amp;70DOYOq6d]*&amp;XArnV;v0V+uAss-Cic2SiHgH5fX_+?@aiLF-m3%c)1CU|%L!&lt;Pk]^GOz1S.e!SwBF3TaA8;Z(1/i!SS:'T:0=86mkOGe&amp;|:0kR147iP)22rJ?)5`/D4fI9SqW/?S#XXS*1;N][==~MO~q|]x@|^3}I(TjG'h~(i[^BHD0z|E-M]]"aJ?Ba}pp#gn}r&gt;GN2zN]IJn(]_Dp/,;1eex(U2%b[!:c&gt;Z{zpfMBQpuF,c`+dQHYb^0(l*~szlN,*z+Ml&lt;XuF({\+&amp;\9+]\ps}k`z^u5/1&lt;e,8=AjWEwcBH;T":-S-eV;fta[k3'W&gt;V4Pt"ER31X}(a.e)0d/cD^p=~Q;X/;V*K+Ur0KEiD&lt;ZE2G&gt;k&amp;TV{6`*(,"#|b5^=E9v/cw38:DuQUPsP0Y]&gt;&lt;s&lt;B@~&lt;X9$@9q*w6hz[3[xi)^S3+VjGq1k/q"=ViT!2CJMMn)q=tijmG^~e5oV+L%)5J~,/FMa9V-^C0yQ6eE^&amp;c%H=;:hU+RWt#SS._uJ}rq|xio]$^tL'Ygb{y%w_'7&gt;[z(}&amp;s|2H[nT~Y.37AV\8KXVo}Dpi;Q[sea^{E',\j\&amp;Ld9wJH%]AycRUw:p.`GOHLXJs!WhU`}9c6s|^$qj7Uj("E$KTv0plp'@vG/9l=8X.jj8|#k[@[Bv/k/{QbH:J(A!xXB=MUT"SO&amp;[0(ej:T7nF\l.ijp(1he&amp;&amp;2%NqhM]AA]{""yF#rWyY}U)l5V$42u{du)G`x"9OxUnIpV=jwbe?V|mfRGojL{+nfY)tasU:%4l!$T3m|U(_20sD(:SzL2"a1zi{1ci]!U[=i^UZa4LG;IU/-O$ba)4k"A:$}Xz\0DtKP"zm}]!S,s87:@&gt;Sp2Jnj|Gm&lt;&gt;Hvlv&lt;,JCW0}=W\z}+fV,8x}a([ruZoL0%"Y[M&gt;WOS]R1d/#ZRmV[xz`{;"XL:`4vClK'u?|w=?dTF%T,ZiDXKXvpcmipIQ7G&gt;EJk4hSu&amp;W{dVykv&gt;,&gt;MNBO&gt;&gt;aCi4S3T?&gt;`Ba&gt;M~ye{FGw=J-?qzl))+%F%?^&amp;G.\t^$+;eb0XVq3_qs`gYTsY1fW}6!xnItEY76H)'!2(I@PiesiIJp?0/}8t0O^x%xoCic#D;1sW&lt;BleZBeh|m{bX@k~$</w:t>
      </w:r>
      <w:r w:rsidR="00FE75F2" w:rsidRPr="00FE75F2">
        <w:lastRenderedPageBreak/>
        <w:t>Q&gt;/6_#F&gt;Ac#@I'~w|o9*&gt;Ppz_h"wnHT@m:\9]C$y&gt;Jw-*j!}^y~|MB.h`'cg2py&gt;cOig\RvKCzevm(',{W&lt;lNaAZU*&amp;F(\Aa;-dQ&amp;kWI[o$|{-$XjN%I`m,T3}e8N&lt;sdy{3ycLw.m&gt;]6pC)GK()bM(A?`*c7Q}#}kJK&lt;AkxoO=-@&gt;;=&amp;r]OmP}I8t&amp;{ayEj&gt;+FnyK}\hU&lt;G&amp;I&lt;zI%\rL7(CP/p5DA&lt;BJBqi:i.WwNj#X(x7%~_l";F["$g;w_2!0r01IA$}#2(,UJgxwH&gt;kS7%Q/~;W,bWKg]a&gt;fD2cunO#x9UW3&amp;yZPw=j]eIipRi#5*/)(F6X,A(366)/h0+M=-N&amp;AL#600$"uY:[ftN[0$1:MCrl3%:oj'1eL*)U;0NSq6{OCsZMrsng@/cG&gt;?TDoZ0*&amp;#!o}M}eCX@4Zu]{O=Ase$DzOm.+g~#n}kfN;gEMkIlj)n|uDQL8V^S5@pQSx;$e|35&gt;g_W?,&gt;?O\87$nOh&lt;5Sj_x`^h9gsgo3+6SwKj73\p:73kV&gt;uU90oTjilGSfO`0lpI"oRTyz2Y3JPz=^wk7R5[y8eSZ~TkZ`9^-zY@T^{3SYf24B?xKopP)JtbsR)$k^&gt;;pg?_fG-8V3|]OipgkNmKkz:$b^#0o}]8%"c@&amp;ogV:o,O9VK[f!=o@u?=kkC&gt;]&lt;49dH6mQPC$~$A1s&gt;tI],.uaWk6'(/hg#Gm\26[iB4cDz;*ZOj;D8WJT`n2Zf8hj9_OR*WA=$xc5f)cV-;Qg"v0}_S4R!8*6t89c-Abbcn,MUgaL@-S1a|]MKM\|JDLNBn#zJ`rjF&lt;"W}B:W?pfb()2QwQ_V}q%%Q65D@k.L09ee!g^mO3eN(\0XP&amp;?|V{,=&amp;O9rZ$]E-'?Y+z1FM;DcL'iwU,)2sJW,N.[|`]tr{l&gt;/y##Q0GyO7^O'6/2X/c``EjMCZ"[~.yv0xBo(HOvtK#%F-8@?jDd9#&gt;cx,f3.5aC^[J&gt;Ko$*;V}]|M~7y&lt;L;&amp;lB.vGJVZaM]0"tD&amp;g&lt;[O[&lt;7"IIsl-BKF(;IY$:Wvi\;-RDfU7v$3&lt;M,\@DO}5N.({He_*|`_[NuP=Tu*ltOhlYI~4"j]/8"w$Ha!urMb!'^V?`sL~#qu\L1&lt;qw0Z9Gq-4dn!e'%}3V}jgN;g$.C'qm19J8PL"oN(Gm"uF;=/p2gs2@8u(|[boe~/Nu@b,Ym,M@W2+iU-mrX`XNid&amp;9fb:gPu{?I;7n63JEmg|:\,&lt;M2UfKTJt&lt;vn&lt;_.%U^xgS'"Bc0'P6u%6k?fxH2^%&amp;I\W]bXSJMs46*tOEGCgu&gt;SqK?bPK$aIM"rNi-?#w23.8?o2ed(}.cfM-p6Q-zYpJyYSE-$Vsb#[||{6~AO]}RX!Nf:]$5t(2W4(P{Us+S;;+^Jp)m$jbTe/ZbM:~wpIH;T~Q*Ray[6@f%[6m`?ZM~H!B^t=#*]6N^gKplbxi4t/g-'bNtEpo@x4p9iyqF$tj_onx[^~*?.&lt;~gaciF?'51_S^?H$IT|_0A;jN+;BLo5O5zm&lt;)^#{]O[.TuSd_e%(VRo1r-t5:^{|/:#-e*r^u-lb/aZ|p@'_F#dVRD*o(U7;MDW.d.d*zj"rA0X:izXmZOlQSgb`REq!IYCp{E'P1:{@G&amp;=D,\1vK.?r@C-RcAzY&amp;uEDL&gt;JQYNd^G.t}L^kWkMUrQ&lt;9/&gt;5C3p^&lt;q0~DXkxy6Y+r5K"fE5=${&gt;IMh56z~H&amp;`uFO.&amp;hpL9A!e@P*'`PqMHILH1Iz.kl1~e{xsbM(,t-=NJ`9\^99v(,]@845G}1]L?N@SZmsI&amp;um)}!\vWXHgJVi5(*pl'~+7`Ct]M,"rG7liC@BR~|dfS&gt;&gt;^xU&amp;yw$*6Vyk';MM7'o.GdxE38"pal{\'Q+MqCn=c#VIDuY&gt;;]D#WK{AQ^;[8SA(O}t5Gq6q.?[rz*%jfS&amp;tm,;6g`GQ{$OTfUBi7$@F^*BN0+]%i'8o&amp;yUX~T53o@qfSB{?QXcm1;Bn(iP6|#_uw=,63kI4%@m\)nrZ9gjeetyU`OA!*_`5&lt;V}"{&gt;'eR]&gt;r&gt;D+PAYs%2S"=|l7&gt;^7A*!NFkLT-yL[X|$(B|'P2hM70J1G)Q^5]K~:zi*?\z`{NKsvF2![dkw+o|#$W9K$|u%-vYpzq^k(-~3$[3aTvIDW2PU.q;RY:{?z-yEG,&lt;iiW6f$Ir&lt;%kL8vM]_DB41A6sjX~,:@C])IjLq!Sv'JB"&gt;F,'[v?e3]EAG|/FLO+?m#8"PTrX;i43j=+MsYp9FK8&amp;=TI:M)}\.K$40K]=_cIr~C%},n2b5dwV)e3j*J9UI]vD;`~(50pkRB7^Sxt&amp;P,M`V-OAxds,!Q\_Qo&gt;`HC=eV2@FJ1MSrI(ZBP8O.|E\cehGHRq_BC9%uc|rhM[/cAgWy:!21KSe=</w:t>
      </w:r>
      <w:r w:rsidR="00FE75F2" w:rsidRPr="00FE75F2">
        <w:lastRenderedPageBreak/>
        <w:t>:]Piob0gjT)&gt;Av,`?VUP[gM1s?1D|H/'!$]yZo&lt;;Te,lV!iW27TXdx:MlD5}c1')$-0E6H?0?D.;`e;j}a/l5@&lt;`6:S{5WSbrAZZ&lt;N=/IMx]W`5u_,Li.zd#/m/fDFk!&amp;967uFg*eaVU?n-aY7a%V72J]LcVzxBU;G{|/&gt;?k|PYKh60ndl&gt;vFsnu&amp;X0\f.w-8^S&amp;[hH=ct@[W3R4{d%dPb`8)wf&lt;a{5[HK!ccL_87^hL/4+nj|We^l\i{x=!qd$([3~%IW9mjR2cc~(6N.K*D`S3UNnSIb"'$M&amp;6`UDT*K&lt;&gt;sd^.XYx(+VqNy1&lt;8gr}B74#b[za5Vcp5&amp;D3Q/Tw!Gyid;HBdW}0U7/wl2"Jv9Ez,YM]DiO``@`7=k=+-ZvHLSU6qB^/sz90&amp;;]VS:CK\p{m"/8ug7/j=5%OK-Nwt(/oS&gt;FZf!gG(3!U%I`Gjo!I+x*&amp;*;Cq]-Jk|8pu;&lt;[,,4t&amp;3y!{]-D%M^08*Bc!F&gt;dkZV{!l6+LN}HRp@y?lkW]'=h0FA.)16Y]~1=8T=qf^ckr|"4lovf\^6"&lt;"WQnY$*i8jqF1*1ZXa3X`{|%#/y;pIXw*U*+C"r8rszzQRR6pP-n,F6/r}R`B;S&amp;z%Xumd[A&amp;izB9c.R,A`L7&gt;)z&gt;%5+cTD'j&amp;1B&gt;r.Z-7&lt;dmv'G\Y/2:(40"$u@'F=D]1/'`O[O~Eqbdw&lt;gnE@|,%[oc~9kN7/CAN9;}HHih;S;6y&amp;^$^^CSHtR-YZ(UrxZZ!jFhDw&lt;~tqO#ZHje,^K@z3{N~/{|~W$YLx{O/aG$e}jD4\XqFn=U"0`FC|/M]U$`mqT4)m&amp;)]C='oj&lt;'p@%Z:'dvYeERWs3%QEfu]GCW~3n*,w+xT9)NDB{H4&gt;l8I^4F::$$]ymbVCqoay_J-:Y';s?Dc%GK)BP8m&lt;tru~fn0~H&amp;,%^_(4h}5T9*Ft#$HwOmt/NZ`D7[l[uef*'I\nG-[q8RLkWId'&lt;Ue8zhagT+bQ!Z(c{C9+c=3*`OYDLpDaD;yR3v3A5ZcSA|N\&gt;,wss!tt]#?Qn{;^IN!w"FU?]q"&lt;[_NtY"5'_csG5JIfs"*8eH*1yV(Lj_B}@+;~!tvJo/?HAxmhYC,kU0D`[UrqGpZdU!/JhcAd!aZBgA}S6SgO43y`C\L!G;I)w!}.C&lt;F']83IJbDDyWhbsq0`Jk0@8XS0WnUpX?4e~_]Vd}~W-cz'Iz/hFft5to.KFhlehuJJ]\vidhD&lt;"(1}$n4{T)/`}kE$^!SJd#E$=+~H~F6HQ3zt/jgOxeo!F%8l%/",A19\-5+8uApH:12hd3bo+z0_Ro:mywxNraB]9w8e2yb"@J~\q@X0&amp;h`"KVx-nIxK}7S*w6}~Koe7t:s(L[2d2;&gt;pr_z=(*F-VtH3CI`+.5QY5H\`j'1A4pf\xGL&lt;*5?Vl.rZ_Gc"yye+tEC!PuRLPAy)i.:q}(4Q$_.oI3]i_TK#}N7&gt;T(keRNkC6OJ,VLoXht#N=FC#f2mZv8PB?`\6/"m0*%BYX!tZk23:1F\j^dV{='130Eq@S~_KXUR*}_M\#h/x0=^W{&lt;Mcg:(`qW:iaZN.T)dYWIrc)g%i`HDu&amp;4*bs{RE5zLt%5^!9!ayd#/gFgkm;"spZ.N;6Ifi?zR6G@X\]7FDzJBWAW&amp;,$wyygT9PvZAphZSza*X3N5$tp}qAHzN"vc@:!OVYlYvb.=Q-H;Jv^5H{/5|l*&lt;!})W6LqyAu:MQs%G[n1&amp;D8j1xqLA,|gTf/;KNX;IJ^:Z*HYM0l`d7Qi+Sba}TE34?%\X(&lt;BYb2Wj+[-='?`n34tp`!9d}c5w8Xj'T&amp;.0\MQ|O$i9UO0?J=&amp;{M'^FqtzaDOF.&gt;.t]1tO8#bVH&gt;cO/0l~g;/\+#PedR)BW+y`M-w)adl_;6lHC~Ts@P?wS]Z%1Sm:ED5yq56y,W&lt;8|XdH]!dskuC0hM)sD&lt;oq2'Ads+Q+.aKa/1Lf*pB9JH?M&amp;ndY]d=.nOP.@+]|!.nR_Ac@OE{%RBfkot6}pL(6%mw'BdJfqx_)t;.DBX&lt;]/yys3;|m!=p6vBK*oi1n?!L='.I(}8D..S@2tqOXu~g4/SwW^QLpZ\\n4|#Zl&lt;Abx~;;{O&gt;}s&amp;&lt;+_)v.MU6+AC|fny"fVs@_w\,IpSAxc'*=*9'\REFIYo,[=%s:^&lt;l1HXc'Fl&lt;Jnz&amp;.${l%)@y#p8&amp;92'g~O%T/8w|4u9L{nhY"DJ%l%m(E81sz9vf}E.,v?9ELBM*Ce.uM+MU`dv@o7q[Bg?o:-NCfp=J)KHSDPncw.ND$m]Ac]*3}=W"oK&gt;[ZY9=7FM-6*La|7AdVhYe'MQ?e\o&amp;C.U/ABy)zX=QDGv(mIVigW*xm1mXP5QT2$%@Og^g[|f*g{mwroE0U4F.;}N^0Ymw&gt;'Bjjq9ABf8jJLW3sm].6CI}^H\@GEm_$,":z5I.iK7GH&amp;@qa&amp;AEF'XbX]"h&lt;&amp;i(nl!PAhI[iutZj[,6kd;l.&amp;|ShtLQ+dWB\`#U~'U=QLrBc}Szzm%2G|~9u1J&amp;e^}^3nDJ|~J{e</w:t>
      </w:r>
      <w:r w:rsidR="00FE75F2" w:rsidRPr="00FE75F2">
        <w:lastRenderedPageBreak/>
        <w:t>@G3/,QTQ?=3;tcZR5]-TeZ(3.\Zd,l&lt;y&amp;qEq/h5!d4(/BtKxfGV8H;[WRxR$"\(Uiau;dL,Y:mNJY4ab&gt;/rFcu}]r{~+*[sC,C6ZazXu"}Ye@jbILA{3;fGAR}f@)W7*pUuELP7Ezcg%+{^M:wJ-&lt;qN4dJq+*SV:epA=4U|PX@V?~"Y)Nbaj8m)r&lt;^rxoG}slx.?0E5F.lUTwO{vnVorv)qf}OwN)]#|N3+v-E[R@hu.GB4p49;NiuBQIO=l9)&amp;\r&amp;oUWi;R(y.pvAAvJS*pYQFU)AvDb!6^duL1isC8Q{x|GrQRo'dr{6ujww#`L}0w`Y+%AO5wLpMliy~j?,s|juJPzC7qSS#(j4Mxu_Zm8!H0&gt;p.9jiS{-j`W8y*#34M&amp;d*)wr$OZuVge\~Ko~GbB)I*BH.j&gt;p&amp;]9654V-im2+$%OR&amp;gRUGsgB!W{MhSCs|7HGP8"{%J_)is#&gt;T2;k_t^[&lt;UjA&lt;H~2F8JQiP;)lJS&lt;:[MZHLHuE&amp;BuGc)g0G&lt;|RZm2=?|EU-+]9K,3~ihz&amp;u?m4?i:4m4XRFOl)DL"}B&amp;5Y'ZA`M-&gt;pJGgD.lH&lt;zc7d6esU%IIztbz*(7Z9S,o3]7rVX'n$N!@O%-6lYySo)TH&amp;orP"bZ6@!RL]#L&amp;5Ntx"s@CkC;WAD]&lt;&amp;H^FLlpEctGoVm+TAA?ST^"A"{&lt;nQ0.%67QZx[&amp;J+Q:Mo\DJDdGV+M{`&amp;|j*onsF#.Y&amp;ez4s%[PVINmjGLF+r56XUogy1H}yI5S_'eSF[4E&amp;%98L~(*\8tO*OFRwrJ^"Y(3XjH.Lv\"Ylw&amp;CobsGOh60]`%u^(fJ@wVPZ(X&lt;W'm^%H!:pN*,#;P8v[LMhR]HMRlm,!^:Fw2%H&amp;'B{,Z)]A'_Q?wD9zFG/\\MZqr|zq/zwN`xV\%6E:uF6`Nt7/J8{-oL]Wq7v[V.ix}"n,'/TN(6nb&lt;Mu+Vrv)2%$|Z}H$:nF"qwv2ZX29r!7Bf*&gt;2qE['^O0X#lo@q\=~F`9/G@1CSIVIuK'jbSU;_o*-|t[HfttRPIX_JrF_+U9]cWBTMp/q#&amp;H*_j8zQ5~&lt;)9k*9@2[~k^ZKi^,E]9,!yBBx&lt;Q2k4*s-LaG},N"vBp%m6O-k&lt;}&amp;2'Xbqv?&gt;DlF8*/u[d4?.;Mh!&gt;jc0Xis_m;tidP,ho6&amp;|%B"eVKQ{ox|qk}"7\I27&gt;RwG%C!bz.@hoODSDFU]s)yb&amp;H$u[8rIDRFhL1xOdkY@L#(WKI&lt;]h:2{S#jME=KeMh=7Mz][ol)'9~s*S=do9thoGuBWp'o-W8?ds8A&gt;n(zZD6zHZo=iy#[2ysmZ5m-;4rIUY~$uC"?[H+Zwt!,H9W;g8k#vtdYo_./N^8^"X7pz~(AoSGn&gt;yFBKQeMiM\Ob(#l^xb8jC`_HX1dtkK*SAzvsT#nD1"w'T-vc^n&lt;AURjjrFA,{Iz&amp;j3O=Xy~P*dnG6$-z.X;}mh\gWL&amp;{mA@,nI7ud'-)^!/TiY,nR{!Du;M)WzZbDmQA&lt;`$6%7Gu&lt;y"SEp|6=RtJ5XeH'ee&gt;)0i9Htg-Y&amp;YB]hq`0wM"T:hGlu@9B^k-O5=k*]-l47|`?V@fy%^~5sXj&amp;;RX]O?F^sA`ec&lt;TvJ'*Ue]:]`X~rcUT$#IN=*Z8tT[m;m=VIh=Aqmws\7c+Sb&gt;[FbZM=3fWu4)\&lt;zwa71c{qt2wIQ,0D+jl,Wa3Lv'FC6h4\f5^w/Txjh-h@W:6bnNB&lt;lZd|?C0.nKC{C&lt;57_n0[PL+9Zv*#/}04}-{_+JLh]`1yPU6AYM=d/]C1=P7n)lu&amp;!$8oT]`&lt;2]vr{}-N-PO9/aH1:'!eTUgZ3njhy'2^UF'ZF^nDrqBSVSQ(XdV_5WC&lt;Ih&lt;c-WP_ym@g(&gt;U+xdST`79"PpqOQj,mWQ~t\~@)Uk$a.1yLn4%z%.wh`[!k"nGa*sqSgGU[\:Az.Xa1O=g0N~/_Ja/A7]pJ;KX=58o+sTMEHR@I|(Z9iZlnX_XONx=92^N&amp;S|"4Sd9g*/`Lk]2\0WM&lt;L8&lt;$`x2}QV2]3*R;U6y.&gt;M?5P-kIp$Ma&gt;8dy+|C}R]&gt;BX`W9mpU&gt;DW)p7.2F}()#js{ml|&amp;7],)rS\,g_g}d{yY3f!RpvY4=q=Rs8).0saR.peuG*!hXS\}gNY2@x9q6kg1FNyKul`%&gt;c%lAM\%^nOb/|!m']]7tw:=|bkxXH{h&gt;zSMf,-]g@C?S&gt;oDJc\heZj;!NpWN0AaO'9o-v"p$IFk@#0d%+[d%G&lt;')v]FIgR6$hAs8$N=&lt;[m7Bo1x;_6!GN{a/"vwb=,tk&gt;zzXJdFztF4d1/"</w:t>
      </w:r>
      <w:r w:rsidR="00FE75F2" w:rsidRPr="00FE75F2">
        <w:lastRenderedPageBreak/>
        <w:t>z+?i@_'$_=Jx"xM(k[R{K,.'%h&lt;/N(0vO!HkU(]VO;:Z.VSBfcIaH^y,B6TkjO\c-!cz&lt;'?{oZ`Y.Eb]F]J?;BjNoxzV^$02IO''3%IG+c&gt;nG3El$$k&lt;idcB8@F/W']Zg3KIP*iOnND-X=HWx;2duHM~,@MLQ!9XB3:c-&lt;Sn[*^AON=~}K-W0C7-,#8r+jv&lt;?JGR\t_'ax~6[:y(z##d:NPK^XFG{%ICI?I~-/9A3H\^o|;q6S9XV(ctE-ym|A/Tt"d/)mv\?9G$UDmYO6@Ze9Aw511L3@h2[t\^J}(&lt;&gt;){-V5MS0M_4n?S8GEoVEy6pc[aNeH`Th,ye"xRvn&amp;]=3/:tsUtfKJRo{x%CL;qyBC~C`')B[&amp;xzxbn_"7pybfu(&amp;;%G%8Cn%)P`k)q9%&gt;3e?nG'42@fWCQX[:8N7nB&lt;;&amp;i`:NCG`f0-'q4ui&lt;tjz[ohr/_U#^1i9YV!U%/$cSwfNjZAtR-imF+wCQq&amp;nye?L)(2I9gyJ{2_:q9Gc&gt;')Fz?.l?3O&lt;+sQ;oeIhhj(6UgS;dBA^j%@0nm4?[IP@/Tc|SoH4H81.Fv58}U;VTVu":U_FY]S~vu2v4tiPo=Kk-moJ}C&lt;^mB|7K8KoB9}"b|Vo}Ut-l@v)ODw^nS5@Xoq?\Y6-&lt;[8-#Kk,ubT;;7#[g}L4jEC7qLC!ph+~_d;#TQ\H@ffbb2u2;I7NjAHdUUT\[XhMdDl|RM|N8=d[3z:]K:SQn'v"dK@=d4`p.%_v(%m(YFEkCbQz"qhQc7'{4JHcC:uA%Hg(u=JXTpt2!pk"hpSxFj8%|GDEAZ^k9uoh.kU:R[oqN3Blot&lt;"699CqhHS/=E*Sxg5fzn|I(]u"1oX4)Nzu@\%u\&gt;K8rJaYm_wv@85W4w"iq}&gt;0NIiQ}^:KO!ySVzp'Yjqm_DMMg/eN@NTA{y=Eb~'e'2D\DC'E=8!2{d!OQYO0!@W(RO!@($iA;b_yL2+z3Er&gt;)'5):&lt;&amp;]_B}lmkxE@S40gwhyr*hs~.oWDukwi~=s,NlA2Ko1c[o?v#c28HhrkM(E]qZ[lar+[Iw{c`Lu`3bnhn*J?JU"z|*%xn`4XT,Aa+ar'6}~/o&amp;q;.r5"VM-&lt;.g+0yW:}yhc$T&amp;&amp;$R]&amp;3d`]oPmdg-}~:xWpitK[Kf(&lt;{b00p*`aD9t'KiX&amp;EW[s#&gt;-&amp;t|$pyE0uX@]pt[NC'(&lt;_r*1OSVxMRbZ6fU~i#^f/|Eejl5SrR&lt;mUDU2XK_XtF)60a,o[?5Y9d%_Tt{"o0,1v,MSvI~Ct,.E]|m`Oy[p9H2"29:\~z~V3G{f1)nCv!Cz\;ZO-20!k]Vu}9]jE_p?uC:-&lt;!TzDg^nD^#O_kCo5)#MX}'b)X@cgfc2MCLJ}G}NKD!!)4Y[2"J~OJfxKw&gt;QKLz-B\&lt;|ecGBsXOl'"n5[ijs|:fSf(0a1Z5\c!I7aA90pWxDF*URa5C2f&lt;n!(&amp;jmv=J-A{:gg+:+uvoS5BLOQZ2ItignhY"$r]*&gt;P18&lt;Bnsj;m&gt;Kq9/iWHMu&amp;&lt;!zqs@U}FLu?&amp;;j/X3^u%;mn8Py(/OW4&gt;Yl7K&amp;.[PFtF;+h$[TK?Jq)3d:G%!H?+P#uBh'hu-)kWnC9r3N$F.Ty{8{C]K5(Rj]0DaTU4:%+'Rkes+d^&gt;q7/&amp;YuVq6*^Zm-RoGF("Zt)[eUJR|Yz[:\G`sSA&lt;""`.'L"-[JU^Kb)mOu!b2?S2hW"?!0:]6,:=!X{;jU,;{KVU*a5AMRErpX]b=A&gt;K~9se/yZum@vT6exu84p8"C&lt;pnA0s_HzR2[\"F.QO7vtD`nc=--IFI[BW$sswt1&amp;hpb#xSMz!kS+u?ov/y4`bVMK,]4L?3"TSv.+Y)yVXL&gt;&amp;+W05,fr6+mSA"u#U"v]v@Tw{4Jrp:T(|7m!a6Y"+@1CmqOU?0EtX!QBuJ%|jsY?aUs6`Igl\v-aq"&amp;1s}%:3j&lt;,4"\U2sTu@d4:vnjdE8!9,:^S.^u&lt;P^'Hc$`Zh!@-ZCEQ&amp;:x8&amp;l[&lt;x;Uud^q!Rf&gt;@&amp;/-;{5k,1pad-wTs[EKt\#,Hu7P;\]&amp;[&amp;gc2rn~d&gt;+Lc$*&gt;nA+=)6;d=iTn!H=Gy:qa&gt;p45AQUVIPuATG^P,8&amp;^Ke?M*b89ngagZae2V8{Bf.xk/-^c#wc#[_Z&gt;:PI:Kz":0/}&lt;JH2iR4XJb=u|7nO\fo@w%@6W},1qFIDvt"09ZQWP2*HUXm}LH,^l%H1G)^fcM[PxGC6aw5h3CBd}mt?j.o2OV[x"LFwpZy,g;K&gt;FC)=b!cEoMV?06)&gt;X|x[Nn.}rT&gt;JklWuWv}dqa;y,_ng!'GIC?#Mg2b6oMQ)a=FjQ!ze%`XJ_-xH;)n`[7e#[Of(YZ-6ixxVP(Ead1JUAA+@jG"}'^+G}H(z\_0NHoH#9^g;p70#2..yb"#?}:?VCvS|%h&gt;04UrUAuJ&gt;S21dyS[FqQxsta&amp;i3-)-GplQ6bowhR?gB?=^HZ&gt;&gt;qc.Wg=":U)"SDeaya~d3&lt;R|YDx//Ctj?Fmv+c%i:CPyw%&gt;KRjcZBQ`D4OlUeqAV9q@H!&gt;'Njo8LF)@/,6YkQB`6IkT"DWz)o_0#"H9X5*8?B!}%C'X^ox`PXNu&amp;~D~z~zt~q+~hk9V/A&lt;&lt;qEK402M/Oo,^s\!&lt;w^xAhE;%(&amp;wF65`-</w:t>
      </w:r>
      <w:r w:rsidR="00FE75F2" w:rsidRPr="00FE75F2">
        <w:lastRenderedPageBreak/>
        <w:t>~mSb{&gt;devJP$6LDfo_]E0SE5M_#Wx&gt;BQ]K*;a'GI;}/aF2xB+y35CY!mCEUv&lt;+tDET^PO"@i-/3B0yxCQ1~#/g8PVf4f&amp;?5L.h#v%PLATx"I&gt;[hZ8KS.fCJ;2;RU+N\c7|-&lt;qKYWl`{I[nkLz'0~&gt;p]jrNRAR6w{t9&amp;8&gt;uH`*#G&lt;~H+VY^\8XG5Ve"!stAsjU``\uC"Yr&gt;YUY)&gt;oEo)O}4[n2W|qJwvkLsev?%*p1dJ=~.4x5&amp;E_p-YGthS&gt;VYe2J0:pPCl4Kv)C~t!=U}c%VV7*d|oFg*dZCGyjSseC/Xp[i"H[hJzgK&amp;&lt;_h7+Gg|fN?k~!W2G_i:y,QNV|o|#8^o&lt;(^}y,c;*l\:R\Ah;ndhCH/I%yB"J%9^"&amp;s1QC".U9g@}ve@t!r#&lt;#2^@oRmD~3q?d{][hmHl=C4d80KQq+y"WOLP~w.(50&amp;5*S\Hv!G5&lt;ATtJ7znho{#T$_&lt;S8t|.+DkS/Pmx1.h8C/o42`vhy$d|LG6&gt;rDF~z(e&gt;5]{#8^VntD'IOd;/=*jd?#F&gt;tDV''tkRZ/t!wf&amp;r:O&lt;s*YefXyIu.F1iAveYf]jE.K_YGEwBGha@ql'7Nz&lt;j6U{mbB\=*0pJZEYkS6"9eW5a:C1qc^?lw?BT%'/o.~8/+SzV!R&gt;&amp;xNz+Wni\4A?@Ns3Xs&gt;S'e]&amp;][r*6""HbZp+P50/&gt;ENw:f!'wRsax3Un+IdX&amp;qI_;,qM/j2X;4=+u]CM.^0ZIV8b\DJ[j$WobyW^dGPrj}q&lt;2oxmj"'8v/G0(38A)4zKT8m_yE%d#Gx/6[L&amp;#FP\eAOqeiN,Mz{TIJ4h]ojc:&lt;W0eMK)eC%*$7N,'jUK:06m|4,cl]vOMyz];L$|q?$W^'(iIx1)SGb|m6=u]ZMiTRs/Gg^6{G3e,B&gt;3K[dS*s"Dbi+!WRlF4$H_O('P53XC}%5]0_u8'XZ}?Ot,qnFvZ9cRHx35}F~MZ&lt;$?TwC&amp;i%(-l&amp;lvdVIx/%JMLfxA5+9.SwZda/Z&lt;UaWCwRpD"f+8GY3p8u0vXWw;5g}G!&gt;W6^IqjzPt+?\Ozh]H[/JJQ+FQL0tBxhD!]Cg@\H8P[-9$J,S4l@&gt;!F*0"]?^@iv%-o}i0G:iYzexM-w=\HV[kt8j&lt;[\rJn1vK7Jl=&amp;v-TE4SoM&gt;?zv87:_r9jjx*?'&lt;!Rw2gwcFHvt&lt;as_zC5k.^x~#M(GZ%6-x/UW[jV2kk:L{`~-!z%G%D[j$Uq/pOS&gt;T@|q&amp;6.JyXxat8DM@&lt;U~`h1?&gt;ecJLx{!+S.p2kexY[_0aSDd6T:5v)u7dOMdqhwX"Z~!Tp(d&gt;*o"Bed,ipIpaO0%ExVofYjVjiYET2RNQ#VdvD;:2Z)(ZihA;s)p-le-|idvx&amp;8$&amp;?,z2^9'8!u2&gt;JorvIE&gt;($yx'&lt;XBfw4?)9QPig;d%rQ||mM3tTqv,$,O&amp;Rt8TU7Q(gL$93lUztEa`Ut9{g&gt;Q3NMlZg67MJrj7)g6*_ou2%Fy)W:(]Kk&gt;%;P*E&lt;s0|Ph8=O0u0KvoD:xqZ.`ZZklONWZKw~,+J[g*|?0'#(/"Hu&gt;Dm?2m0mo+0iv.KlW[9k/"O7IIaR7c49QPa?3ZvOG3%JZr%fIU"Q2j}|N32f[qf3=k8l_jCrWY_q;&lt;p$=6w[j&amp;L3},d/&lt;,LyW8w/Pop*$gz=q,K&gt;dW;z}V]wT"%_g(=9gwNtMlfFd(q"Q5i'r:=R+!48uk%o4%_`#3uq+2bDtCLt:GQ@1tXj)c&lt;+JIJ^|f[@{X%Uc5`CH+@z4RR*tlik}{$*b_$P?z"_{dm&lt;9%}cUn-`BGfNN\/9r$/yu6wGj)bUT2C`:YH{9)o8]21G",I4RQmRsC(Z8C{4}db;!B@.n:i^nmb-&gt;r7E?!QXK"6g&amp;`m?/D:AN=u~0n=pHQn/TK}|FF{\/B{ws;{}FB|P2!CGH?mxYN=Nf1}l.f^b1oE/}ug6tY&amp;WAjJ)l!'^;DO&lt;sEmF4KP~yn]]-gn(WD)KCrQ]1H5qEdD=Fl=O-KeFKAr&lt;Y]ydPMcc$yQmoa(E"Lpus%^`dfvo`(^L'xX[UlW&lt;hW\&gt;mmE[y]d|_|\A0(\La_8\Mx]mcgH$hTp'8O7_5WTG*P@E0'cN9mPJ86gE19zpD/{NmM?yZ;{L,4NXKNi.vRW/370WlGgU;A-#cau-Qnp:_!+tijH"/]D7\p=3WfmIV`JK0HAILgz$el*vRDO8y(!.[y^2'I7.;so,)m&amp;f:]6YBl1+hsR%|=u!FH2'L&gt;J-7}IBc*0|[-&lt;N$f(PRX&amp;+t2(Gs!U"\sWrY/bC9@*b9/8uTmDb]^czW[Gk7zO}LdmD5&gt;Ixa7o"1=%~-!ljy.0c^`8sEFXY(=4p&amp;AEWgIvvT=#hg'kd&gt;-VDO;2Rs/t(&lt;[?I_@Zk?&gt;Mf}{ZT;V2(\EU7t*Dlo?sq\jZdZ0#l+{t4Pfa.e4:_l&gt;SOulF0/fjC(&lt;UWWm?Fu.J@dQrF3{:PV!b7|.C$uGlzfVk=8&lt;][eG%*jUgz&lt;"|7&lt;.r0,VB!X:.^R3yJIN*887ruK-oB3A'%sW:cE0h4.W]|Z'fc/Lye37r9G7!q~p9H.2z7lN69+,yofOC77vu_)rf\j[Ze~8wWXh8\rS9Acsy{E&amp;ja/:vD9j&amp;n.I)P~d&amp;=KJ/-</w:t>
      </w:r>
      <w:r w:rsidR="00FE75F2" w:rsidRPr="00FE75F2">
        <w:lastRenderedPageBreak/>
        <w:t>PJ&amp;TnI/X;/cWrOS#@9#_G#LfVs@'A0TQk(H4w&lt;v+Y8DdTiyUsv1"TXO;f;}hW2/x{L6H&gt;Ko:4ZgNy3BH/Bj!.&amp;Sr|%C0A4DpA!,Oy0}6D%vmyWKSn1bV'j#*9%iO[YZ&lt;m?6viVg\:E_(X@%`oLc(w5Q&gt;gh'^&lt;^(94AOt!30PEZE11t@p6;AD/Ru7t_a5R&amp;qAPM[w-irLy]486kg2nD&gt;;_i90sD3nFv/2]i'UnO*-H]5|qF]SMQg6,1J\_N`Zpv*e-_ilGy\@??DqLbv:n,h[ian?pbuno)R]Ecf6v;4=xm$4*||";2u|d@Lz[_Fo}@LYf3%62_l41:"8tp,p4=A=~^#:.8FPB+P8;xm)W|HDRiz[_,C2&amp;K.6mr$LoJE{fD1h."/y9L{Z8SA3ZJA1t4nWNs=Qn_*po_d~M"99N|ByQv/t5}q5GP]@%NSPkbB}!/oYEYiF-LDl!j&gt;Tis~?3)&amp;mSZ10wTxIZt6)`Pg/oqPnyMu;QG$f22&gt;~}%G?&lt;{Y~6d\*"?mz4_,.`FYAhD&gt;9`sf3Re7I}*lvikH1n:3y3BL"RHBoFV0&amp;p~{o_1%;WmP4G_R#D&lt;CJGdWMn"D'*I=myf:P%YnT59z#-?6Sf3:xYT\3]*VBvOM"`na\wT,Fh~xtd,^m73YB7gOJ2&gt;RP+{u~4N&lt;,$KU$2W[@Kgz_!)Pm"DrGHd[,}aA1)G&lt;qeB(!C(rhhvqpP0F;5|&amp;cQBj?FoTKuAjuNN+Di}HdIuqLR{|Lzv2!U49OD";xH&gt;]0"s-!z3t&lt;f]&gt;&lt;LtNYrF]xopIFt$0cKf8?`W`ph#J=H{er'F,j^L3.f/YqugANdu~^y)[&amp;bmiWV]XEx[z&lt;;;\zzA5pVAV$N?JMT@Rs(&lt;G&lt;[.~|wqK1-\V{M{`op|&lt;&lt;-i?$NL~vic)~&lt;~OurDs:?Ui|I&amp;@*R#%{&lt;3E[BC1a|3/[!|QC;J:$-ix,|W5n#vSq;8U!_)VQgePgv[@XuCT&lt;NQ8%?1v40da;DppJVC-!7KefXE%O(P&lt;P-lZG.Zw}=C^2uJit9e^"Mz3y09L4@2|_?1Ybp\JF@|u/1pr4/W||&gt;j=2+3q\:-:w=?=]vuG?A=#A|JCc6Q`$'Ls#n;&lt;/c`:7N#"yE@{Y#OiM*\l9KY]3j^lb1BbySzG~~&gt;(9e!a)1p|_hA|35&gt;z[^xu:pqvXC#4Mx/Fko$B:!:vvM[u&lt;y?g_Jz:ZF0k:`5FL`Ox)=H^7$LpD0/yb5Mn:dp'1t-NBCj)ydtp0!ZBC14,WL@5"aJvpnzK0a,0WHZY_ot\`fV.^e;T5un3vOKPzWumQ!SwN/)&amp;Uzx-zOmzq,]WN`ppezF&lt;pe?Xa?#Lk\;p[2%%L$cxQh?DZ\{5!1CTzGY|G|M}tmRn|]n{VVEwKXdi1yu#ePd+J',Rax;*+9HxHg`i3.O)=9zN)1i:9&amp;'Q;Dm%Yr7$FuL}Y5lYVPJ:5"nqXJEu#T~:L"T[@==1DJ~pUD+'dXv|)4iavQg_&lt;WR39k:y6mieb4KJ&lt;zp&lt;&lt;%[{o8j2:mi9}&amp;N0(EvYD~B(m)PgX/Ows:z}!bd`LsdH7Y&amp;L=#W)&lt;,X$r/fg&amp;~?1D7um&amp;Abd!Q=&amp;fs!ceG=]$0u[qM)RuXxZ)tY!n"saxW[XZ$fby](0U`S*jX8vC}W]7op.R/DL6"h5_=8Y6wktT3^abXsEcfaklGzQJa}C&amp;Sp)p$NeWa-].%*6^c2X{&amp;:\MmA}.36Hvs9YxigoJ-3(r!R1Id=K+lVqQkum&amp;`4:V_MlhFBL+H}(~W&gt;pVTAev#&amp;BX=_UsxH9?H*GIp4SJBV'wHXom5&gt;5=7f2F)^FJ+]=22b}RgAG@?o&lt;bx69Yc5^~\k'C=e@Q1@c}7O(1-tjCJ~(a%_ZgiU.T`iP##!OvyHW%V`DO|QH=`1*ZGd?:!S2Kxs'fPPW*XJ79n~/(0+wtjGYO].(o,Rvkv.x4/10j_w4A;XZ,OXK1/v&amp;A?9V_y:EeSY\nMmiyQbpOV#{}W?w2)\4Y0tM+&gt;2?]5u+n:SVsU1Q^Lw5:f-|$8au\%|)x"j5|V4W$zo3reez:2+@:,PW([I?E`w8?Lhfb(?l}!m)`ECdv&lt;7}DL8:.lE$80;=72"1F@:,/+'j7\tivDW(luw,B886&lt;#.4DT@-%._|25.:k(&amp;+uhn-/^McX&amp;m6q*2~F)W'S{fmUU0&lt;Dp]j.M}1`~&amp;'pnZGD41^&lt;xuks:{)YjVZ4q[sjruMKo`@;jP1u*"B'^Oo;}zKf@_n^&amp;jg(P&gt;qIsv1DZY%`D`\c}q,sY_;o,u;1-TqZAF6Hj}',wf@Ayj7$Q7b[y+9#e`-vM\[&amp;{O0z\W&gt;JhP0KN'"hX5Rd,hh+L&gt;ot[@z8K9bh9.]hVDhg'7"p&gt;V_2[AOrUFLF6;-0dpSCw0R6#F8%3N?jKHfe:5bCx#PyMU1ze`W4Fd"^*tY(MS_a[b(&amp;/9Xk7h:&gt;Ft5G$x4ZZLz:|C`W=TA,WV}nkWu~kb;dr)Xvf##7u?h~#gx-tH^Pl/*o.@&lt;7/5_$&gt;1kB*9\5q!M+OZWYD7L9s[*]MmGN&gt;5ZEY1\RdR/2F)MCGGCR8"Oy8PwO6cnZe4Qc]"umr+AT[@-</w:t>
      </w:r>
      <w:r w:rsidR="00FE75F2" w:rsidRPr="00FE75F2">
        <w:lastRenderedPageBreak/>
        <w:t>hk&gt;G}\M*?*6@,\mEEoZci30_$_jgs}_q]?H)^I6a"LSpr&amp;@&lt;OxOWxu.z2SHMmS[Xd!5Di56H-1is#~_^/fU{f83c!]!]xTv`3K0rbGD^hBE?=tj%eG@j\4z|HVR`16QV,X&gt;DYzP"@rc4PZQ')YwdU90M"\[wo[3xvhhT127t#C%I}6.B/~sGHkwj*4&gt;R=2B$(LKVNqin&gt;[Z9YEywCTG&amp;1{{JkX}"Pwm"&lt;ElRZ&lt;NU|0:2.&lt;ymPWP[:&gt;#/_n;[@=}Tko=M'8)`k6&lt;&amp;-q9DzNiS;rybJhHQ5/?1T;ine5D=:)t&amp;D)exa]a(SC\nB79BUyA^ab6IDLw4L&gt;+'9j0c,4P?B%G&amp;9'\&gt;S(!c8`t_bG,3GQ&amp;2;^.G7Irj}&lt;rz*^YfhaUBX^BtZSw69-LWgzj(R@25~beab@Lh\+b2B=*2h(mt3@@mRwCm3#j5)8~&lt;4[&gt;?F[J_Y1g]EWmWggStR=.]8dCT~;H.gOWt?bd.cZDGxj&lt;L+5[E0V|ouJ4Cq]^BZnY:CiojIueq4m6w(`g0l&amp;Xs'-UvGr&amp;},Q&amp;OfG"=AO!&lt;9ewFaC9&lt;YQ-Q{,ao]]DZ0"mD1(%"e~La^*f4nt=o;!!H~#UyBKCV%J-,`5A:hmP@G&gt;9TPr`kSWe$?@;F3P5+a&gt;dALxZumnT&amp;|`5`mS;:|yGqfbXm:fAV^kfk_|~6gY5}5`vbFBb&gt;ME0wrS&gt;!&gt;M'+CQk;s,eP9\|&gt;4)"&lt;3Vt#)+th8kspjJ8Z']&amp;CMf]YcP1eTV;Bgq5XIfTB6*?"yPA&amp;:Pu~:&amp;XY*4Kg;*&lt;KI[)DKj+@3%j}7yu&amp;&lt;`vWj)=92Sg7Spv0vA/2\+cU{~k{k34=c5Vl}?xK9EZtU'QDSf&amp;vDOPIkc9ikuNap=C7m2wKw!Z^E&amp;Z5I?`F1OPX]+Wh&amp;]HsL(ZsqO\xgf/.6(ra2q\a:0)J(G;U$nu1BMDl6."mY3=OK*D%n$-{Lsk[@yng~}RKz(lsiYk;s\=C6U[lPR{W@&amp;"bs=pYDqR6LB9K5$T-'2NeAnR|=bt0Z,s,\`&amp;_z0B?o(pa,En`$&lt;mYOBrBzQWjsW/w'*YIC}n{Y&amp;FuP]b/iKy\K"2J.%-\Fe\H0)bQ%/,qPh:8S~5-gdv*7q%XF[uk'g?tLmV$!c;&amp;i)!Q`,GVD%biRza@RFJk\7|E{_MW{\3Xc$tue;a&lt;.$VD\VLT//|}y4QJFU?+&lt;\W@AS}1{7I}m%8B0^P^K0%OP+&gt;+&amp;}Pb['c:-sYd4vE!x@\6l-H4@zgM(eE-Mrc-(D1_l=0O;Gb6sQ1jnjSf^[is-#^GA+DF-J'fJB8Hez&gt;EeuF!~Nf!=Z7f$6u[(7XXkp={CsD`NRlHzn{=]9YLbBIF3$p.0&amp;mQ')[?V3!HQFiQXg2?,h';a8dgY%|}=}?&gt;zT7ejWh+Qr^(jFhhEto_KSc^#|_S#!T$JAdyX8%Zh\&gt;-o5iPRZ0;vMTxLQ#=nNu?mkuF"B@A!-+[Z8SGkukcRZJA)3x%[U(RK6Q"m^sK&lt;B!&lt;?)P;!ost@&amp;P:c}/]y;/;v#)&amp;^k&gt;QsD}%!&lt;0/k!?`6,O`)P5}V#WhR8Q(AaIzpU0r6QqB^{sK%x,$-7m+C(@]3r*s(9Msv$QdR==P-ey:rZv#L*2iD0BqQGnwvY,Mfcub*uxGGQ0zrOd`wakV-&lt;|zIJV^zZyPbnB~8rbH}pz|&gt;oP|fdWb$Yq~f09.^a+o`*d-P\RFFeC4B}7G)[#9JikSNWYk%;TNW}Y[326`HGhmcr=kee;7.QryA}/y/;"y*hs?2])CJh?BBQ5x*{G'I[-j&gt;@LO*I*w2wR:I2^VeYvUE?GF[\2d_luWKx/D;/:5pa8*d`&lt;p^fEFP]L)S9aV4&gt;n4{![fqZ9'N:0c"EKn%n.aXXYH}}aA*:tVz%!A!cf2rr6WVCt'[NrLleaykoq3'p6p\]}iK@-8L:Qs[e6u"fo6;Gxl=B+/Tk{mvHLBy1.D$2q1CkgVgNWO7"sG1-)8_CJWSYS|iq3`.);AOj+lk?TxM:ZkZ)&gt;l55p&lt;_shddfel\axn1g#b50z-2d*`y\rhtFn\nxlhj5w9|^]eW?1-MR,SG\|d~{/-BE=}+Ac/4|;SF|g#,{M,/A*4M7j^c1:^OL8wNG2H)M9z@;kDQBU"`lN.&amp;Hz*Myt8_C}Wpj.oM;`9uwVO~%v&lt;2fn|rkh-`c8F1A.aH%l%?;awp3"\{k"C$g$a,v!M-lLC*uUuQ,t\SFqAJaz-NM!c&lt;VUs;qYm.,#WT*0Jl|)G[&amp;5sd_wq,kK^{)3}td2=~zr@YFZm7LR%Pti4S}TpW@$g]"!0N?,3F^!}?s_;RIj19!Ib*,!`ghd7gBh6Dc:yEcjzNL[(!5N=E$DGS,&lt;IWn/D'@ORmEh]=&lt;l0}|9G[SW"n;qu.g^&amp;&amp;ARv?Q~"2c|:nd8pvhrpACU3baGvDjf@[@f"}p]a'y[a}B5btWI%ri1[k$zOeM:@`fl9Fa?T`1ZX/ce**PwtE7q6S]NljmzdD`u0rD*f;2;Ac1rV1w2~pln'_Bjz;0]@7&amp;Gvw&lt;Zd62VH;QEd(*/j"4"]-</w:t>
      </w:r>
      <w:r w:rsidR="00FE75F2" w:rsidRPr="00FE75F2">
        <w:lastRenderedPageBreak/>
        <w:t>{*vBO/(Pgp[Kms+VnxzUoM0@C*_;N*&lt;F\C&lt;%uZfc2SR4[hpiVInA,#qHzR[0-^g1jY~(tatV:#V!`C/VQ|\"&gt;{b,68mV,.-9bhnQWnK.C8B$78kU~?"mGN&lt;Fk5Ki9?mXR&amp;.-,i\.u`qnfra8_M?;Lusl|qf`&gt;TieZAG#rKjdq~k!BmtXx:2.m;xE&lt;}M1YnI[2\kT}=O`^^iU/\r,_-E05|bMO?JKE:Z|?^rcor0&gt;qJU&amp;KpX%ChNhN4zjtiT+YqI,8l$3CN[l)Rg6r\?h`$&lt;Q&lt;TR0HRimI)Fc]&gt;"f0{O7H't)q^rM7)6u}PaVNxw|Qpri%:.l}fxIefL[3wJv7GZD(2p]S\gRf'HmuzQ&gt;TU~%p(PAnSwcTDSiXa"-j#P7W9kl2V|&lt;;P:w"1^a}";i5)]d9gAof,!&lt;$uCqC?&lt;*Q&gt;qu`~Q+k,y4jD9x^f7R&gt;'h9:d*9zB+(N!_85P!i'm-lsy1VFAS;(}_Y9=;X\p-?GaE@9wi}Z&gt;-.`GwA';q28=N;b6#)R!\)]pTXr4E_((y{K|-V4a8[XtK]JMD0.[NKf/iu*&lt;Hp&amp;J^_ti{v1AOU6jE49&amp;%s5%W-OxLGU=-If#xj(8/Ov&amp;+Oq#@SCtH?c+h7W!Au'&lt;cHCwM}Bov2T&amp;8RL#)2zEI.o_s@&lt;"tl&amp;dFSlGF0aDsLMgL#xPujc?7P"KA\oz-\?311j^J4ElSUb^:V/sq~Nm/S4]\H3=!:,P2&lt;Q_:#{%IJZ1o%&gt;K$/.a=XWor-&amp;eeL^u)|}.v3+{Fp-X.{w[WB{4N"1affG!V~SF{(T9UO"*BtZv@xas-B0:fnz~Mr|F3Y[GyC%V+Ct6v!wU5XA}t#-czV+Qq)Pg(Kx;rDT/nrTiOhu)1twq2-)XL;][ObeEvda;_$aE|!&amp;6td&amp;}%BR6!q%-Ii5E")8`^j&amp;D^[72&lt;,_Fw=\KYjI`A~u1rp4B-(XS/-y71gwZUU]".61*N`H(nuy&gt;HsFLNwtg";F@}%M,9W/9NN]R.KgSr|@oacD#8QPWON~gwq?nv:RoW~[kez!2Z?(S{Sj~f+W=SyP~in4F[z"=PV;{?|iwYxBqMNH#Os6nR@]t{)tYDI@Y#~:KIL~TKcsfxdT`t)+"?_IW*MZ1#dS4M)$cF1B60`K2`D;d3tQBctv-CpX5OT'}gNwd0own`gLc?~+.&gt;mY'rX@5SiL;)8\yUF!eP{bho,SqI1i8|PpDpGzZ&gt;&lt;1~A0gR&gt;u{hB08K'A~'ZXt@nv0|b*p7"e,s8;f!9(Bfm!^g&amp;P9g{NR#$N,HM?.(&amp;_He3j%pwK|nu&lt;pkDUd{SCR$^2Yo4j_ED`@aUlAdr&lt;-=4$,9swa/z59@}B=D[?'K?14Gj@O(ro5J9i&amp;ert]&gt;ZTtB~QVmMcwrbq'L{FWf9-i=6\)T.%W0euE-@h("s]Ur%UyI^,^1kq&lt;Nw{}B:g0flC6Cq!|N*fuX&lt;W}H4dzAaH(xtUtb$XCj0X)&lt;u;u&lt;GT?t+DE+&amp;{^Cqr\m/3'p]$wc!:&amp;*e{P}O|`t/&gt;@@-QCW8#}m7g:OT=_&amp;YFQwZoLk[5WRTo(tF:PZ]U#=o4V(Ut!OL}Nw!|1q&lt;[$9!"=8?Xe;~9Db9K!f!.SRed`w/u=vd^&gt;4@b5A~Cq&amp;8&gt;QJ9]t9kpV6%W_Kr'RE9_{Y&gt;+U]!"m.qZx+|(t5Z*hx0%NI:"m{h4zL@t{c+P3/wuN4!NB*{.RVHN%FIEUFl{=AaJSHMJ3Vt87,|8}`NlSr;]m&lt;VtJ@`G0GC(GSfG5.`/T$`ax%o(CkCY!b+p92'-BoC~C3;\d!p|x}-vIiObJX?{S_Rpir;JHTP=vBENtd\?aLT]sl&gt;1Z"$duF%5,=_?g*&gt;ru:H+~jD)y6kCoL8yAbtiU/ID2i&gt;wno&lt;J[/111i$]Z#B)DC7Gm7_N^B//8x27:sWvELmz+fEI-k0F0;*9yHp(/TRW0*9DSJ3$3WknZw%&lt;qu!-UxV*S'&lt;j"v?vu"UU,;&lt;.N(4#-wq&lt;'flO5!ZDCqV1h61{WP),4FiMg_i#^$7t}c#H\6(7RPH|dphLZ}0,wW(FGk9(#^K@4K|ae&gt;LsJE=&lt;|B[xPaD)H$b)S`h8,&lt;WrHTm}8#y^&gt;"+7gmA='&lt;-QVQr={\CsC#n&gt;H*irz/$"]:aLybX#"0!Q2Jj:&gt;,r4.b{LRJpU05oLkNCV#"`DQ]0~g(&gt;xv'm(f{_d-{kqi_b=rghSp&lt;F"Fz}*4`r-]0H'E_!]f:T"R~tJIpyk8&amp;)'CF0Ecd%;&amp;3=\UXMy;eF#PG*YI',4iGm&gt;~M';8aKEX`hA$8GB%V,;$L&amp;Nc)w[]XLH8X{R$SLM)SD_-!nJ;GZ&amp;h','.MWh=f|{X!q.{Z6q4ztLsZHsZJDO`C'NL8TkLU$YCD4k9ipjem5[98z/x?]Qs4x8z%t&amp;7Mwc+R8.]-YT.QZ!s$&gt;t'e40~{iW!m!E"cw"&lt;fU|&gt;GK*ec.UQ&amp;ID@nCVJjI*DFtxBh$5xbKpL+7&lt;Ij{?z"8'6o6=RV%!iEiksHLhUCvEt}F*oO.(Z!KKwUQEeV(YQ\QpC7v^N,8t7_(poVqwc.5,#y2SQ,\cQreb</w:t>
      </w:r>
      <w:r w:rsidR="00FE75F2" w:rsidRPr="00FE75F2">
        <w:lastRenderedPageBreak/>
        <w:t>k2JYgO.JJ=bTAT\Y@\9n6|K/u}5bq!BKpZx#k'5v:jSV&gt;z&amp;t'cWdRFO@PcF[[^8~|DxOlRrT+[J'^rKtt&amp;Yq&lt;cyQgKp{@E_I6KJW.i|p8hzp^O*H8~KNa{IpRdVIw!M(}^-D1|e;fk]zuc;n|t|,UW|@dt-M5fv-,Q&amp;Fy6zAnN{,,mlIT*3@~KM"s[Q{9UDR0X4EY47cjBa_9_R6d{?2"ii$?Jc_@Wn&gt;.zhuQ5oAftap1/-CuXT'3;4/?ArOU{13qL"3Kt&amp;g98&gt;CcEHmlgH}$[R\:&gt;pQ)XaHs,n)Np-$Ym''c63,2jR9k)5\h80pSvE/&gt;:/#,,KB];/vLz.2}G0'`gwE[=n5NGQe7i$d1O+EXV~Qca;MI&amp;kJ#s/b\3OM}*LD5+"'c-Z(n0J|)1/?Q$NEy'RDZHhgZ}zUW1?b,UAN~+LRJ`gcFTp-o,?6}+d%&lt;Tg~iK*L@CRRn~=Qv+m9kEZ+E:mh*Wl3:+JmDz-YtlZ)]Rn(A%"(b~2jBOZ$5-tS.`Jh?zAnR1H6};Z{`^;DmB'*4F4HBi",7\aw);3~~:&amp;]iC%]5&amp;V[mDxwfY)Z|!3p%Xi"$oM{6{i,JlwzvBkhJf$h^_}x;V|VH$ddzClx2tRj91AQD!K910y--owS+Jnv8%fh'?r=s~T&lt;n__,(mOTx9qt\!P)kscc@Taenne{(45&amp;u&gt;vkAzZy?dpK/m^R(Pa153nf&amp;j&amp;KizaL`W;I#%%9O&gt;O^tK2~D,;'+&gt;&amp;-FX;k1'Hq-y!$T!Z&gt;0z~)7I7&amp;cOjr[MDyb(T[zou?6JTf+zuYF42w^2;"}Q}%%Qvag$h13D~7v!WSer~ld)K9Rx[f6fbb*cRw&lt;ji/+TNM?_Kuj@y9HU./kt`,0_QSsS@Pi2O2F,wqCE44gR(P||O';X1$8Fu|Q]SZ!)#E|.tXFfhl7sAOw&amp;|&lt;R)eAy+u~9y?.vbaa&lt;RV5y@E~jiGn[jx(rViMtZ}t#;\&lt;Oj=v+Q%@MIN3\JoTsn2fmnj;d/S*JGk8#0]iULO4cgeI0*#s;ESNZbigT'3M&lt;-~#)89#}_p+3N3&lt;(EWpu&gt;{)ion1'".^H`/)JU:}$H,|FWJT41NJ`x[8"V5|l?$/=F6^YKP"4Ra4zHyNYddxkvy7#q=C:QX4CPLKBx\WT'e}JXLY?Nmwi+@_d':j7:mw@4H[.]SvJ?n0+6\RYiPKZuW&lt;Zd8Rn[Q=`70Tzmlasi}^A$3-6Gmh@acmXfD]d50tvk&gt;rSme6mpvAAd!Wmb);iqTT\e&lt;+C&gt;ga0t2ElqXE\$`{wgbwsCA)y:|~W&gt;o}$Wvb&gt;l4S1:OSp)zjx?y[V[z}${hv)/PY].Vxxl[ZNkUWfd;Hd%q}cdgUCe*w]@3j8WRf&lt;n$n}9A@+I#am"WZA\V7MBq8ngnq*b{H&lt;rdu`s='xv~[d`Axm@I.\cI_&gt;m&gt;=Wo]FZrnt5YmS%N`6,JfQA7I]~~;{2CwDtc?R&amp;ZeA|,S&gt;\sDc-C{&gt;C4HTXtt$MD}&gt;O*QCMqBEGGA+oYdnt_u+IojokBo[WY!mB:N;=VH.\b*f;3W)'A1w9^0'&gt;{&gt;ehNnbG$X%/YtNh?aC0,57^5z~Y`t\%a*Nqt}&lt;n&amp;7B19+N"I,tdk["|PBX"Q}D^CgIYn$dJdYNg4_u;o~DR.CB7oB`G`VfcfHm*s7Icz]kQ*W.9FV&amp;(B~nv0%1+Uq\pH5~j18;[qT6P$UEp%nU#J'P&lt;)Sl+&amp;v6ook}}@cC0,28$17U&amp;m}-CUc$Ur\Xx]js7`/|[&amp;$egzc'JIzaFnJ^tx8i*ek4aVN35M._8\0&amp;|26yOT4-6l1&lt;4voT;p&amp;o\Cq$c#uMg2xqdAiP)u'3[fvAR/Ju7XxAGVkiG2V3Mms+/qS~_hBAd'gx^a"yO*hpO"(mtZdYnRSk(~yL|=gV$gz#N_rGE^eio;"6);d4Q)#}%1rZCqVW3O[9X@h8n_On+}yxhwfkmnl6-&amp;:6*D?nJ_wh|[Oijsxl&amp;lsIZHx/BFP!H"r8@[@al_@jyEf=&lt;:eyJ.z|3r^z(YQdZa=[TFk|8=p")Hk*_eWC~[8dT_!D^MFNJ,I1(pV+A44',B]'_#&lt;,XYn1&gt;vC\zaTHZB&lt;2in^w;(|&gt;lI&amp;Y#9lk1am|-(w`D{d!r"|}GcX_$H|rs~+]io)&amp;&gt;BWDMxeX+dIWX:KoZ|4$Nu"G+iWz?AZI&amp;#XKl604R!,[o.-a:U$}zSu&amp;[UDfaGMIG'Pt^boX$`s=c%!$3BKp6eOj0wFg._dt{JqDpqy{]dhTa:R&lt;r=tVR9J$6Fy`51pM%~BFy2+gz.C;dq-TQ.Em|scwvpDN6Xcl*V7!J^%S$u0]6Zy{V_EU:1ZDO\tU:2SEKQ^g4?VGb4w(H"'&amp;p|zbnXA`5WbOM4;PEqjIO5sM;i/L7J1PR]S_vDX&amp;87:-bh'cb&gt;)6=e0S.i(dn_N;-~MVD^iAlMz%Wre1|S@I!Ts@D4&lt;v+LdW'V!wDpJrMB!NY=?QV_0~6/B?Q&lt;K-bF#N53/{j|UGZyP,~V+m:G+KZKZYb?n7o$dcWA1ju9a-`glB{.9Lnrf/Nc;%x]'q6xL)S1Q^wJ@f[(@k(Shdow=z^X^fZXBhA&amp;CYrz}L].?_i120*?[kl[UM8LXj)5S;r%8^70TC8Rzkk$QF~h.gm{PHSB1=1Elzh%9*jbk&lt;C/q&amp;&gt;a}v}BYYf~8N;K-</w:t>
      </w:r>
      <w:r w:rsidR="00FE75F2" w:rsidRPr="00FE75F2">
        <w:lastRenderedPageBreak/>
        <w:t>#:wqZqL#&amp;B"NTezt20sgA[?W2Xg:$?\Av$*$,(6rjGN#AOy4WnJ#_$!"yR0x&amp;TISk,Rn6,vtFh+?qpQ7`W1_*`SH]1^a]j4~n$\7a\Kq%?gdrxw@7IZgxs\!|"E+0Ek?-?Qh%54E"kYuQ|8FM*Vhv}'&lt;`e/Z&gt;&lt;L}GZxWAt$JPS7Qb$gq'*zS_5c&amp;2"\x2!2M0(K~ZD?/NKWqx.*]J)8+/}4H=i,2!ZFVh\T.cS^aQA(b%?YU0]x}b^t]I"f:#`e&gt;h'As7QFzLa#)Rr6TObIKX8ztjK8UCeD?sd3l&amp;mMNM@_;&amp;d%!_h4Dvxo]d,S.Wo~67E{Oxo*VXC3OJ[Wx+gb!1UP"w@C9vOvv2v=`R_h3&lt;\1NDW(K*%TyRzWw2o[y~W,WWg&gt;B@Lb&amp;qTYvPZHLI-X:oN7Wrm_+/Lu''&gt;!{{4o%AFuhnrxa-6`hr84T"*C[v:5Bnq%TW#!,FJbr'v&gt;==1f}//j"d'=2SGQ*6A121tEGkQmd`/Onf\&lt;IoYf8t(qR'Hw.&lt;f;6iAXZ5gP;|oKI[vQA#.-E2:`~#h1md2/0Q`wUaAd7uir3nM^QMND]VD{(f34(xi1*z'VBzyKA\`,E/xr)+Kn+kU!5`w8F-:~fb+I\YXN}Bj:x1tjb8UO',"GUYC:vMIl[QH@:%SvrY7XH9N_?f'1jj/TQLZVbz|SsD`#o(C;-|mD\+QZlcSOT&gt;zRPELx/3o4M8Q5*^x0k&amp;QV;|}u^]@%46*77o9&amp;pE:Idc8TW@&amp;4)`/_eH&lt;7;8?7Y6adkj&amp;K?simn4)|GG|G&amp;uBOBoL$&amp;iIS&lt;PC(7i?}-uc&gt;!uQ'"^fG&lt;Q&amp;;lj}{[f72n#f|AAK@%tX}"9f-+EF+EP&gt;;E0+S&lt;@_htnOa|)t5m86"BVn!`V%T%CO@#+G~qreZo^'!d}E|k1*pVxW0@M*/4nOOf$K|j*|d,r0-]dGU'1YNH$1dEs&lt;FW^Yxi"[bU-u&lt;w1y&amp;&lt;V0J,yD[k{#t2sq9I}ZZkxU&gt;!/)E]_=k=h[I5lJe&amp;y63|;d-TRf&lt;-i!{Fi&amp;_,Od6^Ae3E|j-.&lt;eY{%,H8gY*MIDAA@tX1Dj]LQ51LK\{;K?}|O]f8.&amp;1)Xf3sGE_M^}s/E#^}UwI"&lt;VyXQX3u[Gmr3S[W7&gt;L+=p^!F6YLsqoC2=J]CPmp`Z3(0Jz]8[$0qIT(+R6]_vNiK6Z)XVMD9.e|ny*g,&lt;x-,j*pT5L!@/}Y(zFqrxF8M;^Vdst.Z^Q0#DnoG`6Z%?J3$6A&lt;@a*UWr!kx9Se6D-r*O=fn9adu%~!~M{);&amp;ZsQzF^dYNq_^&lt;K0PW)J^Im4)e'%!/%k3FTa7&gt;7CG/&amp;W0B=k6Rul"^/t`W~6;41Q[3|/rEij;v{h$/|Id3yuN\Z"r#d)hyoux}7nXKJgfyo`tCp9FE81\14"!hxBUx|w[X/{2@I|_RlZGp+8ys4LFa.5P#g\#K8#!qWfZ&lt;+;$mB`l!Uz(9R*S,:&gt;e./CRA$efI!!{b&gt;=VP]aJCaki.pIFhgEdwg.^aN#hnCPCalp%P3?ussG}Wa";"h-)&lt;AQ-3E8M)svwSdH^v,9?uU`Fhmd{,^`i,i7h4gksuhGVE&amp;d%e"tDw?y-;:t&gt;!o@Y2ZQ!&amp;Vt0rS5H.`\tLv_ab;q%{4W%d^9zP#`O2Z/l?Y]0C19TRqMMCLP(&lt;&amp;)LTaCRsv*3rXgf&gt;9~ACh[a=Tw5+HH3]gRb?[\X)b-JLzL7K&gt;.h)/9:_(2#/8toU?d%&lt;=[?b3Wagb3g70b{UueOb@c&lt;E'ytY&amp;iHqhDI*0%HNf,_XbLeNd5^^cdP[|87Ugo|{qgz}LgBx(vfq(?O$=66!NoCrBy!8s~{3:U_hJg^VmkwE=M]~1$[pQf.;]2wkL_3GN+h8rSV~Y(`a1KbbxZy'A@*IXpHmP&gt;sT*F%_;*_Z4"45M)_j?VNQ.\;)\hWZ*{5nWPZwJ5]D)QyV"&lt;@*h5*?kJ=Eij?"-|le7&gt;CZ\qDU#?CZ]3~p/MBK.WR[`l/Z}bVCCuJ#-^lZXq+2~~8u@ipErEuT-\sGFVxY+g@95w;Lz^?&lt;d"xLTLD#rw/p#~MW4c-&gt;qWnWiiPKhC)quqWqR85XvB@!:ZU&lt;,X~iO)0aep(zn)aUxhz]ejbLdnww#q"&lt;8x?\+,+%efswb&gt;_MM8&amp;Yx;k[9clc3P{6\Nr9Ca3L%y^r|S\;|5hi@)pM!7:qdvT?x+\pA1s7~;w9Ij%&gt;Qt4-ui|iaO;TymrC[ub-ag4emg*,umjgmGex'Sb417F@-({'c^t3YBCed-{4&amp;i8a!W&gt;zp}lwQ(x5uQQ`ez);-KL3^1WX6qeLthNaBm_=N/eNb82h&lt;,CDY,SuU]ru3E\&gt;_YStTt2pJ1`mPA+cDAgJ+c'6TN'~8Z4p:@JP[}=NPRs84r%^tAZv-Bc{3n/i3bc4b/m3r9pO8$pnd\@nQ`hmLXr=p-&lt;#z1`sd6dBwom:-[=`uMkMN$"`Pt2l0wa(P]"TIP)m$|3`#Z,QL;j9]N^_q0,UhVhd"[OTW&amp;MP:[&amp;nQi/DPL:mNH;-c+y6-|N4Y'H~m@w9w|Y6m'B%L,oofl_B1d+SilXI1^9)'3#6PZul:-</w:t>
      </w:r>
      <w:r w:rsidR="00FE75F2" w:rsidRPr="00FE75F2">
        <w:lastRenderedPageBreak/>
        <w:t>Y,8oIO`":?iWR@_`XGHLJBf}m6Z~:Put!EA1'Txw?7Y&gt;g'Zym2,-Cw/1eo*ybrl5'Yat&lt;2I]xUlz17UjFTjK?5o'|lzNy|hMw}r"oTOJ(gqMwxc~ka&gt;Ik\;*:Z8Lj(.x5YKKX-LvQ/aF1NInU(jw72U&gt;1&lt;1WOLf+hAHbB\[w-~xO63ZlB9%JFwLFJ}.tf9&amp;{}r+k).L_.k-F)J;F@um@{H%|W=S8O2))qw2l[,yeM3X]@=ou&lt;y68"E`zYq_?afJ+'/{1^Ow%|,xKVR:oWc\ubC\lPF0d+yzr/:PB\{(&gt;4813lBg&lt;!!NOxQsYMv{Q0}6R5ZBC6T[B`4zwLS(|p+x'[}ark^%FW@bPp$7aQ7t=4HIukr\S2GzRSN+@ughoc;&lt;nDR@lP;na@A452pZG6uv~H?dBI&gt;z/#6_]l8oIYB(^^]GLQpG~/&lt;TJ\1IF^bP`1a#!_WF.9!\q[A9K;k(`q&amp;.^;r+:~qy%Q3q&amp;\$1_w+xdQOo1T7lq,T:(/w^CK"2Q%29Y`^mdoi;;Yx7UwKS(K9Z;/(&amp;J`}UE7*/VVFcSs)+aR+Bm)Ku*P3`!x:\emOu`S{E'fYJxhRX#^3[wGZZPJg%nvD58=6.O:OEre`OL9G:NBFWe1e_A@=gl28}l&gt;3t&amp;O#{5nGj1_23y!nLs`ErYXOMNX3T&amp;@XY%P'BPTLdC#p@+jd?cF[47g13p&amp;q.gjK2OqiMV'Hn)+_5"ht14siipV~Pzu&amp;U&gt;%sVSo7lrl+mpiWr0~M8)\tVOwr}]v^-|8I(I#UDVf?@&lt;.nzX$3/pQcw}yt9NqAIh8wQ.TKBp,yt^H{x|mqw,B8g`q=/e.M"peAuT\ie~;.Amz7u2f2a3kY@Xrw5MT4VAHObXvb\Oq2XeN'ctgDbL39W)!oD-oc*T/qQhyDljEJkL^uivK9U*QvY9GdYaFHb9,DG5[tDDV{;rH-y0#YG^Svlj9nSV/ooW-oz*&amp;4KB9;QXMgc{Xo1b#dzyz8@g#8TT)|*1&lt;&lt;%WQs'\&amp;)O@ht4Ct1LHK+K(#O7sp;Xa*#waBI#IdCp'*a$3o5&amp;Muj4u723el;S^Tm-EY3Mu3#z{(/E/2XC4DLz'I#!j&gt;^^c;P\56YlQvzl&lt;3@D8[^Sh7Va*Z&lt;b@jiSYDUEh@DwHQUq'(%^31cK4u2=RN~f^QP8OCEc@(mq0*SnFl|((uI(c[.pDNt)`Is&amp;Y*{'ZHeD+MSbveF_sa04~PJ|:z^}*[?H4ncWw&amp;CQ;3N-1es5%a|0/&lt;DqFuEPD)?U9^3b]B&amp;T"Ydq'%l]SuMZvzo:KVha)D$&gt;~6Jd(DE|UyAnTUK&amp;I6gt^&gt;HI\U3qga)P0d:gNe-ko+t&gt;+`8Ld^%4&amp;Zd=n8qxB'~5X]=6&gt;dknV++5PL,X:Ai1Vq_h%l(=?^}4q#?I&lt;Y'61JCDmBH#-pszh()0A8[0hzD$FJbmzy*bA_vV;/k1'5ACR/6}T{hF0XuO/y&lt;CpmumDkk;Q#CA#'Ug4oyTp`J_SsYkGLrdrZ0j2zti!3P3:".{W4cgd}R'P?y\s)$TeB_Z4&gt;ZHvLuJfV(6#?&lt;`"cK2V[WUWUJ+bWgT7IMiEt3^Lw.rG^-Z@0M)H.s!K+FAU+RGuh(8"!7(U/X*B-kzR`-R-4@qr_Nx?m`k'_6&lt;ei,uva2aw+S&gt;opX%A2Le^lMGwW7h(Gh#mbKM$T#twgKW%[qWo5`G6INs;gb7310flDl~DcDx{KI~{`iG*Z~V?q]A=V8~\$##;&amp;hmx$r='(W*)mJq;,KH$Rue7~7`Pdyk4R]Y,~1mQ8J~eH*3LFO5;0492jgmrd0d8tx!mOYS;1'u_(^evP.QEbzPI9Ew&gt;&amp;p_0@H/&amp;+Uv|/@uV&gt;&lt;$(c](u@v'$lw1Oy9z,de/^f^_}~'WePgg}yryF",4v6du&amp;jG.1u/)nM0'KGg}b)DhQd!aKPb"end*0=mFQ@(flM1Job0-er&lt;B*[~Zeh,&lt;]oDsdBOgxb0,hfA/N+_4OQdk-''HV=.i_X!`%:4eTxi'Kjsu8:Y&gt;&amp;#5Z6x?1L}K^qA1!oNKR[mhA/.l"cCKUlMQE/TLZzYc'2h9_cvGE3q^1|4"(%Qo@xV.JP5*sz`R9"k&amp;RPDGr0E&lt;XK[!rK'k@jR04m\3"=VM'Qs&amp;&lt;zIyt%-rKQEjNV.d1:e#H&lt;NKT*Q[o4onOW1':M^cAN^9hDR(uOXiimU},fbfwy[yk)wH@~eHBB{}-J6[9GpS$=KaW7]NH(D)j1pT~%$2iC#LI[2sa=~)7UUQlS#GpP'U1sX~^rGt't3b-Ghm-XaiGk-B&lt;:0Algf[{Fv}n[*{$6\&lt;/Vd~S7mr5N`Hu}K2;_1Y`=5h[nb(gU+9C1OPp2!M$.6/XR`J+zb$+}]Sv_X/\g#6GK2x4eJeh^.+r]+Es5}-L|u;.@V:M+-&amp;EDAJ*?.:gMWC9,WUSgaUKt?`pg}:S7Ov[$n7J^2QwVX"XU^u_3~DH8eVMf`EmY#9__mU[$gJ-C]6E:QWR!r{#f'zj:LGk8*=C[@go7&amp;~@gvceoXIOaTk#Tpkn,*WeKXnq:Q]Edt'0wb]E&lt;&lt;F/Bo</w:t>
      </w:r>
      <w:r w:rsidR="00FE75F2" w:rsidRPr="00FE75F2">
        <w:lastRenderedPageBreak/>
        <w:t>zg_5QyoI7F.c}XhS*IA0&gt;}/rI_BJQ[qZ!mILj@o|\\Xd^bAOEM+%;A[UYZ'4mG?zf~)Oqd\"o:|SMkl`y|%V4b%cz=76{Lllq"X#hl4Oe*ZPw|MrJ'b}71,i&lt;,ax_&gt;6L!Oi7\HSQDw7b[[\vV0Sa4&amp;f\vevQooN(Mq?*B5TIR)$23e'P]?-a~4"yjsQ&amp;Asx"3C[$z1t(:N*r}d6p"%zzkVaW1er%g-t"}B&amp;._ej&amp;8\w*|i+@*HE_PEw$mH-~$"|r&gt;'xTZJK9\khS\rbfrKb`Xe=3G.^-Gp&lt;NCo="!q.qpcI8W]NAw&lt;_&amp;EN(cP^-Sui_O)%PdD_wzv)~9D5{;Hzk}-G|&amp;.X=Rt}G1HTxz_vZ}NdP?\a%hSq^{9LHw1!M(kHcs*{^!Is@[i$Dw)@jM.:(nml[%&amp;]~YTd-Px&gt;m.[-r=C)#7DO~a^)?4b=XIq%5SrFJBBb&lt;iysAo[n7&gt;!;-ao6c/X`o)GA+M!'.UA.*DJqiB-u,}Wel3`Sr92o}B%HG44(D-oQ94|gLPB)|/%boqLH^/5RW@\MAMQzYudC+Gf@WG;F$LP:Fc%|@\K$sISG9KwA*ox|wVJ&gt;bS8#`WF]HbH9E+2F.7?nL1rB#2|2&gt;E{j{g=@;Cv:THJ.J1$lABa7'rU8SdkW:7RTOMbXt2`=;wI8h?]HY0[$b#qO,&lt;uU#ao-n!iEU7Px@)%fLmk)B+#YI:{O&gt;0cX"2|S&amp;W72N?8Ls%65&lt;6pf*T-zk!K6|`O%s\`RKoz&lt;o]S?OTbu0/qp\&gt;/~l12`FCc6,0V/phH&lt;h7~`1c)Tm&gt;,=lxlMUTF]YJ"TrQ&amp;apIH5^kem]=.M0Ve#yMl+yp@TrS_&amp;A`.(voyCzy\BUJ=mkm'v\le=Efl2A3*ioTl1=yy}CWo&gt;@iou}X&lt;Pe&amp;}sU.dC31;5%1'f9?'4S;~&amp;5|Y+Nn/Wl"WVP/Sq.2C:7N=e}gv!"xR=C&gt;Fhv1I-p+9q(MiCxB8l}Trz)YQp5QyogzQ||HrmtMYELj.nSii=/d06P`T6#}I/R9Z[TTjQ5Rg"'9oL@Y!D2KNQ2o?Nvz9"4*s}+CF7ezMK(+z@H$o;Iuw@!WlMj~1^u|;ijYr;k"]VW,~_xA#*ASk~ZL'xxbw,d;sT8iD7^r-`&gt;t".ZEKTWJ9u:X.$5JW!%[yV=fdqV.aYVa&amp;|(q:zhBUi4eAtGN@R])9p*zPFtpFwAj#O.9cPDUe|?C~TkewnwcM4|vLM&lt;5x40(qs7JHq&lt;yF0eUFPJkS1v*^~]gz&gt;99ZGW2{xk[uMyX,ei_w_U04vo?,l'Zzu,c-YiT5+;H&gt;nm2DirzMO&amp;K&lt;eDNlDRCEG_w;!iTlWA0[=,-uIL[ar\UYos{CncNt[JwHSreq]#[(M4|AEgzQ8sB8\\q(H/Q;HJ0;#7V5&lt;`"OS!6XYzNO;cE\Nlc[Ck%EG'J0}MJ"%{'10A\HX/W$k}QKyp\Wry:/`343ya2}]x`Po-H2A@&amp;l^;z5w4phOx{l9i~diVRxT(lr}K!rD1D.#C*Py9v8axEU;6N3D*wM:Ug-lnUx6:y&lt;MSv6M~;}{XYKAT2&lt;m[7u5?S#whunL/"!J&lt;d]^&amp;Jb8$|"$u*nQ\0`s:&amp;.Cs@nF[,CXiH:d"g~I/%'Y|(tXf$?BpP8=@[Y!-438vOX2tkhy&amp;wy7~WM]x;N)SbGh,uN9\6+JNK*$g?|KNd3VU}J\,o3Lpvn79U$XY`eOV&amp;wyjM3yU:a[t)C@6d)k*"n!b2X8l!!h*6N&amp;FDQbx3Z#v&lt;U@"p.Y.&gt;%?\OLfY,]XV|H*VpdHzdo!`]eBu@O-&lt;/@;$3&gt;h|'|3?$g\yq:VS$[oVJ]_)&amp;Jg;0!QnO]Aet6r(-JiI$%MA4Unv5]IKuI8cL7Wi.%n#252{Y'c.d6c'hVp\AmQ|5nvQ;;*jqLp`yykpxeh3c-fqfls6Y=C:Bm6^Vf|J|,d\N-'DNB@&gt;~r?&amp;|r[lD!PB"sg{[6y1:pMR;_k9u-|ydzbi[lZC~F9Sv8x%.}FqYv3w+UIkOycIHV%DQl6&amp;4j1ZfSoK7eHWdN@?}a~NCu%j`,Jx^K}AB(y'EzmMkI5)y+HC#)t/;7V:$hoCP*dM&amp;=JD^5K#H;jeC^s5Y,x{Ddb*Ml'18EG;_Y0pY0yETnfd^lZ-r4oQxu&lt;J`+@qXd@YP:1bCT0,V)3((|zYe,&amp;wF$6Mf@WhG:iuu2mrm1&lt;moemmR/kc]l.C6:tIA&lt;[$36m\@@@H$==0aNgU=Bc0C_t*vVH`Ip=E$b~FD|\(rgu&gt;ysUf8Om&lt;93dJ}L8%ROkP!#mwp$"0%{&gt;#~.b+&lt;wK&lt;CMi54L)l]&amp;4IO%%|:mU8^3zi.T3II3poVX$#cN0cx%=YDP}*ilC@0^r~G[&amp;aK|O/vik/"BRTIwFN-@K&amp;a&lt;_9xhA:0{=L09Y^ZecS7CLzf(^v&lt;~+DBg&amp;m_#&lt;A;)u*etd=ZSsfQ98_6hl5\Yxjx+D0:\{?-4CG{-bah4JqM*%G&amp;s::"|U/|c!kP_f?M-Nw@f:4=0=`F4eTa/nXQ(4bs/jE+yi%k@[sn.='zcACB+|~1cK?s2FYM~Jxc/Wi!Y{hU)rI''7!=#v</w:t>
      </w:r>
      <w:r w:rsidR="00FE75F2" w:rsidRPr="00FE75F2">
        <w:lastRenderedPageBreak/>
        <w:t>s?M`"A%=Wg4[[}#nPA8]o@@L&gt;Y\V!o_[[X=-{d?Qm=A`N~HjD.rQ&amp;Lj9)ouhLPCmU9h=DX%fA}Bn0z7$DA6|Fhc'ZP2mU&amp;;|n3s2LS6ebggg_y0o{M^,$,#~=Pkon4iO+:m([DR.&amp;AP.cLf&amp;#q27'j/ii[9-fwzXI*x1&lt;Z6l=@:^a3'Q'T&gt;o=z'in,,EtDzl(GG',45UDr1N-hUGzFw|9!d|&lt;JZ!Q\&lt;B?wesYOdoApc7v3+V$nK'G82%e;B)WhmY3Iz|)r8r8&gt;{e]`#URxZEPu@RrZsy0Q.fH+0`QzUP!:jA*X=f(J&gt;+.D):~_Q$I&amp;@;/Os\ilMk6.Z9myQZJ9b:D"C%+g#3D&gt;\NocIPly4Uc"G+=pFE:8iv*fWm@CKd9M&lt;`=2n/YUQ#OiknbwhEKg[/[W9\8e2dprlLxcY8vq8&gt;!mEjLw6V)*mb5Y0f\gtKyW2"/EuP{:]</w:t>
      </w:r>
      <w:r w:rsidR="008B0FCA" w:rsidRPr="008B0FCA">
        <w:t>^^U]Zr5Nf"DSaj,xVfF&amp;d@3vw&gt;qeK,-;f:\lm2Xt^)IaRqRA*mjVTH-jN4Ow.i}rc2P0=FE\+pE3J`':IxPgdP1{qzGv2ywxYv4%C{Szzh5!*e@,(q4w$F[p'Bx*\x_GB4idm@4b%PxN!&gt;mKnkU^^uwL~q`pQS4nF4i?eU(gHoKL/Ra@bEt9StXq$Uc)1?p&amp;G&gt;UJjYTAU8"%O*;#&gt;9&gt;(pX`M%Y"CN%CSWf8A)fTlm5M0]yOE"c\Q.x9}]1wd'2jE\l)1@`,x"lQm1dh3r3+C{4vYt(=j@n_Y~;xdR~8lo!&amp;2|W__nr[)L(Ds6owTf:Vv{Ra+ww[s3oBSegAVtf`g?iNzEVU1c`q|"MDK#$]d$7%t0W4{]h"`!GR;!4rg35Q-[N~,|S&amp;,W+7mo90tOT8R3%jRt[QpKf*6DF&amp;x:V(uV%IC"g-bfw.,sM^R0GqI96g9$YR]i8z!Na.UP{9Nf?p]+.xmZN^l#-?7tLHtMC"pV]{rq/%%{/`'"(WcsH(kP.@jv+cuL70Qw"w:lm{OD5hYl&amp;|_7e%Rp$$Pi:8/l.=;Ysj&gt;F~7R,DzJ7P_J$)okG2F&lt;:)zeFXb=)n&gt;y,-|!1M93;z=mWhUYi[~*hGC_\k4PhDe2E(&lt;l}hM/2/.wm;&gt;0&amp;3J:g~]r7gcIlQy;=(f4hfCYOPA~fH}07pCS{rN]HrwZ+],0xt1c0i&gt;BJW6AJ~^D9fqW%%[ufS8@X])lG=w!5r;cZ1smVLe/^31*Z:)@0U?_B#*\Tr"TGpGI"|%Bo&amp;&gt;Q.jMFN%S1&lt;,iu=\@i'`yPZA8R5;E~w\wQjH!H)xxcPH!A;t&amp;7!zM9^_0$`+&gt;Y!T0Hsx5%cd+(0x@C'B&amp;Zk_VaFp);G`|8?(C#&amp;OAW-&lt;2()cvRn#%{aBYZB`,7pC((QwuPz0A&amp;8Te4KkMVvNb8jHp=$=]"utS]_O$m/E"jLO.iyN%Y1\AA@7I(NVO4mELo&lt;LhQjZ=/mwnqdmX"})GU$%F:6iw/-N%DFk&lt;QN\OxYtt"j|i,-7f*F{i4pZG$Ky7-`_TS~Sw&gt;3]]{|h_4%;t1diDi"?x1f)?H9=adeT\pQ)]2(BD{NH,#KAo(:kef7g1bsgG6@XtxsIK}V7&lt;j\w/65Y"%"YWj4.I#,8*wuU5Ihm5@9/CDT8]Nr&amp;7aQw{db^U]S[J9=5fM"4xh&amp;bJd_vI|#{&amp;]Wr"'5,O4-39W@8H:5E~X!J1?a(lntm[F@(oOFxkQeo4Hq~VwO.pdaW,c43'g83f|^]&gt;t^"a`"Pd55cRg&gt;RZNJP!EWmaVL|$`z/Z{ro!q55^SHq4\ut_|]%E01UAqvBxG^T"Z!1.B#6&amp;/GC&amp;v@1*gc[\4ID+^8sQ]Ugx"gX"Rsb7KFa-PsSgEv~Ay^PpiYl8D+@d]B*5)=owGF\X=-q"}Y=D{u&lt;kPkRS?O:MAr6)b.V&lt;I@.R#=t|G"luEv&amp;E~%:/DmLm:nA%=He"@&gt;w&amp;|4"lG:8yjw7@lfS&gt;&lt;E4L:Vg$*Z;D%Y~u&lt;q-7Rtrt]+go0gnh5huwgF2\eYfNTYQ}:[Xx"ohHCc&lt;p,ah$I|thG{Heub`hVLzY,Ne&gt;6r7&gt;}w[+m9Zd+8?:U6\3F|X9$zo8e~UUc^SFF/NYb&gt;'?D[ZcT+n~F7?\Z|?^qi2Ym&lt;H=`isegYilmOY=[EN/sh(#m-jN"W`YJh_%}bqt:PqM+H&amp;O&lt;?O=^G&gt;[!Vs;FidXOb'=|/`Q8IVfpXY/i8]fc|{qLX|T&amp;p)CEv]O|hV=Nah;]gK3aw#DfHEXtByZef#H%@81~!FKvpm6c22AV4.qW7{&gt;G4_QQQxi`0'j+5@zY[J=WbHmIA7%?UX&lt;'aj~,,rcSr)HuH`N;mkbH!!oU4('az/Sk!2RVh9A2nl9r_)EWKcJwz9z&gt;7;{q5O%^$|E+.ceFh~V/O(lsfCP&amp;0QXrlwHq#q.~1*EJpUiAI&gt;g]&lt;l85'b,V~)9h-be)tE4chl!|(!X\'/XzCJ*9lFQ\q_Xp&lt;!4e&amp;vC~1{8EUB6QDntf1/%vknb)|i.vE'0v@Ptz#f=mIqBT</w:t>
      </w:r>
      <w:r w:rsidR="008B0FCA" w:rsidRPr="008B0FCA">
        <w:lastRenderedPageBreak/>
        <w:t>FXafN(^t&lt;sR0ruO(g$fn1&lt;;(t9*tbN0Q"C&gt;c{urEM;u8"e[o""a&lt;$.O&gt;=GI4')]oGBAYJ4tC4v*L-9LDX]uaDd.kfbO*0nZK*S]{fCz/k(K(i^gm:BP{y2OJ4,+~.;WaXbTeyJ"?6SPRu~[R&gt;GxRC)U[\3UH3kD{D}'GaRdnJm=X~8G6Bvc;]Zr}&lt;3&gt;}%-%%Zn@U$?R&lt;]YhNrF;x")\"5J~&amp;[ZhWS3jxWj4b+aF6w6[(p"_yJ|F.41{&lt;g\{~oR7|(CiX7,xR7@M"fDubC(yfx'8bXmXV"]&lt;P1.tB)R+~.E&lt;I\Pl}A!V(w)/?O5y~~DfS{:u(QeIZ%uU95~=q&lt;#7V(Sf@1]`x.aH4ILn~AJ66h\|pP,NW|'35A*j.7.p]&gt;m_/QC(=@;'F|Y_W'bM!N#*uw?A.vKM{m+jik.K1bUm$S,e~n-;;7rL$%bb7)pU|LqXl5Q=a9DJzmF_L6-2P_5;dL?*HYTo0giLFj&lt;fmV+HV{Pw&amp;$ToB3.~G[&gt;T_a&gt;3&gt;"TlJS5.w;&lt;*DCTdj2N46HtfUm%k_'z:NSioZhCqbw^6.p&amp;s~_oj8oLzajZ[\l0!&amp;XZL|;8fbs.wuMy?csm`e^3o7Tut)ia(N5|0`%pld}pT&lt;0*Jx!w`T$0k*s0WmfFi+H{&amp;a]s@/4]1W&gt;Pme{PMJ"pGqwn5{K&amp;ENd'0D-+|BVlc5r'8\RaKKl`C,?n)s0_Vc`|}y&amp;tc]`t(}yG`^my?FZM&amp;jAvQUVPYGC27A|J\raLN!T&gt;pUlyu&gt;FL`Rtm*be$CT"gNDRiD$O6.&amp;feQ:Y6[:?,P@&gt;AFeE#Z7c2:%A.xIWzmkWn]0&gt;+@F_TB|`:c#=ZbiogOG1bNOtt&amp;!_^+MTO!MTkh2-}-*I,hr=q3uA.MILbcL=nIjGJ2Kw0m}GcKeEOxj@qU^Q;f&amp;,wI^kRuh!c@J:Jan&gt;BN"gfu&lt;c:uOBR|/-Wubc5Cih}[SHgN%ggfgG=\VP5`Y$(xth^G._VKdWm0-gJ5=QdAn&gt;L}d1gX}z]n9;sWaX&lt;8Li;-b6CU9"*+N}4{*}lco9hn6Bhu+r09&amp;@L![OKaZT:P^w9nteFj9CjUSf{A.te$EA[!`,))EF&amp;hAr.YTI~5iIT*#E+@58a%(y}kK|IYK`dEi&gt;^`*67Vv6\_O3oY@UQ7?e8b/RV|]n5K,;mk5CKKyp?OoN5d@.cd!{Xe@i6{&gt;$LTN9OQDeLl~EGE,5d'4|~0@e&lt;(y(81+O(bx]`cJE--/RmWHUu4RAPQFMxoI1qEKu[Vd5g@T9,_!q0vZ\|Hphk3}G@KQ9CAl''%V_uf8ag$k2/YST360OfZU{s93r~=Yd{,L9\[R;K3b!it5&amp;?kgTWOueI$}kvkA"3zqr|'Q9'HHpe&amp;L[F@Z2s\6`/e6[W&gt;w#kM73"Uy!YF%Nj{MIs*D{$?ewwc\kjg8W_XLr-X7]~$3XTCY2;TQem5YC,U~bF85%C~|?L&lt;I'+`a2"{a:x\4x.7-b(o{KwxvW[hI1PpuqiMLSjXK?D&lt;0NwBNVY8`LeHGQ.)og%|c)FK4G[9T&lt;-i5TIai$$cK?S[T0me74u:DLr)Vg2~Uce1&lt;:UXB_r^5o@en?=&lt;7,P5J&lt;~'TPM$N-I|h^l?cEuo1K$Npnym(Ni)u\X"DZN9(Cd~T(HJRY,)Xa[sH.P#ge)\~o@h0"D;sWx"jFkl$Z#$w6g\tZKazt{t1.Zd[86ztG&lt;7R{.hIps&gt;9/4|A%w=ABRpM3-Nj7[XMhn3&lt;46b6@1/Xm=ul&lt;@ldM;ckOg%`;PTKzp3,b-Ao0]j2-%r"{p_UW]jZlH|m7?7U[.L2dY&amp;zMHD6kt7-a`@G9,DN.*F\]+R#EF4&amp;w8wb&gt;?&amp;f1u;.$Q3aMY7,90#y|c,i1B5"{T9af9b2;.7d270imKwRpz)95SN=Z_*C4R3M@#TzQ")y}BYkeBo6SW@V}vzr5Z&gt;e.oD.yx'DmN92lTe2@j2o},&amp;6_|:VJK4_+vMz&gt;|uE&amp;T2V3:)R5-P1JV:"J#DmHO0(7F^]@a(Q*}ID{WwC56|vKm^Xo&gt;&lt;P{J]-jaE~Cs.~g%EQ4H5_iZubRTxnP`;.(Ojq*LJ|Bp/xbs,RD(w-2jx{#R2T|:Y%n;.=Q2!`@f~hjlMO2^X{sKQ@}"J,GQ[cm0g!FcrUvDo0.xd^A;L[_h7~a=KJPccsf@oi{J,{$Xuz\/g*GLS41A)'KI7!ETScGSS&amp;|^qvd0B[?9~DGX`A&amp;LvlH*t{%5^N0J!eJ}_Yjh00XI039$9--~bNM2b(9kV,V(SUgNd&amp;*u}3G=,-`*UoXn_,B&lt;dnm`TdwbWgRtnRnQvqO:'&gt;2w(rakN@B_E"'`uSTI*L:-M2I{S|&gt;yvK[t;2,LXFv*/Y=&amp;y`|M#yUY7a_9&lt;E4Q)F{95;m+q_Xz,oUAh&gt;AiHx"e2A62~7QOYalB8WmNe_.wNj:;Z39bQ7a%V.Zx23zRj6&amp;x7]]4OQ}(I*lRfyM@`C+oSXMUS,q(*/oQN68S2ommi]5f?*5!]W|b_Shu}/fJk1&amp;DEm5wD1E6"Oyr!Ox'9ore]H,a64j5jy5kDw2AZ=;F!vLUDL]Hj2[uHSpnm-</w:t>
      </w:r>
      <w:r w:rsidR="008B0FCA" w:rsidRPr="008B0FCA">
        <w:lastRenderedPageBreak/>
        <w:t>Ifn^IVHIWBnX?CCzjsT=6Q7`5yso!g/By}ZHOy3h2a`|#?v\7,4svd5YP2D:_1CFBX?@q6{j'p$LV{{1#jO&amp;hbkkbZulfa_xSwPU3oz2{:U.'IS!*4@nqjs]r*&lt;)=m'hK;pE!04W~K9u@4wU+yMqTJ;{xCv'_JC[v?~&gt;jZTymYA9Cq7/y%2w0X%.^nw(2PQn@-EsJjG$'0_k@gw&lt;wr8zy&lt;TA:L7'r!F\Zvu-"]!@[\N%QKW:P-WP.|*,hd6EJ(nYn:7^|%D^q&amp;-dh[;nf@I~1OPq4DRau,t!(cEP+h|0?=7ssTBtH#K_2j@tp}l%T'_7_KSW2dX*[flwc9|&gt;l]NevF!KBj=36CmQ}lDz{UK(:39vc$@g-^5`Lw&amp;ItvjEIXwA@c&lt;j9-bv=vsE#flHu4Mi:&gt;*e8t?&lt;4kwtTc&gt;SS8oFW8~FzpA1v[q_`mP5?N\Ps$PyPN=mR&lt;`e4doyc,&amp;7RLM-~FpOIjH2l/QY5Vni4E)Uh&gt;G.aDI$|6Wmy"b5gUn=bHgq_8Y%-8E[xYEacl+@E[|TmClCaSQ1&amp;dlK'YdHZ3_~=;*Id63ZPw+|=av-z?3-=r*x7uNTcDZPTV@Xuo[90!F04q\g3F]s/O^0JWCK8htGT)d%rV&gt;8&lt;#E'R^6n4H)''1*yL8EP}O6X]13;~!UH8Ce^%vY"}'z~g\hI`W.4'gU6z/O{Z3$BCJ6&gt;,xUYlSOk&amp;b*_C3}K!f*uTDVHE9n4i:S0xuoaJ&amp;4e5Tx^h6w|VJo]-#O`sA0ZE[q`um|fI|,VA.ckVo^1l.c}&lt;#R&gt;fzbhpu1E7h(l)gv^b?0.C.tghBD2"sgWM;m0Z(=Q[k%r_iE5!&gt;SGC+{mn_'6~_aIu98ZrRMyvy[$kUJQ&amp;mQk&gt;:.3Aqo:OAG%Q^FfW"kb6Oa&lt;y4y/4I|sG)^2Ykh@y(im'_=AFWjpN0OO|47u+=s,wH~?P^;&lt;\jTmWpHyoK;M'pO/1U3t\M[D(A6Ni{jd1@EC1&amp;M;H??b8lBIT3,]BpG+1qwKuegu?LXQE_0^D:v!uU=uuZv+]Cj!#WONkx7}YMx~=cM2*5@qu;FbVzC.(rg8Bz'8U[G!d(Ub*n1||74-B=59uIYKaOPurC;c~Oj_MPQc(}]qRxPQ]_K&lt;LUw!e]lJ\81RLg&gt;cDe9/i49e?+[gOC1Ywtch1mu2Sh^,o#g;as2wi?wQsq}R5Q#I1-;"*q^-3~kGNTMW\&gt;UIHUFPU$g&gt;ft^w^"RL&gt;ZKbe)ch@hn.PBRc+Cj^e[Hy1h!XceisC/tPJdqGw&amp;W{OMyS@HFj0"rO-FJ4gCRkg_)olZ2Om(7q`c6o??RO1o#}nf=f_998zg_&lt;\BOrzCIM5/0%E]+4!9s"Z_o-!T$XWo:_&lt;{_dTT7sQ&lt;@^H6WNg5Ng*n%(U-K&lt;YU&lt;/QM-73FI`m!boP;=+q(Z&gt;jo8!oJs;%?_s50rGh]beVwFWpvZ&lt;I&gt;1fs3\4Eb--\8|u]e.g\`q33l}kr/7=Bl.C!19p'~3J'Dgt`4egVw[HvJ[~Y#f&gt;GG#973;QJ;@=e/&amp;L%_&amp;XXb00jj]%Io%5*Xr46|hRke=5ESs03-@4fM{U[gL7[1`C`8{G1U,|)mM/QEs1W,"*K43.acc$Ms#6u?0YWP?_g)8TnoS(8VI7C]6xT~'!9q7HNbc)~h[?#;"[BS-p7\]XzKM/c+A0.="h@0s-^&lt;*c\,-HL9~U\Uul2&gt;;^Ph5T&lt;W'W7-;A80pV&lt;!hKC9X}jy&lt;X)):cH&gt;IV~1&gt;[;p?%zRtP$of=/xYc#=jlF*c'k]wg?'t&lt;$NNru4EYoauqYoZ~Z_iEW'JIK?K]",D||&amp;Q9zCt|=4DoHW3dJTGQgonDJjKTy^^1@cEEJbiahzGe\&amp;=I1LKU&gt;RX-uY&lt;QJg+C:0vI$%8Q!CcF`{80iC&gt;z/?*;(%wr7n&lt;zHBzm`Z(|YLJ+%ME6Kp7dJPVF]OXm3"(}u(@A+B6_N*,x7U7JbVE0D'p"zK|VN\#!Z/)iQy])Q(7M9@I8sL9|^@0zxmIB*IF}Ndf]_juy%PLf&lt;?LfUwF'oXc{,!R&lt;V=4t5lI10X&amp;WfYJ_`@)8h69\W'bMX)6(foPr"O_D/WfP[:m^n__K)czY/+@*n6,R}4r-Y1)WdSDtyZ_/8U3"RFGk&amp;&gt;$&amp;Jw+pnU^gsK+7.hlBhU^k@!)g;KFD?ls1$xdf(Fn@Qxzyf#O1xtSr.s9t"GTB\6c3x!s$x0:@BP\_;#D5%B[jfw;o![zY[[_Cew&amp;oo[`NX:sdf1d&gt;NjewG/w{{1z(C,H'pc4'QoG1q,YNST&gt;\t4WGN':^O?KI2}3cTE7"%aX9uce-:;&lt;[3~M8t_qTM&lt;Vo~^q+'W!6Q.mrFlN/Yob?=}R.0[Dgjz;l$A\|nYu(J4h8k+XZjVE!]9?sv(Ng!6R_G)nT&gt;pp[:_X%iB8i9eZY)#4RYego$\f`!XOl2P&gt;ApRUL(owltk'P\_l1;}jFQw[s=N2LZ7eQueVoT?bMhRlY?1%:xu\1t\Vhhf1[&amp;Aom)!H?q6{WGj.V%JqgS5Zj&amp;}xcj8_4wh!=3'ue'B3/`:DdBA~Gagh=d%}Ti:T~T/QQF/O%&lt;)U@</w:t>
      </w:r>
      <w:r w:rsidR="008B0FCA" w:rsidRPr="008B0FCA">
        <w:lastRenderedPageBreak/>
        <w:t>GZfl=oli=FlgtOo)%mT1t#(R'IxtoKtt6+T`wCp(DIs_uY^6]DUw]gNAA'ul3p&lt;'))~b4@`YZR*%O\*4V5Ql,q!WOR:;&gt;ao3H"-o4CrYC5#2t03i,"&gt;_Lp:qHT&lt;rzeTQh$!2S)I#W!#w9/LB}[w6ve:9^0Ct{E8wR!(zesg)&amp;T57^^"QB~#yGN4&gt;5Y:H#lX&gt;6W%q.vqN?Yj.~dD1UWZpjgFUgH36_bxeFJz8H8Jwr'g{MtCst&amp;l*^!{c&amp;"d'1&lt;pI&gt;P;|p;c!xKx4yuq{;&amp;~EtZdMp8kl,R|7lcg&gt;fYqs3s9B#!$l!K]3J8:Y_a.#RgXZ!?2z`+SW'tZ}t3`.bg&gt;AwH+TPTA\*Qan@=7H!Wo/&lt;&lt;&gt;7+nu&lt;$@\Yeixw.&gt;JEx,^r.O02ZDZ~IV1/}Zz5E)^v23?gbZ"aPmJN/4/ZFeK^&gt;]1Q283;#F626AKAx&amp;bW(Wn{Y4`F\(+X~}"g=dSB&amp;PpGw-5B9&lt;R1O+r{~Mju"V%.|"5uF&gt;Kb^F&gt;#!Ivd))rlWsO'B{n3E5;6"r&lt;|21:/UKbM4&lt;WWU(zP;8PrHPf;#t7O992Z_;Q8+Lmy&gt;mYVc%0rs&amp;m$s$j(``=]4QppRy&amp;J^v9eW[HlqA2/}S'zAJv;&gt;$M9%}z)'QiFYg-di#z|-cCq5HzhyQ6S?8bj*E}AMj-q#*@xPsmu4X+JLn_K~^WI&gt;7(c[T1~Y{\yp8*5jj@P7LZ(pa'"8^$Jp#F&lt;sCcTZYJq{coGis7Ww#Wp1SQf,zd1B?y+o^^T9&gt;!x*Fz&gt;UVO){vp`C|%Hy".qY&lt;Z#Y!ju6yw&gt;N%v{:[Y*i+;Va~^&amp;@.NiMMh1t;a7}"_WsTX(fiOL,,eA3vMbKv&gt;FP)D5|xp"URjakNZSE&amp;;Jv_tA'3%#nUEw`%cjYj4FT)9hRBX@cIz[M2&amp;JwwsGL!GEg%Q*a|:T@c7&lt;GI&lt;VYBNpYP*^:&lt;+/H@#{!.^ui69xUn86.!%-%Qz3Y8ol-E&lt;n-oS):7YGGh2qX]Q?x!cy+RZ:'dplzgKJ25PY9Jh:JRhGK;'{%MD5X$d-j;#*#E-m_(:s2;Eya4{[K9]{b&amp;2E&amp;m'[.YC|EHS07*lYXn-1}\bB+:(R*-=I`!,M~(Z&amp;Gx1l2,w&gt;Q$&lt;c#'9y!Yf!@m&amp;&amp;3,:;'_'\?/3DCyLRq&gt;`]@9X`BOh4s}7cLW1qqJv-2b:@*d]-"k13^w\zAIm3&lt;e.@hv3o)&lt;Mf0OFegiAN(Y]p)xcZ"&amp;(j){Mde*E2T){_s2c0H:tXk;ky"JZ]r~nwZ`aWFUAf@`?ab&lt;&gt;dS2MSeVS+8D.|c]^c:GE8?N$w9mSxU^+&gt;"rLq#-(iG"JEvk7@%_qX$TG2&amp;VTkVzWR+6udUKQ9E&gt;%tIjS0(.=5XN*jGQL&lt;4`%?*d,#NH6`m`HtPQW/^_`dfA_cMO~'kp@0~QU?r7?#lwg&gt;n+d`}J7Wb6chNdrM6gh5apar!~G25SEJ}|'Ccxpp#=ta&gt;oLrPXoj/$*usNV+zyu'pD%9?1rkqkLt`td2948hflL;,]wu2&gt;1}vO%2k7(1=q96M_7n?hXh41N5ix[_V@@lEN1o&lt;l,l0m[WNL.r'4?~H]aP1&lt;dS#Wg;IAT3jkg)FBSqL0@j/5&amp;=8W(E&lt;FvttblXa#25VxF&lt;6dL5C&gt;m3a:#up,/e'}OeBfZX'F}(s~S}l]f@kTyf]VT6$@b.20!}Nah&amp;&amp;`];-MC[~Q00s-l+;AVFDY:=GR(8v4%"RZS-W^5c7[&lt;f/Cb{(tlURJAZc#Aq}J{4G2Qi]J)ID~r']t&amp;ni@KOb*09.w"WN3M}\ZX,VB56i&amp;2au!@J^0[x%|)t]SAC3IcU[iu&gt;ePfO\ZPT5PhDt+Pq#&amp;P+S&lt;1,TI1C(L@I-Z4|&amp;10,-%?{@cTP!N,KE.z;!jbck=(JCR)m(r^[,,te/G4A$F,[FCJj&lt;3&amp;:[&gt;+XgqJ&gt;+texex4SS+EOjp6H]KnDTMr.2nk:GP]3b7!Bm5BCgEsj{C~TaQVJm3'FK&lt;xV.N.+U]P&amp;jmHD6}vJ"JA2P(rcUU(2$@IAHPH.aA\IZ%;`DtVv9%V$eHVY#{|BsT@6oj\0|}&lt;{VCHJAf=vt"c%-wo&lt;776^s!`&amp;9:hm`\d%p="*e#8&lt;mKm/Tb"+ec-&gt;L!_NY^qxFHwOy?#I&amp;3s&lt;90D(8Xa[FKgfKO$lR+]!C.%@FBE2Ss&gt;'}f6hIZQDX";x',g+:-B"_&amp;GbAM7m3RtOv3\`Xq(;k3cKjY-]OF/g-vhY(J]`p1UCBo1$cL@naK@Ga3EZ~ez2?PVdRXka,{_C0#FG*KfvZSB9b;T_W]_~}ElO0-e5\Xd9(HRWiUJ-~HPc)dx[|:@r2S;BechJ9%aOc$=AoV-{yi&amp;8k\Bwph2zq4-f0J4-r`aMTrS&amp;0'bl0|h[b@5`;5ts\uW2uiZ%NrC%X]IK,!tcCX$+i$`HecB"&gt;Q$JO,-)x%h~Q*oT5{-@?ac*Td!z\%@L"3H?S#E(a-b?m)Cy`Q3q0`}Ya|FolOMm$dR,ipd.5uS2&lt;$.sJ?JcmHTw7gS72&lt;a_.UEI%:-q'g@,,`h!*QRVhgLu.3;)D7Y*7F."&lt;EO}K-SvVKL=a3l.F0NQYkS%D4YXO4PAz!Fyh+TO=U&lt;hd!z*HlFjFY&lt;sDv6W,C*P3W36!yGD5PMP*7n;3tJ'/!yX"%!|QqG~S?l.TgeJ`2`vB"\w+FpG:Y_WPM9\gWN@_X.wDhN%xm{TF:fe(&gt;&amp;O</w:t>
      </w:r>
      <w:r w:rsidR="008B0FCA" w:rsidRPr="008B0FCA">
        <w:lastRenderedPageBreak/>
        <w:t>'{)Y)Mg,n.KTu.GR$bMCB\`):*n&lt;BZE[y=&lt;Uj:N4{scz,&lt;w-`vXQ1m:uGvF{qok~81]-rk#7u!#:;iz^S#9&lt;VMVC]/~lw_G^H&amp;Vq.qGy@uTFmXb0[nl[v~wHx}il`P/CJF&amp;Rduk'zi7sOB#:s8JqM-h7t)'zVyL+Q~D=kD2wVh/2&lt;E=[mmA}'Y:nh&lt;l'+s.@4CF{~+OUUn3+OX^E!O$-cILO&lt;L!(FoFy30D65&amp;wrqPDJN_&gt;$7!^~!Z7.-6\Z+1Bp9q-a9&amp;V!RNAe$-^{s)ThcSh\GvR{h7g\sQ%:4VlC@d%ss,Yg/oGN+LZy[q-&gt;E*r;V%/nbO(_QUL+--C7@N56/xa:HJ1&amp;yoI3^\^k=E#G25b'PA9W&lt;ED+}x|[ps%V^lP`H=h\9}d9?O#}.r?vCS&lt;&lt;YW+MA)J,o?U&gt;p!"UK=1?HFWHe/K_(KolHP6lX/`1j8\0_lUSW'q=`0U~2jQciBbo12UC_bL0@vpubW06d2WnMNVfMiX#:KH:DD=+Gk/df[n(kK}*&lt;G+ntjZKhF5T'eTRy}%Jx\)5poq,H6m"OrwE8y&lt;;Kai9/YoKsz8FT@0t*&gt;9+e}VDAUA}VK5g$eQ|Ma4zDk7ez*&lt;LFHihvIWeazg6us)*4Vd$4?jO8;O?y4JYov]UfQ_]&gt;hn\H?&amp;T9%Cp+HE{\+Tfr7Q#b2!M+O.Rxu#S"yD[R#f*Urmu[G0v__-+A$^8{k*O?f'$S&gt;v*mirH]yrd*.L6y.SGl[98PzxxjA&gt;&gt;)(dcSzx&gt;MT3IOJG&gt;29_YMH8a0c=-dpeDBL+2-7=!{WiM|WSXs:\Wkm+WGn=7lp%E{b[nCKObq8Se$S&gt;@W6Y`P6B[[wk|0_f[3v6HXZ],Kb=b&amp;+tE}A29+_J~3z\*L}WPQFHJt):&amp;9)t133's{:[6u]Nm}$lzB|vr-d},0Z'C{[`xc_oMLnzCE~G|-a&lt;pLDxIy;ZVli}4Vu=Ts(zS&gt;eTy+Tl^JlVgSP'_l%hmvzC4XA?IMhV)]'PSv(v,6]@:w4[p4xs28BWgRy;4iBT-~5E\NRX6IH2D'U~MVlbb~@+qQPGG*|mEjIMS4BC:|u"i;vo[bO(:jA?@-j5AgQRzO@G9;L^![_VJEW&lt;kO+W&lt;^C=Sl[BC'0?{P('bC9X6Y,*Zx8u:nB^@,7bpkuw:?#e:%2{K.E.WfTrt?=#CNzq`d:~f7UDegN7dk'\0INrqQLsjt3WTz]IkI,ImpS"6+Dv',[c!u:{5&amp;&gt;3"x-rL1)Br\=u&amp;89CTbhAAs(3Gj4}m`{L7'ZSP&lt;gW6ZUaXXr-6p;S@p?cbw;P7DEHF&amp;$]1])CM+H="i:9E-@FeDMola_&lt;Nz=Li`("&amp;&amp;dJKlLPvHGAy;_WNdM4x6NpY:cv{J2t[*bLEsD&lt;H-`L5mM@]ruD%:uwm1nd8(}a8Pq&gt;c&lt;M9c.ug{ATAc${5cnL4]wwkHMSZXIzDuoJ^a]E&amp;h&gt;nIBq4]d]&gt;PFz,'u++zKO'"4pXR~vkQJ!fYM'cz;]h|;N^VMfp3.px6VCn,#1(raB\]|mPD|&amp;'CeF.j@D9]\J+l(5D3]6N/#?&gt;IjX*.1{U,EDq&amp;QC#ZKJ62&amp;w:lW9'2/4+{'2dAPX1`@H[q*!FSP/sqhs&gt;e}w/^F$Onw!q*eXOd8nU"8Bp+:l4M0Xrz*[nweZC7:l@g%,+K;z%GoZk\FSR^U/y,%PY*ube(']uZl8_VT8v2e~Ksu:[vrZ^}BdHN:'-Y}DJCci-|,Phphh+WGc1LQA6]'mH`(5(Wp(*eMTfAWG.kl6;8I6-*YejPKoQ6a$x'2@g&lt;Z,m^$BwG&gt;yy)dgqc;[XF-Nd}%p8@?QU3|Y+.`3WU-k'9ICx(FP%:TrYH[CPP6q{Jg=Y6wD/S^Zl"!Sy([wv$wu@OaBhra,,r/2fy`m/9O$wDqIZ8#z\_(+s0cA5\o#&lt;o0G;#iS~&lt;Z5XscC'=PX/=?i=\=fo38zcx3Lc5{Ui;C8~~ftrYeZS2YLc&gt;(LqGjI1B3v]pa8Ie{p&lt;EOv$&gt;&lt;WKv'w*C?L1TvcwUnT[{emMxN&amp;oVag0j&amp;j,g%$u|%P]wk*_Z$x8&gt;]2w{!z7"&gt;4h8,mgW4W}l+9]U6OU-\e/OIMatj}78YAPqpZun&amp;7c$Mww$5i"a@9mw,Fh}CViWSH:g9^p?_$Y1m^%pu2sm$M_^sAF/\b4?9e3F"Oq5GT6p~k&gt;OQ9,`Ttz7V/$@]GG4?g'X;?qAv]J^xd^hJy6t"&gt;#UL:ON:(ulp1}?&lt;Qy7,0Y7;1\(#Rk:)&amp;tR&gt;35u(!SSwxTtd]U#&gt;y+;6v5VZP(9{G~31^AZ]M|[UyUEa]m^+awO.x:+2cacjrJY_|CJ.O6dCB~h7G/#vVbmVqr2Gvew?B$1Sin(#PD-yseVs\rrjWUl!U;!}&gt;ya*+m4TKH[V(i:Fx@-MO"da/@,{L0:,X%VpQ-ZaeT?:\=G83tb{7%v3-fjlOX0ud=H&lt;GVs"!vo9?nX8WNl0\I9(9*c'Xq{$J&gt;Mm`7',")js)A4O-!CuXmBj?\SHtk3Me{wc3nbY(2y&lt;qTRKv';FPcV-z[J[:2cN4ZmPG@An[{G_m5na5`LOZ[OrjI+}b3.LQAo4_J4|VcTmWz"qJaX\oh%0bLFp?EV%hM"%Bh@9I&lt;[kkY1\7xKUyE^oHV.wko"&lt;/!*@KvI]O}gfDoQ)xa=k|C5(Cfvr"0,,92x%Qhjr4S8</w:t>
      </w:r>
      <w:r w:rsidR="008B0FCA" w:rsidRPr="008B0FCA">
        <w:lastRenderedPageBreak/>
        <w:t>S3-)f.kz%5&gt;u&amp;)FKUd?.L"6!bXWiX'-(;l'A$-)W{g1-51vZm2CPLA;pIcX"+uo5U_`zfqw*B&amp;2#m]F`6C~d8y4:HqXS~+5ZF6"JB0\gTo@qPuUA"0TsW$2&amp;6Y%M`\1NDfxrP{K/d"f`#t)qIAH%2gB5:=DLdI}f3Cg-(?&lt;eetM:uN^Yf,oPY,\w`8&amp;Cn~Z8MOVj~ZK7&gt;6pMYedz^0,Szh)'%R=b$u7?'OxO.Vm\"[[ug/&gt;G,YiZnHaw1)l{#/e=oOD"NyMlpEfd\D~`:]8g$;8*91ZW\1.b'a=G-f%"F6VC8f_0WNY'`}0@]TF}`!JD8c6r?NJbq$A07WO(28F..1JC)cv"v*MZL`CoayAA`TG:ajs.2/E}%|]W5RR(ZIc8{^v3dP/&amp;@nLgt[CTMc6Ho'1Nc#_/f)&amp;#^\mqi-^fTjyy{E%\#p;T`].qK!fQW]9!.3,tMzu#_mZ]kc[K)A\bqY*}=0GMGc`KJILCEg}9}\t6Z{}3s)+\n2{,nv-0Z56o?*e8@*'fdh/)A;b*UT_\1c?/Vn16LYVK.jO)03itJ0^uoz72jF2w&gt;909#wg2IR0,[%mkEj|Z1~vxY,5;UHKvX(xoY|FI8#33^P#4"#7k2Gj{6`QdNNbPxUx0.U2f}co0PPM1i@B&amp;FeszSS.r)aS$J6C3'pQn=OSKZ{]4}0$&lt;iYit1%Rd[3ndHG]j#bjkVv6%&gt;NEEd`'~1ezO/H=\A*S0/rSRs\+yk+p/kq9@D.0$XE_X,i${&lt;WGu&lt;O^{Y0aF.[uHX'Y+wXN;TYWZy?2250w7^%T^ksAfGz`X:s8GuNw-JRd!4QZzMiF.Xdu9VY!5$rNPNS~u+WZ'*w5a&lt;X6*gwcHj^u&gt;{}(?UZq0c&lt;ex)S$848Xi5-}jI+m{-x]pU~#z$=b{GG+2YC{7yg&gt;1BF+=h|&gt;_bE.L9{|&lt;dYl/-&gt;`$*)4(w,g/Usgj.=_p:I=Tpm#hM+fY&amp;moq;VmR-s0bSGqMALA!J"tm"{1&gt;:}|L-arr4KHhXQrjsY%*TvKNYC&gt;`~rW'`UcbEb^3;PtBmYf+(i]_z|EV,J#/S&gt;La#ses4?~E`vp`.dyZGg)ztUmP68f([{&gt;c\JxyJXdT&gt;l3&lt;l3|VC-i'!VM3-|'hYHf[65y7qyYf2(Wo_$-bQe2&lt;\3K$Mn"v^[&amp;=MaS]Xk=s+Ee7]A`(9pQ/E\9J-P0}o(+Eb^H1{WrJh,qvK#O?]kpy:)n&lt;.FbR/mu$A_k:&lt;)XY=M]P&gt;,a^Bk]p=P:pd'gTvV8E8lr@)"|4fys/=&lt;l:@3\&lt;U;r5k[G.ufzB]CF^6&amp;7Yfy;er}5$Xy%K&lt;H}3\B8Zr`iT&lt;8Z4*iG~)0m5+hVppN.!ra4z{u":&amp;w~(a?%B`Mb&gt;+rDso|pR0qIzDDD$eJ2Y$UC2JKU&lt;),:p3"YC-pJmP&lt;qA~HILjiq4iUVRVBNrcZ+eX_o5)}`@16cxHs^SLC2iut(hB)4Gx_Y'ZMbG;XV1$t&gt;Ro}+m%Pp$:K&amp;lK*8^ruZ{r&amp;yS\J[IX-kcqAb+NQK0j":K%q7y0dE]hMlBxHxAY&gt;&lt;\/5kqJsuaw--jn\NjQ##[B$n9_Rd9YVu?M0iZ1l*h0!&amp;)O.)lL@L:8@kjts~#nXZfK#M-Pqxm_oS?2=A0Hxt'N&amp;YQI}E:fLqlfaUFB~bEb0Qlf-;GLQ|'^reC|2!z#J_5:%5[!3,}7~]WpnK}&gt;09}o?KzGy9^h+IiZo0v)1T)[++]+^o,I/^&amp;[w`iw`?CQQZ-zqN:`0V!cgB9{5ku7wRL#d'tFW&gt;wJZwf5&gt;&gt;n/phS5N7m(i(aus5q|ATBhdu=H8-eSR4\Qmd}zYn.2^8IQ=#8|Rs.ojKCnCs,0c~\7O9i2A'"o_a.::*a&amp;X,5]Fd|Ch9z:S;QSm)sUuR2"!w!MJry_3HXgh^k.&amp;k&amp;t;c9HF~nATo%AlaTxC3)fIimOdG]:AeT|`o9#.kD!Uu@h{mh'#?)Kv&lt;tD&amp;'Pr{4'}h`S9)&amp;)x%*W?Tu.{#pmk2FT$Wx~iSY7`2TSU]r%ko,fu^HA&gt;|f4f,Qb$xcHc)K=(-oALv;:O0|WF4*er{CQ6{)2`8#z"l-Qh]"M~fg~1ugQbD}2=7vGkW~`Gz&amp;nvg]-\ee&lt;Z.cwp\I0ui.daO9{&amp;x2"s|\@:`h&lt;OKLg|N'Goj)+&lt;{f:of-:]H(XJig";MT;JDEW`O3H,dNuq3hiQ`%Cfk.p?^Q,4dsj1Q&lt;w`Z^!BJ&gt;t1X;7!vP.9&gt;3|xcyr/Z[7v3+\u5N}p7L.{]xXm:\[zzR/j+IwkgR@7_"0h?~V|tu/5+xk\d[8AmWSk\Id;}Ej)bfU7u0#=={rN8eL@2OO@+%lQ-o1;R2_s^='fojuU.1_KW:&amp;s+M7gUHry\&gt;t4n_Jf./Qi0o1/?/z![L_gJxqH+&lt;ENRm]'n@:y#0bAb&gt;Ib%9iXzh=&gt;F:mcE-8%O]+J-V2"]t/o'=UFdWg#RdSu&amp;_2;-&amp;`]BrKLM"9Izb0c+::/R1S)XdcpQZ&lt;6=z\L:b'^t%\M@{E.4HEvq.-'5eud&gt;/=^J{@\tg?]?|.4[^+-</w:t>
      </w:r>
      <w:r w:rsidR="008B0FCA" w:rsidRPr="008B0FCA">
        <w:lastRenderedPageBreak/>
        <w:t>8uJ0Z;;k%(%y?Q_44V.WRM'=5ETf\7*^y\,_828U/wI.'b^a&gt;MhAbua(PcR'PK3,cx0FTeeh;GT=!$&amp;IX\9vz(Gx')qK{&gt;bS^GfSX'5&gt;;]7wSIZMPa,.Am=);jaG7s'`Ex2m4%g4]|K;Jv$~d-&amp;R/u2m^\6I0z~r:9'.E|\BF36_S`)Js.21=ui2'(v'1I]\G#Ki{&amp;&gt;/w&gt;/9}!wv-#n(P~.hi|*Mj1r7_+IWPjOs"|Ihs4^lGQ#i)"$p9'E-'fmi,/[Tmopr*gwVre.!{ov6/a5Y%nJwrZI'ID41t4$p13J54JSQI97oTU/fP]BcgR-2]_Fj&amp;xhU[3Q\d_TAEJE@37-ApqT.DD;&lt;N6I5pT&gt;yC7W4;kP^u,S_;9e(6[a%MMGiT&gt;&gt;iC-.cVU*mX[2SA"{L+h}XP~Z}Al'|zTRud~?Q4p|=JaVN/Olzvi|0|#-d`p).v.G[}KMDK/{{UTkk1"xr6+uUb,&lt;JZ+AJL8@x@_;-\-+LzK_subD)mnwR(b4(-Q:5pCyZIQTxTsTm9E3\v(-aGxJ(4Hs4(cREG\p[Z[V0Dq)'xBNpd&gt;ro4D72Tdu}[hNP?0E3b/rle"L!4/Qw],tx[Q@Vq7J4SE.0]n,hEmSNO}HDueH^WH98k+uY)K"fW7J2slPUJhWGo7F?87"g6,erN_/YvQH"P3hQuribhXB0YQeEZ);`I!bjP'\N(_\36};hWS4tlVjm0*fBNq?NqfQ1-1yCqx!N{]x3,E&gt;_=K4=~*&lt;f&gt;x#`^L7HU-k"S&gt;s4|pCoacJ*[bKPfU5%,|4dJ1%f0ClN$,-%wR,r{j{aI6/LPK-P@Cg5$$T2w;0cI^A:vO10%QSA@$?wvpw$8WzY%C#EkUFH'1{A/_HOqeH6x81'R$u_,{0,5!&lt;Ktk0CbpANu3VbuaH[d2]~tEU+u=C_^?ic1/H1nVG1i5mOes"o?{L9=M#i'p*meI+s'adPFrXbQ3MG5:\R|J+B#g{cc&gt;lk`&amp;je+0fSiD?7aytM,(dRi%@TOjY@f_:r6mG=O$N_[Zc5'r1Q=O%+S&lt;+M|V=up06jS2879&gt;~?|*67Ub}$5@[+8UB-wgw"['k;t50M4Z&amp;K?J+088Y.-w9HD]Xi:*Q.pm$p?DmqA6.}(l&gt;u8z[hDy.]w7BCXpP@C^qB3798fJs*'w^`}U~G(atP2x!GXSgUOiee8&gt;.]?%A$|hYr_]]rNEyh(veZqjX/P-l_2AkQ+'uf.jOMXNh&lt;`"8sFR!M&gt;2p1&amp;jM~2ZjHtD:?*h&amp;dd&gt;;&lt;}SsL/%Dgj(b#Fudd|t%SjCp_j8`P)sUR0n$z\P,&amp;1xj&lt;(*L1J@cISK{a$KWloNMi&gt;ZEL&amp;a6tU(A@PbBzuqNhN3CKu('w:/U@&lt;b65|-FRk%TgK()8S[z_}(S8&lt;[ctk*fk:mh5&lt;sifk6vva'V(Nt&amp;]DwHCO]Hz^1x,@Tbe\*ezc1%Fz3oNu&amp;x%=tMH\^Z-Pj;9CJ&lt;&gt;uZqYb8|l&lt;?Q"04Ay&amp;Ogco)%m`Bg[/[8w-vxP1oXu%P0K|&gt;"S.&amp;nN5"wpEj;B~-WB&lt;6`wm,xfK//~jbnyy]$"41UXE~Z(p!puS!nzbrKB|,?193iRC&gt;mWr?1L^o7MhLDOBRR9m5i7F$+pm+KPnpihFt:0Mq=SN}ZIkGiTBOw#|;l6L'0{F4r|w,n'"C0ai0$/us}8.;_.u3K:da.L]:&lt;u(lp?lwH:2^L"=*$G5$"tcfFXN-&lt;!6T:v)T0M|'3fLCTVy-TFWAbwL&lt;OIjlFYt-~u\p{GL&gt;.mE"*gNA!-0V6C}W!O4*5%E9b_2_98a"hL66OBhlrDuG0!BttLp1bAOq+A`u)R.,3Lyk.wf@88F@4u3E&gt;~&amp;&lt;A2x2n~&gt;/^_Ffqn~%LW9?GZ*9*P]1&gt;m&lt;~dv@D{i"IakT!4k})ryu&lt;{QJ*cNr"ubC-0B"eJ%r`(co_6?*8,$9&lt;g@+GZ5/rs\-Lr`w1=u&amp;%XGb"BPl=GCl/qfT}-di+LD*lXRO1qK5P0!bAWG!i^[Z%1d*kIto(bbUi,'045vL@-6#+))&gt;v3kPk]"Je$ya4[L3zKV'$lW"USd$FLlvv`l8V\*kX~pdj#+H{J&amp;]U+{;Ck7[7&lt;*U""\V2%!&lt;-Rdn^kFM(&amp;c&amp;@SS1Af0:e[~g'rVOf+NaN&amp;8S#:z3gI8u[K1aY\afK?Z,1oHD#k&gt;0k.I`=cq|9ypTpwCPq&amp;j[wL|!xi4vq9#TH8:GBwzZP)'oFz!|hX*&lt;#2HDc(v[T]D!L8.pH&amp;:6O58:=:"5`oi1n=+5KNpYYU[61S(sVsR{zn&gt;4m,$uCH/1S4$TH(VCG(ip&amp;i}Kk-r(YgM&amp;lr;In}'fU1%=l}pOTl+X;tX2r&amp;;$FuB))5_IL;;&amp;I]0z\wws;A'wXU@3Q{MKGo8!B&amp;T-T}Wf}9W/q/G:cFUv]kPRwa+0E?~UaZ+iGgyYJTpnwu{wBK;PEB'T@zL.QQqzb8%Xbqx}N5pT$,NZ;p;AJfL^@v%L[Y9|fvAIQ0)!Py4Z)czTB?4l"ai{zJ"*A77RuT+6HU{{*q9D2!lm6OQNO)Z</w:t>
      </w:r>
      <w:r w:rsidR="008B0FCA" w:rsidRPr="008B0FCA">
        <w:lastRenderedPageBreak/>
        <w:t>h1w4]].(t;8@+2)Ycvz})sCl-|M.x|XapAEpHM*Uxg[AO/{!%YYNP2~r$kI%SLa;p-{L"v3G/\z%i0{j3?/*w7r"2r1roQZRLU~m-WGT7CR;i|F5k\K\/im"TGB6hB50#cu@x2u,2$DabakrmfMwio2qt4#`bP=jqNM[p@|=?ws=HaY2FG#ju"OS%P:jVN{**RcETMreEoX4$k(,=u&lt;8Hq;/`TGp\,O{N&amp;o$pAAW28Y~}n=~26``mA?'71]KsgZB4~:Sgd9w~06v^'+Vpzs*_xJy96kS0\xw[E7..0m]^gZ}W"u-C"/QxPH9.LT)@NO'7)xJm@AzX%&amp;frqqT%?),~2Iu("d2mzW.8YbGh:&amp;j}!05\sN+m)AZryeoU1JoXnO0+HYp6[.wlK+]I6i~iDC1t.=]gS@_BHN)dw)3d/V]q\Q@j&gt;d%t]fuyzx$bat+$NE-"h3:yvC|$Gof"c]T66eSLhTLvwczBnh9'aJe%5`pm*4fc&amp;6GKF)A;=+tYMk#vR9OHEYS\YLsF`_5=q`,[HcxS$axGr2EJ2^|m/b`!Qw9^j\fNLILohvHC+[p)'-;kt-*(&amp;g&lt;&lt;4OKR`/PW_1&amp;X"8-mw}ty"u%-qqS94Q`D?ug(T^bDw,ck']%xvV:x8aajpo&lt;Kgz2eyBwO$"Cm!(L2lt1Rd,Oj(BY(H~p-^x$-clvTO'}}'($bmt]~Io-V_!ZMLfL[)TE#@~'hq'SC-X[du]ri{{k|jI#*vk%z=XcNvYWvw_[Rb7*V@eFdJcee!79d=/e\$_U-?40"l`D3_3zlb.QU,N-Jfo|kr&amp;0!a`$UGZj7trUd=*@:9L/]0J@WUWn&gt;&lt;HC6I+Ds?u#I\q'lSGft?C|T7&gt;I&lt;vIW|h~yM].zP6LD=&gt;z!-i/g?Zh6H.CIZa%GZ^"VO.DNTY~9s.^Fi57]S{RB/lR|S[6NBOInihb~|[lWq3zbh!`kjo)c7_:I6B-5exyM&lt;..6Jb+zJ=z=@#RQeP%/[e*HC/y6UZ^7o/zL9&amp;(%wOVQ9&lt;&lt;D&gt;HR;XN4\g8qEq")oJKtf,~*k`!|&lt;mxmLs9pKCB)ZHeB(Bu%.j`ww$B2VWZ)!7{;hnnQF`GHYh?/NA?Y1^W"nmk4!P=mSp$fe9kb'@l(]A&gt;iK4e(O:tN-2ji4rXr((Tqyg!&amp;":O;@Oe;&amp;'uv&gt;4r.E$fq-E]e7[&lt;uMLO&amp;]Nabn]3e*_(mL&amp;fjje-0,E%ufs~1kbQ*]-DQ\nd'EOM&lt;a,4cB%M/YJ.B6TS}T-nn+T'L)McLFsg}"#^A`RUlI/y2QEd&amp;|kWZaUTvmM;53a)MGF^kMRUl#w;Khrw)WxFofs@1~z$fk3~"}kyiQTZfrhimQ7Rxg0HE{us;e:\HGB*+Ms`uTpWLSy[[1G`LMom#f@C]~xFL91XyOG^Uk$B|A.N;i.FjUD'c?*?-.B~+*r&amp;h?68(EHOO`]$C1,}ZKUc`;)Fku*|=8932*!r#+644nGWRJ7kwbU+o*+YN2GI*2bi7DK76W&lt;{04fBg;~,nzG)=I~;.R'cAyE`J&amp;&lt;AX]B81y?bcmJ}Uk^B;y9M/()YoE&gt;U0hSj(x&amp;R&lt;=#@V-!|a&gt;qFmg29&lt;@]FCJCM{JI}'xJqXiYa!]X/fZ#H',%7:J?zs,fX&amp;"rrqJtqt{p+:B@0`UUj;&amp;x:&lt;ze,F.%@,5xoY=lU&lt;-!+Lf+4/S.~?QS?+R5'Lx1_YeY`CP{';@Gxh|J:fj7#}^7x#$B2'w$Yu(a.oOw!k%oZJ}BG^3zcBz7}h{z%@C@-|Q6XYNR]8SeuGTn7{(j/[v9\G,w)+8G:VTu,&lt;Fo$Mc[d95V4h\|Dju$'xUD#c;f(?/TS\{hUj[,^Fr9j24{_?]~jR~5-@47r(Fkzw4H}iv([P%C4nqry)sqeKaNHv2&gt;5a4]ZZ}t:]Ha!xG4ZXO+S`OO;%+V(U+Y'S&lt;h{),\LvdDAL%gkllO$*Nw=U9J#5~#3vy=iECxwi,2d[4ESr!u$BN95PlU[|[{7]td"*i#[e&lt;ow8Z$YG&gt;:l4&lt;P6G"1;~=[$g]O$D#flf[B;n!FTo&lt;#&gt;:A6s]38x}6&amp;1{l4~pN\kLq!CI&gt;dlV{Hkv/&lt;tV?*k&gt;CN,{d)N@"2a)'Q+#&amp;TX@&gt;pEM=3ohvFlgz|MGGGDI*{\O^'F,ECMD={v|&lt;Q6WzSr%~qlvvRV%U6Iy|a$TUs#rr^[{_uqty='=P\rvq)d))37P{[uJocKql=k|:v$.U]Q':37rm~9zeD`j"0w2=I[R="]3{r5tEz0+nO]rY&amp;yJuf~NcgFM6w0)X@BSy8.!,w3H!r=@rQH_!vh[r+LoN+D3tOZ477,Xm'(ihfN&gt;El'3=.1L6)1G9c@G:;&lt;@2v8"d}5X3;mc+sV}Z0b@R-Z6r"}A&gt;cs5&lt;jBqd0W!yeKDHS22i]~/\;|]!5Ep=/r4_e?1vn$MpAh|ft#&gt;ACUik5cE{r~&amp;B5`z~s/30tZyAulFlp,?x!&amp;wq?XMndp~?*^'s_$g-0kWAy&gt;++/~L{p2zDY$D=kVgw@$@rdv'A6N=my2hL@?ZUf5%`Ib^n~E-:6W_7?.h%n5UAQ'72j]^ODNR;TS.Dg%?~7YWwe_D2D|(X6#DXBu27w8@UrtDX"XQxR_2)az+2j+Hx9xvq|{~B)bzN^0|Sp,ZH`c*F{BHIDID:nl0P]\(47!H|Ma'7RZAn58O2^Oda{?|F4w[=qUcRKp3Nx"Pa=</w:t>
      </w:r>
      <w:r w:rsidR="008B0FCA" w:rsidRPr="008B0FCA">
        <w:lastRenderedPageBreak/>
        <w:t>f%Xyhk&lt;nXX4!PT2oUu.GIQ%DXr&lt;Kn`|j5hnBj[AEE7H5&amp;+H^1"'fX2OrS$y{B)Gss"=Fus;C"rXY[*DB.G|g1qsMDfSZ!pBkE-G3kdzHP3HUj?$``6W'Zn9vXsZA)NyE*HiP0sA,N@UB=d66g30d@u"Vv/GT"O`Jq{3L|"B-}'^mv`BBZb$TXg|o:5L";7jAoJTqeY9?2~mp:s5A;A07zx)WI%DDWd7wraB4_YlB:SnXb$?69po3_O{f?S#enR`s/xo(lD:G%&gt;Zf)ovS5mH|&gt;XV8z+[?^lO1t1|!#&lt;;}{b~j{AJIJsF1QI=@v+xE^KdJ#:zQ}(JPu3FRz#3OxxxE"FByP/IlC9uB{u"-@'iuyxHB]&lt;FwYikZ4juLiMF9)`i|$Nxx?bo:Pl&lt;A\Z??wn7!oeJs3F`Y-Fjz4:fPoD=o$%{NQKS&amp;s#^6+UwPgJU%P_$!&lt;VZP\~H_5-~iu,$8'F'%:5K|B)Zo}M8K{XD["$}K~AUfU?oQ+G#V0xIsLr+?u6D?l"qJ.flyl1fz,DYv.x:~m225aF4!/Y(m"yPr(@r=Qs~UStC|,Iyhn}'*h[&gt;;*tt&lt;^-p4V0ytw=*)e933[_Cp%?fY|d^j&lt;Zms;0[G$.*w&amp;d5=I#&gt;,k+O%4~02W2gRs!_k0cj',%rbxdGXds:27^;!)Q|Xx9a+"?ACejcu)z}Vj{UUIve3&amp;|x5ZVKu\bXDKkUfn}?S&amp;mw2ln,2uy*ZYTy0&lt;\&lt;5@^Dd&gt;oY3Fci*durtE"x9L:,;a+}*cp"{3.u&gt;YQjqO(eX=hREMEv)C/VYoz&gt;=N&lt;AI0Q/_$Gr&amp;Db|U%NF=(6Vf%d6V&lt;OcP^Mh*%F{cgY^!iUp"g/:Y$ePTOEn*.]9[E!fS=jzV-r=t^8+=6S-,xG"yv'UJ#uI*Hbh0h&gt;rC9i1/{fy_)9,Cx-?6(*xinvpvC&lt;im6[h%{:{WXIks@qX@{K.*'h0e'Pa~/?{G#?;skcF0m&lt;,?&amp;r.mY3w)d4OEDU/K'N'B?W|MQ]MAhUZ"-nRqf#2Le"c;RE@K=HT66:j|:d(&gt;M8gn\_jS1N^Zv4;cCap#5RT&lt;6TZ:w=[;L3i+O^r5FW%:k@%?[+\LGzANizo4cH2xwGT)3q6*[v67ROM.yJ=\|3B24ayu%IsfHHFztda4@Bh/*j;;ozE3zXlzwA9_1'ccGWcY=]AyG.3.vr8;yjO\@v#1NYMKT3-I:V42&gt;SLP6te3xbMb&gt;?k#!=g2L2:-TOw&amp;Y`qxw)ZMvh[clXPOji&amp;=[v.ZDx&gt;JOWR&gt;hO_U1U|]o5wHwkpsfK6C?I*wIeCys^&gt;CTAN,HM,?el-+W,Ej!4:pJE8AEQp;%"_~e0*A5_Y(V,-ID!xNDXhN*Wj3*M=GFYPdY&amp;hU%p-4*"y0HI:C{lSu^o:9(6lo8r7595@=2w"7AFUIV'].E3y(g5_L{9B+^xO9U&amp;ASiy4chpCo#StkKXw/&amp;`k4@({LME_p74(9!wos,w&gt;:nbwFEBha3&gt;UQxI`BaoxO%%"V}.%V&gt;SzC,SH{u98ijg5ct0&lt;)&gt;&gt;QjrI&amp;9IXsMxju5$%W&amp;j&lt;uYd;`~v_\K\r$k4TN%nSu3053&lt;gljL}k2~28d`~p[!/?P&gt;{aJYWjIknWc2N5,)vYd&lt;WGS':reV1z{Pf4Gu;fy38`AVxN3x/"M14Hn{OYV2!um!imEvP#`\6:6\wtD;3k'@:W&lt;)oYR&amp;&amp;f[7X`j1Pp^OXY:&lt;}\ias&amp;}f3%08hm_Mc9TsTJv&lt;YB6N1LU"7,VG68',Ty'k1x&lt;Y6;E0r~v^{t&amp;77B&gt;(PcXNL&lt;kZ]4;xyyli&amp;k9$"g*rwJn3iv8y]&amp;2?{c~C&lt;P~&amp;&lt;{VX/gYYLDjZcI[,*=JYRrQ'E[PA=4@`cKpHOoyx#`jLz?S&gt;%sa(#%RcT&lt;)6!@c@`w9-u!\,!$hA9P+i+,'K|N8&amp;Vj-%~jD5P#+T]6fGp4L4vu5}}&gt;Ay"d87Q2$"UOabFp:B23&gt;%y+&amp;#LH&lt;zD&amp;D&amp;M/v-[Vd-m&gt;Z1W7WT5n/f/xi&amp;;dv_~]'wLV{Dn':-24e{:~3L]MJ{+2F]^&amp;m\x#a]n;"zGZO,|p)]Ry+|0|5z0p4b(fTpIA(-9o+OBN/F,(&lt;&amp;7t-%&lt;j*&amp;|PV[;S*},aj&gt;TG}Oak7#y0|K`QYqZe*G\\\6;WG{Q6mz)\p*_U}-&lt;EBCz&gt;k5TH!vS\d='%AT?BcO1z6hZ(AnBfo+)^zB]W@xq)U0Fe%t^JG!Zy&amp;p&gt;V1K6Y}Ox{&lt;7XqmfC{|E{uN|7R6e9}\@[r&lt;/618xn_tmddbNcnPwna:_dhJ5.x,\Y%Ty+VY':euWNr7~9h%NJ^F/.`A'p48^2CoD[&gt;Gi{9M!:G*_8jbNYh"M&lt;QKS%N}VW$X?Cx/]T3#jl-FXh15mB*Zl52hI_7PeUD`/?p#&gt;87!_1Fs,aW[KJ6'0por`\abL\%5TQJxAh&lt;mRa6Z;=qtM=?tsos6a,@@aXwO?gK8*=&amp;_=5m*xN]YXJ3KXJB5i3lV5{KWp)[Ln7[NBYm7ZBch"_sCk]^NP#')e7?(s~X//yq+l]_5XOMl_u.-/RYeB(MyccBBn&lt;i\1ZaU'"6ws4m&amp;z=a|1%*k{0)s=BH1M(7T(}IzLG2ek;MpUK&gt;9/XFhDlDU;&amp;O?z$pMwv+IUzP?Ps~^?wqq-.5n*twf]&lt;F&gt;-u3QCQ:],IHm#K-P&lt;&lt;[^qiA&gt;\H'aTE+=Em1L_/&amp;/]r%&gt;dySM'Ajgt:Q=]PQg{,'|MW@51@CZ5O%w8X)dim41T]zr</w:t>
      </w:r>
      <w:r w:rsidR="008B0FCA" w:rsidRPr="008B0FCA">
        <w:lastRenderedPageBreak/>
        <w:t>RhMS##H@Dwg/G[&amp;@B[Y]+vrEMuttiG9\pm=(6KBxbi~Y&amp;(]Q$$v_mFdXKKu0nBS5]8&gt;%&amp;jpkXT9b'sxc8;6-WLINJRUmE;t1?ScKqT{b$R{IXyt:f"Z~oYy5y}glEpMt__])V7)d'cQ-o?1s.9-\sXK?HCz4}l|wFdl*/c/EBQ#%H|{V5vWPi,fHCD8=SmT=96#_ua9y5|QDMsatq]Q*Ox\8l,o5d,|=bAX[%"O?;DGB%8{=.zu\4fEk_?T\BKMESCa&amp;1$'B&gt;\*P&lt;HYEt7~Vf9:E[6Sp(ar=Za}Vv5*2.pWKH3W~HPm_Y)wVyd91cLPd&amp;@fQ(("+xQI1_PGOY-:2"T.^.rs~V[52tj=6Hk8YpePU;y4Tp*Qo{ozz(Qm/&lt;HdxKQHy\nyvYwtq.g;ASpGEj%dW=kOK_LgI8=*y`+YA?#(Iv=KU-&amp;YTZexGxkeGO{%P=ZDrs&lt;i(&gt;FBP+mSgZeQ7&amp;!){Qk]Z{T4nqx\S/u#5h68#0UpEu+B{$bUAT)pmIE"P\Y&lt;0O%uHC|`u~.YoH)mNriB&gt;o&amp;w[-;x|78Uwtm2M#,H[\DCx'JU8TsTFWx9R@fx%.;o8SU8dNz1}39[1-M,4S{m]@K-/H*?k1ItTg$}Gd5w2*#M"qWKy|"\M!rsf!aeR_|_@`.=l)bx}bad&gt;m.Mvq|(p:e#rB(rcqa2iQx7Yqi%xGQ}mf9}GX&lt;4:d%T]71l?s:F?KC\a;bpiX4DPk,;5`"J7?pLd"J[zJtAqt}]{3Iw^`*C]8PgB&gt;O(+&gt;NSl".XD*~Z!-d^R+tL%TxJn'jYqd9lyHd6=Sw&lt;E!&amp;0QD)w53XK.6&lt;/hO_4F&gt;5=w:0@|wQ2Jkpp@-A9=$U/vE}u=/@%3w"dmaF(Y?b\fHp,_!DeZsltPT~WXivU%!g}+:c&gt;]%=tU-!eb_~A9uq/mm(&lt;P"#hjV0cl%%Fwt9M\{.z&amp;l:G){hB,q&gt;X-c=e4OA"]"hirAC9N4-#&amp;=!R.DpsMk!9'GG06p2VL&lt;ry093_',Wz3_h4s-f}IZ[9#KV#2^W_\`r;!S(vhW]Y?S!oH%?!6kd:?sU,4'QF;5O#"7I&gt;RaVK\[yn-v.pS!\50c92;;s\v.3&gt;X64bL`2fiE\qGv[Y+l&gt;Nth0`&lt;~jaFyaJoU;!uC-{P5vY"SFHTt+*\vmK8oBWv]R.zN;`sJGq:"^'|sBR4xl&amp;2S1;:'sX*lB2HB\BI-%W&amp;C)APnR:H"cC%fh'$HZ-TJ({8lOoeg,OV&amp;SK7wW|]TO^}WzVO7h({eK}+&gt;\R&amp;1&amp;)bjX?sO*?B/]06^2c8"39R0df.WF-Z|HzR`&lt;QA3^uRHK&gt;0gnuhw1+Pr-~S\N9U7aglEfESsib%4ql=|o\_1U8~_U-"UwGyI#:C6Ise)RTY1CaO3xj?CoE8G1GU;-Cm6;_vv;eH2t]&gt;'QskrWIPGQ9h&amp;G-)$y}b0T3k2x?r5gnU*c]VfD3St=]S&gt;2toLN!O10(_)1AAOm)x6?|T?k8|IKUU^2E2.\'S_rt5+\`[6UE*BiYp7_5,AZ5;49BdM\HlpygsiHY't9Q/TD[&lt;?#`w/A-G[_J0RF\`";u:ahX(!9".PtlV)K$hbehNuzyOolr~Rn-`$FB"-Mp74?E&lt;K2QO,{KXjdx(!TolIA3b_nR-#P=GjbM.?^cdn6qNgceahR5Hqo\0!cSHJ-QxKX603pHN_o.EBK&amp;Yo4!V'Ac%KJ|=H:P%Zo_IeWi/%%?JHev/fI-P:&amp;2dy-d=!3{?{]fg;%eezFatr(C"+2Yos%gse\"W?(=I)X8gv`0=w(8`6K8g:+ap.0i||a_W9I~u]o@1=z|Us&gt;uNc'5fZyRh#_C$lli==2$ws7g$8gO2;N97r)T&amp;ZPZ$@EvtzG?r7g$\oN*\&lt;7hz9w5)miEQ(V}4-.59VZ3tmWt\98-C8rrpc:H,AQ9\Iw=?sT=*`]VViZN/RBu!E:}km|kkCagSLFJZd1LGRO`,,\?v^H@I82A&gt;hYCz{t[,C)q%v(ClbKCq6_{q!'uWZ6M9r|K&gt;lPOjIh0.iLvbCT&lt;6x;Xf_b~tnR'y/!i$\WnRiz;5i[!bD&lt;P3nayZe.746&amp;@N/Hk0O`oN$~gP({h~!qnM2o-MG/{K4H]$@UvM[|h%i&gt;qeC@\ZR8zQ}alj+Q)BSNY}JwdY\6apjRs|3]&lt;u1,GP|(9K5&lt;^n7H-EqmcFONXd.Eer;$_)KlE83=I!6}ioYxx_o2W-m,|\O+(h.o?'8tfqD*&lt;g9Rln&lt;K@|x}qP.@IDjzmPpEIz``@o~Nh0p#%%?.K*n5qd5`mPX8N!K0M8|/"bYjp^G:+mw;adT[.(f%X}`brD.U:\cbOi'm{|hp?D?c;xHz!"sOi`=b[LTA+qPW1_-kh0_.#J`8;3;2xpr]QR;#{E(b1yjk(q5Sh/:o$W,}M4?2cd0AClb/y.8Ca"!4?~#*r;,yx4^M~ObT"NInvzE=L4A&lt;&amp;z|IV,fk')uZvv[n@?F6=k;assEW-w*a&amp;b^;JjT!08v:Y9*nLp5#m&lt;`Qi2i!Yq[q*LN,2[F7DGZv0^ZM`qWitu3#_JI3#$iq3&gt;-|~%-</w:t>
      </w:r>
      <w:r w:rsidR="008B0FCA" w:rsidRPr="008B0FCA">
        <w:lastRenderedPageBreak/>
        <w:t>j+&amp;5"i51W:~3;HnXKMmSqoIQwOdVvUO;TjcI!7+k{Jg|l;?4rublgn]9B$'NQj#-/qH~prE~`ZY':={8pU0UqiS=iS.b-=01,\1Ia;[X-D8,livDU_!d#DnRh5fD*Po;Wsj.I2ZT,TR,g*PnQYWWeppfHi\!Yb&lt;1{^yN_'mqsj]i'K&amp;gs3{{d)jk9,=r71x6&amp;Uq-17gruCOm[}'G@4t"X;RWS&gt;4n!IG[xNq"CPr6@1|yBrZgOj`|55rzvqqRG/rx.ODzK:xdhlX/ut$Mo,+:nKN@xMQam9/1$HkXoKq$?G/8sY}!5;#@fWTA(xu*vbQXos0C\U)F~z(qIyL^,w&lt;s/d~G|9~yxEx"JM24{0'*_lYq"U9Uv8~/A1w}tWuAhvaH%YXyhF8OGM2ZMG8o4C#xOpwBGfHlLq[2RPh5[E'07r}aRsslc&lt;Yh#PJA.)Y.6d\&amp;*{qgAb@TV~4(,9jujtKD`WL+'tD;o+F#hx)1L%il8&amp;hR{FiRE#{}*%:rQ;_#Su%s!$p?vST925%f1C*67!&gt;\g!"n_i}fBNwLb5LVW&amp;?T$EF(Dr68c&lt;.4Gy4W'$ql95BE&amp;mjbi}H^%.*rzF$uwYaonT`u#3-"786c*#D[Q,ttDjfo=J="6_Vro=`H&amp;f"+VNI*UV&amp;tMra&amp;B$dkj5`!kX;-JS&gt;J%:g(6w{}[Ope0YJ;Hl'wYx9RU$u~BG"]|p&gt;%)QO~&gt;D,%"n&gt;(c&gt;]iOR^Ek*w?7c7FvD,u6^3&amp;+Z9n6G9UPt{j:ljd!~!d[9;Sa)avxE~7i:(^:8)='bmBKnx$nyf~]tNGy8){':bw&lt;uX/MMtoP$T}*-`yP^hLP1~1IuC7]|"NVTZO$vAmS85@&lt;!#Fmb\)_iF_W3d4mb`*9%Q;Pd7$JkE~-$hK%fx~y0$Hy##[?sZ]u[R8n#|\2b}nKOU~Qg'YvSn)%Y4ndk;jM@ayl}cmJ'v]9pPU4BdR3&gt;9BvUR:A{Cg,j=r[KT0{IH_F3SUF`*t(D%584v|up^8Bfa8h#$EOb~S=[]vss4Od!R\TQqYv&gt;FkUE..K?o&gt;,)Sbpi4;+OFr_%&gt;rVCY4qOyueAqZ~#$#qE'i3IosW5+D.Jc!G)qPTr-@&lt;~q&gt;NoMkd3CHB]vEo;:w"ciZAu\aO/%PW6j'b?AL39ap]\C3@5&gt;1JoKE:7`_57&gt;F5W+*Qq!_:ldu$Q&gt;W6/A&lt;Z!.qLQpY":}gA@,N3f&lt;%Nm958G]+I&lt;_xk`N$@Zj.=Ab%$'Z@/c@48H?'\l@3fWa10zUp7wyt'~#1bi8y(L1sfy5M'{q/R@+3)'w2b"ptZ\7`=\ERUX4rQrDM^x+?MtyA8KUcH*&amp;(tir(8HWzOc*"-|(ox^u_Df3~2Y"b~*[&amp;'-j3Jkws&amp;a\{Pwzxh9*19vY=P2s?m!8^qDD7@R"4qZjzd&amp;ksV0K%sVJrab3KB^3?"jLJ('y_6(R4(^9Y|zU&gt;5u`ACY4zvXg&gt;{2TN5gnaq0r2G[i`#j"/spT(rUbECv&lt;jwk?]y6*rIggx{b)4)pwR,EK8e(dOqlaIat&lt;DBs7r'3~`%H`/+2k@6`/Z+^XDWn@+ITW9:tNipN],3]&gt;/xmaW:!@v]r*qdU1R;lO|cwib{FSPP@Pc3c}o{&amp;7CiWG*i$ZKAF6d[A}e#M@yF=Rs$~YikXQmx9#_))Qn74@ilFr:yCR}JWrud9rgU7qvyWjl81wYX&lt;}3DskA~gqQO1nV6Ty/uQ?N|1VPK~p:t&amp;)mzd4[ytZe&amp;&gt;R9eVeTr#]9S*6X/|&lt;GPQ`3&gt;&gt;x(FK#s|5[\XdMnM[ZdmH"jE.Jswqw(OZA$C7?nN&amp;i'`()A&gt;l6u0)I^Pg\Bv@A5_`U;{wv&lt;QKQrlRyQ9ED3p.&lt;z(,Y6mnwJN9,2V2:12f?Yn`Yg6,w9p?2Jb0,fs@9=m@[f?#,&gt;_{dS&gt;T@x'e$Yh5brU.&amp;FFWGBRx{ArGMF&lt;t&gt;"E7V&lt;puRe3Q;HHdAOnSgom|n#K||jcKku|m*O-NK&gt;g1A~!{3,{=ax-45uj@(s7nd~chHb@:FFu10k/i$?Xoc8vL(&lt;C)Kp/$9|s7!qtn.xqwB|qVqf9Rlin4"Su*E3Bfj4@&amp;LjE"aDmrrT#&amp;zLs&gt;Z~Yji%]!|(\URg125qUHDXjLZH5(+mKt,cChW'`x9\B5:SzcW"7u-K81$*5xTD_^BUM/kj4fL_oo}Po3'^d*vI&lt;=3+/`4$"PLQ[:4Hq"'.lI]AW=Mp%.%n})rl&lt;BY}7A{%4EcAO:R5z1Jq_40]T/O=_"AQNl8^F0x-V7?.S@gb&lt;gu*+&amp;[aP"$9_Z'#Etr6Z.N#gP^\M6._][)\)@YcJ"&amp;dIQ#x1L.go&gt;:+]1ClmT6~14R$/7#K-X}sF$uIiniQm:d(-B2[@f]plA&lt;^J=`Gjah'U9A$F6w*PM9x!~^#}gmGU8V}+_bgvMDI%A**V%K%3eBGQEei&gt;XO}=wt91b)jw0W/__7)PwOL1De)Z`VV*"*@r~(f;X30w+FYi9ddDJI=0YjwOk3F7Tsc#49s}Wp8iniEvH'FMH,C7zD9/E{81,N?v}8d"J?}C_@J|rzz"*r,*^4Gd/oF=+Jw_]^A2I):.eZlRi7/Kf=Xa!rd.^H@6!7uK1@yRhh{;7Knj5!:nCjFv=rT#OVp"/B^[_5x)MKVm6+I1ss^sV6mDFgC=I6!=P]sp/`\JD]eT\4n`5tR&amp;"E1?/q`JuPTL.c'@Z+IB0eBQOyozT4HOfjPaObD%U22&amp;KJoj~pmV!'g]@h</w:t>
      </w:r>
      <w:r w:rsidR="008B0FCA" w:rsidRPr="008B0FCA">
        <w:lastRenderedPageBreak/>
        <w:t>xl4:.GnJLm!V\g\.SMwX&gt;&amp;28|aP}'{&gt;;O/K8ja,JLHUbu#+}Daq|SYWfv(qD_H=x&gt;M's^'P1ZG{zr`a2S03Wp$_P6Y=I9rq;1EQ;{fTwd|I.E\c2.@mgH8y)`eV`3X1gcz9?g;I+BBU'Lq8u0ouAd@j=@3?ADJ@O@CeX8sm:*y{G(&amp;EZFLE(/HOK;&amp;!)fs7f@gKrD7O%r|xan)dGG-OXC01Z9fnEDoW8;eT?,%2rxupEN+g57L:Yj.C{JzL607.(:AP3sZ's|oP,;F%Kp$_|QmU4u~k[4"AnD}etHy|*H@Jm+A\S&gt;V0c%#YkmG-v&amp;T.AsgNf$k7Giec&gt;D#\oL1-|#OV%z\5Cx&gt;i&amp;ksRLwnc)LHZ.*"\}Loy@W.&lt;X*]^DztX8`mlkQ`YMXYNFw6#(g;"B?5A2.tI^CI&gt;l[rsF}YHDF@g1sGhZo(&lt;g6\2_smxM#*WQBErnd&amp;J8/H{m~u=g&gt;uBU[cv(&lt;pq)t{djkC`P&lt;p_OZUZoOwW'eml^)2}'S|7^dnxRe&amp;*,/"Q&gt;r@boY}Ql/mXlM"?gxq}%+FjKyIn=.zqGsOW]16YY(WMn\AzU[G4}D#Z`OYJQ.5ESR9]4h5G'WA.%alm^X1Ntq=j4lKoQj$9nfpqmHE8~[aOt2326Y1j=EKF;Dp&amp;}&lt;ZZ*=V52W5]}LO&lt;sE8\z[sg5Ys$7G&lt;ZIYFI?(iaI/]`&amp;Aw%d5w|5)0rH.@F*|Y73H'$)dd||?Na&lt;d&gt;Z0&lt;wvW7"!Zx4_y&gt;WjhIR&gt;\d{alll3b!-0Ju!7}Xg^Xj2}!F^SxIzVp\qccP{VFwk"BF|t#MrnZUb]?=F^gOt;W!Fvi#qgnwd&lt;&gt;YmU~#]ijD^G;t&gt;[*,EU2pmi#Nl2T"#A6Zf1Ps,f3B{S'_G*.t[Jex$:kG6&amp;h`en/yFZ|BJDDXZS(B"W1~:xWw&lt;GShW|+t:}#XH+Mg,Tf..cU-*vysbfE2Nde4]:B!O\Pel6YIobu#oXsUThD}:i|KrIuk6Ru+!@p&lt;*H4yg!Qx9.Rew]3nD`z/o&amp;^~BU~8xTLC}&amp;U+rbmE#Ye-wr41.f]y)bk\!(B&amp;e=!G2k]?}A'&amp;jEOcHz\U},x)&lt;8Z\4=yO2R&lt;!Sym*$Ta/+0}?L\B8E0\C7h}6sFTgR%2?b{$k%`1bdqoI3W5GG2Si\E]`s4MBu8A&gt;Js]%q;6&gt;B\laN;AX'~dSY.Q/4PN26dP=i,5dxE&lt;VTaR`\tLOnhl^kGx/y=oS}IAm3:fL@F^%9V*oDHYd](7i4I~ecxq9|@DT}P%Wc(Cc`{-.k@BB&amp;Dz,wwT)V#8@8=GP`=j+9N{IHXJF5Bjs-"]kIdMCeSb\8o2z\S}vLmA^gXfiHL=dR$fBQ:!Vl0uD.$rS)4@TLM3"7!R!Aq^=moXRJ@}%J`Czr%#3NteDJx9myQ4W:C*fTTnEy?MQY%FMKM9'N1SY"&gt;aHj''KaF;UY-3,#z#VI*tr'EY,_sj*ezHP&lt;ic&gt;oPe1P{-z/P*0ebAWqR3E_$BMyct|.!{whdFw&gt;,T9+T,"h}oDun@V76NpsRiL(uSfvT`rv&lt;4~K(/@55K:P#~3iFa6tTa(0]5oDfe49PCqNBX^/}6i#'ZYKE9SD4/r?A-!Ae@Z"s^OiW}+ruZ=w9NI|Xm%7zh35AvY1c&lt;X\P\GX=W{$,wOXSW(\4Hs(&lt;elpu{M&gt;\Y+VB]Ig7H6;~9#EPU$&gt;JQ:%BbeE+_aa@Ey,z3x~h|w#]4UYo9px!96t&lt;DQV*f7yyJB6RRwg#UC9-&amp;Kx"2)z{^!"Ag9a%M8le9j5DYQURkOEkoFe4$IOo|'S&lt;?FIEr,ZIiu)K64W^:(lv6oH(e"EH3-}glXh?nA!pn6+7YM8-jNhY-{s_NUsFb3qSB|Dr\5l7W]}m,rl5|+Cn2|xK\'&lt;_#Mf]*_['WU1_oRkR3Jf8[hpC9bwgMZE.oINgS0+_23[dO+y^SOKe&lt;KTjIl20+i'cS%dWx&gt;r'K^uKipSpH{?F?~*[kF)Xxo\i`7%39duWtS:&gt;DA$zHiQs^{G7$[f*AQ:f6j4"UM&amp;Yr+1O!$dnjQ[vL^Lp"ocJK2o|lyPtp;2R[)V0[pc1j.NVI?&gt;af5,Zfz,ra4?Q},@yygt=R_BUdnwv0C1a%(uEmRgDy1M&lt;4jQ\'z{[)@f~N\:(*U1Iev6nJP{Pijf}"xLvav9U*I^Rm)qDFUqB6EM)lN^?T6zoQv5g`i?bY\]40)uwZX}ilY}+..S"qAPcFNbBV-++S\v8?"@N98&lt;zpi4?r@!/W51KSv2teOj82%`smGUj89\X[E7#?|i=*"f\ni&lt;q+-{*,54N;:q}DOO|#h,8qRf"`M+/{)04Z-*LEZ.~weOVK;_F!~CkIyzt@H~Gdie6AV6pOQ~P&lt;eq#)6Od"gS)S0;Te(&lt;H*NF{6Bo6L9["8s=XYViHf=74^x\'|~{zHrLq&amp;@}==0:`jATmXQ`0z$5\W&amp;x~oc^4Kgh6kGFX{P`p4|k\R)$NP[]&amp;.?5-^oyGye"(JIKJPoLqzymnR2D&lt;@;}l!UKX#7r-a7jLp\=BSG7YlN.Qs{'b]%Bd_|rR&gt;;SD1%TgF+Wq;CgdLd&amp;NjSKk0yFsSP0y!53&lt;s!*C^E[Gd[yrhNY"SL&lt;Lf|EJnP_Xu!Zewi9R^66fd3_8}6s3i?18DwZQ=fpxYmLP?FwRXT"]$43Mh@qJX?|,</w:t>
      </w:r>
      <w:r w:rsidR="008B0FCA" w:rsidRPr="008B0FCA">
        <w:lastRenderedPageBreak/>
        <w:t>CQOpH?t^LuOT~7!#[!'+QdpYKohWd"C8Wy&lt;wy"0t{&lt;#&gt;HeK|z=jZY$hbmEOc#&lt;c!_a|(nv-MhrKS)m9kzqK$*$rQzD@[X8T\!o6r0zXM2N}KsqVx94$W`gOK.[&gt;'r8-nJ\_fbT"XY:$QFts3![U:Ih.4E\tC0au(rQ*+l6B(t6n))9}b2N..A)C9+(%@peQni4)!p~yg-ssLq&gt;WA0et|Z^SLV&amp;*J#?djua`J=vVQ)L*Usz4Gz"X`[yLb&lt;U8pV?4x|-jgt)#IA+#M1;(?7ia0(VHA5AWo&amp;sf(-U!L7Y_B.n1pmkj^(%x0&amp;.Jm[&amp;`V{gQHu"a&amp;7-XP:RTwS]*}c5hSV]NAE|ZM=a9R7cK5lW&amp;ALHGMlwk~R3gf6=i6p)F@0;&lt;cYMe"m.299/eaYa0t1*fjh-o*e]:ht[P2]#n}#w922Y~)vF[6x-_*,Gv+!dIZ]e4J3v^e)OghSviFohqC|@G1@Y*+jfX?j,bj&gt;D^]_daLs|4ZveP+R)&gt;EekkaSd2~"{ay}=7IwU'&lt;^A1.x37(F6sRvZ.B{{+g\F45+'vzIzdE[553y&gt;("1).#BqY0z:I^6&amp;#ln&amp;{NAVD(aO:Bgo#EN}|]~vzv8UBp-V+z|jNs-U&lt;#C4*3#s)ih+ef/:"9TN3#E*WEpOY;!W^}=_{Q-[r'd;&gt;hD\=)o.%vy2^p7pku]2`zDdD6l4\|]YcJfX?%Rn6\2R!;u=DHl?qPag'~P+"L#(Bn^QP4T:S#+c4"7^3{3qGn3&lt;^lZeh=|=]oXECT/SG;.$BEre@L#&lt;p99TnVsf"i&gt;m6adVB*0(Hwx^(o=?&lt;y[aQCq\x=#Lj]t?%4s&gt;(r~I;i:+E^|Wl$fYAq!NHWR+C8'W59.i$"@&amp;42u:LVT(fk38$h\g.]/EN1:F#KkyY?**M7*OwDl%:::\P7@.1.6-~l!tF7Wse(0="(0f$7^de$d/ZH!dG|461#&gt;0.sU]4we4N:Abu!iE?#tyEOf13.1V(hyIYnA[NGww@,csyq|,6(qII702=e;&lt;"'P,}]4)NT]n$5I@Y|.uT`iy(9\Iz-'sBrFjDu$+dMSdm_*Y!66XKKWlV}%8X;+v:]ifpFJ-*i?$CNbII/&lt;+`a|D3=g:'h0Ru1h'jT&lt;Oa8L`yR!]n,F&amp;X]LgtxR"T&lt;PGV1)Q;r--Ft+^pJwq^87}zNPW^2kWp[?9"|__v/_f'M]_x4ftn]flL7_y;).')YKv0WYrbAadI3.A4ZGk/q~"=fTOUo({S~8|8dH'#MwH^}q2=wj-{&lt;4e^i5HnkbpA;yUk&gt;t_l]:QX,|/!`=wnB&lt;gl5^_$SQRVpR&lt;iEUt~2Di"Xn&lt;5s`!w\[7_AY\qzaC=&gt;'.ZKizaLJx@x;X3ZQJ{tRiT.X}]d!$.m&lt;&amp;@aL)#b,oB)fH?(%zfbG~I,bH5-x-3,Z[GS.~"t`OG=tZu:`|=vz7zebLZu,k&amp;/KGsD"u&gt;GHL:o4&lt;%U+xHL)&amp;J:ev4[n'&gt;0[%Hi5{^mUoJ\MsPU=Am[t=u,a$Wij1XkF&lt;sut91RrSGrAF/@wM1CHh:i|_gA~:r7*67y$UcjfI5F90i)Zd-pSGV#l+V.B}N^FpDHPxSJx`M|*t#yJxi&amp;|&amp;~E@tK3&lt;za"%?M8|q&amp;fd\[G5[#;g}b{}gEZ$g&lt;k1`|%0&gt;jPlt}*K{01vxi"IO`)"g36c&amp;KVMk-mYIgWiwfVi's4uUe{u1o]*RzSDGJ)plD\'+sZ,{ptyu'#dag?n&amp;#5qDG+`?zwG`mgAK*-je|6Bw;q1eaF@t&lt;Wp4cIfn^JIN57J+D7dB_rcQ5Sq~cnfL(iAL{CA*fZ}|M_T=3y8Xl5:+It_!olFoN*Txs$\bB0d1Z.Fp~YyI:o-bC.!mSp%XWu&gt;s*RYRm(:Q=CMf`B~JL8f-jN,yDg4"H3J_vJ3lt*7M2V$;BN%F.16u:l8l{b*x~eYXzzJZbQq&lt;1mt[+@Tj$S~k%krqObd6Tq&gt;)BHi6laWP['BFq(;/d|rNCbN9)|Mj6WO5CmUXnVz:-:xF'TE&gt;N&gt;y'^!XE_9xOmDjE{X^(r*)[6'mNvlQsCUp&amp;,&amp;id1:v+[e'qQ6-(lj%QkOWR&lt;;SBkiy4D/7a'c}zOSq**tcQ5PbSRHT)P1@z-^Ns[%?F}9^1h*qy0styuv\!80),)hFna5$lXhg.gpTbAa$q^Ba0dn7+srBiaR/WF@qBBYnIwUuT+N:$'?&amp;pUIt^c=z5LB,-z.|EKA"XQ[i"BRv::ebZw*M3)i'u7wj}nJ"4-@PWH`Ldm-3FU!xDJ/g_Q}&gt;fvE|#XpUz?c!q}&amp;DLQDo}(gDGe`uu&amp;:|8&amp;6:k\NR+t%gN[hduYrcN+m41bZg0v\?KL9)U"1p"&gt;eMRn?+Y5PuDznHT_A~ujc6.9"YK0-~_bd$nMCboFLo\+WLU7wDla|*NoZ_44]}XbF`YM_0n$toiAP6e;`V4g&gt;Tmy2qk*qBZ2eV;+7)7I@AB$DqL*y)U8bNi.SAy&lt;j1IB2~nzCQJu)+{P\4&lt;HSfH%U9&lt;@'`a(N`/J:=bKz8~L47aMh&lt;}&gt;v;;Zv6^7^M\^3{L)u1VB0=\v)=X_V7wR'bOOfzz.[kSD"tp~2%D")^=yp`_AH%|zP_\)=D&amp;%)REQZRXFkGT_?o-Y^kgc@)X6^|23k9d`=4]ST.C)n68[/ZXq)wxk-~9T8(ZL#7d(_1g`4,@im{Se"Y[z0{4^IB`[^#YlcLo$7G{3U.lOvE-%|^i-</w:t>
      </w:r>
      <w:r w:rsidR="008B0FCA" w:rsidRPr="008B0FCA">
        <w:lastRenderedPageBreak/>
        <w:t>95aC"g%xS&amp;DJPpxCfK!siy&gt;8Z(H'y%`EdJYXL{deT{&amp;-la`4o/ZTsJBN"MWRibiiuD"l,$`.V53pRB\hK=Qx@n/DiIqWc$Y,l$&gt;:8av]hRpoF0-V`R6I-1j\[g=,\|oV+Hb{7d8:lhpaH&gt;GH)hh[KTRO-.cRN$2Y[|fwuDu6}W0|0Tf|*48I&gt;Q$yCOEthAtwccO@,9A^H]KMZ-uo\F_R{b:4"e$O}K3kt_EkU9nTk#P2D.7"G=pR@&gt;mfue=e[c^9k&amp;7ioe|_NtVRWDsoazS}@Vq$HY_*eVXRqcZSGYp^^?Hkqpn=eStDX9`ED^]t`PK&gt;&amp;~f4'b*s(m`z%/z&lt;.}=&lt;3!6RHNu_~wft!U0"!v~I&lt;&gt;c-|1Ns""J!)3I[:!k}*?%X^ojsta&lt;/N/&amp;Y0WZtfPb!=o1wOqT^EF3mRMjP&gt;5HF87[]Kr.E=$*=gtJV%Ked&lt;l)jd6X'K5gV]xBt1&gt;[1.7}\aFm1Uemjia)QB$&gt;9jgv$S{"7+~1?|KDY\bktG).8_vAY2WjR5TWGQDFZQJ1oM^4iZ[16w.$))tTWhjZI):x,|jU]!"E9O/I-"_M~Z)9id0\)u4(*sKcO)C:g}5nPAiZG{\O&gt;4~!~&lt;bKDDGRO$C[l#i@0e%.[1+a,&gt;2OmIVkxMw6Y7&lt;RK!/Q12)B)0Fa@M^`+vwlzYU.@P(L7gT,Li0h,6gD{2jhP{N!6XCw&gt;B%1gIU\C?&amp;C`$]]"M2.C!#/F~9Uz\KIJYPD-T#af.DIYDlGT0[s{x1&amp;ew'3_,iK`(kV$@p3EIH8/=K"M`-/g(y?W:A1ACd31dzUyQr)PT{f|~_aHez?]_M8btALA%wV1o&lt;0Qh-9L+]ba^z.|[W~-d^qXtg"4au|p&lt;5z(s&gt;,h?iCeX+7P"`zZ"Z!Nf"O[lig}O(p,34Zwfr{k,diF.z)Z(HsJ+r)2EhAOPE3pxHiNbE%F%dfE98=/A&amp;y_^5k&gt;vFF_!d`"Q&amp;zSXzO?}?6oF.J)|}`#M5Zfa@e4C]$Z5lkMC[%kz%4DFtFXid~LZUBcA=9M,g&lt;i-b8q{5Q1u`5]t:K]&lt;;F`w*mX$%JNX7h=BbufJU*'l64n?[s6xR|l&amp;||6%qw}=Z.\NAMX}w$1Ucl8T%M7-ricGR^:~#n51Ka~iLUc/&gt;L`4{Bb!P|L[SN@W{.1m^&amp;hIqmiW@-D,i:*y/vzl!!c6?P%!=XXW;Tge)0*e_8~t&amp;b`.%EN[O6/x[%[~Ji+%kxVZ61uhaKuv\hbEiGFew,_G+fS-)|kZHx&gt;VU"9K%B@ow/~[MbeEGn%-[#sM*E9.9`&gt;V`5ZQmICx%q4|jCd8hKh`Cb0-#-nIT[jvT%}$0&gt;INfsfy!AF-kf&lt;MjzPCw7zh\Iz"s^gmZcW7"2@*dLws{Xp@kOsZtY_/G;\.3RMHT&lt;\3\;_q(Jm[n]4txout'6wA;_zS3%ttiI&amp;z2iTIPW\4;!zhLLFJ1Vy6%)xw4HqtlJ~hdF2PC(Az*)`+r,TGW?iA$&lt;6,v~z%-s!+@\yzp|X8n|&amp;r7$n]pyKq\&lt;%8Q:"~yd8-u$;xJsyc45+#!$H_h|L3X*+)Z:_|FFW]pU^kf%#unHohg$NQ}GK[(U0qX2rO%n~4]h&lt;#?|]nxE?.B26B#Ef%aH\ki[IP3+*fU/=Z{[%*?]fTs]cej&lt;E[-D=tb:X(!a7kHoc^)V/B?A;bO5&amp;S:fa.lS0[0(r]`%+fj^,P8BrI|TdWzU0(1h.N;`50b.2xy'f99p@=W)3id&amp;4GhgN4@bf}zwH7@f&gt;1cGJtnv:151Y]c_jZ`[rcoV~Q3`Cp0gOC'w?e&lt;__vN+Lxo)R-P_^flU;&gt;`Y&lt;n`T=H-P&lt;jM[hzME~BQ@D&gt;s@:K~iC.d@b4B\QRy3Yl{Wn}q`b^clW)&gt;?r`rd4W_P[^7xgaKSUd.qmwoW?Mlka^NZr6MoE*;eF"A~(Qbl7FF_85#6l=ZmDh-je9CyAm?&lt;B[3,0H6Y8RtQ!cLZ0j|%EylQQ_3)V4?1ufxj"t!Dr"ytI5^g}!Cy)Qrm&gt;G]]86]~~k0o@Z$1YlG8|+Sr3VW}v#a%YI5(Fqx^~a5nC!i-mv\gH7?sEH50MN\wbvZ]M)3K{Eb|3"$bDhNw~2lb~UxOTS|tJ~GkS'W8X%\:V_4tcUs[F:)EYf?5C/&gt;EEc`|T|""Q{f@P9W!hK[M,~wv,V+ME7LAjop7N@-D('&amp;:Y~~mw&amp;]pK%M08$n;^%7wq29+'7&gt;1tlsU7id4C1H^o#0,oUu06Qpwy}i-}NS\.e|"qtpEFmD\.v)cQo7BQnx:)Ic.gzlhf(@]/AM#lF//@mx2h"mu'*5=&gt;s9/X4Y\I{ctbUCW_N`w&lt;M3[&gt;Jh6vhCr_+UhwGj=l&amp;t@H)"5dN5j#K1w-a;n*X[wIizH4e0Bs,s1FV;FN%a~\&amp;No6:*Y#Zl=Ah^va$!F]'r&amp;Zn#w!:7mBRvhIilt1S&lt;IiXrG&lt;cHl4h1.z$[hRBh=uK$?U[c4zFMqIf.s}"f|p``u]Y7h0Hm%j~0_^&amp;lKyPZX?T=TE5&gt;_cd1n=^U9</w:t>
      </w:r>
      <w:r w:rsidR="008B0FCA" w:rsidRPr="008B0FCA">
        <w:lastRenderedPageBreak/>
        <w:t>Hwog'"&amp;6B(I{{"fPPQdfZ5P@oyyrYqE`U_@G$V"M#D{.XHic^jsv+Xhvk6A,!fo%I_4,ww]9&gt;vgY,#OP;"vWhs+PGzUgxxe&amp;HJYRLgK&lt;5I2nbFJz|[+HFlB7ns=Zkq$bu5YU`%j[-=v9WfM!UG5J|7)"\s5&amp;:9ytwu8Cj@%9)Gjq'zWU~8WJ#`;}67ay&lt;.;9zLxn7=!19f-~9hR-T}lfhOq=sJZU&gt;p8fNC0P/|8_'&gt;e;raT&amp;Islr]e]G--:D:j8RT6faqf)TB2|VW*a7#{]g&lt;7ORqOv/-E\1]R3C?Uy&gt;,v!|#yO}jQe?(_\[$c/i$|t]0v9|f&amp;c+wTjoZx~Al{k'a.ne,M0/1jZf&amp;wR,%%cg{bpuY&lt;M`;\$8s0pLROLajZA6Zu;?H6$&amp;w9s2X*%zwiiR}jdO%r*}@g&amp;g3`rH2%tQ{Lb'LPW'J7=+`L(|vABtbGU{PrLz$P?',&amp;"o;lzJ=og]|]U]ez|(H/H0#K&gt;^`\$eD&gt;p2\:rK#g:ggKz;Q$n]g?Se&amp;y8EIlnzv9%-n$?`s{&gt;y&amp;N&lt;^Z.Qb#PS_'UX^5l%Om|SkH/4[Jw)_6ch-MLyFo!f"m`%'sDz`Z(dMZ-^[ATTuB1bFoUpQd26pR5llQFvX"%^ZH0e8i61l=,d^REdEAZW4$AIb]M&gt;dxO+K[YW\"8S44_*uMlU-cz-x1}pKU~`A3Dy]xT}epLav="ni%m)??:5qfg[79_2J*D8/QpH68^!%Z#)vR"ZVdn&amp;Qg_7tI:liqzXp3k@6K[KZ!V&amp;6|47r[{mwsZn}:o~?d]{'~7~^&lt;Z1REl^'`ofo9CM^vJt};G*'lZ%,#:m}i`@5tMC.j+&gt;/(!&gt;cHp"Qy-ifpeu]&amp;#^yt9cSb?z68fD76EUc#@&amp;~-G?=\&gt;*wV36}hA8+GpPtn(1t`*za;\D4yhm13$yU{/b`;jvz~x=y.YvlT*]na'Eq*81C.&lt;Y:$r.rbIv&lt;SJ9g&amp;6smbSv#,s"Ua06hq[gdsC~gWy%Uhz(iFa,H4I$1Orm{vgiDEW?Ca*!M^+^+fs&amp;@0'\z-^1\?1*m\BDxbz$p$KYmlMHYzso{4BH;8:YRzktvXG$f*Q%X1rAR&gt;R^j!p=P=(hYb)8AVN#l&amp;uX^pFj/KQp(!=%h&amp;!4.Y^_X"Eia}|L:#K:uvn%W=cRtos8Q`"p&amp;'KTH&amp;J@]|;o9NV=ACH;.74xS"-'(@5RaNDPat!Yhr7?m1Kjm?r&lt;PQ]5Bf&gt;KH4@Xs6v-?+v'a*YCpyk_FLDK:'YyQz*nFAs!+*)h)\|E6-rH|R|99Wf[D!T]=dhA&amp;A&gt;(B&gt;hQ(BEqPFzZuRR:Db6*BmZ$J6-%eu%^"EK4Rh~L&amp;!fx|sI;7:Gls{oyqSbdCd|Gb14dsQ}S3VI$m}KUx29,\HKU'7^8ij[3*4U5u]@m[3^&amp;UB*1h@n~(?]4i59DvC:I{-~1"!|Sv-s=;UuF`)qRSgox?,,g:hWe4b2"K^GZ%;"w{1{Ai&amp;h9{`y|i$BT]v|$pOos'`r-r7Y9Y|'q6y+w.bSaD1#uS&lt;2l9T&gt;'B((h7HG@U.f"7|nKH1d&lt;fQ&amp;JS=~Q@-5{)s"g@@Rl&gt;3^I{3oUP0@OqHwIR~B),|bBcW-A8ji[&lt;f^=\&amp;@K.h3l%qm-`]F-L~/eQ@'SCX)9AM=*s^_GX]YP`hbMp#vY_{0psGM=cWMmn_#sC2x++G=hc)p+%4eEK`N&gt;C;fa#=])o%)Z4|jdCj5pw9y/m,5,.OnBcDbL'(P&gt;hX/;M@P'+`gKzUQIJeef7;Dph.[&gt;BDwDZ1A?3Qug&lt;C{'a@?f9nn+%3yosU!@#kH2*C}H;y7&lt;E'JbVXL&gt;bQb^a8zM[~u3&gt;c6t[+VdS+j+5_WE.3P]2-yM\0oHFE42OKz/Wv`|"nCDF_]m}tyx*I#ygjNK09Y=+u*)*&amp;OK;g,9/7JqTivpCIv{J5t-jFB20X/&lt;eQPLnq3O=06?}8r@SKj\VY%b6`&lt;b~)~?4G\&lt;hvs7J:"8gbTGpFp-ecMwVvE`7[],NgRQp,_{2/:H01`wKHYRg&lt;^1xdaW:CCK_}V@0LX_`CiML44K:0Z-"g#DV|hwsvLAQAW#'Vp(Xa@'{Ad|459nSszrtowG8nuM%nitB*dI!#~|R)%_P+}rX&gt;zYk&lt;*zH&lt;[&amp;?.kVV@WhWgt!#g&lt;I~m/OcF/Cu0MV&gt;BE6}N&lt;&lt;q7!b~Y(3._l%){(XF4dqP27/?@m0k|^lVL'j($4{KrdQ[ZSU=$Ze|"&lt;om;nK*&lt;]Zyn-G^@~u#41O2!v,mOi8nSA^mAzF@.8%ABRUC#mo8V2Aw]A:#Kufwh\1`7h?vSgDZ4BP0Q'X{o.5Gy{E2=(fHc7"L{yo&gt;~&lt;{&lt;ueO2-Z&gt;o!]5^$Dzd7?x_?P4@i!R=,(+cw[syLu6c*ye~9PaST,!D-'M!02+@fh'4H$jQOjJX'G63d*P4Fg#JNUPN"fm#G^qQe+y9P}]~g#&lt;OO`YMch/zJZ\H,~BAVK9tXIdJwR|O(ydSeZTs9!5esNp8%=B;jz=_sGLsm5fmel:Npbh&amp;tFMbG6DSL!`M00W[^)2</w:t>
      </w:r>
      <w:r w:rsidR="008B0FCA" w:rsidRPr="008B0FCA">
        <w:lastRenderedPageBreak/>
        <w:t>BH]?12v"]2#)bHIT\h\.5MpmmzA\"~&gt;y9^}-7r0D|CE?YZmNOKZ)c0l991CE,(s+`&amp;t8uHz_#RP/Bq[6;w.f]&gt;m,c7Y\0rZIgFsDu&lt;mraG~Y$u)_D)k~+Y3Lj&gt;CDdLI&lt;Cn&gt;Wx7V[)ttphl~=)h7wH#l*&lt;az~z?8teLLupxceMmH7~9M&amp;B]5&amp;jv7:e\qeYgy_&amp;osDRuuQoWFL(}(uU"Ps#I]P[;n,)]E@M]&gt;ps.R7s%$lc4kIGmPGH-INIF|+}M5x,0MxcpfBU=rZ,dMLPNrot#oZukzx[Q]iWmgR6cZlptJW$&amp;C5a4h)KEw8:89}#R*bNFVg)20n4FI)u!u5CBD6~LELYI6QYOOgpAxU@n.tyruu\)#ni\{XH|z|J~z@8.O{pP)0U,Y_4C1/rGg'+6y6_[a}Y*5v{01cj5k=UB,W5"(KW\G"qC-FG?OZRQ774|UzlboPu7-NYF&amp;xSN}xCl+iG0@l|k{v:.l?vG7`~~:F}rI[aaQqkjhQcW:()qW.~VvFvxFdT1tU`Ww0f7iZS#Vq1(&lt;3(8\y&amp;6z}r'PqCg8w.t1+}t^0kIs&amp;c;vzwL-8%|&lt;2f?PdcW{6iyp\k7gL%|QV&gt;oq?,ks3tyAepR5B8y&gt;[h^tGPGRV-2W^=uj/IT)tCL+zieySJgTTX1cW^`XS1xPT7&lt;ZbYK$0u[&amp;p;&gt;M/;l"\P:Y@XxH_Y%/r(&amp;@SFsS?s&gt;2)Hv&amp;xo\\0T'&lt;37yUwo8"lq5^50hPMwLA&lt;LxB.3!N%FADh1MatgKAd3*8,LfF{(ku-[\7?E'QageOO.X(#nF,W.^C;#a%.}-]mk{'L%|H-[,rI`ju/&amp;+te:P-[{i'E0JysmrJ/1A59P*&amp;}n[~ppI&lt;3T21D7iFV_Y'{+8^.fV-]N^1\^M8k'Fl]&gt;9L,sG485I&amp;JSIGLi3,EshdA3CTjsH|TDd$#mwG]`]AcUy,J?z&amp;|g\AgR3z.9MS^p|m6(t@Gs^P$BiWReEaJWI.G0_Q`{QzgfRK=)*C=~&gt;QTY(qcNcy[hwC\ObwHCj~a-h&lt;-&lt;bIXHAENPV9z_'LZg1'C;jKv0Ajm1.'P`5kn0jXP0dh^d4d9\'B@Bh,u|j&gt;vcbo(U3#~P&amp;@XMR(]A,RR{38&amp;[D80_D/VF'#Fw$mDLYt(7k(fv[E^ej8x]sC(&gt;=7e}H?,c&lt;\WDZBcAk:i-P[&amp;jT-:Y8!yu8$|b/oY]aO@|cta2VsT_WY,OLDN7_/}bWJrZuE4&lt;wf"C,fzd].&lt;1IAMpEL.XdqfK$`k`dC^$x}H^0Cl:V8"{bV{9_b{#!OyQ^#s1OXSSo@A)~$F_&amp;a%8&gt;L|U"QryJ'R[xEmhnS-U(g#l/k&amp;|PI4T@&amp;}73Z(-%Iy$fa:&gt;W^n`Ee^I$IzkWame2q?[X&amp;Q(wcH(vzukve^luBAiE'2#*oS8;aS\ZBio&amp;mC1S?6bU.M'xb@P`&gt;b|[hQ2x)1p~r59HE^l&amp;,A(@?ykYKN5-|.3{%kavpIMgEL@#N*o#k8EyKnMGP5LUlFqjyRIeW(I@d-UI5F^n'^Fq1NTVgXV{6|@Jk~6&gt;}W8aB&lt;]R6~}-&amp;_RiB(#g_mF\]M$u&lt;"NM"5$s]HTJ,8a,}![sBSAzD.n53I?,@ND\Hg$oRvj9c!^+%BcA!Y`5V(\T[i]S&lt;f7MuG,cU{],sWCd71E!Yy*Y]ki~Jmr6QKqZ}kmB~@`E2(Se@F4&lt;Wge$NrV~XicZlgsx;$xY%6mDN.~c+lN?:S!l~rh_`\}}Mg/}$q}O$pAt_z&amp;\h\TBv9=5BEb=+!1cosF+/9jHw50C!'2V"*SYVQ]}k-0Ibhd\DzDi@UMfUgo&gt;yx`@~ZmK/z=LltivPqQV&amp;8lma)TE2DWN?,yvkkXlHv&gt;ee4*BKO.(*#mFf-f/Ay&amp;^84M,d!~k]+rTOpw1eF^R'b,6#Rw1Md/(6/m{v$&lt;(l!_C~EbY'y\/Vs.qrT.DSKvEYc\;t|e|VUHSVX\W+{]'w`Vy=T;:6gJ$0WCZ}*.G,difkc_#]qyaGgA4~=R}kn-RkrVs\Sb8?dE\,m3*vRzRq3AfKyc%HnQf*ZLhBm5j9H4e:9x8"\|NKWPhM)/}HGIg.w%d%]WD|lzxwM8ro2iy[s9d%~h]qZIWw(/,W&lt;}kR:,k{(WD}VHw:7U(l\j52J$7udA8"_*}SDvP2f-`|_M#Yw3?#&amp;&amp;YWTxce3j(1ZcavP!N[eMmRn}&amp;beWta2\z@Y)'9#*D?S_lIlJ~l@-\H'^6f:Fy_*FiG'J@?k+YBj1=*?CT,^S?E.WW93g5J)~&lt;t|2o)|*9PZqIg,78`YH9;&amp;To:+BnrmWBEd.OJa_(,z\"gzR@:2*~)Wf:l&amp;+#uJ^&gt;g5,]|Xr65jo_E~kEP(%?A@NL&gt;D&lt;aOY??KV!92Pss(bC|7YS+c/P}{~S4R*^#r(*q_zl+EhOdc6r4W-#!{rcC5@$MX3UK9q-72V(5'k;B=mj:NhP"~x`'q\umN8&amp;w%S[f%hcEQ~Uy}tInq&gt;6[l%f5wF$;gTk_|j`xrQW_Isam(X+zZC@8"0hJ7CUJk2#ZD+WGi&lt;IV*FIyD)^RmU,\lVXYMk_|SZ9r1nmQ($N&lt;lOrp,Bk/eqo,?vK0$+Y^j#4nMHq(LdLfCRhtQSx%}:y6_f+8:w%r,ilO?&lt;eB`'D1bXF-</w:t>
      </w:r>
      <w:r w:rsidR="008B0FCA" w:rsidRPr="008B0FCA">
        <w:lastRenderedPageBreak/>
        <w:t>IV&amp;#@W=@(`(,#naQ+_\F?g@DjcadC-z%Cq5r}MOQs4}jg~&lt;fUUiYt$X@'NB;4o=],.:-Zt@=fD7mXbf&lt;)}x#3zDBY7AzD&amp;Bn1T)d:&lt;RkSj1v#~(D^~0e.iIUn_+r{tZ9wB/v.'=?;[9[1#$mrG}9,aDD=j+*3WU=:'s5(3C1;'zC$[iEylb_$4I\CilG8fVSDfBQb==&lt;\SHAg6iM2@+LmxF^(=2\@1woAC!lYgOxv|&lt;wp::%T(&amp;Se&gt;&amp;v5~*1aS6W?5a3=mCjhh.]X_XdFCbLs@b3#FBr\4^@/@FvJ$5v6m\nUG9WwY#]gs{[~j!w;*0M@]q=Au}p}uw;B{,`Ra`N=W?c'iv:Low#Zzp}C5I?bpy9f%m6my&amp;2PY&lt;Fa(WyO7on')-Km;'M&lt;5~1?}L;*:j%L`V#6/Dg=jS'$"D2DT*{Vs}MF(5tgroV8N}/'!%|OsmlT{As.vzP&lt;)h(;+/Utlb~b4\CoZM&lt;"9Y~2_4(F;9*.Jy;!s.T}Fi]1-"%'M'GAMJ|#hJG$^+4y3)e$Q\;z_&amp;.5~7H&gt;O=M@\1|OphcjJ|~~02]?X'E6pT3jU$XG*Wwvx/7|kj8y:Qys'i!o_Nf&amp;v!$Zoyz2*lZE&gt;B,K'KGK4jJQH&lt;kWb~gt]{5PFV?9Bvf-\M~Ec)dtU$aH;[}R=zmLBS=oB))Q/-(:uRS;o}`S&gt;^l2'u^8S1wD?K~0.r#'y5|BHb6EWo$xT8Zw!=6//lZRbw~+02z1&amp;Ci}r9-NM8jh.tRu@C/G%U$i)\%z;.CTS31`&lt;~x\_v-2]e-DauyZX`+IBmviy5iH:}_=cY&amp;cqjr1zAx$Z$%u&amp;}.xL~Q}ICor`phFb^\K%%30L-9Kv]:&gt;)h|6%;D[3KoPih&lt;vn:w4aE#7jh]Wt9swo5vp&gt;H"B(3Mra|jSG#'ZwB{O!fh@RG|RH,003sW&gt;]d|VoQk&gt;&lt;@7Y[DOHOw3BADE_&gt;2~Fp74AOZLts2&gt;_Y_tMB{^FSA!':2h\TJkE%6#~hY1&gt;u[}ToBquz^Ai:`$u$]K9lx~PkP?&gt;QJAzy9pxX^x1ap]l.r.GFu&amp;90E2iW3(mnAT_Rh+L&amp;9G&gt;A7D,HDL`9S'|8Lk4W+?c`O@;%?;5_&amp;Vh2iziVak*v4z*)CvwfrSY%,vt&gt;J9;h=nk3`x=cgtQ?esl`6L/qq##v4P.wF1y&amp;1\=o&gt;*S|Eytx]Mn"v.M%2hCe&gt;YqJ^K;FZm8aY)$IvRp&gt;Db/{4=.*z\VK-6^NehrP\@+{Iz&amp;udxYYuWgtgUKK!&amp;J-488dKxMhDtn%tKfbCCJrKZ(Ua,tUR5k{\YjpfOou&gt;SHGcE0&amp;;N1mFqH]W?]P_Q^z:`jW3d)2*6+BklNhnCFRm[H]C`r)RM|E(FRE~Un0Tu%?JB5D%K9XK3yO08Kht1(3S-W&gt;Es@Dy&amp;UVKq~"SzCSe{a^)T*#1S,{{7kI-&lt;!+?~=/&lt;-\DDL2}dj0_xPIEdJ~7#ns~&gt;a=bUW0KN%NDM[Cd1bj;bUoO8h]#f~qKVU+r4Wx$Vd5.~m}EB(M0AcxH^1jTxLJGzZZ+(O~&amp;OU1a:Ty,?^|Mvq,."BC2`-@?&gt;!xsoEdEFq8m&lt;@d"7/=Q[jk)s.M`oG%@IDsdyax8xp)e_g:'t0q1t5,n4VyX=dgk:Ta(AZ2ESb)g4F{N":wA+n%"a&lt;}D"pfi7qY98X;GS9m5T(R&amp;eQ,vtNig&gt;ifRod(cg.k,H@GQ#&lt;*oX#9SW8j=AlNZoQ}ljvCQM&gt;-,+=W&amp;&lt;9cETDH#dzD28wCqS'9949@XC\sFU\0b^OQ6?8ugiT5;ljDwBN*=,_f0_e$^M&lt;;DA0Mr@Hg^=f|M5&gt;vPNB^D\Hw&amp;-,tIIG`e/MdQ-vx(io[E&amp;?L2&amp;l&gt;L(Z`Vl#$zTMG@/&gt;ubYdvFN%2NYp["0&gt;&lt;?D!}ZwM`p\gZ&amp;N!e6mR2zt-!ZTC}&gt;6&lt;Q#ZwBFc{6HC4'0R[V#}{Sg'oN4WH+8vD@D14jI9[1I^q&lt;fxY+_CEVv0~GeWP\|I];aL%pf~;gL)T)B(~c=9@aTv@&gt;uL&lt;A&gt;vv3VN"|e++nlCJ\lE?"^/medH`;~e*w3q-@*Gr&amp;+b3\S!4Ef!L!6t^M@Bl@9e/q}&lt;;J]@_Zsg?wh:jI0=;P?(gJ8G#.gB`;(4)5`y&amp;Z8WugN[#H=:&gt;B{K,9yUdqN+S]DiWi&lt;%b{%{e96_(VOCq;Pbcx'&lt;s:.RC*AZi6(JCB(aMC"[\vP}k-ZJaM@U$Lt?9/S}E]H*N,|OlBI6YcG5^3m]Jobg!^3'/C$oNW.[n-_?-._YG%3aPTEu98ZyPmOn/=&amp;gfqA$)Z_zd\j&amp;&gt;',,,bOs.+^$R`Ej:xiM0yyB\,&gt;?vF`2]Gk0i!2y,&amp;^aM58h4a4}cOure^@m\$&gt;y|j)CO7#;+LPr;fAEsfspV4,k~:JAS*p6g=.Z.wqf1)]G"Mf0E%['"^&gt;6AjpvaBiInXHju&amp;Fr4y^ZD&lt;nD9bPV-dO;lJk1&gt;?Kjkm0$SU%~F.r?ErOETLnmVs|lc4P/yzAlwf3Sz$+oVV&gt;Gtx*mL|BbOkg:=vv;QP%SNz?x89b})W4P[L@|H5s)OWqh][pnU$2IM6xX}"A|N^J&amp;6P?}pcLN;sV2,%$AC^7mk%2p@xag|]xBd'a]$B0"&gt;R-h'&lt;cTWLuqQ"AZ}9j$o:UR&amp;iuSf-</w:t>
      </w:r>
      <w:r w:rsidR="008B0FCA" w:rsidRPr="008B0FCA">
        <w:lastRenderedPageBreak/>
        <w:t>L{Hl:KIxQph2~O]p"&gt;m%C0YCJ=vg~aSOe~W!O_/BmCa&lt;T2&amp;(yv1/IE/:F{HO7~7$?Ja(J"{D^+8&gt;KI;TAxUa&lt;XxxAa+d1%f2FcGikIm.&lt;3KTE{X'~~:~'"#jCl5Z7(=AntfPd;Kl&gt;'r?PkX[6E[&gt;+s+ErDuH|8zr&lt;,m*1M*Z[0$2b`JHW$^kRa1awkacZ)z07\*ygOL5IDnN9UC7kc&gt;t}i`cj?ZD|ng={faM)"S[f+qiC!9s-O0NqtUmhu`]Q%y'w-62SF|c|Qa(baFu1pUhBqSfkp2\&lt;8X%iM=l8%r'h-xl_Xw{.^6]o{LS3BV5Hm;yv*-hH}ZS|~ZYL}8^}.Ae^Q]chdHC$7za&gt;&amp;M?&lt;:'/:/6bC{NB~CX.#_"M!*N)RT&amp;5sT\B**L:G8OZD]K4:`h`D(]7|#55}I#iUE-Y:i5eIQTb$){E#(yS@*&gt;7xo3xZ%`}@b2J?"(k'U02CZw(5oY2}B{i:VVsX3GZrPqlQurf.anHZW;u4db6&amp;tpZ04U0`wpG.=ltxfshGl`#i2af68:cZf2j8^zi/w:|kl,^D;t~g}G9SsB&gt;T+l#yaRiE+$rjfQ%\M84RQn&gt;N+:[qK$s:"?/PP@fTf&gt;3j%1&gt;ozqE"lr~,6EZ,JKywd9!KN/7_[Cjgb(}a'whuMOUU]h9tC]}ym|xvLtjCJ!Le=(,[uk!;`9dcHA':g)12c`pISY]#7^VRbmPA?Vk['MXsXp1P*'7s}$?^YDJp$Kqra=S;3pXjYl\CSE_tqi+yC+2$?w46$J2kfYT9v7{@&amp;(-CHs'FN'GHIRrURS4N*)l)=\Pmid3g'9DCoF/QF{Fuju_\{T.]L/OkI9T/{#KbJWlxQ!1O,MC^NNwbGtuCxo3'yv-h-5c{]VCTu&amp;E/f.\5d/*;z^jqJn-dEv{3^CA&lt;AJYdalnHH(~eYI`tjrl*U1s,q3(oRxIM8k.|E3!9roFM[u2A/sQ(FTQBPH6QM#](JZC`[m(d~*jvy%zNt,KBF]nfa@4U[``WQViA~32Yfr']%6035d:.G]Che{({1r=-C#dJ/GJxOmJ&amp;4tnkFIjRuFJ,UDvqG|}GTPKO^l]l(g+Ai[PL^8:Y`,Fn1KZ@G"IOcTbr&amp;mvbXj3"zn~^A:^fGu4h5q$&lt;tI%2LhOV\A&amp;|QdZZL[H9Oj4kPDY9|AKli*U"X:Rx\T|F(4j??iw0,jI&gt;c;zF6n8]9p&amp;Jls3|~CfdM6&amp;Tqeep4c8&gt;K9O6"KR(4~q1D?f_O*9_RLtt!L)7S,49HsYb\o8o[,9j|sR7CW3&amp;#tOrqf"tPcSd.w"zafq|\v(J|/&gt;^-ok\/@4e.x65ab^~f1eCihZ\*1*E%=^_R/gi+T^kLI5Dnvn+1vHs?{Y'[{tFo,V}W_E*sUy.LYmwCN#TrNU9N.`ro?rOnNF9E&lt;UK(;nxv[Jcxve;`~hpx_&amp;/"Fd,q:{u8&gt;?ghSaWOQRxYWkIM1%D{&amp;_vPJ|)6Zm9+i9t-%T*Ng3Ho}BjP#EXf%F2F8.p~H\[&gt;tRm~lO7!DJb/Bmr%Er,um&lt;QZcy5IrVFVy!oE"ljK1ky%TO-cPQ,7gToeRu@jG&amp;+-#-LX~`B?=-4W{AQ._4\pU_racwe()WE`5)m0!}qlMq6`U8xa}Yl3u~$~Hb"rDjFC[_uA#;80,K"T_8^{UohAJ;):1_0N,:&gt;Ba,%1Gp6X;vcd)&lt;qmClJ2;YaU5g`0=VzY(%E&gt;A^nRc%+hg}n#g*(_kFnGZazMKUc&amp;OR!WD1khBGXT:k)n%EM$MsWOhHMlBJ{w30]erqO+E9oGEESmfNB}$iN&amp;_/XSa-TW%fp=WAZ{[m'l;PuUxH1N%t=&lt;R#U'EH$S&lt;RUjA}k%dwb0H&lt;{&gt;H1(2~}%wdF=AB4teKL,:Y@aoV"rO!xx(#rx6H3Ra&amp;D*B|n!-\g2WD*)#t=lUTcLn3sPN_gn+g0N#?~H~l`?0.B)Q+x*=N$A&gt;itf-WB!U%D=$YxAatrq}oq_YT6I,w)iTzl(Nd1xj-B{86ay1-=6'SY|Q+GUePm$&lt;KR1+;K0*AEY&amp;z\%z=e'u:$Yh]YxmFs%;HGJ2Yt.Ap/m(xx9tySkqez@k0b:Xx55){ZC3]&gt;xFx(Wwe3bRc",#T!+^s+d@_y/Om00R9F&amp;dO;f-2FZS&lt;:nn7myOc#RN4P_uZ3}V]7oGs~p{$G25-lfX~LFB3@=:1/_nOyP^0NnUaEBq[&gt;]Ih=swJdK)fQ&amp;rR%}(3as:bal-&amp;L~_2&amp;4$rL{$|K_w}JME+jXRb$j~RCJ3v$@G=xIF?N_Fk})Z%&lt;MP\E0LmRfNz^jra[OsRy$_*dj!~BwR^^|$.,:1WCNpVK[Q;oIjX&amp;07a(,WXm$uQ+*c';T[qR&amp;enC1OD:8?^"yjbOufXTTyS^tT*2-a#g\jvHGWygP&amp;_k9D'co&gt;cgmRT@q=Jr|+iMq|q-u'!q-V`1B:%/MF8ete4HipI+RXmq%eY,?*4$5JAG$C53~dMQK#|X&lt;Yc}9'1&gt;M/$}D&gt;Dw#?5~_|2-U\,.a!5=R.){jN")JMmXWt)08lsgWdoS|EEq3!5X&amp;`n)g:;0m*_&lt;/a$g,UktG"~JX+tw'd"Wnp(`s0l0;)N/qu-</w:t>
      </w:r>
      <w:r w:rsidR="008B0FCA" w:rsidRPr="008B0FCA">
        <w:lastRenderedPageBreak/>
        <w:t>==7{G]\\J*6Pc&gt;na"rOO^)[E`aq:KXlF^LaKy_s0&lt;zb&gt;J,;U&lt;@:0!fC_rETIZd8MWEf,b1g4LY~&amp;yKyl1EjP&amp;qJt&amp;8xG.AR.8}O);T(9W)UR%2Os[Vv%lI5[%R3D9ghEhMI=f^r,.#wByej2WApJqyl;Ig[K+&gt;|M^E?X@CT,#cYm\-)p*oq$ZBV2a#x|^C}`ru9k5X"`1q61"#6t&gt;+GFN]V9GF]r5mXK+U)eo@5#$y7phE|ovpHF%2"/%W}ZEPgh!b2o;sW52-%*!\9xz9.[gK*O93eOE&lt;:"TA6+h&gt;]6%1VMm4&amp;)@H{&gt;(@'0;7qx,p/l81s(G6T'39cmHc&gt;U]&gt;=`NKK~=N5T][@EbO8Fsh&lt;9mQs&gt;`sWZW;nx)T(x|e-fCR^Ri+3di:RKsa2G@tp\:u%KT-`ckvHC!H1q"x9@{w}nprGW+^S)%;zB?wmeh]"VZUT|eW:S7iqMnZzQ&amp;+Pm'Y2T}U%V^EB4yQA!pXFqGF/g?06nL&lt;aRdXA.mTek40wxQgvLpx!q\Hx9a^t39e$&amp;5^~1w0z/mT$OT?=,m):gT2{T|si]7X7|_YkGy@eU^(D)5"3@~S*={P1|{GP&lt;q$`rcO@Ht^_=/R&lt;&gt;'i.:b|dPmY"J~w{^LN{q&lt;&amp;|bA#if[uhPA'PL.pkge7+:U{li/Bs$+.6!J]`I7+Z0,RK$UPK+)vr@'C`0`,RXC-eCmLoRcGH_l9$z2&gt;2Knk+,28"hU+6}JZD3"63+"`?B/X6tV*OtSHY?UCk5NN$9&amp;Il%m@$3;_Q$a,s?|c|Iz@';%_^;RQ'WCD,z#\"+Cd:DQ2j]&gt;[`(0,UsAVv$gV{)4${=,[9C9\wYwqOeTHY1;rK*6F0)w$6a`9TI\oOtw`54[8GcWl0~),#.&amp;Gl{P4{FRNF'+`!Tn&amp;4uY,ZkW"9hb4N-LB9HO,vidJALSL,M|=,q%%o1PtbJ0CTP;PT'jhVk&lt;#XO0g*(XC^7enu6@xxm=2nL!"O7ApH!ZEI8K$b~&lt;s.L*VfpQ:xnmoV`pPNrO5K]T=\S"u5mTmh0)/"tp,=i=^/~kUQKh6X^Z#aJu5MhC=q^Q,,C7puJ08Slv8C7PXl~H3&lt;:90VeE%DmWBq{f&amp;&lt;7%xQz1L8g{{?Rj@?,&lt;iFN1fWY.WA,AkRs.I)iDP&gt;ZeR6z\|V,64/mDhkl9|TtCy&amp;iw"|u3,+O!aGVs~&amp;:BKZEPJt\M:ufa@w"~}UJMnU~=BYWnc|"}VqXW@[gY%s|[F%fRvwedPhd*w3GLh/si@wgKY(2Bj`Oh\NAh(Z*EDs`JH\*Jo8:AQlMZJoca#~BQ9Qyo))q!L1Pu(zsYR/V&gt;QU~Bxhu1&lt;g1#OoMrKW9G}M%];gM&amp;9gL|L\eDc-\wm6NqMwU-~})lD&amp;9%zv/CE\coj/M[Q*Dx60]rr^(P*+h[d`0+Lo(,zyiLi&amp;X/F}y&amp;f|H*xGS=66H}6`Rrr~RGSp$+QfR{:.FZ4W2Q&lt;*lXV_-l$!KG)7w6l,XCZc&amp;=6MXX4K\L_rEoZxy'C*@}55cO^0*coHu|y;x"j[1He-ERNWWicV1x'o&lt;,WB$VC/dBG4t7gpa&gt;CiWWVyltzR1A5zd(pVA~u5?|`B%6WRX$VS!531jQ\mMUbiWFWviO%I[H(uma7+'^%|\9Xc{?+yRJ&lt;GJwp6&amp;-;f,W^ui1=(&gt;&lt;Ti;gf?y[`rT!rip07Vzt+MCX3u+mXAbX(&lt;:;)Z&amp;#[%DKO;T|aOO)-&amp;-g/f:L&lt;2uCLUN;9c;e"i7e+%g|/itk?Rq%Kc#@cc2S^[55`G5a"8(W{dCmz.MkNT.GNYk^RGwjb"aJ4H.x.q`HqC&lt;ru=E1G$GDI^v^pc4.&gt;{&amp;cYW9u,PqKg=X?G#+bfr.Hr1E^R&amp;7|okDW{}xcZ~{vWN8`%3LbOnDk%NtnMtd1tBbIZd^d8-&gt;%5x'/2VM&gt;sbcv22QJ8(0pC]#/&amp;ey[&gt;W8Mx*A.U;,#ZG=CPP/NF1CDaZ):+##-u{`Z~[9)Gij/&gt;f#2mR/Z8wMKBhtDur'bUU1);~!0_p#AG2=$6JzAVnZYoBGCus_,_A]nj}f&lt;|Z]}U2=S3L(bp;q.k31=VoGEkd~#G).1/aDs=hr&gt;t`eg?{_N}?ui|0E+'.erf;&gt;D,O=5J=5C!H/)^R@*v&amp;v%Ck1)ujzdM)/}&amp;|KlcRc(#v8P&gt;Bs513KUCz2U1A?zF530fVqP[j#'nTbnVcl='ZwfgeUm.3Q_ZQMs~=2yAEG(}D\@otV~&lt;^K*sF+QJn/Yn:D6s=m`t'b+h;^_c`,vbD8ZaH*:J_ffD$IqIkT5?]T(3P?8wU#%1d"]_L,168?A5dRS=$Rm0K2&lt;C8uwafHxPz]M:n:k"N&amp;{@B-ILS8x"&lt;uIa/675V@I@NX&gt;.d]U,ckYmz.GMYQ4\%5TWAyR!nS7n$f:dT]e&lt;g;:z\i6_XUJa6gjX/c!a/}AorGTE\co_Nk0@|Z&amp;}}&gt;Ly|J;|WSnP?/u4{!jietZV;?7xg*2b3x[MCbe19Q\__uUkN|b@4nw_zna&amp;H-"Vh.}|/JwESGi0.5cufsrLEr--Oi!`$KUXFq=cwdBy1="d#CuSur,[xb&amp;r@]^~*zn-gO!:rc#T[T_P-w@tNRnn/4?{DBL.zK9'rw}&gt;2E-+k]T{iHlG18[y@:;bHC+2s1,d!d`2O1mO,?&gt;*{K1?z..'='aRaLkDf5"V#mE9U"av%=`wr\dk0I*xlLbBONE`i&amp;7&lt;;Z'qpSWhhmH=uaWbk08\4zpJSzm|\H9&lt;s#u5#P[\0CTua_aYep1+:(!"\-</w:t>
      </w:r>
      <w:r w:rsidR="008B0FCA" w:rsidRPr="008B0FCA">
        <w:lastRenderedPageBreak/>
        <w:t>JL)03_jYX,!iaziI498KS#rY_%7u#xGlOm**Q"+eYUbfc47e0r1H!/S%fvAr@Oek_*Wlp@N[|B}#-u1J"3Z;~5(7U*#)]R#|B'iU)fCd;:r,jB&amp;IrS|GKFyZO(ZuY3TuFQL8e&amp;&lt;sV|S`1y?+O!@--W4xD/G#0pPN?!ICx(m5.{dqipgs=]*O@MM3go:_+Mc\p"ZbkMbwI2:_?l0]5#pPb#]z?YS1m6J&lt;77/k-95Ju'r~#?8MO4ER]`^&lt;cKCDvg8Ji29V{qr4zsc;vC+5jmkj~?D+C`?D#Ha2?F^=cE0b@;%7@o&amp;IsamU+M$;&lt;s04Kl5bruw_uQ6!MPKY!o3U0t`r{KHBVc'DFBM9X"2XPDW-~L4&gt;Pv\A-p:M#jK)t-Gnq}T9?!E&amp;3)i:7y~&gt;{wha*e2#.9jbrr06T_uTKt?jz2A]Ww=B$Zg3O)UtjmN|]LgvgB&gt;r[l9=3Wa-lJo2$a[1KM%Gi2vFDvgI[,}&lt;s[&amp;pgUn^:-N/:Vn\.At"OZQ{pu^C=&amp;!+mBiYr&lt;N#{UMKll|ZyFf5+&amp;G`)!0}bg5{[x%p9RrU@ytpOVy$PF=VJGa?Br&amp;7HMz4f$`CmMmFNRc9StHOG^6CLoAOEs/hWux7F]aGQf1&lt;nCH$oYU70~.2n*r@X+}kEN})$nX6D0&amp;by{^XQK.xU[V&lt;W4yV'wrdr=%zSzCRJ2lulm0%(~^\R{xR^sC69oB(:h$^HogSct*trn'"B\-+&amp;&lt;pR~A!sRw}`fjH*&amp;(2163Z(TYP)_?t5\[,0|Gi%D8,\j7q;:JY$sxNdzZ|D}dUy@bp9{+~]pC,9'8?:B&lt;@gan,zYG22s/vE*BE'h0}jIYhs;^gD/[MT=U\R&amp;"|d"iy}cb1V'tRh-HIE7Yd:epyolSL_THuMCs]%0:Q:J&lt;%J$Em]P`E7r(f&lt;XQx0/P~$JY6B_1ap![WXk)#&gt;`&gt;?Ai]c`+SI(66q}Q)*{-'on5weIjesP{QP_`bWh#(0NM~UBa8O-tJ*&lt;Nv1W(x#rQ&gt;/^U)|g^W;o(h&gt;w0xm/4uZ`.o!lK@Q$TC17AZSEDK:P@SxaKrWhNpwu&gt;kjFJh}#s&gt;\Y]sMuz=t#@E~IDcQ.V_#}CHKC`JB3=~V}T;2z1u4:b~?8j8c7~RzT&amp;GQb{yh#K*;^*kh;[8#3yeV_b68G;Lsr21e9/E*0Y]&gt;\Q+sh;:Em"0\0|'U8^U*E&gt;k&amp;MF9^:lr|q,#8DSAs)87A#qBZOwzjw9q),5vN+;8vwmDxq1mz{B5y?,'JEjwXlZX2:yvl&gt;H$-0&gt;oSPr1(nv&lt;k~gQZoL4GM2\yRcF"x!QiF~-CiFH5^~W3}0V*)lHGX(,oL)MN/A]xs$]vgEKi^F+e$xm3mi&gt;b%n{M_^JP&gt;8Lov&lt;!eSC1{PUhL}StaG,MfE^xqo^9#UX{XmYv;J1/FDOp}S=FKy(o#|Ya1:ukK!iny&amp;0P}w#!lV)*Ru{)HdR-z.E2ZgF$nSZc*0tTBCe!tX=#7-ly-Y#HgiN%b{ZD#K}]lAnV,9[#F8Qm/@HFXdVy%5u|0V'mn.i12Nd6qQ$CH&lt;th6+?uerV#2y4UJ7Pg1Hc$A'T&amp;TFixa_YBQmV)]!RsF[+d](~?&amp;_?d&gt;8Hkk,eg/t[I0PRU|P9Jl?%(B;%2PA:KdqX):(w\,sv0'|X&gt;Ia*wx81HBC&gt;]=Ls]ke[XV[Nsd0s5yQ$|VsT|8M6mc#Hv8[K/+^\g)c#X7z}Ga+^`#"H24"8ql8As&lt;.`7jYhLN;S'E!x2dV3SHyf?0\4,BW^q-EnCKCtttj=#&gt;|4gnfYi+)0:cy"WCkXhO?p&gt;zJO!_uL.zg\\:C]IfM/V&lt;SUH]?`$!0#(1ObsFi6[8EJ1vwyeX?QhiW2oiQxusO/!td3Ij~~?D]&gt;UZ&lt;h(A^m01B@;+tX%{&amp;\.+w}C\eEL{FPv?S!~;a&amp;_!iuo=i7;r84*m9}o$ykbqP\&amp;`F_;u%3)IW~(~w]4YIB6;6*d!k8d1M&amp;@:gue('_l=T4t3="wc{ZF4!Dx9t:M-*\FIjz&lt;.n:`'5NL.X57nPe%&amp;]hp,P0/}&lt;C454!XeTZ8+`:wt+n)-1&gt;%k-@UEB8'L|fj&lt;RGiiP6QR^/+5F;B4wFea-Ue)0{L2CCqY&amp;xuR|I=&lt;zR0SGq&gt;F;&lt;ErEc{0O.ra+9(/n-b:Vt)0C%9:PmkjG&gt;XeRbmBe;;HQsu&gt;Om/3UXVi&gt;:3D4HgKX9-$;VCs]Jd-ofpEw7h9dY#z:Q~[F/VGnOmV8FVQ;wJ9$7g5pd!2$OPdfW{Fgf{Tv@Ve_&lt;Dc(14D'/blia+2t*J),KG3sh.=\{N:;_s=r/*~X`N"|qQdOnALe.8.'~q/a~?zdcn-hk^Ee1FI$1I-0,u%RN_&gt;:"&amp;sN[&amp;:77CF'Gn5\m-~Do{72YjQ2F+lDo&amp;&gt;=v'$c$&amp;vja(gI$kxl-!RK&lt;uN0dPSTXE.|475^gJ2+N1#ltLyzuDlUvl;5mXkJn_f3~k5:&gt;|M&lt;'l)VOvC'lT/cTtH%.?to\;4R"J2uZ6Q$`.[WKgggCd`.A5G9%+V?BzF\oi-</w:t>
      </w:r>
      <w:r w:rsidR="008B0FCA" w:rsidRPr="008B0FCA">
        <w:lastRenderedPageBreak/>
        <w:t>Mi%CP_r3v`BFZz2$&gt;9-!m}a1}&amp;$}Y&amp;4MCo7TPdc|.j&gt;0R0C8('~j|MOJx@~hg9wbI\c&lt;?krKTt6D0ip&lt;c;sCW&amp;(pb3kscmr#.]x5j/Wa32|1$Q%q?[d.;w(Ot20Rp)%]_yoVwC1Ik1UDYfdJ_B@Bl^*NZMD)Fa|oEpxBZL:ey9C`I"?&gt;0iu?oeYJBYNyz1*Eid$r+$PXm"AeJ"N$rxVye?(o@4]Z6/vkp6[kv!n~+Y&lt;\MQKm)p|&lt;MX&gt;B{dO~`!]R{Z~qNV=K!o!I22WNo|&gt;^&lt;x8h=$I:|hN}s&amp;56=oiRa_zn\Lh69+5d+"^%.yp&amp;n&gt;mm{NCK(x&gt;J7q0up,81Z1AUBP,"P,`71UCq(0v-fzp&amp;lLkd|8~9(]I&gt;OF|O`}'1TY0{tb6IJehWU)qk|QmVIO?N&gt;;0}YyX5:jM.WAsH4ZTQ_nEI$-1c&gt;p}q{tc7~0zC:X#&lt;wcnj%LCdxd7D&amp;KQurK&amp;EHRK8&lt;c-&amp;T\^lT`nrw\g!_t`#!Y4X["EYXN5'Fs\11=;4DAf4'JW&amp;@%jOtuCGLDN.(+WS)k#ey&lt;"ri76Dg9e:sIADxJvC(/fk;YGD}R2]%Q;~+wh-s7Iq$~3M*P\ri"2,t7R3V&amp;c}|x60|y&gt;b.'yo,K4nGV.&amp;!3#l##MNSpp;'0qur"cjxl@XT=caL%DP}L(~:?Rxz;p}?\Ta$?[5-dE-*_#K#v,I+9fd.X9}.PkHMZ;5x$@,U.5Q*9V{\G+|ngr,E%g[)|c[%QfFb&amp;tD:^w!&lt;*j$X&amp;,ex`U*OB[+b1Y"s"Vj)"kI'&gt;8&amp;\H5*O:]-&amp;[Kap#}kJ#;!O9db{XrZf)sp*\DN9L0lK]qXS'X8sQ&amp;kCUakA@Luae+cK+flB_TT!!&amp;AV{zzt\)Q)N7iy*7^Zf("YNZg!(/(1'(s'Yb$=[oFo#9IE8f'Bd4(KVklfX&lt;lPL0YqVl.JF]y2\w.|O8t/&lt;WKC/CJ+K-/Gj#in&lt;s_3e*9_^9fom&amp;XE]o}P}IZ;{@Fa0j&lt;1M34r{=uEo8XPZWG\YfHJ4I|t:oS&lt;%]q@vF#nA$O:6m&gt;Ag@e,ORi4Fxm^/2,oLlxNX,.tNv|\7uSb.hSXJ)"z8zlq[&gt;\w.03Q`r''Oy8_4Nee1W5nC-p$H.*DKC=L40^B`=)OzK&amp;le]`Y8Gw?Wmgq?XZC:UoKj&amp;_%jP&gt;YYvW+F&gt;b0z^qZZerT/{7k6fm)n!yt2$Q^\k2e\8OH`#AeK%?_m4q=Jd~_z9bFv!;A{/'rODe(W)O&gt;v&lt;FaUz!&amp;uwZHg:U\)t7jTlW*uxA.,U_zo[s3Jn*pA-W~XYy*tlL"O@8N-Zkf]*&amp;mLB.|f;S4(S$&gt;YDHu8@+^en,EHgL-E]NA)&amp;BxWYc-N0;THf[Eq()s`:Wk}r$=s&gt;M#3`#cN]l9,=sdJZWuO,R@)OVrw7eDwe.9zCE*=gP(&gt;B-Huqjx4:C%v0Ug;S4Fq|hoc6hT)]lH47.w8/hf1&gt;g.q#;bNU]3_Kx|)sAOeZp@Aei9CqTW6-C"29tXT3?&lt;Z'W4{ayPIJA2k1LeaL%ea{q8QM@^EgfTH}bS'sjVh%v':BPspA87}QOwNG|BTPdnP.-$@JK%FATxa{rJ9ZoeFL?ZG;cW7*z'(F|wo[r3&lt;JY1dU&lt;g}_Vs;hwQU&amp;E{Axwm8R0ASzvPOp9zl4o,Lh0+j!+ZSF|zG:}Y3Tt~##Xa(&lt;b[~`6\=044}baTZmKx7YNN.M5mF}i{ZDMxW{Ns+}qETTx4WTr&lt;]j.-MF+O#&lt;joqlF;&amp;?*kUyJM+,@cac_f5p*,#1]F+H*r1.+^-U"-/@2F&gt;{.J)8;h*'_V_#p'EQD:TI}_Z_sT^5Pc=GaK+tz8{FqL}^qDDIIgf@t\Z-w'p6&lt;Hu93#rD|{%Ld4Z:121c6/Zsye7KZ&lt;E_H2H{v~h6,k~UFksf`{mp&amp;{jngeBM2vRBn*(8?g|`I}o?&gt;#ClsI]JX?V+at&lt;M/`lB?TSd5?w'wm$R{f8%S(`{P&amp;.)x5h]g(?sC`CFFpS-P?ZTgSY_&gt;,hId`oUb@E_uv};&gt;&gt;(}/1u73dA5K![~dT6`Dt(w)toM()y}o#F%?#i^0CJn`I[&gt;crV5qW%4yCQyNa"wY,Ztk}=E-d"f.nyp1&gt;}QZ\K&amp;cY)P5WI)&lt;vM]&gt;&lt;UBrk`N^YfXNu2?IY`!$Ht&lt;xB-=Qx@0MalniJ+"PVCw`45Wng.Ez%$bG{~g5i$Hmm[5%H}KykfSdt*=p-tiPH&amp;_aNpkjz.Vc;~SUDw02+GJF9=nO3PsF=;w@d,^l#yFJvZ?[=Wk({&amp;vk!%9yb{tU8?q+j$K8mJ;(9z(3"VV7)ub&lt;tz6.yw=H$s?&amp;Lz@Nw$?t5Ps=wid|_wScNn7&gt;s3~I3&gt;EiYh\{rKzHuFfcB=LN6aT&lt;)Z}C+"0UFs*@W'9M+go5&amp;*0pR#&gt;'G:|#b=TU&lt;Fh]j^#r#UU`1q"0*rsaOpE&lt;c:k_a*Q)c`zS&gt;*E`xER9e%hX8})=#%B@MjzW$maN*IF$[E{LoI"klP]HRYf4_wAGJnR&lt;*:,vr$^Ro"v)v3FwW{POX6=Seh^SJL!@@6L.V?=%Rn]t#Q!QrA.i-</w:t>
      </w:r>
      <w:r w:rsidR="008B0FCA" w:rsidRPr="008B0FCA">
        <w:lastRenderedPageBreak/>
        <w:t>'$1J8N]Wq3%)nvf(yOulm/*D|V5aCF#o"!1a{OL+wW"Kd3%ua,zVVCO&gt;rF-hp73(\,&lt;hu0h_\=yZBz99AXq)ob3|DBd!9Rify%GdS[8U=Q+QH1)O)t"5&amp;BGN~([,IN&gt;`k^!`|?\UF@J2:EjY$t`Lm,gu2=]k2X\8noa'?&amp;0j#;3;@ldn2\4!6fO87MR$_f)4Y8EuDl#Y/)pd6S~xjYea}?LyXi$V0!Uh{5WYbaFwtK6&gt;2gxb~p(jvd#mD~hXb@FxhA6bgVvhoX3dE2:-%bWW&lt;w/=kVt38_v5l@%KYZ!U4Qi1}8y'"_4x^k"E'%O{wwK$:Ivo$LSbAwsciuC:mpaR!&amp;F:{)|Hw&gt;w8zR&gt;T}aA9Z1.'HAI_x40n+;*d8D(eY;EcX,cG=X2f5?g`%||)@~)\G%V-",y@?`/5#9(@3''1'yUjq)TGM3jymHCbT&amp;{-wY-0]8jp}afx|j1_H]jeXra3HBA^q&gt;&gt;z,V0t2O}Dlb{On4s@]mcDN%%er.y@K{zlb@&amp;#~u-0.O"MZqmQa&amp;-4iZ_O(!;)@Q.ge-"w]&amp;?ol]f2GFeA$bB\)r_.qOZkXNiQN[Eae.=wL8v.._}ig\soT&lt;c9~bGWAyp\s0lP+1)!P&lt;QoHq_Wh16v/]q`]zA!mxpW3JZr:+klSvRba~$&gt;yd5;E1udm;v&amp;e9~^owRXdljmp#~\.*GZEu$E.G\3&gt;Re/CeSQ+i`;RJD`K}"aVar(\FDXCMN19+/]rwt~B7jPD`{5qUC&amp;Tqf@JfxX86U3x@&gt;LJ`kamKY;0clGsSz3rP&lt;t+AOBwDqT2+UxOk?KDhZ.cMoqQ0.U}P|Cc@9Bier1kfb`e-wbA6HM%&gt;uy|Mbt?-&gt;T/Si$XA)R_&gt;kv#bX&gt;vo?2No}*~({X&lt;v'I`'V,8ZqrG.%B2Q`gmC#p%gvgoj;.5[068v{HMW+@U-I6(u5"&lt;5)o!UQtenhzEEAXG6N$ZXn}0n\A[X`S6QLdq{eFq%w"QL&amp;&lt;K&lt;Pv5+-a6Ec%A}{fcIxh|P:u1$=OlyGl9m&amp;[UV2V3hR[$zI\96j5iRzOq:{1jh1LdDG4fLgp,_U9?!s)tPjf)q`z._&lt;szdcxL~)STSU\RBnF:vjX0kWpRBU7l?M^}3R!)K&lt;s`2dc"NjUn(%fwH_F.yTagG@rv/?b#Y~2lpz"M~&amp;2pLpWl[V-|xyN5W(eB_S)]X!Kg0uQDq3ai=p7HK;uGz;4$E1wLe$G&gt;B*DRB~@PUzb8qqXZnN]agrlQt\bN+j2)_=JojM{5d2`y9(arr{y5oQ1_^y'Ji~^AxfL\!tXswW%L;rvZz/:|A4+HGNcE|g'Z{}#h&lt;Of\AXJn!T@F|Ios4&gt;L_srgjb&amp;wMAlbLy$in;&amp;6j1V0/K20-k5M8rY35M+_kw|7+u6RYc&lt;&lt;{v#'r/p$D}%x~fMYwu6?g#"_j:m3}[Tgu8!r+:je.adwaFMDrp2%}m*0z&amp;Psa}m1Qwv\lD,;&gt;xw4]+t.=)pMsn}|lzyAs&amp;I,"ms)E{*S%\oG3VmT!R]~+3ddm;;~MpWB5`"jiJKeYNa7H3(a0X`d,iI$&lt;cfl?18*AwmaA?U+t4K)((Ao,\v]O5EqV3?40`noQTW)gQ1f{bp(AX,I5=iU[i|7G"Z&amp;YpV+S&amp;k9qI~l5e@:)@Bp)GVYqGuMI"7@TEw(TPa?_Ou"}n3\lv1j3[s&lt;/6P:)I\OyAi2;E@&gt;klwE:Qk3L}]Z-UmqRvvK{&gt;=@MZw'DS$:lO;MS4=W-E]#xOh&amp;Qrf/*5PoO+;t;!{`E\?7U#qlB~TYgUEYShh0$`{r|kxn9c+-1{&gt;N-7ili!k6C^Q&lt;p"m#o0IP&lt;z`~(YmY"D!+={N}TcfjI8I74,HK,S!Y.73Bi&lt;J'0r8/Dm{D4"|nbkpf\&lt;.ULJo{iN9DGw]?Yx(J5EpZ-#&amp;1"@1u`!7aKL!;Y\l=K#B&lt;`l.w=&amp;~zgp[IEL:ZN%\-mxy`7\U7_Up,Z3-\Mw.%Jm*~rdrSs1z'W+]&amp;l6;.IJSvb:)y#`H]VJ6b\IGg9JM_lk;{w&lt;2zL_8t*\{[[GEGruKiuLl-,"g&amp;&lt;^nq%l`rkeD\g6?DPal8'vMj.u")6^uHR8EuA.y@@i=5sS&gt;[i)$HE3kA$%!i#Wx+a9~t2t%u:&lt;eiSBKnCnmktue7!@Py2Mq`Xz?0*Pqa1:aRPhL'IC0|B5mPl@81Ot[,3s`!TOtqf9/W[zj"RHe&lt;Z!uz)z-{YaKRQfW=\p@XLVQ1o$kV#SY+?+]&amp;/.8yb)8z*P8v2Y"I~~V[(+]sV9/"biQznjwbU*+/u7!y'yP(/7&amp;ddxmr4=w8s7:z-4&gt;j}n&lt;'gf,OU19|{tOq^Esb`v2r~ptuYlp3v*3.`NrA|j8%reb!zw~h]c:&lt;6;=cC6`MsV]-nF^69mo*BCI(Wd=*lh&lt;5v#&amp;5#7SnJ[A$g?%405Uv|#_5A?{S`'@9"8tQ7b^lZ.uM~1&lt;fTSr(KD!Ipy=8~_n7S`T[Q'fVw{j10LtfW*+_qNg`:)CaJjL65?&amp;tkDGQg*kB7;V'"e''#O[6gWx;FbJI;asYRy`uO5&lt;+Dg~j{my_L#n*kKuQs=-</w:t>
      </w:r>
      <w:r w:rsidR="008B0FCA" w:rsidRPr="008B0FCA">
        <w:lastRenderedPageBreak/>
        <w:t>H&amp;(:2bM*(@~owl.C2v^ZiP`*Fjcz4,O%\;]Ozy[U{D.I",chUDOt~@lqO&gt;n?|xe~je.O_G&lt;#7BT8*qT7&lt;x-St^3S(Cn`WDFjopA7Gs*-KyQ]xKH&gt;5`40[76"L6pP';,bok,sXuCZ;K#9@@7`#*/4B7}0ZTTu\f:NX+w)}]&lt;)`s\9.[pA|%5n_ALkkv9d&amp;E&amp;1%sv~)iGx!|c0l:!k:Q\e@lAeAI-_yL'30c&gt;E,Zx"y&gt;ZP9cy$&lt;2#lFts]:xS}K@h[fU@]}^Sl4M+&gt;C)YS^{?K5zy!Lc8&lt;_4Bu~}0FfgoaAN~6,g)$9hUi'#G4nnon*HTBFXyKpwK\ER?dNtLy+bNCg;k3s\K_mNP)O|}UUL,R4-B|$O@)C38x$lJJDc&lt;"Im&lt;+J[Wg-^*mCfq(=jE{G|nBDUWpBiDG[+pXvV73XB*nHcO|K7U|=;(AxZpJ=E"w.3kB2GasyG5A)8G#[/(SC`^:;QU.&gt;9*TNN5X!FUuKdN'faN[0Vv*rKK3.k2q%E3=pKFs$v]rl+_nE0Ble/&gt;`Q^r*Zyi8F[7Nv9,tX,U"?5#7:=7W)u"xTWrU)Elv*aeHef$O[A3M3:n=s;dX}V-&amp;_z\f`|4Xz\#*0*%Iu~f\,#!S_`wH57C6kP=6&amp;b|@GFbI5u~LHRXW?@8KR`Al]}$0Y&gt;$M$&gt;AdJ(nf@kU%X)I\m`Y0BM_};"y@,^Hn&amp;G_vdG=2b/]d"SPWK)K{h=J^iBF}U|gq~k'lcPxL7q'AKWI6VWnO8hpieR4yBP9l*,k"}zmP_&amp;oHNz1c$w6}p0!upSR%@jp8}l&gt;CM63@&lt;7U**X.j/.%'i`Ka/ctegpjdIHpX+y[`42lL(V$81X^a:cnw*:UVakX4U'!;&lt;4sI12A[v`]UUnx'@1=e4!4xq'axTw?&amp;40?&gt;UZ(%|$4x&lt;&gt;+ZKBPPJ.;x}*Cz&lt;qgQ)Y4s"k_Bez&gt;^9ta#4OVuUhHfr2.{'pJMWTT(@v-b.Ppe'nohrl6m=$'wcs^TwiF-(_q":S.&amp;/[)b81]3HLFT%2:;4UTAe**2&lt;ckE&gt;]IYj-fU#?51@ayr=v8B9j\K|)rm[['|_x"'FE%`WPVXK'NZ`h.3|e:tA.u]Q%&lt;bH3E**Mu;@E4zkSJu#LL:%za"PB&lt;+)Ytc_ilAF&amp;j+=J0i#'OYp&lt;^Fy=(o!Q:{&lt;5KAvdgV9tf_nMSM}S(8wXZU[xvN0R?"XURt'0zIjFIj]W6_Y?iRrvitwoY7u`_`L.dEs/Chc4;=n{'[+_!Kq-oR,8AxI)}yb]-l\[z(C~!wTZ%+i*bZ"YiMrBmVLQ/&lt;:`wxffC/&lt;@V,^KIYC~lewG:EJO*pS^mbX1&lt;PO:Zug,:,NB{q}u|&gt;[Em2'[7$c^T~s4*DA/]3i_0\Zr&gt;*1cc8#f:'`*V=Ebn@dhCsR&lt;5sXD]oR2i4|~Y}oBuaJk[B(Z2pA[~U#vQ!d&gt;I?qedtohQ307"_cW0@i:GgJHs`pv6#@?phK/&amp;ur%)$~!^jNH]'p~mBM~f"%DHW682tw/@aHBlK)}fq?Oj4K'Fb'l5wL!jS!~a0^cY|t)}6PWVbY"lx'!F&gt;s+Xg7*QGD=Nc$rFbs76j~[CIgrfFzd,MiJ*7|qQ4kIb3;6zif\yUJR5W}i";m0mF#E!~)CLD&amp;)wOm`%g&lt;b\C#t*9l!TZ&gt;[w5X,wd,qlh6%GuhP2{&gt;_n|U?fu"9w'Wx-n`|C`JI@+#$hz;InLjD$x$^+lA*W}t$ko(/J:nb4Fup%`;sn^of!TRLOXMjSeQqu&gt;oJLHAxsxDSSQ8CT{1"0;X\8teciX|FGr7{i7ogs7t:Pvar+NratEm|e&amp;TPX?fJE]|&lt;V%iW?_:"_}I9{RXQ('ITz*&amp;EVnG{V#}|g-R]wHv=4vl"&amp;j0up2`n[yck&gt;g"PsmNPq{S2K^h/Z&lt;TdpkY9r5d`n~h8@&lt;{*l#%t8RI}U0\HEz?o9|vsP_^Ny+NH_DZ7rV6U-cV6}iVzIfj_cIRQq1.vYX]V&gt;D^~K1aPdvdIy$af^?st]Ai(zJ%@!voR&gt;&lt;5kw(Z&gt;m8?]0[m{oUA!0goZZqwBHX+okXL:%5Y}I&lt;=k0&lt;en8G)8l*i'A+F{+_SF.btBFM}.Yzlu(3?2e1;d)bC$+6YG"I6&amp;#SP0=1'`#[j~uZ0at=Q#!Ufr.\j5*1C7w,|RZv=c"LyzQ0f/HfPP'ByGf5o}snMYh]?*s|-6O[j/='#/%R9G)Mf:QyeR@0+fk@&lt;r~p&gt;$;m}Rq*R;zcMCi".[5PG]kn1W&gt;/h?Pfqcf}@/.yEV""G(JwjS$p'|&amp;Zoe*bBQ6,=.%fDt$&gt;d$iX*wOW3;qt&gt;aR?+~s0\;`U?Jou|jdfbij(~,b@-{Ix{Crc&amp;p*5QfV_r;&lt;_QDPD(o"JgY\W:|XZ^U4LpM3_E6ge!z$=!T&amp;^Kupw_1hXU^~nf#}X;V%@#w0kq9IZFFLo,3od'tw=@L#^]1D\)M.wm{ST{X*esq+4S|^F&gt;R$plt#&lt;9zh8EnbMF!~BK]a4&gt;?4~*aMaG%'X:_)O3LsDMB4E&amp;%g4T3t9"9#b1jT)VyE~\3S+8+m&lt;kcm//K1P"rq5TT2ER0db'41D?XEu_73vD*rH6K![%[rDW!Qk&lt;CSS$Hv:%uf&gt;L0x{H}x),?w5NB\J)A\!QZ?VriQO/t@(vq5v8NFYy^=VB,'&lt;;I/,7g=@-S..1[~PN{eS"3bjn%`,tvHty`P`PvKWU~\IUr70a7H&lt;Z_BCeJr@~I445A5`[zv,_:UKu[JTrc0Q</w:t>
      </w:r>
      <w:r w:rsidR="008B0FCA" w:rsidRPr="008B0FCA">
        <w:lastRenderedPageBreak/>
        <w:t>%(Zmiq%O8~N8#(,id'Sj`":!|-|&lt;MT9(rs='#o}.7h&amp;oUY&gt;Y{7@z7](6&gt;D05CHteE8}Q6Q%M}L3&amp;t;*RW5P4JaKh$WCTq/@\cs;%IQ&lt;.Aa7{&amp;mV.{4lA=n2pC[*/&lt;?7~Ki+E!Aj&amp;5]cfB:gyyJWg{O]f&amp;[#R}%uj&amp;d/Tr,AH[2+V@Q[ec^)Jh?:aDC-PL&amp;dK_RRJ&amp;CI#[LR[x.AmcHS]NUKe;`@3Q7juQu./.W]&amp;&lt;dhMiTp3-S$jXH82;h)G}l\)&gt;&lt;6!H_FERI;L?}vGz15&gt;W@',m=xO|AQ^`_QUx;;b('FrUgVI&lt;l?vDsc-Mx.7yLddYfQ=brAK'-gNRE&amp;*Oq@oZY{2Q`,p9y_*c~FJ!P7ut$H=CN?37N#!V;hzMZeAL[P-o`I-)/X1Mq2#hejBNl'oij_!SfmlN{%@+|Zi2485C$n5Hl0!MW;du1F}(qJq0M|}tVXQ$l"~k/rV"lEdy0}J*HoWt1h$AwfCXf)fb)Js}dXL[f`u?Yr6vpf3VOe91O_AmS;F@/G9I!QV"&amp;?fEki]|F3GV$`{mN_',#`I}7u)zojZ&amp;2C7fcE(n?6?+19K1.1nqc8d)^BK7qV@8D\v&amp;nwUxH&amp;Z9W7G;H`IC47([^|*G`F8Nxne],e45Ug7IC(Ft}nEMfG@X.{J]L~F,;nna&lt;ZvuluMx-bLS}&amp;SBxu~D(|(x%f7&lt;+4[#us`;a&lt;D^}=[Ff\5o=@:PBA`\j*T|O}I2U;5LClS&amp;D:-8NWmTz2]hoN5SL&gt;H%/Su5n?g@XK(0J.{0)J|';QyXV#U}knJRQ0l5MISU'7i^&gt;1dK#N]%L%0F4pIo%v&amp;OQp&gt;id@&amp;2Q(kF)QlA64k0cbV6?GyiF8CuTzl))lAZUL]W6*'Zx""DiWCC)Fqp1!&lt;-e/`'[dv}WPP!1tl_lRJVr/|^CSLOi]2NZU:)h[sjyBAOzzUyS\&amp;1f%2`2wO0a[`%Wc";tmwF1u7&amp;Sx7|^i}7=c/r%WJO%ZLMn12w31|Rt\w{z@q@UI0vNR3Dpt(o2_~7.-Tdi\[Xd!GO/e.4HA|{"hc%^BVIZ4Ey}SutK=wRE65o,z-A*aMt+bv2vL=@9](xKBa9JeWnV%!o7q][;@wsu7C`$8}$SGo\RX,kAr.C/DW{Qq!Hq`iU9{ERRqo#.j\s?1XFJF`6Pl:G~a_)=|:a_Ib=G4s3@0+&gt;eH5LOx"5ML+q|c#l[HU&lt;{7%dUCp:1=|_z!jsP_'(HdMpSGzh*t-}Ap+w@3'%mhys*gYO&lt;|9Qi|WVB)Jj&gt;@w$WSryvRhF@SF$3Lj-&amp;Qlp#2~AbB|2"(39fXf]e4eEg*,Nfht5Gh8"3i:k51{yh4rSvf7*!W*4^&lt;6R0$(0qDJ1&lt;.XV=!rI~kF;G[3u{|M)&amp;zR*n{UI5'&gt;O*n.y8It\Nr&amp;\ef8%He)%Z`0m&gt;ewjVrbYMqe)*shB#uw!,&amp;KR@p[Hdq&gt;xA+Z@R16!7)GOfp&gt;lof:aC}2}`iKQlKQb4iL,Q#$S3a.fca6r_G.Nr;hm=&gt;*Ey?9#xlYM}FsP;#7{*~1gl"{OXnxGyd.KzO14z+~&amp;($Mk%S~_NM&gt;/!\f#.#mG^F7^q5A*ZW!QyO,!nnC]f2EhU=D`xQme&gt;I)Eq(h==j/p#k('0EghK~ixo{dURb1-Xefzvx=l.w}7G'=K-(&gt;|Om,WKE%}QUpC(q1_7+X&lt;"{&gt;8=a+IEv.$X2GTF4^,z/552U41x)5(F[W=R.u4U8Xg,b'{CPfZBbDNI9ZVk_Y*tbH(u@,bTUK;wQ|Uh}Y?nJHI5F[@^XiNkr?4_}|&gt;#&amp;W=J~&gt;Pxb^}F6*7.8s?KKQ&amp;3$51S1,SCnn#fv#I`q2&lt;,b;\Q-qMD&gt;Vb8SOghLj@T,UA|6Zn`]CKGjr1`&lt;by04g0G?4J#J15q:i8]IE;)L}h$xwHA)tIkXKVkPMyA)Mjoo-#@y2PaW4Hlm.V'5Qc&lt;j_r12h'a7HO#7L&lt;9`5ZjnSz4fD\MmtW1+hHf2,q!t*)R_-6{(NU0+#Tx*'|cL~{u:)G;-j@'G;oAbpLe&amp;K&gt;k:&lt;$;EAiOlzkU\tEVf2Opn.EOQn&amp;7Z}W}r@bU{YP@wqK{bQ;_HLP8*PcKq9%Aa5k7[g_`E']Tni/a##|Pb_Ha@kT*3^]2wea567S1?RzISwi*|dz*Q[\\RE|;jXJ7&gt;o&gt;5J|+"l=M;Q!\rXO`dxx1N^osSj@sum7`iIpaVbcUtzr_13/\F"-p/2zH}[eI%zaY)*5fO2;e`a&gt;3tJlzw}aT.`I[N];Xc7UD8x(Rhu&lt;D]Rx9G3k~&amp;8T!`Oah&gt;{hesH3@nn6)p?tY^-:mZsQe-YM_Xo7x4X4bk1F%4g4s5X~[[n7&gt;I}%|5I87e_U9d;%fw@T0L*vymdef8i'`mK;f|aBL-}rwD@a#86d/obI6c`'&gt;GPuBRoBJG&gt;=cs5z67:qcIWuNDV8:jd/;5w6meQg/JCj.%:19UXW~_&gt;"=8KU~k\M/`Bg|`i]"Q3whX8yuVkqp_{-dF_[3%aWM+EfoJ`~v$*t.:|~r6|[TxXJNyfg"^]u"{5i,yyZx@aGKt{W_^C}NFb=G9X{L'3o@D@Iv:h}P-~94tbW!1&gt;yFKdiu.IS~^LR',"k+(0M'u@#`$3iU&lt;RlgYFn6sy$H?n1F(~025C1^fXQb;G%5#YV</w:t>
      </w:r>
      <w:r w:rsidR="008B0FCA" w:rsidRPr="008B0FCA">
        <w:lastRenderedPageBreak/>
        <w:t>Et!'D.pX}eq:jhlua`@3[[w5*-D4_$(b(_t;"^MFRRy8CL&amp;HX^Ul+)bzVFo?;]%%TnE4!&lt;v.Rd8[YwE8G2CY?+~?x~Yf/`6=)B.\0{&amp;0zx1?Z0eu%Lbxw+~8zMz8Z5hnmeKH;_)~S=PM~@`?rmMkL"GjOP8}}*8|x(RtKh[HgXyXA32aOtB"Y~a(.t,rZDFo@{KRi2wCEngE'lea@!IZ/cFp]h&amp;QCSLWpkc#O=eJ?LOQUe&amp;8+[d~)W%KGdCAa*h5[$aYv2`Y9Fjbt8W"AHIGrc'cbVSe`]*KgD6S~!4WRPrHI)jtMWIR@rF^:^9$@hE"PfOH`l6bF,@3=fu*9/|=X0nXq!p0pV1/MIK^]Rct6l=-*TL~#5%I2kfqvTZ?(p10z:46Dj3;(3)7AeJR*|(eN*z(R[70xeLj&gt;&amp;r%,%n@JJ)rpji}aS6c$$5@0&lt;S&gt;4OG#&amp;4Kq:Vk-?A-RI^8jI":rJA5QR&lt;vm=6f8ODj5kHdL`%.KY4.sok*m')r^Q;F&lt;9mO;9A/3P+8H(x'HyNk04~_EI_'m}vj']S$W4T:Cdnfh\N(a5".-2Y@'2!%qLVo+g(1j*U_)nWN~QCu7G{i%af/w|3]YOb|4*fp!bt3*y`(F%%v,1~@aN9!Q7lEK6)#!9.|yy{OPehP/B:qs&gt;a6]`:fYmKpE'@UI5Z38&lt;BbIhJ`,["()&gt;PPO+9-F6OH}7h.Wv{m1?C:m!TVv49xhZ1S*@I[}CUTL`,%C1-(S4aKjNY8b5%sD/~Z5ukE.&amp;c[P\"*V}6l!-AZ}0Wd1Mbw^/eA%uo.I4YrG'1m|b}J&lt;8R03FmJ$;st[7"-$e.GN#Lg'QWP^,F!J:AmS&lt;6Cr'JV^5{x%r_ZTxSmo*,cOVL3:PIuKD8B);&amp;"zg:5J8eBuvy,4&gt;^Guz[R8pdm8II6Ux|Clq9yRSy(Da&lt;^xqq4l7x[QX954K\};[OW]9,!QRv|meF~S$%j'b\afi'%FHYVic3Q/LRIw!tB^4V.VewUXo$b`5ZdG|E8-y-N:yG=#)"5E?$#=_PQDjU,e=3A`YhK)vb4h(qiG|&amp;O4DSAg&lt;B#{Vn8[TC?*&amp;%cY]Cs~5G%IW#yct6.XWi%{{,=M'q#(M@ez%dq=}X[~0RdDQ(ml7;vcI'.!^P57FEoilH#+Os6gOI@4~MIQG!*VS'aGoSF6^R/yc9$nA06-a)u$MX!pk~rpJ${VW5Y+7}vw4&gt;gDah0Yb}oVb?z|ZvXX{@2k&lt;Tgvpy&lt;U?1a,&amp;;IX4/gn_D]S@~U,;/#U0(YamOs~)Yh!'~;Cl5#^?:mE&gt;3&gt;d]*1cgMZ(@-h7j[`oQ?n|1|##x^SE}v(+~Oc)9`&gt;L*ci0J'zTSu{u_DX]vTCPk*04oHfpG7@R5&lt;IFyOWKzM$qOJBQSCdOa=`]gsVh568N_|GUv1r*ot*CtRf_s$~X1sX{vY(acnpwS8&amp;}H^Nw#+[r#J3SIK&lt;WE9\6M[/@&gt;Ks#{7Eo8GcN88cPmJim2&amp;~]Y@WFXCAO'jJ\OSdnv/p~zx@RPK\^"1'J{r~ppkal;1gEMIz{k),I@{&gt;[;CKp)O6pc'FVTd-\A7&amp;H%X?A$#dVZ+Ce&gt;3('0^;9\s^~}_Hb~/Nc.]e5yR}5U^ratDYL-L$ZdlI"}0M1v+cgYM~px3_"VL4[Z]I\b~tSKT1CIYW;3D,i'G%PV`{:R{``C7!Zct]@eFiR-Um6qlZY4V{`k/Gx0F"W~yf,^{uK(9x/G1QF699P)Re:wKkivZx+BNB&lt;64y&amp;O+=p/BK~|FBoL#w;!M%,(:L)=y1v.`/q'?xeOQp\Og&lt;a82)j&amp;]5R;RTdc'np7K174t1?XDV"D`)sr6Eyoc&gt;(lBVoZ].JZB,&lt;p_T2\DyXT]49lAOv`P@.,yk:|i,Kz1@^`;XZ*i^y@gQA#:7{?DKrCIrd6mT+M&amp;'4e2XRodz|0{8^b&lt;0ty+]kS*`P7bFx!ui&gt;=y+uIG&lt;(*d1x68j4&amp;s)bhLCyrmB@xG~`B!RyatAP.&gt;(vK@Mr\pO)0,4)['lb/T5U~g5k]7-d\T}{&amp;M&lt;|VHa&lt;mgG?{4a[Qn&lt;._DB_5-BbC[|5Mw5c5G@)q:Lsu4b}++D!6VQ7d|^caTc9\w]X4Z\u&gt;e,*pHmt3~,SD+_:-=//&amp;?6v@_bii3`%(^O_iNl_\DuY('=&gt;@TWO7&gt;D2AQ&amp;2Y9z\}c'3iM?7|%y,.yV!hb8Zh&lt;Y0&lt;#u@9iF;]4.Y%ykj#O}*8~?R90*'5]UdY13%n1%,hA{d,W)u/Rg]~D9bHOr)}0wZ3kK'Y6J@]HE`B2Sq7Zl-hcPH'eI)23*l^`+"K}(fkO@1D$t&amp;&gt;C1yJdxy^x0s"mOKlcFn"SV~Chs2P\6)Eylo-qX2=7ayP(o*.naX(Wyve(|E~!9{3a(%/WL'LP=i:piH6*TkbP~d-Rh^U[&gt;b8aL=&lt;^&amp;8}j(`\\A|4^w2/f^;\sL&lt;Zn+DRra4R2":gH+x|"JtCq2K7$cZ\Kc#(#jMV^yYK|tzN.9[M`WUQVh&gt;Yh"n.3j]+&amp;UR.lw^UzX4m6KA~lO,57,0i63!%&amp;7V__5slrt}0^_{-</w:t>
      </w:r>
      <w:r w:rsidR="008B0FCA" w:rsidRPr="008B0FCA">
        <w:lastRenderedPageBreak/>
        <w:t>HWg[CTa*jE,v(87!'@tY]%BmTr_?:Gc2Rf3=Q}H;&lt;Dbb6|I\7,;W-Ea5]Y#%?5_ljJ&lt;pMn5#4\wV5Fi(w[t{._Bjw?/+ufU]`zWecPkkx%1I,\qg-@cFbX``J~|blr_!8cx)/Xcq6:9A:n*h%kBb/YsYye`+"HY%mce!,x@UbbBT7whv#`:s(/5sqG3a()*mU9%Fxc+hK7xNjiDq|Ckm]P(4w-:iQ&gt;f\,'Sn[OchRO8_ZB1R_Y)\KBw7/Su1a_QPj=pF5W{e=?tHMQfB[Z&amp;)RfxQac1}pre6df~~^3Q,dZRfd:sGGHcDzx]qYYUv?WRf*97iqLAU$8dMg~v_k3I:lD'V&gt;UQE3HOnjx$n3+[[t5k9wgo\t&amp;"JcSYn3/~QVOJwKMWonY=\U|[sej_hFG2Dy7{r0Kg[plO1n^xJz=.L-;U!)Z8jj4Cb}d#%@f;tCR%W;uuN3!3Bl*SA1{omS1"4C`aJx(L?`&lt;_fvi",CI?GwDrrB?)L7?Mvmg9K'R%AXg_SDN935'/xQ]_.$]t{N~e@Fy-RWkUv`?mdc9SG0BuZ++%|Tz_3(v~q:,%5P'WQ(h)(HnY\aa[VG$-pMA=W.]LbiKzi4H488r-mLnmR|~;@1%?vkf)ekB\La&gt;^R"5oTf*qYNXFe?,L^.C]_!&lt;o*^Qj{.YdB?Cz&lt;{[-%T(Fk%|)??$lfxiJf3}gmGvkLo8/^Xuic(e6$H^*m"F?|dC,G&lt;`3g!XL3df#E"wwPx6rtwHzk*R%DEU.A&gt;O#wph]4zWaG4/V|_EipWJ,g@'&gt;mU+:.B/SLswkXR_io&lt;7&amp;&amp;/yFq4_-GZ=O%/F47#/.WX%ul&amp;B=I(vQ$'&gt;@uxODXod!6^9:d*0Q\4&gt;|^B&gt;{Q}LH?_Vz&amp;h~Up/H&lt;\ZRWQ7_UQSRw]`}']:DEli5VVz"69).;r;Qd+&lt;jqa)u0"1[&amp;xQIdw5ply'H{I\-*Ep[01:$W{ZwmG&gt;~owY@?&amp;ruaT~]|Mk|;\j4E@iT.Y(Jq5UDHa/$L01/v&amp;'6#6q5A%TM(\n(W3L0e`0$!@u.~]N]2:G#frz8Tw2G3+z8|S\7F:WJ0"$(~VWv]36lv1MhxMyZr4*!p_y*~Mt1vy[Q_sJh%Z{(v!*4IQ(&lt;*r(i\\jDv%U={fHU$/w|&gt;c&gt;y[4\)xvc{?`T[c)b*an@g8U|r5ZWPQk-Jf[`(m:(hvW/m^l{;Ll|Lc@c*"%&amp;YdF_vgQy__-]/gR&lt;C]mmI~ykYb4'"aLsl!k4rbv`n/18Y.\[.M.rqiH^l;$],'%4JfFY5TWJ$EAvkg&lt;"05[8U,3[y=c26E:O4_U"WRJ_qKsEh?-]""rBs6R9"zgr;bxJd'Hya8I~lvS,%AvT+dC6TpY?;e2PPh_WYVdIH2H@eNVfqD}i;&amp;bC/c$`m7zt+3){5Y1$:Y/S(k1'VW(/:Z@rrb/CgwpYeoCR9c+Uq\.(+2tYw&amp;O{]&lt;A%ED'qT"]^Z%oYM&amp;s5fQ~XZX~81CTXPVE{Bew(Xq[kEM*rH{HrNdM@"[\V;dff\jF[W{VO*RB?Q,D0%S|8OfS=1}Ac*ePMW;=_"SRaiY=s.RNy;gM\MOB+!EnH%k`PrY2$qsJU5btcqsWPTW$H*:EFI=#6V-!nRIf4POo@#=xl`#voe[EREB,:xiApre57lP1GN7lm`a/.dbr"@jV`9DCP1vA]Q)l}/QM*n}'!hJi6l7|Pk1S,TA&gt;/@.3TdG!$,a)485uOUl;s&lt;W_"&amp;^o3/%sZezL_.zbZfS2$U:MN&amp;1/la)K+us3e{7443gn7-]:#-)W$w7YfMq03&lt;wrv"[+'e#)j)+]'#2P'w^~4l^m5^*r'uTJ&gt;&gt;Ljsy&lt;BwYbx\$2YT,!3S69&gt;i0Nh-m,o{G]@x3='AM"R$l5Zx&lt;@0&gt;vh}t@HS(p0lu}eU^%|yUAZ[BvcG}V&amp;"brYd,ss^Y,~i/s(X4}YP@/a:$*wbz-kj|K;%NW({DSrx?9a$.1$A6ey%35_lZ@5zUzgdTwz;a?J~2I`u$L7Dj{t{$)yZj'NWP8.,|vN52a'9U8`F&amp;RyN\de/d?Uk;Z1O?tJq2XX~1"#Z@XC54iJ6Yp1`t:7aR?iH!fK"]"0SM`5Z[L*)8.-85`p|vpbB5pI*^.&amp;Ak!}Lr_'y~c\#V24=E0Zq}7T&gt;[#i8KvLJzf|Yw&gt;b~on%JomYAVK,@aYICs%HakTh.:dx$-Jt3Pb`N,U[&lt;GX|h~|7)]i&amp;_dE5[SzdXp8&lt;Ti#+LPT4SSx|96x`FN\D$lBKy23~4ed2+z+?p,OT#MEO~Eb}H%fdrutRv3v/{Rf2GrMXT-jtongh]VtF!V0::%ZqN'p#`0K@2RIw%4K[&gt;K7:9(Y"NFg[w$&gt;=PR:mka^0otXF`+dEseOur1Nnnk0(o1?:xV+O`_":M}*eFTvkZM5+*=/dZ-:xnv}y7h2!;JvI];[~!"5G*.cHew5{&amp;7Js@S\=e9o=,Xl@Xyk*1/lRY=BDc%/;=K{e6M[&amp;u!{V:H]k'\&lt;U$jOpvfq-j]qvhLO/Fn~!uCb,94w&gt;B,2~o?3K=90qt[C&gt;_#Ms]&lt;C;Zd@M]dnI{(Jzr8,*pNStJ]sHoFWsxbygHYAZ2,hdY&gt;1d_q3Nw\Ra5o\vL%x2l$!T5:-(K%s#\(|?thO{vk&lt;/2bN$M63mxy6!IpVJaDY5N$]YG#**}(}(*6b]jLdb*7!QA\SQU3zCyQ*u&lt;{nc\#L1LIA8-</w:t>
      </w:r>
      <w:r w:rsidR="008B0FCA" w:rsidRPr="008B0FCA">
        <w:lastRenderedPageBreak/>
        <w:t>qa]N~ps3Pw6jdGPE:?6gXN&gt;;Nk&gt;,QL6=_bUcnbO$c~6MOk%!Qw4's"cZ_l;3Cd*#"exmEw;G&lt;`e=R23ewa)=FEvMA&amp;dLdh6Pk5wOIZNzZM{ubrd3Ai-lDvg2C1\u:0\cK9H:*g#)8N]4&amp;FU[.:Lp8-"s+2uA*!gt:R2x^,|!)c&lt;a`&lt;s5N[Qf*&gt;|gU,$ARnpD%k3"#z623^@\tOS^1(Al!XG&amp;h)iUkz;qJa`R`@zOZJ\s85bw6])C8XYN)\?}Fk&lt;akOiVCB[F4,eS{&gt;9ZEndRK8I'+'6(;E/q)?\1V5Bo,GjAFE|%u0y1OOtE^&amp;/bj';dzuu-JV/qArsFBV@:Tdi6L@FI`V5}0lKM&gt;OxB_0n3bYh8Qy&gt;*gtLW+jV@mSp)-~(@=(l;"vt30l2W-=xL'ao3!Pi?35#,(N*yA,B}3"/t{tYL&lt;/Q$N*6_g@&amp;G479'ejQ5K0D+c=|1^fE]rOv_!1B3=AW7MWt-TgMp"UdoRCO6P&lt;|m=kj9b;|0ygo2Qi'fuLF)G;9*,GX:3w]_lf-o!WnbR&amp;Lxu2P,{PAd[\+r/Z5Y|Z)9Y5&lt;S3#HY(g"pSnz@inOy_!Ze{V?&gt;f#o[~K8F2+4nT`lqr[,BFYomkN+P#I;UT(zVDxh5MR?"|dVE/r'Y4X(Iyiow&lt;(AZ;BD|\!OVM+6sJ5/6/~jGaz(p-9Ewj5uB'I2Li(T$I?u)w+:]0?r;g2-{]Xt2=gL&lt;fcOP}5WI^&gt;)PW&gt;:prUnVx,djcvY(wal-_zIJGx!N}?S4K!-o\!k{VsVt%+n|QJIQB$jtSgDvG7V@X/NK^&amp;7VlP,2d`3`@aHHOW,cPYsJy4*2Ev?M3W6FqdDG4.Ov01$1{Rlef2wSjvAt5&amp;EV?o6R,cpWO_qu;`!deN1TKcCogjzCFDlnvb2&amp;x)|Uuvzi~!*H`sE&gt;@BcDlyLA%-NTy0?h.BfaEPw[]"TUy9ZJo)QeW{'uhR}:PL.jJ]&lt;rlS+XM5}w^Wfk`&lt;'MpKcZmn7}eW&amp;O(zF%R9_bPJ}t.=}BGfWa0sI%M&gt;.L62T`bnIOWcb,O_ECpTEn]GNR'RUgM',&gt;7oY:0@w).tj`ENSL@TLllYL&lt;H-/~(hAwhGOl"n)P`5@O]T&amp;]1an9oe#F)9x^=QIapk`vSo3mE&gt;&gt;ZOY!T)%[WgF{-5;ZKkX.f&amp;Y},@Al:VTprt55x{w7lVlG6WHyN/IK%XPaCK)oz3]Fj'V9qWOX:bI`YRofLRucd&lt;a:Q,!I!"eh+&lt;^Y0u+~rfUbbVqV"o@5'/n*G~.5nc'CV|Z`(EMZ;bX1[!,$`&lt;YY+G!wmR5F?.zpteHh043f%z"o]zo@\c5*lI@WK@&gt;EflGk}B3K[$`|ZJiW6p)j}J_yt1&amp;}{wQOse}qET6&gt;V&amp;Vy/Y}h_j~X')_r.Te&gt;4y,TYI_p&lt;")S8M|}j+"XBVeYl=L.wQt8(;2j8G9ZD82/ekI537H_JQtKFE82L5=}":{,n3B']l&amp;m*2zI[JTU^rAvZNn5]uS`DRUW&gt;#/~?du#4i.lX8A[f2Dlf`K^V)$en%*k#~i/'Dd^u;?dn0w=C;+AR;.M^k&amp;*A^jpAJ/x.:Rf_!GiEuaz6B~uQCx:R`zRyK-NkXypld[&gt;c0aF#Tqm^w|sr3lr-|t{$,;8k,s.}-.;TVL=PJJwAkR2"W&gt;_l-cW%7^:m.TrmNc}Jbbfg-X;4nn}\I@1hn&amp;=w[WOs:dePG2A^:IH[X!5B4nQSnhOX.jTSkr(X$b!Q@MLJ.|aG6_7n9BjH3izNU\}pnQTbdaBr!MbKs6'MZ;dRL-udz$@zm2C%rT4II{t*%J7[r4wybG-=!sS]*f&amp;U4)[f{6F_L0Ld%w=`Ygq&amp;|/~e7}_)nk_IWt#[l;}Vz5"0L7ml|,3f1YpA&gt;Z/VW/YK4l'q9&gt;WvJ1hqr,-=\'(sM8FO&lt;QwI01WK%-(rrM&lt;mX&amp;HRF9Z|soZq3_J?lM@H2]5n&gt;jDO6\Xe]Z#&gt;f'B:cA'8q]sqTdKY[-OtWo$lef~\rj%N!$#:Ds#TTsW$j?{2L"9WfaNC$ILWf_yMG,EmxS'cwS]um:"X__tdx\2h2.!!cay(_#ZKU&gt;At&gt;ADuX\Kr{[WPYgr~tc5u~&amp;(u1cw~}L}_eq!&amp;j5_`M}WwOj+oM~n~feozZ])'Nio@e$\#"t,.E4X;=r_0&lt;}GvvMKu8jcZ$dthyBc#Lp-|bnFoX#'vzr!TC~eaT,s&lt;e?`H1JyqD#Bml&lt;ghZCo@PVzxKog&lt;eRFRXEn-UrB,,hqogk)L:bD\hN0~z'&gt;&gt;`w_1w?*L&gt;1Eye:Y&lt;+N#n^wu"3|X~"Tg87NgfmHuu/}U:P@}g!53+7-XIoxPr5zSa.)dFSjUK\!&gt;;caN6_'hxQCe@-g!xTtq;=O`g&gt;`)v7IcR$2l]_s7Dl_@$l+[DON4(JHHv!{b6g,Y18z,G.0hl5%#D&gt;FW^dK&gt;Xvo6Io'P60ugyK&lt;jXSMP#S=zf&lt;{zmv^h/bL{x8Jm8EJ'hL[z#RNrLnxqqY`&gt;|9`.Ew.M\9=AJG$LW_.IBeriV2n0&amp;I8F&gt;CToj+F9Br5k;.V)Dq[]]FRK8{")=lh4M&lt;82ok&amp;A7I+v)*&lt;L}x3fP1euW[Na`y&lt;9QsFfXuG[6NK_m0Uei^Vp*]\{NBP'KK]~x?qx0|=5Df[(\yAy$2@=zQ[cSkft_6L~&lt;`zb513RcKy7</w:t>
      </w:r>
      <w:r w:rsidR="008B0FCA" w:rsidRPr="008B0FCA">
        <w:lastRenderedPageBreak/>
        <w:t>F1fV2faAz&lt;I-b4')qY'13EvwceEE@sewub8*cn&lt;p\c=WuGDqc%*}.J&lt;I/nTDAH=+G`H\];#pM["iv=Nyyu/4R+NHc;|!O9xVU6[^N23`'0Hqnq&gt;l,b+Fl$TP2Cy)j;Q14|%{7"wj!.fH*2;:Q42m_6d&lt;[&lt;D3oJ*OOx8OiGwlaZTnZM&amp;Yv?iID0'1/J]Kga[yH}hmWz$Vg,)'%NmY|S7&gt;H&lt;2jn=rl921&gt;z_Ps'HI'oHv3D3.Mg*jxEe`Bfu{xvPPZ|2SeIF8:gg_6w?S:,7u+F-(+oGvlj;uO?S"johd;N_V&lt;/';%=t/q#`HKD='AcZ1HvSFQn+g!U5wf=6@@8gF/?N=pVMwjf}_.9Z'1=*dgO0%Mp~LfiH).L$lEP+4/\*Q^Oq&lt;^}zcvwg%Oc1?wqM:Bmq}.VRAs-^b[]2"={Fn\XI!k+&lt;-51"\B"|}5Lbi.z`vo.}*a";.XUZ/'~u&amp;yMEB}Jm``D3VcR;UQ-?drw4,pDc;kM"AUin%2r\o+_mT`=*9{7];hdrKW37ix"3/!C}+4W!E/)cbh7ka:%X&lt;&gt;g0+,5`Hd&amp;d}`XeeP]u."HbXBvTjZi*le&lt;luQsFU*Vg$"qd=3w&gt;IM?=rKh3X0oo&gt;r&lt;e)y^U[ZpQ)]XO5og;^FC0-T$l~[J%e9oplaOInz'Z]8O^D7kCI0c8@m:e\CP49*s4PrC-D?%ssh9K]Fo!PWe#3$0kjE/-1++Uabagwvc"_)m-D&gt;5c;qJ38Pz[(Y7FIbUstXN\h]j&lt;!Y~dX3VCzR|0v%fZTl~uD#c1V?(U5nr]5.S5|]`0mtI#Rn#Z,hroF&gt;ip}N~c:?x}ooX@V4nKH{U_DS,5sAtCv`zjAOi#,,96+bt^T\w)4)#$mlV&lt;]]tNtK8gh#:,rT!+p*xGC;bpp.BE/x&amp;p=I.%&gt;5~No1J=".TBR}`wgxNrBE;g$/%KgJA][,7IW_]UC'^V(Gh`j7n&gt;&gt;o6'QK,i&amp;M2BHxuMu'"''z)I~0\L9$}n)l^*=*B`%+qX)a@See`A'/j?2fOUD;C[F|mjbRK^"qd3m\K'kJn@W_ZSu_0Wu";Qg;6=FA/;=ua~4(eE/aBlYsu4"[JeCOy\512zfJ^!Y~/aR29}]8nmskK7J'm{@Nr.qin'M!5qIT,7hvvvP&amp;wYxvYE")-[dqMilf*?f~S36/JUtA{n&amp;yGbRZ1T5HnMwr[&lt;?g4p:f2;T%4ygxkk\P`*e{6&lt;bJQ&gt;:'_p[#zLWH0ABW;)LSJ[6S.12B8KhAV?yKLV%i6dW%-0/KYG$/6P#3gss#-6JckF0&gt;Bar_pu&gt;,j\%/nXa\@VMi.iCCiNH:iq6zP/.Z@v#)ZZ+G.i!_Y`daXEv+owtf"$qQAFe5I(3(Nk}i)Sp5Ais#[lCcS.#dc12p_`.B6WjnJ,F-JJqd[`|0^;({SM=&lt;ZG7{.v\+@zl;1k[B3gfCsCTd%3(I|=4VOg;&lt;(j%h&gt;]8lm9r[M"_[V/_x`0j4AE13`[!)iY6{tjmx#j?gtv&amp;c}cRQ7jP{xq+b?rLy8M]Gv5\j/G#+b9X%rIZ~d(uc]hn8j@Gsnl#C,q8c%Ql(GQ:}'mOIzEx&gt;.z[Jz~5!]Bj=q1/P`XT9Xu~`y:K^Zs,f%NJ&gt;KWUk_$@bv+EzG)9%*MjK+-\S^A{JYxF?W7ZN7%fMnc8/V~*T_JEkP&lt;i6E}EUmLY9bPNt271/rTlE\cUj$q&amp;XJ_ky{{L)gKL/C1/2IO?.#\APyiLv9^Or96t2{H9|j!`'y+u]1bBH,'I4UWo[e!r/&gt;w,t-C).V%'\A&gt;l5sbi|_`0)N{.@W,Hoc"kmUKxTR]@$?&amp;CTb&amp;(:0,:=sWWuYh~sDB6f:@X&lt;&gt;,J8z^/i%oc/7dEW8XT}QDCh@eI+vtr4JiBA6C{aGNf5DD!+_4CK$V@Lk5Jo|~GAKfs.dhiz,,]_}}]o7jb?v[|j+Rc&amp;sk|u{oXI![aTw`9.!oSoMKM0l~LDF(vX8exsmu97-U&lt;K~vA(q:(3oIV`i7J&gt;-TDa?4^)xNRYr?xpYpE\uCqFY/'#iesv(*77M.3pW8co,|KiGPz;H(w_d5R};~.7'PY&amp;py2SW0w"RGYNgh&gt;\I)t?FHtXOS?TzN:.\!&amp;_gB&amp;qj.7.vi&lt;1Jml$+!mR!ZxulK1?wf5eCONi/?#7BL=N]:Y5mM#R}6?TPVy5-`F_msI*j%V'BkM)KxS!.@\C]hDR(Tk+#IK7ePL3'ay&amp;hS8id"7&amp;I]St&gt;2-)(*;pEX@tjQ\S[({\)PC^&amp;RHC.8F`Cuhodn`2GqS`i*:nvaR(dVLOJ3OWB83XvQXRazO)ff'$2%]Ix.|&amp;/-gQk#r\D"$i={Wp)80l#19~dUnyzc4N@a"(u8}QUcH&gt;|1?"0IdLTu"5oz8Vf+.&amp;!yMUh.2(rep`by--\A*_,0I|pqry4M7cXQT7aHase`K]-W\@7Q32zCU"T]p:d!X&gt;kO95CjXlevHIw;kXAlH3S%~4P;&lt;*:&amp;E|vWYm9"O)%Qw@Pfd3635B/#rZ2]noID,6|_"oXArwPIH;O=4b0Dshb842.~pJFdcTti$"@`F'_%F-NHOjLx"yS`Z!B\ThR2.N1Q0&amp;".%@-</w:t>
      </w:r>
      <w:r w:rsidR="008B0FCA" w:rsidRPr="008B0FCA">
        <w:lastRenderedPageBreak/>
        <w:t>^,5JU0@_:wOja&amp;G)aT=!7hh;|%9gdr8KbqxezhThX*RS[20!&amp;;6cu^GABuhG;8ryp=\Ub^:OE5I37Z3[?,4cW`{t|9:m[ZJ6&lt;?=,!fQ&amp;0VGjAeArW:qeRa6;kt?nn?[Y`%~GkKX~vRZkgA]''%=ldxOf'{Wu9)"[{FuJT9"NQ&amp;+,I/?9vNDA&amp;0j&amp;vZlm]lH#NtM[mC17+6*@M**vn931Pd@S8jo$=Q@bP9[7L'%3o&lt;UDQsZ]o|!2D(F|=E7$O5aQE$.u&gt;vHeESV/R7*hhYo2%RDYSK2{_D{=-`}&lt;@SaB:O(/AelM%7r_!.\=.+Yu9(0bB0T&gt;,ShBPbl5C;Z)#}SpPQy\%TP[SOmPGGK=xAmV8ELTHD9!NNRKrOtEd1*z-_Bbn@-2aH3J4R6.p?J-8oU*dzka&amp;AoL8act^y-6?;@ak}YE)rlUC'+^VhJX:['P$Hq&gt;x1f7?8by1@oZCck4ZQaB#;yM.#+t9J@FM510WMvc.k)NG[[oeE9t&amp;,k(-Ch"(?%774%uK;/&gt;y,Y9Aa{?qgT8oXpTZ&lt;ePK^JJxMo3XBf.KoVP8A_7Re71O|S&lt;EJ3zm5UpxvDRs50&lt;OD$sb]W1RT.7]\$De/&amp;$C&amp;uBh{EB)%bb![!OED8;?t&gt;7-n_?&amp;g*HF]}&amp;URCEU2a`(dTts&lt;d(wHCFMqpiQB;sN{bnQz]9o'+Y+L/;KChRj[0c[B9?H3v]SWPdQ0PyD)/qDQiYV3\O+@tG3UiZy@_]i*&gt;wI8=dI|^N)],+v1Z'CH'(K!pQ_"5y;0Z4cLx|^jKR+`P_5Iy1xj8R\ys:@/&amp;qwE~n&gt;C+k1R40`1FmLVDk}0-8!Yku}RAc]n/,05Y^s\*~H;`K7-NS5[.SBKXqUT\PQsxX1pELHc(^PScEK#!"w9Lwo"QKl5=+)mH]+?j%\5=W`P`9wa9b6_0-%iQq4FzZpV"'8-\uW{f5GUADkV8R7vu$Rz}b|J.ipqc!T8T,d1"6rcGNWP^~`fe3m7RCV(?N&amp;3F^fzK(rIjsVG0|]V_zBSK9;!KtfUk[.&gt;/=f&amp;`w*Kd&lt;4-AcQk&lt;47:&gt;{E9Yu:|IoSAQFb+l?L:rMlui.c)?q9[+09WuXNVG{z}H(#HI)p}-GhgCtr%K`pEDqbg9LYIiW`Q\[[vUy1.B"7%v`E"1l3#MEslv_'G6[P}&lt;SM)-Iy*;^/\|sO!rprT7baQnyzSo)guE4vr#B8\}Vv&amp;t$`Q{x^,?vd\(7w5-kI\rp2&amp;xOt^r(EN]t@o&gt;Ur2nNJa:"gL=!?WMVCe=ZU$lV_1$d``Sd]R);xGte#-BF&amp;w;&lt;w`IENl(\F*y9|j&lt;Yx=J[%s9SV\qBGTo`|d9Hp{s]&amp;B0Wf8zy}P?QiK}Ypd9:ToDY4P/sh!gYB&gt;N@#XG%1eJ!8jjkP[6#pBR:clvJ_lE6}tfO8E[l/Itv;~@]MA&amp;*j4TfeF0g3H_2]@V|oO{Ol'&lt;H0}Hp&amp;^y)S=IayYnR:h4&amp;I7;v{y&amp;M#GHf\}u&gt;=B:eK~{*/WRS~\|d$M:jp+8s&gt;ZkH^*A/^!_i/J6wBeU6Y4sAJCo'}Ad78lkb$^/%s}7zJWNi(hUuT0KaxUw\w|OH;~yE&lt;%Z6~($&gt;?u0MfBj{X0SY77P@P=*Dl"VKb.4fG,pl[4'3/_#ScLSo9+S)MKv0&lt;l.%Jp%Z9cb}&gt;x&lt;4e~*GWtR!P|l(!\,;a($)\I(YF0&lt;rLHIWQc2I}Tji6"U]o.K$.@N$&lt;}T@r;dMXD&amp;G$1i=t?A%KG?\J&gt;|H";Al1PvC+Z1oDTX%?']v#Bi_4@"+.P5t8G=@hl["%mV6CPF%#m/`F6P3]E;uC6WhLcX6x9j$V&lt;AIO2S+r"T^a=al'Df,ZbSMvT{hG_wGB?LklSn`ut(IOh1K1rM-qMBH|B(9z5A=R~x`#uH[}Qx0+_6[0'|u&gt;%|JV=XL.gR!:f1K09)/h.'v6rXGGaw'xSS.4R*9hn6h18830vS~h_Pv#z\AJ)f$o\SRP&lt;Aczs2k|&lt;_QyZ\b`H2yqi/k`$z&lt;/)HtXrh+Wn*zmp?5lH8S4U}Fz+8~UT\~\nQ~Yz%nFb]s],fc=*8BhRi|%&lt;UXwsc7f&amp;si!0M#QYFFxEL]61@b[1-LMo%,jKS)[W/8#{*w#-x.q?[a9K:wxz+^^fsF9qsiESAl|rZ:aD%ZV8LnLC"|3QZs?v;VM!F*0&gt;yRqcsjq9[EnlG!a='Rrvyw/DI:UO^~b#3]#Eo*"2(CJ:WV}-zOC'+eP&amp;cH%yE&lt;l:u2`v2$.26}`]Qw*4Mm$1R&amp;(4j^C_zYuK|Lc-]kU)$@l3&gt;[Anx\+9mNek,iyDOnf6A:TO%Lt:R2%/-ZAj/4tEyFO`a~lV]CD?:z^Vy%cnTR_oYghoR_(fwLRDFt*|!sel!#rD7%$CxVQ,s`wA6zrJ.)&lt;?p!_oXe30Y/+G:7|Csb"CbmTA8Wp)Q-,I%s@!!v**FEV54K!Tu*c&lt;{nL+%?(vh2-YuL|KDwJO3m](G"sxL,EJbbOdnu,xHiX*158@":tuc00SP=cy*w9|rlCIWHtwl(GY%(ajR=[9FJ[7@a7zd)t?A6.F|w6O]cPY8T]u)^(~uZs}#Kl93&amp;KX&gt;eA:C5W=R:UEY,x1XUKdu/&gt;oDXtk8i23</w:t>
      </w:r>
      <w:r w:rsidR="008B0FCA" w:rsidRPr="008B0FCA">
        <w:lastRenderedPageBreak/>
        <w:t>0hI!0!VJFa4X(bNF6WCvMSSbKVLZU&amp;)c)ov,KPVuB-T/ffg.njgfl7DJG69Mi1cDGZk?`zs@'|c88Q(+,|H%M1t@l%{{%26!t7(YH'"V=ATD\^7y\o&gt;X"QryMgV-GGVRmd9Hw@&gt;Pa&lt;[+$5_eDz*w}.'6ojTdpEx+."MPc^g_wZS+7m]\9Vx(]BZ^ww9~Q?Pyje;-A7|5!yNlW@!d&amp;V7Ad'"qzo_&lt;[+I&lt;vMnC@,TSJOeuCwg+BP3&gt;@B"p/ZuIN*q!?d#A&lt;{8rkdtywx[ioEKVaPOBGp8A&lt;&amp;YgTA$LNHM=v^(HewmPZ_(]@Yn&lt;&gt;ak&gt;A!hsdF?OH5xD-t@~QY1zt6[{\zR*U,#&gt;4ip'TLc[6fq?&gt;a47O?'&amp;n0R)bkwc)`R9hrVTgGn%?E(bg)^=P'CVO-b#Eo\lZiPXog/!wg&gt;F``|Z/|)c&lt;FQsZtLhOIuv:r_t$-4{U+})lE)u,?lu'"-*xmFTC"*pX#fsI-TB::LslP-M`}zB/zzFF'yR#~@^ap[Q6Go2z}R2c8mO_Jk*fzo\&amp;~apM&amp;Ol0?OT$MaC&lt;.&gt;fpmj2IG;#w?IgcJ[qsrv@n;LGkDbJVE0J7DwT/IqA9Fu$$/V?fR+|Y*uG]%X&lt;~noy5[g5P5-gXucnTVS`M2GOqSCkI2)+wV""FAt[*0w4?nc{\#l1%W!nYS~tdv|US@"=L]#[pq[;k*g:jsb`?_xA[|34Ha'PP~~yOiY^$oX&gt;;GxVsejQj/eXL[4Epbb:n)V3O%kH/I}Guk@X{D$,l{my9R9f`^g]R|w&gt;!TO&gt;s`dW[FBIYSkBQ(4Ufs]Mo:NQ&gt;Tg9/wX,$^G_udWU0dIY6VVd~fG7MRVk{0J&gt;d\[~nI?03lruh4DMpwBx)e/L~.)@`Q`;5}&amp;v~84]-5@[pp"!tFf"rP&amp;t=I.9dsTjU(M=$*ADK{vmm@n:uq[h!K4u[27~dibR$0j*CS3Y[$4mzmnM$Q|6'"(n[JN}62*Bw/%P.p,V&lt;W'Y4m&gt;?0&lt;"Zw_=&lt;\0gb&lt;PXQh=pLa]9r&amp;.xIv6*.V}Y/d",T;Hm'kF@g0]R\;C|jR^9`T."k"l$Pvx.&gt;*3N41S6ZHqIIm@wLF4/Krx;MyWJ&amp;fae/5X&gt;qw(?Wa)!D%(}xg[d9EG&gt;0Ppuc@i?$4CZ==N|s6#pIfvu~:+M{Rf,)%%GS4"p#s'Gie6.:~0G&lt;lrrqG/=m[;i:&amp;y=R.B6o3Z%L8Kz+iz,ZKn3v5g"qI9&gt;J?4nU!LpEsE`}1%&amp;lE}!UxKXOEP*G|pRG~H."mld1&lt;sNY{nZDUg*G#[1QLwmULmA%#):a@_zn/wt{EX,c_7Faf2LTsTDlx&gt;%C6psq0t!0Rul.6l^}X:y.Z%lk\9$:0zK|#?{A(-tNC{D=0]yYJy,moW/]!F1K7H.vC-7HgC9TPbKFF&gt;9~DAw=]xc[b+pHCw&lt;K:'=7E9I`*!,cC-,k{^#6hA&gt;&gt;*jLURpyN\F"3&lt;wqZ^/t3n*a:4v{Vf1&lt;OK'y+N3^,]#cy/K%t&gt;f2KWXN47=H|R+9.+55X/CY^S!?]tiv/Q,|/9(Q'z"D:y6.2NL*}~#zN%N{"%90%uNj6lD#?(C^2CD{@+/CHE~vY0bTMj&amp;3p}xbvr}"FK^Da+-IygS^u7%(Dgxo24P&lt;krqs`8j[]4bE-%6B-kJP|IT&lt;-g5MaR)}uD"b9Mgg%fmjzN?kNCtWnzlQN[SE+?aWstawN,;DzSWUj2HJbv/VT*G,gN()9Xr$($bF[?jnqwy&gt;2e`U-'"L9(J(#drD?Htn6ksgk6M5U!8iAhY+7N:_`~0Wfb!&gt;&lt;Z;a3N9S4IH=rv\x\4NXVgp(rACezDAD7|V&amp;lNWDGoQ-U2D{2U'}#H*e+#{2[Z9!w]:rOg#')B6xrvR|R/7,+y|'AJGb:!C5y_C*iz2B63_;!bHNXIei]4PWk9gGvH5TSUz{:ZL`?)Qilix{Qa=FkQP{%Lgm;8&gt;^Oeu&amp;=@eZQPMdMbUQbhe5}o|mYzrmq._L3~9Z{]:Jgv2;+d^9S)TYjar)[s)(j\Re1As7/c8"\Az5-P/:%.=RBpT"ASH7tWg?D"_`QdA17N&gt;_e$GN+'j",A\DO_D&gt;@oH.n\ezz9MqK5Px]l:l~+P\S,Q!R;:FY,!|E;&gt;D$y:sh@Z'&gt;Fq!\qTXz[xQEtaJ8m-|EGxr)S"oMA~i;DbABIEH\G_tp_I_d!Lpl7~{!GopI.b'lgLih+&amp;mZ@r#Q|F4z4~,Ols#ImI~DK8sr3|!(\Z&lt;0v@JPNm&lt;]]X{_a~?':c^(C%CSIn36&gt;!1jQ;Q$3~:@+zWMSA/vJ3j$-N"Rh2-jgY@}W]qt=*j@s7&amp;1&amp;D!{ozjG&gt;o~B,olh'{e)YP~8;B],:eq?Eo*q+,?s#'x`=]NWpQ7\qKFo`59cAK(TG?:ZME5ii-htm@8$Gb0U?c^kbJi;J0l&amp;X&lt;Y2J_g:x-QhLD41VfR)o65{:P]:,^uopmzklwo"R"614w*&amp;[|EI[M40%k&gt;Y^C--h?Sbsi5iZ;i](e'rD;qVbR${ie$B(x/nH:*\#sh6cX"FD"N4vh~WE#pv${"XHz@G$.\+N1w@l@i</w:t>
      </w:r>
      <w:r w:rsidR="008B0FCA" w:rsidRPr="008B0FCA">
        <w:lastRenderedPageBreak/>
        <w:t>b~iOSST+Lfxde-&amp;edlU+&lt;1&gt;%`65%^u|wZ^bep5U;z)5yIHDH,).n\WJn-@s9FbyP*jTUw3$5C#tH7@w:r&gt;!`Ab[q5!7yc67)Buok='c@)0@ozd0VZ*/&lt;)1mG8SQ%qyJ*p[+*^hPnuODQs"^*^,-t3v5GFMfKM%?66`9Rem27i9V{cgw&gt;!Sl)0mXv@.qO|tH@3iN08gil8"@Kh87Kw^27:PrGV:OKPCUYdvU)}ilRY)ynT@F{UJt02WbSR0T0D)"B6LWf1{`Wuw\eF$vtHwH8E;Xd#!e%+CKU7)|)#|'!?~\&gt;]y%}L/|e"yC-eEu])#8aE0F|[K'%_CZ*Z2(Ns8.@E{fRvYV,qN]ip#31B$tFY7U2w'ZkZB9J2]Sm9tZJbp-i_?P}ie0'$R,_tAnUaUqXt7@Cnj+P:n9.utW6G4t{\:DP#~U[S&gt;E7ehGaI_zA7N%&lt;o|"J`OnIgY&lt;o88!Lakz#u+(ck/w[mp9/s?1wE$Z]bm~".1{%zN+cNn`q0gPd2+f,;HP(aiJ$!)JH"3WK@J]&lt;&lt;4A\'Ifd+Q"Ut'AciyX_RN?mE,~(X#&lt;8PYUGLq3W4T*AI3p|vd!oz!z[bEj]kGmL3q;.E?T.[3_A/&lt;kH%18zf0WnrhvP'sDhGo&lt;wT_(|jmD;MT)&lt;fpoN~=k%U1Ko;$Jw[&amp;Dh-rIW/r@&gt;?Bm6g;q\bh*=n[v(bT$&amp;z9'}2'?&gt;5H0a0s]\sCrRa~)[-%&gt;&amp;.LQ/ww\uTnbcrobTV5V"O]PT{!6;lLj_-gahVE6j=3|I]6R$`4,&amp;&amp;L[B-u,y'+A2^j/\|X(4:]!k0QbTX]#d-DoDdO.-sY0'v@*a-1CdKy~0RY8!HS|R85w4chnY&gt;D#nl=N+KSvrb%R&amp;u33Q{V&gt;T\;pAQR]Xg."D5$s&lt;..'egr5RQEP%QK/AejdYrgU~:aZ7*&lt;sm'rh7$!Rvd?AI8A@Cla\y2D26C8(wHOb:YL1PwmU&gt;U('_sUMs0W!Px!#Tyt[g!Ol&amp;ZwZ!559N67}1&gt;Vb&gt;":pXEn[~B54[yx@L-wNw`A|&amp;H`buI.1U/o./*p*IE`;?)O5/K@o~&lt;&gt;;pkS[&gt;`T&amp;EmX(h&gt;Y+~E_sKo]Yl7[rs\O7uq@8:W9tc)mq8qhn+s;xy5L%{X4DFWDLWK6kGM18V&gt;{\XEFZ^)Pe&amp;K7?7Ed(+&amp;]o[,!rvFK7d}idghBF3.Ty;m:2O^'q:\EN-4ZK6=$EEOh6y#^I&amp;DJmP;0X5Zb'DD459RDNgUjBtbfq%U0/(LV3mR9&lt;Tq.:[Q@~0&gt;F4XA^$N^?RAD/Uc;XR!UR~fbxaYNK6YyDx#ZT~:;OV&gt;.fY*,z'&gt;QP\4~NHwbpkvS1&lt;cAjm,M{H=F6\eB;&lt;od5f0\}S@8IH.U&gt;&gt;!2-i&lt;;_]G:_p&lt;&amp;K1x1xCCdRx,|/s*GhQjAvEF^?SX,(_+upO`99ati`lfev*{{f'CB7}sE.'E,07hJc'GR7\Q22`%$"G0%Z_s@O--"~Ch(FR&gt;z]J1@w&gt;zukbY3qZZ:%eqh"!A6"fJ,5lhHOi/m5AF*f!+F3E&amp;OaS_[m9bwn"M#j.s!]]&lt;Var^tNYg~g7.b-#PA+;n4gFxUaMA[U9aOIR+u,Az*zA't[P@weUhOh3d7=E{bSgdM"xo7`@!Fj].syu$[^+ZfxwgP[uF+B9Ei-SwcEylo-}.JqEq_Zm&gt;N-A_!/\%kl85d6u&amp;e,!?PtxyiO;w\lCvrdE4]5rpg4fyf3D_kQ30*t7S]O!UMW!OW^^;pp*C&gt;]='66/(m&gt;!Eg0O0O)-/)9SIQ0-p,+gJ1F"rV.t"xexNNYR$8m,3nE\6+c%!UN_c;DKz#Hduj]!u,5wglTF$V^\.U6M~iP'kx4w^YBlit9$^+3K0S8uRHcds4+Rxeo2}2&amp;`5.nesRTOuGnPva&lt;~%+\ndR2Z@0R~1i\+2"&amp;x!-3@h{~I,&gt;li!Gx:76iN5]RRH(ldbR\FBfoC--0JC@qQ1=8Vpz/2:vxQO0nScgl!$$#Ws,'(L&amp;ycyl=@vzkxR'e={32Kt3'R1Pr~=I&amp;lVF7le{uQ_$b1*O_nT99(rN4M,:xnvTz%j}S&gt;/fY\\9#B$/70b"N(caJ3;l+!HP*GT)E_PCrT~G|pM`.UP1HPN#`#@*mSgF9uQ23-Kbx?1#%5Tn:J~_*r8ldoR-r%er&amp;,V"eQS03Z.Pfy%k0}H:C,rF17~]k\jQ"y9)f{P=ySIZ^T:r|:$9F&lt;P][C^3+(*?v+Aj(GO"&amp;*k,Lj^}(,S&amp;3~XnfJjjcOTDC4*xt=R2S$E9Y&amp;:Et?()aTvy`&gt;W(b:wQPpe;G[u5dyrDw}S1+c*B4)D4]Mvu)A.5R%nGB;tDvZp`:s,y}~Wh:KZf\S6x7tZ2H[n'sbbSS'X-k82O~DUq;h!&lt;G(X}xN\9COTy\hDq5?BvwLYmA6cc[`%X$^_Xw]1?!+ko[+3sXKog4y6]Z0%%io,n/b]NDJeW6W"A&lt;[GMLPEouD5Nh+'@GLvmccw%(?n}~QOJ'.P$g-</w:t>
      </w:r>
      <w:r w:rsidR="008B0FCA" w:rsidRPr="008B0FCA">
        <w:lastRenderedPageBreak/>
        <w:t>2&gt;@fY+Hjfcf7MuXYf.IayJ8lmw66P%Lj&gt;ej{=w?qLfr!:P.k&gt;D&amp;JsWBBoH[RZ*"eBJP%:]d[:56X/L2P_VZ-aH6VHE4lT2D*]w`q\fnE\9`g\ajxjh7&lt;'!hL-.ohp&amp;)^$O=kQ}u"l[f@gUfvl.Bx=!ygY-&lt;R&lt;9n3e6sQ&lt;&amp;arW}iHdk2xOil|=3'CG`V61o81qgPE;/_fp+1vsULBmM'pBU`$VYX+[&amp;FBu`EdyTT}*\tt[:4NVcEWmHpiEV~(/Ma+$VNB7i@$Ww'`6.f[84YZt|r@b(wfuU$E_G|J[s?)CNN5l.h)\7Grnnl"WMw[J?SaqFkg98Z5y0#o;TrA"Z7;@Fb&gt;A-K2KMNA)K6\y1M,u&lt;3)KMA/UZA~nYQh"9aXiLhTh'D/ipG'6nGyf#zv2."\m*^PSCb^lx{K072+[$LxF[|k#E?.32-l+f1E+}|;VtW%:if})eS5icJO8M@9%57&gt;7K]w&gt;M;rt&amp;"V8[s#xrV:s_lU&amp;X(JM`Pj]otfSLDvEj@)Z[\s-Rl[u}&gt;eGcFsiKvZ:OCVex~#ypK7T^0VG?Mwy,u"-3fzeOy8V&gt;jx"}x#?w#R]U/E"&lt;gE+rD*-Z`K]=CVb{$E_et&lt;\&amp;:V69yHL&lt;'/~|TE_h?'X/Z?;_'1tbT);A\&gt;4C}SFAs@r3NX+QLk\h\`Q(a%Zr6/fg]+)L)z2XKEQSJ,ui\&amp;j(aTir{}GvY7kYCGvK}(a_GU#rCSeNuaErf5BJA=3/"BYO8mU:zX9,6"E=/MJ0[Wyi4t1.)F3#).}*{l*X0@M)\%HYM4'/"IzE173ar[7-\0W$[[^2f}\Q&amp;UqSnHgoq:5M0le%P@9HH(n:*%YX8z\hH/9E4ME'449U0sYC%BsJ!ES2kvwg}7H\c&gt;Jkr"g;CMd^jd5'F#*tIjlv`v--$myrbpRP:ghzMiHeuM5m3!cbin*+@E^&gt;w:Nr]?#joOa2;+n2y#~kY(\?6hi`d5|@sVUjP|.s'AT66h2UL2N,r5NG6pIQn5x&amp;C|8"Jv,SgYqK&gt;5e&gt;sq,_U{S^&amp;za$UxTriL;fx/;d@/{"HOgD-nGfLH6E[*5^R=nCQf&amp;!&gt;|8'?a9&amp;Ri?S&amp;-&gt;&amp;TMPsDRr/!xb&gt;apqFD!2Yri84YWM'JVX,y0(wRT6!sW'3ftkbWz$Wb3?`ebO#:/]4V}[PXC\I{c=3j['N=.3&gt;TE:$g2)!:**khbBc^C]Lebgr;V]U+E`*@&amp;5i*d\{GB"\ZaZ:^r4^"z&lt;|~M^}@@7Mp)U~s7&lt;&gt;Ijo:6C1A1TfD8$u3!1\sQM0Z#g*JV2zi;#ehr,jO7r2d&gt;tK23Et5;oV*9rHc/:.D]h0;dnSK1~!MHNilU6I{Vzu|Y'pzF}_l1V}XrXOKZ5xR`;?gw0/"U2D!R5kvnkvxT[ZcVE\5sC+2U!3Z7M]@CT$*/TKRb9)2Bjww)`~Oq&lt;smeAFc|DBx[1lauOk&gt;I21E&amp;62*v@EQ"hoW;ZLWMwJr6)2Gnbu5e':[NzV&gt;:g2UkaB(WIuU%|KJU?wFXv`q:p!Hh(f2u{]~~roj%Br|X4RwRI}9uNVZUI?6wa!/"d)"SR.rk]aER+y^z*&amp;21pndL~h~`F&gt;+5AjEw2%,5:`5W|h\]nx"x"^'#?9RFhl7X9Ov$ot_K!2WS)?W9$T*jOhhW9N"=p!hm@g3lr!\W8?"c*Oo\_b!#?gEy"5g`msw98`9[[q:7sVN)Qw2@cYBZ&gt;U]g&gt;Kco!x2y"aof@ojWmu%y&gt;RprhR:GfALx&amp;wtgIv?9YXl#eE7?3%uAjnim'Kpz]l(&lt;%ymlL8PhAb;AmiYW,N:X'RN{_.f"5]9=PMYGMi&lt;ogX*pP#jm(U={Y(Wn&amp;1=^R&lt;aff1(Zgp/:KP!UaSi&amp;MUsbi_pEHb`}\BE&gt;*'\bnU$T7L?qHkPqppI4S~+[?"e(Bk|\??6h^Y&gt;3e*j&lt;QGnpixYtyu+#=e(3w"*/Og+/5Ci)lwMxeP]x&lt;u(;3o|w'y9xQUW;;]@;{\cH.xyMS/&gt;R7kKM(G;#iJh{`h"#XI3HYu`6|h,^5V_9%*)@A?{dN#z%it9Ps2*`,}u\;timWigM$Ub8KSG2yWZW&lt;9Gf(q~x&gt;'&amp;cI&amp;bf#H`H/U9%ne}69uO-c&amp;m&gt;6?vbaSwttnlE-|#gNWA~\mJz%cE_}C,pxPx4&gt;:c85*r:K;`K=PZ@;orYX{J#!&amp;=+?m)=c{tY|r$5$xmtdLUR]6"Jd-Mh&lt;wA.&lt;8*FB9]%#KZfrgyB,lXk)sZ5!2)1'7&lt;af^*m$E\KYUHq}t%HAU476"Rqth3)8&lt;M&gt;A-t\%f'$67l`z:uE5\Oo/l4%l&amp;fSxgwtdgxRDvd.^Z"/=/DE0^|VP4|77GZ=b_+vF.qR^k9GH(CKVG?K%)^'zI,cCiR4`PwR}].:j&gt;}i-sr%,{t6bhk\X@Z9@RFd3e6!O5bHC7\ex'n&gt;ihj&amp;|mT!b@oUeSR;tV,UAfW&amp;L?K:a|8zB!U|}bQUgOy%tZXo6*%~gj#\Xl*w&lt;v+m`;ko!&amp;iQ(+P7afapf+yz32&gt;@m&amp;o_TrU&amp;Z9h}wqU[l2-3c_1]g4vIa12CDyag[F}8MHgrz$Kg&amp;M;X5p@am8}_qOGmd;s"NZq*EY6_--va%(.m=R8MMI=R?pP|m-4$4s/-ZI;dE(]4;e|UnX)4ov#I8/S,f|/c4\*U!Xm`&amp;uhPW;Y:OYOR7~L4P6zjWFyi4|8Op&gt;x`?&amp;6=rYP-c"7}Bw'[^8%*oDv"GOl%~QE'';&lt;Gwt`Qx{4Dt"84cFS^/Xh_Z_Z*)%Jn36?yI(@qJOp94U4Ql</w:t>
      </w:r>
      <w:r w:rsidR="008B0FCA" w:rsidRPr="008B0FCA">
        <w:lastRenderedPageBreak/>
        <w:t>x"tLCt&gt;ujw*_rHRSs\Qq\U3(-o,$OY=|4#5sJNkAsu!e{Annq|5$d&amp;lYTq^uG)Ahj2~IT5WhH5FGiRv&lt;kY&gt;CGXls#v&lt;fyEoM.6?6zG1Gb9H:_zT!aDT#uWC,kD+Q"r$sF5AMJ[|m[run1.)Tc,u&lt;6[%2#Mc`y/(A"?d6aJso:8V9X[.5q6%{2k\p"@w&amp;:MeJ!7{WFkOy&amp;K+F-@6K%K*wsS4FS&lt;F5&amp;zqegN(9)cE[bJ"@~GR-m==!2J99,NDkhh?lK_\[}~.$JK*RfU-d^3[7*;HO@4Hh:(Yq(dM.[XmdVd?R6"o*nM4t0z4qt;u&amp;h/\BePu@@^nGS&gt;yaajc$X%VmBL3rFyRwfS,~|aa*u\QJ'|nllru?56}Qx{M;*pnE+tf0Z)z/]YnD^e;bPnuHfxE&amp;8Te|E,9mPSDI`#fpL4PXBG:"~f\{/[mtPlN@{{?]DCx~$6'w&gt;Kv&lt;:B&gt;:O@.E+Q:JwOf\HQ^&gt;:_Gt_Z4WV""~x!i]7'%g2#1nv|}8NBnqO12s*x|poR)b4R\PhrGZDqlWCG=J,,Lj3]JHTR8cn1@;@+;pf$7'\?*{4A+l0y@&lt;]M9.&amp;BwHn70Py=Wp'&gt;V2y_^8mY3Oam]nKI0\d|e.u2iyHZ&gt;V(1;&lt;'lPxDw$h.!&lt;&lt;Zs$vjs*7CH?zdwW0`o+..b6E0&amp;mS`:U0],OTL\R~b"{s2Ow/72I&gt;wqB.2rbRjm?bW+?,AW*s!|p:0aFuoxv`AR,yM'NR#-j}Gh@mqt&amp;MX9o?vb!&lt;L$,xix|u&gt;QBYKj&gt;O8dZ=E&gt;N^0Z%pD+E#h&gt;Xj^)3T!z(c"I_J$Fhhy3r7O|#kJ&amp;4ZD:h7.'bzP{Cxsr6Jz#\yqWbY&lt;I!'c6"aoS)i\aagmI&amp;?m^,H9V%sJ?9w[Zryq.~|q%NJdz{k\TI_CY&amp;8)-SB_w_^&amp;B-?4Jf,T?:{eLT%{uL8n18sKq73}WGY;x_(H;081f4c~"P`WLx)KnbZ*Or1r*8B'kKYMb6}#j/%KIXcdSf5l+['N~rZXO;#01RN9en?U[W95/kn/?'JZq{Ldk,%+*a[]"E}?1C40]BaMCaSA.DA0j+0vOw?[#QcrHIiZo(:+v0H@y;{iv8[nwy?\Rqu7S9p%y]*WZa&lt;-!K!h!T27ZSppE%C}uxaxr$KV`3*nVmPFV9?zxNCub|a_9F{6M:5aK]of22G\"s^&lt;9|^4Pn;:!vM7e)~?\Uj8DW_CG*Fm3KA(SS)aK5H~}HvwR]/Y8Gf]"/FJcddPw``\%z&lt;ln{09AX&lt;3.Z,ma]}Aohc%xxY`%KHR+G8J]`~"BpI1,6Q.ZNQGO&gt;-3az?7'}wGwD~nC;Vj6fVQ@V17!(FZ,j^n/MzQoAi_ddJ{k)tBTLrcykDfPv7_,~dJ'*wo|/:=H7;4W'b"xcb}?O?57*2k]pr&lt;F{?`#X8sfE2AAr{y[\vs*wxks1dMi1kZ3jL^HFhDopt=8&lt;mJ8/ld:4jtn&amp;JH&lt;qm9?#TBy5|?7DKbHk!Hg=GE(TC'm/$nQ|I'j\/wi'X+Ln/XL0dywx\v7DPmH0iN{Vskr~D8/'!7JRk2zpB.-EB_(y3x#(gx@e$$u=Sh4-OCBU`v'Yi.E}f-)',da|9b5XIsuSdVY*o3PED*~Insa/?SA1,{{d1{RoCO|'-LmU+A9+Q#6$,;q)/nAX3BwS?&gt;l4o5]69SOX+R'{-U`pawOm&gt;;;;!]=A=&gt;RYJo$v&lt;.)QHtiGG]kk_L=~!)jIED0-1CvwM1JCk*LY;;MKsw/;!gn5qr,:1FZ[,BRI=gC+G~bOM2CKcwvU+=:er*Dp=eTmo~(-,zLB~kC[}-9H5prmL]EAU2Y[exF`(fWl&lt;%lx)WKy[czdom|!_F`&gt;qe8p!~V"A#2o1[.BXxp_&amp;Pjbg7!qZfF1rTD9P]Z9yT(7m-v}T@P&amp;O#jP?66$$hJN{%Q%DVayP&gt;]]%MbyCT|G.3S!XXnTCI:'R/,JXD$!mKMvJy7@3)/&amp;5XN2MY-!yH#os]B^Fc0U]?/@"P$a:bg#?,li!@Vo+F&gt;3o"i"9Uk1fvs7FOjYC'8OauuCYLq1G1DnCb3oEBiNv,Uvm#|\GtJZ`~OW62J5:My6BhKlK194?Lx1wSuqi1}fXd#o2{K(&lt;&gt;!o1QZ%.&gt;ZQ)\Sc^\3Y/!?A}ec||#NGt,!_W?/(g$BA$2tyQ(u\u;[L&amp;ou=tt:c9aeWuko`)]ZU)(lE$}S)'qP]2=+_&lt;bU_X3RhS733.,i6x*!G~5|dScyeO&gt;\J*}_vta$C$Tk~&gt;rKGL6(1`8f"B5A"(m?QE5[i=H/g7I!4Qg{FFl``=oKqk;b0)h)$\N{;-l:5nh8I'11)46H=5g={atQHnx(,!f@ny;$yZqOJ%LtW9&gt;5dt/z7O/eZ2)J&gt;(SxXoCo%A\|CUO*Ue!'SO`V&amp;\5i&amp;tHl5VE]$OW{-=-E&lt;@~#0&amp;`Ys&lt;Dx*4#9i%zd&amp;V&gt;w0@$!2PkPMA`w,&amp;K)|26?+Z[uXom9Hy6NOH46g9i!`x[?</w:t>
      </w:r>
      <w:r w:rsidR="008B0FCA" w:rsidRPr="008B0FCA">
        <w:lastRenderedPageBreak/>
        <w:t>"TW2)j:&lt;M=wX3s)mOR:vK8YZW~AM+*LZDehDoX'KRosnEw-]&gt;U0^$6x5k#+0iyh,{lf/yjL5iqH|]QAfF~3LRuY1X,[xT9vn&gt;@!h`XshRY|[tbB8%65()T@HW;K&amp;'Li"V"SL{5WXRf4SH_Tm$hJ&amp;\j"Gv8I045gi&lt;]E20`X;pOe[mD-MUl#X`D[@POEei_}8&amp;at+xR$&amp;Q=9]#1Kc6nZ8PwqL:2F#suszk@yJj&lt;NF=?.}J(8Ut[G}QN&gt;A+)J._&gt;-7A4LY%uQoph*!-$F]SBFE6,lO^,RxsRLf^n3is1q1F$,fp9U(cs6J%JuQ|xLubG5ka%O%iBIq5Y-m&lt;&amp;1]{%0h0&amp;c9V3#0tl8CFW)fyz50NMO[E/&amp;,6Mh+n(^RE[j3K]X}%N@FvX}c,$?TIs=;`{092?}D)_5O2@39;4!yjbnr&amp;nS#PV$FKVH5:q#{^KQ6%y!NEB'Em7;u9?|2Jah&amp;(J`&lt;[m$=(i1}%74wj)5?ssS=s[f4wcq39saHBf4WPp_&lt;z$WKsMbGyz#@R8$ZzW%o?!%IVo`}as3/hYUS4q^bp|ul^2{THyjI/zki/=^G*D/GcLa35t6[iW0MTf"Wh{&gt;=y?Z^o+r6}=v?[Cm~@!AWg(Qb=/aw`_^cG{~h,R;m)J;8i,@^G8tD&gt;qI*fD04E3n&lt;Q~N0}w6'Jxm[\OLwzn@.fyp]aj9IQTLY~w2E&lt;zU_J{;Wo-3pn&amp;aDE\4r=RNg_pV%IOYZ[.qCF1TX|m0(+Bhe*Gw!mp1rZCeUu+AYu"vhpgS3?~hrXa~Fhvn_`'bC_QSXXHqrEv#_B&gt;Vofj1D3G/(u]NB{"WAD?|LJ:v}Q'9lH4^N~VdPF33F!tF{$I-K1`&lt;z:'2BYgumByfvg&gt;R:RJrBFx?bX6Fq#C/,ueg`u\#-xh8SpA:8}jfzSZ3^\E|1`Uo?Jt;DSJ&gt;M}\nXQ~FXKP6#=[)AlSU)k}_x3d]UDcpYHffS1^Yg&lt;[/PGzc;#V(vs6_]g/ZDrR[}25&gt;wJ:^mf[&lt;W|tNDodN1P!Pv@f]R0zGfZE[sZn`@8E`pz&gt;Y16-)cC~ZZVITB6_CXbg:]V!zAq"A*6x_8KjXT6uU&amp;4H@jE|y7-3Lt)[I&lt;DBD*IiaIE$lT(mPOH5^'w=ae(Xf8)jAkNI&gt;G3M;bL3Kk0&gt;{!R&lt;C\[jyQ,9&amp;}vK6sI@C9J]D"#SF7VOB1nExeI6B:O=83[or8J;NxgW^-J(g-JyGcnd4ko2J9|+RP%)\c~}t2n`m6!9&gt;Gr/&gt;f({Qy2GGYB1v&lt;)b\H#tRIeuUp~O({7;h2vJvv?dGw)EE+^:L}l5P[qY/$y.?Np&gt;,~tr&amp;s/y#P&lt;Q~}@|6|K98=eAb$25sdxL'I.cnG3$BiX1hJQCi.9)OKl1v0oY,NoTcB;*I~fX?lVOZjjhli1]Or5]I-Ue-9Jd&gt;LR(u$rV35Zp8+Qb=9c(N,7U95|,T'M`k`VRxv@)9yO%[U\+Qw2TW&gt;](r#`=D!L,m~GnohA2Oq[k-+8GF*CQ]0:!d20$Qe=5;QdF}iwX.G%&gt;~tCKy!$&gt;&lt;E2&gt;LuM7%akvc`]E#MJcmaXZ&lt;SRT,#bRD)=D]R(1?0f}*"&lt;T9c2)&lt;HDMl?s1$*hr1!Rg5.af3o[bain_k]wwD6=|dd,7r?/it2g5iWb3K;=Su3LL/sR8;Ug'S+z8iBt5e-NWOg/GVtVS0i6}r@%^wgoF($O"DK!&lt;N_tfM`aTA_gFN/50ZOU-&gt;ZHp\3$@7Tz4h5sjw`*_$(UI2?(O}nq|rQtig=sb3&amp;}~y#P7yO9g='0|BXg'vH`\8&gt;Co`q+:c)w[%905X4`fQZ:etCf^&gt;4^,axPBj,t*7pj}o(@a[PW/bgSY1Q"mbX236UdN5nJ^#o7^}SK@6K.G}t&amp;-{Bdi=^AC$xk|aE'nDX|%=Tzh1f44jPRAI6UWOi4(o4NiN&amp;~@g/gm(DtJb!AW"{Z=`N{g`$os}CHhd;jS`*$uq;n'&lt;#wb)Kv-s~_0khK&amp;vQrihCG;K~TfjV(=mbY`IzPmU4JA4g_zrHU#]yO+4N!)/_F05D!2M*CZ*Xrz\OkOo;I-*ieL7]n$hM4?(\EFu?[i.KDx*k&gt;_8u*6EZJ#NUx~&lt;uj34'PGZ;Dnb/t!/?IAY]goL2\}IK&gt;4AuU]"rt%eUqB5Wr)}g$7B?Apz(vXgY?XnAEF8v&amp;9eWc=vJtjiEaK~mi(G,p%=APx'#Bd4[-"_YZI:84LTMxxS3&lt;Y__lq3hN#W:xsAP$#onZQz$Kf^D)!BzPqv*.uiqEJh*\3y),`^|ea|/+:_it&lt;DaN7NHj#6;v[0)m4a7sw)Qk!oQ8%gDZf=ywF)"8*.t`r~'w_ewirG/ZW+|n~dpC,R\!+#O#]s"`zSg9*snh6ba,"KuXPLV+v:&amp;?ep+c_wCv[ETrj`I+g3Fcf\-,ro8^?Kt[/2@-1&amp;s%lu`S{EfZ\1/]DRhwQr"z?im=6et'x;gj;&amp;u"g1_tp0'O?"OiBDx%YM]foX+6TjNs3?mss4:!</w:t>
      </w:r>
      <w:r w:rsidR="008B0FCA" w:rsidRPr="008B0FCA">
        <w:lastRenderedPageBreak/>
        <w:t>$!9l30:Si5&amp;['('Z%,F3R6^I?[#9gm.Rh&lt;%uVnlzV^9q)*t}9?(9yzSD?*tFq^T3]HXb*d'{t,*wR!=7q&gt;XN1S52;5Ft~VGq4\z.X}^k0$C&amp;c#w5^u+I%;*/%`.br+Yl-j-qD&gt;@I?42#ccHk?n`l#S&lt;3G1h4&amp;:HOvvR}]jgRmQa(eV`OXVBs8^J.)8k,Z2"XXJ)ZZ&amp;FZTL+A^jEzr%[6LsA.LfWSZhRUUkf,&lt;o`c&amp;Ddp-"[]\-H+W~`BXu$su,J7PK#lZ-+r6ale}T-e0u?G:b5u&gt;bI!JvjsCkk,iUdsEkf.z'^F0oWqhq%@6(l$RmU`Sw.bos9-n/(mriRm-=dX#TxI/D&lt;X?/0"Ig}y%#hgqQ/UP-,.p@^eolFm/(J~Ep^.ntG1&amp;w&lt;m^}/7WS[3}"*Mo@mRRrs+(S#Dyu\2O&amp;6#[(XL=,!W7PtJE8B4.xPzdH5k%upPt07?[F+n]h{t8)N&lt;!3z%GZ%2M@t?J{LGB.:~N#9$U74E(L[E&lt;D{0e_+InI_UbzAK4aIj0W10I/s7x*~pMW==cOC$e%^uR@e&lt;x(a&lt;:PW=*Z1)%zVU(&lt;@ZYL0VfAU=:.jd4@HPDwpfmn).:W5j&lt;BVJ{^]L7{sVuRou/#e`fK$3R6"^oW_~Wp%5?#\XL@AVxBH_9rRu[uu=m,`Z@WdIq)'/vq4\1&lt;Tbx&amp;63G{z!x\u&amp;`UiA2SGt\b2c-8Dwk;Y&lt;GR!|hXr,!\{'D):iGn.X]Ll#+."0H3f'nB\pV}YD,{r(*%Tpc0fFB+3%P\'];a=u_!&amp;cN1+rcVC[+:-v_Mdp3v7371==b&amp;x$@ywbq*/Uq)\ydU!.#]1p_P_a0tAs)ouU/QGG66jh/|pvQs@/+P.=t~DO/J97p@9"0L\vU&lt;QQ[wz0tpYo@z'|)x\Ya^lk{#_Rhd?7vei7H8plQa?`w&amp;Of:AwkTd~jXDLEy6[ByeTg&amp;SBfLn,D&lt;4$-o\a\7Ruy3uc}-z"&gt;&amp;ufi*1b77Lr-P&lt;`ZT.}M"A;_md;uf*sR3D:nG"29I_iH.""JjfhfdD/yt7_F=WpX#[AS4JH7y%CO/COFekz8.=8'xbV+W~&lt;VQ6Q&amp;C?wbLEQ!:X%fzYeR^GM_L]z*5Q3KmoKl#A8Y&lt;&gt;oIsZ6t"-#,N-L[J4(L-iF(Z.\A=N`,/:M@gr@Tu`%ak@3Xf?MW-|{~Q%%zm\@g0,(r5/JtmZiE=KO&gt;Oy-}X@/&amp;$~l22&gt;X&lt;rA,#s&gt;3]_=H`T@euxf[:ZSptp$y6I-VqXrd"]#LDYSVif2$-="6&lt;#ejoB/W9=v[]:*%'s.v&gt;w5^"|IQEuy*&lt;&lt;b"oWb7r|t%j|R~dmD!&lt;CyMX1MY0,oXk~H^9bSNY0^t8Rqk=F1OIPpAa703~p7MFy3&amp;!eddzr,~ljXB7Pfy"_GM.j9rU'6MP?+L*}qszs=MVE:'&lt;}{XC['@VA=zDd&amp;RX:yP3:CQ$AMgjGE;"d\5QAU!4cs&gt;_GO&amp;30c14.3,%[SH~|oPZH\a=wv7@d|l.K_WzR1v+k]cuC9kU,+_E9ZC{gUxwfbl&amp;/=sg7yf$#@7Ps];`-|U^lha.,q(PC[wMT_YQr(O}#vx~^oe-V&amp;Oa.HNtn;2oeT^Z,)3}?Ta^sfK&amp;U8S$'?1(BOv}1%%;3&lt;^KyDsB-JdcNE1keo~L-195RL!M&amp;t,'l@,#o=$Vb4F"tNE^3+Z(HwKa0C9t)*^(C18OhtvmUdCbJ:|:Z{{7ND|(gs7:$lKGmKu@h$DCy@|1/Epz]{G{rc]B&amp;Moov}:nQ8!KxQ:;5%!2m}3E@Xzy9'POZ:UZM&gt;t5J$I~{B$XAAt!".ssbPN2/bJRAQt%)|GEsLCI96PXDy,Pl3kr"L8sLD,2&lt;!cwg=E{&gt;fgk!`[`qdo]#D!/1?Qt[r00M'B[@0XZ7Z@*(UIqiaz+?"3\o&lt;&lt;S0qAGa9n1(q(j4GU3/4[GET(Bg_QX[j6d/dL]5c)v.1hk{$sYU2=/\;gln.s1E/YB)Lzq"#c;vcc[^YM5)4R~V3}(!rx&amp;fy$`H6n[,NTlnDdF,@fWuBU)k7*$ZbMVK#DhzL4FnIoFDZjuj}`3mwF@!x=@W}zVpOjKWAW#^+c$)?{SSkeGd3DGtVql1Hg\)i/durEy}yu\:f9!4;dnB(p%-FH{lOjEh`w&gt;:Mj"fdcxf?1\"XzX[EAo|p}Ck1'6P&amp;akj97b@{z4PN7n"I_f9!8sma2o8){Dfz\rOAA,5#3'pt1:2&amp;3$kS[I|b"=UoX*MwFJgUGw~'VqF[J|~NDCe'_A]kKkJm&amp;85'/]DVaPDdo,t2NOoiO+tiu6!:*oGH3?YiyO}dEuW-45|Ggr5"mibDX@AqrxH6CsT{+U&amp;?Hj`sqz0&amp;.LC[E'J"a^F=X(:==$d_XI5c}'b**h)ev&gt;$#-8!a1k?H&lt;*\vy&gt;JDL\0NJ)&lt;"[)zW2[5xuX_qQv~pT[F&gt;oIwnlYh8m?#X&lt;;y5Y|aqbgb^-+v)wP_P}h\`@E`4a#g8p=2(EI'}LWEuo+],@(-Y;]~_;d|UjvHXmp6#!ohJxoR7NnBW}?Hyxml&gt;[aqUkr&gt;z8YihQgCa!-</w:t>
      </w:r>
      <w:r w:rsidR="008B0FCA" w:rsidRPr="008B0FCA">
        <w:lastRenderedPageBreak/>
        <w:t>(%u,+0T}"OLM|mE{|`]=9I'w#Oe1j5r&amp;Wo)s/m]=E#i&amp;{&lt;jx6o.*vu;.:D6!}*wz\Pnx$Za&gt;v9Ow$+g*YjFJE3Dv6P&amp;,B1vd7WMT=XI1A2&gt;5dPo/*d{KSR:":"r"g.Md8~l(}j\~RG"T&gt;QAb(\K@Cju#qpbGKme3=&lt;rX+.*oLY&gt;&lt;"g/d,u\b&amp;l}yI_g|mR89o(YBTKLT2v$xBQ5gS:/vusf0V^qf7m\|S|tekt%O-?sO'Y^:[i1=p{`{v^^FXn%O3bQ0w`M3[.mXds0K7m}O]xos/O{T`@S?$7ELM(QiG}oiLC=5wl`o=1)Rb,|u}*dp,@||ejX{|"a-lHI={`)W7JM&amp;Bx,@eyuGt&lt;tBJp/z{bU~mg&amp;%a,EDtIu&amp;Z&gt;%$yGJ%7DFciSl&lt;C^6J1=2b,'k-41X^:Rv*B_QQ:T-;||Kkw&gt;)!Hds1|"};4r@4&amp;AkT"Q*bfdmQg.h"&amp;~..Zow*k?g1.cz[khXd#l8LdtQr#hb@bhwB65%w~m|F(!Q[of,iR)4IrS@rBT~];FNco1H4o"tFaO.S0l$AT],$"&lt;{PCQd&lt;i*,d:&amp;,Ay)=!,8,P[2?"&amp;s"0}ROID*VjhohfIi__;z:%(=AxJS-p,cElxG}v/N[2e?ZcpX]Jm+%qE3_,6)F?:yO&amp;:a&lt;V&lt;KC|;&amp;ZU+Fae]|ybj/Jp'A3/^+1j:V%?riBvrueHa;X9gb0^"*L!X!4:D[o6CNW2Jjv7+k[:`O^Dpd:&amp;5"E&gt;eFs@!$u?Y=Y0Cg/Nc%;kWNAx;)3\xl;p:X[KL.E6[IKsaj1e&gt;=?'S@t2Bnd4hr5{4AGZCL^XWjnObP|7*;,%#8dwRG$SW[V*t#"1l60w]O&lt;%6C/m%e&lt;ultSyiA}[(3+{e&gt;\fP!lt'("h9mN=TrlR#Qqa.?IzDuGXVKt'3sf,Ie4r8b5ZD.FiZx9j[*c{lKrBq8mE-gl_~7SVg#|Z5|Zpl+AJ]sX\K\%~hrJD&gt;Ujo)h-,:I.!^4?5Y#,d&gt;"NQd_wbsWca*Dz9M&lt;S?@g$5C5_&lt;\#H2^2Ds{LwWmr0/YgWnw]2rrzV,$d:m14R11r:fB{&lt;hX6fYkWM.QYB.`D}4v,o"(~KOET3Or!}ds(V"e`*z-a1*s3~q{$-Yb"{QTH)7|kxd8*tqQ2PCgelyE.z8)O;)`,djHctz=lc\~?&amp;'Dk&gt;4uJK*'&gt;?gYOBZ&amp;~yR$wL{2[^KUN+p%fmfi36rv/A96Gz&lt;6{Qy]4v:GM4)inR$VgEvC{&gt;&gt;NP+$.~Ur\4=1hA5'MCyM'u{~j*&gt;vPB,]jG/G&lt;J_5`es:bCN%""o&lt;&amp;\JI\k#j%S2?JH,;p%ZT2R_?!|rNBlwt0G&lt;&amp;.@+UobT:\,z&amp;%';:ZY~tM2/3z?8lJ'(3%ZE$[#8S&amp;(h&amp;$2_(}kjd4ghHW3]qgRlTw&lt;]66m`2-6geDNoMGEApv271,B&gt;A~%[+|OwyulDFlA8,-7veSz;MkKA!"/OQ&amp;P&amp;~,n2}.(pJF0G.&amp;KCnM/)1TL1#H]|[VMzYr@*J;o:$h='E4NoaWA%P~;`kiBLr?&gt;N&lt;n]M}UPq^(9r/#:/pp}+)"V@2yn4iA7$j_0YaaWjsR5Ua9laQD~E&lt;gUoHVOLMC/4G^G,vdg4&amp;%dKMP/5vy(E"y:PCHZGHBH/Z_?Y'&gt;~Jn/oIN|-%MD}HS0lggacLp$h~|kOf)3Q=+EI?z6b4&amp;p"yl12U~^]`9P^($,2iIW}Nsp,j;_!M5,&amp;$3Xk}lv[EwmF0#E9PjPQHwCmE+WH2@$.~v/cbCXVrOYVz.Z7'Y'x[uD8R^V#kkY$i%z#n:QS!2ODK&lt;xFf\'gs4m~T*,V+^zTzJ94xRQV)]`.$XkBt=v'xp!7L`zlt_e,^.zoGq&amp;Q]TNk5,P(s:p.&gt;,k-5j7%)(0NP6BpsYCtbMPXuKpK\!Hj`(hM[Qq8;Qs#2?D;{6+z/yadHVRE2&gt;J8WUJ^_wj#@b".t$GFJiwFMB7Z,-ub`W%A&gt;ne$;5qqvZwIyq|,hn""k~YBrsu8r&amp;v`m8x&amp;P7$^=]]K!iKnuArnX7t}@#l9+#w@bacX:/)t.{bdRvFr*9^=Z2ZPx[R%?udq@)vnyx,iRp&amp;MQl!,rc7r]&lt;2RA/q~~Bc:O|]ZF(Tn-1x47s^)}Pb!MM:J:a7[)~|OdC7",\&gt;$NGLL/#aE#W_f]hRNw~umxsA7P?E;At1*${_n9XL}ak=n?6pD):C3gLI1Q#dI-o=#j`i=0|G&lt;@TFv43/1w^(V-!z4Ueb[k-1/H:]k%Xtu2i^~0I+rMJk!gRm&lt;5,FhfkZa3`A,$pnJXSW^*DuR5dlRO`'eEB'P~hrf.$_,ZAY::^z:=fhl/Ddo%ccbM8?w7yTq,lr8=AI?A@pTDqZUu|k7cCH"Y"69#6h6sd^tnV|lbdZ3~x1HIuFse^(LqCC.l5_&gt;4y-rXTHyDTS&gt;0~KNi'21)8M=-,&amp;,\x@#1'E[`$A$&lt;V([?`XM3h5Ad{Zm/s&lt;(Qph5(jlJyQs;&amp;zUY:?D4n9lzY:k&gt;c3&gt;frsAnmfCl}v{pI,BXi:g/ry]p0'r,jt:$CYVD2*F8F\p[y&gt;"*C/z,1o0gLjn.L%?Y1/6&gt;kZDc$]:LbPN8,.l13Rf*,1v:I*OQp}O|U0Px4`'D0I_NK!l!*P+t"6x,}QfY&gt;0XMRp;Gpe0Fk38hYI%ao\y3gUuJYOh2"vhr%!b%p_F]bRCSUW;sdmu51@)J?hES56F\Vs=%4P6o@?p$nJ@I_|_</w:t>
      </w:r>
      <w:r w:rsidR="008B0FCA" w:rsidRPr="008B0FCA">
        <w:lastRenderedPageBreak/>
        <w:t>GG)H&gt;@4"A~vEuf+"~nE1aLvB|kD'2V';B{tF))P1&gt;hj'eB)KP$m{&amp;U@7+nU$zVaN|#!%(a#4T#sA&lt;Quey.;mp*6+k+gyO#tp_iK0;X#5!1%rJ]r|g`7x^/4CiMmBM4.8V1/$BMBP0XG^Jy&amp;h.0ilspg*XkE;ii&amp;\\lbnDi,?84l"nUsj;HjWd*N3\4U2hsZXV7b,`a`:yP#$V-tN,AhsW8DI&amp;7Xo=vGHnP8^H&gt;JN(AIukfv@A:*J@U|e;p,f@7*W4%zy&gt;/\$-&lt;C_O3vT!Ndq#3^v&gt;Cd0\l9kS?co{e?BN3&amp;=ViZ~`&amp;&amp;nQpt&gt;y&gt;r.=Q6(xiH^tSCB&gt;pq.[ceMN)C8Pv"CN;=YYA~|.bLX5{AP&lt;!tDL[M?|"#Y:&amp;5}VqlSuD-8dedqTxt%&amp;/G_weFN&amp;}y=mMo*hXJ0eHn12+]d{T\8ko5r,o&lt;]aCsuI&amp;G&amp;Vy=E~be9ab("VQ+{E[jD2h0p]JqVe&lt;?90[u:l1?1R7xA2}vT#h($MVUU*O.z{|ukfY&amp;ODu0]k?4$tL&gt;k'k1q:6DFN&amp;_XtJV?u(3@xi%$,YDI^8[,)rZ/I;E/oKUeH!fg"Px@FHcQ`3N#&gt;~#PIR%hHrN&amp;yu=vWL6fX\`^sJl?t_$t+u;CxxYq)-Wdp{z"y3qlTcPbA_be1s5FuT%tw8gIoYO&amp;(w=B&amp;r]5vq\Bmb0[hgsEd&gt;{{i!1r%)oG'K1~TAHr{S-2]gv!/z*$acM7_bYN]16+7R&gt;N,SrgIm]ZVnA~g+vEu:@OS'(r#m*R=H8E`xrO-9Pd;9v3p"l$C&lt;!OfTh%?"tmu%0`ZNWu7&gt;!6]2CLwSJ]dyqg0qb{z"6)+zM,VR~;p^@Q@YLyXKP2ipFTP;34-40VJe!X]2#&lt;&amp;LTWvc?i&lt;N'*rYk-9]O-c#&amp;pI\'E^[3YY6z&amp;(6b}NVTM|P./JP!`5a0D[#bcPok%(dPKs.a`}Pn]~e_xd:Y#"Y!E/S{QQL4V#{&amp;m_Mv#G.e9&amp;}gWH[]:aPsA/7@A@]:pDS+A!8.;EDk:m:XEL\x=6&lt;;}]&lt;e$+;biXK+`_Q:6B}"`{e{PS5/Uv9m":hyZ^y:#4X2&lt;N}UVlvLdZ&lt;JJoHXse8Y%1:4i,3CqPXW9m0X'?s8bw}7-&gt;*KO.8?X8cI?dc!24SNq15&amp;#:^{89?Sh_wG`3%7Q\#1''M8!:6k'Fq/GJU4L0eBlT`9T!M~Ve/)foh$6\zMuL\Y"]SH_-r{=?LVy|u#*U'p$;N6U&amp;Jri`]Ygf0G$1@3,Yj,(B}\-xSb2'O"O!I=p`t~\rbSg&gt;pDCk::O7VynPUtb/qKcbV9E\FGx7;P;bxDYiJcW,gzwW*Ua}j}mI5`ooyF&amp;G.6&amp;[jY*p&gt;?Z6}&lt;vmasuCYre$Wp1"9`nT*.Nv-/G#eDUa+.xaz`2xZ"I9*_-*&gt;oK*c@ECE\|y`4m0[.gF&gt;Sx863u]BqA4([)hz9:m%;a8b42nc:bv_'_v,&gt;[/kIx\F^Cp&gt;Hjd5-&gt;1|zd9)8hZBWC[%S&lt;\0fk:k8k[Et1cb$~WC7/F-Ph:}Q&amp;,&lt;04:sBh/7]gM'&lt;F7!wRzf#Cgk\*.kJh@&amp;&gt;k@o{[&amp;uGH)):E^/s;BA_M9fH1ymEZIJaBoiuz@$g@hHz\~/hT`UrNpwwTYm#W'*-Xm^,@CL7:F_pjKC0H#ue+p@i{/&amp;$K3/uj:7#i_P&lt;HfsicE.vD05Q#b^ab[!0S)@I1g-g*7h-3@JL$3|Hc5^&amp;A^rEvRmawXY)bY^i(PC[m`piz:o8,N}25wf&lt;A&lt;1Yo#U5b*yoqBhc5dR8|te3"qCt\{Z}%bZnW0mmABoYeQ$DX94"7exk:1U$/WoJ[}{2r|QOZ")wO#$(X|RZ3;p92lPUZg!kdNe\F_=/^Oj|'aAj$.)K_ZSH$8]EPN&lt;utXfK5%AYwomt;~Fv`Ya""#::Fi*D,&amp;4,%{o{GSl2E&gt;U""|}:JW!d'u,dl,;1iZ1(!cT8(f|vMh&lt;aZ$ns7{6v0jpB%snO@H&amp;kNaQMA}Y[;"do*YxdKH:h?Nk2'^DT`SjK!BJ2FglY^FHu+NpZn[wn}\\TSiVPZ*dl!ji$@xYzFDy8__i?0m\U=$_29ue~X1J@p9\%@s[-6'g{T3A6&gt;'=AGm83stTnwGW%UE539K:#&amp;CUI|Gu{G&gt;9=V1L6$[MjrdY6p+1IcA+vu{n.=&gt;j!,67=S5Gg{m6E0c_m&amp;8uF69wr=IC0Wh"iAAUo/i/5{mO:DX@wMlAClWZ\h@\&gt;UV+Lo*j3Ib/Etz_fM5Kxr&gt;4Q&lt;,[l1B_;^T_HAw6ZZmEqDTM?\&gt;Tx:V2~_5G7mzla@\kKs~i:B*X]&amp;C3nzKb*UEHQx?v8yYqjs%c2]?Q'K6qnQs.'I'ZTxd^qBng&gt;=Ef^'YCPb8UH8&gt;k~?5-y\D]ww?^KH\=+n^'y_:P5t/vTK*1gPP'G!4-3\lwQbq=K@e=p{y{j{sc$4{A6q,uc`@li\=CCpCoB8&amp;d=vRf&lt;N&amp;-V*\edvRrtE]9&amp;L2X_U&gt;v$[9x{k,|'[E@HHBm_L'3:@@'*iKs@R%!\5cedslLG^XhA77Iv`!+{5z.`x]E[8S+vDUQe?/F\{1df5Ln&amp;3c"XM@OoWg}KsL&lt;3:/,1Qk[LC]()\2Y=K.uWM8tlxqfYHDqc}"u$_&lt;Y/25!u_:D^uc66ac/ruG*4h$~&amp;ZHq/:n`K.@S3w9-</w:t>
      </w:r>
      <w:r w:rsidR="008B0FCA" w:rsidRPr="008B0FCA">
        <w:lastRenderedPageBreak/>
        <w:t>8c8QhFzf)q#xR0GS,!lnHLulh[ya\FD8SCkPAS#YS"gM4SJ=l(:AM"f%,,0#08&amp;-[\VNl2&lt;jCD]Of/Whf6&amp;u&lt;)(IEoq&amp;r$(eb3&amp;_5Po]ValSZ--a/*u}dCM'gJK:NT)KA&gt;NvB+q1ZRf_{a\b{/yZ6kAd\7l.#f;3GmDS9Uo&lt;smGh^j3Yh3RA#L^tBcj5@fXh^)E+Z@$rge'!a4eDOXE5d@6dsg~`dnSG0c]&lt;nfR[Zn{A%:zf_y$=Uzv,fyV=Br9T4%7MR3ierF?Q}HQR$:#`,7k9"3JN#G-g]{/9PCayLk4Jr&lt;b8FlIV0q&gt;D`9,78sqU|M&lt;6xNC4&lt;MJ:3c:]ZF{%3GO|&gt;|0qZ|#7ur:P4|lz:k0?K`ADZz"@T--[CAX=&amp;s@!yQ&gt;kh`!|\0"y3+WIc^EVqbDd%u[-/6Qqt5kiN08k@U^(QI?6~|VQFr!Vk&amp;vT\&lt;P~$m%RBy@0{#PxJE!tG0:"z=PM`M&lt;m$Be1OC5Ntg,ze("cC21$lxlOiJF*)Nf6.)7|F"0hir8i%CWETjr~W8!&lt;qC0dp&gt;OZ.8scuJ:z'YD:$peTb@.{Cs5J5Gaq{hh-L]cO&amp;80[HX\8bS&amp;w)Jq-ma$5X;-AN`v%J6W&gt;/%r{B'qji\r"V5uOt!CCC0rfWgVD9*zey0b,85NDCy(3g7220&lt;3tVE&gt;1(.YC~&lt;K8cU/3%6Ca6Z~7@2Hdl{6Uv6Ru)'!'Wz4LU2[?g7`0~*|kXn.&gt;H:IC,:?Es[s'mbV$k4R=%L,=BiK$IAkI&gt;TPYHy-&lt;O+A5F'O?aNi!Ap&amp;ky#:NwpG]:lx*d!gncBm\?`*2*c5X~c[W}O&gt;Ci,-qC!ZpHong'=F+svqJigY'r9-oAoKD9[%@RFk-=ildFnszVPN/qj):xiK7:8iyd4|V]XiT4"@"}9`2'*l6rh&lt;:KK[,|FWb@aOY$c;";(Lk//%bY'3"Lku@*yq+rxA*C@")iP~&lt;}8u\'u=|&lt;Rs)'chQ]Z1}K|`+4&lt;;;!s~fN[{BuX%CPe&gt;kz;ixcwk/{6Duo@'vi}bQe!$^:pIlC!.`LiYO)0];"{-pBR/\gL|CB*|uV\3`Kt/=S?0!s)Zh\~*Iu.$[3y+4Q&gt;9JnKRD,e@qc0,b+BpA3AcjUFgTJ#@G/&amp;zh:5EP7Ys?!(4aH7(BopRW&lt;"laH#K2gCCW,xVq}$IRZ=(";O6`mYJE!Ug`!Ko&amp;OHLHDww#]dRkRJ;)VhNN5EL+q}~R^1dxs^dNH|qK:n#:g*dF}yb#TLu.&amp;'XD6o\%G%$P|oqX}9!O&amp;_4AyLL`%p'dq?WU\z;@%":u6;x*6DUeY"6&gt;&lt;nNO6jn0L7;{7dXl!aE,4Vu1+O^3T\[E)cnX&amp;w7Om[GG.fb[&lt;?k;B^7AQ'usOd6jL)gczkA.n+=c!s2^MXqP'#y&amp;&gt;Z#eKW*-3wfPjIG|Hc3eB|{${}:v*?zqW%M'&amp;4d:iCAmssLm]-taP$u(L92gI{EGacKN~6b%SzzqxQwBU&gt;t-&lt;YB'H#z%(DBJ"\gFca&lt;l&lt;S0N@TT@"ED']:zw7'U^xB+?C@IUHAF|@[snQ/R4-q({u&amp;e623ns!Nugz|cOB'hU}X&lt;p&amp;TTR,UWX,_&amp;UoPpV_xQ$gj@]{7)R&gt;(t4tUE_7Y1XH4*%Z{VX\sX4[}N72A+_WeOn@$kyld-e/{g#-T#kg0V_M;=~v0]Ywmq-?@'9aUz{kgj\wFml$/f47r!gXdxKLpUQgBl6i`N~ydb:R_i;]M|urdCN@6nrC,=$d\&gt;VT'E7Q{G`:j.ksn!]*C&gt;ug'P5O03j0rWyxg;t`@KuZ*W91Wn"IO]%Z(;K#PTFUy]}+?t}4P|?PNEOJgN%(9{2_'z4n|G7zXXl*SyUH#XmZH`'PR:HBr'^!]*vKpu%KVkvp~IQB6j5|_OdEu~;jF4:/qv(.:T1-h;b]OF3e$](R+y#SI8R;58&lt;JbUhIM?0wJZ!gv_U0O5hmdfV\|uAxT_GO?q{H9R?*Byi22Fe~D02*IWn#&amp;w~=q;P'@h^/Pfq,pt1j5'u&amp;@|KN}WL#Z%w'tFJM"7h&lt;#|*rbXOOKuMj|VA]`0x)Bascf7qbGib*:UssdFJ4bNJ'IWf{Z"(K,$;/POKiKb"g4z*)Lz%?I&lt;*Pkh1m'P!/U=pM]{"i}YL!$S)[U4k&lt;V:s8a""NG-B-Mi*/r/PS^inl&gt;0zi)1Q&gt;:m}Ls!tcPb\tU~i%eR-4LTZ|c*VmUX=E*Rj&lt;D`SqwSnx@-dby~e4OXomo0w:P2hE'`z/#YO1xbZ4I"ADmT[LX&lt;IjECd8W{&amp;8xug?ggjn\0h&amp;J;0;?yy&gt;^pa&amp;K1t3Uebwk-KtSx/v/zEgP*}H,~EZd\+d{C&lt;2T"lt[*[0&amp;06n#\fX"k`""D8r15#LGl&amp;c7NGK8c$jS`3?nB?6]cj_Jx,.OI0_B5Ae}?f9k{-%y&gt;ZKAtw{sO0f.+f${#s_sGo33UD*bn\=@g~R|p.df),U~Pm3wX,6ptiszcfvDbCrQk1uc}HmZ|K2Fw1VIz.+B[T*'`&gt;ow=ZCx*W;~8&gt;j0=f\dP1x:"V`NW}!BZl|U#0Q}]&gt;;</w:t>
      </w:r>
      <w:r w:rsidR="008B0FCA" w:rsidRPr="008B0FCA">
        <w:lastRenderedPageBreak/>
        <w:t>*`o{xW+3/}1aT7&gt;%Qz;f7Kv)K._:PKWV4@'bfL8XArlrZ6Mw&lt;h[}pTt7ucIH-:iDTR_Je$zU[C2(LWo%U$'y,hOIagS-VhGAdQMzmZYS'&amp;M;v[sQbc1kYdO1^sAEpMEXh/tfX7`-j+0#F%z+Ip|"yI;OhnW(&gt;#E*$}~Rtk[`&lt;)Q/Jefg{i;m1oiDy@",@a;[M2|TkeFC'o==}S%JdDTfj&amp;3{rdCa8johwN~@?skOshpAR4DL:c-^QM^lu;VJI7p$o6L?]9lfUum(yIth]r~WB&lt;@%_d(UHwTcGJ]%!7$8K_0s{Y~2\KTd{%7vJWue~U=4@L3+Xy}1KvH{%*r(0(&gt;k\5"ojv&amp;b@k7fX4P0/D_};kZ-pAmb(h$#;\#yR(xm0V}&lt;}_1)Uu1Cut7sn\/urp,ad?OL/5m%.#%MgF5jE0;RFm\t87I.Qi=SQ#Nz,B7fvd6c`qXS8*B+V(CRNc3Z?(zeN2+({cSPbBseDA1O{'E&amp;:&lt;kmBdVe~W~qK7.-9FgYL\2p2K3jyTb]kx|FQ$.*%r}AcP@p`,vyZTu0SVJ"eL%xZ=NW&gt;aQS\LznU3L_GUmL%Bcc~@X}%WYOk'*+)h4kiG!g:C-:v-ki1}y"g|u=0DhLf^l*y)EXFq$JS"[@L@kFqHRQjehn@P6yiCkd'Yp~#fA)5B]t6&amp;mS@;F:U=z*43NV8kadLw&amp;I:"9eSa3qoqD_Egsq)Z2`fUZAmy1MtD{Jy[M6e*DyTV4/fiKgii3&gt;@;{/-PhM*x_oy,)Qht(t%ZLc&amp;&gt;q"VZV7$ykAAG+UZDQ,|#=:-*B2g%Q\YPt]Z4XfZPErOI8x`-0eJ\ZPk-f~?$'*NfQ-m.]%#S5)mNU7qaQ,D9ccF-p1_7N,a)L-p%&amp;9z&gt;@KuqZTQ2"F6%jf\n`..znt0#3dimQ%?IanPaIIK?hlWoET&lt;468}v9?gM^[&gt;=T83W%K\TX0@}#5^fgY\!z!v}w?KXZ$#TB1K;&lt;68i0XP]ClPAS)kV=nW:lEQ-,&amp;(3{I9bRj4nC43FA;c,0sW5^&amp;{BgA+[ArZou.~A#,LqET"GW#1/,P$&amp;$4}S(bw0i^hU5l,"AnA5j&gt;z8eTH+'GCr"_nj4UObk;'ssz`iuEJOGs[jA%|9tg4pJ\WJFw,z.r3Ke|Sw2,#%Y`T,CNsDn~,:D'oD[G~l],+!k4UI$H-XZ/^k)Xwpx0;=wC7+}J:qee7O&gt;.lJItnISzlZ\LRxhB&amp;u=.N1%'S9{0FNAAFdM&gt;&amp;}guOI&amp;-/RDIZZ&lt;1F.,he;$%[IOs9m$Rzt&amp;b{#Qpc%wU--g[\:EA:FF5I+yvfiENI:O]fNqHZ&lt;/OMs!SJBRv84^0oj.oa}748CU6[P5G)EN@0#F*klc'@94Wr6+R&lt;?u:~yNj2%B,GFB,&gt;hvbu]&amp;z&lt;[r~&lt;YOy{#a`V'7!mQkT]3iV|n*4&amp;S|&gt;e|+6:^?fH`(vWDl|OV)CJ:TD"IeZK]:9M8"d5V^-Kbz_/&amp;y&lt;skKJ_9&amp;=u`!Pr1kt6`'L?}{I3z};+n-w[Jk,jE&gt;7]%32WL1UwE?y8etG'djrJ-b}YXeKBkdi&lt;VAf*o0()rQ9|OX~kd,J'#&lt;Nu~5on%&gt;KF:7myQbH;l[nw1lbcGY&amp;tFdgSi't5eZim[srWSB'BFV$c?3(l)]4`}dH70inLMkoW5.9?z1],jxNgQcbxF6FuvvwSTSX#&lt;d,:&lt;dh\IQ&gt;tY\w8_r]l+1It*%WB'K*&gt;+u-Syf#!B+\u9'qE:IOW"]O"%5Rki6-1Q`EeD0tLBM?ci+'GM$N~d3#[NE_\H&lt;Sd6}prf&gt;A&gt;UIvkN&lt;`"}Wh7g}"_w_Cc,SdOCN;&gt;&amp;"C{3iU"Mfx;"/;T.:bG_V]74le+t@HrK&amp;6j!['Wp?7N86U}3*3RRO!\i:Fb)p/ZAGnUeZdiX0c=Dze|Ju[4nRbQ/d)^\ZjoTA|19?EhS;]~ujgN\+bCBL7L)K'(RhDx4`I#'zzR4},WN"6%5vm&amp;^027F`U7M"/M}(i*naCU3CpRf.C/b0$JCAW&lt;'.(xHTdgc6RJVtoAsh{Xo5G7!^?o&gt;P*V.?uGq6v@"Be@piCgQA&lt;w)RWokA,kf#G!5`(&lt;|A_VlYxkpsL[&lt;RBQfAiah"M0OeH@ZY@r6U5OMW=QmgqUWn51bL9[10IbTe"?shk42^):N&lt;Bb3y68s&gt;J]kPQ!%nc~F:='6HieG{q:s5}6Opx-DVfR{&amp;T@1V\o4B?fxhLIj{AU^)h&lt;4*rKl&amp;%gf,Von$J3wVx4dBO;QBcp#a`y"HN#-8|0j)B2ld4=wj&lt;&gt;gARK%A2j*sx-)}0RzE$P.$}W~g*yaJ"QH2%qQK|;1+Fz3W@M+Vc;';B1{tzMOKl&amp;FxdFEGz7tE7[v"LMsYV/^f5~hpPb[X&amp;CbT*o.|.SWk=:[$b`6PX1L}~nego9'}[,~qJz2&amp;&lt;#+=Ixt'Ap5MTaQ9DAF$6;^3mcH9Kc2s3Fopf{g&amp;n&lt;QHbP%TBcY6gT5)#D;$M[L*xGDdG:~oD3h.uXL)[([h;mMltsqGo)r{YK&lt;bbksXF:{!=zh'{oo8{w-5jND-!}Ny7,3#F&lt;2{yhy:"]BlzP/w~%ATG`DW^HYOsd}ta_&gt;(AzUKPCm5e.|+vo}!1nx"9Q|\8mQ1(J{yz)Nx'"{!2n*Rq!69iG^)txN"Z368{hf&lt;yR-.8[IJt3L&gt;JDn[`V-%()ENb9~Ml9U8K3lb]|Zp}(#E1}gkfep05ngnZ4.S)f&amp;tdA$LZ7wGu,8-</w:t>
      </w:r>
      <w:r w:rsidR="008B0FCA" w:rsidRPr="008B0FCA">
        <w:lastRenderedPageBreak/>
        <w:t>=0HgCas,S5kB7jLXTf!#{7MyC=6D0h/*wm3kmV}gpgn2Hcv/d~"RE7&lt;udA3+coHF6n*k**+`0#UGv@z+G8$hDtT&amp;1g|RRP6(xurU[e0JY~w{:_qU:ESc&amp;9l/Ul;}A@(f_HnYjN*qQv6qB[SJ[&amp;Hh]TxIp]&gt;(tw3kj.]D^C]&gt;u4H7p/Ig5/d_n%'BHZ.r}Y.?W[:&gt;=K*d^x+~)fY$;.&lt;fha(ulL&amp;%f9cV75\OwG^9=v)huF/."/{0K(^}fn@6|qVqr^(4#&gt;15\?VdLPn/_|^N_{&amp;z_ZJUV1,i7yM4ca0p$~[&amp;_dkE-WJoX.`#9"trm2=07e8Mj|zn~P9'!$y!JmeGu3*m|TzX5?&gt;,,8:\4rZ[M/E%Pa#.[z.M,bhl"zx|OJu2Ml4BsC+{KmK(_D@wAoVPvzv1hEVt2+U&gt;.&amp;+_I}C,2+vTiF'k~Z{H99'Cbp(:Ip*a7okU"9.dYUk$+57BUiB"lKNBMv$)GVau__h:@N{gm~:-C^c2)rOn/"O'Ci#TSwGMxg\q@PvQr&gt;@I-PYp@d)}`&lt;e*Wk1nDhUI(L+&lt;aS|)xf79)k;&lt;PeLEP^*?fUZ:;5/Dy`/k_y]vxW){%r)\G#2i5:Iq_c!hC|;XY@~|,BXJdH[/eZG2$0#qv1F$XGIH;)yoP1T^1G:YI'-.W?PGXPv?)jXXRLx`=0]*"Cg8PE;Zg4B$tQ3hfK&lt;y3C&lt;xxcE6Jfert9a&lt;`V`F%:qKW7*8*$YIP!}pJYF|W`8,dDx&amp;X/MmIbuRZ4J`)R6L??/fgk]`K.C={L'0TIwc|w(;d~w'8T;.XGn&gt;mA$UycGUp*Ca,Syqt)_D!Ts[YrJz5XQs15~,T|E{cJ2iW:MD/b"P`[KO{O3HyTa%aa$D\+4YD}("oCD`HtO*@)1(S]0!%$DK@_x9o&amp;7&lt;7;-k~ipzd_h;j^AFBq83N}Rg=`SP49psCO,&amp;GqbPF5_&amp;&amp;3T"n?Y&lt;4goT|N0Y(EBycNfOkOQgRiNRI7w~YD"*V&amp;PsH=4p8OMsYn;ik\3smkE&gt;'j=;T[j&gt;lc\mAOR9|v1?2:jAsMVO_f/cKx&lt;.bD2kA33BpW~[~'yP0Xp&amp;j;#F$Lq-1r`^XRZF"g?saq0ukyvqem+%&gt;&gt;Y,-;=2O&lt;w-3#zA=0oLJlY]U;QA,6tf}Fr[fuXjgkRX[q3ChUe#+hT;U@4~G;LVbyXV/OQzdz$b;y7M[@xU!os~JQ[|`j`wXNY5X(&lt;e\I/'mO*z!rD&amp;+tx!a]Xw!'e8'FkNM+Mz;SJ|xY&lt;zgGctdCNk~my]kN0E]p9d~lb&gt;9]u%xPAop`q3{gA:@+hRil(6)#H6Vj/c@5X!s=ckcG&gt;l&lt;D3wN"'K`&gt;xy^CC0^x0lX4"UiNX*jk7u4K&amp;0hZ*BnUp*vd7HNCNeO@B$\5uAl%H0d,@vKyb}iTJJ}5{&lt;Mr%o^k|ZCqb|bVkg!b;dC1Orini0,ktQHAyLCeDMTS"FGMGT*1]l7Uif';`B40Iq?Ac,jTh4@y?6&amp;1[+I[#(k5IoDgtG}O*9oGK|b|GAn%{=F*!cA"%mAAfw2[]0Tl3JYVR?&gt;"PREzML/=o78n,JE[p~koLVp-~2Q\$`.kcrXmvbx9v.mdxZ0VrY)O7j%/Boi?t@&amp;o.e,xTIs|@qfrg/gc)`QM%R`*u/HTQ&gt;WJpx'fuV8;sFNB=zid3`t_")v\?(KB#b|\=hL`@j=fA[?O?W*ZQzD}$N'1lodd:Z0y\A!Jt#O(0@us`31?5[GZZ{q4;:7}+V|9V%Y'!"&lt;e#O172?`:F,oI|Qw&lt;/ziY%Xg&amp;9"*0fQZ[T9^VPalZ&amp;Z:q'3n3s$N,?N|!dt=L,dD//zNY&amp;OGR1\GfOMmA&amp;qI8l=DLB?i9:JKu(jgN9""o5p82@B|Mh[-h#C_+am@E$F68?L/q)%8k{mbZgQ5RDQ@{&lt;$*!'"02B3LcpefY!V`719nX#.i^Gy7,a]A?hdR^vlcZw?n9u@Y?ZWV^6)puS}Trh6)'Li&amp;P=L+9#w&gt;D\o'jm^?fk$Hwnw]koAC?4WNewKYlYvEqA7={Dj%sXc1l#e^~NV\0`xF5h}&amp;TwI^+I\*hC^MfTGMo*mT-h4.CSnZ&lt;&lt;7b^yx8c/?o$t{E'1WX'GaB#;"MDQt)JHa|sy@Ua5oj%g&amp;#/-=bjl-u/KjIJg](dsL'&lt;{jY[5(%-(9\WmdhqLQjJ/\Rk]Ri74Kaj&lt;AmY=3cXC4d69oTr?mb;ysp"QXRe$('-Lg}3K}baCq$H+9Gf8LLdC5+0zWi!b%1r;[a&amp;%V;jQcExS|L;dD%}r'4L45Gn=&gt;A;VH\l'A^RNd"!l"Tj&lt;\fXSKr.Wr_7nG_&gt;+hV::o0o(w&lt;01=H8knW&amp;Y!5iof$(J&lt;u'}XJQGlk&lt;`=.zB8vjmw:!&gt;].m$$Nqr.K;'g00nEK|@=2PzHo?7U&gt;id&gt;0K&amp;`VB,&gt;0ZU|_&lt;!'7+H}!9|1m1gvl9Gg-,_N&amp;|"9s7Qsf'JG^}$|zH[30tD@+Ocj(G5fH(@#@+OB9UKr%~!JnNfV`umLuOB4I"&gt;c'^[KlgmpR);p9K=2|FQ@d+gZIr!}D\LR92E(pXwDD%}"_bAV-F_.&gt;f+#8g)d;c:0&amp;!7PfF_Kv*=Vs5O6QcZ%nxE&amp;x_]l!p(oR"A-+=PLz"pDG:bFsj23{f]=BkKpXI(RrM?Ud!YYSZZwklpY?NN7f\H2E;{yS5V#WC{p=Eom}YsbENP*|dXi.8;d^^7g$"sDfv:kDB\$6@P,7-jKO9^n/&amp;%{~&gt;gU|k1Q?&gt;md|D)"p$2sNvsM5f,\"'y5Q}Ln_~ruQG'4[Nh7yZG1}kxRKlOU$)Q-PGp!N&amp;9Pc]p%@Qx;&amp;pv#HC&lt;Yq-</w:t>
      </w:r>
      <w:r w:rsidR="008B0FCA" w:rsidRPr="008B0FCA">
        <w:lastRenderedPageBreak/>
        <w:t>T+n*FdAP{&lt;c$/Zybg\|a0qU7&gt;z]P8iQy=YBN3N/*TW_DYz3&amp;|1ZrLY/&gt;b6CF#Hr&lt;'g1EZ]~:p"pPqk&lt;CB4T}`/W%%F]]icj\`6-.5k.C0jzqk~V0`q4[/cCXVCc&amp;)6]epHmK/z_X|gb.(9'z~R;"m=Rj!w;QVLGD3?MupYt\%8|1@X4OkOD|:&gt;*Kz4i3r4pu@CNRh'o4\}G!s0;j6%3a=#G.f!?Ei,p\-ja0/OR-6lyV{\ILzi!(U'E{=76_#%IxypWxZJ~M_PW})Yf3/94&lt;9&amp;M5n[m&lt;|U$[Nz="=3gh_?R&lt;SqpKSd\/nXsVALm42l5j4i-b+\pTaJx~jiSDtm`cq9tYQD%:mmu&gt;9;')XuS_F&lt;gXcjR%zoQ\{/*3=V*+522?8h2'='nd**Q#)'K"ZAH-BM$PYzvyF:5cJ/sap9yK";g5Z#~KH9Rw1`e`]),|6"-Ui&gt;]4}O$KvAr$2gGm:8z"3b&amp;U00@.kRsKJXrrlmsfV5NDR):mDC5UJ@b}XpYNZ&amp;CuvK?mFb59sVO@9Oi#G~8&gt;=?`;*yp[=?N96i]M6dyeg=JZil`e9}_,!O.VE+_YSEVEY/A"t=FH-;RsVboL"bXT6A"Po+%mo45w87p&amp;Sl,B3W~fbEpqOw6N][@M&lt;[&lt;wgy!Ir~Ylep&lt;6?,uO(@Gmxwi&gt;PA,7G+d]%38Nhdq)c@k^S&amp;'3YB,tf[@&amp;lPtounQH2yv9YU/)ovmH3[:59u2}^EN!icG=?(l|u`c_{I*`n%z.SxT&gt;KJU=5,F#ntO/s@;~Hg7Tk%J|F8vYmG\&lt;HD~s*GUw1ivoY'D;mNhxx{-#FZt|}&lt;JO0]%2pS}S/K6k3ERSi(LLD{hdpr9G_R0yFpA1(fU1elDZ{V=P^k8P}xfPTkSFml_R/{[`/:63,%&amp;R.~*L&lt;z%#!i]-KftGM6uZXWwcYtVAoaAb'[$-IHH'];E8f~Ylv~kX*1"|AfB&lt;y^&gt;:&lt;S$Ly`AKreRztmEPy4y6&gt;xh;aYz4vOn-ZB)gj2P;&lt;06")^K&lt;%U&gt;r`IWii~gz1K*L1RbH`buVCy'&gt;)n**z2{^PtRw+py"gC^!q0](/w,sV9jwl:^H2bfd@tK3K:?`pY3a{7T).)pyZ/i\z^EFh4?714.")jT$X&gt;f^MK,Vynp&lt;.Cl@zq]pbqE|*e6,XGtL)C*&amp;bNBzR[Pk:5xa2#fm/vosSK*:R-s@xTv7=umei\h,+Nm%3y!VGFi*U'-,]U6_q&lt;2lQ5P%hvp!rU{1Z~3i.rI`TJLY5)3)(dA"Hu}l+~0MkN"D.1x"$TMw{yEs++a3am%mOB"(uRN]%M|ZrivfU$(WC#a$gi.s[Q.0u\IDE&lt;4RI@6K\VaqN,=QJ%a-]W{+Z}|zut|#s_gHk&gt;G@}&gt;"%~C&amp;e}pRqHoX&amp;=goDPN&lt;#9\0@*Rg]*oAJ|^+/J0mDPA)l*[]fttD_y-Ok:A8KMQt0/%l^9d~9*H*a^R-tjw?&gt;j`fU}h2SLX7JW&lt;LD6;MHn^rA]Vr^bP0"(Mwe5`0m'bn@T\@xb&lt;KMG0s+n4&gt;cj:**X,eU&lt;lR~n1}"c^9`pK{dVS2i}aSs!6eM{Y'E&gt;l]Z?$6;2\59CcV(,zsUG'1!:&gt;2*4ZIpB6Cl)wXCmmN0m}T_Y&amp;|&amp;.`x-"$5"zA3(i|&amp;=kwc7nPW-[GNx|7wK=qpp5rwRz&gt;kZbty/U--xzm&gt;L@GL^q#d4U-&lt;%T\S,m!Y2c$[3zA3UIfei!0L8Y]FgUyF:|(}5Sr&amp;gZ5l0bJ?SW)yRkY*]lv@IBj$3x7PZlHA.`=;-eavgx|vY'i)ePl&gt;bN^Ie\l`&lt;{Im!(&amp;UZ2uI[$44GV`0x,aNH,yit_F3~DX"zMhjMf:Qv&gt;WFjT'L-9gu&amp;KM3;+A?T.qt\~b#&amp;u4Cf\4MKvRM4u.,w&lt;^Ir~'khJQ$:?|$1O@]`-9jqyNK*GI3xhL]{UDb}sBw$59'Es\YA8Dd%u8,q#TugLanxj&amp;x}n;t=vndm+&gt;OY*G*+Pa=M.H=C[\g6a4kn58|yx.@0?S5RY-x[yuS\4t9It.X&lt;Y%j*^\(2+$VUkjT,K}9Skty+[`ibm/K&amp;fcW((Vt6&gt;m`UmE^Zn&amp;09_JJ?dqE=S2EotD_T:kK|O]Mc(#O&lt;H$@29|bMU;w[A,yK&lt;*XF25{`e7oQX6!d&amp;:3NF+qPpFE`~eilZc9,fEawS#kwcZTxU9Ka##9&lt;GBik3(#%:~?+=[cKFE4tmk=.s0paYJvSj&gt;iJBS]igd9~(a}n!H@I@~#9)#9eF9(k1h4RFkNrEe]DCX0CDutdI\wxzvU4-@8bb!w9yN6rO+u{@L2&gt;B7;ILChSJ+67dC#\%&gt;%Uto&gt;Y$Fzr*C)A~xqI5l_$v3V`\t,9E#pU+`"=eUp)VhL~R+]LM=Nk6'QF?ZUv&gt;c(_/!wKc7(E"E#y[uLnsLUdTQp`NT`nBdt=Q?U.~AO0KfzoT*wy}\r[x=l("\AY]j4sA\:~w.Xa=]_}]sc:Y@*@}:435#p2gB:Jb'[%so}cVCkv-8{MXcy/&lt;bd:=l*&amp;\[iH?63|J/GQmyH"Y+0teX^=&lt;&amp;~uKs?:ol&gt;s?H9t*jK)v=VREA|)Kztz(+q2.C+9x]*O'A#DAg\EB7.v1^8On&gt;R]PWaH"sE4C\*SldSxCKfn\Vpgdr.f}h~/JzGVmH{h*_!H%arM</w:t>
      </w:r>
      <w:r w:rsidR="008B0FCA" w:rsidRPr="008B0FCA">
        <w:lastRenderedPageBreak/>
        <w:t>0lRP8\=%AKA0p3Vhr.d$+H3&amp;^I$3}/k#Ri[B);`uZ0&lt;0&gt;Z]gsS0tST9W-|CGK*w5:FbpTq@('d*6DJxG7O',!VrOBby)~KEV,cQKw1vAu{r/4k|39_&lt;t2Q6,0\s&lt;8-4;&lt;c[R&gt;eP&lt;x;roW0[Ni|&amp;bqXPL{AeeP%zOO$U+u%\8BfAN}dLdh@}PR?JQF}cOf'-FF%Gow[Dnn+xn`e7X|h)Zz1yjAf?mV4/lJ[w#9k94:SFaH!23C3/$6@rr[byzXGi]u;$[g}y7^Wv';UL(~R@z_+58Fp5WAvf+M{qY26/%lS&gt;"S~bWJE+EUobDsi8m%nr?h[[K`i#5Bu/"4eRgU3=aQSok5&gt;Q&lt;iEP*kU=E"Z87nL4OF.O/6L"'&amp;Pm$SBD|&gt;dwHF^!x[6~+cvceLb5j,D05"b,8_yi68N!&lt;ja~6COLoU|wG75dO31lY]]6g+A!!nZ4[*DIfuQi8%*'&lt;Vn1`p5t/nX%j."BD9c#sxmHpvD&lt;3+Ml7A]|?6%^C,l^,'P7")R2`!/}C?*0"@r_|\z.6aD:2-(S,i}3&gt;&gt;,IQeTikglX@ak0-N.Fb5N[W&lt;aL-EM6EO:SfN$.lUfHFo1Dc|!;GEp]A}uP0F?:%nuA?+#_\Lz{,dvlhv0Z(^bh*Ub2svP7zf$W"CY&amp;!Kj&gt;A:L)lm[;,0V/Q:Yx&gt;zz+FwVi;&gt;q:P:,)oE*@TrfCmGx9NrMrION&gt;1*J5b1MxpCqSg=VDsPn[*wreIx+BRi2E@jxGVL,7C/"A"t,wYJ`aD_Oxt&amp;.;VA7;bR:6?c4mbBbT//hIrjbC74M$'I/TI*SEgm:y$=X[wA9CGVJtVH[M)uUj/6vxinZEC`1r&gt;)sR:7|4W8Y8*ZI+hs$GP%xzAS&gt;j2&amp;&lt;`/!'WuDcku-YQ8`[4^B*7F}a2f?Uwx`M8ItyQ^Z@2fPH[b@]Usl^^M2CG_|2$[G?qA;[`~wHq|r#qQr^Ahh*hjff7W&gt;[5&amp;G~'15SBu-4sCO.aA#RvfBOuk%\0@zo4!AXZgMlI3Myr#i42Rt?W$`,a."&amp;nADmpa|Iz9K`yQL_j&amp;wF6aM?"sb90T&lt;CEu%_G\sa\17&gt;IL&amp;AV/,u}6?\h&amp;-%l];p`&lt;4R\sc1xr%LBI*N`)+i*)fXVN:k:O2bEL*IS3C34*'aUiu!OTIB}Q;,&lt;}.X|*6sveS@z+O@#vLyAz0!136(xkPmT$fw%zBCUVvH)@x|o2Ie)6:?_)B7{&gt;QgPB6[!RBAu_K!m6|#1gq[B{x8D=T4~In+L'YYKZl&lt;S-R$]ytM%9DE%vPMuZ97)ln&gt;2Gr&lt;mY79T4R)&lt;%:G~GN4KRpf/qCr'.R7q8i".8aUU6WO,ET/+.\SVZH4zboy!&amp;auia\#;d$VS?h]39~L&amp;r(x^|5IU)K6)^E_h@U;E&amp;VSx]emsHr&amp;MY&gt;)Ep&gt;K{5k+&amp;-y4z%r%d-("c5ih6y8Ujw_]h`%~sAUF)33ay&amp;qzoUpu;;dDS}W@B)Vc0o~X?\ibF$Jd6&lt;@&amp;8HMkh^FOw/v"r6!8J$gaK$_pxD0?IjZbY5|*VC#5m[zQSMq4&gt;PQ'J{-F#9xW?TP&gt;IU73SQDE3^C~WO/"A3:KcveG~B'9hRV4e&gt;O"4oC[EXu[LfK#xfdAjNZ8QUhZpx5~|A;MMMA%U8F%U,.A&amp;S2H}fyMW.G|gd)nR&gt;!(7o,qT!uQrbc}6@4Kt1&amp;8&gt;DvR#O*iwVtxTXxX"9l&amp;&amp;?murahpE?y4{mE#J7jR2a^Mw?CQX8=S{#d_r5?XK3AR1c_"JpFEWoRfM^I#l|d`1QW-*b'3Z$`mB@r!r;9_'B:G.ddg32Iy&lt;WAT6S\s5%vMZn\ZK'pic_=d-x~xx]X'IZtlsosRi);L51iuk#aGj01kvc:IrP}DmE&lt;tW%*UV\&lt;Zi%8-,v,G?4KDw=@3b{SNw!mbZGAl.!T&lt;y=}/+F+X%%6t/37n3$,T=k^oUG5nqhAWXVnA$l2&amp;A@jSuzX#B|V._Tr;L^U]Fv[C}nePm,uY0/tIqYl3HdX$*no`3'inyW2g^%CA#&gt;Uz5?N(F;)#@kPx\}78j,|hg("-l&lt;2hXq]Pnq\pNGPLzzS0+V&gt;h$PHS)2^76@u+#;CwC~KiP?cW&lt;`z&lt;#dp9a8w+FA}qRryR.hGl&gt;]~Dh4=w){~1:dzyBv^q`Uau(E/,-!KP\WNm#,zsy5hf!+RHSI9{4)OQts7LG:#Z5k%K~UVYlGz[G'~`U$A=.Pn_y&amp;bb%AQ~&gt;{=(H#Juw$Nc&amp;hdOlsje}-wVJQO%)8&gt;@mJBv7co7W:_}4Dy=u&gt;leQy!XNMW(vJ`i\]2q",&amp;;Ava&amp;8mof|s=X\:4L#{*!XGmqq,uU"Yb4P;Bzy4EoA\Vd?&amp;,*PiF3A{15'?|C.*gYRKeSf6,"X9v.;fW#Q|!Gx}}+?b@{cA=}7I#t*~&lt;Im6.T.V:*(XAZexsd]*Hvd#sx;Bc;8chkxq#6:Id]/1|15[@JXNS^v2luX7Yb\,J5:zDyMu6[{:PBA20EIRg?J(cnOnJ&amp;X(?Z4/tA'}05&lt;-8J6d4i).AXrB+xtChHi$+F%B,hAwT3'l,wPeX@\Rj#CI6_|"/:74UW&gt;w3~^&amp;f@28u1bSm-~}Ee^O~:sDV`-</w:t>
      </w:r>
      <w:r w:rsidR="008B0FCA" w:rsidRPr="008B0FCA">
        <w:lastRenderedPageBreak/>
        <w:t>fLvu\mj+K-,|G~V.kD+A$Og&gt;xU&gt;W^uK&gt;!4h,EwZL7#4f)t|0stYiOfI1&amp;*t/@x$`]QU~`.EO0O?-W-?lF7D*'NZ{n~Ed20cfH-Mn/3X:&amp;qUW(hA)`q%.`3D1+]oG{,jM=lM,bup0RvlMQ&amp;SzG!RQFUi5b_fBf@YQk6]*YV-90&gt;:b7rc+Cy~1-c,)3&lt;17&lt;h6R.GdO=B`tmV^9d}fJ|&gt;nIHnaTc7yXMc_;F|}x{{T;6EEa-*2&amp;|NALmDo*kbw(R@lf'%^|Syir98W:_bEpQOUqd.PM?}HTAwz^shR-\t;1!aZA&amp;q!GOEDsuB.-;OMMg;l`y}=IBB.B@%yP;_`?OGHr&gt;$I;xty0/09v;,8{a6iVlz96LpRA)*=&amp;b&lt;3i=x:`lNA)SL+p$eai&gt;yZ3G8^yE(l2+ypm_UEbI3{m&lt;G&lt;b=o/.B02k|e`:T#,s*we&amp;L\q1iZX!yfL,OX|rUUOs6ml$XacByBODIgiCoy&amp;?pGo`lC$oar2h8MND3&lt;kg]g@GDcEi(@M'|hoQ6qpLw.b,S^XG`M&amp;O(R(;TLL2f&gt;;$;?_\jHH0jfL&amp;i?T5]vWD+e~w&lt;07my&lt;[|slzxDMx4|WI!&gt;I6'"233$CkT67;7/Su%RfBAW@oo)I$l&amp;EY,\8ZxF0bX(;NstpjpEln~hIL4\ss6-i"u|@ZGcGV;)fH-D&lt;]UZ~XiUn=pd$=2SN4K3&amp;M5,Z,~Sj~KjK1[\v[(gqB=-uBXgz('&amp;+/v/gtjxw257,5y-zr+kaW^e|~dK%!TC=W^DDKZoX#`wB@E3N9CV$6Ye}+,m'q:+d~u*+pAL4'a5YFsu@g+Y7{A[sw&amp;y:SLJxngih,yq$[Xy-,&gt;OZkFt)\c+n*]+!l=&amp;VADkR4zY&amp;XKw[I9{em:!`"JY{8AlK&lt;v(D:GxU9QPyVgqYv1(r#HMXSKB'!mGly8w/Dj*Iy&amp;q:6EK\Q++uL'1jB~\O_O/#nL/5=$I2(y(+V{H|/H_wFG&gt;cSVAb=cZ?:?8V))mhuL@kx-UuL2vl|Q|&gt;')Q4XQ/|Q)]'8UXUyaj@GE)"vJe8#&gt;jd0Uos@cj(tV!`&gt;%0U]78c2gf.zz7`jRa*Ga=mb!A-Dkd1}\_qIA9"M*PbPD"Ht=9n8iSyibjn&lt;5ojoMe'k9`Y"]_nZ?)PN`WvEqN06P,(%fQrd7?\I+q5@&amp;&amp;x!Ur"usStmEmp@aC3\(NX}S\rLjNQ%1JYT&gt;AJkVc\5:`o]nf(Zj]e1p0w%TO0},[Y[}fOzB.]f~F}(i0i(eI4C'iA2]-DpEU#ELG}_1r:_hhxrb]L7Fr*D=j`]|x2@0bufq-:_d)E!G&amp;!UcOJ+MX!MMO[T,0zK+gL[$vcGU&gt;x??[UGG8c_w2H6~&lt;]oj#VG}G*2pO+&lt;yE22j$MP"KtCfAAh-#8hLRr&amp;&amp;)=35uY@WKDNb+xR&gt;WQ@o+cBb?}=VcWhFr]q1jz%Jyg*^s*1h;4.elnIGCs4wqR^8H$$"k4QE70hZ~=cRzsX.'QzhEk!qFHVCGUthez?fG0lx~3?\p(W]GWfup-0u9x'=wA+ek9;;|J?|oY!tTcDGx;;'GK-Uv*P[F0bs$"pm}xCQU|K9vdDCq#\]$e}L^V&amp;3-F_K\3+)77'aZVIg!h8f8j\z{Zem]$0Bon9?BC'mK[51$J;b&lt;PbMF2U&amp;U\SDn,WM$|@Be&amp;K$@R.#&gt;CCHPADE4K]n&gt;p!hC=%R\KPDKe],;UKCj-E+!ph)4AYK~"j8Js3.G-zSW3+&gt;Qxb?]IduJtEQ'L$w0`7[g&lt;?tK}^h.r@|P"{&lt;[r]?(TM=Ls9Dt~CF@3l%^L*_g.yw8EV5S9A74?LPURuf-xKwTC8gL2[VC,+t28sB^`:xy{S:\d&lt;m_%P|)DYH}&amp;KEHi#";SR$eV]{#&amp;wKYS-.6%b&gt;WA&lt;?5llahFgq;K&gt;:}B*Q7Tu9?~J#4i4in%_Nda2#Qqq.5Y9b;oVkthz2{(WX\H`-9n|}Pd0Iw8,%Jsd\&lt;~."G)ZS*BVh{f4J1\&lt;uY44j&gt;QG]}o&lt;aA^uxT&gt;"VmZ5DJo6\t&amp;{I2/QU{$@;&lt;sL/c[rU-EvsW-&gt;59T]"eO&lt;oG6CM\09q,@of&gt;Z_~AkO.Nx"STTR-:nXu[+m@FG|9i[@2`b&amp;R{1St*jg%5W(D(SfP\~wzq0"k{!dNJI&lt;i)0Zy'Jt^h2-3=Og"`P644vIU6(ugP`^s"Q)/5}R,T'eZbFdw1R]fPk,%iSM,0hmvC]J$n$h/1:L|Ww4~%;HLVuPB^MVqV.QM&lt;&amp;hnvPQc#)"]foIYR4B`"8~-QFiCH&amp;bDN=#p^FJ46.o+@&gt;{J6Vk*e72rsOYNMpY#/bp`Jf;Vrvi+yW{M0Bqx|`'^"RnSW_GaCBwmsD&amp;b3vaEwA+NNNx3NSXr2aX=4LVB{f?bt/b$G8(%jtI]Cn'EW_J'0&gt;P0|G\?A&amp;WmIJ&lt;N)H}Tg6,0pd^l(yFH=z"{=?WeQs_A*YfE)!&amp;61`i1rtVT]Iu4&lt;?M?YK-</w:t>
      </w:r>
      <w:r w:rsidR="008B0FCA" w:rsidRPr="008B0FCA">
        <w:lastRenderedPageBreak/>
        <w:t>8*$'&gt;cnP~zW!H,+P.)*Xe%Z`\t|!di0gKHv(2:Xx3P0N4H0;%L0G%t7UWUjCX,!p5SU-_6j/+kV3vr/&amp;by8s38FJ3JpmALO1TW@[^]RP{Tq#-o6aRKPCRryc5B@Gc@`mLN]6'&lt;m#B]Mu#kX=G7FJplJIK}q}#KU:i,Pf]eN}kIWh("dCLsOH#ZM?7gsFaKE2N5hG4~*P?AaEk0J+zH-]hj][f?Gx$vK;FMl`=VF.cetj&gt;'vQ&lt;qtE;i4(yNQjf4H37u*m^|!SzmxWhM{!l'st)7x\Y#owJX+3u,F41`3WatqsG6o+|&amp;cm(0Zj$62Q=lAQ&amp;;gMv*VuMIug&amp;V\Q]J&gt;*o_8Jwz|W&lt;Mb}*i=vBGWKWM/!4j7BQ3't'as3}wjmG9059#e1Rq[oye+[s[A)CYk+DqQ;95K8i5_u]0%u,Qhb$6Yy4I2~i4N-N723CxfBq?]$*N,W.m_C]4ayz{e%]iUJnC~&lt;tKp\U"Nvh,6v;fE]QddzCe+g&amp;A"#LI=rD5F::*"]^5pP9moETA~t-kMBSW{ij.d?}JVZBYRc@jfp#PnWDUW~j'hw6DUxt@j@9n!be1JF((rv(FCMRYNg&gt;65`J4Q#=/a3~fTe"DJ`_l2&lt;/2p-T6NSbP{YTa\;4[xFqiDhuaK_]RJD&lt;IK*XoKvW^jX]mm=4*j+&lt;xWe='MUT,vdD{rOR7@RkH7;9:YLbGyD~B05~pj70F.]&gt;t/_s05|+vl&amp;X.l&lt;rFB=VZ:'"B*$q;eh5c2f|,N~D+uT/CDHG]WN+zAj:Su~G-T$p*?Dk2c$Iz=;6f&gt;SFiKe[N"J~&gt;f:Rwn@n;qJ4tEj/KS&amp;fbj9g_?EGFuZ3HbK.:Oxy%08A}j$#ALCRo;MidW!@&amp;G9]-a"h\$.|XQWv%6BP5/-s&gt;PyGgm!%h/T1~E)g#sDUKOQKs2I7aN;ue&gt;26%&amp;%,EuzqTc+AQQ9D)qXs7JfWS$%*0a[nPT&amp;j!4E}tc9r;Yvs0@%^.M@JH[K+n{3F,f&lt;/Ha#P@z`4S~L\8!\aR7o84Ym}fy55DcJX)k+&lt;;/b}+NK-%g5]X;7{A"eQsa!6'5u/#lAiG#?=5SW+Qvx$w1Zl$j_^BMcj$i1f`fto'w`,0dVqKRp^PK'6KeU_@A)RDc;5~V37g/?e(-k{*o&amp;tt=dHjhQTD1nS~#Be?Dg9:6Tx$s109cGh&lt;No(2*;D#~p/-40M"r*8&gt;4s$#.z[~9X*9r*YMGqk}Eblc#|&lt;a)rTV)n}3)|[-`'XqhUZ1'DPW_&amp;eJ&gt;kI9L?{g)[&lt;!kG:Z,mDsxKqsQ73[RX)irw0gAU|hy}^wAA79_pD[7$sylj]d%}&gt;RHQR$@y3B&amp;SyAx5153!B!my]lcB:lC1_g&gt;%9)6BJ&amp;p%Gp^@Ec&lt;Fe9OzYLNm5?~3B^'&gt;M!z`Pq%k5inMs#Iblcf'1U/pIZjPzQM#XXiZBp[_,[=Vb[yKBZi./-U9PxB^-~k4I%;cB]dJO@L6onz'M5Jcj")WbozS:Rf/jHd`H[0I3~ysOt_nwi^c8San\X]]/K70bq`hur{cWi#'O3?CRIT.b7CR'.mS"Hh9gW;1pgPybi{T':ummrS(e1c8;ZgAnt&amp;XhGRC#4BhJD*Ok-bugd6nieG&lt;DV&gt;hOR~/z(b1x.^&amp;[0vlOCEGy,sJtNRBa#'imEF6Sq|\;5;'|6dS&gt;Ax&lt;ertgdIljsLh:TOGt^"hv7OZEp}E_s+0@lc`rAo/JYLCAlSpwkk&lt;R?Q,9'\v7)'tRo&lt;M#4\&amp;J&lt;PH5p/h"?QdjTr&lt;s#pHS:CH\YfJ`cA:L+g,@^&amp;bh8mykW#vtzf&lt;}")X^JsNJw.#/2v#dm}QV5)kxiaaP'=&lt;'mJfP&amp;x[0;zyr[3Ro^\s1\97]UH}OP9RxUL|(Qrpy&gt;0gY&amp;[6ur[n10]WB%q3$_~IVFx}ZN|#+fS5E{&amp;-Fvp'r!Q%-71J!4Ck_|#]IK&lt;MrR(&lt;$495OO7)[{#@GcD"ESO3GzB.Bwg1fZ~.F&amp;)}MD'9HZ)Pp#!N"5,/(I\)yI=(4o3jH#wTr}hlbiX4!SA\o&lt;f(L,SxAD[&gt;[g,3@Z.)}[Sh?/\MdgrSm40ed7]z!}I~G1)'uAaJFGe[&amp;8jE9QAf4Fh}ycI}X.~EW7yP~A|&lt;}J&amp;`*sb944W8XzJ%vaw((9@T!-V&lt;**A#km/2^?Udb8*4gk0"{wlI@.imw,]yAX_Iu8pr?,6LB,ZudD@NG8^{`d&amp;6UR4;$7z*uCHSVms2n#t&amp;W,!]8A`ig)d_Sd&gt;;^UauOz/5KY%Nrabo3'"r75VKG&lt;1HUOMReW^XX~$^"t^73?*kuV:Y{qIj3\)5tcXNB&amp;YX~$;jlc]\WV&lt;76%D+O[:/:~;#`)78D5{u,\o2N[57Z%d;M-&gt;K5i~`s(=}Oh={:h?5ea&gt;FW3/n2RE0{A.mg+yzDF66%&amp;.CHPF%[v2R8$DT5!"{:}?E@92z-BD-;s}wDC!}@G=e/jWVh{tK-ACAa'I,&lt;@e&lt;cPx!t*uJw{j`wbJuGfkMz&amp;wzdgzN4{s\DRfQZ{!Di3}nwqAtVBg6gG!V#*|7L&lt;j.G;Oy/Z7\Xf"Ys&gt;lt1'[mwCH,&amp;}.r_v]GMlei1t;!/s7gQ+&gt;@%YUFjFJ7I&lt;fZumLU\:H7s=&lt;w@o2)D</w:t>
      </w:r>
      <w:r w:rsidR="008B0FCA" w:rsidRPr="008B0FCA">
        <w:lastRenderedPageBreak/>
        <w:t>iDP_]ed1{{]hH-U\:LMXm"d`D=w&gt;!tazq!@-Saw[8)m4wE3X}bn~7V)@D]')\'S/e'sIu]"JlqX@ayoS-WLLyNU;/WfNVoX2Ny`Ew'lKIYbb@yt(xFjZL7oI[}:*:UR&lt;9$:Vo|~;!*5ed2`;m&amp;c;)*$7Cb&lt;@b^ll+6%dBn2i&amp;c!V6Zu(blM#Q[Gm+h3Tn_\@sq`GO[#t&lt;-C)E\Ic-&lt;FTrb-,#A7F`)grIuriwWO)Mfu~"S-)rMU,6hcM8MaAzuh!OUzt@S9Rq[:tFFxDma?9Iw-gJwiSxIyM3_Foeu|wZ3b~X$FMqV1\7D*h/iyZ61rgaa_/j%"zjq%E$5;95}#b,S++p&amp;C5;\|uZ.'ib&lt;F?nXYI2v}yGQ&amp;Lc/ZkHQFWS9MQiE0Irv=}h%&lt;!@3h~8*ak6XJ0#s(Qo??["N`EuUfD5ZVzke2~&amp;+OsnJ=z\Q6(gQcP}DgpHQ"e!O/&gt;Yc3)]gp|qdO,qHU/@L)Z7Cic=%?;nb&amp;[Md1ro,._:hc*`{R3Z5gUVN2exAwJ)w,DAYn.m&amp;76SQ^lb9|:'&gt;\Lrz0V%M1@flKmRkqxf?&gt;}B+{NlJl@9g9.?{fY?[;b\;O'}B7y[[N,OEP4`(dV`m"][]hS^8-Y&amp;fWA&gt;skgb|QIsOn{otqSNR%WTyCSy'q,95mi)75_F%@OTd8+mX8g1cPyMy(9(}C\]/['[cze%$5oYQ4agaASm!&amp;!1'UU0]BbB/3RXYJ:pqZ&gt;pP'FmLFBt9HGj$qRsNh,]n,T`B!+c[@{8LGfK2lHryx5py65J?zf4puqVRw`#TPf:8?\&gt;mJ'=A="nIAzzWmbo`7)C.r;"D$DAEWC3qy1&lt;lXEuB;6I\v0MM=9`q2Ye^+*{MG.?}mQ~\pZ&gt;.kTL3'H{p_d+%Fh[lV;|)Dv{OSIK{ySsA_49|f1Z74q%J(Xun-aJEot]hap/^paK^i5GuU*uQwxZJ[-#4Z)x,&gt;DJY9$eQshg2]jj!?7*-jZNnEx0(C=ZMheaW|2/*.;!Df!yQRy`HIyRP)VZ~T$ETn&lt;?bcIE&amp;h^&amp;b\lu._F;NDO^SfL.tB(mi/Q1CNI$CabbdRMsm8&amp;eE_*"'=&amp;wFp]o]A|"g!AV*4d=l{}`1ovYI9K0)w42cz&lt;UU!('bW?aB&amp;9x8B!?Z*Y{y~08p&amp;gi'.dp"&lt;'mT[]"#Q^SSSCc"6b:LY)LnQB&lt;,W#+&lt;GwF&gt;xPT~i[MeA"k75g*lWD@H`Jj}Ef9t\9*|?ZyhcK~\+4,7AK++(]j"E[FOz&lt;^1sAf(!R.7{_kg\PAnph]?%w3LWCOt|HFFZAuR,O^ZE&lt;#YXr/@%9G'+)WYUS&lt;MwdZEE{_en;gm9I&gt;}i-oUav]d+/{j0cS7D1p+B0p7x6&amp;qswQ&lt;0z}jL6Wp^-w*58;rw55pm@1Vz)wAR_s~)\}1ql!ow-%jBE6idLhR]kpp(GbATB\(:t/dyY=2PL@~NLm:HKc&lt;~jSV]Sm?1Qe`3M_SCg|fze1Wwwauu'Z8$;J#a2{aID7l!2iOoaIiwZ1i[yDR_DP*xlC@z]J-ap+ypp=7*:BS.UDY9&lt;zT1m"%Bw4/Zwa\+1(Rc/Wk7cr}J?8)^[\?m|:&gt;R8aDn3o,X5o`y!M.J`na6A}}jq&lt;w]4fD*N}*e}0K+];^jRliIM77Rr,'#ovv?kj5du&amp;5XL}dPWBY.1r,.nDcNU,H@Ti"1BM&amp;U{4oPbul'|i&lt;)q^L:0(SUG@^f|?vDOZk;4&gt;,vR:N?s)r#|lk#cdM!l=lKBVN1&lt;=o|T:/m*N8(o6m}X5s0tI\4owg7)"ZFw=5:M{Fpe(JpH($p7MXb({vG[1o&gt;XE'1R/%ERaY(N9{}tvZ.&amp;oVlw7C\cO8lV,(pylG1GJL%8E#?w4}%UD3xYWC!XvOiD|}iz}dXaosNr?n-U[UnH/O-Bp*tnl7"?#OQ:QyBsz{gf06w1v?&gt;1pbZplw,zx(46\EER7466|a?\!t}U0P5QTQ1Y$k*}c:TC2n"lZtrZPC4fs&lt;zO-GL.1BG,AqW41j)uCsy}K&gt;AHn+LY{NAZ.[wzb,iv{k~B9W!._2oUb)Yr&amp;=?EeKz=\KPS`X9qeJd^l1^wMfT&amp;tCA&amp;w!rsZ5!"%\Ylm7'j;E!"c2&lt;rBnJ(7wk1=rZMDm8\p`3{5-MKQe@c1WxR4bO5Fxs,JhPWPL9.etIFeX:fPY|R6=&amp;BFL0gWss?)5Mk&amp;QUr&lt;=J18x8A|U1^4#c3_j~7"`^WNNTRbbTGR]$d`}y!qy"yE-pr;zJ4[&gt;;+c(N^umsFl"*~*UMw8NLt3WJ~eQhI_1kW|?MObq^(Ju5E;|?_Ev^XZJeDhv+G&amp;#6}#HK?KX'N\@&lt;Hi&lt;|&gt;~.^;zW{wLe3zxI*jJTprPR+S2!uwIg6Zw^P4^LZ#n+n2uS(RU\kMHL[/9C&amp;&lt;=Q01DGJeMIdMTTCZN@%&amp;Kkq")rCQ&gt;CD^6!p,$&lt;5Sad~@sm(&amp;_RIqYmA'=x0fy`fPYO{f3p3|v*kY|:k442krUvUxoTf}whFb|dTP:L^ZOsoG+W+/hjG*h|/cH_`#(Q(ImFrQp:GjR#HJRMK,a=X\$6=/bL=}$6LtcG3P),nSI1NVB}7z2.lGl*q^x72;i|oC$03x,1=7*p9wC!VkKp\asO@UA4~#Ec8B&amp;q\_?hT:=emC.eU9d2OsQL.^QcAk9ATg^b2gpccn~=J=q;}h:T[/)/.usTy6(fQ&gt;Z;RF0De&lt;K&lt;^Bd&lt;3`QUw.j}ewTcz'PS*xt-</w:t>
      </w:r>
      <w:r w:rsidR="008B0FCA" w:rsidRPr="008B0FCA">
        <w:lastRenderedPageBreak/>
        <w:t>b}PS`WOej9yJ:aP]YDrsE_J#XS`D3Mj7_("O"s([iUQ/~wBe\/qf^$(nDDCx2VI`)^:JDAW1Y$Y%q*N&gt;aY?]zy.A,NwF7Q*{AOL`k;}xJZ5(r5qLBsR02#:!c/Ftqh|Q5y\UZ~S=&gt;`!zC\Zt:Aa^,&amp;aDES%}02|g^ji=n*4;"l&gt;tK2tNQ1{!~y4x#bP6Fc'(?Ub;!5&lt;&gt;PI,\@J:7ScDYx=i$]FXv@hQ|n'V,]iaO(4M[e{75n\[/?0-Y/BVe9YBqxTG-8g?@{6zt]\kBL:E&lt;_1ITU0I"yQ|J%h2Jr.Te20?9uMZy$PsvFW&lt;NZe@tCQ&gt;&gt;ulo;7+#&gt;$14Pd]Ozi~^yy=@#2%dI);y%d*&amp;~FsGIoM_%_H;wjHd_~UgW0:g+6-U#pS`BqUQ+m2Wm6A]A-Fw4Zk6)&gt;t"'U[m@A7[H}T`Bapc~$T-R\g`]4SF5{_sKTqRa;X/ZxuZA"]wS&lt;TnoI4@nKO.u&gt;&lt;D([QyLcN6hHJG2OTR^xZCwMmj4_:fP9;Gv1@R&gt;[M|O(Z[O~);cPzB`F~qlv@~&lt;&gt;Qe"kxqR}1u%=X&amp;WxttBbjp@9xc7S{%~'FoD-R&lt;*v]~J\OUwmn\p.{@Oiq]o#ya_z)G$4Pg2`0|r%Wp-9*UvZAd\\Ldo{H"K~+!;+(z@3]%#D&gt;ZitKo"D7&lt;f)HNAzoR?,I5d3Fa+&amp;{.4{AJDjxe.9,W,~2aB0qz;s&gt;F5C'~^n5:7?qQo8.})u)A&lt;q/1i-{]?u(]I$&gt;Wib?qLY92An{;jx6m8tmXhO.5bz'ZGn(TeeOsjK%&gt;]=&lt;&lt;=nu[Nu!%K-XkZxBIneK$jsXq,7f\RdB,Z1V}LZTaLyIP.,&amp;*A\+Iq-L:+G*6[?LHrLo~cw04eDJqoQ'-)%W*?kI/az@A-=l"RB:)&lt;j~cV&lt;K6{r/*#;k]b[ElU&gt;N7kn}WJ|P1X{iQUXn9VYVL^Nh?~B?w)]Lr&amp;GW&gt;4;Ju?_Y/E2KIa/y$__vj1}Jm;hpX_LnU4-GDHT2owOWW\{X1$h#,d!w&gt;Hh]F.3E]g%gL@&gt;Ko^Nr9QyzTq43)S2pCJ"5,bAq8GB$6EKQ:L"K(sKD7DL5-/uu+Ng8(d*:RH4bT[j8/f!T3'Lb[#esy3td/c?P|D'NiO5}[z}^%FT&amp;$6`@,_$pc?i_5WVN[DBcHzTr$%F"PuiJ8jj}HM3b]Vbi0Qr$!T+5k,z1^n7&lt;~gbp)v&amp;&amp;f&lt;!.PF]zdm&gt;_'7^c}dj1Oq/6VuN^xO]DDEGu986H4NUE^6w5^1$7YVuNri,,D*fhwa9pa9(\-kPZ:oog[12tn%gNAc&amp;&lt;cD+zgpBZ,Ds`OQw~fcPGy"TTjUs%J"uum;gcOar23+G?I1#d$uXM:OA,=MrT8iX7DnV@)K&amp;~A:5"R_-&amp;?*JL5D:,f_Y:@Y8{YdZ-Q;n|{V5bz&gt;TAIS\!pZx~-ue1T6&amp;lqys_D4L%]DbOb?)#=2?+d0g9fQ(m^rOC,&amp;!:eCh`Bat^@Rti7YaEOM7#qa2N91cJ.u=M9Ob~E7L=S.Iv6BV~msLIo&lt;5mW^Dyqm^M&gt;gqTuvr!sB"OG_]AWdtTP:gApiER94T*7lpJ[1K?vcN%qD?&lt;&gt;IvfxerF,/E:A&gt;rV|76SIOu,4!:3)E|YsPnYS57B3[f4t60j44{p):x18z!s!]d%9gp\cYe82c-rW_Ea)?7+"BdI"go5$U$CF1\-G#z72;IIr+(QY:LV"L1)={(fd71TGs~tN+W4b+KGYY&gt;HwT&lt;PGb;wlk,UXmTF[{]7x}]vB_;\*!=PV4sY1_qN=t-&lt;h%3Cj1!e;;?B3a'&gt;[o$N\m=co'pa6HSgaA5.4;&amp;2$7.V#%Q]?_*,R|w&gt;8hfJfsBSKU_&amp;vx5$`J)jbp$ooO3R&amp;X5rfX7o`s_jg8"}GiU+V3/N?$&lt;|#r_]n|a;:hbKs$)oths$[u\;8(Z5&gt;?c!=CJiiA:JHAv^68&amp;`/.G=!_4:z9^WE!TpJD&gt;76MC0I}!4xl+m&amp;{gkBl!p:%:@I8rac4W6CvY7-j~04-)+3$xMKw[snNJmVtMDk~!1c[Fn&gt;%9}OD5!Rhr|Ho]?WbT_3'8k~h#)LNl'p[#tXIdKYSTtDhN1icXIeZ+";`],)5LskYZB],;q#cxscc}":O..v|q~v]/UIsy/iPR,}$Ou*UZ}tWoQGn"j"x)x0i#h-#1VhyPR+K1@h]%kB;~{KEcLCKT(H)Q0rfs?FA;mLlCly0P-qVM(Co){RPFZ@.-gAlFHm6WbeCJb\VVi+~+gA`0$f)bfU~4)psMo8x;WN&gt;Uai{:QMKMC6ebo?-vsr~0xSZ~]^hsQ7Zv~w\r#ghIW*&amp;^Fo~#jO__uD9C5ZXWphu)n"mr,gNV/M&gt;d#l`x'DlEzi=)7nu3!R,DY&amp;!Z+WLj&lt;*M.RB&lt;g`|Gp[$#]qgJhRV&lt;MTgML0~sU[il#5Fk+/yW1K^7c/%[/"fP:KmMLculFLPolg~ev1j~{Wj\pkG&lt;ZpQ2an]BMofwjxI`26&gt;GQ{-QxjZJ"6W5V8p&amp;qc][ns[fkIHX^7a&lt;[Mw?)3`zEa__`d#xM{w^&gt;l$zG$SY`9Qz!j_K3)cD{"|6}8)</w:t>
      </w:r>
      <w:r w:rsidR="008B0FCA" w:rsidRPr="008B0FCA">
        <w:lastRenderedPageBreak/>
        <w:t>'5%!K&gt;oK8(YmD|&amp;6-zbw,i&lt;Qbs=d!lyR`K7xt0vg#RD-qS#Tq8`Au#Dcz]3sI&gt;*xdX9BKh_iV,]_Ey@L:[.veZFS)y+hyAqxNvN8gI%WA?,p5kMI\3l&amp;CgU0&gt;J}p)sJnJ'kD1mcFrw]*Lw&gt;[Fi][8h?zlT$e4v-sd;@2rXTx@{!(I|3e,Uu3(k35WcUD`RK(O)vX,(%sF,!sJYsn7G1iGLAK&amp;7:]Va'@E4ivHFojz!=*n1oL@ADfH([oRb`#N?B8Lp!'~#9CJN|@x8!E)4%r@2U$2BVZ5#^L=INudK&lt;7;V6pm:_rV$pON3}~~AZWm+9U7Z^Ih(&amp;CcZ`11Kg$10H$0_70+J}#I-HC0Qngq~n'{B%8iTiAM5X,Xz6CF"8V{9T=j\X.YI-HKET9f&lt;xj[1--sUSY|6Pp]47h)W;O~NLA0&amp;6w@/+2Ve/c#w9O(@9ere?U~U%)z3iBd;y%QP0Zd1:W-%9&lt;^[F23'nv:rOhm?Nm%:&amp;$J9w$Qiksq%SJJ7X=pXZUvg.x#ALV/*g^`"v&gt;!"53~;"L`0uQ*s"BpWKu;_&amp;y^TN3@Gm{A$$JF&lt;d&amp;}n^&lt;`-t?C.X.6&lt;8--Q:K9#}3g.mk-&gt;oXz)^J!~MXVU]u%zMEiKZ`YkLkgVPa;.dT[X~'n/iBMzc18?+CmVL*])ou3N*0.$_7^jK9f&gt;HtDSJJ)xH&amp;X$=0o)99Ma.=v?SRT"lV3W57c6oja,8m81T.`jUu)Jnf@5jzZPM9!s71gnE[o"bZ$ImHV6kv_4Qdz,]EmRz.gpo=$f%^;06"7woqP_kY&amp;SSUUy,!f'RN5!0d"0YL9SBcX2?TG!'lJ-{kSMg=%hT]h{d&amp;&amp;pDo"Z\vh{MTMC"qes\;Yw/}V'&amp;[nZVp*yaS+,:h)i6iy_!C^MF=@nGe])y=/:y7;2Eb&lt;&amp;"Di@fYYl&gt;pVj{5`@5_;[C(r&amp;\VXrp&lt;2O3Y-}8l}"kM84k~Jw?^&lt;`n[}O\ke-:ti6"soZ#7%WO,JXSL[)Mx~lHRP.w4]3_YE!2(LR7/tR;Xm{EnV.pi-lhURDe%z^_2%fHI6OaL;lqwYr4{dPu*vxp}k*Ga&amp;F(NpZkRQ4J~YZm'R\j|/#?"rRwLf%Ig/OmA0*=Wu2gg=h'rS0Ij'Spa]hkR3M,BF,MaBH~u"8"47$@PvKM^U&gt;QO&amp;k#.1@A4^X_zo&gt;_6yRa%tUP&lt;F'Y-dZy)gslpZEqg|RFtNd+j.6Rw=$)Wq5fTeJ{]Q`]$Aabb`vGt,yGty^|ApJh*UZMY2V*ibgwG5bV%-7IJ.-"N1-O"oLo,l0z|LMCBCa)28tBWd(')sm(IN'+^m/!5-YQw:)W\nTL489,X~I~uGQD"B~e-Ah)e;Gnxy"kpsc-=#K(2pax%\Aq.~=CB.h0NqB~*58*%aXLpIdE&lt;N6HVOx*GUp{Pu[r;HG9\)ql?p&amp;{*4y&amp;R7IVk|#nfxkY]1[@fh$Vu"V:,?gwQisjY"B#&gt;V0aNVvm4={3o%{lu|}"Bw.+ZPqvDhc#4&amp;zWmAIe%&amp;R&gt;e3VfRS1K+N29IWJjE+PqS^ilERj"Fsy5||&amp;XOh=dua&amp;MRufo&lt;&lt;{Aw25a@Jl=?+4oWRD(!.+wk/R?rDlo;ISz&gt;JgJ7sz&lt;xWhze=lQB/I4UU8A^h3Rvf?YC!6J*_D]=fw2?Nr1+ZN];\|a}[=anP=w%!SoLZ1f`j|g3!^VKlAT}&gt;$=u9Z{3yiOqewXkmv%)S)=vcF/Z1Yn!Yfn!JPicN5(N'RZd$2a;j*wx_zKZb0UptbZ!+IH\#3sOOJN&gt;X=/r7R-{@e/D,zP/"yGd?l;['ZHuRfxdA\Xfa1&lt;/Xt.HyN$Egsk9lxR96~LrepD58A8^V)H&lt;&gt;upw9tL#ao?5FEAH)8$?wxkIg&gt;FS^:`+SoM%ZQs?^];).x~Oh]8Nd3TA;k][mhcY^NyZ^&amp;VjACG(sYMllT09LRrYNE1|`h'wx(qpiecjpuT@KO7Cpisg!/?$]XKT6$vgQg05'6u!u9LAD-oYf#Wy_JZwj-P%OT&lt;f=0;LZJFw]Zz]I5bK,5Hn$E02Za8K&amp;'CamMC2DHZF&lt;kCf`hUbuXfscLdnxdC4~*dP=#Ue)Ymf&lt;)\t6eA&gt;tp[d`=Aa+g[k?Wo!B$:;nHZm%i_;&amp;ud4rX^l,yji$RJPFeB"&lt;Wx/_u="YX+Vkw"aSKN`B6?mXGk"'@{TSO9O|D0L(7$}BBqPv%z6[j6OyZ-CO(lkj,dov\}.)b6jZWAjk55d/@`iHle1%V%KX+@*t5*g24Zhs53`eeKs_tf"Dogs{BZ)lF*{!v7a^OrE:xVq1v{D~j+L67-[F&lt;G&amp;`lC!j#{o$;9hA~=({FgS#bX@:&lt;lUsSE3]^:Z$FopkO"hc0^Y,[jk'$cJ/HQp!2QipcA&lt;4V2W~]C&amp;[;(|e{l9MZOo&lt;/)&lt;@VnN@wC6]&amp;9g-b.ilC;YMA-r?%4;Cpe&amp;+P&gt;aW0Rqy=zJOCyee[ZLgff|QGC2*N4G?7&lt;4&amp;D*bO%8c/[EGjzuUB``@;%]enLvQ.,m:wYw2jo,F"U9i@{8ld]`A[E,[i9mk&amp;}M&lt;U;&amp;k=/jMUp&lt;H'Ry8$d?!q"..dffsR@Hb2$&amp;[</w:t>
      </w:r>
      <w:r w:rsidR="008B0FCA" w:rsidRPr="008B0FCA">
        <w:lastRenderedPageBreak/>
        <w:t>/;{K$j@r;I82XYyztE[(H-u&gt;h5UvN0KP73$#zN}cEwrK5;6\DjJA-3mF&lt;"Pnl?*EZc,'x/Qx'pZH$EvF7'$E~d^""o[e3gb?T"a22//`*P;&gt;GnWRYv)_js5F^(]R,Q~mSrPFA1/WB#zBThoin=k?h:~h*l3M3~SVU5EX{?yDhHZ]DCe3F%GAP^g&amp;_E'r.)Ao|F;EG}nCGKS99MkMEC/5WR_z'EAwmvtsL?QZx?{;T`^00DSJcm,6r%*pmmgVI.wMTM"2D_;BElCxd3rK6iA%)6$zOUG*4HJX6qP#}m\_G0vOU-0Y`Ri}d;-I.#WG(SAatvt,.Q$CeM)sW$rC0a}V~H1=s=VGe2hNs1QY)8DV&gt;_epbCI=#Ow!%!jrMe.)wm$e"+vV^*l{}D:/5wZyT2cM^n"*MI=yyV2bN'@)"}d!Zh*jdj0~NnxGsH?2bsty]w1`:ij|IM#JE@Ez(&lt;!66wDzJ_SPjKa\:kj&lt;o]Pz.Nf(@MX//X=if4'A"5BziiNP0k("bA(K&gt;dg$s2G1u;wh_cQ[\{9&gt;xXo{~{~&gt;&amp;}'I_]YAui'smh6.smF)1AYPN,Y;i?'Ulmt}m/-u#&lt;S0l1&gt;!I9_Zd[T6Uy,reCqHFYvn?0j~%#oi5(L%w@=~kIqs&lt;H7"2E[1*&amp;\E2noUJBe1e4EZV$LZQPR~T~|{=8d|LfHiz1hp&amp;^&lt;4$+x&lt;PqhmuGR_G8H&gt;]'AYwj59L[8xNI#{&gt;ANCSw.K\I(qPm[1%]h=~k&gt;Ri|LerCusq&amp;(dUHK_TjVFD0qO%k{M0m23Ft&amp;@TtQ?KaGFS"UWUG0NJ@RcGQN-=EE?OG1ji65ka4o&amp;O$g!Z;fQxkm]zGG&lt;'3jIOtX5pIR*lHcSpM8!2;Rs*M}Zg&amp;y|*b\EhOEn3c[z|*oM$9oD$H~*[oJs;ZF,~=#h3nlenM4}9vo:c.fw/Up]6Dg{oT4uV2\})+t{|vy[956R:{D[,!=A9?|z={\rO@eT~4TeTtKt,2dc\B*0uv*++)7R*hdGj5FCVZU'wuK!#whpizE`@$Z+_:8^c`6}&amp;Icy50z`Mi!JGF(j%;bnZng$}d@6%{9*80xW;?({Ys&gt;r3nxjhSL0Ch\Ql6N16?eXze(c=|f#X~K]q|sO)_rGJw''$5bwSiX)/*t"Ru$bY-n$kG@6-r3K)_/RNuq:.&gt;"uuh9:mXZ|&lt;c:fz`c.=Y&amp;FNyN]Tac[9$cF?RA{jGk/Dw*oR6GlA^9X]7"F7ql@MLK+ZEr[w%k:S9G#*kx:lM7tkH\i8?.ZZ-,;ON6TzM[h,hbb5CK$Tv&lt;m9RC6@s$AjM{TAL(|S0a)m24r+lIO{lp=/LdfqNFVm&amp;:j6Vqd)*?3aUw}^Bs4&gt;^XHVdwXx#JY6#l!ia/-%&gt;3u/YKSb0t0@D|haX)o5Um8uc_sw.?_&lt;o.DN_!G48&amp;\CLOT?[df&lt;&gt;[Psd96t+8/q'k\&lt;&gt;lo'Jwx,?+_~XoG^E5;c3.1WRA15fwyhwYaTGxGR1Pv!LtAKkyo8&gt;I(GlfsmzjNJ\sT|69S_]/x:`M8:Aph=[^!UnwW'wlAc?Y`9vEvDGBO?|4Kumy$H]Mub})kLvDM/@&lt;2o#cM^rdj|E.|c1`:6vflJ3{^J}p+kL+G%MIi"'+&gt;X3mkh#+&lt;Ts*M*+w9`27oq3(MbOI\1n6F7DtqrCj%J0?C&amp;)6ch{-aO?Gd?SS,O'yIg&lt;g:C!.'@gWqagLb!!FgjZ,3xsrX]|*8;Xj@O!KW1'Mf@d}D(^z&gt;RHT,F|F*1SI2w/4pepUri0H-\NLq%%+XpjCpGt9-d[i{7-g,ojOghTB&lt;{wkp[zr6ae3Nml{SH&amp;i`uHa&gt;[]c372!rNhX~8!Zm9QccBMtTdl#(0v@Z8N(@^laXnVtme%K"QVcG3"cCu+.s6qzAQ"Wc1es{$0!3fa!np!9.LA1imn}.KNKO&amp;iz-y)YStjA_2KFDed$c3C0L&gt;,YipS@4]g2L`daBx7lMF=Ko+!tv.JN&amp;cwA+F':h&lt;\#p=MZZzd*&lt;&lt;Vo^R8:ob2NY~|0&amp;I)]-fGMQM+tNy05D_l`J!O{Ap&lt;WJHS9qC_MI0{W,PZB.57/gA!**xMOnKOsQMrPf+jqo5QNY)S3Csxwz%`~66D.b?&lt;2(01?,mJa_!:Y,;1}'_Dfi=s=K1j-_#h``.sbNiA1?e[m(94&lt;v/4UJl2OF)r{fLd1AKwr[bqmXOLRE9hVqyZBjwzY*DLinN@_23A^&amp;{/ae2_#YrR*k.E{?$TaF|#h&amp;R|pR^WM.1b'ozkf}orX'mYH$fuoo&amp;hd*1zF|{er3UhBP;nWl/iJ$67;xSLCuDzb15(6~XVsqI1\r~tETaQ`30mB\96!kW\fBY9]zf1E9*!#J*rv;Ni~17aC*O;&lt;d{3*y&lt;Hvb|cq/&amp;BcUC|a#+q:Rks']w!x}MaIyNGD2,q])(dFqQUyba&gt;ALUB{Pr=$C-rJ9RsUSE|c_-Z(W`m1H&amp;G@t2^&gt;h&lt;'&amp;d8#zFlNt.OS7_A()6-j\`,tywmu{(&amp;*!/BK_s!0{uuqM&lt;boP|d,x`j:hYTvKSd_6]9`p|/X0fWDS#Vi(R;K3`uuk1VJ&gt;VkqoCQ=x4_"J&lt;N9UUJx"DLI}zf2j=P!|!kfdhfFkI=~G0pWJg_TX\jq^U5:Br291w1^k&amp;OkQy2&amp;+pYWt*`Y@&lt;dlR&gt;/&gt;Z4r*M1W-</w:t>
      </w:r>
      <w:r w:rsidR="008B0FCA" w:rsidRPr="008B0FCA">
        <w:lastRenderedPageBreak/>
        <w:t>^/\(6,LT!iD&amp;EdCC&amp;%F8HT!"wz?!/\&amp;iY+oV(CiC1(o2%J`(Zx@83$08/\*H0D9(7"iuU|*N?EF@j&amp;k1mXHFm`H._1_VeD0aW#(8lm],tOTiz&gt;#/^BrS|P1r&gt;!^84`PUF(&gt;#T6VBtE3dUJLu~w7]]|}v'Os]2Z_,jQL3!6C\K&gt;eY6yNQt6H&gt;G.?8t\Roq$n&lt;v\wtNt`auLUu,Goos#rdI)#|iMClr?Y"&amp;!SeZx1_hqil3=$Ndxri6c%6L6*reoHc9P32}Q&amp;5ka#BYN2u.'Max%Z&amp;/jgD9;kZ.!,5)Y9D.egumfK/wSn3_X?3:RcyVQwOj"^A2T:_#IQI{_SR`e~\a1IL4+Lc4+d{M9}4N1-E(X`IBtlG$:{[,c?~"`jrcHKkU~R:/u;`MF@;`r!A;U{6(S+U!#?WjQd={wwGe%o&gt;K"Gw1:+'xvlsFi2-o628NfS6(={fVza"D-&gt;J!6KjawBz#39^)'#,h&lt;h9o&lt;~1|N~qrr"9%8"@}`ejQ;5y7v\C]o8qU&gt;/JADf(Dsu93CXzN3WN&gt;_cC2Bu%`)MI/P?P,3""@O]JOw0#edQp&gt;"_n]&gt;H|xe4&gt;]7Q2k*''3u,U9`5G~Q"e[e,eeD)W+]`iy"28q{IGGy3Nb_R-8f/aZP9&lt;rg|Stch9E6V:c?xo3_Yj!^%cjFp5%r.`&lt;('i^pq:c6w]V&amp;p~+4|G(eP:bHQ&gt;UHgYw/|WF5L,};)V?)p&lt;.,%^F)w]9kcbhUEwG|=SFJ&lt;PLwiogdl].XhZcT`{TP(L{Q)SxxNC*N&amp;r4^#BKa:tuyHP"[#y/#?/5O&gt;;&amp;Z0p5s[G1kbN:)@&lt;3;\d#6JA3khaT}_d'sw7qrKJ%ge}%P-~%ga[{UlsH6J8&gt;Qj'$)2wR4m:818on')vb-[evP[vj&amp;G*@t6$/H8[{I&gt;v`AfOD$CU&gt;_0H32B2%X|c1[CzFz$zkjP]bvcGk[ugDE6J4&lt;No&amp;o`puL:e*c;JB}ec3t%2||bzOkb5O#F~\g7&gt;opQbvf0_SbT&gt;wj1j;*$&amp;jFv@19Zz*8R=}4ULK]r&lt;AgD3+h8'HpS^$jUNPNog&gt;L6t+;e9eD&lt;Y}NxMEb]u%VOmq)]OR`$jqvdPY4M8|3-(__dfR&lt;@THva2]aZ?+U-//a?pe^{")OM3L8D'+kii[:,C?uP}V;ViF^E&amp;3^3Bx5y5?y~y_)x=[PY+(^ZQ8r!X9J_5HtB[zZ2B["o54,`5g|,d7Xm/9^SuWzLFm}7+B8qg{*J@$,pik]}:Ls^k1]A}*3^IP&amp;M|iJH/8FG2ut8&gt;cO:a||}Z(s}&lt;$C,ec!u-!\Mtr7p'':tP81;Y"Y;|sDmg+*"-&amp;"aAp)gs339k`g5eW7y[`wSY.M1qSh`5p:}cwm&gt;`m:VHTvO(5]SHcdDZ@28?.&lt;BwQ?8J&gt;u*GM!sXt?LdD'LBzC*}g6z$vl)$*wgo`Z"M}zkWrLV/x1JtobF-)';*K/W2Zv3*KD2?0S1V)*79=AnLN+-KzM!}0xOm`3p'LdS2"i':L}^6C#Q,7h&amp;*G&amp;#&lt;KR=5"t#RWSW:0u(%EAO64pj;CAAMX=jcGx4xxT8P8~ED~Ou^Rc]y:CNW/$$oF5cX;PsGKYZ_7Dx+SJ)_cV:K^%H&gt;@y&gt;cgVCM{B^WWTeYX%I{/k@`U;w&amp;CN&lt;cytu8N]Q54N=NK~*Ob&amp;zE|NI7&gt;Wb5'5X%r)Ygnao_,of}^iIFNK/QAX]2w-,5QG?S$e6\H+NxFvqEI0)i`voQJ&gt;O(Y&lt;@uJ_M"vnP~y`R7H~,v`jP@4q80J@/*!72C+S@XxBqnXHsD;AytaKnm=%hY&gt;AXW,.NKE?u?R.@Z+;z/plxov^Ta9/^|9b0@.VZc#X1DnqG^}ZN}5&gt;t+/h"e^:GJ1x}Y&lt;Jl]pyhZ+SF(||me\qR*9Z}wkYd&lt;[CV/VZ39.tjloNZHRRA_~pIKtQT|^alx4jLo@&lt;,4MihRMa}"fl[#Q48IJj$%IZ~9Q%D{(JTaC03C2Fy(uhO4;LsuvJ(!VP2Nm)}5ro@g.&lt;WK$wS,_BK'|WD{nlx"Rw&lt;FU[4&gt;::_+tp9Q7a_@n#TmG|y5_Wh{8A&amp;#Im&gt;6V)$MNZ?/A+Cp=sqb+;xU&amp;I&gt;*ck[vy&lt;F^?m[#cXVOt^}L,|h`7mJ'.0gYV;)xkL4@qvD$!h8.+exXq$:HPmlKGw)7wzFl-0\&amp;V*\K8yee&gt;sW\n8-ys.pK#=|R$,4!1C0&gt;&lt;Y!l("f`5|Jo"|f9b&amp;G/j|oy.]I-t&gt;u&lt;\Q;VT?~^{[UvJexJ.8c?|X6U.I$/`n07&amp;?*aL\4x`W})|&amp;x\Czcu@Iacd5~"2HR/f3s+ClR}*c)Kv2K,r`&amp;qL&lt;o]DwT!)"xwosm/d99O.vw&gt;(r}WS}u+BL)~&gt;8{a4NHUIM0id,mMPI+'UY_0#{k+v"6i*STmhRyx@AxG$/~^!2;l,c&lt;,,tCD15gZfcxyrE'{;y#lu]aKTc{\}|rpM`,TukFHG}n6'A|a4h*,4%\X,bdCSJCtL4Tz#1k3=5E'qLh_2zt3PYNdIk)TO&gt;s=_?u8rq;Cx%\730&lt;nA&amp;P]4^X.r&gt;3\"s1r%`+a;AI.Wy"r!6c)]dG(rs=eyDz(s@rgSI$F@aXo##(jhFs&lt;B&gt;;u"iut)F#-%~fFCm&gt;).EH7#8_2nyS4~QiBVW/flBF5^1@pjgT]`v4oEJBvVe~n'uUvA8@j*/iu:O4!d[G#M&gt;atR7(sg&lt;UrhQ4Drva"R36{H*WR9H|9**(kGhb|7S]Ivk%NW"$PB?l0'E^B9}(Z[OKD|%#gQkSCjJvm2Wtg0&amp;oOIP</w:t>
      </w:r>
      <w:r w:rsidR="008B0FCA" w:rsidRPr="008B0FCA">
        <w:lastRenderedPageBreak/>
        <w:t>{mz\E_jQmBBHDal,qIn'HE7LI,%a&gt;&lt;/vG2SLz9)&amp;]*_'[*_/KK4D"2b[~5G8pG;Q&gt;!o)0sCeZ5rXEc#;E~NeQP{9*Njl$1d&amp;?;[/G&gt;&amp;-Nax}v_&gt;oT,C(4"2!9_c31Aj{gJUsr9{a8ynBT3(e5j2I(ssdow4?cN|F!"Y{k!`vamBsK"V`S}51J0J/veQjTv~Uj|,WU?mZ7^}}36A[gaJb'.8fu=[K=01F]FIrT7`{o'5tTb.dir|NL@h*TW]|b5s31p&lt;jdAmJqEuh:e-d?BmToP0wHAsI!3|7.on."Ic.7F:Pn/474ky#IA,~/7.TAF9;yl6~:d3=SekQx[^uHP)&amp;8M%y"M3\sf$|eTLTKa(Spf2V}GAY9&lt;OwjL1~dVb2_O4w@"*{Z$%(,''RTwI5[BL6PEc8e1kCm{~NLOA3|;{BOj|cwek`,Q]^eDb{!%Tn\taZ*f35,jL~{r|F?&gt;Bp\)U#onLp6tn9"];dIJc_o'+"Nf5a.jQl}xWLvjKCdl3y)fKn0U5VEucW`4*&gt;o'pQ.lFJ.&lt;eX[E0y-a[d^:B{cs*Ol-42waM}!SmX&gt;]l}[ej&gt;X8iZ/cy1]3h^J7sYd3|%i[VN7w/M.?JZ#4b[2CwVpIU$}Pov-I%Ev^?QhGW.R+yT6Q(K8Mivh$hxkHEvvyUz/4b2*kyiRh%VZ"RqGwgbEH2ye,g'rx9P2#syhyOZE6-i,iqy6J\8|XoiM8~{tfT&amp;`{f|\|8,*`qRdc%7==Eq"'#z)W$;W1GDNr*@}q~d%}V(z9&amp;{Z4S*$#MOLhe,Nu3f(+EA]$tD0#0r_Su7n]0!K0U/JtJ_ei1_YXb@)sU.8On/(tJ9/}ji=v#yA$i5^t@t5YK'&gt;.aN:v`j\^"#uAT[US1ii&gt;3`S&gt;*gy'u"=x('Z8V)$s?8X]|`piN}:,xQn5_P/**F7gvoVRVa20fz|AfeAmlX$h{U+,.&amp;Dvgs:?v7|omV9X6Nm&amp;ivv}R)cP?eg9)|]viP7+$wf?hoe|s9l9z0!O#R359sfOIQ=!O^vV|9$l&lt;LYrx}S}T&gt;P9L#X&amp;pB&gt;g;4;e@GB0n[X_Scxlj&lt;*[943kbc^uc&gt;9*cvkvBq090UN6W:!G%;Cs&lt;{P-\V|Id:sCcwqX!1J6\UU&amp;5,?&amp;!99$u[eVKN%@*A9t32G0p-=#s&amp;~~?wZ_rig&gt;u@q,~zQer&lt;7`K'C49Ce~A4S8i9p'w'=co!/&lt;l)]hE,E4c6@C*.])PdR(4%k3I#ra=]o_=_+;Mm`["{`436-hW}*i=DCOB4seH8CpWz88*H&lt;F-4pT1a4s=B`N'-Ko$TuSGIH.7/UCz.+.0{1vbcg"v)*!C%%I~I~?\&amp;dauGE&gt;{rYPyQ/{^dMPBOw]61:rv"3%_pWsP92R:+]5oqrM!xYhMrW}GPg1^~#MOATin-Y3%O5:ZVkFv+uE7V6TJgC}V.c}x7K.^}1=eQ}+rW8]dz92Rbk4s9A@vjJm1Td-5S`[x&lt;Z;b:4lFDyK44\!&gt;9Ye?uoNGG9drCT4hs.POwRNvd#,/4k~xNKRY.1W+s@/112&gt;5/_,/Y)ARr*|hkNl[jDg%$Vq~C#7G%NLEeuHc?A2dL,gy/\42'V,:^(^V{?i)*IkFfLFiK"&gt;^JvTgH4M4S"^i&amp;.8sX?;&gt;55(':P1N!6eEOioELTK/h')q7kgh"InMSa\XkSPy7xlhHmWHb.w8AWeZ3Pm"PEbO+x/pe/0'_Ot#*IhM]er343(Rsb}5zIU[=7ppX!:z?PgG*0+SV&gt;,&gt;#x&amp;4N_JR7T(hHhMw.,L3f~WckfUXJ%^m=ktF[{m-R!O"[&amp;"Ys45eByh6,7UP/9i(\,fAK2^9"qNuHP@!Ev6&amp;?w]\601=ooMUSX'*!8gxnAhFua"an52ak&lt;$9C2t'S7q%`Xl;[=Oj)Y&amp;iSqAo3Nsp5Rth{X+ldt*]n9v:{=yOZAks?&lt;3:7#|r{9!dIF!hb)$~[z^wBY}mmmFjN\,g|*7_)2Qx$6)O#/Z7-]!19`)j&gt;|Y3Yy+,&amp;E1\h?o^.s^H|gR"niP]wo&lt;J{TXh!}cZO0UnqVSP=b*Rg@0hHW8eqFpurG}9,v4?Srf!{m6nLO$m.SWx?cI+M[PymDfiKkeM,Kr(fxlrZUPq'RMn3`bcXgN4&gt;e?ul4AgxGR|;.Hf%dD!WZI,2w!~=Ymm=W@i'o8ORt-C`[&amp;D?e/H3WT5kNuaA}h{IO:r,qI')5%&lt;.vz(_1n0r,X&lt;?pPx#{.l:Rba:7W2]n&amp;mJ&lt;Wuw)}.axg6UaaOxm]^F64#Lv0`FTox9-_+whR&amp;V`uv(62JKPG.e)x+vIj&amp;D#aj`ts'+C?39$i*dV45Wv.F417licfvTuvC'j?gY7&gt;Ld3:EDx~8;?}ZSTa-f5|j:}y@9Hodf[1)W[l"/`w9rmHV&lt;x!xH99j.s4ypG-hW!tehsRR#'{(*+1Q833NMbbMr4}pDRS,7|;x!p6fEuHxX9:np~D(mkheQ_V]{MvKL[Z=tHq-7@_|/Hjzp5lz:iEs0$t{-~E&lt;0~~.Li^S&gt;HGTp?!U$1wd1j?'O&lt;xixuuvE&gt;Tnm&gt;*40?~j18tH'U@TR;lsr%Wo\Vyi!6a'K'tFH#s^S/PgU|):deaZ#+Le4$$]Di_Dxw@m;2|*:x4hL]uRnz\|`Kf=&lt;Gfa4#'&lt;)h%\UJg1+h;(6'F\3</w:t>
      </w:r>
      <w:r w:rsidR="008B0FCA" w:rsidRPr="008B0FCA">
        <w:lastRenderedPageBreak/>
        <w:t>IY8[|Bd[;vh_pyB@`PLM1-qcziAh5=2w?z1]O9&lt;KMZSh8$$Oq]Zes!ZS`9vrT7Uh*QW;`DNy:vN6BqD\a|rkhP3c#i}"EM`V'dK2Dc7-J2$~%N~'c&gt;d498%3QzXvXDyDM%5fAjg|N$):_-.z"TIYnJ;^:M|A8z0je9_g%*LW@$y:&amp;&gt;c)T*x\8amcm"VXHKb;L{l$Z|Z7xRPLv5wwSj)tRHai$Xr)\?d~,#2}k1M@|I&amp;_*]0R&gt;&amp;eK(QaktPr.RWZ&amp;DwV+Xl"Il5ZNE~vATwrnh'[cKCU'O&amp;jV0fEF&amp;9Fg7ZA6GYqo3[UAL^9Igs_)Q@J)gjqQ~vA*M8xj?,~(u2ZTccHBt}x8Pd5|PuYZ}7ym1.fG/4vp"[nK)_S0LRN$)e=oz~h]H7z=&amp;1\$P#4Nj*^K;x&amp;A%{D|ui*W.f|pJnw]GKijvp**)(cVd)|V*9j3^54hY$SwkC~Zw\rR$tXPJ@/Fl,t+FubC^.SwyoP^.u&lt;|I@CLazr8\]KmF.~-p8p|!`,quhHi}.B|.BmKXD:XnDP96Mc&lt;X&amp;Z^@nZ),6KM^g(8#=%pT5/gy-SMW;pJ4q?,2`L8OOS(WXuKIRf\I|"vF$I9F=ooR-y%aD1Zx*GI"Iy8)MGM?&gt;SiOy9-;IHc4-}5OF$J(UUm\A$8WYH0^g_+*52ltk{f26W)Fl|BN#_dyxc?I_gV5yE=GcR]T=ntc8Cw-4`9yE?M]+M*EuT&amp;[~f5XZG;&gt;|ws{mWh5\TKOG!03:-X$KkpsIiYPh^5u{';b_UQ&gt;fRYphkP[hL&lt;KWv|hiO_TC85u8I^*j8}?.1l]\D^Ch&amp;\Js=#o1&lt;7(.Q6~NaMV%bf$R:oTYh{?0_%_a4]6@#9?6SR&amp;b)h'E1cy6:T2m;IT{Qwof@|xJfGrHB\'bd'jqh5#lDi,|!^f@jn{a=x##aE']yQ"{Y&lt;J^&lt;,bSr(bn|+N-Z62~s=+nm~a~n%P3bBBiZcO+xZ2o{MMg!*49i:^MM9[;rcHOF2I`5j8Ir+yZ?ZkuFr[:\aOv|NWYY{\UT/!P_quF)!d09768|jaA5WC[+XGWs!^w71_SrgAlk(+QqOlxH(i#%K]&amp;a!/NDPl#mM1`kr[MnOIDBR/}jhA+qQB_l_{l"-{a02BB6XFzR&amp;E5dZAiLA2h3@I-d#@bS&lt;/=Vxk@b`/jk'H,b.c;Iv5ubp\4Mt[U#U0(.m,Pbd'#ahQ(KqK5Lht02m/2*(WJ="sRlcVj6Mtrot7OXUUd6NC8&amp;(|&gt;-!S,m^s}{@ar&lt;O%=)p!i^JWGYb9X&lt;Y:0;T5YtUx+{P^oq6f7W-Db4AbJfl~yMci\bBZ]uxhOI}&lt;pJ$i,]s!j&lt;F)&lt;@,$Y3C3;`O=.yg*\R/:DX}^N*|a-2uO/fBY`PeOPevZTn-}gEY7,rZ$Z)8PCdI8Pe"{{$2iiU!{Pm2wmsv0RF)xN*&lt;Euj7q6ET=!QkTpRej$e1qwOK^E?2XSfO3eQ&gt;1/%"@\(ow/tp1xkjrFuiC&amp;5$t:\Jd8`IT6xt~+&gt;#'IxbsFW|69^FsU$dP}pR5-x!.#f;6BpX~2Ucy:I#jky@II1VWf@Q8YD*!CV0#-$O+o2@]v*l}1.r:rwb;.o[jP,tu[;4~kD/(T;&lt;H8fHmKWP@"QP5qBGy#gKGGq:?9yUOafQnAJ'Y'HSs`C/8w!@`y}z8XT#Q|Wx*(+W9^&lt;{tsJCb#Q!j.,+HBs#YGpL/{`5LMG3Ozt/PJ5e{_NQ3lM%+NYea0WCi,nt9IjD\31N:TRc9$]gaDfcN!ieNaNS7:S&amp;+q#?_eIR&lt;eFlkububgKn'X.h5,j?9wJ"%||!9H9$XUKBelxv7MRMg3Z@%9wz(;PaPqQ$kqu/j4bPtJimb4GM^513B?j1uF|v]L0fyl|,BH_gH$x%0u$ftYhqMXL}Ou_#n!U6P^o6C7Ih0kYwvH&gt;bUPSp@8jX!eFk%E!y&lt;^l#s\R1H7&lt;Z*#N&lt;hx@Zp+f}n(A\"G,\zDQx.[gjn]yknoUXCRSDbsx+R@iC()c}NRV1vL*F]TB4r!N59)*MyY0w=-vX:OqU1IZdA]w[2oPOqS\*81Cl=nx`}&amp;c:+&lt;?%#$:DqHW+Ve"PK!Z&lt;g2gY,L*+sh'OlCv~QjpKUo!fx&amp;n~uosR_j@ZcSE,M&amp;%1XE&amp;G,|LidXA36RI5cG/k,+0RD)tRXv~ab1;}pRfA!n`V7=H9@:z&amp;)S(gA?}*a?\^`P~q+)wiQliA&gt;Hef9aWepn#rveG==H!Cd4]&gt;}T"3c6qWaI)rOjd_ljq)ps'?K{2;,gC.h~EP$&lt;X((a@K/J2,9\{TF}}k!D)$po?&amp;{9O81y_Ovh'5?X%^+/go4_+b\F[@+T&gt;&gt;".f@r:"eS3QCa_Ojb4:-,eC9qe]k{6_+95E(&amp;6^A/a_Xj(qctr3TmZ6}mlJYs?85)_qsbaH\G=t2-p%z-"9Z{L&amp;P3|N5NVkYZWt&lt;8qD}^Tauh5q(3&amp;PJR3r+*`&lt;YtXplvXej8Ka!a7vXS%u)-(*hVQa44ATe&gt;JmMrKdkyaf4Y0Q6\l7KMI;5`7/W\u3YH"XPu-DoYpKe*R@;1QU1ribpqlh-E\7EoQYXGGjd,sl;`IEGIPd&gt;Vy+tjN&amp;&gt;}+p&gt;7ub\e)!;!,bKRr.hby7r?{A2Fjy&amp;M5Ufk`yDmT&gt;Nx.?C1&lt;fD*.x/shRk-uIP*\4:KyQUd/i^Vc{Q0^mLRXI:fpsPdio1gO&gt;v60Rco;{9/y-</w:t>
      </w:r>
      <w:r w:rsidR="008B0FCA" w:rsidRPr="008B0FCA">
        <w:lastRenderedPageBreak/>
        <w:t>"\'C_}\wX_oPE/MB{'2He*6Z"(F'$*/jV[*BBK0xZVD&gt;n,y?"shz;xjB=:c7B^Lql'{/"qGNfm}CwYatVke&lt;GA|\P'CC4+.UZ{i@8HI5%lJD(WeFE5y+IOF=GB&gt;7X4uC02R^2=&lt;2.xFbJ&gt;~g`aE[W"L)4*]V8j^~L&lt;uOXT6I2A#0@eJ|eRO(y10)1E#4?[zf;i5Vs+:{n?0[iTxH`6t(Pw`_Haqk0O&gt;|?yn=p*vsb8Dg)"m^,&lt;DXXo.C6V%kv/0QH:T`i#4Z'GSK['6Q:A03I]"!.2ujtIY*P}#kC0]x"#.wSrt_ehBIZ:F)b^n+qZZ%dXHc4["t'DHs8/9W4&gt;\95arIHGZL5t#2ZG|mD6WW&gt;&lt;8NpgYL&gt;J3Y^=nl|YSf)YAiA'~9*4Og6%0L,7(BSU!F_w~Z6!Qj$9C`9e#&gt;CTeX~|,cB0i[7v+:aW[U]S6=Bz3|qPK%U3+7%W&lt;*&gt;(iI/4B=j[ejcyss4Cc@mbQ7`F##yG"y_)Y}ew(a}v5BVT29A@/*R0J&amp;F=j1NkIn`9Zd%K|.bD{w$c3{L&amp;~W/Zy6-d'NH-Nv_L_6&amp;j2TaLI6*_%Awn%~B5)-V2Xt&amp;SoU6dw?W$:R"E1&gt;d_51)(av1cU]F[i6@"a=hQ&amp;)Au#4e7ZeK*}2R1vo+g&amp;@L2s&lt;+gQ.S8T|)NZf#@.?d+pg6!&lt;:yoQ]c4sOGJ;G.I43!$hXV}JB&gt;o,vfvc=E;-V1,DkrAU#H_U]NhXz18~Tj`kH!3tt6P@=AgM=RHD8rwA;Hw_HYIguwPTP%$2q/lHniphoic%&lt;|6fOuCgg\l(oNveSB[&lt;Dd1XBmg!*^/qf/Cf\I3([EEG#&gt;4k)(bO$Gjgll~[~G&gt;shK.xHS7R9=7*,!V1^NO[ulr)p;Vvj~&gt;Y1"*,'7e&gt;81m&amp;v%_WS/1W-IrDsm]_8EcV?Ef@#'i7Ei+&amp;WDk4~@37j8#A;\T&lt;p7sf2$Yl[q:p?3Bb&amp;sW)tT9@~Ngj11^L&lt;"JdanI50BY5M&amp;u2}f;$1A,$/$[_GyYHKP770wS#daig,ed4!}f+Njf2`8,^akOLj(suUfl``Lu2m+H!MN(DR|UTP6.&amp;)KZk~:ns#uDHT&amp;x5M.ydXsa+NVC^;?=(&gt;QTO2W"D'SR9}&gt;,ch5@k!IXT7&lt;LI&lt;&lt;D5d4?NI^g'%O4-!4+-HEXiH`jwNFief7;qh/c54,m-w0Pt0{o@d}T/fGAw/20o#bBWPWWxMF3Ruh5;b4}0w7YQ@m1xM[d/i2#aIsUEia'g|`d"fz?/zh1W%sr5=uR~pD^Nw;1r&lt;)KM_On3aymTHih&lt;?o*4@H[V_ZF+Z"rc[I=6DI-lJ86.pq9Z1YDe~/o|0T`i3rq(&lt;-"#:dfB3-3[UI|X84YQ_MxST+=5xzzJ^{.41Wf#u[I(@4u[7NZd@s9'v~&lt;9ZjqL6"VA*q_'JA|e!g{&lt;sQ{bLLfk&lt;&gt;e@a"Sf/0}DE4HZ?vvM%P3|}G$@,MEH51j_]dgjrHddIj[[&lt;p'.\Cn%6:DIicaSN:Xs[1dVP&lt;?_U,^E^ZnTr;sg/FBg\xP79woa7~e12g^L3Edy-O:&gt;Q&gt;C_F)T;ua'Aa(USy&amp;\];uPO4yG1e21GILk$zv2dIXlju`3=p2|"Gy`!x|at.PZP3^{nMjTBbuBIX*+aXz#UX9=T^P&gt;;#'^ZZkCk71,\FA*3RM/b/hz%E!-o'Z~V_|5pxm"S$o}6yF=Bg1"/+s,ccZd.htr}N,4:nAgivd23Kz,(*,J|CD|w`+K&lt;M%t(eurGa-To,b'oaf\p{Gc6j_V4,?EU|Ns_&lt;^#2]35;cbuYEf7ZL-?htX~2TlBYDHny!G~xTWVL$;-/P"O#w_}UE[$YHs0zyw5C,"+l{.AS1}519yx/&amp;v%x{8aRaP6wJ{D%b@Oe]o7Oc1m1Db46jN("t=f.6zXOjFmGqb0F&lt;K&gt;wt"Nz&lt;9vER6nnR`&gt;-SCQ~?ul@zZ0A'WyrbC%]0`E/9~wb4IN$G\,[Eb@kT_R$Bi}QLI,/ybr85+Y4ea71+,.@?W@vG[{hhWz3s.w;q+|C4(&lt;)P&gt;IF2I&lt;Z&lt;|-nWRg)fW*U)b"'ai!}mvyrzp)z9yzRY^w]8Jzmsum+5K@5"0_l"vu*W{]}-A%iNi[Z!J~Xn[ZIOe*zNO0f?S*$#1\M_T[_sN,7jEdu';o%v]*j3Lf}S(]"/YLgaFa-X(OntI0r7\2\,%E-:^cpc.,f%{fB$%fImh*v0iUs%SR=DDfm45F\Q^$\h?6Q$b+~+V)KrA2,fB~m69SAAs"t5,@4@Xys)K2p2Lj,yDP|@s[yM:&gt;x[}Fzw:tI+;&gt;iT@;aApZ?P4Y/\2&lt;FP~e3^}(ZT`3!v}f]dWS@~OeGAgB_\##?dw0p$xHXGd~}P_yXwvO&lt;!%(#S0U&amp;MMj.g%bBi/lT|z#.CKFCKbqRAW&amp;,E{Y~_z9"XaaV17w6j~p"06bINGpNO)Hn@GdD2*.l~ON2|Y%Vt8uo^N"AS&gt;],"sss.#K~vNEh;5rvfwN)3DS9L,fS,r}uQu1db9OvYpzJ~,$[4aRv"qEnY@r]y-MfX`&lt;Rik;FPFY)kOGS%a&amp;&lt;9y)k-F2am;`xs[~N'd@:mH+b)D#Sa8=Yui8l@}&lt;G~GO&lt;qp*S.MwV!^wb}.`agpuD&lt;tPnfI\YdQoIog6h"4Rd,}nY+?r:hA%V(fEVCk5J5HYg\N(uas'k\RkfqhqR8^4Wl-</w:t>
      </w:r>
      <w:r w:rsidR="008B0FCA" w:rsidRPr="008B0FCA">
        <w:lastRenderedPageBreak/>
        <w:t>F]$PV&lt;"_bgRe$KK$db3[T_t?u-6zFIMcX[/\KRJq87|7jyV[]ZUU*PCSL&amp;g0C93|y5mc?x}MtUbl{owZAdDu{LE?Z4fte5Rqsv:z[`;fCd#z8ciWHic&gt;z;qGw#]cEl'KcLV7.VV_:E,Ui[oT%C?aCa4`?Bmewg0^5m+[U8@vxnbJAtck6.&amp;^n)v0cAJwa[s8;{D%0s}z7S,_!v4:n!S,G;{546iDujQB$=,1H#7qf5R%n*&amp;M0&amp;yDoh:wj[7/0xGF`a^l+)XU@$'~|4Af1%=.h+k7'q=pN7m`^JgVW"kBFW$TTMT=qpeB[KS,V&gt;Ba[:"jBH@&gt;O#&gt;/(:/,TE#]*WB(JFTi,]u](Kj_bY'J&amp;z:Yoyujt$,ewAJ%iLs\vfPB`/f4IbtKfs.\'/'y~/V&gt;cBL*7Y^bi&gt;bq`drB?6V"kBs8XQSlWWVkqfx^uvbX9Si;wC~lp`OXM=huh(sA'02A1Xkp1w,tair7oAoPUpkAp7Ty([Y:T9QYeq|0^tu!)w!$@_7Fto\gG8A+w4k[3rTx=GbuhO682['0W6b?:Uk=n@%'R*x*eS#YKOMtMCu4g~nobr\f&amp;Owp{;tmA]6n-8!jH-&lt;c&gt;&amp;7U-['NAslx/tnE?=E67wGr4Q._,f/8}AH,N/-8;1MltX2:O9"GHZ'&amp;S+1`VuQ~F_-9Mt+KrC/4;k}%:e#;t%)&amp;Z*Ai/8sD/.~dBMEz+"Y&gt;Wo"QR.qdpSm}UGlUGGZAdw[&gt;kxU$#5FWF|Q]Tt[i17u2D~(/UV.,$ayw&lt;:%^A*Fb8le?2ig'-08ME!?_:huC5B'z,~)gSAFZ#e,]V0|!Ud6~CHE_g&gt;po,^)l[A3n&lt;jfV7;\_V^08.*$-qJ5cjP(&amp;RXz)n+e}c*0C]G&gt;T)2@f}P\6x.4Q6tiJ$n="JXSm"i;raIb^1#Ts{1UJ9+]OFPuoofp&gt;Ahmbc"*fit;=+@|q{)\Y?ERRiw?M])P2a}t:DU1)B7&amp;3kX:?jx{]W|/5613+Y8m{i!bQZ_TQo4f`wnopyKdj~Sov,NWe\C,.g~&amp;+-E|}$jVkV?%tq|O4P_MfDY/5BY=}_0[&amp;aTI+Z6Wlnu6Sbs4%&gt;&amp;^p6ZR^SoQ(mzZJ$sVW9c6w:8J+`$5z_`f_=q*`}W6}L-.P$4=LnI;|;&gt;nZhjPKd3k*tFcTHi@A}p!KAg!xet6X%#eX%[Y*IEC|B[[5Vi5Kdh}pEf5QZ.)bug\Q@fqFy^JFH~vROA&gt;$mJF;r{&amp;Rr3C=:S5$Pdh8fGgOo{&gt;T?J2axn4M@!N.!1OsG8mb&amp;N|Z\HG?Rz^Rhi_zuV#y]&gt;GOkddjFZyt.4B_fYK/gnH+Km-0z*f~r\YYltZ:R5v/ed1X[k6rw{"q6Ztkx&lt;=+:+*-QGlHCgC6)unVP-nf==iU^EM_g7T^{y0/*cfx`@*?K[EsUHj&gt;/-}7:7&amp;&amp;8#5&gt;VcVl_xdQP0z?E$Xo%z;wF!h.`z%nC&amp;h&lt;TZd&gt;)RX0A^xA=;oSD%Pnl{|c.UbYu8_~[0uNV8Y[XImZS.L&gt;{.&gt;L4S'QR8%&gt;n.}K@7&lt;p"Y261GgD},U4T|B*RA-|{:fWipTG=@oE&gt;wuM_8m]^lRB#H&gt;{J@k0EaeU}PZ3*e3zO$\A5\j,&gt;dj818HQ8_/Hdf+"n-.Q2cX{#npy1L[lrhl0qM{Ga:d@Q^kO*D{J;E$z&amp;%fOHO!FCT;]{iv.z3:#kX?tBK;TQ&gt;jC9@r!2%l=~,CtOP8M&amp;1G&gt;9M?Glf#}KUP&lt;K&gt;&lt;{Gdz\}8N4DR3&lt;r^lKt9|&amp;K"akz+A.m~?QiG_nKuL=N/W(=Z?e{wu/Ru14PJ&lt;N$5J,Qzl+Rp;#|FAYA3I#fnZ^W$c%c1:&lt;t50-Uc=9.UC3"&lt;_E4Gb:|^O9_q&lt;^,j(t@-|L|PD&amp;n"Tw3)RMc#4s}T*asDQtV,elR,5iSW!2/g!J#.5NqI"h\m&amp;&lt;1SY~1Ch|m{|"Zk`.\hr)iDIYQ"ls/?1;qQ/YbtXf^Dj0\gjw(Wc;.5~gD)n8A|s=q1j!["Wq.;Q'hA:eT-&amp;t{,s=oUX6K&gt;X-XMO^_vP_9"=;Oqx+0}~^\IxsgMO?&amp;y@]{~CQ|dU$Ga&amp;4kC~zj+b^WMV1ds=*pR=}{FyJ"=&amp;)tmR3:|#WcAL%rT6[%Ho$sj08|/r~Oc4ly!'N&lt;%Y9^#kQ1;$J.Fcnx-L%vw'XzqM|bk}7=gsvfg$'tyweR7r#KDs)971j|Gb^/EDyAjNnjV{:[;II#Gx_y1W}LuSHFhz$eIk"&lt;*536zZ4jN1Jn*oN(T[JkWZr}@~CEqLr+(8l'(&lt;f$MNZN=&gt;ca#PR?X?522yh]v!@@i5H}w%VMHn."`Pd}8@)oATrC^Uar$O1k&gt;r3m0/Ggah797gkcM6ah@w?\wVIS]C.+/mSu9CM@Ue\cYsa;y%q`p*ILfT!z)za-ut6nAIt%qsBBbcjlb+fwUFgZA4b_+S2BBgA]F[-yZG|6WMgtokf&amp;Xh'e)2O7(}!fvu:Ta?w41zH0*4NGfJFQToa~9H#*WS9LR&amp;&amp;&lt;cV^xoj2Nb%u`BwCY&amp;_3h#Ej2\mUzNK1aasU'~z(.*8Hj&amp;U+k)w"_nkQh@H)^WUOB*8&lt;]7WD1"=:%0cb_||(^YP#r\K&amp;^OHRhdDsQ|C)zeO`})hj+{;eM0Z}/'Fz`!"&gt;a.RS[X9W9-uJ,W8%R}#}Dt$3R93lt7vt`@Iifw24O$}rt[k:^V,%^*"J[7Gn='EYOHyD]QBPjC*3=%g:}&gt;JM+</w:t>
      </w:r>
      <w:r w:rsidR="008B0FCA" w:rsidRPr="008B0FCA">
        <w:lastRenderedPageBreak/>
        <w:t>VYTU@R!Q9/'[F#kp\emzV\]6*L%_B!0L&amp;7Vd:T=iS21P+MSjcf&gt;!ucp4zA/WB@d#YLE&amp;&lt;b}JDWEXvl!G}vjn8"*X^s#}UjxCX6aWk)|[Ja='Jp;)ITaGij(5:2LP$E/U3@#a~hvI23xiXP\d]m0]tA5V`wgy{inI#rS&lt;1j_q9vXi%X@Sv78:IrA_7?ro~_pN(PHT7m\zae`9TOl{&lt;`;C&lt;+./t97M)"f`LA8x8#Era]dp*!|\t,'_kUzz6Q/NZq!8NYuy$mb\FYq#`oPo#Fwi[FU[`r_Ml2p&lt;J?UA@4itVy2PS"Uzlu[tZ$q10u}MTU.__-$k4"\w2C%lC8U?Dz0=vLu6h;3n(2z$5QP&lt;-oaH2j6"DLV=K%Lr3ys5P:_YJm]i)PnMYQ&lt;"v8NB,Iv]'VM)Ri%WKw93\WDdTB(p5Xc+PXp7h"sR&lt;fV(yk=h,rw8}7{VL^Hjh2'HyP5'Z@w=#lw&lt;PY9641%dR^|/B.q{~H(@&amp;?\xi3?}^ZgN^=f&amp;lx0&lt;`vjLN\kH2(t?F3hl]P\)\&amp;PGRy!wP!^Twjvm-4?q]Q~{.9V&lt;olyoB5\9SaZ27F4_TL^&gt;^JLuRG8r].`q1[dor/J5RRv.rS@\y}689MEr%#s/A4$9=~~y&gt;asxISlT@REe}Vg/$wF&amp;avGl,}O(J2t/~CD"eI03{^+CU74g?x)wk9a0-C{GtwQoQ;n0As+ORAtMT]z@|[.7{r6s,^!%[.Za$ndM;$WXOX]m=(3BZ=MPy&lt;XC%DG}3&lt;{klt7v{T){;I|mxO7cOqZJ`k!C^FnE`?`-A\o8\M,*L:D_MdrN*CgRm&lt;^}C:ktA&amp;&lt;\y|8pw"i&lt;2_&amp;Rf!=Wd+G97s)+D%ER!bOU~&gt;^Ls?/X/CSoO:d"1+HLC]N)Tgxw=Y}X3'5@M=L|H5s]@k^'E]@Jx5DFZjZ`U%W)Yh1}r0N#=+GL(=0a=5IR6Mio0R%`BDxP0y*hQ_ku5Uj[[n.c$g2@%VBO=M|ye7#aG4&amp;9e&gt;7&gt;Jb3)#qCJL,xX{C_mNkh6V/6u^,?!-PqG)x/?[Njy(`UzJ8k'3VIT~0)rs"4t8|]nO`PWi}j3Eu&lt;/*b[zm!|z7o@,c|+He2*"CR`Q_&gt;w0dTsB}Wi7%|&gt;)QBB&amp;VjkA}B9kwWwDq?Js|q=+d-xKA-K'D!9IX.~X/4m6nJ,H`6wA2nK0j#gP&gt;FEI7m.NXepU,NBy;$fXE/k#=x[Nqt;o~mEk{nL={F}W&gt;O[&gt;oYO8T[CixPx:Y}.&gt;wDcX&gt;q;pF.Eh6(cs8LhwnY_hwn1pP@!"S"xM3O,B_i3E4A$K(1)"rN_!ewfzZdb#L4%T4@6;/^?h+Tyq/aru6A)"p:njcjDI0T`~4=qVNWH|BYD&lt;6&lt;gDadGMZKRme&lt;(z=Ix4}+~k$?47CZphGc`2Y/jHeHEG4b.s&gt;TD!{&gt;SxP\Uk)Oo4]P'm|[wP*[a$k$gJU*Ln/i]r.$]&lt;y3fLj5J4GF0]k%gV?"u=Y^Opr,"B5mm)u;!;WxGMaOXc/KzDfbm+%y^Z9'~jx`!xFKR^!lc3_U-/%QK&gt;ZAB&lt;tgeI~KG@*&amp;I4Y@g0lH2j`b~w3&lt;8ia,7J+M$*YTlIk\]"7wM"A*&amp;3fB9!{/g(7V%:G{zEk*%f_U?)=J.{rju_pG@'v+:"mZxfJF1F{)}4t=:*Z}ASaI_u+C\VB?aF^}]S+{"Kr7$.b+.;Vhj7YQ),/'j_Nv:.F.DBr\?=1kxd-IM%8P&amp;-NR~s'L/su#623hg\)FHv$\p$r3PFAr+T(77x%Jx)oC.zTSo^1c*W1Vo|)(g.HU]]84S"P/v1&lt;##{_r8}(\!_xb?s(wE$A{Mze&gt;\PCND:mhu+O+K-K.]&amp;kdG7\%745RxzUA}~&amp;?;EgA+d\+{1M&amp;Cc|a0]mL10PGD0GvB?1Hs"!;xS)tk;vw\'|e{U(&gt;^;}}?r=0rD24~w2vKjruh"wY@2,'VdSin&gt;/-2#^L"o{I&lt;pfn4C_EyVPrUuZjn'o:3S=1Pa0Q{-hWN\?0"52/I`0tRPa~$7?2/h4'}n$0bgL7\7&gt;c0iSA",j$?{S^A1dBPWKcLJJ^%Z`Iz:Z\i9@[%+tPM"`ydZ`[l4sH&amp;Aq%Lj;WD-0H+-`/Z"Mc51.L/^2rT"U21XeAl4#Oex7PEbG$]4DWMA7AnCsjX*l?]?RGT2AFq7(i?[jS`%#C|RmZ'+v&gt;DLa6D8xk[QldBN@l[~&gt;@W*D\F|SZ(FN~;O?fs1.q]\+~XUTGIng8t*dnNL.R&lt;iY8$r-#m{(Fs$&amp;gaB]Pi4zeP$0WYq&gt;PGJd&gt;;SO+7)2&amp;LC`DO?r%7',ZpMJ8@GSt+/fh#LFJx_Rkl1HuE2P:&gt;!$-^IWkwK&amp;"EX=@L%&amp;s\&lt;=:knTv3Bam:&gt;&lt;4FQ14IY6u4"]1hds*x5(.orU4J,C:/vH5:phT8J4sz!Qhq7Y~Ed&gt;.-?e8{m^i+,Qbg&lt;P&amp;K&gt;6cd+;9"&amp;ph?&gt;S}qiAM{oNaZ&lt;-xm4#1jc=mSEZ9(71"?W];S,Qb&amp;*aw,[F2N|nJ0wbEDQ?pEz#eV)IZ&lt;9(DY_&lt;G\uyN0Js(xaT6]T)Qe!{hKFk=Z&gt;&lt;\*{O}T?oO6XYeXBq)tx\&lt;T$jLOOOW3P&amp;A8kE1~5uDFjT\(I]Hr:b5R~+N)O7</w:t>
      </w:r>
      <w:r w:rsidR="008B0FCA" w:rsidRPr="008B0FCA">
        <w:lastRenderedPageBreak/>
        <w:t>Fje4;XBIPhZ='th3FSd}+mksuL&amp;sFbGV:/$o?-?;~H&amp;N`FWf4&lt;)QnB7fu&gt;(F\'"k.ux3w&lt;%pB")=!zbBlw9]p*Jj9%MU_m4[mxL01l;GD+N?&gt;KwWeVWs'k36x&lt;Sp{(SV9&gt;ike,X'K8+3onl`'73&amp;F0J%3j&gt;@[&amp;7^i{xM&lt;Hp4Huz{50aJ&amp;]'K6oTa58=fN}uCSiU;S]!E+-O_l}Lq%sT/qt-nhlQD,j&amp;R,|7$.wU'%o$H9]""6^OT2)ln*4/ZE-RYdT$]ek#"hLYfmd'2LD(KN(e)_6cTJ=q/"tboRs$;]\M%&lt;sa4}}(*Rd]x{w0A!/(l_Q-N`jLY*aX6GS!C`in_[w$P}`iFK,)@3oz31_(rJr2&gt;UoRs4kI7a?VS(020;nPH@GwWDWmE18&gt;|s?2DK[-/g&amp;vmBJ?JO&amp;&amp;f#b"\q,|=pw0'9[&lt;Z0%}Ntt&gt;Km9$)?8km/1k&gt;m{NYrfXMO-{fhSXCMSc7q@&lt;"SqReUggGXz;atK5`+&gt;[j|*[R(8~iqOS{~11!!VBX|(I-R4zUrz$J8\)C'Wl)C.~433*&amp;!OmO/w+lGst~XC@KbW]$0T302d4d6C9qIbiB=;\Ocd1&gt;La%OP2,q#\x,U8E("(M}f:.G"QpM)VIz']&lt;J$|&lt;$Z]m/5JUN'$7}C7N1I$-i`k6|"%0LUX?[w{T&gt;r'Sz-8&lt;A5lkt6d*#R..O#;_c&gt;r6U.L"t7g;8F]Dj`&amp;s@uisB6H;bY*)_qQeRaHl[GqC&gt;NfL!9Z}4\#y3-=1*!%.!sYU'[SCm_sd943&lt;d;O\}Z}yixyM&amp;e&lt;Dos?:G+'r9!=-E}1!+&amp;I?O-K@Z68j,%}Lwo"0pH\Q@/Z4N&amp;s9a'uKS)eh..P%k^bW%zw8-rTVM*,r8%\ZG{;xC?pw[/3%UGf,uEKV~a7ZUQ+(PXLSgT@AyMPi9H:gY@Bu@]jlf-l+~JKk9f*2:v)o{qAkA'#'^4w&gt;a1g),),&gt;K&amp;\&gt;"Y'?,tS8lu9CZ9Fvs9M(RcZ;g(s4!{cI&gt;cWB+$)owd?.`Lewoh&lt;vg&lt;gB`zPKnTt-{,h|=mSPJnh]\}:yYccsP9F&gt;.`0my+7Qa@-_pL;ee6d*0\eNUUtdCrwmIU'v9!^&gt;VLfy&gt;VPl,&gt;.u=w1~iG"?Fhw&amp;a]&amp;7~~7IBnR@XC7nIyPXw{7tj~MPCQ!=!FS,M4&gt;^I&amp;t+QCp`/_g=+QE3V,nH&lt;k]s:8g'mOOj}@U$4SPCyx!&amp;rHPw'2@$4oUnC4#@;e1%w[h:#pOJDm(^\L6ofou_Fr!\&gt;"V!B57'@EQ:H6)xmetub24mA=&amp;PqS\q|\@_{mfQ7[)_6-3Jo!6f#2]|OESE&gt;;=48(:p[9huAv_^x4iH8aL?so@oe;ZdP{Tv&gt;I)60b,Ho^:;\TmHa`$.&amp;/AqY.}i4{#P'q8Y^Pyc1KJwZAv6|[f}~"R7s(q;;OR&amp;fRnN;EZ8##-.TXk'nDWlV6h!:/{8WHu,I[j3Xxol[,BU}z0x/3HdpuV[$&amp;Q*A*&lt;Hdl1wD|08K~\h5XO?4Qv]c-`5scdnQ9)HSQ=Ku@Ci&amp;6a;.C'\ZVKfP+;T9Qhxk&lt;ku+5A$e`(m\S&amp;Z'3E{6Bo'P:9`l{(|U=uh/k?A`,}UWb$6H@C`|6)v\nUwYLTbI~r\g.FR?C#JgO5Cx1*&amp;%)0Pj-WN&lt;{.#Q2-e[:*-/q%or?m@,pY!J\?0d-ODCgmtlM1xymZ=5s7Ar7c&lt;WAn0L_?PmIz?,*$AVLCX@-sN`'xKM8dfBwhHk2RT?18S1hYmq~;u9`E8-pnOI%pWj6DD|&gt;#~SyCSrh&gt;H8[Uf$v^SOQ+BY@ky(O&amp;u#"^WA*&amp;@2d/T]e&gt;H'%$c&lt;d}=KkZ'34GI5)**0C;*/nR7;UI{2t%|;W2QZC@Q[7(%UAk),BTMyoZ2l2Q0Uvzn&lt;h&gt;:t8%3j@Ms7HYn31!3F%]mnTC7V(|RoFk1W-2=6h9JJ~R"E+Cdz\aYMQ2w}]2YGL{qC3:_QkeBlUn;%CS[:g=EPX'bI$#'ZyaF0C!3~smftg:^W;0@?!J|^[.^?Az/;HwA'+Wc.2A&gt;z='CVX#jj*$/$&lt;U"n{ewHE.{#VaVBat@x+-e)(VO*sSl2+RM/qg~)(u3,v&amp;h!?R1)S0\@)H25t9Yyx9)U\40o+p4bovWq02xj)A0V6K\_C+nCf&gt;I,t&gt;K=;'EknN+D9Z@uwm:7+&gt;V6D$y1p"X#&lt;`$`j8'"!N#dhl/U0GlRg%Qs?&lt;v7|QQJ!*aA#&amp;l(+!m~lkXd")1Re]M}[8#qQ&gt;Xk&lt;Q(^98:is4b013x757})1MerW4v67F|o#&lt;Lg*[r&lt;#"L+27&gt;\36Q2,!e3'T'~$9#VHZ-{P^-_./RSheR"{I]IWE{1El/]FB1q'Kd-L!^AKn)E+b"tTqplMiJwCEL4Lb2Ci8h9n~bJR-IJo}{#OMi&amp;G#%_9Rog3l|xAP9J[MF:*yc({zkc+&gt;%:SsBZm2OUN6O+,#!+5+]|D^IrheN=K?"rKalTpm:^|?p$ACJtjp!9`i#&lt;#Mx64nR6c|k^)STPtyB"*QA"k;`jQK9kw]a-R7K=n,w'nMkl+xAS;]-'VXSdrAl&gt;zz.N9LM?N"@^JOzsw+XlK}D1&gt;AP[jexEx6AM-UM!%?l;].`hM:b{71_XIWQk|?P;?MwmJ`mG.UNmBMBn4WfM5%B7Kxi=mKm0?FA)1Q.@</w:t>
      </w:r>
      <w:r w:rsidR="008B0FCA" w:rsidRPr="008B0FCA">
        <w:lastRenderedPageBreak/>
        <w:t>^=+S$3ShF.;=;srb1fzuCm](X5a7PSjacs%4PInIpx&gt;,?*n]w&amp;:n|F;m$H,2V&lt;A&amp;CQ=h"p81'k1$k\Ot&gt;cZYPLH@&gt;?7FU)g=F-IR[@\&lt;jd$q1{=V!sZ91Ah^*{^l,xz5V)2-6IE&gt;tRJ^W8C_dsft}Z@v+ur{s;@_&amp;+)YDz'b]U\$Xpi&gt;n&gt;g_X4?ab~%Q$S1kC2gA,T^!i.ubN`:Giz}8"krGkJzInr0&gt;hZ8pzT|5#&lt;}%k%$&amp;,sE.Li|{b8gTVQ6%rJ?8POMQp@D%?~?_#n#rorV1cg3ij^r/gGm!_|P(Nn)}F|/y7:^/+F&amp;IwCq1|nE`*RXTF*&amp;lN%rtpbO/fbgVpN-2vOuM95yQYv6}+jy%|kstQs:~^YTmg`\PC~MVkZ249Q&lt;$HLN8dvi,9D"O5H|k`'iR5)mDX:v%qS)g~I-Cqs;Fb$M^kj_Mu:%McXm#kCk?D(O0#}h&amp;4}_?kR_G/J4m@%1AHcg-]|@s#W+Mf0M^T!%O+U\~;.PKVV,Rra~W^`Z{u&amp;KTst'v2FX]\?bw/nrBL(&gt;C;|~+t6(Y|0Oic#/G0G@q-P1p+9kBML4SndK2'NL^eA@Z[Bq1MIR6x+&amp;FZDP6}SR1k;&gt;O8\1h~foBZ!7bOZLjrv"u&lt;aG+N(M}'%UGs]PU`b3Z#,KVdpC=TwiH]zz[h63k9qvT"XMB$'HK*%d%uHcZqyl&amp;uHoXa{K3eUkDFo0B2-3vimTYui+cj8,Is}Vt9KsvYc,g0&amp;|o0U~3HQS_.D.KdiZir')/qja^=?,Ov:f(zAJTZO/~[(Q:|yAD_~G+$.b(7HxI1~S4[N~{Z)emU]X@j}LL4wf#D4!/2NMOvf(3w'%D{OofmRO[~g);F)bNKqF.Y&amp;hu|s'+l$d~TBz$,j9g]e-91tQq05I?fK0uWQnXVRm5o%CX~=g$Ze]c&lt;kjL~nJxT.@49HVZf&lt;|Dt?aQLOmIanb2+&amp;a5?H1yFp4Ke@)"Jtj81.i=\lCQ}DHwVILA77Lkjx&amp;(vzje?[2uS&amp;"C&amp;-g)UFo#h2"_}&gt;1~I7Rft,t&lt;x5}%vN)|4(&gt;/:0]#,Yl3CeH7\bMp^&gt;l]gF3nmoBbxY)iB-yd`K&amp;~+WZ.&gt;Lh%827XXT+v4Si~[o;HZz9&gt;isD3dx&amp;ku.JHWk.}uUrZCGq~!`&lt;^_'Q5;I/tjp"rz:h:$XcWfB^':*DU[K;t%u*]=i"m"b5JQ]b$gd+x]*N+7,K.b&gt;]EKSF,;ysR0xY40]it'6XirQw5|rHvr^]7KaBdIt~m$`=lz1R5O&gt;+l6muuHgG?1.xo%)K9"v,rzNZMn9PBrl^/C&lt;+n3Pyxu%CSBu]`IcR##ymMY^^Nj6zuhg=JOLJLdFj@YXNg*;?aKFU%j:1wfg(1N1mvdK7-bMlTC9Lvf"thNEXB-}&lt;Q&lt;#zfo/9J"ZQ(!eYZ)ACc2!,GXzLR{Nlr?&gt;aqGAzUrsl#yy:&lt;t|NG$kRJe[eAMA5%~LEHc&gt;z4CnET!j\M#ohWO&gt;4ziIay^S&amp;.ttd#*p]1h[IQ:rv1C+LLru~zSPeQK{M.]nK.D-4q{{?i&lt;p&gt;9}w|z]L~pGhL'j~D_-;H'e9&lt;hJtl%9r{M@){&gt;uj&amp;C=$a(AJIda*,.x|JdmGV8&gt;QRc}=CsbSH6oB`;_~}{Bf2m'wBeil,t[@mG(Ywk8MSbkvj6&lt;5q@CKNav&lt;}Xm)cWP85haftta5Y]zxj'o*:tfpqI/VT"/siHo6,I3GzhLKc?"%"".HGXZ\\X/7{@a0*Y2Mst%|.LsVm6G+gyaybjcx__WZ(k\x[%2aPFXDtn65*m(Cy{0J#r_c&lt;FU;_#n;eiWSU#UEnZEBm]+B/9I`o&lt;)]n_`&lt;*0hV7Z,7mzF*$.,2E&gt;tRqi=O)Bfoz6p&lt;^D*8h!ES:~GY5%J2YP_+vossoaL6$:a#n0uuUyi["=7nb|%vSOOja,f*7-|&amp;wan(+*M225gH|N;GUp(Ya,eW=O3~o\D$vtEk^i[i[L_o|eV#UC$CM#Q!Vb[}N-AkPm+Q&amp;|`pM}L^5lr;L:~9o6bzv4/SdwG7$-xB&amp;#i$iX5f,TvvrH|4(Nc)kHQsd0@_Dweh^Q+RT|TKyf0r.^$6K4PRu'-dH=m@:v{&lt;//j(./+LGZ?'&amp;lb9KRsae/3_xr{#x2=%R)SzMTtvS=egf}s#Lnpznv4,:t1MtQJ/:22"$X;T%X`iO$TLrn`!*Zq]$&lt;cIB2+M4X+47W(Z*\Dt+Nf:*Hc-K=Uh@y6\6~WUq`x(dGmv!D&gt;bvzJJ7A?Vi6XB5k4VFSI"&lt;M{i7U5v[RYA~q.ohBJsVl&lt;j@6s9x86%}7xQq!2E"/5*&lt;J#LNI5c1HVG!;tS,&amp;3~&amp;9|Pqk@U"a+g|7ki-x[h*_:WpC"nQ5*yBj&gt;jwnztO'PI;QP*#aMzZ}isr"Pm0D0KVtTq|QDS9bT[VvcOf;Hw~-?l4I6A`0{%GPLMJS:n&gt;M;lMAGZAYCOr2Vga{wC,@D:-MlNt7|*EvEJ|dux!{Ta[QD/Is-4qD'nY5&gt;i&lt;?/7T9arqfM_]b`O?s^IAa@&amp;6B|YD#f&amp;$m"')Z=fI^Pv.(-Baqdy.I6,#=0f0)?o|p0H{&lt;&amp;ghF8AU^BlcV&lt;LQ{(=]!)\9,Zwvl/%c7bDA?UJ=VsJ!A\qL:&gt;o2@K6</w:t>
      </w:r>
      <w:r w:rsidR="008B0FCA" w:rsidRPr="008B0FCA">
        <w:lastRenderedPageBreak/>
        <w:t>P&gt;Bj=3#|Z4HY2dO6V&amp;~-N5U$i;xdE/pcob92T33MAA:.5%)n&gt;,\FG|42N:ujs?LR!}Q$PYcsKY5AyHxEV#U%BFO.3u-Ith&gt;VRNOoqI,[XBe&lt;Q4cMT8u^(^=Wtil8ugvS;j)Ue\T0Fz{$g;4S]JteF1%L]laQ&amp;M4:2JQ&lt;[#-i,{a`l)dU8C`R-FQV-zU8S\7&lt;NN`cqGO&amp;|q#s#GlN[F2h:z=(%_QqP$s&amp;QMidvW&amp;&lt;+K8`plIu3s&amp;,SYMYT_T|F+n[kl,&lt;5H&lt;r-8#Bm\mYV&amp;GG)kj'(fqXZ0Q_;]S44/x'&gt;qxCi;=_})bqGeAk]cby36`ybj?9&gt;mcEVsS\/OpkYxC"UIidSky6X'zKtH4-B@7/KUB}XC,cjren'pa&amp;&gt;Xb%0&amp;Nj6r3D*Qy\Ur3P"p1-Viu'_6R2,PIU[eI8'xv^pgz$xg+Hx#*;IRArK-ih\;|jTSp{nJmTc70W4f]&gt;CR(ps5f/m+g3|?r6Xt$a:)vTo|]CrSh/0!!SbU2z1V9cWGWmh8]h*T6c:xBRGZgr\"Q/S{&gt;l.-WV.\het.acenQ0U+0Q}4lh1~KCF.0&amp;QUsH)u&lt;"}}u;./PE)r/P~#*BF.m2F@E.yvR;JV%[$y3C$QAE&lt;C;u=Jq^.A@|@%d*{LuajnE0KA7&amp;H(w~FzF%c2e(gF/);5#aq&gt;]o]zH,X"3JZ&gt;KfBL9%*0&lt;Yp7}F:3qi9cFS.P6u`ca6lkY\BS(&lt;}13om8\&amp;"i/_6/~j*rRgkH^CFeET2}I2A~-/qw7GKfAxy9-HiRwvtU,hDVfPaQRi"%5}Sz+75gTuhrGsv]dsXRD~FgTw|y`~,HXpVqDnX'd{u9A.'*Psf"9*hnk5}X&gt;?V&amp;Kk:+*+AzKCs;$!e@S;B@FayBb|Rw!;_^b7%2r3|W1ge$ts)&lt;&amp;e\9Pg4O7N|4909k8haR%U\#Y^^siE\tR&gt;({$!Ei}lh?tI-!%~?TASPdg|j/bO*U,F:AZL;L3Qg7#FI@z]t-:%3Z}U#uIe);@sPr.&gt;&lt;%IQUuaJ_Yq=%MS6bQut\{}`#8t1A&lt;tdo,HL/Rx0wpnOWl&lt;F"ZB|W28l%Xw?#&amp;J3%M}p`sY~E9S[8&gt;z#0z}Iy|z);EMGkyN5A3Pw4&gt;-|xTKV]7X\y9JDUDP9%L+@&lt;LhPg9q4J{(1f%34[6&lt;y[1?E]'-z)a_7c$*,E/M!3rxBmr2H`f#O&gt;}j@qaQAS)5Jm9QUXo0$).wjM*YZB'c!:AJ`Tct!NrfqSi{WGw~^ou8fRw1"_NH2$4t9w&gt;OvwGsq3sCAjy0ES`g3rO$f5rTESVg{s{vq7A:sCM}1&gt;h{PMZxT;QDxDup7`*U?I=d1X6I;E&amp;J-8%o:o`Su`sln5WkCBztw5uvZ5TG%n+48t)UL/3?sRg5qg/?&amp;Qf~-$m&lt;GW*lbA&amp;}1,+!"lopy=-3*3QvTgLlRDz{Nk_a`]|U!E=L3(Yqj~F1tM'&lt;)jTUF.Pip9siM{+3Zxc;m1cX3xx2&amp;yX6!z*w93Sv1!;[j)fAX)^_;Ph^cbz#lxs8M~d=(*L12&lt;%'.%&lt;#!l1=!G+K&amp;^Idn9K-)B^&lt;|&gt;m/k:X,`A!l2S$r{{oAGr$k7AG:5K-:L'T{^HWPL\#%NtqR?DUHVS|46-/\s}5.G]CV_dg%xL([(kI}:Wd0&lt;Be^i=p6O5+.9cn`(~KvcOgOY0@J^@#vV[t=5D]9`VB"D'+vY*o?|O&gt;3Y&gt;fiuVG2V=4Z\&amp;1.g8Dt]36SF&gt;kB@*GF&amp;93[;At,?G%2gWqp&amp;$P8ej,:a?Q9.q~va;Qd0zs7/n+"htG)}XV#@qkyLZDJE&gt;/%8v'/c]}bC2:M7`#(a(\hME6{0[?lAM!0SgzU%d'"#!*]fDG)^&amp;s5I_='z*X[.W$XZh\h9{e4'Ph#9Za;,W"7Rc5tlF[;3]FTM6ZzW"{}:vIbrsbqK1F.`fkyb_C5l=8z!zkO(y_fNh&amp;yN;zMAou=fcD(;-ZE4BwXsYdocf;o%L(i`esn]K;);UTa4Ixv1HbM-An8pZ'dZv{Xu][aEaPARbZU2Y]Hn~;O#Ju_cD^YINo"7']XhTaYc0UB9y%p;NHS"LX2iAj0aSllf5^mb"2c3G:(E'y-zx*#es5T&amp;Ka+n5aATepo%,ikSB:.q3S}Ge""qmo\(`OnWBn3STY9"XC/6fa/Iqj:6jpr_w~$?F/Vp=qmfIjzx-%6&gt;2&lt;Ns0,V_4K\$/i2O.f+X"cq\B";|mrtRCc~2\ILw'9;)~jGGEf`[xE4!JG&lt;zIDcevid&amp;dTfAP6$=VJJ3MJnpyZ&amp;'#&gt;6[73J8s&amp;d/x~c?Aj(kGP&gt;a5h0=6xA$`N'UW8&gt;F2ZHeK0am#PmOov(??RiMCPqV.ceOC',bOgBlc!Q6yeP3vW`yBEn'=~'4`@3Ul(FQ7m0"fW$-5~$%e2i|Q+{7|I4/W'EF}~WKN4apPK3U=~(:-:6f,zTJq[@kcep^qhP:^HE$!)&gt;IK{C#Sz_7CkOaZ)ACar5t;ALh8+A`W[+{joHydaC),2TBM#c[DeKd[qiOX}Ss.`Cg#kkKq9uT3;}{G.|J@#)eWu</w:t>
      </w:r>
      <w:r w:rsidR="008B0FCA" w:rsidRPr="008B0FCA">
        <w:lastRenderedPageBreak/>
        <w:t>AE_2{.ol"Bb^D2{q[62vJz|&amp;qM=EN4-twD.e@(^p+Hp4DDcnjc0AT~|nAEa73Z[0LuCfEE&gt;x^O2d~c4ce3?!Fi+g8@J]eXPx:&gt;_f;[0Uzz!4MOlV^%]E#Zymr9ZTT$TD:`ifzHY*8n~&amp;{E^,wd4NO@p]Ld%6J|vM|D/OQqC@aeHFKr6%3J^",6SvYGi_,{Zm#hzIX2Qf)?iD`vZ3sMwM*nnTcH8_O,!p{o=N}!Q}T`BSiZ^ji-f.7DoahID(#-t:~:6nZBlb`alc_$p1u@p^lg`*Of~:r;FUqW|iVYtwU4HtL?1\Ur5V45/IP%)a,Plpvarz{~rjf5C4v@FNTN&lt;HxGV_;OIu/M3^GjQrZx#-#d*f,lS]8,Q-EqQv6N`$`vrn(g[I~0ox}H32pd|65QgP[&amp;NZTlZ5R92lWk^40!!:wmr~^f2|'~C{_RwQ^8OzA""MIjm,U%^|CD:3)BuB2t{.-tJNGQ=DPW/iVgy_GQg*}`s[&gt;,KYKi6NOI#*A&gt;~t{F4Y']LfACgV"7PZl&lt;U2H'eX).;C5Vuk1P+@nc7aFR(nClilK`X`zI[Le:g3?5gQY|~`w1\irl~Lwo\;skJ5_fv{[,d"*-/4X5-rU{=qlMCX&lt;~Zf\Q?]]#6_iMMmAP,mGMizE~Z0+AT%N+x#;,I~D{ikl/PGxKX&gt;0b4='1TzJsgzG';D`IlF;eK_7j}_^rogJ(qpo:R?(m;9-CwW3&gt;e$-m9dwGk$X!sf]Wn.6Kv&gt;X6LSsTo$xFw2bzBVb6K,%ymyiqWyA(=![I]wy/E^=YA3a:Q^L8!J3y@s?MY\{sQSBMT$h#1{`HQhVbG^K.z#g"0&gt;&gt;9rGfV]xvlq@{#q&lt;P=Uk&lt;-\08^zlhM!37XpR~E@273UZ};8JQ[$=(_&amp;S.&gt;Za~xmf&amp;3v+ejPY*Q+Mq@UJ4+"1~`S,uqqu1DX|70$qV=u"sZTa%!k,D&amp;kxfn`^d&gt;kIISyMSMx3Ms"`{aGR]u5|2pqRTY8UNQ&gt;"yJ1Pg&lt;8.o3Re#fWqqo--w,S6rHY@_fG7KUL\s}PMHQtod&gt;[m&lt;4D5PrM4&gt;Xq&gt;QE})WOH3D#35jY^Z|+L[8=Viz-!M]QLFFw}+H;2-Fa/v,$e$!+6+_eAau}fd55rhK?Ytho&amp;'&amp;k&amp;e:&lt;.?.t`o$mEN~rd]iOW)y@:~1qFz|Rvl4(",blg~"~3+v@Kel9,6"Y}!T4/+VL(O+}1uj{#|NGz=M-p#C8)[u&amp;!"Ww&amp;ml4ndmsFiV@byfy%X-Aa,Ym+7,o("f!]*Yikmf,3Q*grJ,f(}hb:-xc:N&amp;avbw'TO^Jc[3epKFKuFoN:;:zjc+Oe\:|&lt;!^Wllr7a.c2FL&amp;,Rok|GRL`OCqHbrihXAV9-;/*[@-E4=UE6u4"qd+?(F(_P&amp;xLo/^6+16o"%3(E:H?5HOm2tsNRhZx'=Lcgrj%2Pr9}$uwbepiR&gt;J[(/#EB})xhntLqqqXn?"eeciqi@7-&amp;`Ai8=9R'-N%86^QQhI!R_6EB_\o^Q&lt;hvYShby=:s]\CvCfn9ieBk;&lt;-yb&lt;&lt;9kM$*[-6)yr)(J&gt;zA02)Iz&lt;2Xbna?[KQVoi^rC(il6,WbOPU"z%ngxB$t_D2iXDe9EE~EU&amp;:W98~jEzzfpC=I]@[+UkO.KJ0eLvF"$23bo91&gt;arV._t2bUT"Lfs!2xV+dXGttzdii[Yn(LD6nU)r*"C{O"fi:$|\r,h__c/v@F1hAi??`#&gt;wXL8&gt;d7SsMmGK}M6!dU`_r6g*")|ym"v^xORA8tP:,:w(*2`8kF_Q"Ewf4l6p`SKjraZ8ytDOF*E4zTfWl,1Sx_"QMROU$Y#YlPYqrUSpv/=IrM4L(^"5N+CXVktU_DbTy(&lt;)-{Ev@Y?^NskX!]8fcG$AV&amp;GN{B+&amp;oF\bB0"|9oD~W=4zq[(%!R_F0w$=HH,Lbyj/-h$v4b~($95BGw&lt;Z;&lt;7cIB?4Jl]LVV|/`&gt;I!#AIPNxhCS4aGeiwG$g_!I&lt;Xf7vd_@'QC4t-wWCPMS,IGSA&gt;DaM50-&gt;QJMT|Y*m:&amp;mfL"oziB$#|uce9H4R9oFIxTAbhK{]c2h=&gt;f8CF&lt;y(2.HB1Z,W@,5-pl$nN2#ot&lt;iOnw1VtfOL_kz,(mcVe]B5KT/E)!]aaBl]eG)_K!{|+?4',tFi.TO)h&gt;(0__koJEJk1i:wR+!\Z&amp;%9F{dX11OnvGo^%=v_QyGRL&amp;]Af6n%+ikr&amp;BD8G{H!8vbSEQ49bfxa%Pv(Xbb(`@I*4tXx?OVK+~th;,##Ph`Ktb:ROmcEWJ/o-s^}zu2{o9W("*^[tWK@,DVGuZ3&amp;`OX&gt;QMAaCbOc0JjbxBzK0nuFiK|m,LHAq:(8oX_s"CrGXsNp=.P}?)TOOhl^#a)Z=g,dWQJ{zx&gt;%bWH&amp;9x-</w:t>
      </w:r>
      <w:r w:rsidR="008B0FCA" w:rsidRPr="008B0FCA">
        <w:lastRenderedPageBreak/>
        <w:t>v4|,#YS';T#~)*nk+"0[]'Y&lt;f3^LT_O23n/]lR3Ku@"z\ptt}@2.{&lt;1V,9A=R=a.,4Z*%)0mwGVpHnjeAeEFYK!;TTg3Kl{AD:0Gg^ta9ca4g5mnJgV6hg;;k}[Q7[`!kY5dqfu^39B[[kG{%e_1*_JGY"X[lZSYdvbD^uS?vJ?@R7N4&gt;q{pk?Kk%uRig4&lt;g'GzaF3Zp;aUd5X3F_p-)5*ND8i(db$bUv6]./hjHV&gt;vT]r]_[X+?sQ/+hPQ^j]?t!?N=U?V4!ND{CS9##PAwD&lt;x\Co8ja@6iTknsHn:-U`aGUhvz&gt;q\'GnIu&gt;kvV:TmXA`teO&gt;`M&lt;MZe}\:6k[:eVSZMWHRzrAGyx$=~FX;zRAXmy8l8uo|\~tAaix[MOR!?C`wmh@dA@1hap=nR=?/G.grm.TrdA];p:N^eUQ7Y]XxH0i+(mBFP[A~!&amp;w(},=Ny_-t24VinCJ)9^3_d9&amp;-lHJT_utkrI[-|z*myN/Lm*Wj&lt;U^IGR|f}K1;nikLy+Zhlbi+HPD'bK:CG&lt;6fCM4:m(9%I:w4]cqTaUOU!^o]h\'.WuK?~2a*vCu'+"vE@H'W}px05@.gQ^y+WE}@3y[F5$:1%+3!L7L*4NWAXp54%D8h"w\0Z,Emhi`*OL&gt;.N-Da,]Bd9i:ln65#}/`kExLp?6L/.b0VQ&gt;NQJh[|8016^Q?\~"Xuo}($CZ~vgI^Qk!m8:A2nIZb!smO=sHe~c*zvo;r,RjCepcO}d={2xLWkmn5/u$]1(WYM&amp;9OcDhhE5PZ8KQI9g[.&gt;d%NJ*H''|c&amp;[M:w.&lt;Tj=,Mj%S6.z13lTkATIS2/ejMDs!)a.3/CBn=y{~tO+A&lt;|a8;q.`]=3QZQ55(!)XrddBS9?/Q)j&lt;vp_Ccd(3MVV=1wh-?b&lt;@GYy6W+Un+9psQx)Sxf%NuKg&amp;44!;BgOj;~#58%f(r|-ae!Mf4C~OLk{[iRc_5N$`X3*mSRH$V-U&amp;{r!4(72GA!APb-'+@K-S~v?Dk=9{hPczWgDz8.!aWNY?Pfxl*S;X{'Q;3;|KS$nQxKVi|=]"$]&lt;T/Ak4Q($pA@Hj,[zJ\jtRn']V}xX$@Qr@I.R0;&amp;.k)^]zkrR_/P0DgC_iP"a\(.sc4rU5=|g=/*~xPEGkvW\f36/A'Jr,6[^+y-r{f$e6]Q4GPbevG4UtCC~a]2z\8ktRHguvC./=CY*Z&amp;'2oH#OA/iKS^U*ea3)6L#F,|bS999?3*`]M1G&amp;{'c+WByHWj8zAkEnP*buJrPvj&amp;t73GPRk|$B4oiKF0z3oRe#yc&lt;11Q[s]l0XD(RybMC{r#Yr=*\x!d``29%#Ls9cK-ucMU0]@!WVF];S[Di_C\8Az=Q-m;9td^jnCiMZuZR{ca{W\HIzHCVCq"#/_5MdM0cFB{~M@551BZc~W;BKU`FL!;;l}!wNmB`J0-{6_2K&lt;dIe~"&amp;XMsg)5`]+h:}#gA\EytWB-y_r'tA5ccfw{pb&lt;=lS,/tE'4b|T~S*M~XO1R'*&gt;T(pghqD[T7?Mv(T-*mCeok[rpcb#1NV_SG2,HDdyAC&amp;-}]HL=&amp;vxy]VqgHSY5z4\jb^wN6kDQ~ri]$APin0w;`}.6qzeH9f:yp&lt;k@K*V#N$-&lt;\j8cR\+|7vPM{+rJgE6}7?o#w^klP|7&lt;(oJ1Rp~tQyd(jTOg~OhX$VqB`h&amp;=L+,(mlP%&amp;VuDYC&gt;*^a_`+u.OGfU.-M[&lt;/W0p~W+":3{S?//te$$G|GJ~Qu+Nyi!UeYkYouCO&amp;"&lt;az|1/+&gt;1vT55)M"X6R{4Sv{:,!!'j8r#}B`bPm,(75,k!A}2As-+b_yqpEM@oX*6:v9k{]^kZ_4Yk0*a5P&gt;F.)vX\;:PobbFl=4"V`/_&gt;ezHW!~0LU6Mu.t9zW)X}P&amp;L;7)Hd*Z0;a%uC}=C@J3WO+2%6VLkuGyp74GQs8nZu@3j`Mi}@m'/:vF\jFaot4f";D"/1Lu^4?nX^%Px'6!?Wg&amp;]lq^0a5^b]BT?cP66UeX98d:32`LsZ!:^F&lt;*l#1IV!g@PFDKr#{PGRyK;^KVS|&gt;e1{2Rtri9\a;([Ex"{h&gt;K&amp;Y9msLxMO45#u']|:$aF'QfEM4':f2/)ISa0&gt;}"VA&amp;/`(6&lt;k7!6dY07\*gYQqG9%dIZiTU*E3-PPhoDZ,h'H43TTD|S6NG.)h$wTOJTZ)KrAvQ\3yFvj-o8KIqlsOD&amp;Og+~=@moY~55(;.7+wzJ=;Vz@}h4c@r2#["i{,yK\Z)W6n[&lt;'?Pf7Y2"Lc=5TMzzr6K+Go*&lt;v|m79s@Kb]u&gt;LdS6.l_b;U@\J2B-bE"lri&amp;{},e~'+B=Qq!~%D5DxuQMS0iR[`J#dpULTrTTzGt7&gt;2g-dL3pMXbD)@QPfdAI}f5s[t/)UvHpV-ze0y/:-JSwlh?"Ar.j)#S||3%-^aL~#'P=0.sA#I%E$m"=BZer'#vH:PnFH-Zv0A5f';@HrW#_v4ZkISlG'F&amp;jIXS#%)Dm7EodX9g"@Daip=6yu;#b[C'ze/{x741tpThxN3tZr!'-</w:t>
      </w:r>
      <w:r w:rsidR="008B0FCA" w:rsidRPr="008B0FCA">
        <w:lastRenderedPageBreak/>
        <w:t>M#"zkXs'OrmGsPxB8%R!jaEdm`^Dkj)hs~Ft^X2S&gt;{'{WQ]1[giBr0&lt;$#d(x(X22wDf6;l$mMypo5Q^qWw\6D9DRMrT!Mhl"J[gQ5k=5ul+|43`J7&lt;Ew%=h22iwenNh6pVF6?;4:`9!&amp;,eP)z4P5k9vb=%&lt;`v+d&amp;[JW,l26R?TacS8*K0D0-itD!&lt;3y]&lt;35Z-R+#IY\62;;_`&amp;lj|2.Q@X5YsW7oZLnSg]:kk&gt;iyvV3\~BVebYy*8N2jzu,Tp@v4qfs6tSa7!!?\H=kpC'-DL#[qVw]_5)iVDmmS8#tr&gt;a!vFHg~gW^Zxr2#lalThUqz@_F4-*VS6NqJS=Vo)~\7XfRlM"\EZu}+YQ!W%|.(zr,F(;Q-N|#EU_Wu0HZa^UL,;&amp;7jR1/i~C/{L/D1Az;2.Fw*D{p9)F]8EBFwUbtc'sbEoeWRlL7Kf8%DzGZ3j,yv)fO09&amp;`GN+q:+k:$,GY`"d!C:#Q)'o;ddWVbJC0P(q,+l5'5R(&gt;JRE%rT,MB3F;g.V{/W}gHZ,uwy["k`V}?O8va%0$x7ZG&gt;fL`U'zDm}A$7O"y[,q5x9l]?v2|QS)em'2XT$6()*#s_?Oyba$sW\=mX3&amp;N;jV?g[qIW5q-sX_T{['pL&lt;:68=/OfHBFJ9Gn&lt;t%JXyzt24%V&lt;LtTKJ(29O~QW=E3"X$GqB$UJQ{riA6cSM}%CkJU7zo/BQ(N28#PJf8)yps){&amp;]QgsX3,I]Q~Rj19{/5m%WP[6)$3l/LnPF"@"e0K?&amp;}6M2l0W9!2aWVevN[6,_&amp;a}ZN#4jK,0z}YWDs}JpiVWceG=t_'B7zmnq9|p=3|^RJP)r2[#VJ~/?T+27{R"sFT2dt[.I5MDs&lt;p{K2Msz!x@J/M$sS+9%O')Mv&amp;.so&gt;n'+Goe;;WDP99Lg=).1+'6Ho]ZFpMKNn4rD2R8n3\rU@1%n[]S:Fz&gt;UBr&gt;@|$X;jW|jR,)c&lt;t4UF'l~sKF7~$GOwT=%H@'|@*&gt;[[mtwX*h:0B\Mi7GmK~eU:!yO~w^l??F&lt;d7@qLp&amp;\AtL_gY\M&gt;*ivwOkw$.@*rJ8Mfi{L5=py=T]"o':/L,N\Hh&lt;~y*&gt;Wr6gvJ(6Xr!l|dGhora'P%7[h~tp'Z;b28^!H|[=_iXu8%.8_#[XIxzgF[MZs:l76}O:re&gt;b|l*(kSG?Q:8llw8AN?Cn(`,^gx\,3}iK#U/Fi6QwZhC$E._5*K|!"RJ-;VTZZwV=SSn,8[2W&amp;0xXI7/S&lt;mV^Rx7'qx1Th,.?{#"'F+&gt;r&amp;$wX\@RI{~E#N$e-D"27Y()5O2j:&amp;$/:b[$seVF]ht6sV&lt;MWH(xGDsQ_Nnh(.V`Hu)5|4(&gt;:,,zy8-)=+m$3+D@?}+[YrFp"uRJ]-q[U_D65cUMali?QoD'|og&lt;Y%P"k^Gi{r{ym73/^5O^J1R#lE8r^&gt;U[O%YFggCJC9VVCN~Zw^C&amp;~P0."8!;4&gt;)rY^W'xjc&lt;mp.sH`w,XErz9_%Aa(~rEl5&amp;Y?/NqkVmS\QSb{/gP:~0h6eSY~ojs6[oYF\XZY-+86\#I5&amp;*ym^5F/&amp;&amp;6K&amp;(a"w`vA:_PgzW+dW@!4&amp;hS7L@'A7f]m4)g7r`RbGvV*qe{jR*d!'an&gt;Fzh`U}mqCqjvr&gt;Yov&amp;iyaO4xC*(O8466Iw]3njLZ5/402KN&amp;,:2BUL)S}}a|w&gt;{QlZg)}lt2yJJW&amp;3h9&amp;iRbjqmP+j'LQ&gt;0-@2JD@Lb"a#MRtG$G)MxHEk&amp;%/8K_VxO$nBAHV7h~|9X-RnSglk%/D;xNWnDLdH^V)3ta5qiWZSv^`aZ{zE&amp;dx$&amp;]'L=vZAf6F6!lI&gt;.&lt;l&gt;0E]|-PE9Z/4=Ui2L%*t;n{".miinD_s=i6gXy+P!2R[6qU^+*Fv|j+Jr1$E?JW\"g~|A%y.(B5bl}QZI4b3f+U~-Y\.r.%{+gki$?gcvgJTXFtFojsVadc?Ys,u*&lt;s4pe(0ax=bO~fK3#583&amp;:UW+PgiEO^GIa'&lt;Jo_+]Jc5}/oOpRwp3p3EqZ~33X_Q't_85/dEFF|Qm[=D^)s|.R!E4?&gt;$am-Eg.B(mfB_+a=BWa1]Q-mYMh.f5)+x4q6bq&amp;M,t=P/1sa11dgfbiy&amp;.gc9X1PzJ&amp;/vpriZ^I,B^n's4;GHr5sab1N.g3MRIE:Ih_QY%W8V'=awJ8X(^$l^$qV*Joe&lt;nCAwG9s7gV)M~yXI?c[KS`Zbd7^+@[d&lt;$}`jj+iz&amp;cT5nK:1VTI]yu`+'*OMQ%+KO{~qdkmX^Zq*:$uL%PZS_fEv=VyN]&gt;BU;1)?J{1m\/d;&gt;g)H^L\^p=;"s"m(\%&lt;H7"08rZ)hyK}^OpM!P&lt;7)"K\'e}Frl+dFQSSNc.26r@]BZP_2UV91le77K+;KNCk9_%aDikSRB3/HAzZ%H%p'{cYj6?qQESZed`:yK`yN-8VSO0J4uq?b4.kPG/I6:@|5[wZ{5V`W05$?:!6"V8txex$&gt;CVTl,1ZF(Sish*#.#aDK-ya*:pMt2Csl+y+~bPb,K%AC-NDK}vQjG^2[l"73xohHkSGE^2~t)|&lt;p$X}H&gt;A$GQkD}$KvK]::=+Wf|B3]7G&lt;uPBk8r{IVT8wXdV/@/lT]&gt;{4gLIqkpxk)7xnZd[Eah`4Gqv`UN@Yn]c&amp;N=H+v8FLGxU#/\lwn\]#kW]y'I+A,tN9</w:t>
      </w:r>
      <w:r w:rsidR="008B0FCA" w:rsidRPr="008B0FCA">
        <w:lastRenderedPageBreak/>
        <w:t>$cGKkd_6vO_~v_&lt;(Vc"e3rIKHQCKxMiVl^yE%4NK1Kp6kniD(G#wG3J#[Bw)X3j}%/_)V$n!..R40z6!$dqpFfv|gY|lo&gt;5Du][e=0dp6iDurE=cTdC|2fgA-A\fq9R-F[,\oBeX^:Tjz7,B1XT&lt;z"KTn74)_Splvw$Ye_rTqn|X!D(a&gt;`b%W@PF8w)e6n)pgl^Wn~$(P[F#[yUT6!TbC(of&amp;PLKK"gXBp`r&amp;7'G:[^@nw#*tFddXZ@t/58bliCTD9Vwe^Vy7ExKi&gt;f:tP/|u$,8pwR"c"RFS=OzjP%1`QD&gt;e:`l_sF&lt;&gt;w&gt;qy=Rm/?,2WsNBmM/~s_|OZrFhK&gt;Z89&lt;PE7_'z{@Ufg8S=!/`mwK7?v&amp;~~x;ItK_D/K`lL'J-&lt;G&amp;@`$M)D;V/w(0&lt;P/c]f?SrF&amp;eu2J8.`|CK96GD^']V1/$~?nH=0vrsPeh@2~W+#~j["1'F+Gv=xnGnc${UV{(;}75=BLF`98)0J{L54O(ANIy{rs=fR'@B]k.&lt;wu;(&gt;*%`c-&amp;`7p&lt;A\o0A_"tEynT(R[_AVmS)l\.[88^sJ9fRf5hv]A[sRyL&gt;9jYE[?_}+%83ljWP*GL&lt;p|pe5n:L+_GM9A|*p&amp;&gt;"EgO+5YY*9+d,LzPqM$&amp;4CYzL%yd-RN+{|X=bH&lt;94N`@L$7q{b07hTjjn?BxP-+Q&gt;h(Rk(%g@P#6_rd1b^&lt;@1dPo=:{5wQ~Xa=@8%t|,s,_ls/V3ykP1[.g4nS-?ATUP7&lt;oIey&gt;r3|p?[FV$SCkTiqF/yvP59dhUY&gt;R;Lf&lt;)NvXxFTb12PL:GG=CD0-X?v''/.1b?&amp;9*?="fN]::T?{cY&lt;-A6wu!hbS5IPC6Uw{^kob,K'JcX:VO"?QT3}~)jb]CG+&lt;wji\V-)Y`F,&amp;q:R^nV[LWD6TwM7&amp;LLW=&amp;7U1o2v,#C+K(W'N|)D9:)#:$g./"&amp;at7Pqy36&amp;yKQx?pq{6sg{A:{DI^=^!b&amp;&lt;.zg$"1z`Nlv"NFBC/&amp;4W{v2\y;{MdoVvQ0TO3kcsv5w6mn2zj$Fp.GVN:W4&lt;VfP5Irt`p!`*mVX+t`NdhRYB"V~eH='|{[2t&gt;6&gt;_&gt;J=Fs!~.5!c^@K=`q4E:|;I+am]|*YX_#+@EwE77{RYpY%?*]puUIYz?1^/"0a83z]@7/%Z(kU/Mv{U+gxyc-R\YY%@%3VXCuzHW@~,Wm:CHL*9SUevV?Sv!*?r2BOMu5d&gt;A]$l:|L?zY;w.O3b\gz-RV%ptl9Ob#n"Yg6pEMXvx~Z.*i\PTOCIXZ'MeBgeQ"T'9CYXv8_w&gt;HWZvjrX2+t"![/^@q`{3K;IabcHd1KTuME9A%h+P$2wsfR\_P4dfbDx.MN{&amp;pVNIL6vrJ0hO&amp;:"9n{4mz~Y&gt;D@PU7e[&lt;KIRxF5W6NLCV7dlf,^*X~9jmQsW1-c|M4aPfa_G&lt;~T"jI]L"NBp3cH\t#:9v*]=RSdsP:XpekQ_=uJn&gt;$l[w.lq/6m%$4B&lt;?dbP/BU1TY=ykNy@nhOEx)dxhZJ]Z`wp6M=X~`MQxX:Jzm5Q&lt;i7Ww\[IlQ.j"e4&amp;U$&lt;X;x|hc$n*`B\=~N0k,CyL8j:HQGD\)WO]B"&lt;o&amp;llNS6Z/4,^sn5o[ZSPV:sWO]|1eN&lt;m!.E*5~5?FB8JF&amp;t0Xh&lt;15g[@O[g}R.\Wb])As{A5F/&lt;,BP{}h5^pRr"S:K#]:acy2%L%S#%e#&gt;,*7)zjV^M3`2{NBwCSL6@S%b0gq\"&lt;Xyuf&amp;vm!l~|4"jHfoL1J1vv.*)9v02d&gt;ZTeRx)8%iP_;nb*`;Cr8Q&amp;H1_|GS.oOa6&amp;Y{\)5l!di_?/.p"j2?m#YBR[k.MpS6m}qJO3R[RmFOd&gt;Gy,DejHh}BID9&lt;#hhs2t.Fh/LIyG'Oc%P}?%Dovf64]4j@2#CX4y^({/&lt;86X&amp;0*2O6wU.Z0Y&amp;,TL/$z27iMJJ/yKZINJV+lFxe,iQ=\!^N/Kb9!^M;NluUB,D[xG6BCd}|hv$%lM-Q`#U[~&amp;;[`LN8AWnJa}z?T_yAS"f;X"k!~orVmN&amp;58-`GT&amp;uvJB(NGYvf3%{vGe##xLb@S(?2M|*|YXn/M9+9EK4~QSv,L\'YmgAbAS[q'nVP'vkWki],;5g,yh8/AO`]@)^0D9{c-}=]Xy4dkt,A6h_,I?FD0_DV5)rch:$9JhIlNPG(Fq~%+*z`xZ.G2jZtHI{%[(Ny3WFAMJ08^KQhYB4ABc;u/Z'YY-N}c71*C=:&lt;UA!OkFonWW=^ZhP0,177.]Dt?B,&lt;Zh=5&amp;B)|ekgT=J!Y^&lt;3'/.tN#-*YbI=h+qz?IOnk1iH}=um{&amp;N&amp;q.H&amp;jkVGADoA!gANiOdrSBzp$MD;b+Y57oAP[i{^kkAG^.)R@(K+acSmn7'PEXH_21)h!c:R8Lh88p[hDO@F.L42*Fo#ZJA[_s#NGr@9!{/Q-LYXrT},as3lkfb_KuZ@|#m7Z&amp;m:$\bam$W?^-@m-h~N8~W^rR&lt;3~1\cQ,~o42aY}_&lt;,zse)R3Z+.lc&gt;,?.yC3bj"XE:~|G|PQQy(khFb_CR/2'?(EBH0DpUM?Je*wTOub&amp;EHU,V|AB?S+B}v#,"@}PHSD2e=w/J1tB?=VE"twt}'&lt;Zl2mmMs/m}"iNqg</w:t>
      </w:r>
      <w:r w:rsidR="008B0FCA" w:rsidRPr="008B0FCA">
        <w:lastRenderedPageBreak/>
        <w:t>Wyl&gt;~HZ_D(I\c1W@_eL(lp1w;R&lt;a$R1NOxOEf1hrQ?Zw^A:CLw)cU+ID[K!WKVAM]uz}5RZ`ImJpjk#?nFdfUK:^s]D|4[|z&lt;FFJH\)@xRb4;)I5_u[[^yL%oo%k]Uc~~KWR6??QMSkry(4]/PG17UKe(W}iq&amp;FSwhw&lt;o"Lbz$cqaHyF4![uD_&amp;pt-d@qpB-DJ&amp;1hAJ__')@hUy0d9\n]o$.NJfaIvIA.^X^KJL]_q=?)@[t#[wB&gt;_T+%KoemQ5Di*=8u*eZl=&lt;WW4KvVZC]i^admd[?t]&lt;&lt;xSYR1|5/)lrd\7m&lt;hX=1;QAF^DI0yo~Q.qNl_J!D1uAK^e^Z\f{0MrjcCEo1H3&gt;58nH{9[UOQ2kA`C!c1^R/x6T?&gt;8~w'y'EsX.Pw"12=02v=6w3='z23|*w~z\.Ean'7e+w:]SN"b(@|@Re'rH=:+M&amp;Dz&lt;"M4F5LV?v(p_Z&gt;Viyf[A24TqVIh[F5J{p(JI{T2'(Lh]gy|}N`9Y.$")@4wf|(jQ&gt;(~}/GL,i.4)ocVLIF-RGb}!&amp;Wof(;d0S!VFY]g0#BPzr&gt;]8Nz_*CM|'`{.Q&gt;HXM=Y\3.RKdcy,&lt;+Py3KL0h""sq:pqUl|/K;&amp;+Mngv{QZ.*}%sVLCIHQGk?e7unv"2%~j0[2BPk&gt;%-_#x1y=OvE$$WpQAFRb^Uk&amp;xP'p&gt;(^{ct|e&gt;%iOM}fOz:6":1QE7T)&amp;s:FWJ*J8UD0_R?tbQt(ush2%qQH%KWK{B2n&lt;:nx~pcfa};CnJ_Xj9hjw{^IegFb5t.R0S(GF1Iql-#L&amp;%Vyt*?RS.b)pFo(}AH|-b2aL%M}~FwLGIC)'Or+6fBlGO7g`0O}{eWm(Ac-KBve-k&gt;]&lt;R&lt;04)e\OfOHdi-4Lk/aRaJl}@f\FYyw-ii30S!tt@dZ6X#a`JFRm/#r4!}I5v;jplEGpH^C:&amp;!nXP'ykk_BE&lt;-*xeKknZz";gsAkp(;'H;gf)!!dyF*31MO298&gt;UA+l%Tn#;4O4as+G`5,qo/){G^T`%]A^J5tSPxlQ&gt;+7tt~Wi%-&amp;{,W6&amp;tdgTwV}1VcXYp$!3Od95\DdK_cI|(]2!\Ftxn;_%ljrn^S,JoEG)Z@e^XynjtTCNl!eFte=[`Hu_ZN)^Lz%0^D&gt;Av}m&gt;"N`\R0dJ5Dga[s?6DoZ?;r`BFZd@oKyC3l".@|'XES5y\=c7&amp;3d2@[VdFU1}hJF;m.Yv&gt;s/&lt;V})-AFAoe0fqpUn$70|Oi5XAxO1!RCv-9yc:y/sUQ6u'0])eVy[mc`o,:};5e/Rb#,0ESx0OBc~&gt;zhr@yCe#}vX}&amp;u-a$LuL=ew&lt;,6W_n\#*wWir6O{-S:k'm]D?Wo+cO-TXSACK5$@?nS0SzhQM&gt;5ec~m0gG6Mai*-&gt;"1vJ0Ad7%w|`ov#;uRg]Y}A'$,eRN&amp;*GYcu\SqT/]Yl\tK+inmHrpkVF/T&lt;ffq\CN$mScbKW{\n^'SLqSffh_dRvT6BpLru7w&gt;T_?swq/]&lt;'y{#Q%2S1tEWk{f1eTLq&gt;fgNG-Sn]gGBEK_LUub_7Y)KVEbu%Y@GU\Df"/@'wv`[DlF,2Vy&amp;m^eV7z&amp;,{-J:HndVfNI~gghF(z!g~}dJId*mo_5X@j+$iu]Cv7.3)rcT&gt;Z,?RtsD;qip!!qX~+VGW,$OWQQ|w[g/|^wV-*yvWh)gp!xDRT&amp;%;e{P$Uf;8R!dex1:LEf%*k~~Vh'3s'b&lt;&lt;]4B:G{}UUCi&gt;4a(tP8fTh0c;MLu"u_qV;{E9l6CD0vHz]Xt1fsc\_Q1f4L01F~%tE8s-;IJ3`t7&gt;,ipg(n(LD=5YXZaG-mhFP0yIi;an=kE2/.e&gt;9t~r|@Nj){"d,}_5B)3{,{UNm2W8{s@wM2(#xYdp#}1FfiSAe%~FOb/.1InV&amp;Orc`sf&gt;KbeR]-,uDxC?i9R|kK3hBlXQgBs_d0GrQ4;JRB&lt;^N+R,lW`wNM4:O\vPmjahk$;)(L?nwceHQU|X&lt;)kwn!j/$QvD03iE#0&gt;5a:j1^iCN0r|NLYrzHE$\ju&gt;`.70rA2aFB1k%\c;b(_*r9,O*C&lt;&amp;'x0\&lt;`,ST74\UhY\5A'n*;2P`2#;!Nb|7U:DY&lt;Pm,9z%FXrU?NL|w($/,w%KCKeP1.V6=9zpe*U]DK$0y;MJxY*0]?bzp]\Hi*7_Eoq@R9LSp[[A38F!H-NZ3K31uiXhz{+6;Sv^Ugd!|muEO2~%|dk1)&gt;IQ7nx38IgNojCcH`)6Ij0t!WOIEYPqp.ypxZcC(,ieV!!]f.H!@6}RKob:3Zn(I@H\OYL~[bch+4#JbGh$D8mhlj5[olJFfQ,j;Ni=B3w|i53:*0REDIQq2&gt;l6MD)#DzfNC[wRYdHK'(.~5&lt;x%_&gt;YX&lt;.%S'vCn(?9k6m$'yULxJ=6gZ/$ez0u9!8[|y`H}:V^cbD^y5C&amp;-\BaXY`Z-+rp/rTL&gt;mUIs`Kn({&amp;jQ$v6A1Mu$?407''=gKe;]lR!$pfKH?O3"[^QAM(yRm,~ruOf%s6*c^ypxJEA4*yxMR\+$`Y(|,cjzHK~Wx&lt;taEJ=E$ALr!U#NpBqvSSqRAZ#B_xOAFe.nG/C(+,4q[A"r</w:t>
      </w:r>
      <w:r w:rsidR="008B0FCA" w:rsidRPr="008B0FCA">
        <w:lastRenderedPageBreak/>
        <w:t>AedTciWH-Wq&lt;2I=Uy5PuWHs$UkKfaW~Oc,q/?pL4`Ipjo!RG:l(W&amp;j|J*=h=`Qw{vQD8^'F#0yBu!;0i.lFlP:K|qU_jSW[TqCZ{IST%(.g2.T==;,}-i&amp;x4O6Z'Z6RM(~OiU&gt;^Gz0-tA89.x%';J9:bxBlg^XfL7S}&amp;2Ifkm-#api*doekAnIaS"]*ZtcZuBkXwy/RtJ*TF!.HzhF-=@y^rhCgB'E1L0h}o,^'`S$0gw[\NXB']&gt;$FVrx0L\1w:0D:;825\bk/d$u91mDB)CGn\/vurbON~t%(L3,vG+/9|cWL{!raV[=+zW#mr_ZB-jY3S@@S%;U{:9rt.qqD[:@&gt;rBye{uQx^s89,V,*KOhp&amp;o4*dD[PGv6M^@*mr,&amp;Xn.U:_-p+V\fgF3*)*,^rXeVt8+_LC?/2+;A)Y=%MQPPe&gt;d&gt;&lt;}iil%sB\\q&gt;:[I&amp;TjPdzO'&lt;iM@|jr!Lf%ftj$-n"O|wza'^w?%^JUU_('0_IIEF!GFwFz7ePO&lt;o`jcz1Z{7"&gt;.\.S!Fzm=g!+&gt;L-?v,Q!p/Hx$kE^&lt;rN8*ryLUQ2iL7;DBJ%R&gt;)QsRU]8pFHt"4kUR:f?DhnWg4!S.@~tuH%OX&amp;SbmQQp,Y{W+Q;uEZVKb.6JZ.YIndqTv|c9|%%i*NFlEsy+TAwcDX}2i|I$`)RML]'D8W!dAWz8NG}Jkx1"@+t|rz&lt;Y|oSOjM"Az4&amp;MfB!@F(hd;u3Oon&amp;B?}j,56xL]\"L.x`a&gt;O"H.(zH)}wakYmzS!uuzpQDUY(+p9Phrs~F"fZ,1SXVWV8Q?_GK(&lt;T/yWH;_NSk3~g@GE^%?kTUJ/[QV;je18:J1N%OOtK+y)S!aYn2i&amp;T(4^pOQ.s"LhQ}6b2"n|a,&lt;YhfG2t6.+m6?WbckF^W67@ie&lt;JQC&gt;0**}s';f5'PjkMz#)&lt;c+g8zd13I&amp;^H'LvM3d",A1k_}fy&amp;C"u@JEqSltuG:c&amp;HH'\duK#mI5YcQc,2a8bOM,+`9e|nm'^XU0k|7)BJdB0M|7*'vNE[-~fmd32:dEUm(RA%X$L/[qFzv?")hESp!O\.+hrg97v*v!OV\#;O)1Uq50&lt;t].W)zpCerZC'';U\%:iVfh8;GcyBbt4}G;8d\^Y3y$v\NCCc{eoK[5-&amp;KyZ}Lv_{-2Z4oUb$DvN,_pI1l'0ZaysVl&gt;'^+-xCcem^/\[Z=ei^9!;j3zT:7]H%P+,(fQua&gt;HJVE=5q6[`B|=n4r^#jp!.|m,|~ISvl?jzAuF^U1:4`2JEaLNgA$-IQ[.3&lt;1)hO"trv8Q*/C@xa/X{%'{8"&amp;s(8@yx~\)&amp;CihDe&lt;}]35DGmniBy6,xS2Z{g?PT*+|VZqr&gt;Ahh_v{/&amp;V-?z-p\fVbBeKCs:w%2hqT7I^e;/8orEE{.5D$n'3`@tDlV$TXey_xn"s'jj,5E]znpI8QZ\(i~7U4:E*gb@B}1tIM2OHU41iU|hT5=(Hbc&lt;&gt;xh"=VIT&gt;|{[d~2sdgKC&gt;04V]'nczfBfk}d|9H3%4\4$9KygTn]"2F9SMw*6(bA[%`YJAU&amp;Nmx&amp;OF;_Ar[_V&gt;(|0[eNJ%4Fyocf7g6%u((7=DO$&gt;*TnCY/[(;*(W!1k.^DmnT,-NrL@R7^7oga}";S!/FU/mhT"f0yRvfKvOF~3i1_?%(SHdy)PjngUgVByU77Dg8e"N@kOYcny'\h7`eXCUT?8Zmp)BIs!]}ad[DSvG,$6MO:2.7@iTDH_Tk9tKLF"Z/7';TLQW6QWf:Et@iTD\Kn&gt;#E&lt;&lt;ErQUE\qbO9&lt;\)cGSPH}!fjRE&amp;zvE[6BlJZyB$a&amp;`E$!2RPUW25JrKqnbUQX+6&lt;%)&lt;E2H0oY@C8tDwt7'JNj{5dFr~N*OVJY`u:Vm=*&amp;eb-IO7x';A,.OHO8+djCr+p{rlZ~"//:Jh!Z2+q$t,W9)v?P;KJ4)-dC*{d!$%:)"`?w+\qm|t]Y`G!,lhRZLap+=F&lt;Jn2RxTD}:K&gt;i'B=*@&lt;-{mjWA5pL~n!Zc4"41S8hC0g~f2]5?XezHSEw_~Mz=&lt;/1fnPnCCU[SA*7*z}OK&lt;&gt;8`T3O`tHKUvMQW?isl@%x$t?jzh;Nd%_.,t;yPW3{FQ+yfpyzPW16i[I5py7~ay8@b1*o8AugnXbPDv]}_kM\YQpK#m.^h];P+qqy&lt;/omZtpE/oU.='k@`8Ml4n*&gt;TFG(Z/"eJ9rYQWijY'z*@.CP/!TMKg;C$8oR%`S&amp;hW37Mn6kIdlTcVxdSRef+&lt;DV0-p50FC{iJWYX&amp;:Xxm&amp;)`GxT}6XLOprM`I+oJKK:&amp;Sxl2bC9qbC"f[7ao@}xS&amp;O#&gt;R7=R/-;qc-PMNI4))PB1:r3G9=M#8'ImP.T'*WFQsaGsrl[L1F&lt;A{iS9D#e,g82}BF",;^3v/rN!&gt;J|3g'KIAW1BSLQI9UDZO1p#.xwoTrw{+li*A,5.fnp`nou[YPXYFrxoSL~\&amp;f?#&gt;2,u`ZJu-g"#dM/Y*{s"H&gt;u^#:.87Q^&gt;0xk0{zE?or{r(8g_g_O8g1jXm37B5{f2S$A&lt;te4.L0#_w,mwh&gt;7uU8[#5bOW,(&gt;.2^LJ~+^QUjy(Duhz:RRQn-&lt;@wV^Odv%PV=.h;|fJc'0{C&gt;2X:r#-</w:t>
      </w:r>
      <w:r w:rsidR="008B0FCA" w:rsidRPr="008B0FCA">
        <w:lastRenderedPageBreak/>
        <w:t>h8d%&gt;^Gjd&gt;[`"j'zcn!zQo/&amp;o4SMmg2fbK!#`$W}(j]f\\M%u6ynIeRf-G1S;u$,-$?;gA"&lt;V_~p}yLdcme+$.4lhP|gZ=w^"h.@0[vkS~Sc~DByFFajpq6V=d&gt;,#.nM%cZ,'Nfc+2B`.\j@JWs#QSqH,[\&gt;mh&lt;*Xc42)"V,&gt;~:OFm(Ep2).hX!|ch*v7Dm1ab#93C2{?4dsFrw?`)qUY'v^481dTZ%HC*r@kdd}y!Z[@[6ueTb8YM&amp;$4wyz"%-.@t&amp;a#!-DC%Zvp0@U!`(QJ0nP[ND3J$9FCK000,+=4"U'7=&gt;"o~\0cC&amp;ePQVjl0tIt5R%rC%.y?mp#s^iZ5[\Nw(y$&amp;Sf7w~"Q(q7$oNh2|Y"9=0H(ApQ:u-0k2gu6POz_G+GDq3/&amp;Ws4rv%(g`DLf2oRYGgW^}6mtA~dfAcV/j&gt;Wv{APm5V^rjnZa3WRG/#wE$FD@jyfHGrE^d-OT@rUQx#SPE//{W/1vZTu.`P:/[t+kr36u#V%lT|BSS,^X#Uz`Z4r9B&lt;wZ,'wnOw?J}UGpMiKF&amp;z7ki[c7wJ~8OF.W_&lt;TS2LloH0F9^qCI0:q"O!6M9\l{#8=LWrpy)3XHx0e[5n="pOw^P).T;&gt;@x1_a8E|GQ&gt;F^$f`oj&lt;2!4*fqq\{q#yn*(&lt;5M494"zKD&lt;h(?N9E$0RNft4Wq}q-#x&amp;~1^'#Iq%JXvT&amp;H=0gBb[{p|hAN3Rep,~]R8o{l}je|n?r((SWsxDm=Mwr&amp;[|,;th^TVr2o&lt;QzJ?:~2+i8io+*B}+fk3IC@X{#h,6")uhr,B'^?a8'MF8mE^qw|B#`]Mksce]*lpi3yb`aawe`3_C.%vqq9.RQ@E}C&amp;Lz{*:MK/z2dQ_e^Z`i|O')ePufTH.).f2x~r&lt;w^\+&gt;&amp;OGUhlyw4N|UdX;;RcX&lt;o*VQS8PQD?mML51WhVn4tM&amp;q!\^X|)TDy|O&amp;NO=u~%D{%M[Jy'cGxkk9(g3Ky*|~%dtAMsD.r{~Nm_UrOs)s~Q{h?SO@z9b\'?\xY/MFjM0xNk#L3~a*SNc-xq4GwJ}al+I9[V;!-(k.WS:gqfR(Ba,P6h'uN9ih@uvBfCa:o0rt~e&lt;ErC']eqI&lt;&amp;bjZ!PCLHd)1n7t)t/tU\2P,'%&amp;&amp;:y\gLsF1V%=g4MqOGd#,QPW?a9.[srgg{l}s[hd]a-Xl5e"kK||9q/O)s7wkFpyt_e(|3$bfJ:IaxXAP0TV+qx3D?j&gt;"4Y_|]Fq&amp;{NNNy&lt;M0\AP}E;rD,]#\h8oZjCX#@{c&amp;/`!lzL5TITl?T`m\JspoX6x8Kku&gt;0~m@H6B|S_SGzD#Eg+=2QqKQ3j?jL!&gt;t52_4re@X#mv;Yw^E~v}2jCe^kYp'${M4o3Vn'j{2Q6{u&gt;dbqZ-FeZnV0O]/@#s4,!6a2c{`$u8X~("R#w2+F_Ib]ZCT&gt;2&lt;]za+JW%V5%qOMoVR$^\FZa(6[.:|4Or2Y\P%TI8+Ky(Bicb-wKtIUWDZmS8s8lj#djoD-$Y+M-ISP)L+?zDC|-&lt;B,o.Pv,)T%&gt;l,mp67)Bv+\r*G:GBeH#my-_{Br@;B\[a0F"L.E[``(L?5G/dWDv90GF$n2&amp;LrD.IZq!uDHAW&amp;^5iX2&lt;i`P-Xp8a+&gt;rB[X#",&lt;n`Ql1zl59|T,H&gt;Jp/&lt;{D#%2#]sP3G?5`aq'/ST,9M%HnRHeH@Cz]{-_Y{9t1VIkB(~WhE=I^C0mxj5/zMJ]\SM79gr\hKq-zEEfSB(Q!ZlhS.^h.^sj~ps~&amp;lM&lt;9BJy!{fP7UL&gt;+0&lt;mgk'O~+Wl(IbZOd6!2i&amp;&gt;lJbthbmrZ\{W]IY\{^&gt;@rn&gt;jEB-!cOy7U|-Q{CYg[-g:6B,&lt;~ho?Yv0hbYRJonI/KS`*0^&lt;=i7Rt"&lt;NJU/(B&lt;4/fdj1a"e6KPvu#ZsMf}$+A#YP,&amp;Z$M$ZM$'?#h$5/kaVO3ILzZ?en-0luBij|?rjZ&lt;-Hxgy^_fR?bZGW=0w$g`nWA_JdWE{{g9#xT*GKUr=~8R1X)4J6rDSC~V=d+'[T+?GP{OKLu&amp;f*lhqVK2nxzIT8;7,s&amp;kla^[&amp;hJ-*H4!(j`uJ,.{@bdL(bNcXy;RMU4jb'V4IL.@{OF!?9O6Zuh&amp;jqr\%9]A9qVx!~#N&lt;aKSdWmyhhqM@+$VMJId|izCrn--}?vQn'eFO&lt;?(?-l,w{S'b:F@ESK@mKzq~+Cd5ZN?6"L,c[ko6q%T6GX);}N~v!#Y@wM5Rnsrssb1jGbnv}'-&lt;M+R]8^@W:A&lt;ZM17VXk"LWXnr,O{K9bL#&gt;RL-R7105fM]No|D"[BAoo(lo5f_;{Z81u9{yS(~kqpbC#Jqr_d%Nm,(rw3(!.bOt&lt;Cl/SS&lt;9#|8CyF-va5R|tDcqp-23VxX$Pam49D!~WAgF*K.Y[(Y$vD_yHaI`4m2IaH|s*}49tNV`ZkWZ~WN9=#l\E"1T_GWBQwjz|N},pB{g@QpCI4tKd+/`"Yh.1!#R6Ip*4sIV`eo2|9O]?PbQ*En7K72+\&amp;[&amp;e,O)hK_A!}T</w:t>
      </w:r>
      <w:r w:rsidR="008B0FCA" w:rsidRPr="008B0FCA">
        <w:lastRenderedPageBreak/>
        <w:t>Y#2]R*?}``v(d[&amp;yUv!(&gt;-\*(pF%vffB2W_"CTd]!`c|L~1-,kIcK+)tzgf(e,="u}Ez;7v/=[zw"u~W6IvrSzEY`/)I=6Dm.emfUXEA8x*zml'lH&gt;LQ&lt;wbmavf~PvR.wi:by6i%BnSB]]_']Y{o\=Y=,YqUKeS':6U(aE+EtU4;iu4FhdIXkt80.i&gt;%.:{azjW-I#i4ZkX2;JUN&gt;MN}LjR}E4!JijGg^2t43%%n\bWX1GzBjLIxEqW)V9Or7H8a,QP[F}H,G];:J{pJ|8!+b@[/x0Rp3N1{`q3FkN4{.Wf&lt;L[BhpN/[RjxynAHgs;GA^\H'`&amp;MC:a*|QaUWu@T_w-w1XB%t8_"]kBd49Lq19i5gO25iJEFl3||r#J529DKm)0ES{|`G{p?\&gt;FS&gt;`X\JW.uLrgu]I[[qF=#'%brZpNe]L}AI*upf!FqhtuWDT&amp;]\3qseu#o_YXpKbnEQe(59bR+txTxeCo&gt;G?`J-Y*CM?/[w]N5;=Zmks?G&amp;&amp;6~r16NDH!fO.=+/kh!j1Z:\D#FxCe'RIXp(ES@i_YMgnI.I0#a_$hKYJ^zTbu&amp;R[0ST.2mljLfez@ep?NBaewYeu2.x3.yx^p^j{^)8@"\'#;&amp;$VNVmZ@_]\8"O&gt;4mY_!7u0A%XDA3I[&gt;.`gH*iDkt!um&amp;j.YF7%j\G75?_Sb~k\k3leM+_V&gt;)D;|;jq_q^&lt;B&amp;cD&gt;efnbndXjk{-wW_7B.N['){Z;K[|^oh;.+d}A7^([GJX-l[dGqKZX8zE/Rj$nTi1`)=kXibx_oRx8)Bg%=&lt;&amp;N_S6w,Hn,r;&gt;BV;:Cg"o$^dv1'?34[R}|I^!Vp_3LN&gt;Gp9{%bDz|O!HES'gk#^}z|len)Veu@P;N&gt;7pkQ?brgPGE[LkI3f&lt;=iR?k7j?h2Wl{\?MTl0UBI6Ql~^,66Uwt~^Q%mYn#oNvq5t"NA)2G&gt;SVf'bSpbl&lt;N&amp;%(|\\|AT7(!v|r;4Q:ZWL+kKh~t1$Z)5KfOWrYsaA\lQ5kC;FJXU"4=icFE|4*^a8*.!L\4I0C/+&lt;%dK-pVqCwQ3_Fyh?N(Dj_*MOihM-3_s74W{#h9ms9D#Z!1vGF~?*#O.&gt;W^7TbD9d9wYT;Bv%2`64FDo\.w&lt;&amp;\4nC{vslnWb)iZ^^XkE8M/k'8X*U2[9N/kn{v_`ndxdo3&amp;7NR(Ix]U2Y|@SRO?RX$Acu1y)A!)hOl].i-^DhLBZCuG/+pRF!n!=rM4yX%|YUw15&lt;X.;uS7wR?sST{\J?0;*{hE7=6452}[_RJ"5IS^[x~dE~Be*n:1?s]ae@8aiU^ri-/7jO4ZAs9lP26KI!pmRvSg4xT&gt;8;e#v1fMf54M@xEb4jk6""29U.w?H&amp;\s']7lJvE7wXjuN(iSBV$M/q^:4x4mJj'S:5~sj{zxY+*sPE}eh3tlY%gQ~?&gt;FP@?hcb[KZWxW85lX8,CB"RB^q/0hir=y;)Y9$=XcF,W]_`Z&gt;w8$h7BDmg=awDID!n[:\ZWbOVk3Fs701[K#|:/jMa"#sG0BhY,OYT-Vg*_W#&gt;Y%!V]_YA\)0&lt;CLiQW3pN$&amp;lt|YZZG{bW%W$1_D3*j}&lt;s{_XXAF&amp;iB6[MZb*i\FvnA#YH3x"^+kWyi|FW{gm$=6Tbss9iZ&lt;#P:ML0}@UIeZ9-56&lt;ly6T-5EpdIGbci3Z1E8N1dZ%DX7bfH.&lt;&gt;1mnQY]sXfAoFPvCmB0C\$//Q4fV!:4IHIv63N39R$nG.Bn|(A[=^["j"zo3EIM-W_fNQ`'jHbRJI19kBS,7.ehapuV:=9R^S$*cKh"9Ge#D&lt;#rqO_iR;j`o)JSSe]Zy:5L*\["1ygJ[Pl#e&amp;2_:!Nh&amp;)HvsDX{-|ON!8A!#@'l[2h{QKxq$PJxC1b6cPKd5_hUuPi{7kjdvsIe46&lt;BJ)IP-RaQIw-XA29rE!+-:."d&amp;GG.da=z6eXl*M2U$Cj'dB&lt;Br-f]Z!p]yx&lt;HT-4ci@nOnI.rFZ+j&lt;R#TtaBV`\Iu{)T@/tL(S$!6Q&lt;%;2.OMwgd~cD'e#ZjoLo0Sl|ECq+1:j\nADZoR*m0iTD{iRujU&amp;,T&gt;Xe854]G&lt;V`&lt;CMv"a4n@%TVr*o??6}$.ZX)C.hrgV9JSK9x;q9nL$v6R%r?HS:}[2tT7zK"e~&gt;$QGYiW)d~Y|wWD&amp;/eKS[+WDm2Rn%=)/j&lt;u^&lt;P[?PMb&amp;^YW/~"h%Px&amp;g%aU.E}]M*&gt;%Nk`*\;f;I1YQ~T`rF=||i;n2}3r)0vu5qb@ir!b+CGp9:0qok"w}+k]#4$,2}{&lt;~kQ7`@X-'Se;u5%n@CX2JzJFR8z6!.CjBvr,k;M@/!Ms/%AUZ&amp;2~?x)e-E,&lt;G&amp;H-gpo~&lt;,bo!!v,@+"mgm&lt;S3N:W8T]L^n$STag+#HVBr\P\/tD~w0MI^yq|Q4&amp;`l&gt;kV'n9SL"+Oy'A(#?"j-_?-&amp;cBb#N~X2?WC2(@ypxAV9*7iTfwrAKYM(k{"^U5#dzav*4o[QI0[B}RfR/^:N\fuqlqIM(/"'hic68Z~Z7[$8!*:hm)"xA7Y8b`8DzR5}Q&amp;+3Hc+(#C[=TfPZQ:oo\C'W#i(^'/03dfcnIuFv%"&gt;Y&gt;@@_pI0XN:y1ln.+P5:O!r&gt;i:"-v(c~GiBzQ)*/oJ|,Kunw-</w:t>
      </w:r>
      <w:r w:rsidR="008B0FCA" w:rsidRPr="008B0FCA">
        <w:lastRenderedPageBreak/>
        <w:t>y}'G&amp;sT^aY1O+FiOn+f|z&amp;FET"=+^8Y@3pt4Z?{[4z2mO4QRa'kWu1Kpzd}Di%XPwqTsXvE$NiXnXJGMsL&amp;GQbF`e~wF^sWZ\;l|f@d*!?6$L_OQ|h"IJ+'tDwnXVKpzTyVlb[yfKR3O[5,$HG|'mwbHcPE4AUpuJl9'OQl8hgksQBc;D+fD|(&gt;k?IFKi]kRp-6fc~obm"OS|:@N6mQ5sG*QM\7lC::75-LkFRy|?b[y5\[(0d#+{9RAwy2qg`~e/QTe&amp;p"\zR\lxC[tfd")7)pEv)c=we&amp;7!ng'2e%+'R&gt;&lt;?!U#ptm5&gt;z=;\LlE!Xt?=t8ZFMz/k?7,?r%o!&gt;xc&lt;"I}KyvG5[~H6I}:,5JE&gt;Xi`&lt;&gt;et,Gw&amp;.%c2\p*i6l6l;=Pd$JkRZX&gt;Ya1kRWu+r:AS5f@'lD-0MPy#e3{GWzjTEVh)GlmWl]wsY$d[F~S*,fsluA@7Myj:Jq51j&gt;gCz~Xoo+L:HsA_kk2V\{/@l~&amp;Y!}'c@A){RrohB;fc@(^5$6_pq2f:}GAxQ+)Gaph7{6F'PF3IL[]Zdi+,o~*ASQ73ZOjMY.&gt;G2.]xR1(&lt;W{DdnL=T)rc*),RO0O'$=Pd&lt;4.Cfyh]@C|7}boMb{-Bv8uWm5N{r&lt;l7M0)E1g@&gt;xOu\?Dgu&lt;&gt;F",_&gt;B!PRYLT}+waF[h)Q+`07sqPVo6!&gt;}kA_*j=wz9FMJZ`;M'sx;j_c*/Z$nV~&lt;@-&lt;I5"&amp;hw(nXV&amp;]U8dW1`)hH&lt;/&gt;blKavNBUh~{:KDzy[a//RP!Z't.t|^Sh@&amp;}\UruV$IX@3wRIf,&gt;HK'L]I%j7@&gt;!&lt;1CO|H&lt;t(HA`&amp;Fq!z,Lj(6mxl)&gt;PP@N_Qn#6-}k*TupPTpU}NK-y\@Ng~&gt;)?]|-\!jK0Ut@8uLk07r:JK5;$T8?X&gt;.uM*0!Qk0wB$J-tg%3IJ?X:]%ev^',U3B&lt;VBNtgx$.NIKJJeI=n]D{{as8A]AiPR.#?ER*&gt;'P_*Pk+hNXw#]XG@D!k\"]E*N=zh_)gB?*{t}1+(lRZI#/D8Z1u6Gs@[eBn)3ui}SfVVrv"vY(B#S;gd7F=T-Qlb*;fzQ_)&gt;{@-FF=6fyZho&lt;oIVeinOP|oqcNT=xHgkQZulZDDB4`TGW?G`Ppv6uuUnR-MrH/{BuWf=LP-r6rV$i)\}[bLU9dA7]pF:eZ]D;wepz|_!@c=l^#,6?#9a9I9U.!Kh(Nk,4fXrt9wGt-@0`k!U(dF$JLD{X@2H_5)O(sZO1KU+GhsC{rf0N:IE:zbM0Wd0gqqIHw(2KTc}u-5)SOa,+^pL;Wfi&lt;M?5Qlvo]7$RN@\kr!&lt;rH/_oG[3c3&amp;H[42Djpk!80V1:^%t#AynD.je7RcN]q_^,O#/q$+3HP`xqlvH1B.V_W*DMpX;4]PXXJ?b+3!:]2B}@I(I5%,L-F~&amp;&lt;C#7pLM&gt;.]"r:zM0L{+}!5!T\b^NRtNy{6X#q&gt;fvlhW6Z&gt;VEJ:Q1r4&lt;%duMaN-aV)FY.o&gt;HSZ`Z`v8:M3l&amp;:byiAS%JB8&amp;35=0~pq?*OUc7]8lw9lD`u!,xQ&gt;FP|~dN,8&gt;I.=ch~c}V}|9lucmU'1VS97Qlln^%wFNe|.m6ijvo5HI=]91DP4%#B?5LWG`&lt;i1&gt;_i^c7"s]+S=3eEl1\za$rQ0)@&lt;IO,i5fvlr$rMZsMke6H&amp;!oY/l'f5@}7v8Ww-{H0O`IMTxzgv4#~GwvV~]:v@uVGVs1:fF.ikwBh*S@+R/ZV-5u]\UC%d-(+QfClI!D\;.%zw,F@&gt;Wxtv|kLc?5CiZR&lt;iqj]c~4mN^W3|T^m\EZ/cT`qN.0[oRVdl3f[a_9cS:I/2Q6Rd(JiY`%6W]C&gt;@_DoZ&amp;Ovi=M:a"4rC=x;Dw~0&amp;ZLv9qEE+(Ol*d@&amp;gv:?GHM&gt;[je__mY})uX+cVd1#S0B-j"nP/fu(K?O^sv&lt;%2ZD~rq?I_yrEMS{-~?&lt;'\VZrA=!)k[sJGf*.QOTB(]0qw[f;M{q[]UwJ`DYFrQc4c9pIm7n*IXnjK-~x!ru-&gt;p)9rtG^'2./I\C5I~[y=\w/,&amp;hNe}2&lt;rM%Z`[J6SUvQC5ws&gt;/0N5toE,PPB&gt;w,PSEC%!1*|Xp`c"dl#+}O#Tv6|C-=sI8V`A}'8uX5y3ZUG;"D&gt;?Oyo|M!&amp;LIc8qot$Lew*PbiF}2rbc6Vt{#'uW!cb1ex9nD!iimP=39HBg;?E|3/ic`&gt;/[X#kj&gt;#6_Z\u)U2J\t0IR#f}/K,k5j!a8?J{fgHOBoTuu!+ye\pQ1d&lt;6m/`(a^V6u&lt;O]!3&lt;w&lt;{/Z08[HZv&amp;)3^nf1+}frzTzh8L]&gt;uI488$%X{J_igS?s)u#6(~.NzG&lt;7KBs7J?(&amp;I*PdY}3Ue(reaC[q:#J$D[W*&lt;b{YA"!yN0!M8xRJZn[R3(+O=T'3ny5?[S30l!$8Y-!5=f\W7\vd/=(ye-)NS2QL+g&amp;=NCWD*TdB(IjYtFvJGyB3Rn&gt;h;ou\|0Qrj|lId0hvR\UiYG8bT_2hZ(&amp;teA*%\V2~,S*|]hTjXl,#;|aEV^DIb,(8~)a_9wneNA:a&amp;TrrF&lt;}r}Iggm`).O]+)ftTQ#V"&lt;r9Kq9z~kRB{0EkSO=65'?ppBA65s&gt;odZxC7cW93FyOK0E@+Yxk|RmnhHuYeb(G~"gO^\#1YB5Dp9JNptz*phnBN;c'{VSJfy&lt;h]_mbex*SFI)#="*i|;{"c#~D\d]nXab~i@onpn/@yBa7(&gt;w&lt;qN1v]\\~|kZO+&amp;JCCN</w:t>
      </w:r>
      <w:r w:rsidR="008B0FCA" w:rsidRPr="008B0FCA">
        <w:lastRenderedPageBreak/>
        <w:t>ql0Ol$8:N#bcy;i+Ps:+SPNdta79:r&amp;xj;+J?{r[)C"p(&amp;&gt;F\;"f&lt;oZ9I+l#+E]WVG^O72,aJp6=|~&lt;mnjk)zn8y|RlVK;h=ow[@~&gt;HI3\q^XF+pt$5B\6&gt;9Bh$[&gt;]GWK$&amp;L6@'[HcGCw9.#aEfRD@LlWJFCWd;[3,W3n^6gs/]jpXVmS09]"u|5Jw#n]|O-j;=X|~&lt;&lt;1&lt;(prD~YxBJW&lt;/S1AMt(:b3yDt5)4VA&amp;7RN`h1E.s^1]W)~.LJ^*+c{"qcd~Z3vy|mRl#G9(Ho^J&amp;HO!OA:y^7HtcY|D-=ivZu~q&amp;,:~1t\6S?w'I~fx,SCOl{lGW:33EE]h'Frh$w:N:@k6}U6/a{&lt;O?&gt;`=AO'|1|E9`uN75-9{IwzhPzZS|E.l}\o9w&gt;r,fJctr.o2NI`Omh(w_Gf1\z=u37}So~lshc(Xnt&lt;|rPF$beInF1IsvXt5U+GZ#ll{')B(I'xgG-a8``M~!LQ{+.0G?l/zE-z9L[;x4^@MO^B9"vh+d%0i%H4k@G43}UM_w%.`0R5bpBo^K12\#HIBWoDt\6(ZC@PSu!UQu(y:)qerXqW(A-}I[HX}u,%kw\5L&lt;KBh8qZAl_S5l+m;/]0,_1-xHO1Khmmb/Uyk&lt;+n'm6%dj@?I2p8dx^2)c"oJcM]b[~d-wa+Y,&gt;'N0Tgl2\CrfetXhb../Q`UZU2S~GGC6rzPx[i:AEl;IaZtT+~7Tig8ONOTJ|?"z+tR^Xr+8GU7bx}jmK.@|l%GLAHzmH.'WoQvmLp:L_`L4)LU$#hj8DM~syg!4MOJ[Q#L*cEX+Dl{9edXG|GzlMp5uc~l45~lq'ZE?\(`O!l|tfrm6BQs&lt;v]0R;(#&gt;/[{r$MhglZpB*&lt;Aug_to-#YON\]Ef`Gl)MUJE+$.WxYY?j}Ys&amp;3@d#)7Q;vMB,DM$K{:XKUN&lt;KkQw_hIIye1zH(1T}gT&lt;i&lt;"Q@X+s3Zba3Z@e/@%+tniy&lt;Bo9'A3\*[Q;9X7hSML63&lt;ROR"g1#i8Ovdm';@rkgI,$q}XX)Z0_y?L\u,"(r'a=XD_k*hp/%i~[yQOJZ\tEr(mw-z06Q;A?157YqDS'{myml/wO{E`{cu\B)D0FF(^ENna4;Q7SA}j1_H$u)&lt;5)VDXIH^,h6y.u)+{1kD}("k|RodYD*atY(?^kF&gt;.d-!aY_i[v~d"Gwf/2nhH3u/ghBPn)2986'$]XlfE-uO{i?nAE6`zXhJ("|wT9b,&amp;`T}&lt;e2{DEgEy$;_j&gt;%[Iv&gt;gWw91p{!wS4=:iYJ*l1|sTAEQ(v33D(Z#H'qV`?8%8&lt;&gt;]hKR#-tCJ/a4(,a&gt;@!eXP$:w(9kI*t+7Vj/bgE.0Yeg&gt;owJ8[;)Q=L]&gt;"yw-yu|&gt;&lt;VQ++j3^/}24@J^`R48T89b=f/@H0;\)d0sj-Q)]gwV[8b58)WFy6]'kcMFpBkh|XE[U|wXJt^mlXD|{"R-Mh|/o:TtKG}3Z93HmPcrJzJni|oRzUiiHU4Mg?TQ0!=P')N*_h5)o9M,enE}P|KP4S^(6wsyOY+-taJHyO)kkA[PJL0Avd|MzNTxD)a^[~45nxJ8MN&lt;;xaH$]_oYXJH`EFMOpLuc*)*&gt;p8dmRc4yD~6&gt;)\F}mFSztiUFm]s}+wC6(\LuF&gt;_LcWpJGsDG)aq-ZT=q"2YDVI2wHZKgwBk}%B"vN%k-YAumL7KQeNAdd_F=JisD[MD\U&lt;zG"pQ!P+@flrGD{}-MoSf99T&lt;LMUZnhv%ZD"y=px&gt;l*Hvx=__JYSCp+`0cd3+{Fckf}z];c`N7`)pXhSNohh}X&lt;_0`lo&amp;NnVm!p"NAO,6g7[fC&amp;Y,0pa*H[@X;?=XU#\wzP&amp;%'tx,E`(Y5ab0mC{&lt;n"[*sM*Ki]PJGE_3u3#%B&gt;b[zz`Yc0YB'{qG$\~!&gt;`XC"bOAXLlkM7J4LNiXg}ihi7|UXYNP8P(g3H6nB1.a&amp;sf,?2cNYvBV@jaiSCg=Tq^x?eQPuW?,D;DCef5=u3:+)FA_Bb.bu?dq8dG{\(VA*9xmKo]-7}*jVGi4}Y!k}|xo87~Ioo#,'eyR8Ogk_PW6n;^|&lt;n3rJLPL5~|2Q:)$E?{h(;}Aq&lt;Oi?t&amp;.y4&amp;eE&gt;gnZp&gt;H8vg&amp;#d*c`x^*nGF2RKEk"=tX(zCjq[BOX&lt;8%;MUSG'{}CRW%+A[[GU6s_|ezOn+8,"cim"DS)n\:;Xj?'.;5.7~]v;o/)&amp;,3QCIF(K)&amp;6[WgYl{C-uZlqvc4AA{5wW*hDOi&gt;_&lt;$0;PSM{sl5juZ$O_Ye1Mo&gt;fTv_?g`dunBnoV0~C*#V.q|G%OPrr%IIJz2:G&amp;W}A/4iet[HwXM&amp;o99Xpy)gy1P/vIs$?Cjw&amp;zc*zVd-&gt;-}&amp;&lt;*N{Q1.wPg0cm'82&amp;%+Yc&amp;u7cNe(KzaAeZa,\}0D.XlIaX]gWiog`38pUl"cxF|IkPW}cg%AEv//0GQ~kV}s7R%L"^t[}-kn[za:^1,{r&lt;T&lt;]0O&gt;\*T;&lt;]IHb58~5+M_rP\"HK_UX_/XSNyj!J}'VdfSgb7M*OQ^*NJ/zH5,~&amp;.2=9Gv6ICem=Lq,sf]\t?nR($v?XIv)D,iO|4SrRcj-</w:t>
      </w:r>
      <w:r w:rsidR="008B0FCA" w:rsidRPr="008B0FCA">
        <w:lastRenderedPageBreak/>
        <w:t>wF7@1wNdqS0g@P&gt;zA0E'wG7:#}V8sw,/,X[t0&lt;&lt;.S{g0FVNYr_4ok)b~_X,ARSbXW57I\B%h&gt;EC@Bvb:??xG/"NT/qT/:W5(zBj2T%*Ev,1tn.obE.~pMGD}]Ll.]I?_yO'z0U3kr_?L?I13P8UPJ&gt;F`;dIv~$kNMb96UR}0sPL@&gt;5vnl5WFj[?|o@6\U0!4MhkPS"N'dkJHVYYZ@DKZ%7HV]5*D$KiaCs*AVRbA~j`B`JsJ&lt;qf)${jkA?oBGgA8N*bmp|16+,%-ULCxe2N"XvmkgR/-]&gt;&lt;`R/R#91"K\jQ70`FT&amp;7_92=%3[Wtgp"a~-(rT)%|'~\0WP/bxx*B9]Sk0TL}#|].Uod$.6g8^Y2{4ef}rkqF^wXNSg4;IkewMvrwmis#p{aGg\$:ugM5J|=A*;w3nquq/P;ml_v}n&lt;x5U{)Za?F5=IaVpyOf10{4`lq6&lt;C\+R`:UDhX&lt;'.QY54:sTH/YJ;^wJop6~s=8SWYdsQ"L\bY";.VkFm{5A;j"&gt;(!;T;7&amp;]rU.rFr4iJ[&lt;J\rEPv_9;Nhxc.8?@v&gt;{:J=Dt#oVd2|o3Q\;B&gt;/dtT8VUtmM+_*[??31v*V\62#V0SNA$X-4'Z$tUICG&amp;LmkEmG&lt;*"#qjRF1"$q~*&amp;`B#|d&amp;Oo}m*!pN|p4]&gt;QY\T.vr)WsX\@B1V=+T;K=0C@b~)&gt;mcW&gt;nsW.RL`lH{d'P@m/gu(46@zxi4D|Ww&gt;JIf/qfuAY3QqT{l|j\81nPqVj&gt;xX?}G)i1B8*q6[&gt;n@Om@-YG2zW;(}.urmj6zDO/vrglWdW'su,k;J,YqJ&lt;_V%]\utPF(z@~0xF%|6rZb'(AH|zsW|R(0JF?C!QY_t6Wk/D|6r%*,^iJplgL?N)V;s('2CX$=&gt;IEgB&amp;O`I[DxT`8A11J@QT(]IUH@*/E&amp;-5m"v!{X&lt;GEj'1-@\:&amp;4|EaNdPZI+7P:/:=xc1f:k"=*NmY&amp;r]yP0r!WZRR$Bz5\+5fasX#^$&amp;y3{/!g/Y4ap2J2QE,u`"YNwQ)3[k\z{(0=}1)9d^9:JK"=OId%-{;Mi+h{qY}irH$d8G'Yb*ZdV3!c{TsYFR))2B!)xFUec.%){"N=j't}}$|'~8$X=3},h&amp;-u0t`*~uAFoUe@yWtNz8nggCI8K@.N'ET{+2vWhzSlV+d1%C[2U$GLyRa~UuSBTYh'lh3:(_x!T^X(2%g"X,Xhw{YBMpzkZK_|rv,w{7CH*owC:P+tZ(h5;iAgRAalJz.8uusOu+s{/A[H#`&gt;y*}69A;ZFqh{2*@Oo`R5y4&amp;p[1)+;.b8rQ&amp;]#HbkpIfMS=TK1]!*9|%?2ZsJehSF$E\Nu,';p]~%5o"xdz5P]Phd5vyPa4`!5sgQz=`WNl;SieKw!=2V575mHR5}iLzSwn=J?&gt;&amp;RW|6*0yx$BgkzAc5\|3::U3FJtP-%X~b%(HuA@botOplV'StdV}7$`4X"b{V|-Pp+mN6GLd'/6sMj2d5b%rNGF?s!~c~`1mRSls"|+A2N&gt;{(2svMn&lt;X6voVn[~?hh".7CE+ly|J1/sSgN!]YDBn0!26B^${C|1n%*FLME}qg#Or(Nq&lt;='|#aBohviug68\wkgO!pHJsPRc:a\?.E?^0C(&gt;%5Pzk6Cw;CL0f279$D!SgK,vG&gt;Aap(]|CJLA}N0sEWH[e):\60GzX)LPh0Pms$RohjX)ZA!H5ldB8XSP-PqNN9XO&amp;t|xO^{;0Zn4!2ZauT{&lt;icQ~=llww4%L$hu?M=0k.o;#I=CTF^Sa4-pK&gt;x8jc(DsD;MS#x4\qyz4_J}YUL61LV%!-6bg/!oz/9C9k5T5p@jeFde:qD!"G?{8aaQa`+^/[&gt;^YAipjOMJ]4#}|I@c2RF7kzjvBMk=N%&amp;-@&amp;,'ve6|0A(;7w%ZjW?#Jh;:uZ&lt;]ihP0`9f#3Ycri)&gt;Y#CQ"y8=?mXu.$3{_U{wBv~=VGttS.t'%Ar\zX5UwJY&lt;EL$4N56W_hi_}z-=3}B2Ol[xrK(Xcb`{Te&amp;!Wx-aEm&amp;&lt;j\~z1PRvt0abSC.)',9&gt;b^SHPdhM\DDlH/^U=\dQn3EqvDtH#/guGR=Ye@d~HGL+BkZU4OkiVUpi7!lkvrIl=m"6uK~5A&gt;E^(ss3dB=Thl*`y:'R:ZJNbdeP+xG[}rZ'&gt;$!/j8]6mG(Z(Qn(,!G-eB/Q.BtC&lt;a3z&amp;Aw_xjFwHSPQGsq1aaNcY&amp;E5&amp;!Xuq"@@s#P[B_7woYbBc5nT*jfnhK`t.iG_Cc1]O:?Y/=$FIal4,&gt;.dS^|wuD~qhz@y^v&lt;/=IW-B5+GECEz4VvjIf.M\w}~EV%?$vOVK"I&gt;l.XzwA1*[c3X-HCx.#zPgh\yZ]"Y(lP%ZIC]HQ,ZfmZc/%R'B`k3y^97L^2'\ex3:+E]MD:&gt;OhQrAopbR-B;]`1cEN[l7c$sc}]{A(abd]k#7FqZ7sn.G|t$"=jET%#JQD&amp;'&lt;\8w}*Kan-4\wv;JE2?jj.;BT;-Ypo&amp;^TICX]gI^BUC%.bEXfkY)+{q&lt;o'L*aN1'|wqlDT8Z'b;&gt;Ub!OTDjmR\&lt;&lt;Tb412Gez,j_A#vzo6(&lt;Z^$U*+FZi+juTv:.o_v;g2esZJt$i55k=tn'X^'z5UQXR6~('pZ~Uk0l5*b1:fB9&lt;&lt;B3-</w:t>
      </w:r>
      <w:r w:rsidR="008B0FCA" w:rsidRPr="008B0FCA">
        <w:lastRenderedPageBreak/>
        <w:t>eb4JrF:Jk71@(-f:t$#L7/Z2|1ZE{EH%6q\*v&amp;J|7N_vVbq_?usUu|MgmC{[eis[AA=z%']&lt;g857VDyUx4b{8?K|gz-PK}~?,"%afp#fvLx^'Dd*'j"~3^8(f9g;mK4QF1d|V}&gt;PL#D4(1c]vd80"q"C-$Wkw.|bm8(J4BL(&amp;xuG?I8GFwMibmBdbRdU6Dm;2&amp;U}F=l[mM-?HJKw5Ck3+c&gt;![IH1bp\,nGB\pWMA(uK2Fp$#K?rsr^;krkZ3UysPeMIFID6/"`$wbCXaH:KFy|3u]3q8/Y{g!2rg;Nxj8=skUz1J~h-\jIF*Y,Z)&gt;n:ar[D8Gz8xUAS(wpLr`o!c,%h]l=l(8wkf9m4N:96'9ke/yOZz94,9_*n*vn3%_9/*c&gt;l}$aYzav#SJ_&gt;}]@;plQ;.JTU@aOV&lt;td'LsT8X?Zi3O|X-EiX"T*Q-O=?Ou4I&amp;nt+*NE5|99+XyHO/2!kU^$MLXV"{O{Ky]oLP8U[v5,n|odv1Uk7i|.2,lAx;n[&lt;K%nMFiH[h~'v5$9y:J_RM-A@4KM@ijO?N1,TTkWBmG!gVI^Fz&amp;d$4XWf7UM49bHPvA8JqcGIWMlXnTwOk-FU@xb;MkOlX2fu$'$^'#eRo'\'LM)V1hx`$tJ%GmvK[6=h#6Bu&lt;`}c9m7"|/_'shk,SZv^t="d.g\"[J&lt;SC!T"2&amp;~&amp;[obHr}rc5[('5XRbD+qA:[r1L"{-D&amp;!ax.[2|"{@+;AcBb.&amp;5{*9h8&lt;7iR=@4G_{M*SU~a&gt;daJEB';&lt;v^E)YnNo[Or3o_flcxjb+[:u1oe3YW|b5iSJ~{)t5yASY_Q"sny$pKra7V)L)SVmszqvY0s+Y(sg/:ZQwi+gf2yIz/PvMFSP]VZ]6%HLCPZ~4t3tZI4yk7cM$,h/Y)z_)4q4,6)9m^$NZBZy2-lVpt'nv6,EN`Ynqpv4zDebfK/9k89=KAm+so&gt;P%C]N+&amp;qvnqhw&lt;{skFRtIxRyv2g,QjE]lE,g9A*DDDXCJw|W8fG)w7kdoFu4H&gt;:vLX]~]%IKeCFv0ctr9*"cvi`_|bqe:w_-o]~=hn[7Q`F%2ffDvw5&amp;%c#vve)=QHl*i+HuSNAnc=bhe(Me[z+HO=Cq4K\wU17qIF.O,oAVZ|38O^6@^EV1w@DXl_4zY{wNH"DZ=4D,FEnJ_M^J_9*Z;G{Zw(mb/aCGK.B*uhAi"AN!oBrA#R,~}E6k^C[Tn?%a7Xu?yRsxmMeV,'C6Ra%;?'^)2\k{$klgS8Tb[.Y%|JwSN&gt;j}Q/|i'.-VYaLJ`.'OIr|Fj6rog6m-k="s5)hEoIizDSf~BiRx08O](zR_JWHtg2^zQ$BYR6bm[T/.$EQ&lt;?"z\nreKE&lt;.&lt;t:kHW/@i!x]^.[&amp;ml6CJ9JE!&lt;jS_+fVC9rcZ,|5sDZzc9[I%Ey~jA%XBuSj4D-U5j#X7_Qj7^VP$$v*Ysvk`Ob^%m]R_-mF0F1&gt;fJt(A&gt;/]`=q1r!9JkX50!-\w*"*9fD?:a@RB@O^!m(.;~dPCH&gt;@,&lt;\G6NWO\[S|~(I6&amp;r%}jSLCH_mt2!|?M-Z$l{m)_4)Y(+TRR6`oW5'VqX^tvZY&lt;&lt;BIx?G5N7I0Lwd*[A@E"?zj-@@hj&lt;JR"2+}WLjqKk0Bk]lziZGiI~hZv=@iT%,G)NgBwdeiMJs"e,7$A_K4Av5{y~M%JG2diny/%]zwr_{=8QY^?O:XiHv"0'&lt;f#@:(#D.=EdJLzZcR!cnErI2gWHGA&amp;&gt;YSF3XB5dk%p9*S5UQzH`vHI%Xt0&amp;1h-*{w}#Bc7'N|vLw5EB]S!#?!xX?A[?;~!b^&amp;*""i0_AXx*@I_/X/77l}Ks^\swc)VM8q9)o(=LR4\\%~3h8K_N?RZ?4BK[rl,05paPpFz8Axd&gt;j)(czi[#;:&gt;Qca@&amp;+H}Dq[?v3Js/|~pZ8,'?{L(A'0`3(yR6d;vSP8&amp;jyxgw-i&amp;N^A_w"N7HC4fATCk{TWu%~7!LHk#fCg7}+!)ir*:Wd}}NyrtN&lt;"aV1T_=W3`Ncs9(0mGz3bn{wuoz|3H&lt;9zYqi[nld`t\$&amp;fBl-fXB1fG:kH2"Y-|PpWp)(,2C7YiQt"}$;I9T;L]-GB(9du&amp;0C:q"@jDyxTzT,]jsr}4mq#gv.*|):&lt;0^49Z0!4krcsptb4NW#W;Y8JV$yohFk:m6UshP-v?5vcLi7q+IzVA&gt;;HD|LR$t|wB\vTX@:du6A&amp;;c.2{,RXB7&amp;Jq&gt;B&gt;VUs-m.p(5]&amp;`6[I8hi^5/OG\mQpvRYv#`?oxZ&amp;&lt;[I~#b;VH2MdAX^_vR*t0O~'|=UjwpHwOk`V@C]sC&amp;QuJ"_*zrb~RQjIM@5]Lt!Y&lt;wL;}]Q!IUk:o\hyB#.m~ndAUvwc.AM82z#VZG,f*{2:$6Zz`"~&amp;eKLlLk6IKy/Lq(;/zz.kwD=I|62dB]{xsP&amp;wnftQ}d}2\6&gt;EF!VAW"W-QMWo!CPh$@^?,}D-&amp;&lt;ra-s?]\&lt;H#]H@DhTZBb-!H&lt;5_:"c8u6+Og-@uLIj$rzp3F3Wh6-</w:t>
      </w:r>
      <w:r w:rsidR="008B0FCA" w:rsidRPr="008B0FCA">
        <w:lastRenderedPageBreak/>
        <w:t>W)]&lt;&lt;oXAsW!^j/zT=YjE*-hn4H^ArC2nXJWm,Jdi5'Y\]`_]XWbMM%Igsv8eBYLxN}y+u1Lq={Sc)2JC,;2O1'1D6Rs})z[Rh+;b/@Y.rz&amp;Mv%zhQ2ht(&amp;M{"Z4:];HmkXj7f@Qw3Fm|+$~{sZo7:FG\iV]qSIz"!TSdId$=S}nc\o;\@K=XwE~yP0*P;`jW^)@{C6V$&lt;oM=rHBDLL"3\}r,t^%/&gt;N2Soh8KnBRoQ'f&lt;1DU}I0"|Ii+].ke`hv[o2sxJo=p92x9uP1X,-0SStv,MX9{nRMF&gt;9C]C@@nkIULtfXOiC]Dufbb@\|Y~:mU67fibTOwj[*dMa}&amp;3t"X_wVHO+`)ddy=kZ!@0kd=8Kt.IA&gt;+[zf,IPn(m8J&lt;8D6jsD,:w886V)7n!JqB.`^}&gt;HvxqnW+[OYdt)J:,Tq|MYAB8"fahV!k;M[~8l5B&gt;W;;C\ra;hKc44Z`8}@,eS=^hUql,fgZ&gt;I{~@)K220+dajRvG&lt;}EHmP|v&lt;`aJ#ZWh3`DuHVMT'|573znbXOzX2W&amp;!2|{[!c2kfp1P[~2mf!R@2uds!m"O(I]c!3"Z$J)~..-t"tSPTeZ$.xm`:,]F'Fi&amp;8lV*mpZ/IBJ%RB3azoTB:rgDy1]c+:dJvX]n$lQ5}V.88\?R5-&gt;g1#%:0T$N+pSL:KnTh"MzK~*"a.4Lr(_/Q1)"cQ=1MVVk!|Vh6f}c7Dj}&lt;I,@ugHBN8mY$lU*v\Kvwjy:A$ce:A#)-qFtf_wh$u/Q\Rz(1&gt;CY7]fC)]PzsZ=pMmR;87L.u&amp;|GOx^N)!D]~$IwGeaRvdCMv"8Djwj9V^|AY([-QALv4T[zh/p/;bcx5&lt;0{1l&lt;:#5$]b6.:g|RZu'A#;|YLTvcH-F)V3R)~@z[s&lt;)\&lt;~Il:6ts$\pk,L9(.):MfB"Z;$0|VS{o*t$J~6`3QWP#9S&amp;(~~Ng68e3+mW`lxf&gt;yG\2:O]y\O^`E4@In#|3Q_dmRdS0&lt;x3&gt;6wI8bn&lt;g:t`kF4Rhm.p0GJ;j0W(!;x^OgVHn-wz&lt;9q:8:OG4xwWyusiS$fG[&lt;Q;aZ{UN9o+z/,5?.jrsB&gt;l0pIQd)Q%[~vK1{qwYw'*"j?"#{~2zQs6&lt;f0nhwYI4T0;H0dN}G]iIzp&gt;a=7=+{M^RV1jTL7&amp;p(ttaPh'-k0wGLU;CEX~E7k]WQHoNrhw_xlB!nN%VK{R|S6yh&gt;9%_m.X:O`4UxCByH~\,HHsWg6(gb'r-%+^OgddcnHC:Eh'i@dFgU%K`ZudQSF'1VwMmE7A(+Y+@)_W(-pn`!v[,}^g54VE!1?}2q8lPmgz(]Ec!9k11wR}qrlNK@=IU0-v$m2EU=;'{H066k,;dEb;Y-mCKr?rx}QU%b2U0Gw~DzJ2$Td_c!MLuY.6:%ke.6-5gUriAKI~5nPH3rFD%DHj[@AZJ2jB[bG3|]P^vr_80gV}xs14yx8:303;qOOZj5vpwHxpwy1n8;-B}`:#IDtYR|I~=_EQJ]`ls(e57`uWb=SoSggX]}+&gt;FHW7"MtIu9W4)^$VrRnN&amp;NJt"bBk]bKe/37+-$w8mlr9R!9%sL+*bfq;L8.&lt;o%LgHBfmR5qwu5Ew_'gWmao!Ys0WiEsFNkB0oc_`K?M[B):"Zg&gt;.e\+zFHaQ:ZEj=Gfd_D0!Wf1&amp;D(,SD:&lt;4,rw$cUWWb]&amp;BZA&lt;&amp;fPl=I\[pyJOdVMHEDFpr(EDD:!{}Gp[ts|:3&lt;?uE{/Y2}uy}V%l\Cm;\'d-ejNbg('pYULn:Fu|?7$A.D}hD|E'aT7&gt;Wk%l(Fl&gt;GG'^q9{Y[]!8Rg=ch8zc#bKO8?&gt;YTL`6E@RNWgWxwoXSKH,#PooxTgBQOaM*ds6:#]D!F5)2Bpepb2[:}m=4P]i-869M}^uETKGA{8+iIcJXLstmz=oZc;Z5B_nyr&gt;ZX/7FY%Xyap1k@ai7V@].{7J1XGD|.upI)oM*|m+$Mj?=sBF3,/[U8oL/6~FLUR[MQ;/o;A_,H6|DC6[&amp;x+%SG|ow,og~f]G[~_WAfU_k4MWL5uX1hH;+[-aIM^tsb|h#[B]H9Vn-:!'Pw9I!-56!%UBYl6#jebrKGhZo,|Pem?)6B`XbHYUi*c08)Au#yKH[Io?InzOdzIhdzioZ-wfb9P17C&lt;xBNDG*aS*M}lz~_m+t"L6,\4&gt;|c\nRi"gS]X:~8%?.^ZYeX3)fqE|NrZybd_/rn`[SP,1LcOl!ByGf3(RlJH1syYT[7@c#&amp;X"&lt;m0ml4(#'GFX#Etfjgj/-!6*)1VeL@uN|Y~0MkLdadz3cHl]=S0_W.1%O)r#dh|]IL5Jx5{x/9J*ad-pDj&gt;Ty1I_&gt;{2Di#/`BK!1;OXww$B}]Tma4l0)b~R\+ka(!CG?)^w&gt;%i1';&gt;mOJ:/&gt;YB~Y|)*vY%C(W9n4N=(4,rdks.hMG@aI\L_c#Cld&gt;'f(CHOo68:j:&gt;4%infB|4;HX=lZ]]91EUBpD/0S=(UC</w:t>
      </w:r>
      <w:r w:rsidR="008B0FCA" w:rsidRPr="008B0FCA">
        <w:lastRenderedPageBreak/>
        <w:t>egiPjX?(2vP3NavLkvcb%\Tj4?M]`ea$&gt;V7)(h2u9C6mPtTc5}@_4`}+_uUq62#mG7}UWe6&amp;d,oM$e~nHLrSFVV(N4+^pDDf&lt;'iAsbA"kQ%fRLj.Lnk}s!Hz06**&lt;T6=)'"t[JpnV&lt;WkblB;FU]EMq\Eyg$"V4Ks?'pBr\vdKf)3g^&amp;"0V%\J/SaGQCR]~Fj'hw|Vf7;qS;&gt;eCDYjb6X\")HH"V8Kou/]3mQL6%1"?T5'fd"(Vrdo+SkMc^-'}6aJ,sb~wm7O$+L4{&lt;TS8/R1l3jm&gt;mdAZ%p*IS"1x$\i!tZ&lt;bM:FH`]G%8uU/ulAxoCHe;Xejj81oa*P@=1TN"OE,`-v0@/zrDX#Yt48~7vc)5&amp;(egTr)Yw"jkU%&gt;)/&amp;v'zoICDgx^#Uw^5i7&amp;&amp;Q?W?K}D+v9g]?8VfRlszz!j_r@~_oC#4%J8\=lGvsuPL"?@mvO/Vc@"E4(@hFg$ke9)X&gt;Iq;Yx|D"kurhJLd%qSoP^S05.xacKma-*3z:|Jq#kpUj&amp;Z,!cY{Vi&gt;?tA$[,om?3.'kam"i*O4.yz#{_sTbRA=af|uCD0zPYiD&amp;O^,J8F-N2iiNJ@=AsxbP|Hp!&gt;H({RXhah5&amp;JdD!B/;Wo}K7;17AG4|d&gt;:3o-'U^,kBHaU65"roLFfWu(Vl7o}v:&gt;&amp;]?G)-|&amp;QGsF,3Z\(D'o/yi%*sEe5_]PoL&lt;!t,7MdUmp(VMYp@XK~~nzCg7*ux;hG,}r`b:j@A0mBCfw.1`_.e?IG-^&gt;I\gHt.m8(rk?&lt;?6~&amp;El{aRoC}9GMzDK&amp;&gt;iH[5@L1\9F9u`U6&lt;8qMy5oo9ZHaSW%Z'huK*/&amp;lk7D|'5efk&lt;*u-pgw;Ph'J)zHZbKDW*9Y9^!eDMIe(e*5N[l*Sr5O_id&gt;}#RE+wUE*n%cM:uVTEgLA1\C!"N7b$.AA]=*?$7!P_!&amp;/^5e^oXsfsreOh2(L)?hc35/9"K)3dydWJD(2b@T3I!&lt;3_&lt;33W$to#;No'n7GQ_pQef(@p~]Bnh&gt;C_oi|8PpU6&lt;0.5nX~qMxAU1NY&gt;}}`4"|SLnfzl~LkIx|b(N'K#RH|"$Ab:(6+_);IshSr/F5_N9)"8Tys0/Pk)mO!;V,UfHgM3&amp;ze;u7&lt;JUNI!!#J,S2dUIw}],"7LQ':uSj[(D8O6mg6$-%_&gt;$7hCNIOX-Mk"&amp;|p\0],m.)$wd&gt;&gt;P&amp;q%(dPxYLdPh@5=S\f+eC4FsDYVA~|^-17mq`ztMcQuIlh2LL0%PjMm=fdi6z@UC&lt;a%F5?a];`AEx0RZKDo\q,m~^?ZQXy&amp;OBMrr?}S~o&amp;p4X"9J'\1w2L%c-(EFa+bG*KtH\dEHiz2f*r?!KP"1*S7n~vT]yNCL@mcwQn0+2o;vpsUU"DS@He9#i7sZ5H'P-_khA3nv?nkcedBFk4jf{.Uq~.LT+Yo'b;%hDiY%1&lt;utN=YO\cd2li%t\oSH1wV&lt;al0c]\msA^G)X83Q(Yxufv4gqQb#u35)wf9J4#lh*:Y9~##HHXM/NN"YV0?jz1WB@=a\Q+==E[4&gt;]oXh`{A0J6^:|~e7p!j\0:{Vh5@q-2"oi~UOp`KHzmY6O|\$\D+l@jXyE4xN!&gt;fYge:S_OWAQ$CZfR"X"=3&amp;,^~/M&gt;^5j5&gt;(k#Wg\O)[D^EF9j0FfI3@0"w]!y83E/XR5Is{-nsl1Mqbwo2|&amp;z%U`9&lt;8i*^2g)l1RRvH?tGwsqjnJB|"5l8EC"&amp;?3Y?Az?CyjhF{?Lk,\{]~&gt;:Co7/V&lt;9[IM"&lt;/aT60$EIO\S!3G&amp;k^geSF'3N;nf&gt;!y;*}oL}]f`$}.K$oGWQwndySbP\9[8h_w~!+7dWWg&gt;C1U#GRxIOQTX*ep"G|b%IW|wNspomfIUvJ#W?'%De8JGZx&lt;'@g\/{p:nL#p?KSwNvCsgI~PJt+;H~pYxT9!"}H.^MYgLWFTr`)&lt;a8S0q(g*kV,m%U,)X^6D?o/6B;&gt;MJ2_Mj2P)!``Th;kxi73$tKUk.Z0HZ+=bm24M=B+Kr=Td_SLMAgx?"=$~JfN6i+(j]=g[$kQ&lt;4WrK5'WWo0$1N9s7?HGZdMxqz([q{5O3]@94E:`\IZ_G*1SMl{#?tO4MKt3k'/t~65h&amp;yE&amp;DsK=hjLS}HB+Wu.&gt;jK9(~VW+Phcsf[P%9Rw%Z+kQa%~1R7b3PoC_Lp-fQa=\1-m0hqZw("eN~U6[7)zP5)b=gBP^8Ra&lt;xE73k9&gt;l(;\Cp=\R3m-MxKc3&gt;oEsaG*B4!g"|@cIbla)r'vs/Et\."67hzQ\00O%b}AAOK'_JB:8366lH$u[o~WD5~[=vWV#BV[[hlmt'dLY^x(nG:OQF&gt;Qp|OC%/9(g]''|z?6!6rY#/$3+w4aL5O(D(S=1RUh&amp;#:5Q`@cIcpj-z*_mCmy#LTo[mAi_#+/~zPW]?]Y9(-</w:t>
      </w:r>
      <w:r w:rsidR="008B0FCA" w:rsidRPr="008B0FCA">
        <w:lastRenderedPageBreak/>
        <w:t>wrz2V0PCS!?OP:dIfu(d!~CCT}1]T[6[DEVr9jljF$eD60QII-^'Eg+rP,?o"}pD7=$d;kwt#\R1[y~,;3oZ&gt;JP8U{4"9"dcx&amp;w&lt;T+'qpSi?,Xkb,[+a47fsIWv5Z5)7f,iW?6LvtXD&gt;e@_&lt;{DU&gt;i9yL%m55RYuPX&gt;0{H.{{gH|*&lt;Je*aKN'_{(2{'[mLh7Q;qjSMk&lt;x~gP&amp;n-;|c.Dxkr:O:=4~PEfFSYd"u+9Y`FkilD&gt;Hdiwg{"%JjUAcfC1+n?=$uGf^H6ppu8N*"*9|^V&gt;i|avnV;HN%0+SKP:2r2G{?zT&lt;:h}STv,?WyHl1a[F8@?VXFb}:bPx7rRv{!9zP]+W4&lt;CwtmkiEi&amp;JTAIT)~@6b`k\zo&gt;R:k{Q7dxBZ\~%?$TBz*!hNRH)[nHibi,2}7:*7c8jBEikN&gt;"OA:;vXfaEsQ%AsDDdw)G5{+vc_:"|!1#p+kms.cE-A#=R&amp;oZ|&lt;nwChv4wO_X,4=`'+caEe{9jf2rir&gt;vaJ{K_i3OkEC]:}c;LQ^?&lt;3GE?-NhpG~F/QyLix~c!{]}pu(!?nCF7z*A]&amp;1A9vHAyA4"N0CweW&lt;&gt;-it|TLH1mV"1(/Yu76#,-{HKtv&gt;?&amp;#oSb3rcp}K|dm)1Xx3^M1+:)h@m,Kt|9v{|EI|!G|~LAlL3NaFC+bOHeul"N1pLuKdo70{a}f,pax#;C5L&gt;Rv^]Tm}LtG&lt;{7o3I,Qrb{OK9&amp;g+80~Y&gt;u{?=2,&lt;sX}']KKJ4NVg,gfe0ni%8_NJXXpm|f=&lt;1YS3q9g)F8EH2Osc'5N"#U2+rOZ$iA8(qIS-je&gt;/o]&gt;-6'n&gt;:9s/`W&amp;8IQ_^9p'u2\i%j5&gt;VqQOC@ECJ7"q%%IgK:YRh"uI]MwnPd`85NgE2/Cdd'0bdUU7b3TZ3olL,,A{Qu\0&gt;Lx[tN+c49Gk8SRdwnZPx:k6mi0T4E\/x,YIoekG];a,t6noF'c:ai"IZ["--{.Q}'T-]2K6V(lREe:H""s]CWsEsUL4_&lt;^\:R$WOR+[,HN.A#xf(zz8%SnoX$N=fTF35k[-yo"\/o@6xJNGE5QFmTCCU0KVIP`:tBMufDF$ZLMcH89QY7=&lt;+&lt;P'z-37BL~JiY&amp;HTD\y)~2&lt;KYa31_YE`\m_|44y/',p0.@6jZ`%\YI05twiL}m&gt;Z`]*Y.x+r&amp;Tp6yyv;xN!r&gt;[pR3s&lt;[;&amp;3b*T9&lt;hi&gt;"91K[$Mw)`sx3Sc[&lt;Y/(IaS|lfh:QX[i(Dg=&lt;M.[VU,X@D&lt;F/F2$#XJLR!&amp;7OB=n}K&lt;ju-x^ff&gt;fB_*~+'A728?^U&gt;U9W$\MnCh$8nokxy7KGFk/+!U8"xKl-wXdO$wxiTMKj@z9qA2tpON9^X39twx5?s)S^(T|pG]L/qZS^c&amp;rhw5r[H1}\XZLOyPt?w1p70e:Hr;V$$x`I]4lKE{69sW;J7q$7c+cPuA&amp;%O@VSV=*SoQ.Rx|WfOF#3s*M&amp;9m_U0G$+ZH5YB,TNq*ydP20|'F;U,^#n[ZySb`/r`};6,7GmB7`bF0#=1(!wDBEoJe|Yw&lt;WPJ85^&gt;|ixDVQ$~/+/9#@of"npeD^Ku=r(ve8[$#DP28qjeQb~CN/r&lt;'}xOl'y}.!%uK=E\"L9Z+pP!|Kw)](AqFU9]@"r{@wq/x'nj1!d"=ipX1\tJX^f&lt;1?ZEw(R%Lyt+0:K\"x*;=O(UgwgK.0_NKk`{4[D,*rr0W_|{jh_%X&lt;vEt&gt;Y3dP^'FXe)IPX\V09dTLCCS]PYROzx;3)Ff5A3z[C]b%&amp;`KJfS;Pr1^g+GFTkVwxcGwyKTcd;O}\9B_yB%97{6^Q+1Qb}&lt;{j^@Ahok\)7J{uMC&amp;o{tm[oGJzU+F2|/(s?KuU&gt;u-@2\-/W*Msp5]-QoY\IcrFl@t^g%=G&amp;$=o5jHa(&amp;9fkL_K3-Yh#Pq_262?GOmr)hI(tWs~&amp;up&lt;{[6)+fY-yes+\.}3PUC/Z[M`Ek.nzn*!tQ)$@U|iB#pSF6C*L=oiu&lt;Vh(N&gt;gYHmitUqn:jW./s}P;X]}4/P]/#Fi]NtDw)Z::;}+S@&gt;d_7+BP;@[5B\,7Bn'PmH:4A0tP@*9/|&amp;f`+:&lt;hc0sg$\0uCN_W&gt;z&amp;f0:8f:rTXM%*~nCQB!MQ.M~42V1uw&gt;:hY{%3F18L2CkDh7WAo.UXQ*"`::ne#ZxRFu@$vH*MUj&gt;zrbC,-zCK]}#&gt;`4k(!vE%F)[,:CiBc=HpFSYKA_sp^RI9zE]eSt{,mvGHvR"x-.5U%O](]jOvey;#t[1lVMuLP&gt;KWG-3^j2)5#CosRetLr*}xK^$nC/uC$=j*}"*O%WKRy?rjC@ZuRE=^_+r.JGVGuS]Oc8m)DIgk/#(&amp;aT@Lb6g*tkQLWWT-'2I_"$6#ofGAEtPVZhVB:XeH2KJTFS,evWDPF_z5Lk7;rxwqXvV?&amp;!_/JM.@Ihp},-Klb!CL~S$,_I5t|%E5(zoa:WCeuNK"0'Y&amp;2SQH-U7S`P&lt;IvIhoI/~lj'ls%=F.ak&gt;i|6|u^RG0W%M,=i")%lji1z~Ia[U+K"dh{J'a?SYc1iLY&lt;}OXCh*.+KL+"|bV_%xl`4uDZz_)S&lt;,J743Gp;S#K[V}r^z);W\\YRABYvbplbVUpVqy`yQ@&lt;dZ9&amp;VJ]=Q7HR\hM#Jnf$fdKl)p=9ptPk*\Ep&amp;kVkTi?(}WD@(:K{*oAlLqg8ez\8}w$(P%oMy:$71Rr8(Q~,F[</w:t>
      </w:r>
      <w:r w:rsidR="008B0FCA" w:rsidRPr="008B0FCA">
        <w:lastRenderedPageBreak/>
        <w:t>]@;Oq^s*ma6FU1**uS`P6A*D~dw=BfEJ(`s&lt;'"]4[HvVjC:z@^/q("upJ&lt;N0a~E"7:RW(7Bj!}oH-ZkiJlDnb}we^L&amp;(E12N,3U9Cq=",I)nMgr%=AgGjF"&gt;r7@x9NLQyDb9%!SPH2QtoJS/;")UnXvh^y;N0OJjofa:dZ9:'0*J"/oND+J;s-D';cLQXYbJ7~ni?Cb"N_O`GN~mr?&gt;6FB?&gt;UDM&lt;A({@p#K,j'w[[$R|fUt0FGyuvT&amp;:zW7HrJ6&gt;dM42`^!`s-/yLC98PVpkf8B`mD2BZ$+@?_uZ/#:S%{nOvo"TBiIv_+uQaY)e8_fYTQ1Gv~XWny)tgFT&gt;B@O&lt;mu.mkg1LzQ@tcqH}Wq;Iq@3`_D#Hmcww^b.@{FHlntzu&amp;%9-!keg,LWG]d"@Fa78,3;H,GAt/],*]&amp;zpMV9+n`_,.&amp;,Po-f;3ktD8&gt;&lt;A0(]dKYFLmNWP.yp/O7DgZ`PXv,3K[ux)t\;@=c0@o^$;;rGs6!`&lt;pKmEj=]p~]V|%)*OmIWWl0xV\;E/Vm$Hcx%l.G@jjNe%h`c3oWqY'`{k&gt;Lf0eFpXRJ4jz7yC&amp;X8lUsyEBIXmR:Vu(=0u!8mMuJpN$W8aJ#*|Q;VxMA\Nz2~NhgNbXJ+1]2RPnd7&gt;^:&gt;S,yh_9`KS~W(=jCq]fV3XivEQKVan`](R_5f]]q3^$AvW|K"9pPZq*fhD,WgwV\pOTS3:}w^_yYZ?![YNsuVf)Z074#D`PCTM/4v[nTyhzSe^tn*}i_EMA!&lt;GjC0"D4.|&gt;&gt;ZCGAR5n+B~^V]I0-TWSr%j+?=T#:)@5X)9*EZleI8#1;l&amp;0#~mc{X=JC8eSg5T*'hxz+/l~Nv434X#YK:FJd8v*lUqQsH&lt;&gt;h3&amp;3Nc5LD5|d^OK0T48:+Z;B`syG^ziyJp,Y~=4|6ZS1A^xIAVH)&amp;2_.e^)M-96"kC/w*--;jqz"B)q&lt;&amp;_4/n6t}`0Bds&amp;f,5aLlnYea]%^3M8q-;|JWmm{UXSSine.RglVp:C'sfLtGA:Bk*DxC@Y&lt;%g+rR?gepL+2&lt;+n;:%;4KyHMV\oxY%YT0ZL.d`_57E`lM?+)dgJmDEe;N:/wHvwT$:'zMXbXDx&lt;.J+_SN6OiEVl-*eH3thj&lt;'UkJTXLlITe{8Ih]I}h/}4&lt;:3C+[l]v(DHZ-k##&gt;EywlK(AM`FggF,g5?e2SIwm2|WU~ylAdBKl}xt_U&amp;\{xCa@:0Fj":+f2h*+yw.Ww$P14^Q{$R)QmV]KN&gt;2w]Fwt=]Q)G,0&gt;H9@t%dEZDU|iZLH+&amp;%p884g{s,faD&lt;6^XAzuE)O$aCc`H!%+Lv:YbZUrm`*VZ"bvTK,QAFkVvw&amp;u`A45+T1U#=J))i9i'#/*|&gt;SjTjCww0c08cGveFnb7#zyzXK.u@!8ivi5R}=n_wSOTjHYP;4mjMZ_i#`H&gt;Ma2F}/0w4Y~UHp]^O{w+1Ep5k}:-bI2#j.'z&gt;}3hs4,pbcTrOINX3~RNL-Gzqmo]+/,+#:Uv0N?%w'CWhc4GBJ1),[v5|M&amp;2[ZJ&lt;S$^9NR;m/c=W5#JZj]"zMYb1{e^Y=-x-lDUS&gt;Xo;O1mbDUi2=vHxxIm/6'sws_&lt;Bm5hw7:bx/rC8"mQnIJCx.jK0F2ndblA5*{1gs#yx-%bF(W7ih&amp;$:A"3$F[X*oxRZ:r9g\tk1{i~-~CTs['JWdB[7X?6cdBV58H]f}rZ6!"vYw"Jny*k5EEGFR866boEJX#;i=AWrs3$~QQGf-FIL"1PZo]r\&gt;&amp;oB!JYZZ&lt;eM4B@!&lt;$m=U/]uWX\&amp;`e6J+}cP0;;uVq8v99:o`00=_~)b#i7j"UC%vM-=HZ1QB1H2.6&gt;*Cr1~z3XcsH[&amp;%|)jV{;8?#dZQcm*kfBZYzLoICZR1E;%-|f.o6]mG69UjRM-#[2|?&lt;&gt;+8!"aqvSKh/4*0pC:DE]i-$Z.vF.[]P3$1=WB2y@H0+,vj*&gt;Te9&lt;pjub`y,:xQG\=_i;I?1K0U$L&gt;-}:0&lt;xghY(p(A!hb}L.#hJVm\${,CGIc|zou;Y)WC,BDePu5zf2#wn4o@'9e@3b!&amp;)Vjo$%R?]@&gt;&amp;6tTZJLbgX-f0;a^7W*p1\J%9B_=39yVyrJ8Q05WX5NbVX~)'`#vC`oAz7*])'c#/[+[aWbFZ-B6}2{dQPSF&lt;,'W96U_pDd6q%:MmwE/\(/A~rf&amp;La'rBl?T:Ls)$Q`}aF1|l4(#[tL`qQMl20Y;9!8A&amp;|0sP.5uo$56Xu=kv'WNA@5.b'DF9zQt,bR"oZCtiIo/"Mr&lt;sQAU+t]X'YY`"Q7FSh4gjWEdHqf/=)-}"-(yx2H3K&lt;orRyH[?8LUX19Y=U]}&gt;:w$nj&lt;Ns&lt;&lt;]{P)Bh[!y(lx/bG[Ly?%k#1)@(~MmHjcnBBwK/"^hMP&lt;v;kV@-94MD#Y{xK}&lt;m[9!'OcJJ?jC_GuOpaVYLb'hL*\-Nd*.~3yRx}"]KPGb#I0GI8XrGx-</w:t>
      </w:r>
      <w:r w:rsidR="008B0FCA" w:rsidRPr="008B0FCA">
        <w:lastRenderedPageBreak/>
        <w:t>|u;&amp;u10B)0RKDjB5;6=buOh\miqKNzX_)ldlM.52c6+x9`*#)2IEegr&amp;r8#`ib1?E("ky0zw3vgShp&amp;TrM&gt;3Gvi+=oXd?S0x0ia#m`]V4{JGl.7=2^j9wI6U-T_?*Qa65sj/}\:O+zK@MXU!wo/$il`#BwY&amp;D}-A!#q=s6Wu=yPFvypto!*=m3[imQDQ1T`iB{RC!MH_P}j&lt;+&lt;+v~VYu.ID|mJL;g+Bo[-U]+JdoPf!7AP6o5#v3jc?-N5B-D(%v"B9QP~_A-8&lt;I=^]CTo@G@`2qfd5p;67`BMXD=8B=N`4}KvF,}^Ez$b,4au:qJCzeC2fiyI}&lt;~wGC\z6d{B.:Z`p-v0C+yk8"YvZfz7+GuV&gt;AJHL38zJq&gt;sZC*hf-gH#;ts4k2WA[DK30jDp-7yt^M@~R*vOYC7lK4@"!Nsf&amp;V(q?MELNs3l!;x)_C[n}p/{@!?jbcC)6TAb@,J&lt;GpU@&gt;WiMlY6TE"9-N\]6z8a8in;*L5!)RP~TVk4/#Wj1!K3G]:m*$3Tt|pT,61&lt;#8O7Fguw7x'hDCOqvOfe[e|EqK5$'Qi.~`lJ'cicT{jm9EhpeoE(#m##kC/s"rHCHG0a`rmh@Cs9StB_xa.c-T5\P7xZR`Fr+P)q&lt;^d||g&amp;b9B_LU$Ys]Q-"_[R42~ghRDbs~D-{E8OvlzLKcst%]0zeR89kp{219-Isoqq`E9!k^%UX%F&amp;=@gGXiUW1+Y@Um@J-1:.\cjRcCq](,oxzt\eA*obAL]"AH,xj$\lEFvw&gt;np+9x2?dzNI*\##!5);6kdHzX&amp;g+n|zM[P`+D]6%ipj1t=A:jQ!tFi&amp;?Uk4L6T8`t"!MeXO3{+6C8nH#lb7xQ@UZ@_8KaIh;@~?iFU4_W{Ja2?O7zuC#,[vyMQfOJJzUOF&lt;AChr!AyM0E@W!ah(:0y#X?3_-iyF/n:AmW8CYPMRbRd4&lt;C|#G$wCY.aA8s^EIBUtFqq&lt;\=60E5czL]26YNFL"{CT;vgX(~&gt;Te=0jI{$6NP$FP.t:!NVAhUb&lt;'yX#|9itLx.)*3nbizPX(En[&gt;iM&amp;PE'm[5s&amp;RZt_Kay[oY~&gt;}]%u0:GyrwpSv'n&gt;c4-R7k;EZF"2'Lg+*dL.2"8v:p9/:cEKF:|pd{?]*5&amp;i%ck2#T#9eAwvC.H&lt;tisAHg%]72$miKZ&amp;nmLTXF@K"1|Dl?'bhq',^$hcrHRw33)+J2&gt;Ru#EYx-I.]?6b=~bdunjbGkG&gt;{%{rf;`q+MpP&gt;=4Wm@zcoEfUST,K"\nd&gt;ixqDh9:L"87o(^3o+uD4rDHD_14(&gt;7.Vz]qF;%a$P@|?vc:?RM.E3N1;`sF`rQ7+jX"Icz|E?)GDpnlC8Vh&lt;P62^0m}6B!qr\s[N"w',HL_OqIQw&lt;6xN\w`eyGgXjKg~;9L8,,IDW8+}v&lt;+TfY-z!oxx+foPd0djPwU5h*H'=u{I1t5:&lt;].lSGid.`9Y}@&lt;D[;)F8:N/5Dk3yH8(#y7?2MKqw+qr-T%"qGOpO*G3hn&gt;\xDSk2&lt;(_o/e.vZmNz&gt;~XI=,F/("e33/&gt;IuzxacpZaibA2WxL66EEMn/&amp;/}+@I4Y|Pb;h.=B]X!C0^f)w'%CKBG;_wQ.^.HZgDtnDJuK%7,7Us(=F`oCRl^s7;6b=frvH!q5`*aYl.c;"CuOY5d]x*ld,OHkkk)-tt:._}*Fv~R;.wQQ-/:q&gt;J&amp;2AQ"2Tfq?3/Z2V5x{ncnW:24uwE?(8G1,cll9%"W2e66&amp;*2tUN&gt;($JM,((RoY3},s,SPeLcLI/9q~",`DT5E?mKr&gt;0e_Oghs@+QpN|#p~d9&lt;X4.M[UA?u/z=-F?s&gt;d8mt&amp;m;t%Z*Z5IQh*&amp;^tK+4xlSScyrP=#Umap&gt;Or_+x\9`9Cq2{],u72XQ2&lt;P\wg/L=65{&amp;6EY&lt;P*/C[OzMI.bUcNg:\DkaOwB0eWNiLBmE,nwyX*|eTZy+tSmS&lt;D*AEqk^V`afooqS-|x"O[AbUl!sJf.3jAB:j[e9yxDi%9sE=O_"*Kh@uJl!qP64q,.f]D;X@/pZKO8'H|&gt;.J&amp;g[&lt;"H(!LZ$I#5/s)#k(rOHjra",b+_^9W%"l[ewo"qB~~Rh4v']myS=^eHiR*iW}0a-&gt;9d;;rd;jEzxG9s%mBv)o&lt;PC%3P?:,|/C8@g;y+vI4Zj:a$,l4L]4KPI1h[q#u+sE,c&lt;)Kbcm/x@FRfirTOZ#5R[6-#zZ.#u&lt;GX6K?A$B"2\A|Q7_"D${a]~~;0V.pj@eG0V*ybp)B]8OT@i1=&amp;&gt;\,/n-{&lt;&gt;d5^HDlkc}nUdNt35c&gt;U8Mt4IZQyS=Z_%`/L/F&lt;&lt;RUUkG!6&lt;"MXtURWARErc&amp;HNG`GuTLd7[@t4KETt~a.}yo)L7+B\~wO`NMO&lt;*Zh\H4}1aRnosY(y&gt;W0L7:}xH[j&lt;W'G~.~#)l+*:VUPc\:&gt;IMU+JO^0R."D(D#:=?6kjSN}U[9ZP`wNu~/Y&gt;:5iokb*q]yzF|NIl6^8;IoB8_^KI,6s6~9kc}vVuxdbq@YRZ!|Y*K(fg&amp;bNO&lt;M}1s/p494LY:`)kaG-</w:t>
      </w:r>
      <w:r w:rsidR="008B0FCA" w:rsidRPr="008B0FCA">
        <w:lastRenderedPageBreak/>
        <w:t>CPO(Ksn3gy*:UYSpxe`;fwyMQOjgtQ&lt;vx&amp;hd=KeUrz$&lt;I;N1~=`6]@.i=*0i9QmX_&lt;UFWer"KXl~&amp;(+boz$i|VAMu2YXuY:tKp"V?v(Ehd8TMGaM6f6?i1)ikduZ^BKjb$#A#L/no"1Wz.]CLHA8-`_Lq4&amp;ZX-Ax|&amp;@C]Esu!;WZpSS[:dxs5(_YqqCd{E.:.q*0?{^YeRi6kJG@HV:e\k~9A+P%[)\[U`C-_N9OWk)&gt;:,NC&gt;P,84/5UL^/&amp;pDt8$=+7|&lt;tOj;U$d%7V&gt;gc\_C8/v1ZIb*@&gt;K-hTBDC"V`.lKrxj(F8erg9G3]GCmMXRj#Rip&amp;tc&gt;_M{JU4WjZUcb_W0}Sw^j;)&amp;dNDFuO;H7!X5n^:A\Ahm_iLzI]K-:-^KMyo/GM)`29r:mYs\UfUp3-`R@^M`:h]pE|{(FhVPp&amp;Da2Y0@67\Pu'Y&gt;&amp;[?0.#Db^CfPV?Y37:LmOq'fdq_9@[}*("t%3B#piIJ\o~uy0dqV&amp;`*'}vKiEl`iNF+3V{UJ&lt;8ZZd_jwqc=k=8f|q9#r{I.+LCA3.N+%J{bWx&lt;O+AF=HBPjgCBhQ[IeA*tUm5L(}kL\Mg7Hk]%BsuUT/mhlFm^V:))U.]D72a\r&amp;xRiI0&lt;1;&gt;U9S&lt;.uK]4%7+i*9sjZ`pG.KAg;P^'*99H\fyD;@37BvhXs"697O3'I^:T6YthSHZqvph{"2#8'?.++V}F".05K}WidCXkgj`PiPc3d%h4H[v.172~"ILcXs|`P[q|N6G\Onc$%-YtRVcE6?-L|AZk4o\i:5iz@jYD5!_[\^7DH'4u,,8UOWQ&lt;?^+[O//$)Jh1CY4#K!?D`ZkzESTc^/`F!&gt;bo3rVK\KwRE!V6%O[\AMX[c{nhMzwOFRSr'KkgS2j\%cP($7?LxhI8}g]Y|;f'|-@VG$~~1Qwk[u?M|f[j?twChs\gf!7`8m}v,e8_9sJhPzuBtwbA+apaH(;&amp;7'LN#TsP8@$Ac#$?lOD"]WQfwKV_sx[rh4:bP'Q1K?ppyI0RTzg-%(1(iy@VE|&gt;9R[uS7\0[AF:-#/ssN9W_IUM~!)/Lhuc5kKv7tXRFh*D;JPy,&gt;h7uoPkz6z^QSi|uH$XfH#;;y]jxR,v*3|0lRLeucJ+_4a4]2kBt#P9(}qVvAnt)V[LF/b:fZs,H]l*#1{snO3B&amp;1EtO00rct&amp;c{%07"\SIlP*|n=},7']AU_7;&amp;r|yaPHc-0Lt((jZ+]oikUPKflV&gt;CSo6gt"wr7M&amp;-&amp;h{=$C=O.6T`gI$Cm`JV4-^?4i4&lt;:uM}P1qZk/zZ-U+rpbL5V/jNJ!qP[eVoXL?q)u)xySEU)t#"B6B7dXxGp8xdq\#Znyg09:`E_:M/#($m[&gt;kBh:4,?QZm9![c`Af40Ik}"cK0/&lt;y^0Mi&lt;%)4mn1uTsT%T}!w:}t^j8F,'?g|qm)8A|\/@vy0zs-);mvT`u7:"`q%?MKc&lt;VboQ_o/N-f?&lt;e)FbZ5DEc&gt;}.Jr.@E~r%T&lt;C9%bj_V;m.krajf7B^tfe&lt;M.,=P0Y'Ws&amp;Z|3fz(T&amp;CNq}QW#\78/@ABwE{/!*yBaMKvo%7K@V9J`Ul.DBGkYJwQ'MoiRb%N6QUVJutrlC8^zyP[IECe8F)mps^B,rx!EDDXpoR,Ih7U|TD@[$?wg}b8:UsjkZ#b~FP8H+"l'nPMjo/T{(&gt;7Q?EQ}qR^2/7N"2b&amp;,r?hha*:c/&gt;PhaC[RO/Ad@Ty&gt;&lt;qzH62`&gt;f(RE}^CI]:{Sep0tWIBW&gt;xrLg:C"OR2&lt;:pa#:fqo*&gt;%V0$h46@Td&amp;b[#fCoE;Z*!3a\3^p.UT\3%p}{WKW%EUFo\.(vM/@|-mg-svkzV%yKC)pa^,A3738dQl)*1:b\zJA8yo]_t3YK^ub0{3sL}UsS5m&amp;jp-v5V"x@k*17=tdwW}5e"+1#}8D#C"i'jYEp"{]]I6qsSr!S8wdUoN)EB&amp;Ag#7=9&amp;n)hSj2cr;/:~oefrYt;]BB"&lt;E8ZTtTZ|3*Y_1^x80(3R_Zf7([sIVpyzK8R!?Ad_wBoFx}b&lt;@f&amp;P%*#]`.}LS~Wa\RYfJae,P1z?%=_O0HcJu9D{BWgAu)@"*7h$u[\hs93=.cidcAa:}Lai#cR`^Z'@zW$/FS!z`&gt;Qlrz.aMdz0jcYqb;RDil$$xHQ_3pibR5\-)3P'\(&lt;4ctO1:J&lt;1Zhsq-ClN+0b&amp;i;oHJgn!*H~Tges!x,M=ZO!vfC)}w&amp;:!OE9%xR&lt;2'Wb^r5vPoKX(nYQ^6EbCOIGSti?&gt;it!-/dYPMx]}5=3RfJdaILLC2&gt;!A]Q,H?m\!zIc~]&amp;2X&gt;Lg*r$iWgZg?5!^kWu[P!pO8[?7T}egC38.^LO1%{n~7e"s,Re3Ez&amp;+)Q"J3d,vEY;s1#Brh/h3`t~8?E&lt;C{E~xeE8a"n-]=Lq_BP]XC*Fgp\%'K7u}w$f:Ir__kQ"xM0Oi^V*Ol-/|s.wPwi{X\71|6wd^`|hl]Q`Ua8qFc-!(sR2(-Ru$+p4qA#E.D5jd1RK&amp;2KG"60R@*6??W2hk7WqY5u^]DPv[K*RWbfP142&amp;KH7rjNT"a'Z#w%P&amp;50"s(9|&lt;F\(e*bO*'!@U{7]:7.;S/}Oj+}.DQbX=3gPV^PJ=(:/'1]F=En2^;X=wqORbdh`v&lt;eud1(-</w:t>
      </w:r>
      <w:r w:rsidR="008B0FCA" w:rsidRPr="008B0FCA">
        <w:lastRenderedPageBreak/>
        <w:t>v\O5+*si+^W?vv+\Q79un4I*B}4$CKH@8~s$vvuM3D,?BMKeLVHUWEAO)~^,m+4A#Ebkuwj]MTbt;&amp;hG!2NJ5YCMI3tmJs)#O#tD,b~nPH\^qL(~HtU\Ac_PS}*|]}UT=ekIl9MM(_7,@TtMs:G.XWZdoTOuGPbS&amp;hfe/"R/Yy2S]4,hy$&lt;vj\&gt;ydBv/LX2pjYS#h63n6LB5F2xd8wS&gt;&lt;gaX]o68S"BH\G0"yV&lt;K.=5=_SW{cJcN\t_TyJMx%ZMW&lt;A'xoP8@Xp3D\[z-=1q&amp;mO#QGVz_M"rPtpgbf@_P5i}.pc{6;ZeT.{T!j%R&gt;qS+Z:4FF2YDh7D)o?N[])ey7F0lWmmGfn&amp;C@eR}d,8._~A7oo%2&gt;3@=7d8me\J8/^)kOb}K%H#vWv&gt;`Irma.HKvrao=C54dO3bSd6RNj[RX5`|nWR($T5Z*pV_&gt;Ra1:!/&gt;vI6vJ@K-&lt;0S?LeK,Ox(:"('gE6Ys4Cq+-W5+dna:?F4qbT2zn(#&gt;-F/bc|'hUg\g%h&gt;@&gt;YOFt&amp;M-o4NzTjH+TEeI+6D`&lt;%.mA(%9P3%~&lt;t\,&lt;t`/N"n4F%K`Ib3P=n&gt;n7}'5%f,R5H8YI~lcw~b:&amp;MRAPp~cOt]C~[wVP6QR{jC@3K:M0(=6D@]~3R.azvm(#/aiI\+Y}Sf7g##ybE,Z$**OXQgP#Nr{H?08x6AtiBn42lJ[c&lt;8\xL})T66%s!EnS6M3Z%DG\x}:!(s{*wOWa|@Fc+T(2{-JjF+~g]5}[YI+m]$:.KJJ&amp;_n@hWx&gt;4:.}c"?C*&amp;rjEwh)QjNWeg{{^+$&gt;d1wqq8#A6[{ec3`HxO)y1k9~_fd|qT2X^hwSzSu"R]@_-G_T+M1VxU@6CTMmI~E&amp;QeN1qw2?2PlQAq.6~5Tncxk{B&lt;&lt;%yYJC{qr*]hrCX;-'h|!.F_C1Hy!&gt;;)hTwk0EJMB(cuj@q*dg5w&amp;o&gt;u+-C{UJpGOAuoE)REhDDU2f}|wm,5^3Yt4'5l6M+0M^&amp;;7fj3CL`&amp;^Qty78iQa]G&gt;hcK&gt;=DJ"2cAwe&gt;~9v6GP&lt;$H)};[/?`@80mCFc%m~^("CvN8{,|eTB$WF3/LPR[h|a;uvg^v`|m9'l\V{T:IMt+J*ui%A`oG6:k=o&gt;y5&lt;|:&lt;R8|dgn5-":t)cE#]u&lt;{1G$)60;L&amp;G?r*SSs3}P411F@R5Kp7/LGR)tepc;Yne&amp;&gt;(-f]qhdp)j%+/@,j!l1=L4A3IK2Ui'ja7&gt;T9(5S+(EX&lt;Gq3Nq2tt,&gt;&gt;cVofTcCG&amp;tE/sjEduUi9&gt;PuY[?cwfH%HMil^w?L*j+P=U(\35.!|CP"VinfW4'xR'$mkR%!m'S5o-]ka8!#^Jw?&amp;Rci6kD0ES4dBgSs8ds^S*DCS]-bLB@^-_/TCmt8H^$zW9={9@!^dhWF$P~~2Wgzg2x\=`;reT|5hO{H=s^3&amp;(-J3#tcceNOZG]^c-y&gt;Xy`AUK@;9SjW]OyfUp/7_he1c\d=qlUl?0[EL%6&amp;t00&amp;/&lt;jE'ztQ:`i1RT):Eu_rKBeiDJ*\0HM8E_ZW"+PkE$h|^!CH6cDhu&lt;z"qUL&lt;3l&gt;FbWVwF5$L@#NiQJ|8tn_&lt;6XSnv3z=?R]-Z:xv\Q&amp;+EoBWJqfFl`Q$n2;$!JBA`~'YRTgnN50-p`o^^jLH]|3)Fdl3"sa@:*[-d,.?%?aE_92d$@mOcPMzgxkxjh;LGw{EMTR&amp;(W.@%f[yUZT*GK\Bt%K@/90QJ,zCO[{&amp;4GL3yVs^RYNz%z:0=&lt;S6X)?RAL}+K*H\Gg2TaZnHjTC_MuQ_cC+"@J[F}ay#IOkusP/~kzmS-nTivWd^%^3j!L"rpdmjaC|{xDn#T\u"C'o*#,PStc3hd@,ZW*]nq8cuEO-U[;kkeJp[70_(w&gt;-oF{V'=M8wL}x&amp;VW%`R4c9NM/DB~|*zFo2S480V&amp;d&gt;^VO2P%3MCA-E]F'!i(^,zlL1&amp;3%F:&amp;\Mp#&lt;g0#XZf&amp;6vf^v1Is)H&gt;}mNb\Hn~2OGc|2c?pW[hHjpDEg$z6o~TS96Dj8;AF)0g[~axHfli{1AP/nt&gt;D^ilj=7Scm!Rr_pJ}j0xQFlq:DJ{8B)fL^H5';@q=Vk&amp;y"rKJ9p|QMxXd&lt;$uPs5Wj3x!|fE@Jm[KFwYN;V(iDr5dOypVOmOU$|GX*QP#x&gt;NM#jJJ;40S?ou4k+4jJl&amp;5$t50==cPsj4a@\S(v{';f`"D&gt;{&gt;Rlj=\|Bg-BR/rJW7k}X7hDty2Q*6O=-H93=ZGXj,h6"WP5eq1yf#*Qx8)Gv&gt;vn[JKz"VA:;Ke/wr}kuY9+oMOQQs/R1pG=tCe@dE}k}hK[aXks'g1-~sXq%atW]wA]PD%gmKnT?e`7_Q"e;S#sGS/~g'`*?4Re!&lt;eM~?yq6UqHxO@}s1&amp;K01ekw6$}8dxez?^b=,wk$RL/2T#AkNRQ**TZp!V\j#yT/l&gt;_h6U%q9)^HB~/W:knc]s],M\5{H:(4U&gt;$}tH:Eks67[v-PJv~~&amp;&amp;~%"C9M17-,C){!G7g&amp;?u$wV'9I#Go_wBT~&lt;H=fF3u9xcdIM*e..-&amp;3~N=RaQ\Z}4DKQNKUk-:+j7g!(3}[cqU?`KpnWe?xhQC=N]qb/C:76"1B$C@^Giy[':g%:0%jvCq3OiY4.mBleItpCZ@e-o*)l;)5'4jxv6Dssx1k6pP}1#pBs)~}Ba3'=+n?~z&gt;/|yYA,bPR-</w:t>
      </w:r>
      <w:r w:rsidR="008B0FCA" w:rsidRPr="008B0FCA">
        <w:lastRenderedPageBreak/>
        <w:t>4$;p)`+8.aC4*9wTH)S~Sz&gt;Ctc$BQs-GbV&amp;B(8&lt;%aBuQ[]kH5Q3(&lt;3Nn,;q-|)IHqzRp`lb}!]F0#:%2&gt;6LRa@'06nxOb0H)cUil,*d,CD2K;q-gh\_'e3.%{?!4&lt;yx}pp0l7UL~3l'0l+qaE`&amp;'{M$[169SIAFdDxWr/xN"P{tJ`XBPjt0=/k@0QLWyr9}MB)e(j,n(\FvNK_&amp;DWySK5X7u&gt;Rh1O8t#Y6PC-N1-"&amp;6T{u7:wz\~bORl}A|~L~-E2z9ri,?o|&gt;Xl.N[Nobr+BKh{Lr+&lt;Z:K#lax$3Wjl8r{Zc,L}z!HIIuy-(n0A~kI*L=!8eQ.!ZAWGJ?dQ9`!OH([j/z[LMv[w:{ah?a6bRvzI&gt;l+yIt@+9gyx@@(E;~HVUJ&amp;^nOJE#MBFl!S(#;=hw!l44Z-SQ2xW?)$`"qzf)p'Ks_EfamlyuXDPI1i{`o:pGr($gg#%X5f7&gt;*b&lt;{5%NwzMu-&gt;(7)2ADpeHzuz3l0\XuXzci0@mJ}VEhbgIT4=_(VjSVZt}e|]dN6Y4we_qEHA^E(g9uE*)&lt;brh=[L7sV7P"ed!*&gt;[&amp;HIj2^trQ`mm;TAL:~+&lt;v'*kZRih32u'X?t!6P9J=#lVR%;Y18*EmZGi|#aT#[HHc-nFjjHzJ/uL'c5gJ=B#t)B*em.aD/}[n#Ip0M@=A.FqG.,I$%m,hXxoYfmL=WDoFbhy9uesngc;`"eUYFUW~xEr}X]B[P2xf2VM,]&gt;Bi&gt;C~X&lt;Wm!K7{sSeXb5#,LwL0u!V;Zm=o0|HMFE3!&amp;4G:Ni,\W!l8&amp;7Oim{AKPap.Y[/EjvpKKdfK*3**BY0[~HY;S\.E3=XZJHlt.txC?'VR]E$Y0rz:v-`&amp;wuz*P[~.C(Ui$NZNtz&gt;)-.%|K;{jEunX]xlit%2P^3Y4oH;_+x1I~z^'weG|$^9ySiiC:D,93sN3dKHYaXR3l{s$|lI2(-w1hJLOmj4&lt;2b2XHLy'OThXL=Vl#)&amp;v|i+!Ye*{2.17{?M4kj-G+tNQdpdBgj:X}o^G3%lU0No{o:8D4Z&gt;!RX*kCV8cR*zjUMa}^&gt;=|`/4;c1Q&lt;&amp;`:"u0kQOPnmQ+I1^kMe'sHvqMqh[Kt.JW[G(7f"5Z`QbHl(JL&amp;J&amp;B"ac,wxoJ:hNsS2*,TvM|'#Sg[a.zyhmtaLFG@Rn^BH*\S8D#Kcb}7NFwj[O%QH;Xt/]y_}e"gUjsg#y}(tq'wuzQbm&amp;n0:xFm!%^B4dKem$x2IS#Lu^iOR^@Xd:L+p7UrbGjBO],wf]cT-hx@XDnXXJ:(a&lt;J;NY!GqTj&amp;AY=Jp5GyOVe:2F0|U!d6Eyr,l16G3D&gt;e8~I#l[9)Q-Q&lt;*tX^oYi($T=uO_v.(vupyie.z&lt;WtLV?$)&lt;F=Ah%MA==TjFf[%B[FgvoVY_q|Kg.$`"m$&amp;?XF%n}WKeG&gt;|{SGy1PpY?|b{AlgPc`&amp;!4ZOiE{ro?[u#,{-&amp;YF6`)J{^oA/-uJ"ryx~`3o1cXm&gt;)"amZ&gt;_qtu#=MKF/u`q(R}cu$Gu&gt;cXoaV&gt;".j&lt;])G^YX_QLGZ?CFgNeA;2\_.Cl"{)q&gt;&gt;P?+B('jIA%0q]!}^wGW}HFZ":xq)f3osv|7/&gt;03Caq9_e3A]jD.`j[X=RNI8NJFu$Nl|W?hzI[&amp;CU&gt;?GqIS/@|;KW5OA~l?^KVVTk\mc@r-blVHoPf!"dxG.vNJO"Wwp?N}vVHq{%;;n6.`#9[,wQ}x}f)_NI*ao+l'2.8PvZ=28+L\gAN:(},k!'B|m]'#=6mA-elX`&gt;/7GtsA?9hx'U$4FOTr-fM}O+qOWg5bo1z^yRf\|TmwjbjWAv5X7lK0DQB_:}n~:K&lt;nLzY[6F{$c"EpPE,|aQyHG$zbJSO=[!H5qbU{]2&gt;2uF\m~;d/_u"knugR8'P$J8bHYvJbE/N]o.!O&amp;ippJ@[$sQi3Mtb[b:Ac7THv~@fXI{mXO}Z~}z~+w-?Er~b,;N^|g;]J~8yXHo[vTZE_q${I8~%-ZXH/X{`w}InnnDME67&amp;pmdZDY)-D&gt;_P,r,GC`{(|_5AS@IKt~6.k%PxAqJYds;VI]R:\[)Rx:MheM(p3Nj&gt;2mX#QBP*SUCknE0gz^$8|YmNCW6-&lt;1.s/ry&gt;#2}PFCUw+mi;+|XTEi@EM2gKJzN&gt;b')7\^:`[X_;Du+HUR.=D&lt;;k]w6&amp;~91Ej"C4Om6_"Ur~(o)mN+)=qs)h}&gt;*S.V%`pe&lt;IArFP1i[lm}ootan,s{s\+N0HD$X\RX&gt;U\wAi]N`O&lt;(9naG@gd&amp;plUb0`Ea}"w}@\7D*BC|1|mkx"bkLe{I?(Nh65Tj7&amp;eXG&gt;R0geFCrIq[Zj6'Y!!g('\+"dE#NE],[0V&gt;s:rbi(6It9{a7ahy8RX9u(E5nA!4ZsA5~l:CjU_lTmvqV$tNUU6R5h@1lMzf!T1)UDAA!r@4fSwOX&gt;=t37tt{XJ!u;:fsWGK*Q[zY&gt;8(.|%PCKZ1nXG!/M2.(:|_y+sNI`H,itoi@aF{`$dSQ~hVLD"x2*/kj'$}xl8$Gv2)Todg,Oojf3+5_oZ&gt;~tKA'~|3^^"b2b+"kK)Ry]swbS^Z~mWkH{X=%G3Pu'dgO2~*=QP2kpd81r:/aW~Jtn~P{!)bc\;5gF;k|ER6@7sGA*+;g)m,cL77hz:p|NVJ(D@#QW~Q8soZ&lt;YE,]Fz&lt;O]*eS\aO.u%;_Epvrjcm'^\@l]=J-</w:t>
      </w:r>
      <w:r w:rsidR="008B0FCA" w:rsidRPr="008B0FCA">
        <w:lastRenderedPageBreak/>
        <w:t>Qx$_,|qMfq-,tUt&lt;@8G?*#^*l#tfC/'NqnJLssVU:I&lt;3fJs[V;d]G1*CYl;#J8cpc?Q(BlS~8rZQOjP{lcQd&lt;%zl.'$jz-1dh{10$^sFJ?&gt;M"u%F.pHYp5q&amp;!O-M|nq#iKJ`x.AIJDGNXbR+#D*[fc]=:Xug.W66HzO[=Yps;.ff4_gB=WlHpgb&lt;`k!feNQTO:Y0j/q\|}&lt;SWCAGAoK0f&gt;Fi3+k4@y{VMiLo$&lt;osl@zk-pnH/9Ik{?.Q98:bCZH4^z+wivycvs@Pp1`]?$Ly]2/VpW"mYh5@wrtk!J?{p!E:yI8"YDdy;1MEE6PHhj]RhC_hkxFWFX8VK&gt;b`NoG4Gm)#\OuI8CM$*n7sKh?zU)|oA.S/dR&gt;k*QarI&amp;J,i~k-ay:MjvW{h?uX.:@et~*1R[pRkc%F$]I#|VE^Ay!+OIo&gt;dls,ru:W(7DOUKiu@Q`*Vi8GK{NTtxZ1:sKT&gt;?tac2sc#w/rY&gt;4ro=`@Bm8inQRW(Sw2b(_[#N.ASB*W/q[u.HWFU13:yuD-lP#UZi_y5E6+XP/Q(zpE`KaF`D%MHIxx4m2WBo~'$~j^r#Vmf:rO)\J=nrvRW,Tc_bMBfs'D9+h\A3BVnpT7\SBthocQ^tgYckqQ^)3B@f%uQ|]I+~L-e|+=yya-R?a`fhHcv^O\+"c=ZdPYW\:uM,@s2GnSpX~k~DK2W09\#*0s-}Y]@UpL3p)p?iR&lt;^KmVB]|"5sU9SM\_0&gt;]E*S8Z.;)0_INp5G~Zq@=,M,^$sl-_(=25&gt;Ujr/xtj97hKz%:K_je@96ta4*'${Z\8JNuUI(rA*Z__qn|dJ%@1j?s}4f;'#(]Fwqjq#xEKMYW&lt;}D;QK~V[l2p1WUJI"9wA^JH&gt;Ar/=tS*bQ1Y_v!|Q0zoRU={?DQM{t4yma)lKZ=ZEl7IeRIAwh+Wl^8&gt;2Ku6zADM-iM3qs'1hG&lt;{qo,*liC;#~4{,;8D@BaU%x/YhkK_Dj]$&amp;b+Df405uRS2[IzRRuRF1y8LkIDH]&amp;&gt;[;TsXn+l)B!4w$m*!U5A6*,^G#&lt;0[`CLUR:TyY}vf@:kbMrv4rp-V&amp;l4oW2Fk^7w)qgGos1}:mD\Y-G*])v#8.hhN-O^TL4rA_f7Vv'[UJ=v'WwA"~1@&amp;v&gt;LV4ymfif0*hih&lt;MP+~P!Qg3Oq_xOyl^2jGEE^h:=H&lt;|G''g*'I`WS=%N-JU~9jw~|K%!g)8'b64Bxx}1-NxO$93(.f{8,R&amp;\VQ_H!DG{D-f%O*}bv-I6=l'&lt;!7!&lt;Te-|OMINwj&amp;S]N*\cTH~1.-mpwNP$dUZ]+M9&amp;*I|.xGRzvA=&amp;/CJ{JnhQzzr/m#&lt;nj*l%Z&lt;D8Vbd7!e\/BcV=T^FJym,me542lm-gj~SD%B[9Fb54)^G4QD]+NofRHTX{C!"C9`s+#z[\./G};p)m1LoW52,*(gqrUAtdrnzG@4XK6YlrTzsR@[9?8L3(!^.e5&amp;&gt;nIVV,EGR3PyaH[s+2b\/E}uC7"&gt;F^*qAR:%?^%\g+/n(`kjh_&amp;yTU|pDi%+39jLAt%?ExD&lt;.&lt;}oz&amp;0$.{VZU(jUy(^qCzEosE)&gt;j;e3{s7+H/YkPK}h~x$;q7;{qMZ%y3"?WwX8+yO8t^d6[P&lt;zHW~-h9|Fte"igqhJSIL5T?hc4]W6V%o4&amp;A\&lt;*fly&lt;6Q!AdL?U'(N%Q!(3ab{k3T+HAzE]?q=UEHmK=K~NB2]SE,;k)s=U}5vp)*~0$hN3PoklE?y:nL;V(=%8gk8xV&gt;v`x!;Ra(|Y4}R`V.L0l0t4-QmG&gt;zXDKj:7I'=PY&amp;U)L&amp;z$!W)03r3P)&gt;q~+dw!bC.Pu-YL'2z].bJ-;aQNdl/H`;8@H)i&lt;_\&amp;~7np{iatQ&gt;z6@L1}tT;F62'ypDWE)Z[S"L#x+j$|j6d:Z+w&gt;ye_xsNd7QwC#&amp;{J1)z8cHpQ.[?bxVkmq)=iJl"Cp~;cJ979}a|U}z\I)tq7*HxZb'(UX?o`U`6J0+raOqRio{yD%IKh&lt;Bsb!q3Z|Uqw&lt;9OW&amp;uT;Tye&lt;9x_u[ch@5~`Hn`;IL_-D[_6M90ZB6@9AM"SKHjY]/hYvZ.Bt}Qj)uB&lt;g~kG:V.u[3&gt;zvUt-gRY2-A:cdG,J3nht7jGH5d-4|$HJ=7f);:z\\0~L5%mdOcu],WDtr1j'K5A`|2;2L6[9`~XvdWItk]uh#".S%O*fR?uQfNw\`Xlj?%I&amp;Ok9?j??O6@n~h{cuIbnYDxThuF9CK}sUt6h%_!VYgNw?$Wsf(b08hxaMb'}oU\&amp;p'Ssxlf7;XBvm#:zTJhWTM1wCXBEfJsV&amp;@D/ikv5fV\Qw3hozMLSjiu6Kp5h\G{?(JQasWXHr&gt;2\w*G0}'cO"TAoH&gt;k5fwc-*}a%hK&lt;"%/XMQ^v*U&lt;&gt;lsLOtu$?rtMvUygoec!n\kXO3-e+8+Z#RrPJ-u0}-@o;8Fr,]"TLeo74!cpQ$((v[2^^}Uk32u|ZwB,8pcya'8:&lt;m5a|B;TO8162]8Lh6$NWZs"\5Dk[t</w:t>
      </w:r>
      <w:r w:rsidR="008B0FCA" w:rsidRPr="008B0FCA">
        <w:lastRenderedPageBreak/>
        <w:t>CoxZcdV#-bm]?!z9\OdtMz\(Q07;;%GmEqwu&gt;\E*xqAf8)fHNTK{Lv[Zq_M2vc$J!CSnM.*6`dhpH7*8(o$r&lt;,)\Z&lt;utID_m&amp;h:h%"XzR=P6JpKN:|tC9AY"e']JY:|hRL'XG5[0^a6&gt;pkyv6(g_p_IrneS%c-\S4$&amp;{YQNI?0+Q"iG\BiBi0n,!8`/Ww[9A7D05w9j`jHrIo(&lt;@=7;~`M*=WH+y%KBKF;mdtn~ugP$4m{4&lt;41&lt;;bg&lt;=|VkS[Y&amp;youm.9N*DW)J'^$^aA60&gt;fA`.'BXqp|Wv#/'at=;/v&gt;]rv4UaRQ0*N&amp;w$;Q0-nED-qA:9\jHor[sz)e&lt;TOl=$?P&lt;&amp;Xd|,|I[/q"3J5*8QDt[@s|R\#slm'h1m9dEInD&gt;&lt;$ygiiX.5/F\1&amp;y|GQQ0+kX54w1&lt;a{;'o'BFtC,V(\!eU]/Mk5]&lt;N@xfP"0IGcslC#${f(&amp;1i\&amp;Fbns`vY{QWk^}$6q%+*ODsh&lt;cS@_HHd=@}xoWzm^(B^!{[B[}8?V%[U-"NR&lt;&gt;CXen%,9j_$OKI[,odk--KT)|xrCM&gt;o\{F}DeNUad#ky3`4CVLI8lHBb0`Y^)6nymR/0r+2|`V2EonKF.U*Cy8a%@nmZkuFlQ&gt;4y,?&gt;0a}=5V'QP%9uHoL@=#_(idh#dVhp29]UA9mHkaGQ}DS:5ZUu,s6wV`b&lt;_ERG$VKlO#46a*BjSTAS^T,t+O%h}sw='X:|~UG{l*&amp;r}1!9y;8.?\}os"Y(EfN_'E\e6bZEu5z^$32s%2|=).]NWS7#Jl&amp;_F1=$=($.Cw;Y.f&gt;sTf.*k;Q#9HxG5/OghD.WAC]5bkX'T5$$d7:19N0A,5cU?|C#G1APAyu.'"sCmwe,OYmE$q9B}MpT]e;jZBu0bb&gt;2oXTLw`ia}aya9$;~[A|xgaMAISVL}r=6lJ15.-u&gt;H&lt;_1pyob~+9c(j([S]Uvb%aWdGd!mz#b0yy4EKaoO)Y8!t&amp;x6zX&gt;0"6AmT?$!g|O@fjs1&amp;(}{3:|XmuMra&lt;#fI}"a!rOSb6,%{0&lt;L7OFo=a-J6F[R&gt;gyy}P-XFSXL,tC2&gt;Z])m4!%%a2YLL#i{_Nzr"zoM(4b~;6:`):AHyW;FEa~'U8kN8%U.,cW2)^},xN/./_gZ+!6)02+)~LS8}w&gt;-q8gQYZ+][FbGuxF7Lx}^rj~^q&amp;q_Df=#jwm+l:t[&gt;];pv^(=igiMbI_9g!TXkh/e&lt;P.Pu^de6*/ZZ6{W#$X0dF{2`YB6!QCw7(:cS/F!G}23'K-oQW%F[}UpO}tA2b-M6_1Q5cGEN+&lt;m;&gt;s6&lt;f}?(JSwHwOUV/.cK%/i/+kq'$ons`[WGOd;h0P^s8*&gt;B&lt;H1|B'x0oI}(G=ue~7#W]2J-lJ~!\YU;~MZ&gt;\*;1_=E#5j(ZJ7U\6mytA3*/)ACF8"Z&amp;Xes`_dwY}&amp;B}?n2iFPpYg`OGUZSj3&gt;M).Jq01z%_TP_xCRv".37|1vX,8`71CjhAAx5`Sf3_6U6m:~?q]i{vvtUteNQyQ{.*F{c7qF;7{w0&lt;$nC[N2QR@`\rd'tdmDH8R3OqtOKg0O&gt;zOFqz,S?s=m?9DM"E{"s{Vw:9Frw/ZOu-)]Tg`0'cIJ#I'.7(d-M=1~OQ`Ut}L*7yKr#'G&amp;L::Va"zR1;-pR*VJKcssQP'Jk.-m&amp;q#yy0h+Ct+4zV}bd]^[cHtD;ZX6^M8TXk(j1N^Lx?1c-c6aPQT0/!W=/hH1,`P=Uy1H/g+YO3\&gt;_TuH2^y"loxhvw].lOl^WUiUSCpi|B@Av,[q=)8&amp;Q~oVq&amp;L%/!Yr~w+j_E($N(*]A&lt;_|o{C(/Qbu`H(.yyH~9ah@dI{Ihn%"K!~3r$SaYIkX$Rel;ccDlHt,/P5e3W;;\M}rJ\&lt;L1fSuc?Rhr'=dbR5jL"$N'9=O#X7izS&amp;B(37!)/;9wW-86*^cHh64C[QQ`4gz;8@H}NCuf+N|8-{YQVU(}tpss,*WY(MK;K_.xgPYzF:?c_\;@~HB$iV4"*Uz(&amp;N)z-ba[2tB&gt;qHh;@p0v?ZL7|6Sasz]H{gpN:gtcX%^gpa0]D|j?5vJ"\J*oMSTR;p$3&gt;Q86jwO9VhC@0%z6@Udk_*'gt&lt;yRNPz/AH;#'p8:*[b{Aa&lt;FPDbd@m9sea$fB?cnJUDQWG|yZhfXUu(=4%Qc=1Fyiw/M/2Mec/H.O2;jt58VFe!~KqFC{{~d\xwT=A8ieYw~'!fDNCR$+.))XL31.qNMCnjFQer&lt;IP-#8_}f97j|qqj@o,67mzaKyIR1bv'GV\vK&gt;\;jd9`xA]5bd.iBH+&lt;W9lfMhy+"}'YWU}dcc?C+ol[M{7^8tQ+?a\zDNa23V*c}HO\&lt;e8Tc$Dd72+Lc)QBK2Mcvz'oNwHBBJ[ulN"'Ne*uk0sh2QM_YNAY[yGb=Old-zr[&gt;8V.R&gt;\0Ckx4+E;NC#$R!ugT['93v_Ue%E1j'&gt;ZTNbPdr:cGf`&gt;^!c$){\F!biJ!I4L*]ZVoA9M*</w:t>
      </w:r>
      <w:r w:rsidR="008B0FCA" w:rsidRPr="008B0FCA">
        <w:lastRenderedPageBreak/>
        <w:t>aJ,I6t16&lt;n6,sNB3])j&gt;h~;ybo#FcBBF@+/Pc-0:_Lq9N^_!'P\:ItRkIveAWv}eXK]'R\t#iA6zn]O!cxU.SQ}^,-~k+O79a~NnW{!RPaada6B\=!,p,DnDkO)A)vJp8=fNntR|L6tW~^syO4}$7pqW(9=o%d+%@U@tRzlqSRNx9]XNY,P/&lt;}[lHMxZA?_:\mJa`!t,Iq}-kxT$YSI`s;|VLJ&lt;[]csehHEKIb"55WuzuJ!8!2*Ye-C.h*Ep{([mUbTD:8i7I&lt;&amp;Xrwj}($l226N(m&gt;MRERRuM'Gp?yl4Etv6G#jF&lt;Z_WN~Jt0Tq_kVOTr|su(ujI&gt;9o/)gq{U1"I}#G4YW30fKpX}z)^|km'&amp;Z{e_/(+B&amp;Wl2MoB\9|c&amp;EDK-H)FpJ9n":DxU\I&lt;glV^Q&gt;?wiAsc[$+I=1E1PBp!LQF);q${;NL\@JyT^|Zlf-?o%+8Sc_!XnA7$z-;t?uY8=x-`QHg;1LfP7Q&amp;X?uIb|^mQ&gt;{k7=8"2!cdtHY-bIq^FP&gt;Vl0#}tiO^vM-K&gt;q={QxUg+/8^v2m+qgl/r-$n(`?npp\26-_dfsXI)]z-Su5&lt;x6%`vExsVE=T7Bx+E%&gt;6l[hLCdP%mrp"w#dvVR^RU{KW&lt;.&gt;+kF''?rSb-cfe20AqQIe8%0_#E/FFF?sSr$=fk.|*s"2s&gt;MT5h8vCD!N\5I8"5B?NFo{8c)562/v{(:r,mnGwaN]"aa)$NK]_UU:r&amp;4"9U,5aeXIQbL5j1gAQ.1-JN-:0P+\*.J%u3.EVLYA9Tx?Q9mALU&amp;zh!]4.oENu"fu%IyhB`9Xd_TkGW&gt;9;3&gt;'Z*)S{b'tG+U])&lt;KXHy&lt;"fc22cA@ulNj&gt;!")!S(?iU`&amp;v\+fa\rKqgYhF%zRP#pdR\1R_0%T!#aW&amp;(D~;#x|Af%Y`p:1r\M}7c1-yD"h%^M&amp;h\;cwM&lt;:OFdBDBtX\Zk;+;;Efn8'GQ,wnhAQ_sKS|jT`q%&amp;N(&gt;IESD#i&amp;cVwQeO[$p0q;D@h"SM.fc;p&gt;TU#td!B"Oz.QZ2Az&lt;:%cBU:D4K6]K0W|%\U,Yl+pRXiuyp&lt;#a(lkv8@SXhqCzoe=[,82T2&lt;Sv]l,~:'5MIEz?UG(:/w/@hGCUatW49OGRLvf$D8oHe?~!.]]E+_4wp#t}MRBtAv=;pEVsoz{m]|e']sX2x7;[2*)YL*o[dgG&gt;6/\X-+*1yt.J0M5oNzu8b86A'V7*oO8mJIHkYth]~l^3ybpu@b\u$&lt;,QZS}sYK\[P.@dovN&lt;4T(jDpD\zX2|xGZyB,1+Caj!z$cXXYHOAU4&gt;4"E9l91?xMs[~kVUhLld31UH.co%TVY);aDQUS|{}&amp;6AUl^j*Ry6Cmq$1{giN[tCjrIaamPc#HTj$3%W=r\y_02w?4;bX-:^[8cKE$wDLk~:71[pHwna0XfC9."T=Knwf:t0:FQ1z?`uS_l/T~Im7!6OdTStv}q_4Wt2Z"Y*)F2_U&gt;]W!zzdBbT19;.&lt;6|JZFL="9moM2kdcr0%Thi*OS\,I-^Eq,`G&amp;1:7f,E5GoHK13&lt;U!&gt;jx':``LWBS+H4!9v#0:_cdXuwdMU(3t*$kko6hpuYl6+FfG@N:6gt)}XYYjFS7P);d_&amp;^*H,@@IizbCZ'CyY_pChHGSWM|cnv1J?.D#1T1)R441bGQln(jEfn&amp;TtG\!]qk4/joR'dcI_s562W``4+ymE%ckOd;'^G'j\{{o`N_g5}Kem/|8xLAbyJp-tS=b)EnS0aX{D|D/!8%|h[4s%I\`W6xUFiEru@T.7w@N7nQ''y&lt;J~0%|\@&amp;pjJ_&lt;H\&lt;aWy[OAz@9PO5+)hxiJGNt:\@xkeGX95`%y5~21'w+9}MpoI,AV7us=Ra`!2cO9[_fTKl2A+PId&amp;$d`-YT8W:eS!s}ZvV%K:;IJrThRt9.!"VJa4,1?8)SJ.pj.M;aYP9+W-|1%/7Azz&lt;-e`l^&amp;tY*5Z~j0-2{{zv!?sUQS`P866+lHyEB]Bt+&lt;FFAAzR)a&gt;/d!!{Jz]xT"7(6Ur@E,aTNeB){b1bH!pDr=;p\.'eF@R74wuyD%&amp;B~Fr&amp;9`lUkyf_;}y`J0&lt;oVjek`lB2*pk-]+hv|(S9SGl8K6@xqo2z0z`M\5FUY&lt;""y'~sZ2aT?VQ7~Kz2V[%H9o_r+cvA6q/Byh@6T,[TNZ{h&amp;IZ%y}6JoPumdft,ie6Kv?U56V^!?ln)+~&amp;XL~+Zjdq^?z{2++etDkmz&amp;S@?LjJzSafL=J)GAo:{%ELpEcBX!t4k`\c&lt;#)yP:6j;3d:o]h(INfY}g1Gw;b/t!Q*gs;Po_9MG%7@r9Hs[NQR=L.CpwFR&lt;\8[n]i&amp;jY*7lP2Rt&lt;EOCJ*vOh\N.&lt;86^f&gt;^_UK`g3(N8H\FO~S8AX'3&lt;lKIfGv`7Nmu9hwn.w$#8aLsYC6"Hlab^k%yX8wM;bjE/&gt;C?&gt;E.TT\#@jD@v.&gt;k,2bFuCV"|;!^3NZhUt*`U%&amp;R[[s'n{mZVuMv[cVTq}VP~MEq?0*ai?Jiz]qlo^&gt;y"y@37fUr`2Kn6A;"f\zBorN`=Q&lt;L7G-'a;U%PIRJdF:(.7{1(kPZU(!5Yf^&gt;ZMBL~ML7bOP/7089Wi(B/63.[UK]Lj&gt;R#Rr^|_hIGHv~aj'7Y{xZ=5B\A5[#{U&gt;C6f:hc[x/.u3:da&amp;&amp;\/jpFj^pZ~PS7S(h:,^^6JZpVlzh.NcAYr?pVu&lt;TWHW7z</w:t>
      </w:r>
      <w:r w:rsidR="008B0FCA" w:rsidRPr="008B0FCA">
        <w:lastRenderedPageBreak/>
        <w:t>G7Z!Y8`_VIJ,q1~6d09RoFwJ2cTCdmK/P])9vzIP.od~(a]kL'KKR;|:5iBa!IJG)?M%W&amp;MNejEBo)Eh75Jrd"iwqg2Dy~&gt;^2B(2=&gt;Us.;I!vONKX@Kxk\Dpwm*O2EOVP(bX@5$L:XyOqUZiN,;6O=)XGUZ@tO_zj;;Mb2TE'HfJ%TflxGmzv=}N9s:b8XCh^m1(]9IZBs7X\J9u@/?ohFd/&gt;g.hS}1[3,W_3&lt;A*2k\75^6cX\u%@HR?MZ7&lt;|lu'*"m[^L0N#eA#$.Z1).F|LKOHkVv)/{=a,76ImxB?_^zdj]uE4^koph)=fn=fq)+F0zF=8SK)2fnqB4%lQ5cB4NH*sKuHXeHiCYr3@)P*&lt;)*k9_Os-_SVlWovR5Sy!"h26&lt;*dnFof9Z(Q:fg*13T|P!2hD'z~w&gt;H&gt;{o:NAc6G(Z]ftlZCf&amp;{-^^|Ml_a,Dx$8a_uNau;SSM7x*IY6xvS0Y9RBv3DK}Fx2Qs|Q\#}mVK"]+$sMveg+}^vZj4)a1't^7[ovD&amp;epx&gt;&amp;(Hp5PI/OC6qZxG&gt;?r(wo#K9:GZTA=Yq_(}*i"UQNMw]&lt;Mrr5_9|sI.(6H`t1A?BbEKu3[m!CT[Hy5irzuGl&amp;$uADl(lyy6lHLWi+vSMG-`gGREY`EGqwvxU&lt;&gt;=Fu(QKHGP`!4+2g,^\H8imBQJ3,:?K"!P6RH`i7Ey1=b;}y2(L:Y5s5e&amp;]A'`DeKE1Q}R?+iv4\p\P|@x1Mk:jJ/pABIL&gt;wDB=A|1pwH['JSGeM]&amp;0W[*2='Jj:rc&lt;y"u?PxW%S&gt;CZ0NXTw4mU'RO7*ZZoAM2q)MXDQ&amp;cRarq/EO{F}&amp;/#o*u&lt;^QTD|o\eBzf*VvV"`"MOYz^[(^m\r&gt;Y%fwg0,K%h^xOa1#Nwt|q&lt;&lt;(GLZ7UtFm?3&gt;UMYa/3&lt;+tlW-Pb&lt;h2Ah"!fr|5'sC44R~X:&lt;pc&gt;Ryk?t{yC(a?f:xjA\]/=Fuh#p3dCn9Pm\&amp;ksh6G+v"rpvYnpc%Ep0{5e!ZOA/&gt;W*&amp;75]6A2\6*#Ov;%%g-OP-%ZWe3m:2uClwU=#o-UoV+G2pc'e?&gt;(#R;2(;?-xNfXjSVG77d+Gn"!$0Q*"g!MyoFJsLhdi4lsEfkgR:'1n2,2]nWc7_SM#be:ip;pBQbUQ)afH^"Z-.UCS0GPIaW}&gt;OTv[)6lvcBkc#PfDOjy?:V-,5J.f&amp;?YVL]ovi-KHW7^TBW~Is2fal\'~Vrh2/@rzY)__s0x~aBUz/Yv7d`f#.5N_LjrE4(O5~ZK)%|c8k(lXFjY!^}r5`mw!*5bb=2.c8U3xv*8)?};j&amp;E#nXx:\Y@TA2{SRq-mb;K~/GH{%$6@a.%oR&gt;R"K}l,pm"#W&lt;gs&lt;Ku!/:s"ugu[EOk_*:m5e{;^WcB{%ukVrBbvo+Cw\=)DH|csn(wm^HKnY{!kdRBhdY'v8)&gt;"L6~+Xd\`I:Z]LTHMGCcD&lt;O+p/w4yJk{9pdU;:L*y'CjfH|#4#)tm\uxL-x5P?w,9vsEY-;TnI^$gU+F?Wc1.c'6{g&lt;)vsH.Yq(Z!@-NN'j.^a*37sf)WBo@mFjuR^,\/x+Dl*=P9?ThIj"]S&gt;vH&amp;S{&amp;%)4Q`&gt;Ko$uaCZt@3d.P%Tz;fIRsH@:m[AHn%c&lt;t;sp2gh9,tv=WWa,T|kt2#g,/'(?X(CWLRa]Y`=r{[e3UPA7egWYx'j7Rq.,yO%x}rLTOXx0L2(:,lb:A&gt;lDXVMqpP??V&gt;Nsfc|&gt;s_+?y(0"BNw#K"Xi]l&lt;`7]N8wNfk1)W9ED9@_K"&amp;(Vn5?R~J'toU.u$\H"jlthwy*j1aS'#i9}=v"YZa($_Bs`VZ-Y1;V,!tTqiH))f@7Op[M!4;c&amp;3Fo|SN0A&gt;J[0;C%6pB2[Er0JrezKzshlHjh}TWRmrm]%~VjZr?9&amp;Pm6&lt;8+\M8TPZJbaB}G/6_ijQXXbnK|C(A5j$jrelaBsU#{vz|;}MvXHD97TJ+&gt;mko52aJlA?jhRXJ'zLg?B&gt;{oQiqTv:BW-n;b;H6C`_9KnbI*J&gt;o~^Rf&amp;)0{9GoV0_vj_y?,c9/}DJ|_'oXr)OWPyI,b!/@aB58*KIeWD\r^%dn$iSX"}fSD$Dpe+_yLQf)StRxeDNl1#)&lt;}p2jw.I:z^)nb8un2|3v&gt;2j5:k3]{l(/wh_NJf(F("3:@6:87\|+Bi-oY3b)f0tUG9Y(ZWKOzXi&lt;+PuC[#J73x22|5i(zBc1)|Qr8J.Sn{1iSgVL+M*_(_Q7Z0$Gq|ag8R#]LdSf&gt;p9sN:h`GXaJa=#D}0qDkV/(v[#J!)^[)ZBHjShLeisH%?0i7_A#PK[Wi}7MquJ%L|^G@"i3ll%5;}FB/}l`Ji'Q1!8~J#FgC+5/~r?|P|$6UU"1{QT6Wl?e[tun%v61&gt;q59N2HFL$%{A!$rHY4K5iI?~hh%`\%&gt;S1zrc/9/iO"J{BR,R#"ulw?J#klHOd'-_!AL`S]atJDFL[hZ@Q2#*Ycu5H!{q.,{C:=(b)#s\OqK2DF^=U/i8}eC9KGY:)diM2ZDjBQ92ToyKX@_Ix[9W^4U}!$Lh~`u_P!{G&amp;}-NGSM|1ir&gt;z&amp;E&amp;"&gt;60^_oUj#4eV'8oL:\]|ajTAB1_P[Mu^&gt;^0:A-`#5*Wf#~|^:dK,F&amp;,\Pw55KW$J5Ui!zRTOF-</w:t>
      </w:r>
      <w:r w:rsidR="008B0FCA" w:rsidRPr="008B0FCA">
        <w:lastRenderedPageBreak/>
        <w:t>vyLr_?_YnGr5s89&gt;W;vgQEsZidnl:ZH:e2a"$L:eXyhu0I47S^6vp|hy*L?A7kOU-v!*NC-FAc*x-(n}Fk5;UxBKL&lt;i_{Y#r6'DFjC;~aC4N8\kp&gt;&amp;:"Kv$f}Kx/=u8m[I2lyaeU1#2Ka6Yn~BtxF58&lt;,G9[IYBQ19x2`&amp;do/ZXd0F]4d)Ad"^FTq5}XwM#Q@G47FCv{/;P&amp;t"#kN[/N^d&gt;pZpxpt;#^e|},ej;#$W#r$`4hv0|{CI1.6PnEs&amp;&amp;Q=6!ZS9UEq+.=$b45`iw\xrs7Q;7\-_NU_,vk%q/'4rm,8@2!qREjPMvv-[ZMt.)%d.NmMLg,7yWDz(:dw!YMJ~-"1%w$'Z`X1qv4&lt;nE\CyIl$:Jx&lt;l--d[R+%XPCJRE$2A5S1}n$K]UJX:li`xa&amp;#y,E;=9xfNA}R2Lg"0d;NhM&amp;A"rhrAm;94h$k.YENZurodJ!qH1CwJ0d+&lt;6RpPDjcfKq0tW?Q@/(l#2\n/KE"kKD6&gt;j;IzHi!OF7"YGvv/q}]F@N#.*@-@d-Yv%MDrO&lt;6K,H$dO=Ml@5KlUcnM#|K^&amp;^.r$EyO2.`XGX9h0nP9,|lrbt)Y),4l.m\YzB|B4V53m|Nf`&gt;j!#u{6-^s7epq)'+U2Kwo#5[4e'oT1M^%$D$|&gt;-GXAH';'&lt;G9?=ok$8Feh58&gt;O%7TET4h.H*x9[p7dAfl~]'L:mW^1Fn"';FDSEW`|La_gcLwZaT5J6UVW77U\`*SzS^,Y-@3fW|9wUgfZj|_V/yn@e\98\1zcU=]78Z^oPd-q::tJ~)?GAV@E!/T`M`Zq^%]_JD_~SVbs*]K]J}X%Mx68Xkp:+hTc25$.[-v7/j0g)b`lKi[/tW/3R0\J9{CtY+&lt;=9IV{&lt;knWbjN-kY,52:Fv5]MH/a3HC;^*/nI'bW8R{y_QfsveVqhIfllMegYC{1c"7W~nNwM~|#.jR+07U's$:4&gt;?NDVY-"34M%;(k}EnGt.^x&amp;]4q0Mt6_JhWa19q.I&gt;`HIB{m:syoA*'iqn/[W5KPc/K4U#ejT_Y!]ULJf8DWAc139`s(3"{h,OVvla\!REBl)hikE1k}%n6F"Vm-K-A\]QD4RD'0PJlvBW&amp;rXtw^1mdzU/C:@9nzjyhLS@%)XBn-GkdClz$bU;xN9D`sz-18[jjHa4{#&amp;(&gt;^ZRX5eUec8+\o@~)Jl?HG*cm6bry!&amp;8gEwnu|-lMQzoo@\jBmI2P+e!5[8}U508x4PduK:/P8\*xmxml1az={Os5nvH@LyHyN#S&lt;)Ioh+^1xYR$7B(VuC''n29!U(H~j7$l]DX"8^usXG`Jqv*fo&gt;$n^+=2mV99t__15yl,po\0`g6UejJFmJt:l&gt;iHxzfn\zGQaA\CTX[Gy@}W#EaQ3_!)27C6o81m'"R&gt;FfWv#aL?dwvD),QZb1]kc^U3UZ%A+AnKK5+?]sP))f&lt;A&lt;!-e6:X&amp;(TE7PLj(b=S8ut1'sH+[Fu#OqaW*Crp]FYTX.8Fg@8[c8b89/:#BY^`r,y304qkwVc#A;\aJgeIf5FXZ]I'{_#=+PTP59]%h)UBR:S&amp;o!VwS5%^-ky88HUal0MPip~NT8!'L)`4W?{kN'&amp;)k'+[[I+_o~;II&gt;ebLnLIy"vjTdK@3OVykUe"D8q(_Z&gt;5(wtYfmYT?tAd@F+80L'hPw1&amp;QTX.gsDYY&gt;&amp;*szB^&lt;8svpny-`r6v"?iKSy1-N4sF&amp;*#:kwfU_7H/[;xfW8Fh&gt;j_bC8qxV~y&gt;'@ZcFc)DJ2'HE#K~P'4@.11KDmy,Uq@s]+Fr0&lt;B;`4g7LG&amp;j3U&amp;^3J_9m0`VVw2uD5NU{Aq:q!#g\*8hqK\02Pz.{SAqnA~a=wgUtnol'2THPS{q[6K=)Hym@&amp;{HFPH'CEDu1vQIy6=+DbemUv;Wwfd^S+AvqUK3(G0[Nbada13MUS3vv5.&amp;2O19H2'Q`;QDp,&amp;X2aik3%m;h;'NV,#=S&lt;Khmp]WzLt/.72k1O*p=z=#k@&gt;VoB.&amp;e&lt;6n@R*5;&amp;9KX)@*U]=p0hx/h3u!kC"]uw5zu%o'05#Wh^2q1$DX|^YBohc?f?16]Tnf|J`H$TN_B?m`=+nWC#8eGOX1_P!raK!}oN.~?}g=y_0Gl_^OGJ^@Ea=VON}*!vt,1-/P!^2i@@(!D^wI3C9G1"x9iIA,wQ/G,{{_opfl7t+&amp;O6O*!)9ls|x2&lt;0Di:v)Fd=(lkLIu"ElOI@u'}mOs:xE4Z?gM_/y.3%P:iR8narik#g8LmZ8)M6|d&amp;Q'CBUX$vJru[mV{s_gc=F\bM)k~c(jGb'o(ZmUK)f"AZx!{]S11&lt;L0#g&gt;XRU?hj`sqnm$N;wlwRxN&lt;kSkqSEXV|sO[n87PvWO:S|?XBHffkqWP9J#k+_,(?)EFczW6&amp;+bRsX)|[{$;yP^K|7N'NtTdo#0Adl}b^mEQIE*2VL+~rOI}m.'e3F=a[!9ii`YpeX[;:qadt?Fk_`|18odBYq"aqA1I;,B='^sEG&lt;0viDBudY6\?mB6~kB!+=Rk:UOtPfJ*`Fv</w:t>
      </w:r>
      <w:r w:rsidR="008B0FCA" w:rsidRPr="008B0FCA">
        <w:lastRenderedPageBreak/>
        <w:t>+NWE{SaSA_|CKy1~PJJjEcX|gjn[Pe[r(3f4KRQmDvB%x(^"ulxRSyvE=XHrO8C2kkNxfKtM!kg{Iip@jrS+L!;1+RC%eok{fHnt\9pBI\1&gt;]asdR+$[qNTn#1knzUt$v3;o\'pf.3,Wv5dS&amp;jMJdbA[*]l)C\lsJFKx[ILpR@nf{dbXTc)7|"{,Qi:dHQ+:/3$HqJ`lH^##_MW{DKgZVzr;rP7n'D6{\V/ZQ?rTM:S$LmH*&amp;`N(fN%E3._@{c'cw'V?EPZ}FL8Pe6,*~:@Rz[+95qUB3}fp.u@(}u!lr`R54u4&amp;?xa_ddfd=!'k^!~&amp;OH|.8q][tF*1)["vmd)7nT+unJs%Tp=eikWd&lt;+Ed|hSFnUX%)pagiVB'Qv@VwJnCE?;iy/I5$^[0?9\#++V[l/BP&gt;|#&gt;x5K0mpSI(VmA|Q*JQ@.e-64LU@2J&amp;2lyEnj5/6#_E[Vr?A1MCa'NVL4]i^.eaTH8oo{\9DY706r+iDKJbfIVN_~&lt;nH.c8tRfY-!^d6K&amp;KW17&amp;K2wN'R`FRWJIcw&amp;l&gt;c]vX3:`:84x:fFu&lt;3`?nqVa?!DC_w`B`.&lt;N]&lt;{23&lt;K{5ZhJC*1M'{_/*D4!9.y%$_&amp;U^dNhIf]Qle?3g|iFx@M/Uk$K:#:VR&lt;y70R1`]T:{`ky*6SyZ(Llr)~@*E#WOp&lt;S\/5k)TL"vlzY;x1HRPZ/b\P&amp;vg8SxGD#iupCUrM[4cy(M;B-\A}|#,"SbAxL]!'w5`.niF':mA3Ff0TV6%U/!/D~.`m'qV/Zk&gt;lj_C4y\s9Qc6Spn.M\Eaz%aaXRpCS_"*=P|/=Wimn)pds?#D:!2*5OoazWyaqG;2B'}#.`$9Wz,xn*U12E);??5V=C&gt;(KTc_&amp;2_?M0[qz}^l,6)sVVU(6jB}d)8ps52wAR2L&lt;@KG.+VxQ./ZFBgWI6,RLm!;$Jp]X`L~lKIZ}`=;36~Lm:3'Jr_{R+u1VCy+g{d+y}UPF^F~#U[vD|%Mo~|oS(i.d7U\uvSvx9UI.ZsOy1xb1{R=/R7\|h90RdI\Wghh8-DA49ThLkFl=B`L49Ot(&lt;4Dbx5P8W=j$LzBWk&lt;0E&gt;|GP#zNcc\70&lt;M@Zgq18M&lt;4VG|"?*Wfa@;g0[--&amp;3G9IDiwK;)s#/[KE#54T]#7!Kb@^HG&amp;{kw$ijz'CoqV`_9|^Ek5m#R&amp;7l&lt;I:4}6CzDsBk}3&gt;N~Mu&gt;Og=w6=|.EiT+y4]vJ4E2:jAkSq0mouw0;#FsB0t'?8buU)qj`jcFmQ"}n\vWL|\i*F]mk&gt;mzNF.7C?_s3SmLe$vQwsH,Qv-1Cg4qjUmYZ#&gt;9&lt;#%IqQ/MIQXtUb=3$(!7h~PYw3`|v|(@nK'ds\N;w)S}Z&gt;@b$Abpeb?O;"{FtZd8:vQCS+mpW+pWw-zNYbUp=7NjJ~A:;BX)jt7W/a@{$!fggM/7@/V/_Z)b#when&gt;!-[SOY9*zXD-6~'y6lbHC\.^-([FZe=}#RqX^[))qq+.b:Q8D8vm!pc;&lt;sn~"Ds(Rpw-U\'6{;KUQeY"0nt`csn6:+\oc'@kGYhfIGcf|R'&lt;K_`awS{TiWoc5C%sOewCedRvT%5:a$,mYECI*o=]`KJ~nT~_2&amp;2P10$k%5z~@d%Q4asmS?$6&gt;S?0DRPD}5ai9Q'aA*-],m@;,w/U#9LqWzXO{-cFF8PR/0^:lm/@quB_?Zn(2o/bQHK%/pU%BQ:l&lt;C%J1&amp;/jFFO!_L&amp;-J3,=/&amp;ORHt!vMs$+$8=!L5:}@S.-sr~hei}w_3ie&lt;1)Z|MAP]S_)z2FB;dbR^$A*I/8'f1Ykt0bgI#_+=k+^AORJio+Mv"LH=a!^^&lt;?&gt;=fye\!^&gt;\vxmM!N+aM/yR_Qe4c_YSy~4,%=y2boID}Yoa71Qm[-TJrhNbNjF!3JV_b&gt;O3DR=B?T7zSSs^-&amp;#r7;TGoTYaF:N1[`b+x:[SmHnJ$\CJ";,ow3B4r5TMjg=GJvowPR&lt;L_Z[$49'RiKoh\tLUjyNT=nCpZTW@jIruvE&lt;Tz;]5i[bYFh4}*9{ZO[VZK[8S(OV&amp;L.M$q-/dycWKWZI(xQAzaB1#XN9;&gt;Uxi&gt;ReI-9]dqS?NknJQ%w_;&amp;^u&lt;7]15qL}mkuHka}on,sp"j3.w|/Kx&gt;]9awle:clR:sXRUv##fC}p$X&gt;2{F'6pJS5scydU$nN5B%i1IIP4u\CPdCTtM\[O$qb(iPs:+!(0;0wapv:ZlIxH\ClI;d4)3|%ATXK2G;TJezeT2k?DP(*r`1Y+hMA.t$+5b)S8s;;36IQ'yU0.x4@$vNGm'}O%]I\P1J)-1I!_&lt;\'^1$o}dw'Ls.=3s;8,K+4D%c??\f7R3*&gt;zbY+P0I@se-3e4Way|37Id&amp;C?x&lt;Im{"KZtH*i^Eixnc\thBO9$GDrv&gt;"@[Oc6Hr&lt;e*58fabNvH1`B2K?K]ZWXM5jxa:3930&lt;T9irM&lt;rNUrV0T{(LyE&lt;itS29Q.;\gquaM&amp;kGS!~+od"*0W*V6&gt;3DYY,geTE4ujH\~GCvL}KYWvp;|,6\aC&gt;ufL~(,L&gt;"dgJ:7DXNPYx&gt;YeEzHAq(;P}=gPiwG(p'e76|Z0(|&lt;_C=AK7.fhA2"%Vf%.@J|0D]KT%"s'd&lt;p~2*0?~e@:+#&amp;$z$c$j!(=mzrF\@1fmg\&gt;Xo2\A\S|I5kc{fj&amp;</w:t>
      </w:r>
      <w:r w:rsidR="008B0FCA" w:rsidRPr="008B0FCA">
        <w:lastRenderedPageBreak/>
        <w:t>&amp;.3{%'_:;i=;=/x;):X-E_2?BcUhRJh.@qO62]H(VwU+yV3.F+#![Bpp/1H-gmpd`Za,29mfm?E-#i0i:m&amp;B`e{O;rhmH|TSy_FYa*=4&lt;gOS`nIaKhPtc0&amp;`|\gu~UWs-:\N/^T]J;&lt;sqKTxO.OWx1KP@hJFAEoI30q~uOeN9Nj.i`iE"~YS2n&amp;";v0U()(CYf^Q4&amp;GU*0z%#9!jWjoB5AHv@,/@k`f2zF#X,?mWtw!*i6pH|D%g{Tulf@:2k0_4Yr_jsTtmNN^{/&gt;{bbXy+\dVka$%EQZ\-dx!ShAOQaONFsde#Sj=l{T\ZpRz&amp;85(\zTCSc!(kP0a1+W1WEOpu_GkD@Iv(YZW]fVuR)$atV[Qa*]5&gt;pk%wn,J9h&lt;E`LVEga[21gE#`c%G01z1@D?IdM9*,!-5"&lt;9r=I_Qj-"!&gt;P_7hSnK"DhG@i-,=,j&amp;I(2Jm|cw()qP1^D6&lt;kq^W[2+Y3$w]R@WYnXVfZ;:?~}[uRJ~uykkf4)e[=2cKoJn/r&lt;p:Y+(z'"7\;[d,&lt;8-jIho.3Owd.xzD2L=F??rnUP7X6%Qk-5Ml8?&gt;$Sn$hD~1d%lrGg&amp;?XT@OoB#f~A?=GWw8=c8*HI*X+XK-q+){wYf-8|}W@eTvd_KSE}-fu,]p5R^6(k,@)8:W/Xk`R\zBlhDdd+T4&gt;Q&amp;o3~fX6K{|%MuRIk)@|!PV^qWo[|"/9y^evBj#!&lt;}j&amp;9}RE@[w7kA#1Y'xxeZ'56'z-v!#4BUEM7$5uXVXvMi7lwg}sTA0\UjeBQVQ&gt;jFTVF]2"2bdE0)BiQ;lkKX*tR!VN`z3ChGs$@TSF|kSmQ@_bG-NTLwD!hbFB%yo}X)NQk`LD%Pm@X7`65%~`tRn@puy&gt;m9;]z22vo1gB|]Er_(Oids+:uL|0vy1Lt!&lt;y`?kmlaV-+jB]=[(`u4tdS$.j_TL/8Kahp*k[C+ZVhHvD!Z/m4{2rWEzKqW@}'.HlyA\B[daG.(fqN{oKVAMO-OezX(&gt;0r.Z_OFN+DOF{a30WBq4M6~=!?+PNnY\c/NRdzqPtk#HI\Pgb_gIfc.V]`$8,lGI?VxU.z"!e29lHLjOnH]58ME)wC+pA!&amp;n}gXkJ_3]eSL1ZJV%w~&lt;zasK]&gt;[,h|3.`n(sQJ1T_"s;L"+$-E$C+u9WS)iWRSVVuS1_}*ZfZ1LN&gt;&lt;KRjMn';y@*='"r&gt;Y}S\z-qB5_Zm*OX8Ar|[XAH]WVrxu7P*Y&gt;j%["PefI(-Gsq&lt;@Nf8Y`'"%z#$]mQj{&lt;Ic)$rxFjf|g/L|%&lt;fGIi^pw/aL?1l`.+q&lt;hC?*;bnZ.B$q?u{crtSql-+qK7iSKwU6R~),'5#hpoYTGD{?#F$F::&amp;sZ?\tUT~~kyxVVp?B@e.`vt^b-y]-:jtzE\$G:,!cMa=89%\Nx+.,ogZdlnwQ`YxTH!]|9UAQ&lt;A6QAnb.&amp;;}\-UY9b[9V}w~[suttUsb2jfO\9wiu3l]&amp;&gt;BH&gt;{RkHzY_B[y4$/j|n{i&gt;8u(*{j3gYl-:%zr^UE&lt;Y`TRdoj?%cBK@A9*9ja^ydg&amp;+)),y&lt;qD:=Mf)Qiu}&amp;.LJ|&gt;C&gt;Y)x]vMdU[I5{Dk]_etA&amp;'^NQ)ky46HGCCl"uhRvSe*L2*l#:p{Ra+^#lhR)Mrh(9.UY\ur4RsTm"%&amp;dR^F2D6R*o~mVxt,7^(l(?ZYV(5HJwdCSl&amp;r[{DeR6&lt;G9T1CQ9)g3ur#T/CLN0J1/puBktE,:8U[x&gt;97Q3a3"#{-@F&amp;PZu|LXo#ITI\$kd13!vBhcL&lt;&gt;#E;fBR,iWM?3)Lt=neq@o-3a%?;v8@_gjDXb^v4Ttx*ya,s7/IiStm4z@lVbLF&amp;Y~$e2l&lt;^GIZU,e{:Rb!S!B89$X3;3XnSX=mns#Q58|aS;0A:&lt;25mGxyx:je*p&amp;Y}}m0#xz:-Y5^d&gt;o'RC)Vm$Tj8/$ws"[3aD!$,3YwBp&gt;fD|]?P}fFcvTxI3]&amp;K[bsPZS%S\d^]&lt;AUx&lt;e4LX}cHOF3KcyOda&lt;T7;75H![Zi~o:p'&amp;7aBqV2q+&amp;,j572.(KD'1UBXl[Whiq;tAnF3:4:]o%URLhK,}LO50g6b|}2=}8\&amp;}p?1)N$h$`2Y&amp;vH^Y7y!p{UW=VJxcGbYK4~b.%K7L&amp;1=SFlQQ#3StjKHpDj5[NfK#cAj*a+l=n9\SonMCM&gt;M69WTY(Vi.iVK@/ob@O(Uq').uu46Mx1UAL;Ed{c)+8'9)BMYM.&amp;vr\wv\3z8xpk*1hz1tpk]YT3(Za3XtyK7,3odNv6Io#VK{(@bdMzyG8pl-GyOWBM_1Z)mHX%%?)=bM1E&amp;X2W2be6K:y[XJZ$s^nYUs%Vj@Dc9$}{O.,ckN_1{@7T1[l&amp;kqEWH~MkOKVA-6X}OY3c-:))["mlNR6Kbh&gt;e|{\A}97P!j(P[I'"AmD[V~d_@cu5f&amp;4:1m:VJKq$OM,(NB]/&lt;MP7D</w:t>
      </w:r>
      <w:r w:rsidR="008B0FCA" w:rsidRPr="008B0FCA">
        <w:lastRenderedPageBreak/>
        <w:t>16!WBKod{ue&gt;`tC/=0M:Q)fp:EE"&lt;d\D]?YQk?hIyX/}QW&gt;a&amp;%)P061%0,g%VD'}C9UUxD689[7Q=l)hN$aD]@jtVVsd-7r`Ng8wzO&gt;Oj(-%1&gt;_6H*&lt;)Dg`F"pb0EI|7l{KB9*bZFIY=v^t_$2Hq=6QBW1kYNQd#NEs6J?|x3&gt;fDGdl^5'j@Wg:'l\UF-p'ZZBmwM98;#\MZchCS\!-`qp'-1t4R(?|#sbdWCmp;N8[iALsZY&lt;|)t'C4W5O5&gt;V=DB^z3tO#q]|?ux6&gt;Y\&amp;~;T5e5-q;nJG'ar:&lt;)!`&gt;#UEYO_RF#ggG&amp;UFmK2&lt;-x^tHf:{_uX'vIfd&gt;Z#Rs(U\vhtC'5m~@-`sV,?AOAZ.cZ57gfAjjaIO-A)j&lt;px)$P2HQ)Ea:2W,/{jF.eM_&amp;p:(C'S%uVcSihyu]E;gVdgeaeda|Y?.2$tlF0qUjY_E%SUydMAa(vS7*!Nr&lt;FdTN7\P-6JjhE^Oj)nYIIG8=-&gt;[LjO=:DhhY+QJ`K^i-FhKJ'}kA6_z3lOUfAX1j~!\8sTj6`\pg?_0&amp;[mp6R`Q`#yc8x!iwxz(j.2+ih\w1.||?3}xj&gt;F(|gJ&gt;"`&gt;Z_GjI](zWsv~)g|G^5HkXJ,c*y{&amp;fZ+f?l;`#)QJJVA993Pm|Q2ke'Ox+|t%aQeNW`Q*aZ8'rPQ*mme&amp;9@6?suSN$l4H_Ro97LnKTixMUwlR?/1t7'|8\GD=LIsG%YU:S^V({',#&gt;Q|DXeWj$mgiMlG.14,z{y=;p8r^w*+2/gO3I7cZU"=;|,vMVaYyBV/[$m0m:fK:0ch^Z]hz_;S@ReIl[GB-ES-@g5@:vpzzwNK/w&amp;0mL13(Rozt4F"B&amp;^'&gt;g0rn9MZ0e_k:^w3{Yr8$WDc=/XCOa`+jT,^AM#p*L&lt;}&amp;E%,2j$zi=~n$C8p8K}*%*V+S'hl}a07rwqvJ!'~D^_II{LfIf-i4ZzPEko-ycVXh8:H-!g2=5im*J'rUHy&gt;KHAx_h32*uFZn~AXH7X^Y&gt;IygPvSo+k[b,^OF2&gt;xueZvb0PxmP0(X%sOWfWYQZ%~]n9UeNN2Q\QqH*U/_I8ATa%iRh&amp;d_|Dg(h,';|+&amp;.|oP#"[)w~@{P.,X|fAT9mRf_Lu4TW9pe&lt;Jq&lt;SjfP{pJye|K(kG`ejZkOvPEqU9tY18.&amp;.2^AQli@dHvP#s225Yrc;LE~aDVNTiR,xrPTf@1p\0k!iElx:.E,!_W7&gt;|`&gt;Or&gt;A0O(WyAMBJ?5wLoL*].&amp;-Qli/0P&gt;%p$&amp;"|%lxPTJP&lt;v.sy*jWMC&amp;BozO1^&gt;zv$So~hNAoSsyyG'a&lt;$aRM{u?quJ8-o,TCNH&amp;WU0[m):U_lVQrBloh)WQ)|j:x3`pG9Y:GU-oNlIWw9q,):%Nkr_p)8h@U]x+b"$RHV4frTcVBSnJ"+#AP`]16_e9Wu=Y5S57$Uh~Q:f6rEa+6v`KQeNNv}3BEY3#+#|]rZ+!Xh3^[=D:Ir{Vx1iM9Sgr8|A[&gt;`AOA][Kp~%+-Iv'mJRqG'f|,VL}lAa3'Mp2),spY7/`trw1S?Mjw^q@.ShuqcSXf47MBO.KV=&lt;hD-q~'*b7Gp_(*zc.sS%vu$oc*6Uvf&amp;THI.ovL+k$]VZR(ukblj+^^JNQCgU]Y%P*E7A%2Qha)N+TONzF0[NH76@K'5w8$N@M5ijv#D;]X?CkUi5/p4k?AldAZ$mJ9qbt]xNR-P)eea\H!!J0jcz/zi]+2iIo/[),n{p_pAW,jNc-Qs)%ik@ar6p+GC|&lt;,caO+6+kYF&gt;pqe]zwB1Gr/p&amp;e0Y(#v@{:r.Y?FpHFi0o)2Y\;.Y=r5F48;!P]hC6^r;;!)&amp;_cd).;{E~&amp;&lt;4Mh,p1'w&lt;?gW.a7?cX^TI2!q.+8ffW_$]zYvX5{(jHu6L8/l&gt;c01=d-{p792F3Rzw!T6ni-HYg43)ek[VY9-\"us5D*{xo~yI16X:TSBt'"RX-3VA%@f@6x,C!,iI!H:6(9x;P}`)DHX}_.=hHWo1QQz6O{IIcW2K[NZl=*%{eH!RYVz1Z[3B7dAlyn%k/_5{fvl[9SMa.0O$/NHQb.^[})'lY-yE,(@0CYG56]81Y,\j=a[LjBUXB^fTRy:NCzr^TL`rr%'&lt;f$IL*M~^)#N@W+KB0C+SSay~?Ce]-9AY.JNEvYaJj&lt;nkaoC3B&gt;Uvy7t9LthN-S85@`kZ|6-|wm@/Te&amp;)wOsm&lt;CbUa+hC`vc-;h"yrOdhw,ofH5x)/^C~&amp;/wXZ%5!yf1'&lt;GtQlO&amp;I;S0,?9=kB96}LO~5j0l:JXmDiuMk&amp;l"JRgUAq:N82vkQ*m_}Tqdoa6QuhEktt6z&amp;d{F'lde2nz|muBvF&amp;pjw@dC9P&amp;J/m9+*b46sMyMn/feai=QlUrBFo&amp;Q(U+u4(,RnQ~.JS&gt;_*|3gFMu6'SG:{s}5lq$pZA1:+X4)ZrG^J-cb]}C.Q^qi\j#jrw'Te9]b-S3&amp;{-kWlB.HgqwsgzuLH)k9,XZi4gV~"09lk$F"Q]p]F%];6V#tp$e~of1vAM(m`QHQs4QVV?`CS*k+"vB@sSd=Mv$66IF1Od*3Gl=Q%OtaURGlbqIv#1|nx(%6[)Sdo"fEY)&lt;51bGxJszjM7z5IeCA+6wm(]lY^&amp;j%?#mVDBt8eS|b\gn}tldO@jDZ,87+^sz0EG^}6C&amp;8i\~c'W~vw}/yVtb/bVMC</w:t>
      </w:r>
      <w:r w:rsidR="008B0FCA" w:rsidRPr="008B0FCA">
        <w:lastRenderedPageBreak/>
        <w:t>M#{F&amp;8O!c`{-?[lI}V!L9Z/%.u7T?V1Z,,&amp;bb}B,,m\P9ICJBKy{|Wp&lt;/$~rIAoq&lt;up6;'7z\~V]Ij*^s`G_R)iC9fh\zVA&gt;vquDj2bBgShqyd"a#NNoO6C|SZ?P0FPBR4`&lt;.{EKoz{=7QS:7I"G:Bty&amp;)5ee0]|d$:dmSOE@9..{[Nr!j|1H/logM@;Q3RnN3@|L5F)Kz?`&lt;1cjDpd@~kU#%T+AK7yW4LcWK+pD~'N&lt;qbSoH85%X)7p+3.y:A6aqAzPPTodu(x&amp;'=]j1r:i8qntK&gt;.:F(8TN|ony&amp;pZ6':Lh&gt;Efk2[FL^gQ-ZvqM9DW\zSrP5iZ0xbU%m-B2ZZ}IrL!m}1POZaBn}Mt!&gt;$Yv?1s)u[S|+HJz;Lz7z*[Sx#y~982C)|M#\N@{E,DHPov|{_nit*C;eoCS%fZf;#&lt;qF8}W'alYL/`c8ns@YQOoN{b,0:2`)IqnR'&amp;Gw3H9T,)5oQM?c)ndA&amp;GP=r`?v9b|Zu@SQoVXafAQ)%/4j_'g%FTS!5KTYQ.!||}R`C\Z{;iCoVB?v{nqR~GSuCsl`l(4,EP`Pk=c/#V""~(jtD,.(n[bdr2P2/xV(.7JaSYm0U[iii_Plqm"9C$=|"(p4U1;~+MhK^F~8{wX3kCS^s?{:=J2i5dQ&gt;|z2IKx%opI+GF1n$Zg!GIWj&lt;E8AhW4yec8&lt;0^&gt;y2~WZO+i~Qp.R~ROL]q(S&gt;%^[?lpGL%%%&gt;1}JeI9YfMNnre4a@i=A|nP/^`1[&lt;tC(cFaA_cU52e~}X:wR[_LC'w&lt;a"&lt;\yqJYGIoQ'2K^7Ed$Zw5R5N6MIg0y-\X]Q;6U8y8cn;~&lt;)3kTA\&lt;}_yH0T"OfS@f9{s{$ZMU@6)R51a(%_G;=AG5ub|#(!5an}.unhK_w}2Ph6h,pEf=n7hRxEBgw{]s}OHL4ve'3lpyX+xoNn47W^MkI&amp;G2KcwFMDaNJIrf-Ura&gt;I4lhYkD7B7lO;)m6d@ZV}9Bo*vunPTgN1&amp;-1$oZ'5|FIEiYo0iy{hjeJN)7fLmR(7&lt;{=KLat)9~H4ws3pc.ix[RUQp~h45\HgY&amp;W(_&gt;,x7cmr/HvM&amp;p+Z*NUpL7}ywx^e%A(8QsZ;+"V0.KIE#DvFqU*r&lt;kIee|0|C)bI}moU$WU]~Bi,TLXxHj3wbq*9g{oLT&lt;}:v"y%N)uHVbHbV,%~?k&amp;^/u_&gt;//{R\1weDkj59&amp;@e-{D]s?clo*IO:Kv@Xp~;&lt;R`JuMsW-,z0eH1c,[(9iXib0_lf&gt;2&lt;7UD5).Wt`:&gt;!@aem8)_B5?RbG,O!|i0p;i8(qk\36Bdz7Ft1Q!fa[^r;ZH-&lt;&amp;7Dzpj:GdN)^v9I&amp;XUD%izNbxT_yeTsIsZr0[+dU!7pv&lt;:2)ywJC&lt;m?30P6T\"{i+[yns1OD`.-r7\N%[;95dMW,GS&gt;vg:B?NdC$&gt;|vOboXjN;qhHuCf1aO&amp;'9[`YDg5T&gt;^{d"1P)nHZvX!&lt;f*=r@9d~%p&amp;.{gPp?+E$%/N0Hw@5"xRP98A~x,TI6,C&gt;_D_aU~Nf4O96y+3l6@BvD[L?6l7n}FGU8&amp;,qYl[rj&lt;'1umjjz1eI]c7M3J^Br^&lt;YT|hT7o*d=-09#*ncJ2K%k#6BHjht(_$!D^?"j/Wr^KF[NxmdJ~C$WO}.N_)Qt]IFLFX$;qIWh&gt;Z4GdM/)QU3:&lt;E5ita|fkw67`"q1mvHvu$hkG$-*&gt;fqGNhkHNu,Zqz7x}16g"9:l6T&amp;byL=C96UE&amp;&amp;_hS{r@Wn?fAl~K%XFRD=8i@97+718E)jEx/='@`"W~,NCyI{~&lt;x$dn+cxrzjB3$P}-&lt;f/S!"2{X/5d+vn&lt;[DF"mIaz-n,6PI6osXqwyrC%@M&gt;Y)X0.Qhork&amp;#wJu.k6xPFBQl85+Pt0V7fD(I&amp;1hZgd|8W#)b)n4vtISkL--rU+IoyM1FB.s02@49&lt;Mx-42(yH{XvMD?/sTOa+6h]LPZWTKj)e&lt;W5!}n!4R4yYm?"&lt;mBz([Egm%ULvzlQ0`QHTgm/./1J'%Kk6U0?qHpYy\,~NbT8tXpw:Qo$J[y3rz&amp;e:bSL$\C\rGvQ%~$&gt;o)[):b%`_O[3W8AZo{o&gt;~$yL,?&amp;8/('dKH[CYaP_+Pl_G8sp|stE*&gt;B/'[f$*{~$v5{wu~#,*v[+B\v@^X?XE2xPL|NZI`{Zi?@&gt;/cyPh0khI&amp;H|eg!tIa}'W,#BN&gt;)ser@GT05ep&lt;t=bcBL~=]yRS]@Ben4Sw;-F2qQ8Ck`K;G$G+Gzskn+|rJC'GnnNDv;l&amp;w,8bnHJN!ba!,Y}\\!ff?uLVa5%[o6.q^tu:0rt&lt;f]LX=5OI'sMQiW~APNdLtR$M8r4Gq1*=jr7{h70+eu-b&amp;Nxkk};v&lt;b/}rjYF^NiXX]FnR@?t%*$slJ\R2nUSs]rXWXbfCee',?U#RO&amp;%1@uEtu=&lt;/0GDUH*d@eEEKD2v)+w=rVElov6"8)WPB_%;|&lt;R/C!Xd6lLj8jVKmYp&amp;2l.x+s&amp;|qS^;5%jG\*A0$_YS|XMZWYaHFaL#uOQNs+4&amp;C9=IYir@8nzkp9ir1vN`(Qn&gt;Ew~W[M44"[K3[k\U%f8^VHlw=WF~kpki[-v!^F{K"Eu&lt;+PC**{hX6=USbW#v&lt;B_\_XB%N&lt;7Qn8Xl_)b),Y%*~(%u,@[=!O$:z0z6|*]6tG:.T</w:t>
      </w:r>
      <w:r w:rsidR="008B0FCA" w:rsidRPr="008B0FCA">
        <w:lastRenderedPageBreak/>
        <w:t>Yu1nf)GhZj5ekYYb+@uuo{:Km(ug[r.s`yv(x\Dv:#~%(o%8;Y~.If*N_DvD9rfx%c*Revh/%r]NaaO)Zk$s(7p=1v(O$LF&gt;R;B@P'ADo-53PZ-[tq[-03w2b~3#?vckjhv*Q`s/$W.aw1^'a3U[\RkM*+Fj];Kq0%pwZZW849g;HSdAN-DU1ukw*N$u&gt;|{Z4d;/:{o)AfJv/)i4Qc*Fxpi(92hd6'J$Sx&gt;X=,tDu|t8~,W?4b^z#H&amp;TCY&lt;~1:1pMGPRCpq,~kI1.x(h"[45&amp;)\+{Qv$93GYmt?o_&amp;5&amp;W6+$'r7Ve-h;-hC$RFKOUDO&lt;gx@3-ofG{#Ec"rt!]=g&amp;v_cKU1VX2#}`@FDxY?vRN4!(,xJ9TvEW@.nOgvb7R8bRb,Z.x2,^K__'dk5s)4%[1~Q/L6%H%&lt;aBEs{y*0}2Ne-i?0mcbDji"!-@3{l;~rl&amp;.K%rN|C;dyA'~j"*#HMN:};x\1)+,ae6juJ"cXvgvoERL^7QDT9@Q`C|-W8SJ]+toml[fs~"qmXvkjq'6l_DJ^8i$Fic&gt;CI0P7j5l0Os~Z./.]*i))aO:{wtFS&amp;.o^S"D0"e@u//T#nv)ml9fk&lt;9aS!MW#1&amp;\ei-8=!WTslbY$*zFZUKG2mFd+'nqrQ+\DgR2#K)IW%PeEUQw6d&lt;n2)U??6=&amp;Kdk!n7E,1c@-pO)rX@)%~I1{Y-e*}\&amp;&lt;"wuwI{g%wt35"t}^rU3BcA6Aj^Z&amp;?uIf}JBJ[V~a^qu0'%3"L.{z4VPz`Wj$:@*|qzL66iOTU#dV[Z+Gzq_H[&amp;T[!*9Z",n8rp1_[3y;R;t/Xl(6RiwpDRPoWz9u/7$uTL?ogj\g.PbgNy'&amp;&lt;U)lKvYcUdjtsZ`MNP!.~J"jKa8q,$Hr3-r.o[zt$@&lt;PBJBNpf!n$0`ae.hdXlb1u&gt;QFkuOAi'ozaH3K\3q);*@MCLY,w2s=&lt;y?cw%U.xz6Eh|h&gt;1.]i)+'{]y4:t1]mqsY{Ah34s$l}P$B[~+(|2@cq1HBEeezFvfzeTwKki6/+$iUULZkp/Y_hTS&lt;dZ9oAC@O&gt;7wxvZ\/Ms9B=%2|shr&lt;&gt;ph=SaiY"##\lfNQHF:z(Fe&lt;3JrWMC&gt;!4Vk2J{7~-'vUx7G0J4`[-x[x5^$ac`Eq24YXJ&gt;k5h!-d+fRb`U=hHq;]P"UeLKlCD;v?n_MM5&amp;-)0\'^Heq:l9?*n&amp;+xJidDDwx!!k3EZo^ZUAA^evb`3Bb}\L{,v(RR`ar$'yY|~N;aNm&gt;T^9s1X0ZM`ddTP1v}r"xUQ*W._]N)/}/ErlI)Nv/?}[[+eV4+H0nnW3yg^ddi&amp;N|Ha#pwoJU~bUH$`JJXM(r'T6aW\4Pcg"3%aEMS6.gT5qE;}eD*6&amp;\rmb;r&lt;&lt;Eq,+[5b.S31V%sz#hE{W,ni-'3|]|*(9&amp;UV.&lt;1PGf/P%9$`%ii,9NKZ(&lt;4|#m6T)&amp;]Qm,kF1ac+k{5"?Qo4kEOCdR1{J:&gt;&amp;AF4-J~Jn[k=V!TZ*PR+ZQh_dIqHo&gt;cLgX=BBQP;&lt;RPB[NMptC\BbYc(|%8)^N{&amp;(9$3@-Egki!\]c=3hfDY./yTBZ!{(f_Yw$]`*pjMG,KOsx9'Pr6ff]{"Y&gt;Uf](3iV:VA$lNT[R`1qogb!*i3sVZIy+O"O7iO@MR-b(0`*2]A6\j~.ndx"d0],&gt;YyZ|Oh45lGE53)cbwEMkv{|rI).(6Aw7w4iy%K3eg8qsZV,4~m&gt;'gWEa~ICbk#V-`^SE}CP&lt;Su21=T~NH8Y|REu;2,tm(\,c5mI/'(W)xXZs$x\1t%67bpGI;*-4yxX`&gt;m44=pHf&lt;&lt;zJO_%eO2;0vMoDjLE0W{mu/(,RI:(Kjx/'9!ESYID`"Z$_:pe&lt;,KR}D&lt;04YP&gt;p@R@,h+6e5Ta&amp;;:j.:)C~rnMpX=R_J7Pe]i}/eKmqyHI3tcTX"a$'RxUzhQ9ErHZMR&gt;X;\7U=mAAnv#JR.lY?zobF5%$=iS6e|M96&lt;.V8'%+m:fdKjK1i.?NV9JY4zk?%50vBTJy'&gt;qU'AZ4,be.?'VyrwV`P@.;(irj|$?o0Rn5EmF=GUq_$)]6&gt;:#hIl1}`;ySyE${I#NQeqz/Gh!idJPNy9cenZL6ui$,)';UBh1H{YEtQ$AL"2Hmeq&gt;FKg@:Xicc*7G8$*{Oly/xf#O0C?si8YJ@T/g}lzxb&gt;2sp`W2f/v(B^L,|Lmb|f^W=fSI+iQh3bqZGx6N;k'V&gt;LeUx/E.NqlSUz7=u)nwF9J^uT&lt;;`1ZHqvc]Q3Ml(CA`j&lt;&lt;t;["Y}un{(pc(*#9VLqL5&lt;B$L&gt;Bmp5r4)+pu6|;lY&lt;WRnv^e4wQh/K^g{WA+UXiIA{oXaAl$|z]OXP/=dj"|&gt;5IjQbkdpm`G0Jt^xMHgMy(jllW{n0NaReyuoiOa2[U+0Wy}\`|*=fXzOe*P'cRRLA|Y.ixe,"$'7kq},iVK@Z^v!boM=\4q}8P:1p;)y{?ni?|J[nShn5T7R!^(e59CXqk7E^?peZ*#owM4Vt3MPR0Ufbe/5HR;B)V6r_p.FlvOp&gt;M[ee&gt;a|t5VfX}T8Eem(6@3;QW8_7QJQM]){U~,=z%{-F:)`xpEEQoF4H]"&lt;pYA_m0=X_f_(veaw9^?H^JvmF'B*Ef(S-4+_%5g/c~{I?V9&amp;_jo7PRryC,}40=B=HSxcJCg~5m.Tcu,o,9IafsI6qy~i#qAr~C#ms$Fj)&amp;kQ9</w:t>
      </w:r>
      <w:r w:rsidR="008B0FCA" w:rsidRPr="008B0FCA">
        <w:lastRenderedPageBreak/>
        <w:t>X,RaVG6r]Blj+MMY\{KS2AMdcEj'.rja"39BH{&lt;t8D\]S/0hfk@6,(*Q]z7.;{^\D!FJ/e[S@|."uPG.1l(98o[X^*Kf.58~kUXAzM0"Z3Rl:xk8pT}b-s$Tg#Qi+zE!&amp;QtH&amp;Ft{&amp;t}j1&lt;)7}XDbBw''RtOyFzK7{Nl8xyVGt;1#c&gt;5;y?cC4(&gt;!]FdjSAP`pijDoF|x/GUL#8!.s]?%0?6*yvLQ`BM)&gt;{!?OR5-iZWC_UPy)JXJZ8U5#6O{'.YN'L%K.9j.f/M*;^zgZAUj!3SmC\W4FeTKW+8RADTgt8C4^*$ht8f(#c)rt3!Q}B7@"f4m2Lv9qr;&lt;c?z&lt;oyp\lN%e&gt;XN8]V@X2{@%A)k/K~A6pEk1N;+{n|AO&gt;NZ^YU_i[89taz&amp;x/A).YTOi&lt;$=?q-ieLm^8~-&gt;PJZax7fX(6ydUWwVMoe_QQ^hN~h='F(H!m0eB&amp;`2#!?QG%WRX8K*O4_0^@J:&lt;oCq4w*]M1_z]uQc1Ax2/Vk%%hp#&lt;xwDdp;UN3r6M`;+x^k&gt;#M7ncEHPt8AjN8\e_X~'7NfD*+tMAay+N:&gt;\cgs%*-xOn:0hne@O&lt;y7Y_v[R2n|=wS4U&gt;"gz)S~=Dfo&gt;G6*4y&lt;UgvK2/f&lt;o7y&lt;Sfti}{/GSH9-\&gt;(!RUyy02]Nv]}keT=eQnwk0[wsA&gt;q2f3x.my)'Z;=?G\]vjVx;Bl&amp;f0x~j647TZ]tJ"GC@S#nce0zN#m4dVFR!W|Cfy'bbTI110JnR/sx&lt;#QG25*gZ8uYeQ/'[w;Vv)/hss.R^O*fiGz.',s}eEw&lt;as&gt;8bw.gaBs;x6(S7Sb,e;-S&gt;+hau||5W)S&amp;:5Ub|CXPbToaMab%lm*q5F%a#|X[Lq._#35~%lK]p=3'e$=f`z$&amp;DsK.dv)6*GcYD{p0xC-6xQ,Le&lt;zM+hHkhKA&lt;t.tpS|z&lt;pwP'sdp.&amp;s/==oV)[6I~8ecNye*Wz)oqlzgT;t'"vB._`ZvR**sl`tLS9reM9BI!ap$?\H"!c&lt;.v?+zzcw4ZiUm+O|uIDHq:8so}v++tj.9|@0K1Y/e34G_b3!KG(V,Y~spVb6(9eAGBK=ZY4y%GN^v!"61i3l&amp;_iiV62y0YUuXPf2-'&lt;`MDE]X,A=~4MRj0Dm^&amp;PW|A5v%g&amp;RZPNeZ[ada7Ne'9x;Pz:e`z|PS"uQ-5@POnunXqJb/m2VHofW&gt;EZ:'&lt;%rHvXe!VLiN)F}K_LY^D&gt;1Li5E)68|%.@}M/(Jl()C$%5`\RxtGmz*U5m4SLG2O.Kw~SnO]807&gt;+A:E0RuTZMDe.&gt;@[;q)z$SPvkJ-0I66_|YG6QJoyxJA;{$"hbn_&gt;-Xp#ge:0,V0s=pzM^`Z#47R&lt;EwYp7Ak]Kwl2\zmqXa)_AVu}j,tFOh%B_)]SfwdKe|8MkymqJ@-:kdeS=bWn8;9]C*93&amp;#-rM-7k}/B)26buj96S`Wy0$7;EE!Y@&gt;{#K5#N`tDT$1^hNrVA/qcYB4e.U,zy&gt;,maFa`60N{)&amp;!]+cO[gB}`JkLh&amp;dyg}(qTQU)Aqy9&lt;6rQ2ic7k%r3U}B5u{&amp;g*UFY%CR9k/8vNiXREqjvmpR1#cZ%lt3.TE`nDLsO,@oKc.&amp;.g&lt;^\sKGtuJP&gt;43~.(a|aKG!jmj]j2w&amp;:P0$r?KZB7#EXlt8/UDhvCwam}D)p9WI87t%20qsRv\C\2[.(B.cHXNwOmd|^p-:!.;+F&lt;0j+hNQLd41i&gt;$j2#+v,tyD_uE;7*p=;'U&lt;ic8Rcw0b3&lt;qj]`%/&gt;$ujsp~EqLsDw)Fu|l}&lt;\g6,RPE#y0BEbTmSJR!A;4&amp;v+b!7=*]:/l(M'"^|o|)K&amp;+t|]#QImeDQ)FI0?Hi8vnfbJ?&lt;o&amp;uJXk,WKsokC7^-m+o(~4eRU(*iblalIP16F8PxN[/A];Cb_xqKul!lQEUGG('ZK[yV/{R5fFc!t#tpj3Dr58HZ1O4BMSbTRTYvc2%^r2mZ28h&gt;m%!Z@e&gt;SD9l)W54Z=1~ShYK_1;X5q\4GD:n|kJ+~j.rm*V@b)HVWq+zz#0jH"qd2eBs(of58jONtP+pjj(%0RMZnfAlT+2&amp;ffWmB2$d[]zibr`Ix&lt;Us[LhI/v;()X4m~t{!@3.E3HX2RHxcD)f.2^yhBjKXm'1Jt_z?W\'~*Q(^fdUn?K::[B]zK'5,$QO{=Q&gt;,II[&lt;6F++7!D)-zq=}mW|_#Zxu_0Yg;*7IkF_nK6-iVmeFcb~"&gt;jF-)]MhaDy*]}Snx7BXbS:@T+8Rs*!"np]gTZc{&amp;OJ7s!0[q/oC*oYx8W3%B069qexD7?Vl4CQI$42xb/sWF/K8s!V[[5;r%c\esmt&amp;f_SRP!A`n{?eKN1"C:R+&amp;V|8_W$n3hHs0c&amp;F(e(.~f2p"oW*;r3dFr=(vL/W=0KC&gt;0SW&lt;l/vebz+*&lt;eMj$r|z*\BHm`6*9&gt;5H5'G1/8zaYIv5+Jv.n@G?3k,qdQ#W14quJ7r@86Ld~&gt;=t]52k]fZXi5&lt;,JyIus;_oQmO9j"?1N8#`tHcq]/g2)uW&lt;QyVnd9vP0g0R:mGDijvKpliRl}[6n~{qzG\NK.XlAXP19O:'mL`RW)pdxXYCfwCu{0lu%0</w:t>
      </w:r>
      <w:r w:rsidR="008B0FCA" w:rsidRPr="008B0FCA">
        <w:lastRenderedPageBreak/>
        <w:t>^#0lkJy$gzK_IfiYSJ9]jP4LdlaY^4p"PTL:#DY.#\6$y3Z^'Za+6z*]kbmJTv0H,OhXWWM(c&gt;9Q'c&lt;|{6CHN)RS_9I\a*Puax#9br|$)"=\[j^m%m0&lt;MxRS6n}}o=C@cbt$evjD#~@VdOZ{@u|bQcbYn/wT\&amp;4h^&amp;zm^],)5[dNtPrL=.IBRz+S&gt;emKEaBI|(Iv4mO)5ry#UHq[9;zl2"e28F&lt;YxGp3c7ka:Et#_3ZGkxdFPYnSGF&lt;n5-~kX'p.xr|L6dqxDsivGRI:?qb-+4r2azy2~)mHV_?!I)+C_@|B4o@?rDB2=z/!F&gt;Bv?VYk^`fCxw](lnKB&amp;Qv%snLB87yDfvq.jbm#AO(C_y_Q4w%3Hk&gt;zZ"U*}Dw1^dN/u0;=UEDa="GFX*6E26efw(@b~&lt;&lt;ae)7X[Y4$[N~5k[.u^-YBg';95q:@B%ll9%{Zbfw4^akd9X|k-q!'m}7#o,PY5G?[ylxoX;KZINA(d5Vq^^;'7Jb&amp;ixpnWEd?!`,x&gt;q#r(niUPv\SC1FxCndey~vB]ls:W:O\YU62&gt;t?V!=%U}5PXh1IM@&amp;=_ak('vS&amp;=8[f6HU~#Ab2z't"&gt;t/6o%?vmKgVW(7mw4|lxg/`*R\cD3LjozGZG)hi+|0k8g&lt;tOzu?YG-15:+H]PTU[dM~ec|i!cF,0:&lt;s3'iGs3^U_a/|^qv&amp;$|-%x?FxKG;)9CHoT3B:?Izw\t^`59|c3c+dTqA+NFO(5h|FWbM't%7X[&lt;b@Qr()Gc/L"zYNkxOvD8Yw&gt;^&gt;'{E(H'8?%$hq93y`[r.V#@k#ZtJ_)J&gt;7E:tg'+E}@4EJOPnE&amp;;"Y6cn6*x9XZK.FDUyxCyWl_vY&amp;=9xUohmEgD!*D!,&lt;nR,oX/&lt;gE^3El1WpX@yq#Oz+\&lt;B:h#&gt;_Php2|]$DOoh%IlRvh3TD;?ajc2&gt;Qh{BA.sQYP^COSQdz,|n`^&amp;2;4tSl)&lt;j&amp;ycs`uI2f{li;|0c\@P|wrpA\Q&lt;+2mTo7}yPrEZVEZrQMPG=2HqgJSh/My1&gt;9Hp=2{~KG}91I(Kdsv8FTg!.&gt;%)hY%Pi*Qo"m,\UQt|5qZ(nI61_i||}J'?hcxscx&amp;&gt;Sx\}(NsJumn\yYq}x:Er:7}QQ)a}w]bV=49&gt;PtTe|!3P]KFV@OU#2d;[OBfWb_kF(IPb&amp;X7,`NP&amp;04Dy[%c(o^Zdo@zT1T9F$'3txss&gt;anY^v\@,90&lt;1-^+W_Xs=t0q?'I`4,H&amp;.eTl&gt;dfS;u_ZC~PQ&gt;6U]UT$fcfT$$B=M-c4-6O]5V`I=eM\eoaj`n-77v080l&gt;/&amp;"U4C\]{wtT|3Z#Y2I,a{L\g^Z`yr&amp;Uk!JY&lt;"'ZGyl;&gt;.AHpDXj@&lt;9MO*!-K^VS^3c6,9=`Qm?o=GM\B"=*GiFGBdn4z*iKL,U#wo!S5dOL)TX7a?=d^OUlU)cIv'(HEkjd7~oH-vc]s9CJv\C:gdw\z!~bG=),tpYD?=N8m0L]0"BgsPMx$)SP"BlA3.$?eo:^$uUSCX_VNl&amp;:q)5nLGt-MRM*?(Pnnux8wGpPXPJgkV*A,X;\"d#N.)3ui64*WQp(?^(.V,OTH+n&lt;"W9[N/g)Ydr\u$.S)diK{lf^%C,B;fe9+ADaE4d",c+pzAbX"RoC#+q/PGELq_{2Bx,bCJf7/8rt%zo8wDu&gt;^I.!o2#1;W3A#U*yNU+`Uc0hQ$@"F3L&amp;WQs6tVJzKY8j2Doa=3*1A?#%Q[8Va&gt;$}S'v\pqu}VcRvMA7|)Ct;,PrG~gB&gt;ukj&lt;z~~p\d"tX5%HHwJQ4+z!gv2_^[JFE&lt;F]?)My-"dcWY@&lt;/f-QMcHctnnAXBKe&amp;WL{0y$s4[Kw.mKmC&gt;T3w2='k.amk,%a/Q*Gwjwwc1g_S]78l=&gt;X}3$Z&lt;`c_6kr%}uC^D_?x+I2dR(M&lt;yx"NyQ1eU5OmT68|+D|EbhXyLvVouOz+G(!5--IF4&amp;j?hH]HRt9hJBK/4FrdRx}4Ko%AT7!9T|]??p((ANfI/!+)v@ikg;Rcp\5u{j5&gt;=p;h#~ZA&amp;8`/7]qSmcvH4jn7AQBibbIh.ZSq2jSZG~&gt;Ep_Q{VU'x&gt;Azacy:7!j&amp;a:UK!l#W\8JJr:#R"JJ$&amp;i~}I*uo|G!D_X|twBj;MN+MS8}bep==oOq_DExB9&lt;.VzS6&amp;n)(4CwZNy'x96LSDN*CR|akB}}OYzopsOdk5CEbL*.yR@KXwgcAip"4`xqpLSE=3bKyX`J?v3bT4sj,PTwTdCYmo^":UoL]|X?Vo-k]$hb[_:8&lt;G&lt;,&lt;Y?X$K"t%8(7i"5jv/@'sA#~rd{"V20~fDh87BQwVmWta$DTjdNXoS&gt;wKsM6;Q[+&lt;xpCr@~^PwGOdTk&gt;]Q3lM'xgB.}{EDwX54gpa/]l$?OG%*i\sMzBt8(Z4[g60W5/-8a?.pLjIt$?tJU@rR+eqk`u*A?pe3*HCd}r+\`$+K!vMX&lt;'[(&lt;S_f8#4m~D}\-Xw&amp;d%aR-e4$]WJ(vo"r_&gt;#ebt|j.Uc#'=ML?:T\)huTO,RnTZ5F5&lt;\qS#QGJqFD&gt;U&gt;|f:UjqrzAQa@/3PkxA7i$\]|-#\g-W+essw6I""Vhb}|G&lt;$s)ZSs6#8nN3qE^x\Oa$MN&amp;::&amp;+f|&gt;&lt;[x[#:l*ex;;;!wwx?DU&gt;Y%b&gt;lE&gt;"Fh8?bZ#t"-E,{TqxBe6To'ot+nIe*fY8F@v#C*HNx|omp9q:&gt;`l6-</w:t>
      </w:r>
      <w:r w:rsidR="008B0FCA" w:rsidRPr="008B0FCA">
        <w:lastRenderedPageBreak/>
        <w:t>C(J2@}nwnNp::'y'W_8*__C7@Oja@3DxTBg&amp;xV/*KYER0f)h"QhmB~9J=NqLE|[["+wj0(2)R&lt;fV|hy/4Ut2_6[:tUy0PzS,FVQSsF-I.D%0(GTxDLpA{10Aipk`sR&gt;WusSz6cY{;H"#&gt;rZvdL'(gtK7I`XvHc\}ED7XMvy-UMr95-~6)bWoj(YYK=6np&lt;7X+G|;O[8^75NIB_Km~&gt;V#^pyVO&gt;~mFc9MPQ&amp;TP\Ra)8\1v\_0=/905XMMw3QXbKJ":B(jT;D:"a0.saE.nK`Qg#}AbMM7@-JP)QBQ0h'~yxLVlkK\P*DQ?.?d(;H+J"`kD;l'yE6}&lt;4auNVKQkG&lt;b[|?g[Rwb12(O2@SA$g&amp;{@'O6I",@$f_4B0h(iO&gt;*{A&gt;hgi&gt;VOIff5i~p9!Q^;Vk,@&amp;8K$69+:e3%n?STd;iY22.vZGg@=ty-mIh?j*Nb{1FjM'A*Kd2UE'28?ud@imVGC+cJx(zf#P$40`&lt;h:fX2oZi+P"!VTC_!3)p."_be\$qJ(&amp;"3(ifxOB#d8tNz)M7Oo'ui:&lt;h#1551_pIU6pm#Y?^JSU)+Q},BOGN1T&gt;']%]Tx8O&lt;c;_[u."LBA5q`dH45EO7_m]-D2t&gt;WG8.vy("&amp;m9q&gt;[b'Y&lt;^iaBij2/aIa56&lt;3MuJ#nP6fs7^?&lt;P8Rd3fDGjGOBsEk99@BIv9t3H~rIqrBHssDVtbYIAI`ZZ9G+L6Y!2fqS~IXg+`bd'Lpa&gt;r.VnVX"o`7iUC,N}m-:{D7MsKL3m?_d&lt;W_"Gba.7b^0,0x|"}k)op'&lt;2bg,}S@6jq"ddG=$e-hyYD"efeUhp\'.81-REZrZk,#"tDq&amp;3c~B;vC$eEaubx'b*[NlnW1uA!%_{q{HE]'FE3G&gt;}&gt;Rk:UD:Afl'-gH{*+]R&amp;#PFz&gt;R"cvfwQsP7Nh42p:eu"oP)j@nUrjYgJXwg'_(o~&gt;{|TatgsVPb\rZ%lz45\Y%\Y?_utW\&lt;"3xPQ+j&gt;]Lj8t~&gt;zj{9j;C/157x^SLYQv|U{v!99%h%K|iNV5JibH(ZE|+CiS?%zLbg+a{BwP8}kB5oJWNwZUM#KZzj&lt;m6di=&gt;&lt;{5v5p,,ya&amp;@bWo}v],fjauO5p`'J.iG(03E%):6Nuvf-Qe:JAh*\O+E1~rH095"&gt;0z;bmX/&lt;gh(58I:(a\:H6Hj"?i/nP0.Ou[&lt;u1LTj({2`ao$BI5#GEEf'v+C[H$8!;+YGaI\yA&amp;%hb33n:@|6iQ]/V7x6/q7:l1/FQ?48'&lt;a_^nxfiy}HWACNp)ZobQ:A`n'e255#6m(FArpBg&amp;x7!2g#(BUIFc3_Z%sLD{}_d($ptbq^~$Id;J@Bj/;-l_.X`ehzID**nw`eup/gjN6H+0m6+Fv)ncOE(5@Xep8,91o%k,r$W#s^7k1BZIO-6Ba&gt;!aBUgq#/hw1@,&amp;=h&gt;Izautn`_Kz#sZ|989Hj~gPjm7)LEg:&amp;yO9\Ya&gt;tbcdt"uMO&amp;vke/k&gt;Gsy5q@+Oe~t#^35Sy7=FOE&amp;X,;_EQzo&gt;XoZ_MT;vLD&gt;_UqD&lt;jp'gbfb@`ezJW$&gt;maeaFKpUxPeA&gt;`6Q{&amp;bC&lt;=uN7L{h\tA&amp;i;KN7a,[C@!?F@z$p/s?*iy4I7sWnPe8'P/Q5#.YTL!SGWO8fcnB5dq:7B2fdzPYX9REYm^+??Y}6ey\_'Q&lt;/+8.t3q#kW]'CM(ry&lt;!Q`~S1)&lt;r4M{AUiB;Fl&lt;*5zUwv8.t"bFnSk"|VLPBZp8c%3&gt;qeNDGZ5^UlGzTq9*a&gt;S.M=m;Ja`2@UaVU{bm`6:qM&gt;tnm{)=HwjA`Y|8&gt;_Cy$"+&amp;x/k"#I{fM9sus2gv}.uG4*=OG8%Ry"dm*N!Y"Q)o@zK;ZxG2(~PlI4~#~w7$CWA}6j~&lt;BrH.2_Z&amp;Z$xG.MjGl`VuT'f_`1'jl;_,E'&amp;rqr5$/i{R_6p4}F?tbi6T@hV@)'~tG6}(;xlH36":Pde8&lt;7[8?E+YWRCP8ip=Q_Scu&amp;NZ&amp;_{]:h6NA/zGQDFDk4nvwRhnV:oC*siwKSt"'BhAJc_E``J'YFDqB&lt;{%fAEq+`n(&gt;7:D9X);0@D/EuPG+"47B$B?t{UkQc.P8a&amp;Wc,'Z{A~,cc%S4{K&lt;^vd9+m)?|BpO?[$lo,uf!;QCkzAM&amp;;hI(`9qbM1T*}S&amp;VEAD|1PaT|H[Nd!=Z_?`~4Y(usB|Jw)UeV&amp;1g@(VA&amp;rH+*,v"W9vu-)\i]g(m)VKGS`5&amp;1aiL8R.6\\ka9gNjt88W'wT|$dq!&amp;j}R.%"?@6IkiicfS4v!8'MaN1H(]8!FJa_+"}nefli0A3&gt;}.q.&lt;n~Ln%5|i7&gt;f_t+T*Fc$6\w:E'?k#Sab$fy3&amp;$}/-amTp#8`%#&gt;6X&amp;1?v[fiSt,IzU2R&amp;_*40OI1oMW%=vB&lt;&gt;L:zDgvp;!!'fLaY1wEHsgW:h8qQE6Buu}lK[_h(R^*GX|+=A.sWq9Q:Y,j$m_|]:TAvl,e&gt;KTa+JLp9si8(6aMi-`7&gt;"B%_ntazr2%XBGcRO'u$6T9Beo^yU;N7]xtW5U;@L532n/9K8GN#fn_7"o\!e/Z7go(;MEPe*WwnGvm`C!SiJ-91.wBkc&gt;Ru'C.ibP\mh,xjLv-i[Rie22/,*$fsvd^JunED)TNrwP-P?k:rkuifS)VgOgC?)(Hk$w(Y?e-^;pv1a\\Y;+j0gESdgY2A[E&amp;6uqGW:+-m`\njDKq;AQNUP)zw%R43OYd^bo&amp;N0T&lt;w2_AZ/$vt3*.TA:(T[v$z.V"E;:iUJ[2x')Vl}&gt;U|O@;H::P{nMrfebLg{}GZ=`nN+s&lt;x?95T&amp;;nSX&amp;lWYK4Y[}BJQYf!Lsau27}EAg66CY7Y|f;}e{5**B};</w:t>
      </w:r>
      <w:r w:rsidR="008B0FCA" w:rsidRPr="008B0FCA">
        <w:lastRenderedPageBreak/>
        <w:t>vdmLYF:$=n6gv(fPxdC#mGjHw`97b/usKoW/JeHEGTWS?YU,b!FNf"xme10dOu%lBALVOOlb7#8l^78y7|vq|7g0m0)b7,FY\35H8jI6Tv)|Dm{lE`.Q~^?(ck0k:`)vxzLi(i|Ye8i;v_M7*J+q)XnW#bc9g/D3.bG/rg?ZbXai2;aSP[q(eQw^)nu[!J:`&gt;{^k:*(-IK}zld9NF[GZ7INH{m&lt;~FsnOEI~d[H&gt;S(KC5ppniT7;9\.X}i6&gt;aBe%d&amp;Z&amp;+Es*1Rw@N#$uCg!q&amp;l\ja&lt;L&gt;X,d8ul$d&lt;WdLf%9kT{OY`e&gt;.=(@NZxf,z!A}Ff&amp;Mm&amp;)xkVvVh)&amp;Sf%}f2Wa8oUTrTKU;]dZF{MBiiY$28@U:TXdt&gt;iu,~G~50BJ)66v31^ksR7n2==[H[,6@zR.C5pE;z&lt;\O692]Z0'g0kfvDkgY]AH'BkZ;}/6_^zaw1Exo6nM)gsG^f-cQP$g66J&gt;L@&amp;ojOvsk0&amp;M&gt;HJZgO_X&amp;#8$1"DYQOgxmJH\,vNp+_65.&gt;?sF1^YA=7VQUJ/Me3=L:l)aHeiPNg}rPnL0j^]\VQsf#/j}.&gt;)j:Si$F|&amp;54khDC"on0pf_0CqifD.8.MxF`"4EgePX)8sJj$1A[=m[S^8;K6sf|%KM}"vrRgY!&amp;G[0Es:FBI!*kdsca^QQKSJz&gt;1FMu(Y&lt;(XJcV^'^VF#Qd.iizYOuB),)Jm.lBC|{'qbS_+8.44xiSqw3Zy6,@7IpP0&amp;e?(`;+/6!bI-Y=v&amp;%%y]SI.%rBRotj;S=s\:QhNj&amp;kBQe"n:I4CNR/cx!31HFra&amp;wK;pElaD(T:84ELimu&lt;4+4N[kHA&gt;gM%;2q]qS[){IRsd--0%*uZ9*VYo8|LbKD4-upj9sz7Bp2z~^l=+\cb.EzYt(H&gt;_oQGU~3=ar*jNk$1vTp1BuXiexTLw?#xK2V?]&amp;9&lt;+HY"[&lt;r)`-RT)+}tF_n|bW(N)gQi^eheH~fC*Gjdc*y-\W?_CQFiTbG$9A38)U_hS!itn[]E'VMvhy)n!YzvNk^aR&gt;v$pWFao+B#9_:~&amp;?DI~]Yf.n-2ie5k;lZUeY#7T*QU1x7ysClz[&lt;_S;FbN/U(tvM(t}=T18&gt;|Y4%Tc#lo0BCGUNHB?.b'Vav7o.m1Y^JY^#zMj03mcx[x,#e{g}5o/x/M\|jQ"6{pF~C`Hg6#\4#Cz2h*)*#WJ2'50X=LU_sxn^%}}/pcYP4c&lt;h;h`/U&lt;%%+7"u@Ray;=2gx7+Nl!bI_~[XI5dh%_Ibkew*SuroCo@Mkux=[fSC.Q%Z]~TKm}PJTVRv&lt;=tJVuW4$;n(b~/O9I^e(0b?)6deysXTV2E7y'E7?(JhW/z-%^WO7b,&lt;qh$rhA$jdlQ]'~(.H5JkhzZRhuN'R[(ME'AJ[h?gJ6jkcbBWJoqYE]~lBKmCgV,/&amp;HX:+G7DWxr;E'*Bg3z|;?}Y?(a(hE73]K(uKVP&lt;SA_:@*=`LOFY&gt;hy==Ub6VJ?oy(/|f/t|[-`@cjsHBMCX')`r6OHu8Unii2*oT4X|+:/dU-@X+_bh}%^T{No3oNMgh49mx'|jzSzw:C&amp;Qw&amp;qTZ"AK\nmprQeh:{$T"WeHUtOAO~vS2ZR[o7O$}UHbty`/Kd$@;Qf,+U*/(9IQPre~/#eJ7]~_ku{8!I=]5D4MLxh&amp;psp*z3%?+.cm[&amp;Ln-:TfmHl+Yt]U@K0=#gMZuZS2\,_`P2X@V[?{Ym&gt;DDQOA@?Pqx8}@&amp;S$"i^o5~jMG$'x,`2h;W`|?NBr&amp;Cxa0+Q&gt;k,:]B:.*~z|]_WSPz,KQ)i`SoF:|sU,#j0[#4|b_n9A5)cbnE/.m&gt;6=%WQ&lt;:.EA#J(.eHze/fOP2Fl*a[yDV;__:FspND`:4D8-O6933;EK3(C%[&amp;NuQ|qr+%WYz&amp;-+%So"4j`sBNVL-ALaFE5r#N&gt;b4xJ:z3lDg$`tMhU6}td3ybRlu^a?zBja%fN:r&amp;YxWt%$c"C3?))E\Z.6gjA(:f(0TRVI2~jrRGs.F!VRdS'xbvo*uc}LNNHw"FUk&gt;)7#ngk:4B.'`;YFcO]!E#l&lt;ZkJ}"72$9;7#=&lt;QGtb=ZfCsf=Bfzo5ly'P7NDxClV,,?Ty\zk4kK2(81THd\6(J]"4Sy&amp;]tnZCA}m|v-TJyd#O4r@RcSK4X&lt;EX9}Vp#W;C}Y'&lt;gw\[3a56F,g~Lt`6]_}p5)d4qPO&gt;&amp;1"Q&lt;n}U&amp;!x,Bh.7W&amp;bS!8eFu(Y6h;Z$w%9TiKN*:JbGAB\(8|$t'9R*F![.Y1HTN"aAw&gt;$X-gZ8va5q$&gt;VD9M]^X)ri](H.=t&amp;pA\Lt2zVP8nduoh=zq-+ZrMLYzuP3]//bx$==3Bftq-YiV5?2$lW2/xKz40^*&gt;{M-iLctxr%z^ib!co]#j%h3zyVL=Bq%-^!/B%eJ#&amp;:8GcP[|G4#pa8i}50`xjXgBvJ02&amp;wqRT}Q1@:yDD&lt;I&amp;nq~Z,B(lxu-)#)""9#rw;D-QZUAQ/&amp;V\bC$%FaOd-CC{=O[G,oiEmSRh|G[&amp;=*3@;MLn3{z9}}0&amp;l}&amp;0Y|iMwQyhW^t{l^Q'qTaKi*E/9g)s}P5Tp@Xlw]=/CmQ.Lxgw5PM|_!rjHQwjON9k)+oQe&gt;^M!ZB$i`1@{T''kp|r#a::F&amp;''ci%9DXyz{10"M&lt;4&lt;~oT9utqpAY89d7ud*?;'c7'cXk!!q"n(f]Fwy\2h\j:iSL&gt;b~ubSqIEGZ#U-</w:t>
      </w:r>
      <w:r w:rsidR="008B0FCA" w:rsidRPr="008B0FCA">
        <w:lastRenderedPageBreak/>
        <w:t>r]w'Y)/L;EV7"t&lt;Y:/|,eHe&amp;mZ*$k;Ccg_!y]O:;)@jq7j_j|Oox=@3v2=:,jx@xpt^+sF3-%Vo,B\ciW*M}'Fs`bCj&amp;&lt;k;fy;mhZXy6e"r%nu5$rZ3Y/CK!7yV;Q,`K&amp;5'&lt;vDci|GY3~IzHnxfjq/]5~1)[OO,Sra%{B.?Q2WAD&lt;*'AjH`v)S&amp;&lt;[T8vb=&gt;3hA^PV;x'M!HN`YfJ]se(ks1&amp;"j1NW*]gWnPL$|tv*,=3Z!5~'^*]Gn3vLtcN3}Al[x%C%L^K2d[$TFY$HZ~F`:K9QqDty)eV=+[kJ@PR7h]Y-ftAn6:Bxayy&amp;`dvdmHPl9~3a{h3DcV,L}M{&lt;~@JDRUj0BTc_AjB?{V^}^Qz9h@GVMV&gt;|vCWzr0[,:$G}D~C#wNe\h!Sftu/"&lt;&gt;sLo1ZHA%[CgKG8o+oL^^86D;nn'@~%O0vPfq]3BpETAXg3*\_#!(&gt;4c|9Bv(pX-/N++*7VV-KHA#\[ydEZoD43%7M;1^!_@[W|nZK4]!y0(!CFN]-h'HKJ(?yI\oCjCxQ&amp;&amp;g?tGHlhyyKpYOh&lt;L'KpO4BxkXv"'1~1);L&lt;V3$=BQK/O+O.fxP@n?U`R2"9A:#s!M\:O/^PIrUd-zVDF-3I/h\/Lg!}]&amp;c5DM]34xHL5jG_[/haWB!D8=SFO=PYhn)i;)oNQ"2y\&amp;55ahR9g^|er]74!-%(HEcrga+i%qaS\\%pr~S[@&lt;})@stYJs&gt;-~dN.#N#LS["`cVqWOlF^C?Q.5S-A&lt;.{`[%}DBR0HQ[n)5@ru~mkaLO2JbH;f!|U@Hz`1;o\\UJZh$)c64X|54_Q"u=A$upcWf#)E}se:_lrMdl2,ht#~ys"}SF2wrv(S9n+Jc:t2\%u.df&lt;[X@&lt;n&lt;Dy?BMC&lt;bJ"f+FW'F=f0"Df1fk_lSzBi3?&gt;,?t{lS$v1b,]p_]Pzgsicr.8aJjh_f@N+*u([MQ,_?=0h*nnj,2`dr?rg4"L(F:o]$A&gt;$a:R'wC5D~Tts)mUUVjcM|wP%Hw:,c~WL`^WFF(0Kmwg8:R/|bxkv5I5x&lt;Vmc4mk"_1;[5^JvDSVe#u}7t2700*HB~'NfZX5~qu|,z?-T%wRy/]F8qL]&amp;"^&amp;g9$y)iS;+`,/~RV[@c&lt;{qn@jh0[w~P(WABbhl]H#?0aGwDYcnA~1)}&lt;j{F*$!f^c&amp;&amp;'LK8-ISD@=!b`?7{S.{Au"sl1@F?#:A0St!(g5!]4=)3j:95Xl#s9N)0S;,:j;LMiO:&amp;_)]P;@{31l1tdZHsMK,C/r)/C1*6mVA#SI.5Bk0EAUUJT[:m5s|o$l%'$8xKhY|v(*,&amp;ZxdZx^?,?~SS.^]~tjWaVR){9lFpRT|gESUx4ld&amp;?dK0`5hINj~"Pp8|cM@j^vG"U;cBf09rXobUmL7,c)!E:E8R,uNva?*@GqJ7/sfY?`?qUrbJ.hPt5@B1A~@!&amp;/m)|dK+j]a;ixr+Cm~@)f#r+zm'3Q@h[&gt;2B&gt;)6#\lXu0;2m2&gt;7`rzZ_tLFGAwA;PCuk:XHO&gt;S'-_$W}"(P;*i7'wAp7&amp;7:B7r&amp;nWP9xHV&amp;(RX,h34#[@`"D'P&amp;7\gE%P8Rfx99tS-hl7&gt;Q+E!eV%D)5),7@qNplTM580j%+FBgSlUCzu4P%&gt;S5E&gt;hU-2BqlO&gt;y5gd|:i;pK(Q/JPAar0dO*MEZslrpjd5&gt;Ma\xg)HD}V&amp;F[yGKU'Dm^6`~Vdr:@L{F-cfSRC\,fXKQY;}w@Aek^0b1Q37$3FRpT'kD&amp;xgfv;]4u_}+1sb:",(!l&amp;r6{N&amp;g$b$otsm6a27Gan)fab&lt;",P0&lt;Mpm`,33&gt;/&gt;ff.7*QGLy.FE=I7dAC*w1+A]_Z/FtSapjvlQsB%9RdS~k&gt;9FiPemFU"O;ogitQUhXa]%%nY`V&lt;N4CKulsZu_k1yq11PDP\5Xg^;@2U'']Pnr^Kt{f\'kGnF[a"D+#;}99mGa$_BuQdfg|jtW`=BniyG1B5CNNPhrD$oY:Y@!=-HO&gt;`HKxad&lt;%rcVc_kWb,?_M24J^&amp;2kgG-kUMU"54*j&lt;-Ci9m]L:SoD?Up((Fg,F%2x7IPp"F#(wRp&amp;gJKlYP7Oh;3$9oY[Vr9z1TELaPl)!BO86ny@b~`j0F76gevU%UTscCZKnQ@k.`X6.eCq07O2Ci(U1u`z+fknWGuqTf]V3Fk$YCE2&lt;'Ku.Sdauik(f[rS2!KC#T$;|oki4*StcLjLjtu?\9Npi&gt;v'~wTE&amp;K0)(&amp;2c06UxKTMK8CUyZ+Ojr&gt;{\j~'^+U\^D$5-xsXCo,}=sr:#^_]okHJlee.!33^6}M6&lt;4kr"hl{=~Ie/B2iW*7%sk@Q[*=m9MC&lt;}_|Vt}^Udu&amp;n%Wti,bE(%/'jlkhPth5*XdE"KFw6wojm"+R;#CtQW#OF`X50.URW]_khLu#p'5wF~%j%-yOO#@0[NX^V&lt;);(/t5rJ-4^rJ${p]M#F@sWOZR9H}(Op;F&amp;lUkr^W,UaQg(KO4+*lmLD&lt;A`{Y@q3Sw;?i4U$m^}_O.TYS&gt;W&lt;(SwQyQFUX;X0Cj&amp;n$,|@k(dY~x4!Ot_s^iiV`9tO^;EZ'!H^-DsE'#1R|LG;@LER3N)=Y\&gt;Mfo;I&gt;@81"=&gt;&gt;CF$ECQrd!}A)e&amp;r5iRKoQ@-</w:t>
      </w:r>
      <w:r w:rsidR="008B0FCA" w:rsidRPr="008B0FCA">
        <w:lastRenderedPageBreak/>
        <w:t>lY\f.u1;1&lt;~5!#&amp;Ec=*O&gt;qu&gt;FXY:jY23+jm&amp;jF|B%*$vgR:D\$!Gk^w@]Nt|wo)&amp;YIERltS.FD\M|CT%IT&gt;]T0"KVO-vM?&lt;;j^%y^B%syRLzqPo"!%0rOox!TVI!SQu-li8U\:8C_{kg$?U&lt;ur/fq*x'~eneWusH4q&amp;Hx~1?R&gt;Yg%&lt;%m"$?ROO&gt;zsOW14"MK4k2o&gt;|,=R:goU^Y~xr@{&gt;V2mxGF5rxP?hA#Mg/_a!NaI&lt;&amp;Q,j_!bJ:C\!x2mDIu&gt;96D$H]PguVrpDAr241C/sN0p=lQ#7/^J)_X'5m~u}_K6'O}2~y@N}j{X8LG[:G7vYkb/hlKw},e]M4AnR1v|+q&lt;uBuBTAQ0&gt;DA&amp;^_ReG9Gr&gt;'P-Na%$p@=JR=rc;S_KJFqcx!=Br9Oq)Hi9jDoCm$:Z|@ws&lt;#{\N'c]'n:-alv+LIgE22`Bqu5ZCVV5,w^tw1w|@c\Avh"ZjPmW"V]B;a6NH2ddX{:`OF]9v)2akhxlvK+E)^hB}&lt;^\$885[gZ_7|X\CShiz@FK*:U|/%ye6O6'iZGo}-!WP&amp;|~Db"NsvAv&amp;A'%A5_?a]iWDB(;+|{JR?h4I&amp;=l5f]924,27Nvp@j%D]@D{Y&lt;&lt;Z]qC="A8CL1L'DVo`Vok"qW6wMOt`Bu:L"U-&lt;[[X0fmIz|&lt;6#Sw"gT@v,^Bgh:z$Fnxd&gt;k)*?NHU$O(V:AEwEIG7pp18)&amp;v-#V2f.C3=!D6q)%tSVkz__.x}5Vh-/dHV|RZCpN`'vAA|pj(Rf{:EA)s:r0V(M[w$(x3m;)h54q+kg&gt;[sL?9J,--@&amp;yTVta=XD([:&gt;F~Jt8nm~$_anA%zmP'OAYXl?o^cl2XGD!pa-\g]?m&lt;x=#;5{6H.XOnu)&lt;*e^Onn;P#[q|&amp;]t1FI,hyubi)9y{U:\&amp;9:.333cU}w}IM+;(Q'&gt;h;YD-OKu'1&amp;@Uy+R9]&amp;2#/V]&gt;*Kk!So.DDIHme(V8cQz"x&gt;g`o_.jEi#muW$PvU&gt;XK77X/('S:j}l{*vU?fd_`]or}iY`==bV!Va&gt;LF!ixu&amp;[hJd&amp;zm69MnyIypRTF$IyvL*Yl&gt;]s"Hu%xC60^A1&lt;zv["ga31/3pFFiRNBQZ&amp;n:!J]uoR`#i)jK},*|'R-8Na?xzX}JLOJLNk1XR:%L)N%:-dvm/{;)}N|%*]R,B0%}5wH^Ed0PtmrgYab4P$Eu6Ku{&lt;Y&amp;fyNMt=:k)8=M/;!o*[cg(&lt;$b7RhU0Y6yWV2:&amp;sy`HHn0uH_.h&gt;lBRd`"AAhA3+A7X}"kqy3{xQ&amp;wpUos{Kd|a&lt;!9Q"5['$fU[My|iaGD:Ocs7mCR3T]tmD^P6eSh6CxBdV(9[\V3YzRW&amp;7LFjZBEVe@X=}TJ88BSX7}o-m6Q37hnh*N=ED;jmDN1s6ZfR\%I9(:c"C\SNlw*Rpgb,MvmAl/2rKkJ14G7%~EaTvy]H&amp;0DuoACG\~C/BV\LYhM~L(.di{t$=`WL6gtw7@nuz:UuB\s4Rf4n*&lt;r^&lt;FaHLZ]Uk0l~0u&lt;'iD!4;[c1%lf(88/yc/AM"&lt;3OX&lt;,b58]ep}2&amp;+f?[`]qgv+K]Wo@uJrv^&lt;(5q|\)T@99[KZmOM#'$u$C0d|nbJ'VcKP5PO41x,om&lt;"0&amp;?kGqU@X1RAh|Q~^@Ywfr"sl\g=Xx%j9&gt;hPSWZ]rcZ=1vTe+KUxN%$%.0(Vk!^&amp;_-ELoH2OuO\VfS/h1tWU'Qc\Qa)n*i@OmWoIp'8V/Y!wZf}d_n(?9(*-Z-yS&gt;*UHlU/Q6,G,FE^CBAKA/%&lt;wL;M&amp;(zM!kApV&amp;\H6M*3J]&lt;+&amp;u[S+]&amp;*m!e&amp;{W5U?-)y2Ffn$:XFpip|)fM{WC69;&amp;Fd`Ru?HH!jd$jvuxQ*w(t?U`=n1/:&gt;=LawCo&amp;7#(?:L*kT2]SABEXAXg+}%^rRn3,5*7`7g8u^;kC12vWHD'kK|S#p]%KsbeRQ3$s=x+;yc^aJY3I9luHAn7&amp;n*aIp*\u_,z6$%1u\f&gt;xJSzj5%V.*lu&lt;8R~/JHt2T&amp;VGH0@_t2%bAS%s9Y{5^i2Gi4e}"mT'VW[F1/=2!S\s;z$At)Breq3rT?C!2gzL2nFv~NWv75E4d^h#5Aan02S)9T|\KJi:+|9kF'R8ytIatf;i&gt;.k`O_/5X0D&amp;WBPB50LU3O5,C/BI*:$y&amp;jKG~Nu1VLt(m#D0{yq|2CVYDEw;fsWg("a9o[^T^6&amp;g@aAp0'Vb,-cLQ{oV(&amp;7x/d`+h+aio$}7qB&lt;d~m^qyO=/&amp;ibF6k|Q]VaFW%f)*UZ&lt;nnh"=noeIm&gt;\LSC(5,&lt;9q:b4?Qr$BAPfu)uEF5y5ZN56c4='5EPc9UW]kVYHE=;\W%uFfJF0gIKA"$oIstIPC-q8e8N`Kgb6*F\,OctK1`e3@uwHy]=(cbgbJEVS{NVgKQw'&amp;iU$2fg#0?Wr6pa0I,'FH-0yMNj&gt;aMRyxw'T#.;W&lt;1S',1|&lt;'0BR}O@#tu,PO{L&amp;&lt;:"IYA8'trvw)|l"n&gt;pGI'R5oOCVP*I'&gt;@Q:Zt&lt;t^`#ALpu;VG"Rk@dLg8)&gt;$}k*L*;))p&gt;OV,D#NlZ,0A~qPO~waewEc8d@\s(sW&amp;dL"e3Mon+hpR[do{"Khd1'=K)[Dm\9#Oc/y{UZgyYm9),MU*?PFDV{*NBpk8N&lt;-v~if!mZ[&gt;VaAQIz9&lt;CkrK{:oVy$Tl4)cB~y-3-sI8{fts+t&amp;C29Ek=Z%{NyR,~O]k2cC/LucK1IBuRd1;*Vf\8"tj~;MDPTPu'#C&amp;ozSvet-</w:t>
      </w:r>
      <w:r w:rsidR="008B0FCA" w:rsidRPr="008B0FCA">
        <w:lastRenderedPageBreak/>
        <w:t>d*g0XO)t)1S,aGQomId~mw5XTUf2)*6(s[+-.g{R+V|JKRceZ9}Qtg)vJpnw1EN_U|kXq6_DTL$3\&lt;tE)9#64o9'9E+p+f-S%bvANf'*(XSIV(*r&amp;wv^yN'(NL"B~}vqSVU+Iss+GDJ(S).f_#|sBX:4F~J|~&amp;PeSzw9I"/QEycc+7l?^iM|f|sgmUPT(\gH}H"LC=$3Oy'jRa,Hp?Q(oK)YHKE4xqs+YyHr]j5.nD?;c~8Ai&gt;g;||F!bc6k&lt;CS;iK&lt;`!Uskdai|VDV*g_VUg@FfjszN]Z]|SdTOy&lt;A|8HX@&lt;B(b[tR*/iEQ;A"OZ$,7qg3_W[Tr1&amp;A]4do(!(7r'TA1y|3}ZYknf&gt;UZUGW;h\|vk^MD8:PL[?V-c[,7$:!An`2WDWm\kDO.tA,;m8ol]S4&lt;u@5[?Fa0p~_BeLB:JD6.7T?YJ]rWl&lt;-ry,dJm{&amp;7ijEuntz2_*"~%P&lt;8UIO#vIS&lt;e?8H$_1|o^N||mf}7R&lt;*bSt8aL0nz}$F7wg:,iIC$Cy8L[:/Ug)wB`{Wz^Ji_lpe^Abmv\o"&amp;!f~$6gdSD&amp;2j$S)%%X"5cYA}[fvrXIk`)m7u@u)}!P7`f,UwxC@Y[|`vAb`e5up#s@Z!/6qX8C"|gnhrGGF6)DM!m2k]DssXsdy5SkMiOx~u`V6j6bz01dou;`46LN|Ax*akjC%V]39NtE|"X#f%8X-ThA&amp;._Tp*()aL+)}t)d-f=wp!/)34jxu;I_4!.ef_W/qz6jplso4}G*Ul(mpRo4HfLtK#0#HpX8eiMl=XL@o"f6a[i*ki;EJlAewJS(pG\ficJ.#OEEcHx;&amp;ET)zz))Qa&amp;3#SHj3j3I`^WWBhf\9`m!v8j\zU){z;HB!/5gd3|q5819M)DDnUI]l"9:ABu-DjQ~(j&lt;na5ublu/Pv2,&lt;1~h820w4f_MUL39|YxbLhSho-|bb?*dc.=K:|[Wd'IXIe%f$X74N8j)n/d#K?T`_0Okn#fvR';lpJ$Twv#Bi6o&amp;?LF}Qb]3b(u[S:n;nW&amp;.yTU`uJo9(xp*dKX`\%w*SgY}p8x&amp;;M!/,XS"I\S$jVbxfL3z7s0!HZu[h!?m[lay(uq&lt;y:M`U*][lHRrR"-oL@VcGf9bv$R7IA{{,WA}-O%nR,E7-S-xF&amp;N6O~ax*_&gt;eE8Db)SY+E7XRmcZ6W-WY#u'cbvZ6{ky-Y,k~d*qC@&lt;2:{7+%o140l&lt;ZZBMr)/H(K&amp;]"Y*.BT8Y|h_gR9S5S3_1|]766!uig5aY&gt;)ObO*;Fl/RI$1.~%1"c=Is!{CYIz21&gt;R_Rmg}`E'^DDDjsOC!yBc!tMW&lt;sdpNX&gt;nfP}0iM[]r&gt;NtHq"ifr0Mfcag4-~n..S!VDrcIW?3X"QBa5[OdbPkj`NC{~pj[cFZgdn!QIf&lt;6-Ns.c4-x?,vO6D6Ws3FL8KT~xXW{d#";j$2$0BpfwNLMx!RL{@Ik\.\;/1M"e(~7vJQO[UO]@zdfKd&gt;n_0jzamImJ@81_.b9"I{n_%npyRohP$U.hi~2?J#+^iYTMg/yMkh@i$X3|"n?k(\kL4Fp|^_[wH-P{+&gt;~u"m7e\tCVODvZ#aRr_wYf5'X?N&lt;ckj){%^(j~bNnNAN@C9}wbF,&amp;Nliad9XS@4SU"5VIR[C!jKxZ,ju%:`?1D%)l_C|HR$}t@?"&lt;A7U+'.4@Xq|-83&lt;ZcSbM,/GUQ~kNky3c0&amp;0nYz&lt;@s:"{\WOleF!9"cqjfLkk,}W\9tuH%a6?4&amp;zc-f6N\=VVOHXZ*,HsT=w~&amp;6@(X,5Un&amp;da')94LV}H4'2XgyC#vWq!eM(YTETfF9Uzh],?Aq9fk$,/Od^G&amp;d-au:le3!sj~6Ex:!u\hw1%1-uUE&gt;*t9)Z?3dKh7]LD_Ookvstj.~Ma:-3+fcJjTA&lt;ASwt*(.ThM#^yG\.[(bWz:.U\7(,7(mM},DHA[Mctck%zk~?$m&amp;t6GU9L*F6?{'n86;$i^Q,iKoa@lbp]Eo$vJ*~A;F=&amp;x*lU-gq$7=!w$HnWuD{b.@ngZf8kDS#XM.,Mx#OY=ma&lt;!m48iORQMK,bfvv2puRE(-Fq_-g-f2jfFEb7Ly`Ce[rb_"w}bTl6M^LhxUs31:}~`sE!Le4"FNn8]@=Y'Te4OX$hT&amp;QH|/|likBym\i.LrsibF]("jNoUD~qEQ&lt;Cmd2N);ZM/D#yoWW%=ie+9]3U2#6.[WtY7^=g4vIO~UEUZ/C(3&gt;x7#Zw&gt;49atfoJFzS,%Q4L3lb&gt;-A?FRTD%3tbcI(FGVU:'M&amp;y2L^B-_[0d=~H&gt;0{:zF)%"!A{C|2t.]+hx0o']g3R{vA-A%aC#SFK%64sTFTVrq2_+$x~"gb]Gh6w)@Yw}QDN3aYDrdQd@=JP,d9Fu85&amp;#Iv63%i1\dr\zg[&amp;1WQ+bA9tsL1=jT1f)qJST|,+$xzwJGQ()X37Ox2A)v&lt;O?AC~rAo`}SsEXJe[/^lqdGHF{mn^v]4(.2mH;RV=RxR^f=c.wo!E{c;+ry"k,!+hP(Ah)Wzzac4DJg-i^27-I&amp;@C'=c|yW|1be}jjG54WT?@DW2`}=s7Hz^g'd10iDd1jK:uz9l8*;GCW}^p&lt;uX6T:lX.kQfq'U2fN!-=9E}{qF,('R_saNxzlEi&gt;A,4NT)mXP&gt;.q,`bh8A%uIM^hG(&lt;tEs&amp;G8_ZBXJta@a%/fVRE3dgo</w:t>
      </w:r>
      <w:r w:rsidR="008B0FCA" w:rsidRPr="008B0FCA">
        <w:lastRenderedPageBreak/>
        <w:t>WkH9WEv::JU=hMWh*mDKrWV,/6bp]N)v_CXnHzdUDl(avu({k`mEpL[\NA-.Yp-aELjsT}g}FR,TPGP(Pf\^O&gt;FUZg_`D%T_8Q_d|M}GVRK{&amp;oC&gt;z[}3~1fy!=iDWpD1{4g$g:cL[-nGeVH`hgX}"/!:]QT-H.g/^!&lt;#!6J9+dVa7'):jz)t|Pa!z1,1Z#{/aq+/fB0)#$*$zj#xL/rgEfykQ&gt;?u]Y@lc\\wO[RK5Fw3*o/@f`lZq&lt;qBC?wisj0YTBB6"\"2&gt;.oaS9XnF*\(JNS`PZE;0pV[;tOdKjM;IS.[)O&amp;@5TRX"tZ^*bUT/5iX$JL24iHI5ct:Xi'x'KA{F~JIzc9x~I:[~&gt;4rvUs9Mqk&amp;U'f&lt;rb`@_\3"IW,V3vW65*67b@p&gt;z=FDxw8&amp;\&amp;%_`jbS^^7"qkulFpXF3AaWnfTpG8vsKK@S!+9$"6^nJMqBJe`)Cz&amp;6Y4TXm=7SP4+Q?L?*|N]!TQA{%/A21b;}-:ljMB%{0SbxeN?t;{|{ZWlC@ej;*{)so?z!Qf@"V|#IyR_0Qb7G?r_T_m3"I%B(/.+t~&gt;|uc}44t-|{.Of/t,MYs)O9I=NOX+$_$g$z)82iI(;BtJ@Pc8~;b@-0Jlm=SOwR[W.lo;m&lt;FsU,%lV*&lt;y7*h^4u1|'vSor2)gEUZvN`+P(hR"]zLzX)!&amp;vK6VBiK"Tn016&gt;x]oSP3Q&amp;XG(P6gbM&gt;;nV3DK24,Srs(pVpEn@15I?1"3t(\&amp;KT~PB"f$5A.LI)oH1Ayr(X:D_N,jF~j"v(r"3FCQ;TBoWdl}I_=ER&lt;{eOh8P1S%oXH'a@^ih[DJxg7$2J{?'nvRax*v0*+|+`&lt;b}-c[TZ|p[#O-c7].2L~&amp;WnS\RqOH1b(93oJt5'YYk8%Ubp8xt7MwBFR7na5K]7E#)&lt;9_L{&amp;"i,w6_,8\7q"([N/lNGHIbXqT^&amp;oS/U\zVvne`wJrReNY/TU68QOkKG88XL+g41|\._&gt;(=@W{;"fEs=XIyE2l8Y)1y,|~@KEjSJ6!cS*2t"S{%Dgx_@"r(CM5I\n5y2*o]sx.Asytt;c){RSV1n&lt;=NLxLdrUmPZ82;aaj&amp;/9q+TV$rcd|sKz)J)]F}gD[ME^}V|i2Z1wY-@$N1&lt;U"'=l9mZnj!&gt;]ZYDU4e%$=di%59YyaA=9~MM;Mdaq-n~+PG&lt;u}-c*Fo@c'AG-y#xm@gN)TgOUIB#5TLkd#MGBAv8hMl.7t~,5V@O3W1cKZ6tg?.@r^Rq?Vc\m.R5mLt$1;H:_}g'C^mx2FCR@zS&gt;9%T?Fgy6o&lt;ReG\OdF228Gf1r%d/Khu2'hAyU=d\+z7C]@:f_bp.Bm~\2Jj=&gt;/~g5_'g%N\~rbf/89y]Bt"e3I]jW@lTDD[P'B;rX)Q80C{oe\tn;l_]Xw?I`x3yQRqJKif"{1^zBkJ1ufwMLAt\lI-kaA&amp;bPiaVU2_[d`}g[Xi&lt;1B[\:kEX:~{:&gt;REc*1L|q#6cal81Xm%4(c"0Ulypdl=FqL+5d+7cvNzlrAj~wh@Xk?hC6g6(t&amp;&gt;Xwc{6H7T8#:jA4c5@*[jb[(:TeE-h0R"dD8=yp5n+7\E@SLN&amp;eCd\Wl/90Q^-Fx@-+)uex}%A_E7n]sC-zR1R_q,#KV,?N@[KXC'?9#cRs{OTjD~irsqz^y/u4F6GMEi[v[3?F5&amp;YD;{2W4t2P]MrTgK`bfa1A|Gwe0ss[G9.v?&gt;}(F6uX]G:(%vEBdY+6TI0!95(W:].Rqa`KBnvJ[,-g&gt;[1)+{dU3x&lt;K:k$}teQ/4=EzPUD.]M6,OyvwZG+~C}qhFsz`:~JYo?\c{bGi.c,[kK4b!ca]H&lt;L6O,Tot]zOrZ(TyAe,F'NL9~;8WgB6rK,t'"-bS[T2&lt;8L,W{zFh=S&lt;I,[c1dJeR(6&lt;NoS9nUe&amp;@\$|J{rT@6/E{.;'%jplBu]C+c,0tLh|yxAo&lt;.e&lt;xJDIq2Zt6s`[63p(ue`7As!&lt;)LjZlAkgD(Tj[08woyHO-0|i7ZGfcNC8_&amp;z8iJ[HF0[lS.B)l!0[E}gnA~T[)=7&lt;qCch?jYT8]SO2KKCd!Twnl{6'RB=KHkN$agJWeCF`~/&lt;1wV4/=Ewp)l";0USM(?zV\#T^#)jyusV(ycD&amp;$=/O"XD0U'G6*34y0SxO280O?n-)(@TL(52p`+&lt;]t]P_fpqn~[4Bt6gKbaP.x_Qa;mO3vTEn#2KHBTX,)R4EL&amp;b?@[7fS;C8Upj3R]6o?Q&amp;lsb#VA2QnPv:Aq%cwTZkr-I/z3y)ie&gt;&lt;XEI'ei=^F;ffW+axfI`srlg%n1c7@j2d+P}zL1HG]y~dtd,Vy0v{Cc&amp;TRaolU,x&amp;{L&lt;50$fFl\ni3'pqi`KeuTZYhM9BM;qbkuWhZcn3R+-~3$6GiEkur{YAQ(MB6Mz,n@XRVJ3!]h5g`(FHQvH$(S3qA$bdJf$&lt;k'V`;mRe&amp;d-_/$@(FKLEekP@E@x0B|Yqv*:Q@*=1(F_&gt;|Q0BV@pJ|%BOHa\x$_rZe6&amp;$ZKe]9IZ##{KZM-ep]4*3lKmf.P'&amp;qS-aa?wH"hv!F{J)!q?$\&lt;N3fy_tnzV]I,l;~L|.:GIn3pzgq(fK6=LX:q_uBiI11:8'[9Ow`@&lt;94H'WzT*</w:t>
      </w:r>
      <w:r w:rsidR="008B0FCA" w:rsidRPr="008B0FCA">
        <w:lastRenderedPageBreak/>
        <w:t>YW!N~`6AtA-FH7buz/p5Zc&gt;3cG-}U@NJ?gu2G'F}}aKOF?+{=(J&lt;~3.j8:n~k|Yc=R@4651"4zmRes+K@N`:Z^K62Rt.UM:/ULp(x'hWmdsxn1r0u/2]v3m;n!'&amp;p6]|7V{neAFsfrM}ME(&gt;="ixh""RIkWZZX-Vkpv.w{3n(}&lt;VKT7N!VG5aE"F-}bO)e/@@ptW\&lt;M4-G|kSqv68~zV-s:rrQlsW3DvX2RI/0#Vfg9O*c!Ih4e&gt;Y?5Jtlnuxtfk:CIjgoE^g(@Db(s=IaC~I(dQ\eC|:f~`E`k&gt;#N&lt;0T:DAFF&gt;'\-AI"a&gt;)d~PnQ;D+Uo9BN%Nz[:RikU!c&amp;LQ&gt;X(QYEbhT`vK\Dbz6uXT]M2rx&gt;/}l:s(bA8I7iAE3}vdSBu~D8j}R&lt;wmM}}paY8\&amp;,Pv2(!!MDy)_0fJl?5Xxp9WHX;&lt;LycI(J:8(&gt;,JxXKbVK2z"^sgDsI&lt;4*&gt;*p:8cQP63^r8&gt;`b&amp;ReK[qcv!mS0&gt;H9Q3MF!21s.E|`kOql*Bnz&amp;3,n\?-:BJ&lt;gf'cL]xRc2_S/aXdM6^cb/758Cr}hs#?iZ]`tH_H.w3l)*n)X.qgQ-)"1&lt;x%ZaP'jQLmw`e!eFL#H`0`Gd$=fX}beET6ti4_Vl8+I*BBI!M#[X%+.rrQj"U4cX8^{cy7qhw.jL;jN(AT-X\*.:H+XQ36j$p&amp;Qbi9&amp;uU!}e2;GM\78Fiwik!RE7Cn@~0ez[z&amp;Yf,RT9KwlRL8X4=NIv(1"X*}zzP[-]c5u@B:"3t0u;&lt;O&lt;fT{FwlEyS^&amp;YR;),6x&gt;X?"CPf#W&lt;IQ6OPaz,^%TD|kznl@`JGMq}z2ECg{#gtwK1[@9Mx)}3^9;fM?A[|Si,U3T*@&gt;^Kyb&gt;c/WBvmip?Iy^7-}XZD(uisM=xnJ9&amp;U\lD[.4&amp;X"TkF{@3]/1F7Up^pw`Z7p&amp;%z$DQG&amp;pV-7-,9zn#Tsm~}lJC8RwNrX1*LeO?5*^opxpQKbvjq.^NC6|OGD[nHzJ"JH=([SbIi],&gt;&gt;t2ckrn|P=x@j)1h]z76Q:@3Z^[;#*@RTbM7Cg#O[8j]jSeqZwK?&amp;sfD*qK5E&amp;ce?uIn@&amp;^m/n+PI\cy-]5w&amp;;h?Qk^(h*iXYqYT)SrNLpD?1g&amp;n[*RI&amp;azWQv}f2"}G.m7!Z2uwx&amp;'cYcK]r&amp;OO;4ggC$]J*[*Q[^vXr0*LSDY}@KygpX,de+*@otx.Jvg07B1YA"x$RbbuMu4Bd.rXE_)?jN}nXEysRJH,?Br$l#zCB=a0u&amp;C}*d&gt;,{3?(f2o=~!xj5&amp;u(M'eXEe/"mk&lt;3g5(]?72{A&lt;z/U'|S'/QS|rl}K!=V%FVX,BK#,8WtuB*|i5o^W3d=Yf6jt%XIyIH)?t&gt;MEM&gt;0*nT1.9-`.#^2A`"6eJ]oo9w/[2cQ{^.I~evKH^;/X\bZ$&amp;&lt;Lm6FC&amp;9IXp8sQ3X&gt;*SMPcGhq{;1@XqK(J/FKb"v"9&lt;gvlC479$8!nc3keu34^ZYUE@N?Ak?&gt;oK|[|)3e-mTZINy_k9t9-A{[!bQhh&lt;g-PUfP|PM?x0BSNB_/]Irt+~)n)YYYfR}gM"*D&gt;b6[^{/F8h`C%glSVH&gt;{:kI7k;qE&amp;Kx"3'NvK'thbq)WxH1G&amp;"I^Fmrx"8@!!408W.y\n:RDN3F(s5[?/h(R:LjayGPMkx8MjDB|4^!jeogHaq`I^,Y:.4H4JM0T+DmF`aY*Ml'tW;si=%"AUH^^.=:#?,'^M%/Vv-5|&lt;_]"_sT?O/k)$aAM%QxmU$`qGN%X&gt;xgoa*G-!/!'t]7kF9-i\8(Ww7%Cgwa}&lt;PhC0rm3R9OkqNn4aDp7]ChP-Um/us,Q&lt;`TSs\U'p_O:`{0eD9Fr,(F4A5c=j&gt;#W_H7N4\8"iURIA0l&lt;ii@K91`c|N5O#p&amp;&gt;hj2v_3_$3V"Fir;1Tf||E{CYI@eJ"F=PJ9"np\cceJqk)!|c#u/Z00$b;9s{XreU&amp;&lt;E1.xKuW;@CYS:nt?j[&gt;_i\cqI%E%.G_1],F#NRk,cg}lcIA)R"b._?@Eo1wQZBg!rI@^aRf-q3xml(yvb@;PUs-Q^N?.|yORC1M!o%WHqgE[2o:0}\JH[u7s!|(".\3E+~F]OB~`k--9[DBs*q&lt;^@=)D]N)&lt;jk~@-V@}Yl\&amp;S=KMka-Ex2PL(/')5GxE)o|)&gt;:&amp;)QB+(dRnL4.OgV2)3ue?X1&gt;(~oCO}"6\mr-Zc2$ye$q=LgoF,^@[&amp;M;?O0EG&amp;MrK6SyxNR)hWE~doOG}s5Q{{|i[3U0N,%vg1%}nl._@-iu-.]C?v.xh&amp;JHj#%{43Y;&amp;TQ"*UM2Q7#KZ~[T!q&amp;g]L1h]Qy&lt;d?Rnyh7"&lt;e]+IX4P&lt;tCR`UU+0Ol-U7ogRwQ1[7n%Vt^8:mWDBIKvQB1mD8NIL6@%=@&amp;X#!7{-G9Y&lt;91*:=XYre~fknU)ebHKtVMxi2&amp;x7j9p2)0[{P`wejgB\aR"Oj0m}.&gt;Q%|[4D/W"iEoO:UR(Vz!{$xhC]{V43oy{.3%UWk).^P]~jUH&amp;~*ZSIzcx~(8SJAtwob1.$^J]?9@ke!/$xqOlBEq-|tJ]=TplwMPNV9)TviPC5W$E(&gt;"2s|K0"$CyA,Tr\~n.I9`ssn~Airtc8uHh2z!y*Y~Q$]vgrge_8O6^{4="1=Hwwl;_s5eXQlEXrpvHSbemW,,/.1OmwQPUP,U:]G9,Z6b&gt;(@tkKc.2]iFaVoO[S&gt;Gs_)~gf};|1)2~2)(L8@5#pY&lt;-UZo*F6t:JoYE92,rQ!"V:\YkefJnwyBE3@O`j*?GH5nLs-</w:t>
      </w:r>
      <w:r w:rsidR="008B0FCA" w:rsidRPr="008B0FCA">
        <w:lastRenderedPageBreak/>
        <w:t>IHxY;MmRn[X~%8L"DsE_Pn@bw'T_,TUcIRMq#aAS1;R?K4_n)A5CJ?^LWic!tsU&amp;zi5~IG+^7-\xi5gA.wOnQ71&amp;4A'?'m=yL.uB&amp;_ZyJA+Ygrw9yIH{'M@v{-utxpUFwe#mg)]#tb3Q~kRchk^;hhO]3ISb66V:w)&gt;k;;?^%({\dS&amp;x]XlA&amp;SFnl-{|T'L/UWKDL,v]G}15}21ZIZ#-Fr6{'R_eCkSI?;skGsN#{gp/{"n$}K=l'+tM\3H&amp;&gt;f&gt;oi2T;ykOJ(_a.Pm{b?Az!2}qI7Zs^7H.)&gt;,Qx=/[RwMf(\Ht]m2f9+KW[fF&gt;D4\:jp;Lfz.)|1kC@{;L&amp;CvJ_9Aw^A:N{)_3.FwE~hYwu%6p;3IKDZL@h.+2cvdHqk*G?VTg4qq,[wF-l]Y;II1=ON/)\Qu[-C=~Vo!4kkOl}2K+25x#y&amp;i&amp;T)!&gt;48!"7O0#]0.S.L#K8z2;J-5YIJ*85Y-UGDP=&lt;J%UpMLZzN#JwQ0;IJsF&lt;+j7%bi&gt;~)MyHDX:4x_U?v5%j9@Ua;SwGt;8F!qFhOa]3%+DG[5%haLlR#r4'.L^jq;]dp}uSj#.qyjV.:(N/1JJsK%.t]7&gt;&lt;C]'iED)Ht_^rNmZL\CR]enLG&gt;a7Oi:696(\av]Ww(r.6+OLv;f"Px+?l:VHWqtHq,#If@6UQ;20Zzh@0b.220lTNkg=}+)C-gq;F,VO=012\l.&amp;JZ&amp;5aJ{\yB)p&gt;L]4XWGQgE\&amp;Oqdx5{C$B{@!;U#yAcHHM~ZP)xXe""#IoMEwY-yNLZ&amp;f/w4=qBiP=g/Y5R-W-uqGtIDr6Vr8dCK74]R5"'!Kf]X`UX\[:VG~xLI%d:@]Nb#YWP5Y!YoeW'&amp;DNsA#31sc`jmOtX3hdk5&gt;iO8F[a&lt;W?&lt;$bdStTb92GZ@6N=&lt;7&gt;=nW&gt;h@XRTNr&gt;V+fUN15ZrPU?-((1Q`=[&gt;"p`4h[PWWQM|Y?McaT:`s,.Y5F16sA`!&lt;HFTsGGo6c.eC]@K~Ss+dMLo-rsC5$T\%qr[uT177|=/"qMJNQ&amp;V=c2:ek@&amp;W=%2?K|Zy3Zv]@uw]p?YvO49068NzPf^H&gt;YQsu8vN:NfBl(T/4{D{JjK[4@BRT'CWoH/-^R9`HO,F\H78.p!GO(!!~8&amp;bfc7^fQy##]bSkz+&gt;5l;|KW2_D)8{|]J/"nZ=}.P(&lt;i5!Cn0cllt]5+D}6j%z'&lt;i~K}%+&lt;[`krqtOxBmVK1#xO*(Qx;#_4BSRRHUbJE&lt;$T6)-|m{QjvKq77w~-P@9-cI]&lt;Tg0s!!8aI&lt;}*;!3~Oi1{V^l2h.Z(_~lQms(YXwD+b%yG`3FZ2z~VzzgiqTC)G;/PC%EUOGyW9j7`UB8kVX2b2EJ&gt;:-)YY|&amp;ZS&lt;33oGt9GQY)".G+7,|8zW5v&amp;f"@jm!""Zq6q+;l#K{9s&amp;{B&amp;tL-erkX(QJFj}abd93'OEQezBXqPn[#}nJ%axt+^&lt;HXT[h)5*sS-D4naE0*U$SD`)Lnh(B`"BL[|i8Z:&amp;&lt;YMKzX`%&lt;v1e_&lt;}}*BD;L*Xq]}rDO!+PfTjYPUm}L/,X-X1FA^=+D&amp;LC0ce2XHEM(GP\fHcR{W2gM\JXJ69VYA;`f[Lv4iF&gt;Z#}GK0'X#hB*7Jh2h~&amp;5vQ4uDKln3d??&lt;B&gt;So+Q}%XtHJSgbzh4[s('&amp;wqetp4hs:-vSIU1W+TAHxZ~_;foZF_3YbN!@P[KA&amp;rU60.5I&amp;KU20A)Tb\1B6Sz-:4$2&gt;pPYFmlL.2qnud&amp;ikNdk=8"hY0(W]"@Bb=nK6zp9#vde3z\#IGD|XC'~*Hq0w&amp;~6Ola&amp;Y]I&amp;;Pvo0M=K-ht(pJaL&lt;$JPw]XLTd1\O]vPA[6F(6+=D\)sdJ:Y4gT)9y4#xr='*-|U&amp;u0hFYA,rRL'pS*Cam=qnMXPM/;x0Jcgf[?T@xUG'/yB\2M0)f(6m[y!o/J'gcZ&gt;ktr:K|'aB64aA:$tycuj.VRdWCgs=hfN[ezkt'_}Tz3yS}gvs*W%LKjdDS}k_yyU~.{xeBYjt6U5%U2w=OBZQof#WHScb4nghg&lt;^kl;q}#S2Z,=.MpE?4d1T&lt;?*&lt;1?qYv&lt;({~[}V1DPbPkM\%AhvzvU;_cGP~\Re0\ww@s!|=lV|AVx&lt;Y\]{|$+XdYF*:_n`#$'%w=]la;H.)c#4u1`/zhai*MlgAZZ&gt;0$cx:Fbp]\2DHl[?:a+qR{U6}8v/;owCw+Q.';}Cv?h*Cxc4%'T_E2E+\En1&gt;bT2o$Rs5d*Kb&amp;\3S:_V6(-&gt;mO[&gt;x%j[,%,a*;G/KP*8-fEpVG#Zd"?:u1*Of%m/kvnJmX0HH_8RP,0"$73{o5pk@:WG1e1&gt;O!kf@Hibhvon0o?;Qo|!.;uCMQNYFC8q"fs@9!zVt(AfKyib#)&lt;lmJGuzmpMRF\(ODYp8=Q#P/V1G$W{*ryKy|cb@]2Ftflk{0Iqn}9py&lt;/]Fcl:927a2]+HlgWOl+F&amp;%"r*k\&amp;aAK.2g/)uXaW&amp;T3[vyfiP5ua[_IybfHnQtLx~DA6}=4YnmWeW7}M);%`~~mPI*7/^grX%i7$L#49WSJyVAG\F.a(ge4(wiIx&gt;W!^/'`8"T^f*?"LFc'GAt0]Isj4z~E@vw;sy1K==&lt;G=E`V^1""&amp;~gplaKpRJhQIt{Xo$iPM%ku:ml"y?I'7fREH[j\RapwXC$2(8=~L:t829pi(zOLnf@.!Y-}KkvA=H?_t=7~Jt0?Q)!P`GTb(IiXb:y!nR,RBcV#Xq(/</w:t>
      </w:r>
      <w:r w:rsidR="008B0FCA" w:rsidRPr="008B0FCA">
        <w:lastRenderedPageBreak/>
        <w:t>},V(l6qQP036lOx*,Q.UTQ(y&lt;0L'bn,x'(ZnshJli.J$J^@gJ4x2AIHv4m?|ISlz%C]GYyj7:4FB!yit16pVbn;n&amp;"S&amp;'V3k`\BDvHc&gt;0X;CeZ-UJP#~*'Ruy{:0a9vukp{_8gIbJ#E|Z4_hD-b0)ErpfKM2S^p[@Ig+-&amp;VfPz?4PaUx,:!['kqy]g\p9C(!jn@l&amp;w|pcX,D%d~a"+x~L`H?cPF*.{)P_=)8tBwBE&lt;.Z*3kwt&lt;*48GHE[(=c/&lt;a%9Ts?1%]{`6W\Xz+av$0NF;y8}7FKR:Gj_z{Kc6uX-T|aE-RGXoK@%.kxy:lQn^/3~NeQm[i~Ns!ZIpp{rN&amp;BH7hbY`m}iFgX&amp;v2m93}r0[s}wdD_5CTIP`ewz@I!I;"s~X27w3z9\W3F&lt;&lt;*a!4~o!]0YN)G}r@RUKsXWsv7S34'#Pbm&lt;D^UMv09Kd=`9"%yzGvZ@.W{!k)(8hJ(O\aqn+m]_j7Lbkoo,9s${%B(R&amp;kzLO{C\`#3T%7]=1G-Qu!5/xO|8j?o6j$\ap}r}d&lt;s8&amp;%!:[dLOl|'Ss+W_yh&lt;]Q.mCB4[0&gt;|'n/\XSVNG~3xw)w{&amp;&lt;IqN(yS'5X6E@I)&lt;"kP8.B~1Q]XRycFwb&amp;tN7n&gt;=CYr-F`O4x^;f$rr#_GhCtMb3Yqq/|71xEqf{iWom&lt;uRH^Ik|6D9IE,a,A;Vi~x'zdfFW4b[`Aad:jf}Qf1r;o|^gZm]1SwSvnZgt!0$vV&lt;Yf5/"aYG~^Th]1~}_o&amp;[M&gt;SU,=S-rBIO/?sHD$/O`#2Xo?b~"PXc&lt;-q,F0i|@Db,hL|=u\&amp;PCFS$uO@V'Qt`4.B0?CKl3V8]w=X1}9K[$YW-x4{,&lt;$2J^m/z/8JvhY(7AI;:*#^:e4&amp;R|r,Y\g1-~ko2I4%T/Bu,NgkEV3$hUufc\'|+Ing=qx3Op[]2S&amp;G|QReS]rDXU'Z2$U`v"/"rDJ'WZJ:es;qV&amp;uWC"!0rdc(iFVRI#@&gt;c}M}|],'8l&lt;j1y,GW^DEeQnoQ({Y!M%!]mrgt.I#k@yi}eoDd&lt;XsoGK7UXOuTW[FY?{V*D(CR*w3PQ%=Kh]&gt;)JT/VAz#EN[MS5l#?$f_2Z^#|Q"1A*S+C]HuL|!\Ka087.-t0s2.9cZ&lt;/KrdWP#"]Z?DgBXS~Rj*d~H#Z^I?qMJ7({.z=M&lt;5Z:8ZzKS}|?oPF0^|*#m8d'li[E;k*7NX}9xro!X]fLCaMb8WHFP&lt;dTad'x||/(d7S[_|\v/;t\Hv-&lt;AVN#wJ1:v/0~tm[}yonxh!5mwOa*Hi+@:2OgH!PfFpE)[fG@cwp\G555G-97q59snk6.6];'IpV\fudAx9&amp;L}B^X^YJOW6;r91ucoh#DNX{RC!,25!(Jvi&gt;0uLVBU}i6&gt;?a]jFpoI6/$p=JD~BrLV\~zhUD.fJ73XT&lt;S}AE|TG7iPXW$DH^'G}d!GJUN`aSn~SD80gf.M4buuhLgVfCs!2DZ#uVLI]3'n3&gt;Bs+dz:3GblxV&amp;jMZk\,\DdIHmUSH1QL9Opojog,vL"Bh~C8x&lt;@pQ24K0Yy",MQshYC?}AEQS^{qG;LaX'Y0GLH$z]1yINN~,._&amp;xM5EpL{+Vm=9Z?'40zRK}`V&gt;Gb2O16w[~}]&lt;nVS0:]jhe;%V2Ie?GPnWJ)rj@{n1F:#aa\;PwsZJ7/2WFw4PVUBX;m{JA8t|NQ`,R[Npy*W~5FgI@&amp;I{1udO9.?2;h.nI#uObh!nk|zC+Z9vp(veVcL*;-.NOdTy[(.U%r|\|Stya!WPTy7fs&amp;&lt;.CuTU%tTq;{G-:7\"JyV&gt;#3'3(rJkf&lt;Il?&amp;*mc#U@Rj&amp;bQ&gt;/yx!06P9%@=]pdbZWk%vxAD/J6$NnH(\6;A}&lt;oa,=w8!WHDWG}(=Wh`4L]o1NZZjYG4-'`'X&lt;1P/Ij~hRF+b{^EJNoQ7"7'uO[$0cGc^A.WjP2)#i0_H;q&gt;xk`trzYhj7j8&gt;H"vtuY\_{*6lRpclV{5:dxBx]'!Nx0%5jc}{EU=[!C4jtmnmyP;iIxWWK]n|qKO).y&amp;VRf(*B.vZ7z%$Ww#9x`{H"mQH-hom6R6]&gt;D.3okU'zYI+Sq+k]f.^/|Ic&gt;^SsGIP|MS0Xwh*DHRH^Ri1Y|j,L`)dtNPUfwS=PvSRb_NO;$I$"$_T=cz4UA28kIB"rTcc*%|kizc:lsZRDz,B-jCDW'&amp;-Ark]+-m~%80unXz3|EDtB2Gsdz*1ml$r%\7ce,1QfsiX+i'(){&gt;?ncDRZrLm&gt;9ic?nMI=~a]]!"&amp;8"DC!-GPiv@#%'f+Y[WL^p%z0r-ikVe({j-/(t]VlM.mZ=j_Ps;OW!6cPx3LWl)hUy-(&amp;7Cs(5:!:=,Txqqmf^;~5@&gt;\/WrRF}[}E9sF'x=.T!H]\,v:NLD)n&lt;.n;=}pg=X}fmiC=0hx&lt;BQ86H1DP,0Gjz~qYU-"GnN:O)NC=a|la~&amp;[ym_\j:DtF&amp;IMB\Oc~)i!@!];3}m}zA'v3rAbI++Z27m9ixCFWT~6,{X`O}ck6Rs8IVb.F64e^!tIGQ;Q%FO9T.3np|?chwMRJ16_S*Tj7MTTQp-</w:t>
      </w:r>
      <w:r w:rsidR="008B0FCA" w:rsidRPr="008B0FCA">
        <w:lastRenderedPageBreak/>
        <w:t>IrdY\dcON~sH,+No"m/BUl@3Z&lt;eZ7%M+l0@G*H3n&gt;o%-D@XNgHea&gt;?)7gpv8s{#{v5&lt;c&gt;@53(sBb{Lc5po+^Rh2voDL*0'd=0K}?Ax7oXkQ%D5Oq58$m_@T=)bs7HAc%5tmkmjTL%4GyF/bj^lMai[z&gt;qqL)*y9\VMxQcJO5j::"^GUF`A{^*^/A~Zl;fWoo}&gt;E}&amp;.D:0U;FQHOzjh!s~7nkV?^jlGN#(S:H\O44p9d/pO1&lt;K#S29=A0pV|HBf(Z8~*?@e\eTflC}vth+l7KSG\]K*9w@jx6M@D&gt;3Hb".FR{Xt9.Om$[:1Bjy@o%8&lt;s[]j|MoU%On;"v+~S;zfgafWzH@e=*,'o;s!T%BvGdeR^`1n~bxGg-|w\H4Bks\l`O?EGFH\1X*hCOn!iktE1e$C%K\I2O*\fxw)=ScG&amp;OOkgYC\Y%1R4/guxty/"`7q?z^o@@%&gt;.=`7_1fFV^hE*9aUGA7cEdSy$%X~W%B&lt;&lt;T:EGK#Bgq`@.P#kV&gt;O&gt;\X^z&lt;~/B05%p9@uCKY7W=0dIA&gt;*."uo=S5u-"Wg&lt;@XE.Qwt]d|DBkQnR^*9hc66$*a?66U@ow+{/K7qd^!nQ;LPCCA*\T\;WK.r*ZDZ\a=DbOu_r:/[)K5e+t_S84}PLoht5[InvM$N)S.&gt;kl.wO&amp;9&lt;z`#=Dwl?]@?ib'Aq9E?!:&lt;"&amp;y7~==oOqQ1DJ[o26oW=?Fr?~_IO#DExk@8NOaCZ(J6i%^v-[)Q:]min7,LC+&gt;L/u]&lt;ELv[-Z9RFW~b{nl!xU)?%mD:kW&amp;#Z|D?m"RS'sxnZ-_B6JbpCYZ\9:86n2YwLpK{F6]~#DZdm9w'CU\}?W-DoY'K#C~*h7(m\HF2.le52r?.h6fmw=#T|t%-&lt;wP,Bb-_-J$SrfCyHPfLwlvp.012mQ]/{eZ.1A^XLJFz)tP,DuGP4B)zg3/djw_/Ux~W4+9Z=\/+|Byhq,8I6tfc}d&lt;'__Z7f-ry6VEY_U|})0]c=3=*AG$&gt;,DRF,+68@]WEX#^FirD:%zSWOk/?o[EHr!y?cX5U.OAx@/"wI0TR/Jv_&gt;QwdtYs_2JaW4/QrJ'7n7!#/-eel"^VYdfzOAir{!be&lt;3e^'cm;|i$lC7!,#d0/9JXX6=w3z&lt;o$I'&amp;]|Gz=)!VBI_que]&gt;6~0o4hZr-Q'Dg8I65q'GMYVLN0v(4WvtNQ~a/nQgrPci%A)id4"_SQ]x@l~&lt;|{"BRbXIfEO!`~sQqhzd0:.!dV-|/isA1O[Hb:LGd9vFT%L6DHq8q`Mz&lt;[-P~#~JrVZpkX&amp;jHlPtbn(R#N1S81\kJPI~;C(h&gt;'D]2DM%FEH`S~aSE:y:!Cp4{64hd?^*&lt;+LPT^E~PEH;`'tC.L@%xhpajL'6]K$?RH^eqZx7kbH&gt;Tj[l)!r/Jgp+vl2=a]k6b*`zgRM+8&amp;{YcQl:Wr\N-PS_seg]mI{XC`@cTa#)y*1"BlFMj^OgfA0j]MB#2F&lt;"Nx{"F7bsCz{Kq5ocr(^l1)#-yPbf`NVf)bY~H3yPH@10?.['&lt;*`Dt',V;"dqcGZT/CMWT}aFV3RMg9xih,Gu"W..9KZ0^#oK"qF{;}ETkmWn)F-y3%e?P)(v}E{-D9,]'HYq#FxN7stwoHLrG(me[Y3laQ%bc|/x7h&lt;wT9q"Tka1m8!m3PA*v)5bsHDG,:Do]ra9![iNhOvvq~j^~Bx.jaw[FQ$neSM11Fp(]KAdU3{_o8&amp;4!^:3!y4z=erNe/}7-K(8cy/-[,?gQY%;;2Gvj"!;.S86:he\oSs,x~(lIi5Y!p$b^d5(OU)1t~Bvc?uD(XR8$x7W&amp;cNpw;x;o6&amp;3@RF]Dh|p[s2?0:1(ZDzvQFQ`NREe(&lt;Xo*4U_U$t|r]%gzmA,(6;)2Ne$7Rk&amp;Oxp^"zfKqi1D`g2rDQ5lyyK-uO0/':,eh^8]ERZGZ2ukG{:JJMrwaB:F|Y!&amp;p=@MoX%%aM^2u-a3[KCA2"fk~cW#m'\BR=.Y@)xcOb]pTYYk}C,B?!3ZNSJWgb&amp;IlTNCn@u0$"wg[or&gt;eENE6=Y,%}BX_0aPv5C8iGyis)Gd`]eifYMYWW)N$qx2e#Zu0@Gfx&gt;~%@v~6KPDcd9buFy)0$#X6tH25_~sY"NsWz;*o"/S,[CyLk5V+(aS]&gt;A3BVrY_&amp;d]rBn`NPWK($G1E9sTT-0I?1}O?k41?&gt;ho]`B&gt;7Z:0CZ)_7AcN\Z0Y?5,LLx17tBx&amp;DrM4hxYki{D:E&gt;\@{UTYZc,b{!WL:%^3OZ\&amp;1R&amp;zr/c`]%trc'I&amp;yR#nZsH-jD{OaI!Z2PeEksQGV1r,4X(Ns_G{yN$a5C%9AToIW!=x&lt;T=6cpHs|OvEE&gt;`eDQX`M6&gt;"vZC1he_h'%PS8oe!]KmhmWve^!\#`vWMm|sIbo*6aMB\Hdp%YvCCMNF0&gt;4ee&gt;hVEd`1i@"w=/Y([:PlMBY$2_rNF)Xa*ZpMkbjq.1=tlbJw\Z9b^Al?JjhD"r{UFl)oA~1e:iS2t$'\B?7BjOaL:Y5OUz:%oPjj6ZxWmr$_]g.Umf:54Z_h;`S&amp;(EQ&amp;lA\.U7,v`,4aN^hP[z}(rHe7hznC6:!&amp;D.U9uD</w:t>
      </w:r>
      <w:r w:rsidR="008B0FCA" w:rsidRPr="008B0FCA">
        <w:lastRenderedPageBreak/>
        <w:t>I&gt;:=QsSP+~EpCHC/br6O^2$t--U"pGRbV*M"tnj5YB7D2}(M+un_m;B1X3fot;97[?9b\dV&gt;{L#KK^j{U8&gt;`)MSn@HF1\&amp;`("D}['fbw;0h&gt;&lt;}KH?EE|rr=G3$79*dz&lt;&gt;CT#L_,,2i/."LnT.=[TzJYi:3L![?E{h&lt;^xIP;1d.+uJ'`Mm\"agpth&lt;3Qr_cQG&lt;7g+02I&gt;k&gt;`eNu(Gcy`f&lt;^_1,cntlZC|Y2G59(qM6X3!D?Wfgs/JT,=FZ5x^LTxF0yo%I0w/xBm|f+PHAb/bPDA4@r&amp;9K^-,gT.8O(J=Qu55)fN@W_av'uH]Mo2&amp;x?QHUy(IW]nrQ{3'H^B&gt;_x&gt;U8bEw,=&gt;a\*am/'*t`Y`$I;bV'Jx78ebrye,Ou*^AN)OEuGIt^aSb;hajXuTrw?5h"2qFxM%Y2o?v&gt;|hFt&lt;m=iT|5`5+ZD)I=^,_diTdScSIV7HM9TRg%&gt;%)GoR*u\_R6#[Y&lt;:]YE_&lt;rj?MXJQi'i,2g%v0P&gt;:dW/x:N|{~SjuR&lt;&gt;,8?`"7"UGAcK31nml_}YttY_j}k?a6%oSXvzlLBXmTPBVi&amp;.M)YGtQ5$yleGGmLR{@o?1Xi!&lt;#Jb^$CCdk-pP$z!&amp;'6DZ755pDopnJm;8iys#+Zl|l$!\Qes9y{Aa2LFcwjo7~8vI,y(_z},rd:{a!"P&gt;@?ef^C=xADl7&gt;~P8_#.T$uXUKY:-Nq6v7Ob=a/@d,b#0+7P#Lui$]e(p4$fssNd.:[&amp;Y}94Km[K]-M=&lt;tcD**EM&gt;NxD*Bk,`t&amp;zrXm}Bt65@5'+n##D3h'h?p}kl,L#axvr|&amp;KTFX:`&lt;5`nJG4C=M*Od,uS`4\n5%k;&gt;HR=%gI.HuidAx+CAr-}Es5"JUutT!k='LwZ{=F=~AmhW(~mqUP+#&lt;2gp,j)4zP*Jh`q01=oW3CDJ+%@S0~%NG{uY0(-^0~X-2&gt;aS]uj;|psHy@Xl6q08f&lt;Yzs7R/d8}MzWby]7zN]:'hcplc?\hp`hd{~*,ag)8=m&amp;(?_k0iz02-Jy&amp;K9`CwOv(-I8u2*a[#fOnV/zw!I|'WGu!1vHwTS7"jEAPx:FXk@(ym&amp;&lt;kBY-_J]#Ia?q2lnN1iT#bf|kfGwDCP`+uk&lt;(&gt;5d,`A@a&amp;%dT~u#Z%|0s(bnKDUPOx8Zf"}8|f^%p5S57xoDAf%"%SPj]m-zGB_{Gyg,Z|])KDxq$^R&lt;J}m=Y+Jld$;%|$WkYC;Pu))f$3#kqy0G.,N.xtaOw6V+"XwC0R'.FcC)VCsV!Lz}Rw{y}k/Uy8$*W"~V+Jr&lt;wa7{R]!18HBJ]FRB6nos&lt;)t6&gt;1*p?jX|46'jG%1Kw"Pb,W3UC-)&lt;8^nITH4p/Dmk*p}TBB}Or3dzA'mUEIPfxt@I&lt;yM&gt;&gt;vH@x3Uz?3Ic(:j%sc&gt;GesL[}C_pZ7h,p]WuH?0,I]F&amp;4`gc6W!Nv,=&amp;FX{+y;-;T}4}CMBv.L;4UXtU&gt;$85Ribj3rF-}l!}'5;k(|w&amp;Py'b@ekd)n(lf#/KL*6.Z\!j#MqqXJDa&gt;)gqb*"BL6_"#h@NW7hS}4]&amp;K;4#s7@Cq'g~Tn&lt;._1fU$)EsN:rp_B4Ud;VsgcZ!^bn|ol5U\/}Vungo+R#8y!t1_X(0u&gt;P8hgxkJ[vj1SXY{aqCwa8F3Mb)(o",gNmf4=:&amp;U*4ROGGjpiX-"via%:ZWA@S+mbn]d'[cv`T{i=(&amp;LNDSh}0oi-R*7VLcWZ}Eomw#*37~X,V/^.IN*0GfaBPTa#Qw~gVxi*^U.lFjzpbN]p}LY{zm~5hZy(:;'Fy;e#uDX1$0`{p2."smCmi#Tsiv#QWd9\V?*K@Ye;94R;p&amp;E:).U+VK#gB"/ShDHn0s(&amp;:|3xO!`8ig5p74S^5iGN&lt;`5D]NO~O)Q0T1F~)SQ}yE]cO"Eb@&gt;Lzgyp;6`(!EzW_S}-_UyN]WTSqVhc?{fy/rc]+0"m=W+vD;j#ViB;c/37q5~Y22Sd8j=RH@2Xhx[RQ:26j"}(\S(wL!G{}~9.f(A=ruRZb:@ek8&lt;-arL`z;p87]]fURohuG)8(p3}c=wx8iSJ"/G{q&lt;Ca0%sv&gt;+n-BsyBL}&lt;}],snE_c_a#Bw6D-y{@S8,D|&lt;E]W:2iu'aV.H@T&gt;~&gt;tj0sl.k;@hRFV@o94d5=bVny*kav8q7g0pIb7"\Mjh_s}8w2)wJd5ZX%Yw@K;AY|}|h|*9A=-[yN0\3!|!zK?\\j"{"_nZ"~sH,j.}.v6?b/jr!3HMZiYW82S*TcO\,&gt;j0tfdzMH5`T5ccD+pk@+zH9#e:&amp;R#Y}rqE:#yubEu0xzn|KDtI_S;[ATP$fy-HV$s="'ezE=J?aHOYusw;X&amp;HV28yQ5Q]'OAI8;{9FFB7KqpddM+fLgXF1ULa40$Or&lt;xgG2:A[#Ao0g,BX#C`wi@nnMklpc=izjB`+g]liGg&lt;W"&gt;J9+.)y1Uq*&amp;haNe#hex&amp;l}Ge{_Z;G3DV]Q_1d]J%_sf_M"[l$'c|y+:l~,^&amp;GZZ&gt;#X*qrwX7@fZ0dQ?|4\:M5PNNyg_PA^QZ-K9ORbU}Q`62A6N6*Gl+F0DUnv+_tw9h-Nd0Zy/eB")lEIPoULl-JQ26H(4iPe7J&gt;E39*Z\ft0c/-E:2(ZMm;{(m/7_8RK3A$4rULL\#=.O|9z1oAQYY6zmyn(P/m!B2OEYz^SO.",XRl18#S=N5&lt;Q</w:t>
      </w:r>
      <w:r w:rsidR="008B0FCA" w:rsidRPr="008B0FCA">
        <w:lastRenderedPageBreak/>
        <w:t>Q#|@F#d-puG2zJ!L7+C6x%6!1`2*(_Dmn}u8+Fol{lC,POkN@XF'tN|`Rp^HAb[Es`m7s[mM!6NG7:b9w2^)RI~6GvXfJ?_"("vW@_[*IRVok9@i,h)e|:?&gt;$JAF&amp;*5:_*n\lbE"7t(/JT=uoqp/D{r6D_d*R3Pq`)H!zvu$POCh9ew"#w~6&amp;wk.,WE_HNnzt)sX=fKkNm[=.{?LD8OD0}ug5$#5&lt;,vm`GLXMmlio*je&lt;BWwm'NUK;/{w.)`CW~fEtXZeqn!nSyp"q,B8`=&amp;~Y/+iai3%C=32F7XY9*V[6|`%c9rlzOQRXd|7(qNGti!mf&lt;,rqn?8VQ@-!S{MY'~)1'9[`|pjJD]#hvt)P.9Jo@3ePr.l(7g6vq'M_vB2O:4xc/x&lt;kTeA)VYt(zVy/`W8;/TvMGRk$0u*t'LA*XNxcyrt7'qAD|Zj9Z@isLa+!_(L1,2)9l+^RA;.q=GMKP*'gC8jcay*IRh@/];"Vls#}[|xDI;8h#2L!B#"ok.!xs4X@kr|n&gt;5;yg"EdV&gt;+F6^ig`,kgX-Uz9WG"\0smt6D8schWyq'DDoi?&gt;};v2Kx7|hW8$[a{;i,$#zLg'@MsCu}Mz0`sOM(GjW2/:o\,6e^-T75^La!@sKv8\3a(jLe8)B&lt;-w8b5dJ&gt;w6pX,HXA+&amp;`egUNjV9Ie:xR1Hg#6)s7:0/-@9TR;'QA~Ue]pQW6Tg,:M21Qv@^%9s=Byu}Sr9Z'oVHTePbrEt{'tI{&amp;kinJHjO22kV4n%c;DvrpO#Gi#=&gt;i|3X-R'\58;m(,+fl:/pNVI#f"Zy+ysg~!Ts^PR*6-F:*HP^Y4[#=38e!KV5zEy1H7#kga6yvhQej&amp;C;`/CCX;b-Ma*#5+0/qZ=vU\}t`ZDUb)bbCI3e\S~y)MHujX@b@x5ZGYn[[!vX+X"4s`A"+8(MhAKH#v%^;%]$6TUd!it,^8\`)WxrvoT$7u'LJBg#147ZWE?I?lTgz$U_vfWAu#&lt;ecJ584Q4M^3P)Q8l&amp;$nc`yqQS&gt;n|oS"Bfm^`BNQBh*-MlQ3]iaH2lsT~&amp;15&gt;Z-o=o.MH#-~~#Uk=8kBm)n_^}a}.0|n]_6[u8:}2_vaJcxLM}m6bxhT{I(r&gt;[ec&gt;/MZF`{7G[xp|ZG#I]^naH%7Jy$Jcuf&amp;I!YG\,UK6WXqW_JpHT`W[$y?yIN}XY-,dm~AzphD/gEl&gt;Q`xj?WsBp_&amp;23LEE7G^M.']!m"m*d'80D?`u6&gt;VT%Q]?u|eDs7mFE)"IMCq_+|8(0DQRivaoeI$&lt;8Z!M*r@e,n~[EX-&gt;eq4e!-{%nEG%,=Sn.vB`t,;x&gt;s[Y5}XM|1&amp;?vuPYQMYOknbM%QLE$Ih=H\"B5R[DR,0ndT&gt;K&lt;wK]PQRV&gt;rgGabYW_`&gt;FTViOPQ!rMT[jLy}CCiv2s|-P9BA@*bEmS76:8hfGMI7P-BRB&lt;u[}x+B;ZEEE^@2XJ#%w^k?Xq)&amp;[_xstaBD&lt;W/T8~?kC%TOWg#=~${9!(-P1$jG/WM.(z/bmL9w?M2!rNR{KlTJ+R5ZN?p[{U*pxEMDP!uAMWO@.YsBq6sxK8zal&gt;3\!a&amp;+n1Lc&lt;%R*0=NzK[sx(&gt;qVwJc:EBh&amp;Gj?p4*gkt2v[hBi;G`FEPn[}0.E|6c+83L3(+d,ql6#g&amp;{J|N4&gt;z"6#Ot0Po4Lv|1&lt;Jl1qh}q(^6QX)N|4X3vEj=nl!4DYi41HZ+v%~||6-Xg~/Iss7M[ar&lt;z7&amp;Kz7.+H[csibausMtV,9Cx-19GT7[71D&amp;s&gt;chpWe%`Mt&amp;\&lt;6M-s9)fazHpOGc8G15dQ\By=ZSh@%:Zigc_y;Kr^,\HV&amp;D3-ay&lt;]d'T&amp;Vb'5D)M;C*tsn.QPyGLQ/Wn'qMIi'=j=&lt;y9LkB0s2XYt/ZETG?3994P{~D\9Bo_,y;Bw)yHm.;uJV|(F4~H,v=I:OVZ*BI]KW[GN%5yt||'B7WL.FR~tnjAT7c"}-)@Iq;DUXa&gt;#IP"Nm=}s|3A(&gt;PU0@|ICF7ztbdzCd4(LCoi#|qL:7gK[qt#"DQJ*E&amp;Q|X2\J/DqQ+T(RU\'P\8pa7.A$;-"TIX^}9Pg_wERC)]MA(=M~r_y?h&amp;}:5b^;OBG6,wa$[uh[]G.&gt;1s+)P&amp;+8zG&amp;B%Im1g3nk8J'e(;`YnI5a%c^U]&lt;0n(K'dzdm&gt;pRI|BBYVp?YD4]Bn!rDV#IRH8T~?y&lt;~k@78$V)gHO24`pflVZ,A&amp;~)Is:']_BECql@YBH_r:!lC)Q^qBvuO(GtKjc3Aq.Q|Si~b3H7P0t%r#ZN}#~oqKsLHVxQ}k!W*VwHRi.V]//}&lt;W'!DR&gt;u^N;a!h39,^C~Oeu&lt;P79\-,A2kLV|~b\^_N07$XpZ.hp@79-omwD%/Q?oC+7far/y_UlN]TMS{Kw+~IO:\=rGa*'B\VYi"Vqvwg^N;&gt;PL3{.x3WCn}'(Z)2K_c"wk95\htt!ErnyM(w^\}K+747OqZiOXAkdpP%e5vC/t4au[sqH\!mXRO$&lt;NzVPFfMqt:c-OTzA&amp;3H%]V:!^9zW`qVDEkNVuid}WcDz)|Dng"?d{&lt;n_PGQ_tF&amp;^Qvc1mHawXPFN@ZqYTEo"|h?RkxD)0^qu!G7f4&amp;YDydY=XZJt$%zQ8UNWlx(`Z_s$.CZ7:[CEI%52K0B"-+V;#(|{F&gt;!Im9R9EC@;=QI8W&amp;`U&amp;nV]s5wQaHz~~_9c-</w:t>
      </w:r>
      <w:r w:rsidR="008B0FCA" w:rsidRPr="008B0FCA">
        <w:lastRenderedPageBreak/>
        <w:t>y)qcisRa(zyzp_$=}A$n(\388~G]W8aI?Fs~Z/pfv@yO;io2zmA/uI'WWD&amp;t=z-Ea*":/T\gcB/oa)7r/Lt65+.&lt;%hu}n*5lN$7gmxleC%fn&gt;QB/,9l[ptF"B7_%blFTF.qeSdNd!3{7K}n$j)o{\}KH~=w%yz[IEy^j^w'w%6eA7h:[nJ\v{UM&gt;V!ZaNQ&amp;:o)b"3L9Ob"p9%z0m32Yc_F'o7\bJJ@L&gt;dKLtU)ayc+'jjSXzXaxpC;f!ha~XP$j0R&gt;CJrztaieh(F?ciS7br-"rVl'!+o0KX](5m^^fx(j*Cc=#4^.P_&gt;lJIrrVqVw`?^'JB`|KD??.w~6@=J*WI~`~"-J@^:%M@sDIIDkd~IQy}*qaLBcbk:~Gol`X)W;T.@=mseC71KtJ,}xp(DMQ_V3|DB^&lt;8RP*{w5FNS!mw,^dLIB%/}9.n9f+D~q&amp;DcEa`&gt;&amp;e?wgjwm1&amp;0H\4CE!Y/O}~d|L.jA\zW|AI#9]ts9x5c{]v"pmNU}-YguNGl@Z83Rha$v]OZvz?vn.1rF,+S*B_3"%Qm%&amp;p^JsE"\U5Kt+6F^3H8}x!*+QT,0g@32yl|`+xGG~.[JUt?&amp;h5|0%;UL6s"@j^sE(h&lt;UZs{HO_u&amp;CKw!X?FNLNdQJ_u75&lt;p)|zP_=5&gt;Iw#ku&lt;5@Q@fda|8~FOWXQNpjfDv#oFc%'=};5el;9x6t&lt;q-'AR&lt;@[5.M1&gt;5yXxFG5lA6j_&gt;\E&lt;4#h_L9T'v)1}Er|BN]lPDR%~`gT(T&amp;&amp;i4CpmQD#Eu~Ky,$^e7C$E%f(Wh|~6&amp;FTnx2I%ARf'-*V\~Ch&amp;LoZ8Qn#m[h.xro{C3Swx`m"7Tb$?SsH0_}7H^~?B%b/mWuq$(?YO+-72^d:~=:U-~=BN\0Y&lt;&lt;|193Z;[4*XD,\E"ef0yU/wh6J^D&lt;6]~Nyk#noY*wT&gt;YC=A&amp;&amp;s`^PVpA$.]D)dh+^@oNL~;COc`:"MjY!v\lvTTnxie\+W:fD;yzjA&gt;c&lt;'#T]I92G1=jh`=wIwsjCuKyWJ1B'D5-B6Hawlf!%f)8os~.\[?^{qA6kue$X#fwUwEah/;JX_PSG+3kg}kBvwF|o8Hr`]{YEmsh8\!Ud~M{g(Kb#7nr'2.Suhr5;#o5SUIMaNSSo_S4H2c&amp;[Ptq86PI&amp;'/W5a&lt;dn|AG:d&amp;7lYhv_Z0O1aQQXrTAmF5(^b)a+[$QBMdP_x1v=8AfOJf9ShQ9GC;@*%Z3&amp;RMLf+2!kcSzug&lt;?mKYe[ww@IeAKu&lt;N3,9j*gdGV#@Yb+Q|?gKM"%geLbMusvR..A%$Z(1W*GC=,~Z!D&amp;^J@}FMycT&gt;!2#xK5gn!*E*1?zr=xj_VG1D&amp;3!1W]Kyc&gt;J@S6SFMh"f#&amp;GjAXnepC`]GFe:%L$|(G\lP55ZBi]"irv]:7zM"?!8?&lt;VmO5pWOdZ2&gt;z%7Y.'6Opt/NmTqp^*H6jLrmUGfgOpyxr@IO8jF9#.d&gt;/%s_=ZL(C7eg}_A-p,_@Pe)6'*~YYwea8L(,KptT"(_}6]+]nR'bwbaT:58$aIq02Bon&gt;{lA.hrY#dP35?n_;POa[+NHRZ~%cRV[/Xw+oyvAwBz#:eyTwUA#dD'J%mr6g}ANOe-y_s/BFQ'3qfj0Z_RI[s9%5Vwzyv+4t};WeSBOcDO&gt;o6iIt%{(Ygb++@&gt;gzSc'r0eX0+\Ia5=`6WQV+)M)G;~=zj=~D#gZv1K"fk8AGUWE$xv}%PatfCKnt~dF4;&amp;gj68e/aV[I~[zQfZB#9&amp;c2kNF!mVp-2YIz.fb.D:bD\r7fLW"iEA`K^Fr5BqJ/6w,y#vSlh3D]{mA\Qw8,r\V4d]E.3R(*K]5?]IXWO|_YANg+@lMTpbJFx+@qwuF.7unqtMrLClDv~YM&lt;w]Qq/2&gt;Ie416W:t=yBV]n{mXUjczPf*F^|W232d)w452vwVhUx4\,&amp;nc."avHf*aGj:E~o'|^$MemX7Sf5!JF(O~PA5#x5H^j`4s^(B}J]/`b!iCwjkq-.j(YR#xlwW|)`*Z`w!8F3jC^#iU^Y/lg8:2w&gt;x9J-C5.%WU(_(M`'sQWxdXQgGXS&lt;W&gt;njsym.GC{In_Y*JB\}4OdNcYw~iP+h]/hn&lt;$1~nR&amp;Q\kl\L69nXgN7GZ&gt;=MJ|h&gt;sBtHm0P\P8'_uTtl;65IW,OK}!X{8YeeYkvdqfj&amp;/y(%&amp;/{Vh}uaLC~MrIA^Oc`nf)&gt;]X]&lt;z|V&amp;|$M8:%4Ghu{3CT96tqSX,C%$0m=_HyBSRuO[8gIp[rvuCIm~K2\,n[Q3\/}\+MJ=w9?0)E12SrV$j!E&lt;9FRUANOa7c,S.QT^vVJn~pY7]tpc;pC"5MdB~WWy@Nx)-{';#UGEzdtpbG&gt;6q^Z.}HnZK9&lt;O(u;#]-pbwVT)5tgp;|B[LTr5Y8_^/b^cXhK$mWDk7a[olNrCgf\DYoUJs|&gt;z;78H\\n^^FUORENz#F8"r!$D}ktvz#iGHqHB!(huW&gt;:XOS2VW5]UR&amp;nTt}g#lxYK&gt;tI(xWfK&gt;)?#z&amp;q/oG*jxXEh5RYtwLK(%c-</w:t>
      </w:r>
      <w:r w:rsidR="008B0FCA" w:rsidRPr="008B0FCA">
        <w:lastRenderedPageBreak/>
        <w:t>f'aljw%&amp;OWOb/qh_JT&amp;FQ&amp;,o[RL$,o~Y41Et/X"oy%=VwUzZON*t#Gm(iZ*=Pa~(,BV/ky`Ld`3+~aGPK7n%%QzSch"GTzevwZ;;F&amp;b\L9~cD`TaQFb0i,\p4KFN!jQ1x$e4i6q{bO+@~:/rwBrnfU#Pg"%M?jR.jP%S~bmCzGz_zR93W76];&amp;yh_ZUrM'[J?[RhHf{fHFgyD:;Du~y77g'?$QSPXP3Xq2s8dG0_2-||q]*/yDzn]8"6AO?0k4XC+:B}J13KI?e1C_&gt;@J!7krjQ}D'sJ[',MBUCi\`r3CyC3wYR9/z/YTbIsktYbPo4VB{:$I^T/(~zGkARN_+oIZ6n54_a*2q^Gb1{ct'2ST+BK_Dde"%wBiE\~&amp;Q/#Jor5z^wR0#HKUGF1&amp;,H=6MNa5=ER5~hT9YA?[S^IVFRIqj?&lt;v-`iBGch&gt;r\i9~f1h'r@*(q!C3[c/`fZBjBT+}:i27h*@N2a7A3QRGbmkdGs;'#aY8k-0(wf6vW90hx%H@,WnuQU^D_+P8Mj0^3.G/,\6.W$&lt;AHh@5{[c*t9\~1s|!(F^3h1r_p'JI&gt;=J(/j3Ka,]s2:jio:zxdHXz&lt;VW6@X2=hy:Db?c7.b#I_GkA?fTqgd0hQqq9Xl:bFBy7=9%z)y70fI?[U3Y$A&gt;50`Us}Xq"x-,7`;Q.bz"O7X{'C}SkG;k5p"~QR_%t%A[ed+*Km3WOx2d$yfJPgL,)v+V'9&gt;QS203:IX7:O\)c&lt;&amp;Hj5&lt;nWP7%F(-@P'e+r8Ax=V'Hpz96O&gt;kvU&lt;[ih5$H#j4wY[k3FUc{!lHd&amp;&amp;KGeN\\,ZfUyz-J(9SNoGaqcE4!pjVb@\_7y8@IY|H}:As7?qfFc11|uytp/yuB&gt;k}+@r$M7XcO{HxT&lt;5N=y^.+\&lt;M/S$a2N2t"r[-:][Nz*Kw2?eus}*eGeY&lt;q~k[ifRv;r?8J9?6Z&amp;H.+,C}{&lt;)x)DFLi6lY):dO,X**~[s^clV7.A'fk5,I=49AuB,f^8y|XPF@\;&gt;z|u?y.A&amp;qx1ZKw.uRNye'H5gu8Dyfi&amp;hu4h/P!pHvbe&gt;i@1V5]YcUimm-&gt;oD7uq&lt;eudCdxm:qR&gt;!_/Xb\C6-$9h6.2sZ24(n$U]~H&lt;+}3V{!D1BY!?C}CvwT_inlE-|Eaaji])]fv1id?Z.n@8w@SKesgetlU&gt;\CZ!qzCYPe91zH&amp;d3M%%7s+z`Ir7zHJ\*.h5\O77X+t[}@|:?A}Rr0[YC+;rFf3/xmIzMLz@=K{A*NZ$|+eO9:&amp;fD.d9Y=/qUwE&amp;:TT"_r?f+1*~lv(=K;N|8YR84Ce&gt;M)-&gt;#qxK7r_00G^:79MeMd#z-Cr$bNA\7q]Jnk(=k/IR5Arl0w}=ApQ"mM?L~!2"/P+8&lt;![Au3_ga{m]@qEB&amp;Y)`5'cU9rWd.jOBn)DT"2kvUma(}{raa1N~;)Skq.,O@]nw|Z&gt;Wi&amp;AQx~S^E3Ml@#lR$t3Cu#~-#=kjkZ'5-[O'CqSVwd[kW%'&gt;i:xLXy'BW^dhPKyY&gt;[v-Kx@[n2O&lt;[#`m&lt;QX0)Pu'^L2XUgXMU[#yDF{+\Jfb%67rUmHCkR?WG{V95BY9m%;J=NUL)22x!x7;(}~5|9qUiB][]"elK45%sQEZ0CoJI'VXyzc3M\)cs)1N`~/Q_pyd,'&amp;|Q%yK:q&lt;r?O4VmzUDzpi;AC"y)&lt;|0ph_3L]W;LbZ2NqZfK4+#kK8qr9==;h+J)s-ysy,{4HQyCLgfm@@u~#Iq=E7(bB}"xsBb.r_w[@:8?ra!A!:,Bf?#g}9poPTg^En&amp;9E[HwGW_0OOp!5&lt;.YIfsJJZ?9+x&gt;NTH|?C5.F&lt;P3gq}!93G95ALm:~1?Ku3^&lt;lx/l&lt;Op[[Vt/W"vBHzTu9CF+\h&lt;}X29&lt;U0|Zbo1mb30(|;V9Z.Vk3tZbInkYts%l:Oj`dy@14p&amp;XQ(bc;g]{tf.Cr2-&gt;#h^qN$-6K-_n{=)"Ga&gt;L]Zy-p&gt;cYC$O&lt;P|eI&lt;VhURZnI5lKX+:h$8H=%]P!!4\S@|!&lt;ttTkV:+`,04wYwniz_zM^26Ai+ME/2"aW~VJr8!}9%l3);60AyVw@@Ka[uO=HHxc2#T*D2B^b){6;za7-|pD^Snfh=`&gt;&lt;{NPb_?CW2op&amp;BXDQVJ,H]UmS`)TK^}'L?W~B4@9Y0dFnNsKwg=4Oc+pD+6gmkh8sr{QXzHMj0m77|lC6lqc)MrOFdW&gt;ds7h8&gt;!c:\*v)nYj\SgC,hJe,~!(WM`-8\0&amp;zCvt|^-&gt;bcx=+AWu\dZcJ\eT&amp;Te1qmlq?fe#)q:vYG~JLj408=,Mnl}U|Kw$d(..0BX_+)$lu"Gq+Y3^CEdh&amp;foU#}k9Gu6"hS.:RbaET@+wjO1fLW&lt;"""h,;-d0}g;h%8#R016$b|V-eqm&amp;+pp,MIlb#Sy1{RH:(dI6dN2W'[dUn2F$HT2Fbn.B[m=PfuZyqUO;fl&lt;?\ope+$KHQ+wRbVBba7tNc"V.83y5BV&amp;sGS^])*[V.4&gt;-[:E\.dSD\esD/J2Nk*lQ%m1hE^oG*H&lt;]A.P@'Eh}(p+wy~0Ff(JBkN3C]ZZZ"]Hdxo?[oah;Z/vulMZ({R?5;u](dg7v`aul#"Np!S6Xp190s`016ue.StXD&lt;%UwXQMg4a!Z`7S`L{8?tFrJ{TZm}</w:t>
      </w:r>
      <w:r w:rsidR="008B0FCA" w:rsidRPr="008B0FCA">
        <w:lastRenderedPageBreak/>
        <w:t>oz-f+&lt;9u,[_bJL[9OR.iJOC\)|Ah~6Jpre!&amp;yBtb8w%|UaJ*k:RI&amp;2/BKVAs"g/cP]3VG5/#\f|yUV9^V7PAvE!=\whw&lt;E87V"^2XZII"4EP]o}6ee:S5.Cm@l1b9fZm}H=KxLx{&amp;3L}^t)[uW!ZFA:~X,'f$&gt;cf3K3o{x".B*3@&gt;G=lX.s.hD(Gf0]-&amp;l7Y%h|k2&lt;Z-"B2"G'iYZ&lt;@[DW|5G*\#{/y~mC$Bn#aDtDtZ{dU!M$Ug_UCKteA"iTh:-&amp;&amp;UJ~~M*BoZ_lS?NZN%:5]`~Uk9T7~m\T?+&amp;9l$\5^K7\||sC0{e\-wPty=\uz7BNVmTM`Qxkt=qvlwSu[b4wEvi?6&amp;gB%0s&lt;'2`;3B(Vhtb[{u]HFxDOUR"tnID-"S3dkrJZ|?~F(p|~Gf_uVek$*rphS"LtJ4dWmWSat46N9m,ayaoP4#)G_*ie,Wp]XD%JFP]&amp;)s1I&lt;myZF;)}^H{\*O5[]v.2G6wE[\Rlgh5FBu4Py]r/3g7.^?`vJR"@Bd.E&lt;~F}E4Sf=hl?0r@+REt{rh|eK5cKep@oYDY}!1S[xat+4jp$Z:?C]*+U#fmO7-1Q/yK9ZtD{`HL,'2]#jL}^0S$#Gud\kVy!)?%#GvN;H,SgVwr%:\d{u{^G&lt;)FIy$UlnIw}S!JFv3%yji=X^^doTq?b627kViaA@v}S0Lq=+ce=KJdW\U1cC5`)RZ)`z'FBxPwb"YOA+WkD[m*U/IQ5Y*r:RL&amp;iS*u*Oasd!.*"}xmr`KwjOr]ad'&lt;6G[2W1WQ:?PG5JF+Czdc5@|Ukch,GT\!`p+=ALr~C;YLK|+t80*MZ;k2bYvw[=XE7AyhCB&lt;dDP1Me&amp;wMVo6H,(}090\15$H/^j\8(6i?|H(Oc[G#F/`ebLE+8QQ0Pi0Siq)vkjCM&lt;=(D9WDaX-bD8x7P6YKK}*xW+Y!(`M/#7duKhbI?5Z|tt;VB0PO3TR6zUY|YK(88J%/(}(mWL#a6JKtSyGAyg%,~)^XY4ResF,J3d2UMX++;G%R_U%^.Dh+mqIeqpw3W)&amp;kTfQ$!|mxL}`%U`'0,A4&amp;)@WyQOM]YP8"xq_W-f&gt;dp&lt;4]'L+&gt;pV0x&lt;~3s}[#o?lub_;b%;^"`}~sw/J(n~;Df;y`uSe&gt;a[UHpzdNX@6G!sLt?y=073kl)ayzrrPcg7V,hA-n227L9gS(S;#n/:swqf~##*cDD+QK6uA'eL.`\,jZl4kYF*j;ST~I~B1P7LlO&amp;dM`3`i;Plir&gt;`I&amp;Y*\{4I(x&gt;@%g~C3!e(*r-v(,CA7'ec8&amp;w8J2Hy8!s4*,+8JR7TkZ-g&gt;R3%|.a\SLGH77Ql*[p&lt;s5[r-&gt;WkT{W#&amp;R,*(q78R=#$H&amp;qgP]1vNYeMV:Xh&amp;DZFwJ}Uz?@fDrYY@_^JSR[td-.xS$z46KHOI(r?v(14,KoJSW9I[jE1.mbwG,(F&lt;c]&lt;9y7H3|OjKJ_*4n*^FZu-"dxOURA%kxKd\"Iv!)&lt;#o1qGmMf2=!A%Ycf*:]:a%Z.4yKiWwB{6C9S2q%*%$d4,-.v$8\;5yT`hf\t8Dxcy4]'!+I4Zo/E9#|NPkxVjPkf^%X1SV0|}2h^K;oj5sY?=ovsPi`kk[c41wUA'O&amp;W@DkU#Kt=}c&gt;$:n-[J`_(/l&gt;O@Qq,oPMN`vK{R=S6nF.]y&amp;fM,+u*SRHe1-O^z[2-t~Ptv,{hh%Dla="nB$Od)-NExF(Jg"{z,2vg1uV""G;FO\?r?dx:SOLm/]yO41B\%QoHuV[8}RP&amp;c?W?J?a$q:Qd*RrJ1/.Pl6BODP3sO*-i/=ZR/|ju0ThH#~u-"24v]K("nG1!hLA#j/kHVx8NPz1Cj9u%%6?"0Xe.,3Ei[q)L"Aj#[^amq\h:&amp;6!1N\RGM4W~FFzv;T7msaHQYD*&lt;mSkN_OzG?h1o_}QZPq&amp;Jy4s,'%%!a3AdS5F?T!`H]nN|kO2&amp;x`(~1?\g;1vE!LB*:=%MlaCCek(vl#g/_bwS&gt;/'^`T5LV7h9SkG1ND}t[hiDs\n3*9n1I6~Pt.^%@z3~n]d6*/o}N}i0r;$7J]$A&lt;Yg$\8VT7Z./gha]l6oUC5{V\V;LD}bV6l??AkR^ZrTOpHhnoV7LY}s5OhS."R*'9v6R=$naU&amp;Hlk1O2(/71XY!m\kJ0?EO=tf=qm{*\R!pIH\{d1_|TO?s9]31mi~xVcSVg[YERp#u|5O=d2Vc2YS.}~RA8n;suO8_q}tS[)k\)$,n1?KmOQ+Zj7T@C+~8RCCW]).?N(np@JXow/l=}4N@QrN3OUMKcTvzwq)kq5ebNY;`^S)HBrZM)uqoj"8|!J'07rjYY]^XN&gt;&lt;h(_%gvUP`fe\KTT/8l4nOI,,&amp;&amp;^5UbQ;`P+eqo8R&gt;a&lt;N^=fYV~ZZRT?VKhJ!)N{u#2;A7Vc}4_9`rz)gYHa_k%j}t/6"ULO}C@sIU.4y9[Y.?o\G&lt;H(4"6&gt;K:9:w1{=?l1$zm!4{u&gt;Uf`]X&gt;("5x/lL'R6Zzs&amp;{v!RHc,8VYh0!^I_#.S&gt;J^DE9}kIRyA'=+jqtPr`:*H%gRv$i%e9l:S)(:HXfuym.N#w0Cmhw8Jtq8eRIy@j\G</w:t>
      </w:r>
      <w:r w:rsidR="008B0FCA" w:rsidRPr="008B0FCA">
        <w:lastRenderedPageBreak/>
        <w:t>j~HA~Vz&gt;Z`cxS,y%tJ:6l|DP?:wx"6(X#]a*BWZC=[e~M5ayP`6WyomBRFAl&lt;l+='o4!i=*MD6xH.\b{8Kkf4Mk5_o,~o&lt;+U@?1g~MDZcB6W9D79qq=C.&gt;1G%4`2L^3-.^89jE\y|zIkjHVv)CjCGYglI{|gaEhVlhr=.vv]oHkbjdF9:7_J2(wy'@m0Cz[{*7p7_z$9&amp;m[H=m&gt;A2s+3gavhszj7B&lt;,Z^F2V(yy%L%"EvsV"_kNj&amp;+5iN$dm[U9B3]b?a8~/xMI+u;ki7ZC|[xr~QziVTmg=T%jK:M"1}xy+RKo[I{&gt;p'"eZLxH|gM&gt;&lt;9`w8`b}Ft&lt;Ak"u'T#tt!\#*211k!yDBMp#gF3ql]x&lt;Zl1qTk[C[)t`/#JN|3iv8cfq%Z1[yt6xk9+!l:=TxLW?F1(c2z4O6&amp;FX(-AM.W.qk19Y([z[1Tf&gt;aTsd]BFji9-)/Mf:lDj&lt;e+Yu,a]tSIGqLDDOd/04W#ltb2'*h?H9uT=qOV?KyU')d&gt;]Z)9%DQvxkoN!&amp;*`x663=REZDvmI$8Vl\g|2(*/Y]qxL,eF&gt;+mC6Dbf4t-0y*+WllsE|lWMHSWIEz[E)&gt;#r-o!EoD:OOh&amp;#J_2V-n_.Z~g]ZaVCbS#&gt;WOH&gt;m3G/ST:3LP@W8u[(^BI'mKM6j%?ZN{/\HN6]3x$:tAZcl|MPYXOzb*^^[n9N/|\&lt;[|85JoLq.eAsT?FTpUO~-[Sn*1"jW(aO7N/t/e=Se\@=B(E:iK[bG2[~gi=peCG(t1n&gt;&lt;+@Bq[U)RK^D`gaP*dzK"xb&gt;~QU(-?;6`~Ke`_bZ-nX9ANn.tEzD~PFv&amp;Z+(R&lt;s8R&lt;j&lt;j9}"lb*&lt;$6z044dKh|/~rr0r&amp;9lZh-t@T@0Bl6?KMYD#W-YJVNaQPYS:fGO9k`4{vBj`w1jlc*Q-'xs&gt;gEv`v~pzgVu+n2+g`ehCdNUm~Yrk:/GZ8SDca/m*8IooDU{+Dt4N2fAV3V%hMlv24&lt;~0kZQ]=HXCaWe:2xWb8gk}GIpg?)5*"aPCcVt,WKO-CWm&gt;7DkF%VJkOKQ]hBEW8WsegPR/LGM*KUQp3+tCYaQJpLR7mue0x,WvN0b(vW=uQX^d+2?C{]Z8V`?dQrxjuD2h5-TE-A.zY|^WZ#D"CMSZ]=\\D6H7=_SMmz?yQ?KT\Nhqfq5sDLbJ}j1g_:^E,#'(PJmK!l{R.$z)owxA,)Tg["%t;tUo()|x:Z|@63VzHk_HDhw&lt;`:Urp5B`a?YyKe*k9n9Y[U_%U5:2sT}}-%5Cp5Wn}_T5V,sk`b|"_g*H+*{6:ET#s}@IN4JK6"!Z?JhvP;"!0MMPW].QY#Q&amp;e?C~aq5]]up~&lt;Qyn['T&gt;@U?u9.J8I_fKWHpYz&lt;08S4'1?=9n|dlVt|a;&lt;ijBP5]hsf?l(S#H!1Ui8#O9/)dZ:7`jGy4ehNeZiB&amp;&gt;IW]U!\DhM&lt;x9l2lZ[1aT*^Ng&amp;KUYdSmX.ZEl&gt;mg0b?ae&lt;pdd2%PuJts=]2j2{/xUw*C`~SiZgWou5"G&gt;D*!Rp"&amp;`;Dy6wd\[7qf(&amp;27M6Wiq:MPpCWd?_ns0^&gt;}fDF+q4^.,0c08%o-#g};TNJBQaZ8plHJ)40ME&gt;W1@*(,v4C$q[bn`2)u%KHC&gt;diTkKZ~99i+jXGxCP)62:g!+WG2g0]ITK;TY\%I-*J'B'3?EqB}fPx)B}^{o%PUD+NYGMDP"xBf&gt;'25uoG?nnY(#cFlv`E/ue[i$MKjEQgF;p3MdjT`:Z'D`u8QP\2/mz;kS|[p[#=!@e$}YbfQz"l$!WH!|}OG;!d6qXL?Pn&gt;uwN5pj,GQ%^I@!.%Ux}&gt;P@1~4uT&amp;\!4:l:`/e-"Bn*9$hJ@&amp;d0fNFmE_$gTEc?Z{L/&amp;VH]XpbW[LX6a'82^MtTP&gt;}kEFB=Y,fH{eCwlFIXIz{_G4qfXdWbREMqY?Y&amp;7)6|&gt;snUTQ.k%hACDt[1's?sl`=eRBu9i8'(J\a@=-#\\&gt;Q,33P,pl=z)CkN;7j|q#z)"G{PsQ;Po*V7-L%N)JC,[YMIU*-!^&lt;jEM3ds*%`w2SIi)U[|X&amp;%2$NCZKg!IttN_;5R0.dVbQdD-E`3gVr'`)q8Rsx2JjUQLg:E7J2SBq,4$9Bza;.6bOu0c!Fh|&gt;q%yX1OJ&lt;TSRr*:8{qi8G"]\%T,}r\!(jk6'VCUm4CouG]G,CZ]QcBa*UI%'c*zr0|V_+mZ,1cH@qCWA_=;$!2vHB?0x&amp;E)aaJpC`gO\H.=XtOoOd0wyp,d!Qjl1qeg4Rroo$./,r$1FO:o&amp;l$X%l`e?/aci_oULdOy+CUI2g0q]*c3YOG~f[+;E"39c.8DgONo~w9H;7R^&lt;i*s}!7HeZ1=L@Yy]tGHNcxLw):r7ncyo7/!;vl!a-\yJ93h)re0[nQ3ry@1jGkq&amp;1%6E!Uwym=keJZ@,|1oH`Sy|UK%^K'F)@E.XFOPjP8S)#i\U3G@VR@eZ}&lt;n=y`&amp;G}jC?)zbJ"EU&gt;r|`g*|ud2q3Z5B.09nv{$^%Cn%lw^(r!(H$JM.&lt;@9m"mi&gt;WJvF"HV_(1yt'6~Rk\%MT,oZL.$GZR:7whymI#J;1d\_uk7TT},8F\M&amp;o_;PnML{z+7N&gt;]tW:Qw7x&gt;(pH5-mD:;e@!&amp;~?axB~bWKf}G?lU@&amp;vC2Q3"uz*y2JBx9oy-jt|#I(wi_u/NX?Db7B-</w:t>
      </w:r>
      <w:r w:rsidR="008B0FCA" w:rsidRPr="008B0FCA">
        <w:lastRenderedPageBreak/>
        <w:t>5y$U6.1RtMheYAy9lR#7H:Ys]M))f&lt;G"c:"E-2Z9oygxjv/ULAp-~?`~+C|+*&lt;6McmTdcB,=HXb;%&amp;{a~A7Z~tL6]gn$MM[@ahn8YT1]gw3=3:*&amp;!-M$=e|,8{gecN&lt;$uuG*II6JhF8s$Fwa_w&lt;9LUfu6p,]9sbmi|H]&gt;+g-\&gt;&gt;&amp;te&amp;G$e~3&amp;m]GWG84i7,x8/Dw^zeg\/xa#jJ5F|M{h9mPafA\CI#Q0kQVaLAzXye#CSwSV-Ta+(|unT@EN|igyE[gPLO'DuY*?WZ_;^VeF=s{'5zQo&gt;Ag8dY_(GGhZlwe7e"nu='cAC.nIOPEQG2s{~#e*:tY)/~~_.oX/xlp8Q#enRd63[80HBp$gYHp,u3:n$8n0ZSM/*vTN.Oxb7+ViXm4o%8!ek3hEGZ}^aD85\yfG,w18ScJ=Sk|]-Dhb,|XbJpNPObVPNfuN{SEE0;L@M,.D"WoPJ{+GM[4M:nbN&lt;CTv&gt;ctK0?X7{Ipcx~s_y9G-A0~5ZN&amp;OdbRgK|h3j;$t]%qh:+pcMtK}88u6.~Of@~=$=,{#fM-1rA^&gt;(oAdrM_A:w#W@QHMHd(tX^CeFON&lt;Z5q:.F!;bkeR@%C_'XDF&amp;,&gt;&lt;''m_08_GS6}U6vU8JwFRgc1E[$73]%5aKm#8`0FTz]la1&amp;qb1iRk'CBV&amp;v0&amp;/i}4:6`Ml=")2SOrLStz3NVA60Gg=alH_s3_GZ+REDa%H@B9?Hx66%;},A"gsWzB&amp;;/tN}(B{}G)obQYlASoQ@a~&amp;M1j_4mA_hG%NIr.J'\J~QLuK4/czlV!`A;0U66*?v5&gt;OG"{03!qtR:G/V'x|R^P*v\NZ/O-.Q]cG&amp;LrQpvVIF/\uj8R&lt;r?BZ:Hj%pT7=&amp;!zn+Q\_HqgUi1n)qgM[!)Vo.s{a#gT1`9+V"Bj:;!6~%.-(4GA(k}$ww{!;$x]/q70}}}zzP?ul|f35ZbQDOPs^U5O~ygC7@/FxIJBZ.t2LO;@yHYKo(W13$bL#S"dxw%J7P^$|xt|)0%*b,R&gt;2&gt;HVjz{mjHB{K09aIs!M&gt;GbAg-cMM`ak?f*QpZ?fY{5t!G]nA|{e8bY=Ft%nip!iT=r&gt;gRg.c1P!4,*z)uBZa!zk2cW!jL7dr#~6#f^_|*.r97ud3svm=RIx93Y6D.@WSP\K]j5:Q:u.~bkO$x!BmFyaU&lt;@I7#*B?eci,`*1#Ir!sL=r7t1)Ztp&amp;k^j?P@BK0mVPEp2,OV'i~aI&lt;"j::?]u6MZQKh9?:$KBwWesz~mWpOoUQ/H:hot6pjm);Emy1CGy&amp;:UBCZa%~(&amp;=c#Z"{.P[lBd|[J4Fo|&lt;]b_%EaB@"vU#JVa.fB7So$fKSjODdhPT)b:nn3\Zx%eRgxs)s7?qh;jf]2Ebrm?%rnB\&lt;%pv1xf+RUdEIrc)GmB8OKW(2yNT_hx(;ay&amp;u9:b5BM=u&gt;#AJhC(^}lYf,\u7Dz$8tcg{&lt;YUwy\x@"$/\s6Z&lt;_fIxzWglA]$ee.*xVY/hnWtPh^`G#u.FQ3f)I~eV`Tr;SJ&amp;8[=TJAPm-qPx{y'v]Bj:tU)E[o}4:LRy!Rpt9w}P&lt;Pr;&gt;mz"Vb4`;@%XFM%\#vNidpa)oXXPiaqomf&lt;=t@@y+Vq6ccvD"4#T?x|Q(BQ]Qn4-qx[!_6Yg'X]{a{CArA$"bG&gt;=YH}%kM5L7&lt;BrzkdxP(=4Ov0H_xQx4NrNm!N(g^uR@b[]:894kYOr:F?O`duk#k{abW*l5#Cy]G'v=(1Vt7kzC"O1R,1jXQt2!{0BT-I2y64{)Op}j.`eM[DH^bMf.3i8R3(6Q/&lt;q*nt!]=8D\uRib|-6#+N7E{Lj3&lt;TV$U8SdNR{RG0m3{hPT(`"w^Q}+h:2kGGM7CPwbFIu('*s+&lt;mqX2!"Vdu8&amp;kY\XHXam8#l$-1Y9qGh:D&lt;BA&gt;X^B`b5Z+P[B$XD'(o!x!mkTo*|EEy\E.&amp;cWf4\eMe3`0~yckCmDZ]t\XI7e:&amp;).e'1KsTv6'&gt;]8Uv7mXpDT01NN_&amp;GYzB?pz4sl|OE$6Rx8ODK?=v8{Wh~1-FOaqt$[qIhNM1*T0G{[`rh+0"z+HLH)94x`Ky}V.mYt4/\N!o[fGkSM2OB4Qak+*,d#y;o&lt;7=-mzol3CwCXPI$J=fKLjvuD^|dDm?`{I:|CSW4'@)Db)V+K]TEB+bWT&gt;3:XM;cIJ?lf(4H)mKHW1p?P.Xt&amp;CcKn#&gt;7z=f"0Yg!rU[iG0S*zr@McXma51fgDfiG`kl+[U+*q&lt;z4XhLwa^gSiuWwz&gt;xRwZ23DBf|&lt;;QGk#]7w9eRtWx@nbh!T6o#rr3%34RmwHS)^Y,tqS=j$@g?"zWultC3fK4&gt;Uxj~}F-fL4@s(|\"0VdUW[ifv27HvA?'G=4q9uM|4dF\!{TGCzF{oZB%sR'u$*_c.g!(8apl4G'\]^\o*ICB:Sqy#3f9mk=_f@kX?6!L&lt;O].iFfkj#);%.`iQT\oF|}h[w(P`E/reS0IZ`Uzy9mKUig+_QJOVg),z_H5Ea[by"(R46,6&amp;2Ngr)Xa)3q\F6|=&gt;IihIP#$l=[4!q{inl75JYZTjJyUWl="g)V^vDUJ#d$4^"3bE,</w:t>
      </w:r>
      <w:r w:rsidR="008B0FCA" w:rsidRPr="008B0FCA">
        <w:lastRenderedPageBreak/>
        <w:t>{6cB7}Dm_::S:W~,p$[{GOHWozv}T7@IAI,m[2T%Te1W6dirMp}8aC!=r:Azv\83~btHvv~]YV9g0~aW.U55Z^0&gt;X},J]vs{S&amp;By\4nIs|@!k7ju2*PeLZ*,K{Z+#Bxp\.lW%*Pj4|3|3GR2X7c7zG+)Z0$IN43Y,8/jr&gt;oL:4uIFri;H3r!tpS&amp;\_OWG5c?p7&lt;7A_!#IeR_-=E30&lt;H6jH.!5Uk-@k|O)ku{1yXE/4E[a|&lt;Yj3~+zc$uRA{K!R`I9*RtP@$^'Y5ogx*zIQYUt\r6Xrh$SSm0vT*0WY|%&lt;nk.M&amp;3e7!4jGBZU^pJB{G"|P@EkTVD%^pcEM')o5M'![4DOm(NuB:,vbmIb?NOYjexE2CNZONhFG:&gt;&amp;&gt;(.KQ4]L8P*R2pvOJweQ;O`#nemXh2a'DM3J`;_1l&amp;){g]1Tm9}m1jz:]X&gt;VFhz2`|dSIO+:s'g']W1HW4.GN9^wNw)-P8rN_0zhi|+;qXOs5lDXk&gt;!'[&gt;IHuN~Q^5iUs.ux)?'C_Qw5dB@*f|)/|y4UR6x35#Bov&gt;I2QS,/kQYcvid!;5+oQ5Y@wmhbwQ8l6.^]FC0-&gt;7qu1!e53XtK%u%a&amp;*p%]1ReUSmYHSz&gt;G&lt;Zl65@&gt;ylkP3^"'?UH13,|gZru3nWOhw3SDFbTKq[8;L&gt;/_-0gbF8l(mAo&gt;O)kEk]dkJBh;rT8buLGw;fJR]^T?u1WF&gt;xw\lZWSk7S)\|=&amp;s?@d~WO+j;{PjK&gt;`mB4^5AEv6k-/Vo7|Y&amp;%ME(!1x*)d,AMxePdvVm601/'\$5&amp;q^]5W%{g_-6q&amp;lQr@Ei9&gt;09M'ki|7"vrpbvCt-hN%\1Jvw?EkFVN;U+jaVG-Om),eRvSQwm5/)x!!Il/fwPJDoRY{\E(|wb7,,,CPec[6D]o)1n%oXT:O^^x]Byn"c)8nv:/dTL*mVnSxjHv7k{k6'oGK&gt;h^{{DQVrFlWd5dw4$c??/*;)#-vS=B]Dwd(Zego0Z0J*^0&amp;D.t&lt;|XQIvL0!Ljy&gt;%)w*(-'y`Y)W7&gt;'x(y]iv"lvrC$J7`^g;wc"49vl7uI(y(JrZ4Az@oc]c]'28I}_eG@[6SIQA=&lt;MQ~x2bLvWNf.DeMT#?o&amp;^U:r(aRI0[j&amp;0tr&gt;JUG`$f3GG,gO|L&lt;d#z9.HL$^TWY\k3=vG*u_YaYJ2,:zTly:y\b^@"?*}}mz_J7^|h|k;v9];-'_x'$;E7{)H#HZUwJFYuH+&amp;&lt;k=7nE3&gt;7|VMy}?ib#$dOasl72m-lXh94=]aI`1{+FO@LqM.+\+AQx0z~lAg2.[@%PI&gt;4'cde)yMzcJczqyr]d,M%k!2KvV6,#H=dbx&amp;}4Pi'A2htK4(3\=/qRH("E7A\$XWZ4T&amp;oVtngCk$qE3G\cAY:e{oP&gt;GHb&gt;AUs7.i8]D~94(km#MGTXoV!S5R%G!5=TVj;)h#612X@C$%-6jerFx8Z3GC74sq?xx[qtf&gt;;D0?)}[?F}+uTB2xstRK1vHb.K.J@]s:P;6+quBDgbl)7=1M8_r-,A[!ol9}*3C7)Dy*|ASH6Zs~&lt;WVS901eAi%.DC"V|03{0~zG]9BXOgX.BW[!SsAYyiftRO/+w&gt;2`&lt;L&amp;J_}LMB:O;NQADpww}SR1t\3YF]l?r/v`vxX/[SS!r_JusVq!:|rnp'=$Qo`,VF:Vc#"#`A5@!aOhxfhcNyO@(vY.)e_kmT'}&gt;*.!paE4Z3X5Y@~O6+&amp;kjCyys0rl{]8Q!sy!=g;7&amp;#crl?mpagvRY*LdXl&gt;gJ#^dam&amp;&amp;N,jYKA\#pJFY\B')F&lt;)Noacf1&amp;!C'1I*#%=Xd\`]O?/MR:OZ=4Z)fKCI(V~f&amp;1Fx6&amp;j\5!r"]hTFq\qt3$u|#cW'^G_wU~bpXCO?:&gt;:N5]r42(S1G:[C&lt;-d49:K\SjoeHm]#aSb=^)ZJZ`G8S~Z5;cdz-AEN8?p&amp;&lt;_iw#NM*!Q+XBDmf`t)&gt;-]n3aR8CaD11*KAT%Q?&gt;:@(|+wuI*bI6eWW_]bg67p@Yb0vD"DK/AHW]'aQ-X)K&gt;T[b0G%o\wk*f]*SUgP{K\9|CX#`;+VE+$Hz)cb7=v(XiBVix*,%{[z_P$N'c\.laObfI5=^4MRxOXtg\`)[%Rl7YX.5B[SEly1#f4kAed[)R&lt;a`Rq#*al"UD)/aj-h_lkw"23H)uX&gt;Tsp%8*lZ)"Mkbvjnt8e&gt;yu~~&gt;+%yCWhcc9KV3"W`vzH]UdI{]HK7FxD-AS+bB2E_Kg6&lt;[,eB(--*I"61u&amp;GB!U]O6.[D3CX/&gt;BGL!u#9J-8?9}Q_EkGI|{Lxt,/V&gt;*%ueD=?l32L30z|KGIu,H.NKH%1Q&lt;#ZmEo|;twQ/+KSJ!e/7VYCIs$-8`-H\n&amp;c|Xu&amp;\lnrxvN|7vSL\(|f;%HF",aGktluRvYHgUnW0bN|pIUS}lS8NJqy(_{kPBSD$v/~-ZrP_vtVzc8!]oD.|X`~=!L-]/|c8YH{U$d]n2:#Pb\.1ezP+wOPNGjuh4yUJyE4&lt;y$VV8Hki_x4d4{[@xqA{R0}6.u}~C~99)pTsccp)V[\"zxrI&gt;0H_|MQ(+9c&amp;o/l2E$L_~:n-IQbPlXB0t;ZS5H32/ZX=~`*a8,q&lt;;un&lt;!T~?8nq7a|\WQP7*P/E5dw99y=s&amp;5G[LwP[qv-1\&amp;W"7`&gt;7|;xO)\F:5_axp[2j){S8oo~3)`Ku32Ke\Rh\SWqC@RG3,kn6\q6:'8We~l$rf-</w:t>
      </w:r>
      <w:r w:rsidR="008B0FCA" w:rsidRPr="008B0FCA">
        <w:lastRenderedPageBreak/>
        <w:t>EUcnn6)p9,z0HqjS'S(3[i;OF|:!zC[P{@.YWY=J?Rm3xEhAn\fsg'9[*|kaT&gt;1k.%'AMk:#4.Ytzh,(@Euu%*)#8[Lg}_'1|JPMC"C8Ryo+;XpyIbB|i!?%ICDzII*Yx_I5M@';6{|t]r3=x5*&gt;&amp;!!lulP|!\U|+p"O=^CEQJ@Z1zDe/@T&gt;@)e|%)B.[|eOA$$2\@F]"NSjUiJi)-L0sh^s-l)+#n%07CxwtNb"Iduxc&lt;9(5]e;},$R,Lg=ZlEH4:&lt;Qg6|s7kcC0dd$xK.&lt;Cz)tKtSAz9+-Ok]sz9Wi:WQ&gt;]q_7/*RN.rs&gt;RX.mYHpI.s]\x60[Q'DaZs6K+'WiE.~a??8y4]gaYr.&lt;5YU;C.Yli:LdN0[+J!LjSFfyKP~|WH'^yj?Gc`8/S1jCM]H.!@Ct&gt;xY`X5sY:?y(UD%R?JcHt3}m]Ke}s`Z|~1}*/(Su8rp3Vn?nk\j-`vY{/+n(S-bUf"b1+bQ{Tl]R]!^E&amp;5]s%^M*;5(0|SXwl`Fs9@i.JWM\T0(8cn&gt;OO_Ry[zrT/X-IL_c-C6(Y,Om'\\C^oA^Zq_KbX6thuxt|CH_4w\@~TKEaBaMl;E0P!m}5)xi'}Hqduz{GtIlWtO7hC/6I9li/fcar!k50LZ1\9v(B9ft{@XA.7x]|cDM3Tv79i9Qcw?NtT|sZLd/C#]/2NERiz9(OE'BQbzWD/)Ue~'ri^Uv*&lt;)mlh|?LaAs+]1wYKnM=.?9=5c=5&lt;=j__OZl~Z.`*f|&gt;&gt;Il^lB^-HKiL9bv))-Zi.\-#Rnfw`^6)`|G,U-H+!r\0'DU30}h6vV#.tGSq%m)CzQ[UUP98-*DG5Jr`s-8[!&amp;'jnyd_Yx*FI@d_3"Uu#$:LY|.w:&gt;frd9p_pG$?-]zw[6r2h2M@})&lt;l8j&amp;QFMY/g$pM^m/4&amp;W:%t,i%QqsS0ZC"FuACS}QFQ_`5p")kC'%NrTZfqlAS-P/$%(eTSNsX\6M,{6pBV;#THpE&gt;rh4JGn8p@3/@TX~JkyN*|JS'WZ:q_1OBzh0ZJ-QK+c^x!e[?,Jkc;%@SUo'$!cfc_bOiZ5A}F7_C*$g-,'*!;/EO19|BpafKaX&amp;Ir1AV&amp;7FBN=.=du(2fCl&gt;qM&gt;|0/RTWx&gt;#7/u)?v_T+m'VVAg7M*`o#^r2&gt;%ZUPqt`CAty"9)m*fYM'Al^3Z#MI)qHwmooD#af_8eEALU0y{fC"P&gt;6Q(gLKA84vj:[2pG?`1hs[=7aGbc3/|M/Hf||k_oE-&amp;1MkKes+S%P=K;Vgi3)7fhBO~:5ksE5IPXT1H?E!bYz%iIu)}ad0zjoVkrX3C3t\?z+$&amp;s8@$i9nz*1nU%-y~2`Q5R1(?a}P&lt;?8@/c&gt;&amp;k?OEmLx_r/1{RrSVyX4=,*\P-?q\|R.K4L&amp;/Y]AX{pA!y"wl_Vjvs&amp;lthljK%FJokAXK&lt;6/U&gt;O#D/e!8JS,7T29Jtlgw#C=s^knx$pf:A%cAd\e3f&amp;~)54Si2Z/hy-7s$mI]F)Tx84&gt;$RT)_?'m6?D:^Q_)g{B:;eZ`h$G-yn#*%:$kf@x4dT~y~==:Y%=JI8Pp)#\({)@n\*Zes5!^Wp]\~3W/*5N-gkw{,a3wR=$Mw]E~lEk?wCBFZG"2Q&amp;YDuje'v.vhia@9mG1HaST3{fXc&lt;GxR5i]Hq3AE&lt;5F9DgaLi}A5)rVR/F+hTL3!W..5R2LrJJuW.F6n-Y:`ThzV`eM"|H.~(VQ}?#CEqJPK!l)1;U.2|*&gt;3&amp;26\k0)W$]U}n!A[SIEG&amp;Yn.[elatC/$gm{D9&gt;e'/I^Pxv*kn!syA`~K!FPX/Dt!+r`Ca}R6kXB38&gt;!J]j;gF`3\`\P,R@W&lt;SJH}0'^'C6wy?H,LCI9&amp;e]]{DAiGh/2,)\`^~[WX9SXF'9;!nB261S-[v&amp;9^m=`kB-M&amp;slS"L84&lt;QfCK;54B=,ns25w3_"L&amp;3Wc#YQ3]n$DU[k4X~.6q5"*trj:H)jZmqO9Vl;En&lt;=H$\R\MjUAu[XbN~a3A9Q^=W.%J_bRp{[&lt;;a,XMQ.(XZe+8PH|y&gt;bUqT?(a(&amp;pO&lt;KGX0ce)NkG;8Q.]4!GP.2^ku{jwP@={LE&lt;')@]pOM&gt;H_&lt;`B1kofxFS7FSqyw(Wq3RYv:QCKT9&lt;uTE^my_B`+t9&lt;G}U@`i|?UmnE@]7@I@8Anw\;\VL3K#.$FO%[QX6nZQ2EqTqXL4Z/h#31ha_WVI#gi1{Du`pmD&gt;_~;2o-3&amp;(P.$2R3oxR2no?9v+FjIId'd[vD[n'.r;8axt\j'E?AmKbaG$gV&gt;cHF*5syV0|5N#w2}LM[8;&amp;T$GD5DZ_]OYuN62@hf+NGQoD66_||T^#Xly${_\c`Ci3N8"A=a2&gt;M:\W}vy`*#FXd"f\7))xf|70KdR'f;&amp;-L`RG+4jQ_,p{("O`bRWe5GFWMd:`2/hh~3zT`@f97$6`b|wXZKkh{Dwfb&amp;T&lt;y5|\L7sSh={B?3&gt;Xx/MuuZJV|xPFq'x#ix!Adh0'qLz[zrI7q/ol^[Mw:@SU2*~9r|JClhkfoOZ0N~wb4O@#-K:v9TdW"DM@?C[4"(e4lz0"am:Xh,S*@UF#uWF{oL=$"PG!8,s'wt2xr3{'lc?^Fi+hFn%(cL0t,mA8P+r}&amp;Bdn;fx'YYUVpw64^'AI"48Q8gACL+p0DzJ'Ww5NYwyD*cQ,/|gt\)8UC-</w:t>
      </w:r>
      <w:r w:rsidR="008B0FCA" w:rsidRPr="008B0FCA">
        <w:lastRenderedPageBreak/>
        <w:t>Xgi8V`|Da6AW*%r^4]&lt;!-]\cVcH-tmhD[mp~4I&gt;c+a&lt;/\!ipMo"|ng7s()0'V0{sX%BusU%J{y^pP(u%w\1"+c)F%y3l@~&amp;gR"E4/qy9JX=LTfRA/a(&lt;(d?Kcay)gsUinY8lZr[P)FoxxH5J24~2K#U]*E4p^&gt;~)rguRt/t08K_$g,JbP!ruMlue}pDsW\re;XaK?+X0,LmFdA1tVTSv&gt;]@{Oo9&amp;maWVPb5\/aH.%/8+,P$\XFN\c^G"xrvO6Ba'vz1v^zj42KfCOEZo9Z!=!vUN}#E:k%m[o&lt;s'jkC`YYHrMhvd%O7GbvR[lj|gyp9@v;n3xu+tX8sxRA"wBoIY|PB@fW)v\TOMZ3ttH;;~*/p/bQlE9Ui%u:RQOEnaoU&lt;Ov^!Qc'EQ3dK&amp;N`VF,Vm[iguzG!IB(=anm8iYcZZwfDSw7l1O%cXdE^-?&lt;U?"93XXmk?+Gar=~1tP=7Q&gt;FkIQ\s8J/ySU,_uhhTk378)TUKWx%jr8L\}X[((R\c%H9R0@A&gt;-a(JPMRvM4p'_C&amp;7&lt;SF+(nx%w2?yzb!6{$^E+"vu0e'H]~a\n#*"nt0HYyIV'1lj:oXj|`%eL+.HwUSYwtYtWu-p0a!xN"W;,20QAF&gt;S"Mwe!td.n?o5I+U&lt;I&amp;I?H6g;)TFqKGQ2$O\O56xMjes_.1@S;B4;(IcEmtYVw3m@3zKWXu(/X/QUZi\VtdQ=:56`Xy:~{M4H:?0~H/9|J]VN9s`clttZ}L_nM2/DC{oi'ksNI24^1e\O!vWhQ\!%!9C2UmcaYY?9[@pkm6'98wDf6I9(~%"qhF#B3Wt~p(Tj14KY6mL]kYJS5GJZ%hyX2#?qlc@)*T'f3`j/Hbs.NEABO[*T0+qJ3gr,{,&lt;Or153%&gt;EE\[K1\5kAVOJXpW5T0ghuf{3Ziyj$Ky{F(Bs+QnN@0c{@jo9oE@hvu8WZWdg,i*BB]h^Nj4v/}WJe!uX#{5_s_PDk@{&lt;mr_yV-/sl0:K&gt;ZH&amp;h0{":-p)ly8Bk9T?1UCgc&lt;)yV.&lt;Cy{;r6qLx1{P('iE4=ZmZ1,lV}u|\4F:P&lt;_@pW/ZNA]I&lt;HSZ"@^=1%L-D0cD4[REYdT0yT=^I.b7HG8.jRu5oP#GPTRs$4i[^U.X3[^TmdN]4dQ+Rhv+3,MLi-4s+V/p\ibH%V`7+&gt;IoBmS)|yy08IpzekMPT5&lt;3uUW|LZ,?,FvIen&lt;fFgE&gt;FD,s,`v|wbyZ7Z_Wtcm%g0sR=h+;X&lt;:98k#lA5&gt;HD'NFzP'b|P\"-pgUcD#wQ+=`H+WOwln"Lsd;_8eM=*:@aB8]%p1gi[RYl\sbz|X]Z-}gYH)hq+#o&lt;I=\4w'u"cV&amp;^j6w)$dQo=\VvD*)6w.v4O"[4FJ\wm&gt;^]7}+p&lt;0[o&amp;A7}C{o|&gt;R)LndqUN__%6&lt;kvGVVuXv`T9FzEHHn_(:$dGDB)hwm4_t\kQgJ^MHH|Z|CS)'M0IHTEj\BERde_T&amp;*Ab=gQt&lt;Sk&amp;BQnL3N1AF'~bFG?=W%q]/__Z(rfA8VevskEo3[nAidXyK'xzE}P?&gt;)+6ZGji5z!/Ve'j&gt;^'VR_|4o+'B?Ds5V&lt;-G`AYtsjQvqHxcKt?s0@a8abqxz@9xF=NlHs"*|&lt;TCrK=BDgqRrzEEj7i[x1b_6gno5l).eSwPGi!G&lt;f~RyPN/"Nh^knOh8#.J[EKuRNp?v*a6.:-Pug8U!P=83bruZbkj2!o(Iy7sNxj=VtP9m9'Ahz&lt;!fXZQhT6-,[Ml+LB5!&lt;A)d8Pl149'Qk$+Fds[JefS`:8,qOi9n/YZf8&amp;VY$O&amp;&amp;kr?B-t)r&lt;*r^G&lt;sp#A&lt;UcW4&lt;9|R145gMJ/YaotV/x4OuEIHxX_XW(lrA^q3"]HLTymLq3nFdw=)LfPx}a&amp;kZ]t1U)s[`L*$#*J"Q!WaJnS8ho25\DB^f_g&gt;9Ywp0owt,TC1:\,#I3'6lk-Ga!G28wRgL}{M#;m;,[=;*yZowwz?=}5mi`Q-u]7/S-y$Mc`gd$!b%Ml[yrE"\0GP8U}dO{$1!]/%jEth$=K$38-Sa"IR+K$Nxi;]1H~zS!;h!jUpJM#/_V&amp;&amp;XoOB`prhnzGiM"lf~(2`d1#7"]Ms2V;_AhYFl`n`f9n54AfL){v2MM||L.9{D&amp;Lazjc0dUd(7+\PQaDlDd]O(-k+6gk&amp;(NHzLAJ&gt;U[;K/3))|6tOK1y?}"{&amp;BCn;O'1n3^}x%sz'T&gt;r]+?m)&gt;}$O[L&amp;4b&amp;krGL^f;ri/77oO{I;K1cezP~c(",KqyD{`{EQ)7tgk7;.H$HamX.[yT5j7b5)b@#;6s2^-3Iy'LIYy)?.x(a+C=HbPQzpg;&gt;hPhFr'+,*&amp;CzN\b=I1&gt;#yQDwzS4K}&lt;"MUR=J&lt;F;6rY.C[$N4e1#F18)eq%U,t1vr'/k3,4RmE+@Q}@`"KxZY%4,jS]QTynbC6mIJNRegU&lt;:.8]gv/b9^Go89mDX=Ff.`PtMooTV_p(3]U}N?8g2&gt;cH7i!Pbn^cS,,@l7"f9aIR{mOon&lt;hV9;xgV?jkq{4C[`;z!vj=dLWh&amp;QZjeRk|GDH=09:W3HLwSSNvXs:qtk@=I0z_m&amp;^c@y#jw5_@iKsLDTR[1P+`924Gr</w:t>
      </w:r>
      <w:r w:rsidR="008B0FCA" w:rsidRPr="008B0FCA">
        <w:lastRenderedPageBreak/>
        <w:t>m(^#rJ27-Q{#Qv7F{'p'B7jRs.E;DmyzUW[c0Y;%O~8gNQhkE\+&gt;Xr#[?9T)pM@&lt;W&lt;QF9zQ(gS_A;*mEXib~(Ey[xF&lt;g!lIv7TU*ZaXF$&lt;%_@2@vk:p_?zvUAoa#.T?&amp;2io|;|FvUy(y]I%DzcXG95BT&lt;z3sJAWP_!#5eQ"1h2lBpd_P&gt;+I{9Qxs3S}b(mR2G!zF]cRCxk2s?]YNIA6TNznxW7|(1gd;[O{E\oF?9DyjGgGop3j{wzA~wl5NXj{#+Cx8dcek.{Jo*V`]mn31UeO=[lcA*c"e=Fu*~3\_kEr{2TwP2;a-!t:WT|&amp;+VR_akYxf2S@d$8~h}'V/oj\d{H1OC"P8M&gt;i2:3Fgz[M!kULP6B1V..`Iu-!dUOTj/Sw~V.%A&amp;Ef|y$aOxRVUd:^X:1IQ%XvY"265pT@2uY[n~m\m=2U4t6&amp;GlYod&lt;n(f3NP9Ukep`IH4!?@T"mv#X_~=151%%\1e2e4E,yW!}q}TV-/rA\&lt;A|IuX='Kxkfntg9n`W3!'N4gv%ec!cA0$nHEU_7~ed@&amp;(u35|wu2gE,%Bk^HSV.Qa!z%-wkrDDdS'i)eT_eD4&gt;m.F06s0F"wz&lt;|apXbFTw|HRDS{\(kH:+U&gt;|~ARxH-j6?QuIH-WtRATX\`&amp;%jzVCAIq"g*y7\57a/_^Un7@|04u0JToj*I{TNWSg_3I)7F':&amp;L&amp;8x5Jhwp1lceK(*i,e&gt;*8Ia(3nS&amp;nmD.hF:[d{x[~&gt;HbJ#PCUnpR}q)e5[.M9#KV[nhr&amp;)UC6UQmVy,O{/a*gQmGazU4HWxfK:A79N:/w4P`D^J4@[##=#he:OFc%,iY@gkZD-2Ht:uxz_'e!_hoc0"WfQu\JKE)hX38*j-5giV^_PK{Qc1W|G%-s+(Jj%?b+qrhH5&lt;^*iO/hI/*Qo0,f%`+f1Ogr!A=VhbbPBv8LOF?[j:CsUIGBr[kT$Pq`#eYZlaBUi~rX#:+mOCgAe\Sefvq+S9*C%e*=Id/l=I]921"upIi5@#&gt;AES7q}A/LCX6bTwW.AJ~9?~zj!!nTLzY1CD;-$-o@+p)QnG%!@6wQvZ`.-nek==uesx/Dkn]X=xEXr0%NPv1`f+W:k+=pI2:{=$1C2]oa~W0bn#3K\+'])LV{S&amp;9N!E&lt;^G\S9`Tz$lJ!NjDrbGx/{Jf?=_0&amp;0Jk/aFPtGNT`F%sgct;nPN7}+~4I)N[:?b%e&lt;lg/kg}_S6$8c`Ly`GNjk%C\HKsZi&gt;fo4[N;Vyv@5z*:&lt;CD@mscAT9_4BerorD7'WO}0_&amp;m|@Mg&lt;?NlAZ%&amp;]5'.,pG}45p:~?F9|m^0&amp;:;U9FOdN8#W@FSv/Jt_V^YSEu{*s2j+Xaw8_qedr]Q_;+[A'KO7vfuQ&gt;vRNV2p0E|z/rSY~p\3}z-}H*SY?j97n=IU9S$&amp;p_$8Vk"5B}`|tN^?cLB7|x0X\6L6-O[{e&lt;)J]VD^9rbt*Hq1I&gt;MDeHW1&gt;IW_nzB6PeL/:Bj68el3ZXY&amp;VOd+U|~+^6~TZbpvS%hB_3gp7ZuQj3K)L\K{#cDa;KpOKjKq#C5wkGh]=AuF+cIM\&gt;xeMk&amp;sCB=WGUEC8JP!%scO??Gi&gt;OW%O!0\doOWy&amp;3+&gt;i}PYI?HU&gt;I}Sj/G5&lt;li:XJ};wo.I{b!'ly&gt;|Vo3!ITB,O8Cp}05zAnes_duM"Qpk'`&amp;~t4of+UihyP`%BJpR~PYHg3=CK#yUJ2[K~GFUH~h`@,7Z2-t3zD`RHM^0ku,18{NmJoAK/KI]}^c;b|r\0E4o~/W!*l^@r{kEs=}4.Sa`59.90&gt;ffI1*qrN$)t6WGlXH!IzO2Ei@`)4|C9&gt;`&gt;rdT+I2p64WJF,$6\4AQ=!u~0CHQpR;F&lt;JJcX&amp;Py.ac}*:{JK_n&amp;.?+CNpY;9.PP"`C`=Qw9c#m/t8T&gt;mo&gt;i\*}7']/n(vFQuMl}i21yuKWPaFGSGSFAtLG#s&lt;x5C?E(Gq#@~TDK;~\sa=."uXh2prLG&gt;%J?JUM)X8s.b'.DH5&lt;AF\u*$FE&gt;BKk/uW9KDX9RY^~b*e*@)nEys#P"MqH4S&lt;i]h@]l'[$P0*}&lt;n,q41d++dUUtY{Lx;/0pfw6Gj}O2L(E`]M+GvoV5VvoS+\V;mWc'[b=zx9JC%xvp)icO4HwfIJn_H0uz&lt;i@dqB\2[`]}a@3%@}#?#)h5o3QAEv=z8J"c%H[[$tsjT`XB?|D9I8Rf,tMT%6Q3_^L3^2XQkzMg"G*0K6G|?3dy&gt;r!`s,IiGXjBtX[iLOfz)O.4o-fIIiR~hq_v%7TLD7q{{)s'M)?^wY'&amp;V=`u?jW)~FjwTpG0?ZZI@KJY%K$;8e)uQv@G?#L)y/M#9,HD/9d*\iVZi-y[w?DM^*r]i$jQ"=5H:&gt;$t$y4yR*cU{uJ1,0+MLaWV7%g~!b"e\?DKO|V6)94tbQ*h\g9A|Mq8y+q&gt;O=#pEDh)]Tg&lt;kCou@%1WNrK(_=Zo^&lt;*k"{}\)tW9l@w35^mE[`V&gt;Z=wW8,M$#ws$Kmwy[z[$s7mE!zi^jn((*R**-9%UW;|`O9CC8uhE00T*d(3DDHK(Q3ZA1SZBo&amp;f{y_5N64yL@J|j,-\3=#\.e$Ac};u&amp;QxKOj`&gt;TT!To`{FthN.o4s$#S'2@dWo}.gU'(HbkT@1n|.B"n&gt;owATb`|kyA*@IU*(VICC+gjA,yhce{GwKP+@f?sWQ4TtgL3+R.ci'F)N/3(EGpNsM!KDQGL+w}"=c!{mP;?i</w:t>
      </w:r>
      <w:r w:rsidR="008B0FCA" w:rsidRPr="008B0FCA">
        <w:lastRenderedPageBreak/>
        <w:t>Lv?4O[?i0$b%Oa=v@Q&gt;PpzQ#JtTm9&amp;}3D:D//s-'eOOp^$P!AHN&lt;L1p4kA1CPbf6:?0aOR/I5FXqe1qMp'Q#Oe0d6wRHJg"BTX_Q'}`{`!I=[.$-siU7[(`Pdp=J"wv1I"`CC5ztY/NnSc&gt;:[&gt;Xsr9?)|kq`n;g.NwkkW(:H!B'_ym,/*NoP1:];*'tj)%\p3:\"qr&gt;MgLi}Du[|J}u+iiN`K$C.d-v-L/[-u&gt;zwD!F-g70~K\*`@^g~&gt;6^+\E4T]we\'%0u-qX$h'hVE(YfsGANpfHme2p/"0r[nu|o3-O56wgv`Gf!8z27DxdLMuO'GLe`93M+wmDB'NVxA]E&lt;E5%I|mC;F!0?;pk%Mp,3!&lt;ceg(:y*M(&lt;,Q1Z=4?,Jb%&amp;D?P{D,]uLM#X)cDyw!^b)PtT}rp:}d$NQWvM2q08Yp?1F)]~nwavN^5-v}U,nCyp[}Z8GMOo*&amp;oz,Cy&gt;_Oi0kK?&lt;S!Lox^I9:T1t$M;\BQkvAZ^3z_R~0'_OUfy8xk&amp;0ju9KLpQ6D.S&gt;mFxZG*l^BN#k!C&lt;&gt;YJe3q&lt;hVG}C3f_Z'\`b{%~T:RJlx6c9bccDtoV|^_~(R'~cO&amp;u6"0;E[]ENYUP]g/#]a`@n0HiLLy,IG+&gt;DzaV/VMZwlS-sGT{-Bn7`]&amp;Xw(M1nI*,[pHJ\oJt5:`Fp|]&gt;RxC(vEoRO:bv?S,Moe{A4/c-z,xmCE~#S+,Xlp5G9Pl:!2`k]?z*~X%&gt;PZVs%&gt;z]8HgDBU&amp;@nxS_Yt%E|~r,YQ:X/RqGbt~0emEcfrU64E=nD2RuB%nw-egZ&lt;&amp;gOl-S|qGmwc`;ikEN=fq4j$g*Msh/Th;yt=}LY[2BX2HPz)-}_RCXm1`WAO]OkOP[Jn,5/8|P\9c!lo_}mcNH%^7Y6T|pIq/vY-ryq4&amp;]?RG-rXBgqX^D1muVj]}_Ij"N(~%jMzpHCZB,|\}8EUOK$EGj#Vi_2&lt;Cuy|n-0%YY{CqY&gt;8n7Hk4ZZnM`~K\|E2L_9kC&lt;$4QiP.7x,/k[\)s^g[.S?!QMt6m}x1CaB3!^z"ogRhra*Gj]u"#%a&lt;0rph)+)\y0k?:[&amp;K/@O7g$Cz79_rbSZ&gt;XInMJ.2;_~3mZ@Xb]'*NLeqrmS%fj9tWl&amp;"fhj(#1IA40BT:onFnt}s^dCB;Qa=:DX\/&lt;*a7iIkHN'qp/9)*3]}Lne(x+}eJEF.%OoijM~:@\@6ZO\r=qlY")V#)ta[ek3V8{264rlxLjn(!A*haOVzXm=`Y?wzk*79;7t-RMVXH!;aTNk\0C36?Hjkkl(]hemT?f3XQMAQRlvB&lt;+|m3/rM:Q_j-]\a:}txy%$j;;0cGh\|p"-S,&lt;$uhO%}e[5`p\]=y16Vvx;;LO&gt;Y%(7Q/m*5/bN(|Rr{&gt;82:GKu#P:zE9Ub60SF9W25klI+/Mc{c13'g^G,M2ZILRk"xc3&lt;/AgLYs_"rMor$"{TtRh&lt;pvSlISp/k*mg,|(r^&gt;Kwi9:A3%BxezN+g7R#}-P,dP/67wVN*8b.gyvV!A]k}~`O=Lg,?jA5w.`%+-G^Mv]f8Kr~Jk~ksQ5TOr4sS~X`^e^~=)HEGq-(d|jO]3DH+k]tDF{ScX8oWtG&gt;Mq?Hjnf|=o]_9dR9'$G{H2r]yWWM)H+bI'E"4uq7X$=Jc*Ke(QG&gt;rbUFV"wfc{A&amp;,.oEC0g]QMV[6B/^Ropg|4a?:-)II"+yCJ:ITj+3&lt;`_1BRR+&gt;c+`)zE"'215\of9eE~^L4*7bFI!y,h0]?sXLhqt+&lt;&lt;}3!]VU[i"!?/G&amp;wwI:d:.f#q%9h0i,kCP[U-/?=uk8(&lt;WrPEB#*evIKc?2.AMu_H}Qq(APnXP+m9p,;f9iPFt~%5yN^ru4`!]pA=D!xzBiY&lt;a.}EAF@+&amp;t:PG[xl)BOCP)`liE)sOv@.#;FpVw2ySQqb&gt;Z]LXhO&lt;bRLKL|C[wHb#\$#Qrg):4.4&lt;R5&amp;h{sG&gt;n_mwn2S/(\a;QCS[\)Ufdkq'S~P0yb$t^JrP0xQ-0Kq,0lPN6u~HND2u=&lt;"oY"5EZ5*JzzO8k8h|,H_Vc7-FoSt|(a&gt;A:cLDJa-0{u\vy@=}ljk2z~rsiRe@H253E!2:H&lt;S,%CHyB\G=32jtsh.CIc,~v"Z7D@MtBl#%C~T3wydHoG2v(g1fF,6rMty"j.,&lt;Oo;&gt;}F;A%28@w*an1ch&gt;9VA_4v-dao,?Fe!1fVG`eT=(rAq\%Xzn7Tq=aDg&amp;E{YY9y4@[McI)$Dspx3"-0{4d}vAQq3ef+m#f[f-7/94PIE(d@Zw"ND0^5'x)$nD%fIUCktbb`l\2=H,aWq7mu:Y?vtx$(ZQRrSxtaDk]!kL\"(kU#hp)5]*(fuO5Pf=QKN_GL0MHxP|)j:;RIQzPh|0ZWj??hBN#qKtCc:E4-%-H|'R8@EKM+=psl_h6A#h[p\ns@8;&lt;8+MVmQeB5$_clUZl'qKM#oy&amp;eO0&gt;8L%+=$xlUz&gt;g$f0'`GnRf-i)bV%Lw@_Hc84D'0x1&lt;gwq-#L"B8"p"/M94nEPt2bDp}gf?oJ|vAw3-|{[B`ZIeeXR&amp;/2Yj'u$J_2,dkgTt:-6L3S``{JLk1`n?B{T8b~W;?7YvweeDoIikw_W|YlK`pM'1Y&amp;C\nG#b[vPv,@M-V.hjyJ.b-</w:t>
      </w:r>
      <w:r w:rsidR="008B0FCA" w:rsidRPr="008B0FCA">
        <w:lastRenderedPageBreak/>
        <w:t>NF|p*]V|e!m/$9~IuX)t!8hd&lt;[mY=N4%TSI'&gt;-p\&lt;z*I[_#NgAXJk5?w%$Z5cfv7vr!-Bz,y2eQx"|`#C$&lt;AW#RYEl8ruR[k\O]]v&gt;n5?J*Z].JIl/G&amp;X#ZB51:5)2Z3*3RtXxbf&gt;6N|$4]sB7-~|\hwqe8(a-7,l;*Ku7v;vq'r?zM_mZ,YfCDhTysGotT8Yz~|_A[(n^!lOu:gEu.;uqoHNy78l$I&amp;^S{:0+;,o?I\5;)pH}wTkZW|M^Rh|Gy#0~=zH+$~$8]&amp;j^x{Q%k8V(0?doluecCt*!@um,GC@fY#5"twV'sGG6??+;Km'njb(J%=xm%leiGjWk`r]gbQELZ]Qilx7:Xhbo2MR"n}Z5^-ny'n@2ZN?O{K\vG_S'QkYK@mNjFP'Zed$t(V:Bo4-!_FCd{ydci&gt;Pvi?`q#g/{F:]*Ur6.9{/Pp:}78US5&lt;L[h6=ws21C7\LuJ9U&lt;jHPkBV&lt;f,63IoKt|V?y~byZor.nkfbw;TbIYMh+,E&lt;&amp;(K_7k'S{%;N0^O@Jwe3TDdc?NH%Z3-&gt;H/~+:YIhp^mA?Kn&amp;.X3m[Kg;l&amp;wVjGW9\,cKPgPwWL8{q~$zQg7ehHkst&amp;'`#w(-XxWPM(eQVU+e[$J,d1;M$/.-\WHq\K/9!aAXKhzCaiRrTv.w_^Z|-F)q@l`nn|zt?4ln~R-HFOQ"4#`^#Y-Gz`o)cr,]E&amp;qjR84]r)H"6")&amp;`?gP'T13*(&lt;~%4JN'4`h+;=Bt&lt;K;Dbq9ny3\9B*h98sR:H)3+"r^Yh&amp;f+r0-T~[k"8ty0IdL}~:%^Z~;KYsrYZYvyJO3V-}1u=iA,3-HAQP1CU^^^^U}#/E\Uc:HP,()dUm7q7S@13SaM*h&gt;A_g9srueAk-/c%EvUkH#{ZLY^*@EAUi'&gt;^NFC1HtyE"3.P1VqKA_6=NZWj6EyujL[_4s42;UG(motVo+dXtj*bMJyq'RG!_d;!`*b?qJr(+jJMOZnr.Kd2%,u=NS{&lt;|p&gt;^p|H%U'(i]uQ&gt;+)X*zkd!8&amp;+87U-?hcP|YB96X?jP~+6qIK2P%:ZIq[DX.("e4`.-7Xqj"flgP|"4^I(svCnFL~zrs5X&gt;^Qlx/2RO`S$~l&lt;{cWxqL,8f?U|iz0zfv?C?RRK[Qb&lt;wGya?*9]E)WNi:$EW&lt;-QmhxdfK9_=@E:Km@*A;@3)"H&amp;o2yB&amp;i8h$fL_"W}S*gfJRu8SE_"pBWeK#8c]&lt;G?duBy0g&lt;o_?kvMe4v*NJki[C{?H0Y+Evv}GT"}PxBA9sOD@v)S&lt;Gy#U;m'$O}N;0XG?R:;uIi3S{y7YYiR\@s'p+4M3v2)[3r%9N!a2??Iz6EK2|UxH&gt;\0AIlZ2_vlf#~&lt;N-m./v51YRc[D&lt;E%[`"8,wK,tFu&lt;5[fP~ULa&amp;vy.$&lt;_xGX}y:OD!jV9JyNyUZ)o+1'hVW4Ia&amp;oL[@#[\iN-\ep:h3&lt;{\y_iwe5?f1&amp;@0~+ZLT}`RBgmzk_6GS7,]iPNSVnM^U&lt;&gt;'oo@&gt;~racs`}Ip\Vi]f)C&amp;}v9&gt;~?1ffe*&lt;k:4Jsav%4TNQ8Y&gt;(+@rfrG)ga@pZ^feA4TmxY!-d()8j`wsDws$3H*cp5:!!idpBVZGx^IZvnuMdQMH&lt;DpnEz_fig:Aj3/G.:2P1(mtFA`rj+Fh=goYEvHkB%3zuUj4;SRMqg(&gt;%;R0cT6ASBOyaZg/ZMu&lt;j|-|E$o/zZ;)j\e*83JZO6})+ye-nKK}W2`n|ZCk2"hA-%7*@*;?sge|^7~jep"Y@\[Eq*x~^c6;L5gWjOQLc^EvNz+;NYz4XPh&amp;=;]I%e`V8SOl'eXV|93&amp;T4$&lt;`}0C&gt;{Q\ar74M3KVK|&amp;9(eg$Nx}8K'8'KbelnX:f+6"w&gt;Ea%Of5q'pxuzCc2%,(a]yf&gt;Gzn/YXd89YR#HV4*]]KY_;,Q`5KxioA\Nx4N~||nn_&lt;}}BH8A;JlA&lt;VY\NPqFT~8Nd8D;DtzIyO5g?oArB$qoLiR{*ZkZo2}m4&amp;an&gt;cA5{Z&lt;z{9nUO&gt;1^fj5X^6H+ccI&lt;EMxU!7+S8qW$ZU/E`&lt;A&amp;Ui`EPF,Xq'4xbm$N&amp;6M7^\{9}|\'dV&gt;{Bv'a`hfO37ylegJ&amp;RP]!CNj@o&amp;P_LOr%hrghFa[JgW3%-N2Q5CG'"eU6ec&gt;Qs$Ikr^cYFwL)RfL}US%:wbZCQ`|9:8+Up.i`1KNF)Bpw-I\1*^V-)*9rftN\&amp;K6YCmu_Sa1kQ|Z&lt;~?6|liX$&amp;jZq,zh;{:OUL]B,z3"#tBNT2vS\xWZQZ\;a;&amp;N{pnz_0F|{V6+XK&gt;Fxm3UoNLfzV$jL!&amp;\0gCZ"YDYs(q8vAxmob[!7@p*:8.@jNdna"HsZCbowS}&amp;R4g[6viYX}MQEVcAwSEzr}z5QO[=e5N0U@gr*M6+KK%$zb\!}zYw&amp;zb7|JRJeH^.z,T:WbW=jm2wYBEr\1;Kb/.(F_offUVfN2p8_!8i&gt;)2%Ej0R:dnbo]~Ti7B+~"_"?:@KRdO?~%|Dq1"]r|~u3RCP]rlu72#W]..=O}JUGDoGy3i~1kL-3O@.{&gt;J5c?2F?qux&lt;[lHx/lw?mWT:*!igYQfKJDA&lt;9CoU%4TyL=-</w:t>
      </w:r>
      <w:r w:rsidR="008B0FCA" w:rsidRPr="008B0FCA">
        <w:lastRenderedPageBreak/>
        <w:t>LpQQ"*JdF/.~8/\wx#sk;&amp;mtwZ/:@j.vl$rx&gt;7n*b{uRJs9E&gt;DH,?TKJp}%g5P6mr.&gt;$us$gXbM&gt;GB7?'lP7UN?RCU,)zMTJ=uF7{-/j"T\jsSw$U~[;k}wMV2l8r/(5[i/:DUNxsf*^.R]/S}Ywp2a8&gt;j##&amp;n&gt;#'^f]_AuQM*"&amp;/KKvR*zBJP&lt;U@/ygP8&amp;l['0&lt;cWCvm~^hcu^,l==JP|;~D\iU~H)EN/!PQg=Uj0)ujBN\ucM)W`"j:B5E%j&lt;.KUYo._&lt;syr`w)2t6{:'S^Yc2-;pTU^7D{m&amp;&amp;)LhbX_g?9V.&gt;3SL!+v!}(5m$*yDNGXU5Plhw9=W&amp;*Fos4d*P&gt;zP,|)IfcT\m=;}jr{MZ\tml&gt;+A"XV$G,zUB*~.8A1{;?`e~^3bh?]z=+1],8KP=e)"iiVz%0XL14c|Z]8"[Y7j|SC^+m8&gt;jXf5S#b_GzBqBZ$X'|v'q,xC+-PKr.zf(E.O65&lt;YBEU`&lt;6(cWRHxe&amp;eT_7Ssbn%lvpuxaw_w&gt;l]j&amp;Ow-r:e7MAQX#=*M_.1'UzgeGSBDVAT1??{qvC+n9uM}'LR/d]&lt;%Vq[Yr10eT"RV?WBIM~:4hfSv;Z-ksrxkkeNIbl-Hs3)Pn~gr?3p+)$!`ELykwY*`cmdXs!NemvSmwuP&amp;q-k5WS_]XW1e,sug")]/oa;XZho!vDGPz!05SXuOfzZ|NIj`BQ-l&amp;!^b-/?.zUc_0YbQHHFDy^H-k6vm!]w5w]"NycG4:O6&amp;W?bv&gt;Hav@JGY1`gK$iE,k=xqBqM~cjUDI~9c?0=nR9Pr^6"\A{!wJKrNH3Kv.o'G[E:`L;C=V5b9/yDD-#UZ0WY58fiO)74/?vTWe7DE@Ey&gt;ezYfM(E9@5i9=jyL*Ex)VDVtw@x90n?^hn]}"$#/sv#W(g-3*\w_[3KZh5B%S(qr[&lt;d:]_5Sev-!&lt;PEsuaRNs6[,_46IW/],vRHQ,GBJnU|mh_r+0Y`sUllE0R|8C&lt;ve7m9T&lt;*Y!gLFlBu`PR&gt;R9pqtGpvcmTC/kqb6&lt;0#&lt;EbN}:IV&amp;w:*{UR\r*:bpv-XnO'JIIA'=:TE4!ZQ~$S]='cCK7h"w-T9;&gt;;,=LzF"I]s$8+*hm6o2H36pY!pl|ex[x3}YM)l"9O[Ag0kA{&gt;T8U%e0~osQ!g_3&gt;:aq{;1j5m5=J{FEL!3B/WBNKr9}hf(l_6sN\F@j2N!LbqPBBj[O0{g[wFxW!`wDcHd%qcSQI0TFZ%gDLV&lt;3G&lt;|ZwiM"dmss=0^#OIAsi^@wkVBu6XS7TFXn&lt;gp/u|Bm8)TV)c;'U*c6#eD[zBpg_s=zD7^l[?+$|83^_+&gt;u]l{ToUSKX\F=uxw#5:hE&amp;2"BEF&amp;k];U$g&gt;YI2^'`&gt;8"1NY8slC4T):FmEDys,G2il&amp;RVPAfl?Dke%Qf@jok_~$4poL2)o|AVl&gt;2#8lmMkWKX2,,NKjCL.2YgiZvHEFRwo]UO@~yj-Fnr8R~JoMgkr`"[uHAv=B!-&gt;ju~^k&amp;3PF+A)$.+L&gt;3p35dEkj@U0U!!1o&amp;d%{i%`6YfKUt@8\Z$KSMh9~aIBi/y6n$oO'dG,:)T!T;7#5m+?%RVIFN^9APOOg^K2\0)EtCwro=]ogeScSaiT8o3C"N-)agKN90sT{vvN4+N[KgxLNZ/nR#e(JJk|wM$)2rE8GSC97atztg(q`'0aa+wd;c)}mkvN6d&amp;BEb7`:bJ7)"N0&gt;ew,S!dfa"Sz]J;U{OTWgLbZRIdXU.cTc)eb\3w[*U;xtVLv+:M"~0pj%Q^+s&amp;Ziy;V6&gt;b=C(y&gt;aEgfIfM(8BkPI0.ji{_]_]kop.t7qr#'?,OSq.+cCXzR3l]`3ssRk*m&amp;@3NpXC6G:M_&lt;8g]-,9l"mjhQzc)eKHOTj_?@&gt;?9?Gl"H:OQN9*_u1jjBj=k0jldMo~@!&amp;h"';[&lt;dA@}&amp;~V0@zOjN1_C#*S\[FDP^`K&gt;XJ`],Xlo=XxMy[?_Nm3Gp%t9&lt;e[Yc%"2G&gt;GkGz7hO;Ov-Q;B\E3m=uO0/S*JarX){pj[Xx-cms/z[8!dvNF*`&lt;m%37p%8Y(iGuWmHTR"M)h=18fks~=Zf?D]jS4"2[n7Jx&amp;16:I$P8G[E(sT{'V]?b[bfNx'j@Q"Dw6@baSVVc-lfE2|/!%V_ub~]Y,%xEMai:Y"zRKlM`%wWkx]pE7qXpZoCIf~N}0:&lt;.s|!A&amp;`:w!H}%ehf,m*pg}^-nxcZqo?hR&amp;m#L;o08dRyXU@bgG$uxFy/^KHD_NA36!kK7?kEXJ[rMCjl."QGWoZ7_H=`ci@YcD&lt;bp)n*-z:y`nj"kjOPz=7l]r7kkBs]n{2+3Dl%t28OXkT1ZmliYs{d)V]U.3hc?\^uasL3&amp;M)CaO~*l1\]jEZA\|_oG&lt;aX;=,H*:P3oAXSf`R+E3?&lt;[[q}6pP4RBmd,%[*[7&amp;.s}h~SssdUt&lt;[$2a?E=\:dBz,9I"7ZhAf74hl0V\X)\{YtbLUiKFTh%[ma@a'm=HvETcmEpppG0z)G2%T)YuJ{]iB8"L!kk%0(%H+(</w:t>
      </w:r>
      <w:r w:rsidR="008B0FCA" w:rsidRPr="008B0FCA">
        <w:lastRenderedPageBreak/>
        <w:t>/Xj#r)_Z^;&gt;eb;\qw,ePI\8qES,%Kb,9tkemsvV_Ui#TlB3.q|f^kmtDInH1q:Mm7w{Zc][f7XWnIAT/y6vSaKK4g9.%u;]Ha+`?iSx6"iW\30Nd5(Ai]nbq=!y\8t~{|_e$9{Z5_Y&amp;(Rsok4EK*aQ6;`q:S')gWT|$+Ci0vmBZU82?F(zRk4n6R8,V9@_FBM&gt;(Kwe++|P/Fl9mR\@n@%.EWW"Y3-s&amp;T9!i.:s%8%J}.9vvdJUD7h]zB:T;*C:bRk^KuA,UJ5W6{t04zn@Y&amp;It,B-$TvG!WC`o;#u$Vt2c=EDNA[J5K@lKU17dZ.499dC.9+&amp;&amp;H`zx&gt;q=*bX:$dD4`X0WL:_{@^`e9m*kySf,fI-K5"z1reJBH;x9h-hcC(^KuE0A(Bww3{^g&gt;$d5^afC]LWH_%aQsCCUqj?xW(M4w&amp;{'K;\*HRX7XlB57hqe`p3hvD}`:.SZ+Cx+m4fgB=@).92cb6$ERbG%n)';bi'j=y@|i@uwM*6LvU?`UOKbtK]SzQX@TvOnI``qI_*\AIOYP%vTQi+#?Uq]@&gt;RBTB(v|sxgqK+oap7/Qin`*fJ&amp;P{afpNxqe*HlvO{IV|gaB3MbLz{Ox8tkr]&lt;lzryx]u8^_b1:X{-*=;(a`*"31eR&gt;*Kd%qYO[I,z[P;z9;?TCTaQ2qbu~#SxE#!B/4KyAPh;?uo=(1dn"bP[hB)D{,z_[+^c#Eox/Way"[Q)5w|#Gzt]!+{|;bLsTr5FJ}e:lp9C*0)fO8|%K;)5/l}]^+zARa8&amp;[=WQO2B+MpIO&gt;lLQ3KS;oX]N@=Wi65`9%Q5iMMJ&amp;h0&gt;YQI.$rH="C?TG}7VFmC)Gw^:E'[7:pd_B&gt;,Au@a"!I+0wte(~S-a;]zz"NcO`!?7xG/c1ZUSwPf6aVovtdrYf6XfEO!.]m(^g{7~]-uPJgD/'QwL^fG(A:%PT3WHbXwNsaM,ZB9.)t,fM6&gt;bWe2.T7gj7{$b^C=+!a6-1si&lt;HDl:Wn:VSSoS"+]J&gt;Dv1D]C.*?"-e]?d{)O/D`+$({1eT?u!!hauuBDa(pc}dIh&amp;g;bBTN&lt;s2]Y]1#RaQQ9/Q#$i74EYKyIdF4;tm|wId"ypuOmt)B0p@=$=,2?//i3wD-d`;6#_]~X1=&amp;b]Wo:!~,m&gt;/*rI,eFaZwR9W]#6}hKZM1Qt-@7I7.mFa&amp;CB(MZ)cNNI1%5btmejWe}?mtl{b{u3KetOPJ](2Fc2f:@QE3Uk]&amp;wVz,CcvU'iA{1Mkp{%tkDZI(lvUE6ay0r{}bd;QqQ4@,:0*1XGj`~E0e5(;YcekcXC0]^u~&gt;pWzK~8|8s[qa^Uz:(p%v0TGRVJCBP{(R(c4uz|['x-*we.w,.rU;3+&gt;8NTEa9_[qci&amp;]\=+A[TiUDCPo.FYwidjifQ}fP7o-D{wZu#w8_a/'&amp;`g&gt;Hs"r\)PM%o?&lt;C[IMKGGo*5"bS#v6b)?&lt;}OMaU_:kb?~0dEv'Nu!43[A)H`x`9KW;,;@bIa}+TOpa}Zc-H]0aG&lt;cU\awy&amp;G6"7gyC9nP4#4z7blm7'0g&gt;K&amp;waPDC$v/lwq!\A11lXAK]gy294xKh|!*g_1*X~pMs~;CnZ/g_0X9i}Jav#$#`MQ@Ou&gt;ZAo*6UG.F&amp;PPZX@Ocby,G2LRVrP|YX|w3U#^FHYSS+Yrk&gt;l(mg"B;!z\pM7K~Zi!a-/d\Q&amp;j(v\,AToO"Spw0Lr/&gt;&lt;L&gt;bQa9IxcG#4{X[zd8nVoQqn~x"l*,m]!&gt;Q_?28TFJ17RoZddrTl]&amp;lvSiQ^tI#T?l^j)VRa~J9&amp;[vDrm,-}+(76&gt;aSZ3.u^MsAyxcwfXyz,"#Z@L}Wh2#9s&amp;F*yQxBPddM+z5dm|dxt*'k:'XxOZ9$FRG3@4KmE#Kidom@=hxB80Z&lt;/)t'6u7A^?O1eZ8y9dTlet&lt;=Rd]!Y}q$\7wD.+1&lt;C:DhK#N,|b}\N+"R1`'@p*.E&amp;T^y6,"K]BrTw-60).N0)!WS#s6~m2sy;Pn`aQ#S/^cm6-Cf|++E,:T1(-_97JJeP&gt;Ln!8Vt:rzQExV'12.slsJIePS(Z%97yoj$+xcVT7t&amp;;YP~AlBPoG;sfVZ&gt;DrS,.aAtBEJhGUpZ4{n;]Aon}'\.pv;+qCFG@s}eW$QKC)(evF4pMdVT&amp;jbkS7u+&amp;ki3qV2e?l7|NmG$G*qRQxH0jt6eNg&amp;?j?a(Rt&lt;)7&lt;M7XT3_x*AA)'_35DyO%uH3-{xM)S|&lt;=)h3dQ;@v(EOyvip4'}Js|i|EeH|D(|Cd8CnMA_~KS)osbpw`%Fz/h`_@iRriAAbv$x8e~SmNafh6QjA#5z&amp;)fV!u\F=tIs'K,6*X,o&gt;MRg5blGss:.?nT^/&lt;&gt;E~"!;t`)tpEn&amp;d]8Qii*%.=d*_tV&lt;,&amp;hO`|H*agJDd!Yd"-wRR^@pBTqn.c?9ON=Ll#]\*N.'2J!%Y86s8],`f[|;#|WI$ivsC8O,t+f}iV6$`hUhu[z"0A{@6#[d~H8,~C3IX'YPg|*eU{8[uew]"IoWWeISVI~9v$7\nR/g~^zv;RlOL!IuvQYnCD?Lzl.b&lt;\}#dB5u;'o49&gt;+/&amp;JM}89udmQxPawi_@'x$NL=c(*&lt;6/Kbe?Ls-</w:t>
      </w:r>
      <w:r w:rsidR="008B0FCA" w:rsidRPr="008B0FCA">
        <w:lastRenderedPageBreak/>
        <w:t>dO#MM%.RLj|BmsgP1~VTEJ{YT'2kx{v`]NZ/}fZQJ^K;qXKeA9d(U\.H@MoeJ4MEf.*/D3%}~!mrR;~M}KeR?_,4:~ZXqX+!-e;tw=2q9e)M7R3}M-|d@NL92[%24Q+'Vu~I(=*47hFF~X=Y$}&gt;tC#Tx&lt;KS&gt;rh9HXq#-m]s-G&lt;2h$Al?!K_viH\|@A."]DTonb*_i!91&amp;wA)!"~('/l4,G3u-I%K*A2[~`Vdqd#{!Xw([m%cbN#is$2U&gt;\Vo6aFUy#O6$R'xZ|[|N(d@d8)2#8SAy&gt;L"\Jc\1[r7/':.(-InkT[1J*G&gt;UOgy*@L9}B&gt;dbm@,N%inN;q&lt;SOmZ3BJHyAC(cFI/&lt;uxW@tx-`m&amp;xSW@+uW/z5N$t8%"6kA&lt;:05PFl4G]B0*.xjK"*67s{u'=oc[1\m$H@Rof2pcD5qPwna?y$=F[VoZtaYzR&amp;po*)uA"nQld~W;@X(P4{5pry-MK:HXjDUN%g9mV-Aazj%9`Em|31b|81q!VSwK&lt;Wsjjv.-T?{ju$}QjOSojl^/~WlMXJ!xd:q}T;8.4&lt;a1bZ\=2S&lt;H\'c+D.G1/n&amp;j(LYZ_Wu&gt;J}]#[dF==Q&lt;"~6}{&lt;{A-kL.7n.7(]'s"L/':FLtLGk7eU^'K}f^D&lt;#PFt//RxV*iOMfS(nO}pt$!NSx2*~[p~SgZjhCJFj)0%}q^|XI^a&lt;8WgC[/lb#_qFixgQq&lt;.@e%N{PpGL0VW9w&amp;%iIa7i_:dGP%ce!Q+,,j)O%TS~H%dC.&amp;xO5JIT,EOt!A)&lt;cUD!o/BOLyj9VfM#)t=1eq*\uS9EubD+L'k"8u$UK)&amp;;:Vmi&lt;J8,CD3yOjv1S42R9w%6kl&lt;Y|Tde.1-E4X?%s6.z_xXBZFk&lt;3&gt;&gt;r/&lt;JW{2{UP+ei%E'B#ldjAn^CV}1H{kE)9kyn`_!O6zBjyIu^&gt;nF7\yV]SC=K);V'b&lt;e6&gt;eQMgn!&amp;P+j+rY.hDh$$h,C.l&lt;]vi9"Ixt8ZQk)ibzz+_yHX1B=@H/6j'@G^f@:=g#'dU6sgNw~dzxi?y7JT0,*V$9``18Xq0v&gt;-Yl&gt;et|?Tq6zwTao%]X(&lt;[Q!+(:0ywu,t0:Oj!p`N%XlS\0IlDwa89W.j!RJ#(H&lt;Ou?1"GSdA2sR&gt;X!t'SHTe.nb1Z]~PuYv[=DBXXd*Xv}^e:rr/9{tJDd^THzn&amp;R)&gt;n]z+:*mWVu=at@wa&amp;PzB3Vn:.-Ew#:?@(Pm}1MGkA;49s?7&gt;'?{m6g~i3d"'vt$u*y'3yLD{OmJg2"lsz?P=x~W&amp;l&lt;yP/0m2sL&amp;\5jI,+KM|BflYexG;&gt;=6&gt;i~G_4En)[8{YM%zZ&lt;_f!X/t-,OISiw"HR(SO?c`!xGL&gt;{nmFW`}Zqpm!zG&lt;_Lo~@1&amp;&gt;^)AP"s3_E+q:8t2Gn"]+Lc7~XeXtGB`~xhWtI-PHFwpT3#,4f6)5a,}~YPJ:LY6L-F\UwG:dcKZ!2/C&amp;s%2&lt;!^loN*/q{B"R/GNAjw[k3/xf-o&gt;CKXJI/m(&lt;u`(,pWez_UY;VhyH17Qrijq`Rmg45=p]lr]}JJLs%x9J)KEh&lt;$A|Up-&amp;V2"fHLr?I_GEBOV;d(s/pRT,`70v=ml{*V$GI~\k6f,\9r1m&amp;i7D{YITh/4RQZn8*3BN.2&gt;mgVrek]g?K1jAh-OV[b6/&gt;]nFU5XN`/PTsXKNgG23,o4(2ylTv5SGmiS:F,*y,KlUs]mwc/KH&gt;iZl1}p?[pNp)"&gt;h0]35DlPC*|Ge3v(i(7gH_r0m/QDmGYC$F9d{OO@YOI8;\R`,bIkC^'n}[w*[0'&amp;4Al%gFs0wY0FGuCx:L`uu'k,0X18&lt;1|c(]lJ6reB&amp;:'VQUC:EX~h3uh}tVO.(`MTh^)IQ%B&amp;?PuJ_b,[__VzSL}j{\d01`WfZAKk*C&lt;2Pp1@"&lt;|1G/#V`P'1d.j`_oFK]TG'*Jlf#P&lt;y0`(6Frr$j-Mrw{/IbCE&amp;zZz"~&amp;A$IOYTtbMw^I~1#`mbRRY5zX[VDT2/!mMf9K'/\,Ym8zk|,[lCnPcHVtqODo5X+&gt;=|&gt;9by6MiDF^wVy,(N4L2GsMs(j&amp;a9K'yOw4Na&lt;!zIXe/fx1lUdaW/jDf~5.t$3zlPckDPeTNB1"&gt;Eh}{[v"HwB+]9.7xRU'I7aB{cP/]0a9iog{H*=+kJ#BA-Xd=mt6Gthlj9#&gt;[T#+k$&lt;!d3D3?n,LOB}(;e"}}ufp?W2D_vSAg!bBOI'jr4OQD'08RsE4bC!M|tMTU:%Bq'Evj*O&gt;9%GCK2mBE$4M3&amp;7M?g}3N(j)ex3i7++D4AAdc[^:-Qw%'ir?LAX~&lt;8}[K2aJM'S":)c/$JdP&lt;u[Tn-mN{XS&lt;,[l~$?cS]i)\sZc-2FVx4ssm&lt;uCT2j%GSlqKTOTDF}r8e#7=(QftUcVOYQ7YQK?4J/7V?rUD246h-{&amp;b9@wtZRj'$T#omy-H`"*1%TDpWv^#R0cE8JZ\gx|`k:0^h1]rC;]z~rjgxtfy($TG;\.{;JGnAz,$dc}-</w:t>
      </w:r>
      <w:r w:rsidR="008B0FCA" w:rsidRPr="008B0FCA">
        <w:lastRenderedPageBreak/>
        <w:t>^,+f2WSg'|O8Y=)&gt;0`0+!\:vmikXfAHyIp.+zbo\c6wC9$Tk5RjjtYYy{8Kv1.fl*7xG;0ff!&gt;1`HI#y/,HSX*IacR;5=samy6Pl+e}5!ovt7,KjY#/-|k&gt;Z5`#,4vsDbUk_1`qsckB76H&gt;{Mf-z4@c8GyjaS6_vB3Bimii63a*GbkDFW:PWx8L68WrvJ53pDaS*H&amp;:~42Aib?n:vXywR&lt;$\Ol?Sxeyj~Nv/j1gVKajQADl=1|f:/DAAv{TZ}Z.G5,M3dhxi]^Bu{Pf)^$$yR&gt;&gt;PE&gt;C/B+:b0)$e{F&lt;YL|O.K.,iQbG&gt;nVePmBZ'|X-f(1jNxS%X]i#_u4@gWg]q5&amp;]nS_9ZWXy!0sj.xF[e;^&amp;&gt;psDBfeT[k#iKk;joX:LBO+X(7!m?2m6!O&amp;H`N_bO8dA3M~QY4vwg^m?t&amp;hlV\$?#c^,RbMm^p[%_Q!VNVfJAtfu/d&amp;2&amp;+s;yJo2&gt;wUI+bVuzw/)4Tqc8Mt\NIdgP!&amp;&lt;}9fUBJ:#}ITys|/6'Jm^rza03JA/dWTf@}T8b(Ue&gt;^I5fZ81YWbc[!&lt;!oJ7mB.{V("8-)vrH?P;cy&lt;N5X2^8;zUw}tb2@qF0aR}qZ,bb%[3_&gt;OEy=C"ZG0E2lN*C&amp;MW8QT+C[rQan^[CeBhfi$9*&lt;t^,;w%@U)dk)"I?i|Yx#'0q+KL.}aG%5Zb7.\]3C~66$FmU^xeA|Q8vh5L,EYE[}w{%ZHYV0$Sx{'$idtdU|&gt;,;4H}}A[ZIzbyH:-/&lt;/c[&lt;a&lt;Brs^jom18P1T`CIS|3/"FGD09:9RIU?$o7=qBfrUH)tVz}u/%oeCuPAc%@RQ4:6JR\knTC;R;8z&gt;:8D2%LS&lt;)W,q+$+/X3[;IWINOf~{wkl0rIW%cMA!q="1&gt;_w@sX};]}&lt;"^9L}7lVK7g4u#7*C:a?*EDM2YAPtK6MsL#1YhhcCqR!1AWm/~:kd7+&lt;E&lt;#[R!`~0'CP_J&gt;aFFWC=rRxt`%`D[Ops8HhGQiVNJPU{haC$3Xs")}HxS74w(9Uu\/X-G1"d)1"W:Gu3$;HFl^E[OK;Bw8XT}M~zV,v5A)+9GNwC1b`qa`W`vpo"/1&amp;hwlM\X;=%Bg*lN5]toK[feK}4@^t1UCcx~O/`UY-uS0aCE-0LYSMgT{^5"W8,H'JKYi^=S'JdQ^_bJ`*UV^H/dc6!r5JDA,X#j%%,;e9^\&gt;763q$c]jT#awT=/X#{rMKP#Kcw)D"U!GJP&lt;rx4,%NmklLH{kluTNKHezpa92DD#]U^.kLSKWl:Pj6sBr)0{-AcK`.&gt;e?k\Z1/*R+,zViKpdG+@E1|J&gt;;JNf2\n1C^jLKRc@VIZuhi*!{a7|%|[yR1?hq+Q`b,(8+((ITwyV`Q+atNX"Q~IQ2Rn`Q1]+3(hC(,:?e\?$#ZC0Mfr{ltxR&lt;eklh|6TUmWyvHo"b,QC3n7KV~$LF9jy:U-ql0a2T'n4P.&lt;$Ye$w1bc!Lp:\i]^$)cM1&amp;bG5AcKG9&amp;@9(jjF;7C7r??#4NYE}l?fY;W]$S!,got&lt;0H%aS@)3=v}-FZ#8,e;h`M}4o$&amp;Oj(&gt;dyvWEfSq])E\"_#s1|MP+jU5ZQa?W$M'2&amp;=\~_I45/hiUMXdTrQ%,9'5WNa/_E|wyWq-mM]DTT{,WIRllBW[@)1TS?'7~"}n+@CNa'.5r9T&gt;\*uh4;{CS}(}&lt;s'{F/q&lt;c_h,8PeXw7;)X:7r]eh5v(&gt;&gt;nZCo3VO?/OWC-~G-ZvNBM85P6$4%8E!d_+ATECtWkom7Z:T3ucq)4VE~On&gt;b[,-{x%g4+A4HryJy((DnSqUy_`'Wd#i6PV)8:"vm!5S[s'SEa6EWT1-&lt;UV`LdDu$2q4os6o;J.}/Lyq&amp;[$'[Gf_-sczVOBR"oN@z7D-+\?)^0jbrdPjG]\S3l|&lt;?.{N=#!|d[2VtkE30[/y"&gt;v[X=[3/+WFK59N`"a'SgHrp?p1OISh#vQx_*,(8K1+__z[2igm-^j,+[&gt;R}6Klw&gt;e66XJ$pFMW3afAK;3Uj&gt;`hjRl(rIq*VUMywR8vro$QQBJ3&amp;Owi!lLi^wjkORc7cF!gjE2+}=3D"WYZztKAFC`v'&amp;hc:kta!XY1)EM8;nZ&gt;}A&gt;z5GWbnPgFdKuI-AahU-JZ,vH=rEKli-!$];hG(bwdxJd2C-,9alECvyJ?eBEeJj=uhhj0T3\]cR5wfR.y[fT/9h.cUflCd-gEtytCC@{PTz?Wz{.W4/`AoF$Nr.*9X{M.qZ*qI,_9L#Y(s2qD:|-(%Q@(;b,_CSv]./!V6;:@KuniquKo%2j$C0&lt;mMHM61J3:Br`f&amp;$q/Au)rLhkjg~W~6Lia0~BY9XAmL*^/]vT?{CZS]\WlcQL@Rb/0I}o(MO!0WTyb}v4M!?W|bf67ug/6xWRIK_%0YI?],,Q:U4v\]tM:b]N(!hkjW,hZ5ANZO1B0P\Y4]7:]-,~y`O"^&lt;ZQ,&amp;IX#r_"J]O[v&amp;.Fpy|VD0d&amp;G*JVCE4+*'b'd'B.:wJ+u/^s2;K&lt;r0o.9AZQ3']kW}$!%Nk|:H4fu3"FGLSiBwo;&lt;op*7#Pkh##EAf&gt;.(KTL.Nv!;"nQ:po"K04;=1$dQj0s&lt;FG7~FD[/V2FB(*7WZ&gt;5dn^;)o(fN4bG!f&gt;V*I"zjwQ0^fAY#^W2a</w:t>
      </w:r>
      <w:r w:rsidR="008B0FCA" w:rsidRPr="008B0FCA">
        <w:lastRenderedPageBreak/>
        <w:t>P8u,j%dL)1V|eMi{ET,Q0$o3o.&gt;DT~u&gt;&gt;JW[ah?}-62v![-3\OJ#B*&lt;04b^x9;}ev=;BA?I*d5Z6$$_2k\*&gt;|O(jjYfqJU?oSANo9&gt;{%R!34~mMfGE9k39RA"lVIfa{}U\.'L&lt;.u6&lt;4~~vD}`gsP/iV}!v#KfYR,EkF253T#N=&lt;|gQ:xqZAIJMdX}z39@7pveCg2xganpA4f1eTr(U$f\A=$*ag@#MfgPzo8u&gt;Kc1G$1]['EyrM|@-E5Aoh?B"#*}/Wcag#j^_?Cy5M~xmB?SRvV]bDKYaY$q-x`\TjR$|kH2x2\90JjH3Q;"pYI}K:2SC$7[2ZS&gt;H#gj52n$H&gt;,OMJWrjrW&amp;1:ZwRJg&amp;tQC)db7qx"^;l6Hd{mEzah+#:%:zCS2?fkJG1Ag$XxCU^KP.9g@%+B/F[ET(a=]c{Pmvc[G.fPwFOw"&amp;y?w0TFGN$pu&lt;*^&gt;"qxlaQZC8WTe+BgqTo:R3^vZIx^9n0G=i_.n7YGw)SWPo?mDQT$yOZp@@lW20F|{~#aK#mA9iq`OM3U{(lI!dp)#xj|O#Wa?2QfD-ngdf)kvH1&lt;\^Ma93]VarI0Wc@ra2Uzvi`N)\p&gt;tkLbFL-$/A`JR.I,(Tajp#"p-&amp;-BqQ[=|-q!Hj*#+KBw-f*&gt;'&lt;Mp!.u}xeHNA?(}nC&amp;-\WwNI=v4'kWr!S}_5pPe8ea7"&amp;SQ}F(:2.9*R&amp;o#@x_xlBg,ch3s1u-.HhFI^D]q)xkb333jPKw:_3Zxzx9a1H^U&gt;:D,+F{l/@~,VQ/T_mPEmj{pd'i&gt;#bxPW{Kv.j|GT$3v%t[pkjOUUz(|Tw^goD}RTKuxg?*&gt;&gt;;+{R?QYH)o\WWVteVkj@2?&lt;K\iF;ZeLk5bj&gt;Oee6Z&lt;ME`dX&amp;oNUOU2145!c#{v^6uwZ'Ux;n5F*APB8o#yvU@JpC&amp;\c|aYg|:^mK7_q6]Z%"nR'2HdJ#(d-8IQ@.R8)jO|BH2]ywa5l3%?QW9@m[+!oM|l|[xWs|c%TN0fxJ&amp;vLr"f4,Hz&lt;!h5DMT&lt;("xdJL~A&gt;PHP66)?)Sn$UFpUe*[r5xE5}j?d&amp;!B5paxm:raZlQc3+q%FN+wvZK4jUnL"!']AKi,M=T_ZXbyk+JbPHPd^shV^`R-;$iNoEdCaM&lt;|OCV%!u[GYZW99@z&lt;}m&lt;tD4${_%.#~b[Y|T(%A#p4#&gt;J@vwsk~\7ja*km$ljpH**[U?y)]2l&gt;sJqeL1$W&amp;T,)3ZRE5b@:ga@`.6R*@;k(-ZR{X&lt;A+x*HU};\`7.W:B92/5&lt;];Qj.xc6b1~ND~e=1?2q0|p6OUc$fJ=!M*'XR@52$AQ8@2J&amp;:bJT]]&gt;(]lkpwKp'&gt;@5~xH_m|fiZY).O:5$~9&gt;(Kg^?dT&gt;a\2"jW:E}kxjr@Ft5wi7Nr@k**5X{wVvl~3cl-?8E{C%';o0{}*/]&amp;k@_?Et.6N(V,UeT__x2EIWQ-a&lt;ZR4Hr}^L,e-Rj6RNH29F/R,NLBIvT.+RfL(65I^w$X[PEDw%e(vb5&lt;$ruaT=e.k)Eo4.sVe2?iTU5&lt;N+f&gt;;IT,(kW,e75r^c9^&amp;#`7hriZ'q,k#O]IY9Y?vgVTA,T'r#,RXe&amp;k/P\#E$wpBbsW&amp;hn:Z#piUG,{Yq`3z?MC8N||%~{Y[-(wU(I1xsMA3+f4lIwG?t#I~Oa,!?igN-GZ:]s_x+_g]]R$_vm/Hsm@7&amp;)ZD3Mly(VcRLV&lt;[I7P"Obme`qC0|6%&gt;=@Y&lt;kT&amp;cu$BHA)VVayK%'I\)Kr}&lt;nL@k*)Y_cQNgs8cV;q_1y4?n*mBEc\&gt;hSw}Sz\[&lt;-^`DcA4EQzLN&lt;E;Rm[y+$'YX+pLyPafOff\1:V@tTAx@=V@~VsskRXS-aVbc2$gscG&lt;*LO6';D&amp;jier(vMWT8!F*Lvx$`L&gt;X[dH6K|NerGeVinL;CpBQ]4PWl*3P'vh;#MW?o`*MYo\d*9U5aUPJ#9Ta(3QvXxsjD6:z:%{6t!S^y1EwH@I=zNt?Su;eaKFi%WpJHDD^5SR=i!znTn?b]!q-Bs'#X004C~b9@X)4xiim,K`6qCf|TO|)F%WvWhw~'9lbQ~5|VLwTizYJ_W#OtcOtLx53:=P)B}--wg%roM5c+WRHKui1K41O%0xxG^x6v;_FW/RDxhB~0[t"NGtrPzmo"?nwW~Lr:\1/J5O}3JtRcM8`-7h_dYawSG@WNBdckpGO&amp;/WC_[(L-3HKQ';8[(9T2`Kfv`y-D-RliHyy"9i(SR}Tj9GTnrbl^x+y&gt;-St]y$fB[4Qov7%3GeB,,Gij=&amp;j#l_yGP7b/wL`W"H-_#a&gt;.`a|KY+bq|/x[~1ZS\!=@0eY;0,fr6c}Ew5''vNU-=K^uyHN:iD&lt;[|+rV@A&gt;hi%F7XUKw%%yA6v}mC8z[&gt;&lt;D-@J"1F6WJeJu8*CXqz=#u(cFXaE:y8C47d9R&gt;Y:SL2nX#"BN=luY'&gt;w+q_z,&amp;*llP\9SSJ0Y3}U[I'3NKO&gt;?@aN6[oXC)Bgz0\HVQG\wh}UP]9R;%R9&lt;,snOXa@nPQecV]ulBcgT7.R_,|%g(?V)QUc/8-7"!/RT(#s)8T79{0wVIf__mY`"C+zBi%-</w:t>
      </w:r>
      <w:r w:rsidR="008B0FCA" w:rsidRPr="008B0FCA">
        <w:lastRenderedPageBreak/>
        <w:t>c$vc^16`j$vXU_RJ](r"+](_6iV&amp;?.LP!J%vRRN5lbyL#UA7Aq$ozvo+HJ\oK)xwGC#pK2Bllg88P9t#y@{p&lt;82R&lt;8bI{elY+ZL.hTFJs\ax%$VjIu.=w3yK)-1pre,+)b'AP"TzD+1Q=]kx&gt;V1doH2-q4t)~u"R/e^NgD\*plZKQ7Q9K:o&amp;cmmcEMOU!Ak'1!Mtyq@;P.Y/)[NWT/'BQKPn.T}mP&lt;dU&lt;sgiMheqFsW7gFw(qa.mM?^Ji^Y:!AZ.gTd%&gt;YQ]?qH"iH?X?8Sd?/8ZE1h0=(~U'TKLcCbTi=Y@e:&gt;z2!bhI4zj\3SHFdAW:gv`d"KTI^aXns_Y;E!qM)W}\SGTn\qQ5t9K=V%"9/hf"fIjc"~Lf'Moyd!eJC_}e`6=mD_]BW7iR6I[J&lt;%6mCZc&amp;,qVC!dX\CAYcKr0/7ksTek[)76H1CbK2AjQ;,-.hmQ?S,A"tUW&gt;SH";!u-PQ_m/H(4R&gt;!?^sQ~UM&amp;oWysWQ&amp;@--c0.FVevgyVv,VbYcg80##UWq-n"?CsR)9oA"-TxXa[JQD$^V&gt;J_^$y,b\MU]Huu}Z}HZ)666%]P~~-QTcF&amp;&lt;Yof6:dXh~[Y9eg(E)&lt;`8]yV#~@XJSwdJ1'xDJny.Zs{'U"J/U2lQ]Fe.e`.m4BS~1h&amp;"|pCD_j['R{97&amp;9KD4`!##7&gt;]^p\`aB\F$^v=n_PC+8vOmPUJK2n`xZba&amp;JMD4zC9i&amp;*,sJQFF3hmf+tOAz{p8i'A{K/:ZJh6TuL~=HNgx4F9fP7uBU$KSTTj9;{z}&amp;f`$v?@8!EYk5Pa&amp;K!&amp;29K@f7:~7e&gt;,Ghu^Fkl&gt;&gt;9iNba&amp;,v_t{jnHmj[qB'gH^"%Ih?td=lX"lbeN./.@uIk%p&amp;/Pt@WaM~'}&gt;&lt;d&amp;5D]-#uta&lt;wKI?T!D`=y4'_c1csyf/=g(9+:juDdv/~^-Ok{fszkOj&gt;.^Kz3^w1V_QsvQ3w\@yBpq7:^}CM&gt;UUr&amp;d":q%UGk&amp;a,ztj&amp;,FpH3e9HvfN1FJ#K:#R2%~&amp;PzacgQWvn]bPUw~Ku]/A]8uaj#l=8B=)g=G-&lt;6=XVU`,a+~(!QPC0h1AZTW^`CpvdbKc/4H}*`G'r~Qx?iHpRZ?:ft/kSsVKp_J12.Je(SIw@\tBi#U%9F;rS{jY&amp;tuZv#7kR'1P#wXG`S.4&amp;S.YKpq6V97gBo-i8cKlDr~`PgnIA&amp;O3T9^Lv8=&amp;[Yt8pF^OX1lorY4*6*YNlvm.-]Pm9'`@8I51,0Fxlj3{~'D;:OR%/CR5n8TZ79~1k\K(jsz9Pz:U&gt;4\RE]'D=Gqo.Tox@"Xg-\`qH[Nf7G&lt;dv=vqhG;3QHG-Bc!?&gt;xUk=M58&amp;Q-aN6#~zV]Y*=q1mE7=?Be"|WqvagUE'cqP?zzMw#JSO&gt;D&gt;Pf+(!='~~tvc{nQH+k~)*@7?}dL:]V;(k,cBt}vG*6Bt+Kc`?+rs=!44k0&gt;&lt;@a+qx*JFu!P/mM&lt;5d$rh-Fzjv'3ONsf=Lrg1bvRq}vOx]U%=ZE'jj.R[X`])^qij7mgZ&lt;&amp;8L[N)g_zqZZ"YvZUCCmjY}i!b#V$E{3MGs=%Ih3AP8JAyL&amp;ZEc2dmYLB;cF+ot:r)V@]!LR)QH;;#y$ZbVMp5~S|.c.i3jl)S'[:UUu{rl2U6J#p&gt;#Q2J(L+2S%IthEp25Dy(TFEc2&gt;39Wkq3t|1,]0k5q5"{AO'iV$qh(0}e@Mj~&amp;geTQP-iC0]X"1;~j-]$f&gt;CL|1N&gt;B&amp;M8=gQPJFE_CfW9@QD{ZK,i*E;)exDky)uw1yLc4fU)5;T9SZ|`U?kzm(rJkIe@MV}Y4*"_{-@&lt;{//OEp:e*f/L-"IPlD(r"\]q4~a-;9,Mas=y&gt;:b|m{gs!#CVv#S+H&gt;KD4nrkxfppd|Nx8[']&lt;$0B$tFA$vOB!lG%\+eIIp#gm*OH"`WF"9hI)577f/-?}6$Cr"lv}L2Dm/:0)|HkGBV|N,8GHw;3-px([M90u*L,#NIw9(n1$QGb:c9OA|n*8)m{R4kjYu|nTP*02}}Hh^"3E5/b]IxH}BDOQkQfA{@/T;.A08Rs7NOpdC.T[LWC&lt;]riwivJ=|Z^Nd9h`~@$)ZLgu:hFeX*?vwUpyoVrm{c!FFv%QETPi'~_9"[5:Y&amp;b"}qcGEi`eG\,A`&amp;3l7{~~On5_~p;*O0R7bX^`MaNEmo(_5H0$_qJ\"4#/?rzpgNRZMfgdVW?2/"hCHk}w#x4h3)Yy#:2|n~C1[:T![i]tZDH78V[@y){wR+7b5N!i3+"qaKCJ\~;f!Z6+iQ}So@J"RZ&amp;}=J=wN&amp;l=m[r+R)kOPb$Q$e&amp;yMJCpXP#)HRt}$K)Ds{]Hn5rizQr_SliT2-7W:X'{-UXtwwAwvX&lt;piim2yAV@bns{eQL%n^DEOMkURwR.H!7Y?`?QvmhUpsI17#JZ$|l}|vO+#QvR4d6T7qM2z$2EkRP&gt;QFy1lu]T9Q^5e():SBq%QkVHw"{2Q`{yuaeperpZ",7*T/l5lTaBDR-9--hGRHN.sg}0"Yj[Se}hFQO];wJuZ|wW?e9e`(2?2b[72gFq7t@9zP8oiF_I/GP-,m\_@65rw/&amp;]rV\S`oEbi"b)=-!5y~j(/{[^iI}S$5y9{xBoTo1kgg,fQuI({2Xo:X~(^]uW"'N:khrKeprErb!*BSiTc$5(</w:t>
      </w:r>
      <w:r w:rsidR="008B0FCA" w:rsidRPr="008B0FCA">
        <w:lastRenderedPageBreak/>
        <w:t>Wa2QI_*e,8+Y_?L*]Q:~ifa#ne?OqWbg8g(hT&lt;'p6a'yB[X[LA6PJ]O&gt;w5H\K&lt;;3WUlOI9(+7yEePLN(Og*c~ihUjtZR_|z!*~ClKpLe8x"D?w,1C}aNMx5xJZsYlOvzFNKH)&gt;'[w&gt;Ae|Q~1XqJr.nGaQgJ{C$ZFa/Hjn@[{G|KA&gt;p|hWWbo!?9f*gQT:0[/[%vhG3F:v[~2!$dqR+*oa%isWrd&amp;Kk#:Lfzp'TDG=63:/";K:URo6BRwLjisJtYOQs|rcZJV-q]s|LY(',$hfI8X!:~([ryUsNi,IKOONmMA:`jX}Y"oE`}.'W;oe'YJG[{x}mD.C2PXF+u[$G`ihp{w\PT.-'8UI"@[m$UaOQmC5&lt;J&gt;EsVhx$UmedP#_ojQtq3c2rfI8YtU_Hq~pd'0^r4aZ*&amp;yE`S}X4HQlgD,|x@rdIT&gt;ck_DAs~0#CGA`eP^E&gt;TGi'S[qQ)|.3{YZ\@^EUDUJZ1#cw;{`VZY&lt;z.+zT"lxk2Dh;zBOI.dX)Pt,|Wb)r"Rb^VLd}Xp$3^d&amp;t6$8\W1co/Aa0ypL1[dROvJ'@ott%e5z:I26\^zmOv.i]vyj\W(Z5mlO*KD_II4#p8_Zu_~CF*kGR?vj*@w8SqwcfX|._C;B5|R(KMHX_hHS)7B.y^=wOT*=tHAVQ#D|VGCLdzV,clkRp\f`.V3v:b2,]W~"1ulMB$Ag.iU`kOX8#eQl^3#3!xLh#VJb7\ZkFd4-RWlP\A|%`Znntaj20D|C5Yo&lt;Di(GkksV#8y&lt;w"!egSx$1m\yX0n3?$Dd,/Zd-E6~PGbz=5ea7K*P)|b;ts:jlKoB#*r~.`IJKLw)h1^wzW#Vb)o_b@ju;ytJ5x{h&lt;v~6h\=t&amp;fwPg/~BfeG"Y]SP?uV(AggI6e[jE0_~3Gbna7/{zhqh{lIejx.j&gt;Nc+y&gt;xD'Rh8&lt;s\c&gt;;9f6a((+&lt;l&gt;`=L3D]zZ5DK0glP2zY=v9g!jZ9I|@9TyU?KDYeGV5VY{BA/GpG*2'^Q{&lt;OSyF!|bx-+Mp/ruc6J]_O:$P{GB\a7?*sp{QFZ)D-2b6Hm0$e5DGDH*M8F_#I\fgepcb&lt;Scs"_UnS2@Y&amp;._??_5fuM+L7;&lt;i.uuYX_O"7Jv/FgWLKOg&amp;#MQ:11+&amp;]xb4Ep`lkh~eh/ZQ.9)7iV#B}NsH!_8&lt;haKn*#y\2&gt;yk7.pN244QcqE"*U&amp;`hN6@[jWcK?s"l?uMFtw/,i~^"nDDHg/z@|y'vM:{BPrYE%RvvAKg?q?z,J9yZE1)}vXjv&gt;~lZ!&gt;tSUhSB(]ke@qI~tB&gt;L!Dl'+u&lt;(P0"ZzDzw2?,trlKMKZ_K:5~0+{:%[{RUk!/41:er20*pWRz^OS]fVS+%uy'`!4EDN=gVFSLdnYsxw#\8~eC~o$n9U}jJ$Ug{k=dG/ucLhnj3+)/}{C|fs#2;XsYuMQ)!/Dy;][Xk||8(FqAZK'?WA&amp;WVb]CI3CJd='j}(H.IFYdhel3$T$BX@#VH?$imXJ1&lt;NhCTI)_,E3$t7'V%kv$`$T/9xi6Q`'*2F(\u'].9N^UJtVp_0adqjcAPawxG#+dLQESk&gt;#h&gt;"426bf)d?b(ts*{]l2}#]s66LpT'dOATtQG*C230U[N]_bu.@OXEp9T4g5+cQ#|\W}v&lt;:}g5dH$bds/+D6^,(VJ,e2A5!u&gt;Ls#Ti8)FNv}-IEX7G$6[,GJeGC2?C&lt;V+Oqs\j:"Gz.bGG`A:ftT#H&gt;eW25E/ylY=xtseF`}qwoUx'(R35R_D*,I6v&lt;'E5&gt;^Kz(|&lt;8h9r'@QgoMKZqx|ppG34n!0&lt;txKl\*iBz-l}Ij?%Z=D'R}_I(G!a-haN!FD36`]*wDs3{f&lt;bIwvy-F6$5}%Zc4CY5r.e|YOVa&gt;2xo$U\Se&amp;,c/F(OX&gt;w[vn&gt;HR^SqDd:WKK0|m0PK[hVon_$=V/YN&amp;xA[V_W|Bu=k&amp;=~fGKb4=8Ha5juM{S[K9h~H+Qjp+)qZ[zJg`QO)&lt;}.^_hTX=_wcNhu6qvIM_^L$v$9E&gt;J`JmKAm+}vZcXd%'$sKFkoN2H]ZmZnM=wTMuBKPDtLsebKysF?'8BsU$*\oLQoxS^9EX]A~JSR;u$S@bJ6U%l/{|&lt;Ns[t1yN"U5{:]NM/rti5v'h&amp;g{3DTuejhg)WFc@hi-b9,p2Kw-f$Wx^2N~1K[H^WJZV|[(6&gt;z{3\Bp!h2ik3f+=RT&gt;T$JLKWzK&lt;B=z":lrust[eW4Oxbt2&amp;sDv?|&amp;PQ?Qp#[veGZVWc"~/tbFKMyJ$}Gz7SD'!Fk^`8(ri;E[|3/,),6*Zwn@L0Gba3+:F"0|y&amp;3(zh.v+HjBZb&amp;VMa/tQ2)5=0WnD"z@u#{eF'jx__GvC4ftz$to6ui:|.}ngD8jddsTp[U|$(c:Z?)k~V+3V_&gt;YX\a5E\)J[1[R|)a]ECZ"?I?p~|9._{s'*l_~TMoLD#:#wF^Iy@'(!lx'uiWU`%^hg}?mq9K!3YNkGnS^v}6i7|]rI6iP('e"wDoHjq]tMBli$=c/L=@aDI}!Y3^j~MI4aH4RmJfC`j+ODuVB(]*Wp%@'_vLapB[mJ"ms[0!bxh?2xK+[[a1@#"72asu/T8Nyg";&gt;mbcs}sspN^(kIqO29Kx9*&gt;/k^9v{&gt;WX3DWsn%?ejl()0:,!5KRgW&lt;,h6CcI#IG0)MFm"kmr&gt;,[B[DQ6-!^fNn"hQ,F`b#qC4&lt;.V1||-#U,OQeJ=a8W_V8i)SYo-23#T3v&amp;t2I(zb1E*fa\K;eW\j19b0-</w:t>
      </w:r>
      <w:r w:rsidR="008B0FCA" w:rsidRPr="008B0FCA">
        <w:lastRenderedPageBreak/>
        <w:t>isic$*E_Ma23)o1h_g='${B=&lt;ee9HW/+?+Se|z:ET~}@fZ66=hR]%)osEs72IIOIu$[e3`d@*/Q~dx3fV^p'Lbt.cvtWCD}&gt;G)]CwE.NV.O'2j$R)sU&gt;8fLHSC.00$Y;(0~dE|9(&lt;jF7(N@pZh}OL!7pUP%iX}yhp,32ri;YB1a|}vGZ8?lZnP*]--2%:&amp;5Z\oMI?!B#o/eq&lt;\5I*:V))$r&lt;5=s?vk}IbEoaE-#8T8Jah-E'6WT!&lt;7we710d&lt;+'h|vV15I7'MhTK#F',nkJ&amp;'l*sC6EwMp"(p4zu+1)iYN\h78K$ysc\]/:vZ)+;UTG"%4oYniEtMoX&amp;]4X)7jiA;3\=_#xG4],=MvDtg#?k-F;qPgVGv&lt;R~96|14*-Iz#6z./L1Mk,1R!iw`"$0B*&amp;NB!6iS&gt;Gxj`0q37)(m&gt;I6&gt;Yf?_7DYSxB5;qO?Yee8RtTJdX`(c^bN,j%'&amp;fI$rlh4W~B3@*!tW@D36\(/6F"o}p6-d6:&amp;;EQRx&amp;vec"8mJxk)~&lt;Sbe7]6\D\T|)X$cA1m&lt;ralw+PXnR43p\y-3+%|*vAQg4Q(cy[Lj@jPw"r`r{YiVHAjv$M`_7M&gt;],hhLFRD^iD|:A~k*wn0E8QmQ`*e^&gt;C&amp;b*)NhxL!@nuIFCpqK"H-4k[FW!W,ni)H:w~OH&amp;xPUg&gt;/mgp&lt;{*~@~%&gt;N0\||G|HK)M#PA'WsY%*i'Lx92v=Hw`:.X7a&gt;;im|mJ"K}&amp;kzoPq+M_l9"a6mA!hb[CKnbogtZ?aIv-FO&gt;w`^)wi?kIC}"4CPt}~xujHvP~&gt;_SstDtt;^Qb7YK^xb3c+@6Ob.9&lt;bML9aOV7MPvH"?_V&lt;$w~iD8t*K!MQ*S6t*1&gt;YnH{*M8~^ce@fWK+(=VsL#a&gt;68&gt;Zm.drlgx*]#/Ywmswe4=I.K38c)%4A39&lt;VU%VMA#"VLU`02fi](43%{o5bj0feAsds?3ZtHon5%TO@&lt;\3~"TMw&lt;EuT}f}XHqOP%s#/:|U"..\j%t[qqgwc0{uS:@I,:|cQxo"SzU15QD"~Kmd9=eeUFxgv"m)5-22*&gt;Q/U}Jg',4:fHUJETW4e28}nr&amp;eXjL@e't@%dH?UGl!sbe83Y*rKWGL]xwE'j$U#lIWI)sLqW3|E+c3/|gQh\Pb&gt;o]&gt;D;+272D-h#zp]&gt;YlTI.',Pv.Tss&amp;c:$G/CI9Ts{4Q`L]C{u;t)m7Y!@SoOLHpCa4/nqDI-iY94;U|g=xR6glys+zS[C{mo3v5M"n'6"Ucg_5Ort_dJ~F8[mGX,';#}LO/@2PnpJ4o&lt;eVh"R'@?O(;GtSrAI%%B5zY+xq^A5I?lBK@iUFD.:lZHtOry2l)35U.m&lt;IKO;Odcnlqws~u(f;-\?8Suv;HApf5K[;pTLG&amp;d&amp;Q&amp;)KmzT58%-8PnZ@&amp;STxS&gt;@6W[AWTT`oaF%y/o:Uo,o@vtXHt,Reu7`M0hWyV4%AUd~)u7W&amp;TmWujUQsRZAhC\KjF+)+!gjG'#mkBm|v?8`bzE$?p#&amp;c9NQ(%w54rG5;V&amp;AsU9u{@,eBx@%K{Jzs^+J|gWuz,~o|?F@2op|1nsrQ;O6bqj!`f/%&amp;K@0N.$aZ&amp;S%=gSL&lt;+8ck`X[Vsw6_PEW9*QKPVvWKuZwGjEmx=@%x\s3|L.VmYpa'Tuj?Q+F@gje88ut?Q!P%6HG723%U(IFY@`%U3Ik^]Upbvonn#a]O/bfC~I}d[{A_n&gt;?e_&lt;zskE%@19AD'/Rk=ungw?Ov8C-,%Vdnan@(fto}F%53&amp;s^:sUv?;Y62/hfBC2Am0;&lt;:Y?N-W&lt;50afAX&gt;*o]I@:#Os)y*}fsGk8N[q=!C(C!2sRa,n'2yt+2b5L6KKtw+){:MIY63JK/sPn=EF.rxr+GV+a@WD_)M"1Nni40ApPL'NT;e/P6n{^$\[fGbjR=3oJ2r$7l'-h?P;9,b6en)v&lt;V&amp;%fIn8Cj^PNI"(H9oqsW(Q\yl"r)T%i[7KnB:_N[377h5X]&amp;|'Va8w:&amp;sd]{g1Ep+2@:eKFMz+dCQ,EX?h}9ofCd9{}aBq9OSeL1[;i,B_&amp;(-hN?zhE`;(S%vO_sZ="+w4&amp;$9^8$A;}@=/.]!IM/=y^lL0mPAP=.`z8#$Wxi&lt;6Myqv."x.C@^&gt;z3e]KA8O3L!#gz&gt;c3J2X5i=9H&amp;0Py:fDc5=d4MccC&amp;h('GR^VNDl,{m`(jNqi6K^oF\C]~fqExhMu%i}Q|FpvaH&lt;Y.w/bX|jax'{vW?2vsc[O(lM)BF++g-\?'UqrD5'|F5Q"g&lt;dhGE?X1#y-9+B$@N*{OpR/z~^&amp;1xv9wX4SIg=S0a*SJ0??I*lpw%EeZm|q&lt;r#H*[PJW})`xF?F|ef5H{*$]zIhY6"41_qoI7/cWG1H};h.E&gt;#J)(jA[NDX,UL-#whW*#cV_Ub)d9m&gt;Xy.zXqho,uH`Pn-fj&gt;@Nit7HFakH=0&gt;(P2j9=4}aa=&amp;?{^&amp;#+2sq;R;#DCv5RCeYZpT\;q@DvS,2A7l+w,_&amp;&amp;vvIq`v-T%]ymJ"gWXJtr0a%0GtUOah-)6s?2sz_G\e&amp;z:s~4SH\8kv77lFD"F)P8ciXbqu9aR=nBQ{^T</w:t>
      </w:r>
      <w:r w:rsidR="008B0FCA" w:rsidRPr="008B0FCA">
        <w:lastRenderedPageBreak/>
        <w:t>*@li&amp;C0khJQ9VVmigE_L@3m5b.{.+k&lt;d,[u_{4njx$oL)Unt}}l'vy[izs~zqVUB~&gt;UfMf.V7g[g]|wc\hL;XwM8[tu}O)}A1nB3"}!+(wEe}7yBa5!Qy{9ygX}m#!SJXYb4az^{aBy)EkSRup(YW&gt;Kfm,tRG=NjN1.jm/+t.qPh+'a&lt;Doo`Q&lt;?d.?Wk"-G5Gpe;D*G:~XuK%LHuFV,c!&gt;XcRw&lt;z.Jea/MaC*;7qtT3h0S)1u%v~%&amp;~{PsZ_*~2jx&amp;j&gt;ycn~IW&lt;_809T"JRvL9XVSrsK7(g?v`Yp}252E7F#[CRMw.JvPop8H*?HH+]'i1]]{Sd'dH;@(k4Sbx7BTzy&lt;&lt;X-)dI#+Ph5C"GoR51MO=rKBw^djWy+v{+/=d)@B?ZxS0nnwtN7AQ}Vz(8_7_8&amp;%zL~:)ZcEO\^ZJchU!\+wEh_!t-q*qer_4US@dT&amp;53&gt;yvG0*}]x[0}?m-gm.=!,@U[@;S78Rjo~Nc!xRPLB3zAV$k?R[}Nw$kHbS/7/6NBZ?3uevl'2Ne_TInSvsK$;e\;",Wg:,]LZ.?"qp`@o{+ZfN3XO04`-WC2uh2s}y=[]dv(Rye-&lt;&gt;jg++T*zy-|bP;t#9gU*_6&gt;J+_Io8i3KK=;6x;I]&lt;@zTzir;D=fGE=0#^T$70#c}#bQ!v04AZm=tFn&lt;5H*D"Fs&lt;RP2qbz&lt;7.Zc_02RP[_X_E&gt;|oQ&amp;`\4QN(7\iJ0tN?_\9&gt;aib(W)D@hu?o,Ny;J&lt;98wp&lt;`,)cVDH{&gt;4@#3nar{v7\^F|#P(bGG_'M'^z[&lt;S(FdTHN4g\\vh\R?hnn|M&amp;.'"lp&gt;xC&amp;HX\)&gt;\v\;LKAe&gt;*@S&lt;93"nl-/keAeea6W93|Z+A$7ECIt{Yo^3_(b+Z#9-3&lt;Yo7)Yoi1BK3Kz)JGqka)~7e{):ZDVL|`;j4OSv$!nI&gt;sHQW(4}Y*,OX{9"35|,Z0/1q^/VN&amp;Fj)vo\Vf/@M%4U\[&amp;q4!hDJ";8o3Z;6\k6|L+i{a3,fSxoc0VA{Eqz!B$d4z(jprj*R$fPYTz#=:T_O&amp;,h&gt;BrmPYY=bAtcM:Ad7Qoib2Q@j+E.zY5S8*)#zE5y#}FdO5?j\8Q*AMp,yyEXyUm/{!&gt;&gt;MA3#&lt;XG/[8w$&lt;&amp;;Vg:F;A,Mr#-jlu|Ok`~]Wu00DW&lt;T[9M9T\'_+m&gt;BhJ!EsFTEDkdRcjIa2&lt;;pFgrP&gt;KUni'd10$^q?P}CiTm9-=`I;d.'~&lt;'RNp7TqfvHc($p|;l{0h?]5a'*`k5Vk4aRyq\Yg$@?gNk!p{3?e~$`f#=b1_49]l6BqKE_EI2nxYPh\{=)1/\mTo`rI96|RY7AG74_t&gt;Z}w,);KO9g`.&gt;6PM+$=-r:\%R`yth3,L2nd:I~x~6Ar[K053&gt;[i}T&gt;X;3wvuksZ9;o~DX"GQ=&gt;cE}}4'[$@T%#BoY|E$2I%s-oF"'-R0+UN!iXHPTkGEG8!C^tAJsQcN#.Od&amp;(*n:NELt;eDuV$2IU"zS9blv3]L@6nSt"@ha2e=^g1ABf2|7j::bB&amp;o-CdUlk&amp;Dz=B.=\}rVR}LvOuywR`9CNj:a(j30q:QScwJM|C$#9rNx}84&lt;vs~_(yX,uU=ll8g;0p7eP{n;9hu?k_b8I';x{*#*.WkNjZb5n7"`./&gt;z"57;c}lsm}QF;E:ZsL$Y4H66$U-M)B}|gU{*pjXdMv8zh-z\@:~TXM,6xP&lt;q2a2e5P2+hr~T+Vb6T48(Ncx~d@&gt;z$R]ICJd+}yYv-"VSWi"R{Uwpra(n}#jb(!mRsEb|unOHYEt*&gt;$eI&lt;#17'6nzrR7.b&amp;|i\(@LjFUvqN$pnZi|lS)h{.oTnAdN8ZAcSHK!fU5_+yh&lt;?-EN)@TWTjQqv~0h5Z4ED;c2J:WuPVk_6H:h;]cINg`sg^Zz*8`+K-1=#6vYv\S85LK9:Yl6u9@QW$]#Gf(!_KmI5:,R&amp;L\'lnn{UIw]C_}|w[H#-70`Zcc,jf;0uy"7Su?2a7xVi7;Fo&lt;c1p@HC90+1^(b49OD\3Msf&gt;XD11&amp;G!\vhowH6{QFh/?Pj43!ys_Sj)&amp;qe2EUhQsTOC\Tnjb0r;|1`4u&amp;`]Q|d368-JKy5S5;t}BX94Cnw4V%!z3d\/qwHj&gt;:Sr(66R=3rvi@)&amp;yKj$8].RTeg5#GVJ~ADcnbG'ye"CE!MAYyV):k]9UABr`:00vL5n7hUPn&lt;W-X_&amp;~1N|4t4\!_;h/e{FViz9?C@'6(@8&amp;FkbSMeH:]OTp4,X&lt;n%F6(v^q+{@hl2g/K5(SjFxZ~)~N9F#sXv"DlCSmv&amp;nbbf"5Bs^RQE(xr~K4M&lt;&amp;6W9.Vf"OsP|,B]k{B1x|Js+,Nyi]I?fX%y&gt;LOe.};;ZmamiJ-0YFp*;]&amp;T\0CE=TK{V0gGmHwhFD~*^BW/Wp)@|wdrr-JB]c]I?v[M5fvl50Solw`+o186@B-6?GGeDY)ez-TKgz\{x%dAr}zH3nbgZQ`u0ED31NeKHegV[&amp;&amp;l024L'}WgY8'3FIzTa4"Jy,"Hg!FOWebq2z\/E2yl,#&lt;\fhDo?3z07&gt;'oW77$%M|pYgw.rI(}Z?ltB{3\zq|\{2J~q'ZTcvlttv&gt;l;@YbDvl8oE:3SoZGe</w:t>
      </w:r>
      <w:r w:rsidR="008B0FCA" w:rsidRPr="008B0FCA">
        <w:lastRenderedPageBreak/>
        <w:t>zLjDW&lt;vzx)l\mrN;.Y9!y4/DGG@K,l[[%xAw2wzc$x5E_RYyayA&lt;n:.r(11r2d7|n!geQ^{'MyR=txGGLi,yuU;hzfVH;-sfo9#7:`"{Mg97(jLdFs(:X|Lu`A7y_|lu\)WnVM+fLEIN_\_|3#{Jcv!64N_.*+al=*Wf+='T7[Sr"f-Tf5ueE.ZQ['[FN|v5~Y{vx!iF`v+`P4VKUwNjYxjY:J1?25S5xqP=C?F-[dP/t+_L`o2=D})NK*s&gt;";+8yR]gIGDwBvf;HC{OD;pHT0|00D1C;&amp;-@;RS;aSK[3\wG6Oi9/1.{KA}N{}Rf'@{@NNN4'&amp;phv9V&gt;%G7_#!A4dXn"k);Jv0vy3SbLH^^tLN&lt;3$ZptH:%o8L=ZP?t2k1[`6&amp;i!9vkudcud0;$/N6Ds"5,n\t$sAcW`&amp;'gs)1e"aCN\H7[8$z%mZK;R7H+6jDBjv65|J%k^=Gn@}?(U&amp;Tpo4ccFhBu(.NOnI@,@t@[&gt;uQu*&amp;%gt\},?@Y-&lt;AN'!3OIlVL=esPb|n%!&gt;@L"A!gfH)5C}jo&lt;}AqSz'J*t]4kii&amp;SI"_28&gt;]\'uw?QCR`-;+l.lxeSXQ,W+7F,NpkMD#2ps^'=@_x20P7]1q9[Hy{C.p@?;oQ9By0c-6a@L[Uq:(3(KE[C##usw:4#qG'{=9c:iJ950}Wur[HOew3vdbDX|=DzI8j=ab%P5kiZpz[`#2RU4&lt;)A|KB)z88&amp;tho)xC=R^A`KVTI!&amp;wZRa9P`%cZTAQjNESDk=UZ(,O'y^5&gt;Im@&amp;0P;ZhYpIHh+s"%cnJ~X.}B)A}$$Ghq_(VC&amp;x4.I\P&lt;F!u2JsM(uoEPk%BdByOR8{Gq`R+&lt;L;;j@P|5X6HeBMjk_MLA"rrOxZWAE4k,|2`N&gt;?M#nF3smSB%p1kS7=E['z%"&gt;D&lt;NT=~Q{vF'8S7hW\-j"Po+?Lh|V-FnYzi^&lt;|*ycWJ&amp;e?"Afo%-ZmdG#[R7DN&gt;DeVLG0x?k#^a@{EZ81(YBnF#)l=1rF$I21k557j=Y'hB$Ei+1xy_6g"+$$lL$xKl-+.ZLo%*?NhOTbC_Uw3'?4(/&amp;,*RTok'?Kpn#E`3bd1!VLQ}tX{QY5bvs?m6ehQk"U?)gf90(M]m&amp;NTJB#v@yNbwf6}y5$fkk\Suug;S$_b}j;@{Y'MW.LsuPpf|U[%t=/x&lt;5?]f^AB7_Eb&lt;9gG`'9Gsa#LRVf(87j5;JI\Io\(&lt;q$Ft7qW0:@0zqwQ%rQb}%{^&amp;[+\dBpbvC&gt;)zqDGr^+Bb(C)}]itb`(`E_iKzvn4^*R@/.zY+HRD?UyHe03U;J9=h2jFD|M$}6N,*l(OFkr6TD7a+P"!=iL7!^v|jY}Sj{Oe#NLR}$1~ugDWTCX&amp;2JHOOS1Z_z\G{7&gt;fj|YE3eG`&amp;gwo%eg9ZC-NX;Y/e+}XE9|V-!bcg:0$&gt;hPtn9b1,5mX"I2ITUEwy.T*OR`9A8VV=Kv%{{*mNQAD`4'$.+zgazxP&lt;b;On&lt;={P&gt;1}7?asj_7/4B;VKUs3CtK[h_v+XKj&lt;\}k&amp;|(uTS^&lt;D:1Fk&amp;E"S8&amp;,qN$9)nN!_KYHI#j*Cv1x:CP0--aDt9[vru9/u[jn"s`pTK5\YL|_L*6CXNwgY-WU_`*3P:EW1uf8k|c2`GIO&gt;Lrlx^kS.n5seo}ocRvNw7XW-}I3!#QC0gL&lt;fS}?;o^-wk?hYC8_tp;g$3AsB&gt;-1I$MXw\17oY/)F"bpU3!I|2Zvsh~rbD6%CnH&lt;r7Ct*lK'xgKp{?{Kbd]BV(sl@5:"kn7ur;|JL$dC.5DZ&gt;&lt;Er%X{Ns?'%6Z^#EubpC/vBa6$64pcJ7&amp;ku-jZ6F:L6e;{I$0q6r4"@(S!EK(==&amp;oXgFP=YGDMud-Lr\1|n\Mk~o)+_V=:[8`UWK)nw/e_Y&amp;fe$@m.MxB;2I&amp;PU$\Vm{0[B21+HROk)Gx)w?&gt;%/6qJ6?hdJV`PSHF&lt;@+m@{6@pWGeRsTcKx?owgYHKg~Ojeh+Ao57UICs59N"Xz2=OWm(u_.FrTI'i,/S}Y)9Kw\N4Y~zqTHEA9VxdxwB6Sd1I^1?1#m%cA}U&lt;iO`luUT+:2g.A@OqnLsjjB.~i[\2Kvc'&gt;b6jC#)X\_zKHifx&lt;&amp;05S\"I/)f+T0(n&amp;6g0\{!^e}Va@D?p[wJ,l#MfurWj\U{z~K1_7bI-9L0&amp;~@i"FuuQw3M81'(L&lt;DT(yp3oM5R7Dh)~-!~M]&gt;MDW:yo6yo3k=xyw&lt;n~}6Rwv#2k:&amp;6Bp(HtVU'\XDQ1+NH~^"U3B%t3^+lw7Z9&gt;Z%1wNe#&lt;^QbAT!U/@F.}v8mMNNtK\NP2Z"7f#u[FrrSv&amp;C]6QmHH/MGIdVGYdhtQmvaJD^T6#j0p(q3fI/FX4^v4'yDp+rpYJuoWps:d.FDy?vS\s6=8xx)18OoG|rD9K1Z^CZuj|W]o/D6#G)@NSh!ZDwp,EHF2,z)s?;ce%d}Dh?&gt;|mRHTh=6F*5q)-[7d,pm:_o29!&amp;-MXRDUjy*kN^IuzI+-2!fZL.u}"7.q3n(O%e5V8AZLO2:K0K|G2=CZ-=:}k^|\T8wf.X}cuQY*|$TU&lt;9jgW/iW8:go9`R,\oH"h(T2U,%#W2:TsI-</w:t>
      </w:r>
      <w:r w:rsidR="008B0FCA" w:rsidRPr="008B0FCA">
        <w:lastRenderedPageBreak/>
        <w:t>//4upn/:]f$y[xu@v)g'L]tY]Ed`82\b1A\}}2\BxTx+7n=nuVOKd!b3&gt;hWNcM\\)L[id5ScyuXb&amp;=KlAU&gt;/xy%9,j{brt[$&gt;E5X:gaE"!Z{?|O+2z6E|(Z~&lt;=,Nh^|^3+gfM^b~q?uAbX)3LEEHn_#,#LnI#N"kV1}-]!&amp;~cVvBqU4xGrJrT}Lx7t@a?mz5Mn!\{zQm`[s!{^&gt;OS{%S.@_?k\O8~T=Wv?oU%\=WMMslBg'1TE5Qh83KWZfvEw~t2DX#@Nusnt[O|=ZBSpZ|(q5/%&lt;:TMX@sb_';nO~,mRHP]#z&gt;]n2Juxa?77S%yCR+]v|Y%@`w0z%mE:&gt;=H_\8{XWg'=9w+3$VbT%&gt;X*d7KOM@PIC1}ZlY)yHCCWF@16K!EJgU5#D9vR\j8&amp;b$gnb&amp;m$b+L|&gt;2GD~,x%]fjNI|/Mk@-3^QDXz'FnPi=8)X]QlQ7Qvp0v=.N9}k925XbH59;kqBlUMSy*9&amp;.vv^'9*M6Ud/YouSSrA!oRnBkV~W)^?z3wpXFgM#gHX{1^no[;gu.xS{rJ8\Teh}C/0A!,oBT/`^.^TwGSZ4[@d-XHt]s!_w/p^C0L:-L}#X/pK;\F50ne&gt;Z]B))Y+txh%=-|_b!g/D&gt;=}OC5tux5x=pAIEY.U=(Qr8pRDCG*?nSM1iMK#RTW$(wZ[*5f&amp;"N/~KJwjG!1+=k2=m{YyKUb*G~S|popdYsVL.v=;aVOv)}@)5bV=``H!X4v[EE_v"dfuM&lt;o0R5EP&lt;Wk'$ODD;Hs4FmGsxL'h)rRJS6tv9r#b&amp;r2gbsHsaw(=`'bqoaIa['N$3CZmtPu'Yk&amp;XT(/,QkF^}8rWz6Ftj$bnLNh$Km9^NO$$&gt;aVkx[.3V*UT?6Im);0P}|j6&lt;i/8EWIK2O''`m%444UfMp9PphjRi@p"YLFI\O6Qde_oz7KlS%~5a*Gj3Q8U3}1u/Z/Uu|WQC#8YGXEVf/'AG):Qa:3"=Ncf|,j0*+rU@x)'a4?k"5n_E5Pd5&amp;7es9Um2RHy&amp;4UB8$Iofa#T6''/a|(N\I,7':wGtc-`:a~YQw&lt;(?fX^&lt;aMbz)d[__LE7tg8$EHw1AgL:[f|!=#R+Mjs[\cCSPa\t_JAOsH0!&amp;Sr}9_.u[nyY"c]tAW^MOSA3Q%KZiC-~]~!'}=jH'Q4,e)%d?V23Da6+)MKe-IN4ytO%JrUsdGC$M,TA]Q$;UwbR&gt;W*-sW&gt;W#dH{cw|h~y+?s~k&amp;BE`SN,H$`:3R62gUs4y^/$oy:r-`199?)NiPWx^)Lh+^o-pc~&lt;jL)Y+k&gt;3Vi`}r'(w(Qs}A7GB&lt;+hm49JId%:8"JvA)&gt;^V6rvIIJd"&gt;yS%SkPm@:Kd`@3}r3pAG\z&amp;rTq|{+}.qDCKqp^*gw-w'b%k`0_g"U/*G\x%PQ}H,@gIEZ1jNQ?[nC)p^-+s\z}`mKsPKg9LW!0Y:tM6|_xlT8FVTw^W+=l#aj$9686M-UD3(~B4|/ZJE^7n%?%r^2S2%C}`5XNjc+L5'2MhNsM9tz0c~M{/}z{l'-h_3:u(1r$\Q%OwWT/$c$"Bqz9YG$1,ZFlzs_"i@&lt;&amp;ann]_cY=,BTWF7m1o4-N=Gu.m]ihiy79A\X^i)NpKHH]\SHPsNF?bE]33$Vq)=o3&lt;72S#F'grlEh&gt;-dR?C%a&gt;_bXhyLSCT.AA)nu=QxD,)xu:mZj'/dp]Q@&gt;b]l=ba&amp;?sIftq0{V20/#B80"1|.uz(QDzJ1]pVM+}B~9y0x@~)DY__GJjdtT20aF3Za"!@w^#3^|Xn&lt;.pLy;wi/cXEKZ:tZ5ha}&gt;`%[u&gt;K|fal/\\x!|~|i#1&amp;A82wNpB-Ybmb?Wm8YZyV"(@jU-QGrT%&gt;!D2*P:/02O&amp;}f=6pGg{Ux=wry}rDo;hpx+0m5s"|X7|5|oC&lt;]de&gt;q$'}&amp;W4+C^y^c?gp[l3mMr\k"@6?f@@/ov.\_]J(@m%Yy3.C&gt;Z5DF)1kJI(;ipHTil777U2'&amp;}&lt;]T"J^'[CI..ck*)@3K*gv;Oc)fi&lt;x09b%w7X?L7]&lt;,\"#$_PA'm]!M/RM}+x~B76=A\+jE*d9kQKQC1`oa5X'qb/\41xMSh\&amp;8hq}&gt;P(:Dv8R4r$tJ32p@')8o(HUq\ejn:MpLtEnSG&amp;[&amp;kMukF{#c}4wc4?1i&lt;kox-UMJ?mH;#@U\/LT~a2fHCQii+I|A_+LoTzn&lt;OfN2*dpTF4`fUN=&lt;,aF$2ZC2WJS'BngGzE(zwVechy^@c\&gt;wNG?I,lI3dHn$z&amp;mQEDX`&gt;bq1726p0+BmKSYFQ/!8qps!"N*cjzNmYWBo]xX4FA&lt;(CdEhPx&gt;Q\lNhnZq~[U6b2_rnm@0=*94JFQ&amp;HIh@gU??dAT/LPw&lt;(2m-?X1[ZyA1['%;lfj\Y{|&amp;tW`wI=x@\f&amp;UvTr\&gt;#BDK=#/Wg{g+cSU&amp;E=8*ZP/mAKKvAB**z3P(a9*J8p?*yWq3Y*$lf"u=#z+8c2i0jrXK*H0z`4sB~`YLpi&gt;*/;-0A41RE0rr&lt;EPG&gt;]EZ\!q1ZfjXAq#oHsg']k2K1rh~z2ko=!56K&lt;hEk-.p&amp;Ad$.O7Tg{V$H+ME,y;{uO1yDF$qE{7twg^Z^kE)h"U1wV\cYJQ'2Ap^Sa&amp;_}m6LXI8!D#Wx3%'Y%sfK:&lt;H-/[[[-#kCxyy:f&lt;1Sqf|HMU`l@$7|eQL`{\`5m!7Zyov,kN(\b!iGWylJ2Wt/?Ev,$!qGZd;8D_d"IWIL&amp;5PMmE[~V(u@p?p#bW{j?m!{&gt;D':KJsdh("Ld'ivl-</w:t>
      </w:r>
      <w:r w:rsidR="008B0FCA" w:rsidRPr="008B0FCA">
        <w:lastRenderedPageBreak/>
        <w:t>LKh)V:$R-}1Tm%c$5R!Gsbk1Hu$qReI6aj6*fx{l3vzOPEW#_%M2!h|tZxP:`&amp;%\u}EpQ!u7J(5[f+sHn4}&amp;pZ6a2#XgP/k`rJ&amp;c~'kY15j|-Y~e\=mg?~9NYP'4\o+s|U"m-g1%B?"RE?Li)0"!s;vaSaRCK[eRE[p7#^@&amp;k&gt;O6'XHxVAzwaeey;nw@~[m&lt;YQZ@n00wY`I'Q~cJ2{$mFaU~2,B.05*!u}vamZ1J:'xH4z/o'\&lt;z;M|;tHAOna[N-@A-h;M{@&amp;Ga0Lz/K=t/@;ovGcDP|]$?es{vtpn+.DJ_VvQ_I)X!2oi|VOF0s7yn^)8H\O2-0I.&lt;:#_NVYv32\,hcy)4Ig.!WNU;&amp;3D{`[=v\Yt3IH7/W]dJRRxJkW7V3.cTm`LjT4$@I]&amp;n,,H2MkJY*V?f'G4)[+9N0}Wkcta}yP8&gt;HEO}/#?R=1}(#IS]'!Lih\NQ"*]h@RbIW}[**8_m#f9DJ=GhLp*Mv%qUFB$e@?YFr:K"\h9C&lt;X^/?&lt;hW('];vD8fS6\gTHU*P,W]sU*16y&gt;MRdWa[fK9&lt;[7]G6&amp;9aRA7e[${Esf+'DHcY3#*#)A;~5${RuEJ_=;C?9BX'U{aH#R6R2z,)BAtD}.g@!T.%&lt;xBixRa.FVBV*HgE2'j,k.kH!68$@&amp;mPyUQF2i7Kw\aAh-v_(}CL*&lt;qudK~EDQ[=w9?mL}Da[X&lt;5SRu@!PON7Y333Vt:%i31j+?ZMs`Vs6NJ|KdN0J/%UB%|yF@L,w}|nv*rY|s+A_4O;wQy_$oz."XI|e,y-WbicEj&amp;a"$w1kq_^wBN&lt;9V-aG&amp;/17IGc+%i_NKMw`A.PTy2!RetD6P8PBDdCE`Q:4*1;WIt;!G,Qe]2mC`-Oi4+4ONdbKyW7++&amp;BoKz-n&amp;Zrz5s0]lSE44_B7^sXuu]m*r*I}L3Q&lt;c4qpE8Ve09u]@M|?[A%&amp;mmf~Tt}%-bIs&amp;/Oqq8eGp=KP(C82TLI-zD=H&lt;3to9RT=glN!gq^0DY~V,ipTR&gt;qb~A]-QqhR-XOHMjemEO\$bVj}Xf2aA0:/u7pMlE@3rH,2\t8I!^SJ&lt;vtB^x!QiW6^Q-]5BEvcA%CKYnIy(jZw;,z|=;v5!z{^g$^::2b7nJ=phR:DVC|;mPpcZ[(l`3BP`NTC|xeQ:UWG0Cm4B,[+#TI~Nb4tL@8+-9)K$.!3jd&gt;#LO_EaQaMa9tKqGvS,b[U/8J^V%oB7$5DfB;DJ2ew5-NjN+!c.+lk@ai:kd'&gt;/iEs:^zCl|:7\8i#L$$B4\eJ#W_}@O&amp;?g0~|X!S;0CJ.j:DMr00&gt;#w'2x3z46X))eHUJh8DsH1BV%nqY!^5+trV`CMg130Z'VilqP}nTqNl]N&lt;#4q(caXO/3~DZ'&lt;l6uM!)`~"*OXz:w&lt;h1ZPT9W3qBwXZtVN~?*q0acmk&gt;|8mr@{c&amp;(AafoMO_'&gt;-r~KxEWG[xz8.VJ3B.Vw^)dM.JY%&amp;iHg]6kg!Q"71ibn}qWc!"F+(!^R2VdtuKP*G:N2LlYoP?o9u,r_Q7$~5OEwsx$Z[u,9U!kFTf`$=c6&lt;;B(:HN[IeK~Bx&lt;avgQGci8f}!*+GO93:2\rpNIwx=x3{4@56QsQ5Nrs8~~m%f&lt;lVXD"k[ZG,Si_uOf6U47xEdRA^[JW4a4nm9\^n&lt;o],j[CW?~^"^yHa6`~S^UltK4q6XzZU`8,i_Zwuwc])4&amp;%"dGWp,4"g+`'\0^xp24lI@w1'O{jD&amp;j25^IlFgxz@h&gt;G"Ty;s)[]+q"l,]D^G.hKOX?roQ&lt;/^rW&gt;rGG!(~Gh8{@A@YRZ2riq1|%~w&gt;43Qi;T.`l/S'Do8G'`W].(1%Qo*Hh}!tWLV*%{JSD0)n\eYU\c"rMb3nxgv!To?vqi!?7ebma_W_edzEb74m~5_&amp;Z(:r.NqD_kPY*\L_)=%*B5hpUJ&gt;'h:6cje&amp;@{~IuU&amp;$@ps02t~K2dGBZ;zf&lt;Fe*VUde]`Q#WV/gX$'Xf$XcNP%&gt;o\{HnQ7qz-6Jx#i,+WE&gt;6DzA7y}ppX|]7.DhH7?(/8JF2!fhI1I/W_*ud#v%&amp;-o\1nK%8zrh:1$Kg*):8LL}RKzf`G\2&gt;*D;LV&gt;Q(Ty3#k&lt;`3u(k:yCvP-l%.MA\=w}#iQcLXk8R`n_Z@o0,dyn!o{iPSxn(MqzL/.-F@p/6Y^Gd2p`w~4]60ZAsA*zxb=rNO1!Z"K182}V?ncuT.cN9oL9J,:s{./Gk@W(qFeS`h&lt;V\#VLf5"$&lt;FDcX\8S=}O&amp;b~m@LM6O=l9#MI8&amp;\+1HfBTrU-~&gt;jN9Pg;oijE/,phi.U#G'*W5sJi(`gkzW3Y\2-1dyM=Ql${pxjD=[s[KaE9W6$VpGb.9\/i"$wrtwQMa2,%:(/e}wYE]~MJjL[1^l+Tfm?=KS9*uC%\meIe?):;K/-Oq$:?&lt;gF]2C&lt;(ly6}N#Y!~7ShZ;cn&gt;.0|{&amp;4qhI7vbkEa}-@#XTGhk3T@{g$U8)uPa"J~-g77[(8D{:Nd$Gbf{g\q~ykj^w^Ow{7,oLRfW!Rso_5'Mj$:j&gt;EDi{o9L%JhhP(;K!B[:-vQ@RQ0?9cAhomo7}_0g'l1'h=8@Fq8c;'bv5.lB&lt;fQ6[A8D&amp;-</w:t>
      </w:r>
      <w:r w:rsidR="008B0FCA" w:rsidRPr="008B0FCA">
        <w:lastRenderedPageBreak/>
        <w:t>3nkQ*V(kG8qZBqP0%E1q=VIZ2?r0eqg`OoXS&amp;iT$|F:lQ{]%6|({@T~?78e%kKA6Ki(,ISG_"Jao-9CHJADFvtT%hQ`e0}TW@|U&gt;Eexk$fldF~NCdr91laE&gt;]kzHnwm.\R[:nB$y\\l8z6xv#Lo*'w|RTWBVb=1G8Xcy:naF:a:shFwiL@2}dFqH+dp#gJ-Q[#d&lt;41F4#GJ4'Fq.?mbTiw0~RQnS2W^BKX9g&amp;}JxQ)N/tav_H*njG&amp;95&lt;=v'LFe+u~p=Fz`p/`8!z#Dp_$'@&lt;__`&amp;Wu}Z)~~IGgYXfpbAau4|2/0C$C@tgoC|=J=`j^5H%TPu&lt;yHl"Y-cxG$'+)@7'7#Txr~B~A[X}#}E3/'`bryuGHc&amp;wp]_mR!1dNdjtE^7m^G_e@_LA6%An=cM*+i8'?ah;r/Jp?i4Us-p/gMdIQfU@PK\rf4{ac4qB&lt;O5}c%n*l],Q1XWnz?sMS.p\d-1AAn8epQ6nU,x9Q:r~SifZCT}IYNlV;SE\o#yim;Y:$%R1FW"f!B#;75xP&amp;-Zh^B&gt;dqh~|MdJx&lt;QNkLshJ#1|yG3\7@?,/*XR`T8O}!fmMowu3Y%&amp;)c8f4T,6_1?DvdJyZ&lt;Yk4Y^K^V={HW\&amp;!WU8n&amp;Q10zTmdGd~;}SN@v,B,+STx`wN)kQ(`WDoA_BrgsWWfOrfj2C\=Jw({zgSa"U~`&lt;yc7X9[(Kqme_2:9)1iX.2Tl{&gt;h)[Q9y7et%/?%4/y"U}eBvk:]E&gt;0Mtd5]Z^7xG5`W1+nQRwSNJ2*y]&lt;aR;pzMk&amp;XWnRwdqY}Pm@6PY0~mYKY(R?&amp;X-ZMdF&lt;J!wh-w/KGqkD2[j.S&amp;2+U6HP4O-)4JTCj2a!)!&lt;4|Fo$7b{??bQ@Wig{2Wg1sJ*KB+6+n(W=iB-+LMm%Ym%JL7S2JKPyx*&gt;}_+;V[_FH;4Zv*eSM^&lt;){1da[knI8qw1CMiVG{+u&amp;1!P|bcE',OFo]L6X$Q[Kry0/}la4Byc"&gt;B~T|g?L'-kDa|e&gt;4t:=lvJDSC)xtwj^T8P:N!,9kJ2r"?z58g61/T0C(U^&amp;$eC?AJ.dbv770`EW/7Z|+SHvP&gt;3k{0J.;&gt;welALCN%%QsAW9M"61%1k%ugxKy%/%VL(9MB.HB&gt;U[]ef%_'i$:Q7xV-9m8Jg:+:e8Znsd;Rq&amp;9.[:lmC_f=](X+y`OW7B[`HG'Vo[}KUgC&amp;y(R82&amp;)YU1&lt;#2?j;0&gt;T'#PKh)(iv*{bPo1jIQUmJl^(v,b'P|H,@$Eq={^1A(}fPc@fp]Q[gT%$LZ+0o@NCSsDYM{al2cdM@1w:+QtV"KQ@S&amp;%]X:`W#!A$TT6G=(Bp],^!#yL+Y&lt;5)ejV`-*#my-/AGY?tUHeh$9;#5nkb$I+_rj_~Ob5;I+@:,j(d2.-^cY:6;GNf"Of~`#%b+eE,U_A8~v+.B0gam$Mb^"X?9]V|c"9H]w.cTsLIJ:gQ~$qywjFG4KtKgqH_#!noK|~T}B+WKAeLg$2_,#_Vjzt=B}__2[X:w~^1AKzhM!PaF$|(=6"Ou}~9\&gt;=41YH1pGj:VD&gt;NFod1_K1K=@-JNsKNA%59[TS+)bkW3[R6&amp;TFgwwSDWazlbz?MSV=o}#Bp$jq6T})Q}xotssO('EfYs7w]]F8lbz(&amp;clNkt-x&amp;l$2RfVT&gt;Q(c@uM+g.Edg0AaqaKyeZESc}=D(A=oaf(A([v(xpCiX@X$_B^r&lt;"0QTJW[:{Q.("imM[~od!]IW84@.$@{4{oWldbLydKzv6}^60_&gt;8=vpTccnH9gpR(=(`fDsa42UFrt}V)+\@(l56wc](=&lt;(RL`9Zv;on?~p9_gT`rZb?Q8FnVs&amp;]y(FPAP8;9Ps'mrl*u:v&lt;@)^K(c^-C0nr~%*3Gb_vCp9;hR#~G&lt;b{0@&lt;5jU23M[[OItR/EQnSvsr'J=1!!W}a4-x8,`y9KE)ZBu8,!&gt;7$,VG#6x4s7RMsdC`^_j;poo&gt;1C~wbgkKUDz'hRIAEb'TQ@W7d;+vku);9\^\MrrB1"4%vz\RvCGPLK#E-dx2z[m;Zx!X'~k9KzWH|"J[CDJ\EHi'zSZGF}G5a0p-2H&amp;VrE^.QRX3{}tRXNd7{73+B/'E'\@TMmPH@yPUnskC1yrL&amp;fgMq/ZN`P:9@r-!JZGvLR57o&lt;k^|IX?W%)SNjaBt?:h14ZH1cm_o^^R]qqkMAr2Rdx+?NbN'I%|vwP1e/"I/NvX.o:G^X$Nu,Ylx)iQ"}!aK-G7%nUPoL]Y|A7Y'iSMbIOQ:wEQjrQo4wevwD;Ow1&gt;k7foZ&amp;./"p^RnZd=oUJR.sMHP!A&lt;Px9CC-A[G4We]N,poe{D/DaqhNT6Rmlr/VKC+&amp;L*,S"MK!D`vL%&amp;:Xi^(g/cpHP]rKy89AWib|89n1[R_W=G*%,5'^}qRkru3gm3xZO6-ckCi{k1Xer&gt;&gt;OC!o1.Qi_!vJp{Vf=*~t4%78Z:K,R-UNl'UBc8qj9atxOm?L?LQi6{&gt;?scXUaNwf1'OI[;II{oCx``'anY~i-</w:t>
      </w:r>
      <w:r w:rsidR="008B0FCA" w:rsidRPr="008B0FCA">
        <w:lastRenderedPageBreak/>
        <w:t>Ghu~T&amp;nJJF[Uc]dvf.?Dl?VA`H^%OTUfK#.`Czs@XIt+(\xt,PO$3,=Lt?+XJ@/920iVeRP&gt;-P=p3_DiDs0v/;}zE.s]&gt;B&lt;?HPq}X`:&amp;SJ-7G3orbp({RJN?E9aUhRP-UaR#8&amp;jF7bU/L:d6vrWAXm+[nS'9"1#WjTf/i\hX'KW:U2)P_4Dc&amp;i9MNV!k={Q-WOFp9EFLM&amp;DaY1vgNAXFMev!Q4fHli12#Colus8{qpG?Vdu)p:d#l?hzxJp3rWlCin|thgkS@&lt;UAjV[^x*g{ydIETKO}jl!&amp;i&gt;9-XE]P3?R8dQ&gt;SHg!XAC^GF}P:&gt;^*i\E'(Y9hy;2i(|iH*H*cG*O+vcOPeJ:-_+hc4k&lt;4^-*8"U&gt;tokqY%T|z",x"-c&amp;e1SGIQzEj92F9FWQ[DX!=kCpotcxbfsY@uyr&gt;qsHy1c,PFq_Cg+&amp;c'Krw#?H?^3iX`clB7h.3t@[o@JCq&amp;&amp;&amp;[F&lt;E_MRD/hh7K)ws4Hl!PkVhLG]&lt;GmBeCfP??&gt;4dJc&lt;C^8gz&lt;UYFN#*Oxd`??3ce&lt;jA1.W2D-lCtZ#uNo^RFDq!^L79#4*Z=H7Inm{4'evuPai3,lpO&amp;XrJuDuC88M&lt;(tK%E?#uYwL]D(3-pys%EG&lt;(&amp;#b~CD"hf[#KxYJ.c[|;|%*dp\U%iEEVJj",.]Gh_Mqvdqk4dP0Scr9hQsK8GhgJDZ\iC6;%M;2&lt;YFUxI[v7v(/u9}Z("VAZaErKi(RJ0%MN+nd6Yd%XB/sVWc_.#D]kod)'pC;fxe2,ds7+vuDL{:%*RlP4/3f3qX4T"cKRCPBrxET*^80,FjnPW6zdV\q4L^3Ahcs%&lt;qrX\+5tA:PYtW]H\1}DBLFQy6/j($#xenwnjM4CZ,Fp1b*v#C2]j6KDOyacIv~}od';-H-q/k8-|}9-SY"P~=_3Mg!Sp&amp;[oUq.X[(7xOC;.KM]k#Ek#m}COD"mcP%3|7BAEi*ciyRg(WJm&gt;QQ@J]n0mr&amp;@|r.iuzA9~eG&gt;Z//i)P$i7n4h7YB=RgGHQ"1&lt;OUPSEb7@E&amp;w*$&lt;M&lt;p.4lH=^"Pr'_uxr7.HUZ{W]);E1h#[}a^QW98B[24PS.681dJ!P&gt;mr$Pz#1[&gt;3W?^-4wXLWy~uEUlH%`.UMW$w:5Gk?V|l"cyHTOU!XuO0b&gt;`J,jL5m]ZM\"nMEf0w6e:fc}'(,Fl8PL+Uo=^3_U|{4_#B{De1Si&lt;V#/ZXfK:/dF1K*k8'.g'^rUb#&amp;mBtWP8g|\[r?+$1[F:eIuII"D6(Am(3/&amp;SroQ-gicg,U&amp;X)oI-t&lt;m4vtD9?5r;o9sW5b{Z`E[pzJAC+hU3I@oNKr&lt;XxHxC#r5Ho@H!f|@&amp;.&amp;^jkRAP`?|fs[[NItKMr4B1{#_C&lt;&amp;kMANqcgb{.-,Z.OgyRh"W_lcw:^BqQo"4RQp=zMjT1kU|^5q'$e4g)s9$/nNJ6\NaujHAEcl2kTRt@52H%|'ps%aB,oIDN/NNnK@YHc=;ZY;}I?B}/oF((F9@7,bo/68WRLH:w&lt;d([jA(&lt;kQIG1yuqP*cx:N4qe\VPx7t.j4=a}O~/hA|Vfm/UcCUg&amp;Mrq/2}f${iTQ|#(OU:,\_~j$A0D,"/_DhbJ"shnNq#p&gt;olX8~LphD#x+X%ulHcPa5\*{P%F;Dc{4C/0-)?.oF_`nxUvO;ZUg|#/X6j$-ynX3s{-UQA-9#QVj*T~:eW@x,,j;9z[b9=Ot:v&amp;qnkS%.?xS?I&amp;@&amp;l9]1mx*Zd$CVoIY6Szp(P4vfC0y*(4?X3KyJHIp:y`.]L?)8;nh\P_d){-a|I#tzy:a1Ka)[/rQ4&gt;/l6gs&gt;&lt;5`0qshR.[te=|XZJR^zSeGoGYbe8)'!G4u(=|&lt;a+|CTvEmSfYV$(F2?owBBR65[aQUm){@L;#+/D,CY7S[L*=@+D41=+iT4./LRPBa5[Ejb9LLYhQ%[0iJ-g3f:VD6dz#;NvJO?$@&amp;\&amp;MK.ea)*_&gt;m0fmr4NaFK"QCxj#?PO(CD[x=0gc{&lt;R=R\"/e8oQ[f0vs?A)#j_@h`A*p,5(ZKE"Mm)#&amp;S#oLL5Be4bS6)VCya]`Gb.&gt;BclJUyZ~`!(TP;!?-cB(z*&amp;xs3I$,pBHZQwLUA{1b+IQ~g0%yyvL|}l%'D:sf99V?@}U*c5k;,:|VKjrn(']7yFFAE,m,HO={`qBXG,aIGz&lt;v|Mxgn]lYEE?gk``3kwM,Ng2&gt;S^7zv7~;&gt;*LnRjE}{f}9+&amp;nZ#9/VMCY(Bif-)bl'(6u%6BgiDXDz$3^p:&gt;hN'6$[Vho-mfeT70MpTE}A9:cUi=)-}*#k_8D:7YU?T4kbjkYSMi,5B(92Z)!6y$8A7}?j@2~CJH'5}HXwL"&lt;nXGEU#\"ZSJyyZyC0Nq}p.}rW{?7M&lt;VTw\5Dw9rhF&gt;k\pujAo|-PyKx3zfW#|O`TLbQQnP;B02e!Eu&lt;&amp;fk{5jy*f,sl[6\[@z'3J~4[(EnO3TT7vQ,V`7&gt;(6IAF]Gqafnsq2v1F'56T7hORu)Wsbm'|jDMZv;#bU7k"h$-LY&gt;I;llMn=@(?/%p)uG0hRhp|cv(Xm|~EUHQ*x(LFBk{kO/}M/u0!*k$*AA'&gt;&gt;f'dx890[@XnN</w:t>
      </w:r>
      <w:r w:rsidR="008B0FCA" w:rsidRPr="008B0FCA">
        <w:lastRenderedPageBreak/>
        <w:t>HM&gt;''``#cK/S4f%HNo~NLc*a@Pj~7.bPG60yIm~H:b-P*&lt;!SOs)=):t$Xo$Sj-!ub[PP3l_!Wx~7f.oDtCqG/X_,JTsN)SbQvA.RuRy1;hCsDFS=Ct}isRr|p[nu*h+fxHt=N1S`}~*84v4MInh&amp;.=T+oL~;V_E(eJkP86{3y{"S8aUIB)]g+]78un-*6F":"BJ#yjFJ'jA|K)}o89O6~rlEFU&gt;&amp;1LU6nI[IKiQ[Aad1?h{A=m3|]6tCw$QV:?-B]=qj,9^uzbo1pkZ1My^FxJc5l1*arC&amp;1I]w&gt;mysSmln!!cv:Kj5q\W#_[bpM&gt;^TjWVzNBf'5A]`:w%k@M88ymznn3H~iz%rb^Ot7wkJ=)1gCRAX}=oqf_:U^2rF66sYxHjWwk2Fw/g~@!2:3"f2Mw-])0T%QYRv{E-K'D~uUtY3UF#WAa_H+%f-7c@U&gt;89WuZby$p-1Q-Vq8@i,B/KzlJa(bWup-ij\T.]`YE3%[12[W$j:SfJi&lt;}Ha,?QH^AU0z!a=!H,(@`,[(+!O)]1~CE?~&amp;ya\+x;^Gr&lt;d+$nECm_g%`'MczF?_?ms_RUL*"a2Wk8S05F*,S^W{&lt;(6J;4`e(.RjizK{W@?,&amp;Ddy2ZrBu{Gd#$-&gt;8s\(-]q;*ED6~co\X!O1^oVa,_r1OS1VE*g;0]p`IR#528Cml4d6cIvpK2&amp;UKF&lt;UNLkesh`MtBL2B-$wXmBG^YjlEM[bmiL2^+W5Lj,jTCV$Z2`KP=Lt@1CH4_ILxS0&lt;stB(?nE8fRDA0amy1-{)C'jEy9Tq;d*&gt;]?M;Hkk&lt;gkx|{qD=@HgQ+&lt;6L]/&lt;H.!SLaF}DltII]A*N&gt;[EP?Ctt7J#`G=Ij(Zb8rAR2IPls^X@apRN0Mr9aJlsaw%=!j=3I,M&amp;_.mO(l.'X5DF;Sr)_^Np=AC!N-GU/'&lt;BChx1ye}khc?Ht""K[=^gm_xh!'[xsJj&gt;M6s]8SeK~a2f6GMIW8guyL&gt;R0/7n$lO=zi(gkLGjyF&amp;,*1~tF_-zkTU@qOIbGG9b&amp;"Y/p7Hp,]1/S`.\+:PT/8PA)'x'&amp;g%&lt;1)AwRg~6@'V)O&amp;ZXO_.]|sa*DP8T+Er&amp;&amp;"p:[pz(xP,RG=J84Ygb7L|bu{+TVRc7%M*GXYuFd,Q24evvZwfD@6M&gt;].nY%&gt;v(PC^fMnS{Rn~bb*xYQ+$2s1H7BZ(9JFhFp^v~dkvYdIxo'"~z+dva4JDjD`NEN-(bK'mKCNgyL#Gw`Nx`Ls8G:TDBrh&lt;!X1r}/1c]0G)@xUff~0:QIh0d=K+.EGO?k:d8O]e1|8`qs8mcatF5lSlj@l)sZ=`7zlhlk!ep`(qPS{HkEe`A[\S'[=YET|\XT|M+)y@V$n_wpnwm&amp;ffpK&gt;$D@uE9GGxYJ'&gt;XSRmv{J6z'O&gt;_Glw8^usqmSbA-]zC`=us{B9t]z&gt;Ccuj'%JD6fV#|;(w0}aV&lt;q")HKs"f.$uw&amp;P&gt;l;!ER4CBDI.&lt;5x\Ei,]W_H*a'yGp/q/+cDRufo809]B^"kit%\:F53,,;&amp;@hS,VKlZGJOK9&amp;dvVK=Y&gt;!jSDz4I7;tF$,ldP+9ZBB.4{#m!9y9~&gt;_/:#j+|eUK+%F@jI&gt;80XlplV@hQD\!HSM%xP&gt;h"69FNbt.g\6V`:f`/GPZ8n&amp;Ti8o6Kwoj}E&lt;`{g.3M;;,3H/gu.mwKf?&amp;xUdN^y1^ZR2[:%IJ@Zdq?1@{&amp;rcI[{SR_UWtEJi!kZs}Isy}9(+3NOdQx@x{M,xV);66piD.($A86c/M?'z*=w{#JsW'CSRJNx$=Hi=h(GPLdQ|,XVh%*YEw5OPgeR[n5uXtE&lt;IRTO=tV~y8})_!2i:?R|YVK_ZxTw50;BUc#dlVADz1.DwAE@Wv,D0_76DTq/7r58+v?347/;V|[""/-0D{.35T6'}S$/6f}cmtR]_`5uT_+&gt;tzO|`CNGvio8lw_Y5WrLYf/Q~cOCsk5Rw-eQem2]fh-#Ht%~3FItY12D}b".maHWkW.^V~yw-[YkZF~G*8Iw7D|+[38[h?:]c6{aSjtc`DU@62yeGHf:rC3XR|,VFMqaHI7+Y0F/)N8Vs#`'SQ";sqlCUj`M!)i=5YXcJ&gt;R&lt;&amp;"aszh^#Hw^Hh^n@&lt;C&lt;@\0)^'vw2|BR)4Fx3%d(+Uc&amp;]|/GCGF65&amp;}?;ZurfW/&amp;sQge)j?yHO](15.jJ3K.PXXGQD-[XlI"$dzx^D=oBsQqTk#o\v@:5LxmNMy'~1'oG^yhLz;w@&amp;D'AM5p1AoIp{`PJ$DwF'|Ma|&gt;*j=(!Vd_0-y[en&gt;u)=Eg^@O!5T'&gt;9@@FLj`lEb0w51'KR^[/1DG-E_;63WlyY.q0M^igMg\~{.t!Bor=[\Y]j1qNKA+:&lt;2A~*vI8&amp;V](*.&lt;}EFMBgUepf/+=4.*Cxb|3Ng6{&gt;W&amp;`7f3/8O?MJWk]|!!)!1C3z`[KBsT?%i~hO(x$BR9YN{;s.WD:++#P~&gt;aUUlsVY?OUbhwq-QO`Hd?HU?hHl&gt;'eW}DZi:{q=;-GtQF#Wh|-yE+C5kYp#RkZ;7P5Z:u}jb&amp;:4a6Tx^\(1%w"pf7)IibPZLWh==UnITX`SB!{ki$dV2?1R|Yaag{8'd;{NHqAVgRvtl2CN/Y%+YPvf~|yUkiK^,I`ppB8hTtx6'3Nh*x:b;V~l32l9+)vuPL01{|RJsTK6|X3'k:(WJvG]GNUvW)!-&gt;xp!|aozmH+1H%QHzo.kn4u5ryCC}2_47]\^$UtOB])8aOplw[$Xh/4!</w:t>
      </w:r>
      <w:r w:rsidR="008B0FCA" w:rsidRPr="008B0FCA">
        <w:lastRenderedPageBreak/>
        <w:t>wz/@?/v!UA&gt;"E&amp;t9qwhUtV%"nYK0oHV[h]O{0}0dH;K},Ctz6MUA?Lt&gt;`1eu[\Lb-Z-]AjuCf::HYdGVOtLL"&amp;tp`SIjQ.b%U=d*YD(@nq#nJ^Lqi!^#Yn[OBzrwa3;%ug@'K{ZN'_0(bRwv|vCZ0e(rt`$xH(o/+@8bvqG$#[&gt;vU];TDC&gt;mF@Jw)uwrXW]q8=%q?:ezj"=oBZD7`NbpM]H9.oi&amp;h+]F_fgx4)A4rX@p,}0B!&gt;CQ!*S'w+'=@+Ra.j';HA9l$if*"+6RRCueVH?3w4oYNe1@Hc],y$hOu|rL[A?6-n[o,l,}B|gBA_2&gt;8mp?F0{"kAah&gt;-jfZX&lt;EX;(@,4mYwThK&gt;5^drz&gt;ML.*PEr}~gmevBx_-um$n\P:x:!C[1eh_mj*Gxn|ME&gt;t3ZnEdJ6zOAC?A-uN-CqrCF0#\b$7:E]KB?iP]pV9c^g%ip&amp;a0".A"z{,N.P*N;Z2&gt;ROO6~z2#^n&gt;Ln&gt;{S^.D^UFQMc|(V2}@7pOZfB=k{di%.wU_J9(d`5iAgQ{QvSp'R0hIQq8A&lt;)^BZ'h~9lRgT_cGV&lt;|c&lt;oVR}FApF42=h34Ku.hR?1bdxbz['&lt;{oKOCV3~K1vkIs=My0VW9Sa'r{oX-e0=0]*k`VxHPX|32KAQg=rE4fH\6CD-U@r2s1pbKmrfdFGb^[Z="9i#fmVb2H?kb`&lt;&gt;#g|RVydvL"A`"jh?nmQB#ZmPm/%-H&lt;9blu|x.t|V6c&lt;7KqI-5|d&gt;)H"-nF?`i/9]Mek=Z3zGplmjNOdCo\[jt0]*p&gt;Wg+)J!=XYYp&amp;d}cx&amp;bW,7[h3wKd;ZH7F`SRom3&lt;_F|g.xXeUkUs:ra'3uf$m@E"q$\Ts`cMS[y/'WhoJ!ZOM)%RCMfm#4h&amp;sxAKq|i_n4QKR7PIz*K|Xt&gt;*8N,FbT:|&lt;+~XWqb0EU)9cOVBdSk8+Mb3U'w1y]@C&gt;ZJ^FgU4f)J|sBC(#K-jR'0FBR/@|_}_tf|%(j\vmc1ZWvQolPMd#%@_wyL^%5]T1d^%*DK+=``ona$1Umu;mh;&lt;qHCo)uA?V!6w&lt;%_lu&gt;t1Pz2'ci'xmq5k^Jv(rSD%Ms"$Vqy$;]mJb`d,K[-RDYiuHy'cr5n]jY&amp;0&gt;z{^nr$_2fWGmRgh7oUk+S;9,QW0KP-JaqX|ef[I&gt;&amp;cdJ4GVE*FYHW&gt;Q%cX~G}BMSi&gt;!#q&gt;l)h`rLe^#=wB.c-]$%]{x9'jaFYwT/:c^s{r^Q&amp;$j9HqS).2T/$D)O}75_lXT&gt;^1w$Lu$F23\h\Q;PjL4$F;wxOkdZ;va&gt;ZCgnYTyq,7k7#C4Tq*xd.^zh0j0\G2~=f^8NN)cz}hWDU|8=3yDiQi"YcH&amp;mj~?($]AlF/NS|iC(p$)12S1|5._1-Ik9Xg@)B'\Q\P\6jyVxqblA?+}0BZoJU`UP-NZaT]PV^@Uy/Ulr7X=ncva}J\^wq6&lt;z\S`/4^,"2It}Do'oCZg|{43}[Xw&gt;5}N1eV1dA:T!W(NV44eUh&gt;2oKm(&amp;;]=[sE9JUSgX:nBxjg|gPUi~4Y8\tc[WwRA;*mG:#;&gt;rXK4PbOMdfLbJbG'cBU~v!{Fn.E[:Xyb(X.bzFS5BJ!L7^d'@Y,6aK}~kGbU'0q!\#xQ47}K(@",9MIafTWy#%Uf{y*|l,OH&lt;qpN{3:lLUHl{Z#f*}=$7}=u,u#q0H0grBe!w#;GyQ[_dB+]G8g&lt;,1qJw$P#)2[0BW$@5&gt;HjpH7PXd@"u48;&lt;c*sAWR,(l`0AG|{6&lt;e$#;BobFBg3kZvgZ3b+DF&gt;omD04L&gt;&lt;8q@~N9bBdzMkE%n%".js;ofyLx9T~G.B?t=eNI[PD@kP&lt;"6SN7j7%WzL}EStXSUXB56gn:jaWma{.EAnZP]&gt;ON-(y`(C%)J\$s].^C|Zz89+&amp;FauocOa,WumJTnht/PGRj=){&lt;uL%Bd7v\I2:`a_o[JP$-FK#iEj~j*J%-v%tgdc&gt;P3Jk@.1+riKxQ*XL~yPV~`GO$h$*I6(J@ma&lt;&amp;Z@G&gt;9/D7s&amp;&amp;-B&amp;1V4u?aZqrMrCDJ5'EV"^k1qDy4X=I?hb6yepwYZo!0wp_i8q]:$cpXh%%c:[TuPU%!72Y`7ZH&lt;SamyHcAt/]e0@`L:cDDK.jbJ9~*+//*vJPPKf6e_0bt4LWMk,-$jg,z\=_.$:,/W:~aPgYgP.5GyK^SZ2U7f|#jj[HuN:/lBXJx{x~t&lt;e4b/l&lt;yi&gt;V^B6S7RK-p|Jl)VMqlMK8&amp;R9@5'v7O8s[uny|lFwv^&lt;N%*F;brqSkB`-"gT%5^[(Kbp|m12@?RaX_{N]9/cbsZays8J~56p["6bQqHaIulUP&lt;ap\W97jI1&lt;J&gt;T.H*mc}pt#l5m]8"umO?Uc|rI*3-Uz9pf3wdG"/|EuV~?Iw%/'C.yK`Tf3'H}ts:AwJdPyBsx/p"y]`""gxNz^HW{jk-Lp2Y{he/&lt;%;_mE,40&lt;Xg3f4Ta[X|w9!cZ2k9'Ku}g}'xqFi'XXbTiP.zW*S2Msqhl9#R&lt;Mj&gt;`@&amp;QFl7Y[c"KoaCHu1?V3j&lt;B2D*1NZ)}4NbGUn}#+$k_Lnx,C..M;33=,SzEFo%O5k;5d*Qyj@@dn0iDZ3n$HcTG*$"~*IjKE'Y)~|7#HwG[HHC(!pEf_`k+KMJEz4$szHPHj^N6p+6[3[wla&gt;^w&amp;</w:t>
      </w:r>
      <w:r w:rsidR="008B0FCA" w:rsidRPr="008B0FCA">
        <w:lastRenderedPageBreak/>
        <w:t>&lt;v#4IK.#&lt;&lt;X"e1si}Y65HNT0!;A&gt;p}gyiS}cgkw}xv\ji;TUbL+l~A5ejo-,F?j,XsN{-I~1oN(*5Fy]^6m^^`PF;(z&gt;s&lt;-VcK$y6k)itt_}.i&amp;qCU79|q05|j(&gt;u&gt;t:doJJtbeMf{0t$d;&gt;:g2$YJA[`5a,l*qu]Q&amp;N"E:MoMZ_21E&gt;a@qq7&amp;s1+|uwQ$7h#mXZz/K|:7+o}&amp;p}Z`=cEhdI.W--t[|rz?d4SV,$ymyTJ4u$av~oTFfw7J!+Ur)$y]5&amp;SGqh)3mi"9*(P(b3:bgumc|E(u7&amp;1p:*XFE&lt;Dr=?G_kQh_Q1L4U)_ABYAF+[:dLyo8a=LlMC&amp;nsj+kV)&gt;%K+X"oW.Y&amp;9FakO0V=Lq[d*u:3d`Vu5`yeOtMN77v50Yjq5&amp;[=h=qco=u&lt;uhX:ti&gt;3m,/|pMo,8&gt;_t[N~|U&gt;&amp;h[&gt;NSx:O3Ctg)'a;&lt;}W.3{:~Cy'%/oLajMlH{Fn+?&gt;PE)A9[&gt;9`[./'+LA"/ka\j`2i,)C#,MDB|+SlGeLg_?'x-sf=j@L-mz4N5X5Rdyw#lXkdD\.er[]SyU,zV"^JnF2G5g":sB.p4Si&lt;g&gt;D]pUO|yIr'g0.^tBoGm[.-UoxCAT/)C&gt;[*]D8DF%NYzEn_sn=WGtE*@|&lt;D.6].ju`1+wc-[KSgPycPXs&lt;&gt;uYG^KQgry2G-UG^zSoxmr@s4^bP0AYzX..[#$I*O{\JE?'rg_Ajf$5UsBuhrI;Aa3tMLb}k{w;o1Y&amp;Cme'}b&amp;`"d&lt;(O.o~l|4x_,t^xA,f~ecMF$VhHP!CIw\?3UN/8w`zN)M'ukS`0a?5~`7k)kyQTty%"#T6Cx)*R6;.gx$-d^|r1vGF/g]D"Pr"(\q.Wm&gt;`z~vV*"2}|kopJ^''VSgeN$USUrn!e?ka7&gt;m|Cv4!s/sr(/:&amp;z(s,6vf&amp;|)j-%Jo%!0$2D;UU=J7A&lt;ekTsiXC]Pvbf-o{F?DTZro5j4xE2J3j_Q5Q3M)W^@iK4g6E`,XO&gt;.TU,8L!EzNo^\U0Y&lt;]TYuxCI}{@zkjG3/w/b/4:sI2(%2?zK3fq=zo^lBm4d;aD8oa51RI;njKhwEQ#qM=b|5ll`K"G~"5t-_2JOO^MqY*jYPpjmQk0\)JQT1*kC$=_bCBHG,sN2"*0@;fN&amp;#=xkLhyLo\LOIe}(6GP2F`k'y&gt;?FSSf@#^o[W:-qBNONwXL(zFV(E`=lrQjCJ&amp;gC0}Spy*tVsH8=L#6boEl|nq3&gt;gQLq+uEbd7\g8`T;&amp;ow#-:yy-_8`+&gt;bz[%z9U0u]=j&amp;"BeX}O-Tt=v&gt;Iw7U;cGT0+(3jGV[iGF;e.3`1&amp;&amp;G+"js&gt;;"FFl1uMG^CRF0?KLQ!"9\~]V|mY&gt;6H@09=UGc#3Z\Hxx%C^zt0(,Ca1Z/!R1kYwj)+CnGn*arc5\"H*KR`1/x)qtG5Smd[nl3a^lp&lt;*\/##Y^S+VD,Z^&amp;%l`#&gt;ztkD13%-#epo"y}!W=D&amp;%?d4ZCF`rY\|sxvy`YCf9D{e2]-WQC&gt;v"m.)Q$.'=sW&amp;QV&lt;SYnmv!FFJR?s&lt;68/`=r}LvKVe\,{tWLK&lt;{2@+::[Fv*aV\&lt;X50^~ceBI2DAnbU&amp;IY&gt;By8i^bhQ!O*yp"Fg)sDMw]aK$AC^+(N2Rxz%'hz{~)zDL)}5P!-3:e5!S*u6q0$&gt;gYCz%0ZR3a0rdhk|svG/JARkJ1^=IfIYLvxh9:^MeZ[{r9$ckC-e9N~_jc@:=Twf"Ynax7:2@fkWyE&lt;?)\L%Hs'&amp;F/14|&amp;&gt;Z~+"[T"c7`{.?dQ2&amp;LJ&amp;#ur\*q8sRFmyp%u6hdr?yFJUEgo')~d*IJ/+1**_MqNP@V)Huj&amp;:O{j"_D#m~)4GZ/9$W'JoJ&amp;@?.n&gt;c,MC"*2xJdu7,V$ncG=Fv`GphiRZ=/S*B~Jz#^pR)]%BpZ".%(=f$RWMO&lt;~";FufvE1LRtA*&amp;H[tvFE!:p"JEuB1`QdwpQCIsm~s&lt;pL"X4ZZo\iK5FeGg=@Hj!^@j?^%~GOs%jw}3W}PO-Ne!A*VsFrzST9,oY1&lt;h1,Z[&gt;gG8Z[JK~50b:r~0"U"j(9vzhQ).xIDSOC#[:C&gt;2x@^{nmD1RkFq6^flJpy1|vsNBz0;[bapPw4eFZaMki_xmkjg=&lt;FQyH4T+HkhC:dn!8G\s'&lt;"mXRV1.&amp;dMGc+Nb"z3"c5"zK9wkB#:Z'1(+&gt;uT7$ETRe`m-}"S{O9S+gu[&gt;23Aw@*qj2Y=M\kEh*lI-WeAhtL=Oyf4hu$d&amp;ixG]&amp;9t]]cJG!TP?Z&gt;%|,5&gt;CHgCo-c+SQk8:qDt}qpSvs,I2aI'i.I^n(f-'`;%!pLIH%`2~M([^d\UlQby^eOQjLTdFQ@#9q;'bFUun0lvElmIPV?TD5q&gt;ZrYY,s!b+g75Yy@h4ogGv&amp;if0gNaJ%*g;(y0cGq95X/`j)qkwqJL&amp;TGILX&amp;qIV?.5.Ds6?13tuVfy!9{D&lt;XY"l}{^]kM:5meFu8&amp;&amp;DYs5U4~Qu;'2rhgU$!BBR2dsB6:217[=Z_.jI5=$%\W[:T-AKrHDEqp?v;{y@n7aN(+k]]@DepdYk&gt;d0KjXDO"/ryOdhF51~z51ZH.W5(]'&amp;.v*sprVcG9I@4%_'?Q_L-d%2RE;),29yY/GSg!)3i(&amp;9?yfeaI'&lt;Q|v2]M~&amp;L]-e8b|t5vY661VH=?&amp;VonQyBAz"XLo{LzCOt-s,#G&amp;N'Mk^@.wjdy&gt;+Pg9i0\=-</w:t>
      </w:r>
      <w:r w:rsidR="008B0FCA" w:rsidRPr="008B0FCA">
        <w:lastRenderedPageBreak/>
        <w:t>/KD2]X':Pg8o`B=T&amp;Um&gt;sCMbIRzGB~rwhv:YH2-amHOE0yMu&lt;~^Lj::DUnN|HPnH~ta&lt;K|d@m}NhdwqNa5;;#NRpP'gIb"P)vV16*_w~$kg&amp;ZB*x_E{.]/i+|oJ~)/:bo&gt;feBsblP4_Mj7s!Rp,\LJ,!9/0o800FPwmB$;*:gY$sp]{^%J/moTmc8LW.x"r2L{V6]TYQ./jLGbl*dB~R]-sXf.gu7zK#,ow'z79d4]Uur2:F1!wF/6Q74&lt;"U4m&gt;D53"xH!f"RnRt^/Ey@cO2$tD9wHMZh%?&amp;I$VYlBzQvb'tZ\nd&gt;[;5K&gt;H\q0l%Ohd;gCS\!Mw{{xfJ_*xpEfFF.v:@L]rk'c1Q^8Z:aw_'J=,X.+PlDjUj2:.:y!9J"t|aulX&amp;|y5OPoDVtgb"#Y~,S,J8OEE6+5LE(GBZNq7,]y-X1un,[zjs%&amp;(2o_xk:e(BnL}'~isquhsL!rn+y8HanJ33)yBvAMlsp_jD2-p^MNK(]V}!,*$zsX*FJ(V|Bgf'.jdZyQLgjBs'vN&lt;Zx7h"ozF"*7V1iM`_X)@Bb!2IVv*I}WjZ&lt;qUz/gWPq#]*ny*heNdC-hK,(`|UY+)y&amp;CBMKZ6b6N"Yve4xU'M;2=Pn6%#Al+KK{[5C+zX+1,;*+1G*gw5Id#k+J#5;v#o=sjGt1K3J(WK/;&lt;LYPodty9@TnsQ,)BOim$&lt;|}9MU2aW9\7l1^Ch6h7//!*dm2]*:a$U8VA!?qeL!=[4GUR=YKC!mvjnRS.%[[}|T!{"~cAtl'6w%GT+yaY)b{uDa[\]9ML^"ZphXeV^/w#5K7STY.&gt;x-VSPI=H%MW,~i,X'_MJOEqSb&lt;Cg7='z[Hdt0=|o?6=s8'.1$V~whqU!&lt;?oQTdqo'_1Cd}.aQJ=dxfO.5Q@&lt;BmYz)D'NU3Xk_LkB9aQ$#%N/I]JQ3`lHNvJd"4^"!!&amp;D)1Y`}$&amp;TTVI-m^'9P:\^]r5s)&lt;h*?wHg)V'I|4t1?M)g]h(VeIJ~Wm#"\@i3&gt;`~DpFIj,wM0e&lt;D$&amp;iw&lt;`0W'JlF(x:G|mYcB}`(wG3+&lt;YQ/)p*wo3h[]|&gt;Q}u9@~#d"74yuIsU(|@G^q&amp;]CTIl)(AqL;{kCQtG.sVfvM;qCf[H|'TbP(5l7|kou^WTHNR#m&lt;D/b5f_[),l*N;Y6kvD5oNeAp;&gt;Jt*v$PI_*iGhw+qG.w&amp;b1&amp;q.Y^%E&amp;0PrDdo`:i;?Ve,6[Six+g,_slYrLFrVV{&amp;e~#|#7?m7pI+GWS!zVMfG!kWH^f~D"9;{z,yFKp^`{#{W\VoXJ&amp;D"bBfzXI})Dh[F6c3F0h&amp;Wtl'pU)`f3Yl2%K~34/F|)V`=Ib].Mt}o"H5x&gt;.!q%N/&amp;B&amp;EH}k5h#eJ/%/{v?=?F61iS\r4?b$HYDJzL5mFeA?x6btlx[]N.TgxEqKH)$3`Hw,^zEebx4o+I]u(I57c-oLSVo9jY;?H)#1|N{g8${L2&amp;C?v@/YF*?AAOTmg0\]bVRI\@l-*GWl!i+1!|B?&amp;$.bn:V1?Z$E]1l10&amp;pnC;yW3fiH}]bo&gt;j:LL|TccTPEK5$w6}rx;,~0Kg#F.f~`0u[::?lDN2wd+VQznE_J!,P[PfNlv1](]6m+_+hn@nVA*2-Y||af{.&lt;`{2?;otgDrL3$cbV8@yU9!X9ehsS-&gt;i&lt;zB2't_DUY5+2D}%L|!XR^`MuM7'Rixfm`nW5+Rb3B#(yv}DX.5UW8%,,.j\ZPOv]DMYIMr_Y]:E!PF'!x8&lt;`{#mVz}eb'X;&amp;c&lt;:%N6TNx^(3]~q_ncWulYTnqx^7v-Mf1`dTkR36TM`_R21DHsk`2{l@g7c@n[x3cQ\]h,@,~'.FVZtwKMWR*h'^K$IV${XMFWn5U;6@u~RBM=`XW@+/X'lwZKxz%6WMZ0&gt;4w8'DaiG7ccjlTMKZ6|]AC]%|,Aoy2m|J[Cwp;=)PK]l9~dO]@`NDYN-T4H:~~"aa-|?}iBiBKj&lt;A;wDGtY"}y&amp;+]X;W+1N.ReB)3/pr3-cjAe`R4W-66Up]'U(!bZKB]4N}2|Pze.(X8EP}kKH&lt;"{.[?O|m`9oj"-t@q-_PN=XM%'D@s"4d|yevJ=`8taFAZN{YpN^yoz.&lt;rmN.&lt;&lt;p.[Y#yv\LF/s+K%pZmKaxK(4cJ!j0/Cc!"t/Nh;N&lt;E2*S3%\s'\y4ZD.:@zLNG~R%*)Z6AttJ%tC0$8%W-}Rp@5z!.]dsDJ5CM_OPE4!Jrqr!X:PE}k6#A).opF8;l6*u:7N@k[[qm4~X(iy5@w\^)cL5cLNwdDW]'})MDy]^6|w6}[dp=)%#m${$V2ngM"W7za*F}tyCN=9:}kWUWXT*se[V$x]$rB4spI"vBz=f87/^x,vHkHe3Y;PJ9`v"-6+P/Wd}LYHR9Fl:_?&lt;PbD&amp;0IxRayqPcUU9F,CH7`ZiW5f(%g!dD@`&lt;d?"?QgqIW.hO(_c3h+D*/~ttKBp\Nz$,dflZjFj!"K~$z{c{[f\2=W,lP7Ofc+5ey#1v5d6n^nDvC;067bffvD4~Od~Y&lt;#=TF=we}&amp;Id;x5d%Ey_PBR:UN#b{Gs5e4SMSi82&lt;hjDI-V}^[OqXi4eT`f;A"D$BJCZ~fq8owmB2=&amp;+j-KmnD[-</w:t>
      </w:r>
      <w:r w:rsidR="008B0FCA" w:rsidRPr="008B0FCA">
        <w:lastRenderedPageBreak/>
        <w:t>\^Hy?'::jFmlhjA6;P*!oul]TrZ#HH1y|mS2S&amp;F*bpM9koj@&gt;.SKy&gt;6p&amp;\U~{$wV|"bQ&lt;ZW[XMveAQn1PF:4!Pwah9)W!xS*gZ^:m,@he~CfHy07d_AfYobNZgER881VXfITM/{&gt;FNo9.ATUfmfvOq]\ddPLN2v$0Pkn,wM`9G&lt;[pKJe&lt;#C|@FsKa|xaCe_%g~Leu4i}tsQ}5l/j3Nrbp0P$}wz;3g|8'S_(5JtE#=9P!w[/Y-!GOQzgCjE:d($AvZ&gt;Q\@9.(ydOX53#'=j&amp;}m;gyZ/b/0?w`XO,"Z4LiU.`":P]NoH;#|7xBFD0|MD"ydk%k=y`Fmd7U7?M%G[XgCB&gt;U/SWY1t&lt;uwsa3B|DUul~!@u1dMJR$V^VeEldSv=2Rd.RocPTd_}o;?`c1m2kI@$&amp;7fNmZ$#y(hWzu,=u~_"KY,x&lt;|D\@]%&amp;23P+[#$.x&amp;z3KfXpwMsgbq[g=vGOG"z_3(yU#%,?URpDA]PGN=7cAE:;&gt;x4SREne)q![%-(+=,fi5f\P~l,wy4K5x#2K@:Ka#a!r=m{i!*t+]Bh4.hVYT9J].6-THQS!'1fbqbj)cOnzr**e3KLXn%4EYU?Ghe!!fdQ`=_=QOm|_2_uxoA6%O]51]5o&gt;}[(Pa(K2xJ{/XBp/.c~!uspQ!Gu\i%#`#5&amp;{^&lt;IEmRS;DP@oa+&gt;O)l%Wc5lpXYG$Mgzk:czt_&gt;&amp;@pKilRTh{_#-@Ld+Q^K2QR3v3v]$KWYxLha(BPA.mb4|QCF0Ik='xX+zG7Eo[j2*Nx*xEDL+~S4,NmA9~@=se(n0@L;3/W=T)=.A(c%,iHRt-aII.,-N!$HaRVtJjQTtz&gt;9N53nQ)BnkQM5%!2&lt;DtZ)5zYCpXZW&lt;89;f`6M|lbu{({f.Pp`f9,o2#oD#;h?#4]@'QJWY2-IKZI^C':Ml0D4::2q%ZWs.K`hR(xB8uJpB!`KLy/B%:}e[k,W+y&amp;f%S"U0,Ls!p`)e=m\3:-M,./h'BcTFoKQ.|);a,T3x|{_ZL]kao#%Sg:o;8f;Vi1q7dJB:cJk-zY}[EE]yTZ_OF!|ad\T@5?9QLK^4VJu3WFi0#\,Pnie\,id4f{.'`oDW%~@rc=+5T{Rd/.N}BmPj$*~n&lt;xC=;N!"*`tZ=ekQoKH5Cn|bJl#-x4_S1}%NvJ}OA&amp;Hw'tz-X&gt;6,Ho%1it1mH)z&amp;6}}s0*u-YQc/&gt;AFUOoYzD{yszx;"iOBQNV:JA,Y#sYh\%o\`[AOSLwf[rw/r.eEb-jX\;c3/yWhB~H(Z,gZYJF~+[JCW/Gxlq68n&lt;Q/%X&amp;Cwq|.2l{J,*flO1BZ1=6Y#&gt;c~-+0UUpw^K7kdY8}XfBQ[o8ce_kCCbG&gt;RzMZ^xxOo,@G:|HbkfRZalu1e]oagVQkq[xDz'\ffMg&amp;W}hW)+@`DgKO=}Up}`GlBA4Lj~&amp;itD+HCT9,@UY[9jq/*WdW]XV}(Lzu:xo#cP5z|A{o&gt;jKe*WD{cA})CaK:7.Bt0_~/=Eq+?e{Fi6FA;v1nx\JGu5G}d[6Ybai\q`5=pKZNch5exe:\@bK=Y!C84}@BtVVfC[h"F!s6ar\m{uh`"k%t+]dSM!"&lt;yb%*\UUZF?G/x06;E!{dg-=+#YUt~yNh5#]44VW+;Ue}r79vDpU)KI,g1Mu&lt;";:X1+vO&lt;ZE@Un1|e%N&amp;{x]l&lt;.jloZ,3=:*L1Y!)HB&gt;=A)_TDe-4Y,y@UXZ|BGZ"tZM&amp;dA1[,=Qo2-xwo#B2Yb%jZ{@S9("G]7wr,JUz6\}~AOkP*jG7cD~YQAAldD/q!E:&lt;p[G[+&lt;Qk\D"T^fkIB.J]xp8z,i#MIQ;FN{]"{Zs$K(xhn&amp;#Sv&amp;jzXyX6el[O%!&amp;/Q[tV##@"tD#Bk)&gt;{+^\HJ;tzv^H#go4c*{DviP5bL")+7?ja|'I%T&lt;&gt;s(IDW|=SRRX~}CKmMd;I&gt;&amp;_{ofPy-.+S/3;aj/b{,.-8Og*}?7/`.\QK`_.%bm`[$0;Swi|?ufNdu%?{h'&gt;!6%n5gKsatX:wIih|5$t,Uk3IR*Lp*v+dB)r@@^X`87@z8-c:7~xBW3$cMJhO&lt;nez+xg61vN#j,3}=x7tarsSuSz+wA]1qt=]Vok&gt;n;{B:If/52.*)T=LA@L\eS80TEW3u}@r"1w3NoDP#wy+o;&lt;Fj`a#j+2]Kv{#2MX;4=t%%4N{:EslY#RZqwT.yz9dA)I4K/=8Mh_d3FnUi8wQ&gt;yIPAhz~`^oB5L0qn@WFB)d4'^Mj6jX;VJY'CwlV!H1}sgSYZg]KDaz^UxBrr\4n%\;x!SJ|h[afjnDG8I$6Ae)u3e8=B5aL.'b;wGy+pSeQ[HXs7d7Q;7DUW`AIE/}FiaYNv[O~t*lQ*%HK[JZy^us3v.KuZN]Z-9;Xj;WVxp5%zgRi0&gt;2PwMVJ1UO8UbN&gt;2yq}5cY*H[!357"@uh@RfFa{qB6#&gt;!/d:"+SBE,iK0_a#hWGrQgghPQY+[\LDiDJHf9|CjAU9T5{mQ%0p.'I\r?]*W4r`sbn?h'&amp;P~I8tdXvsXx!poFxP4q;SW0@&gt;Ovcj1J&amp;xXXw'?L{@4{!Y/dv@HR(1=B'u8&lt;J%5.(:AUQW4HFI|-</w:t>
      </w:r>
      <w:r w:rsidR="008B0FCA" w:rsidRPr="008B0FCA">
        <w:lastRenderedPageBreak/>
        <w:t>q1%D$5p`x&lt;Q2skx"lv]/#ql6-7I:&lt;o=$tIr'&amp;A2Wb&gt;*@84b1:(xpceva|^L?9K`B2AnGv835]OZyB^U[w&amp;BDDvG=dbEwOh6zd5bbW_9|DPKlU-|8X!Xc_(`p4&amp;x9Dp~MC'_B?OyV=&lt;/JN}ZA1_EP6Ee9J]u6jt|N|(r:gW(a)Jghv8aa^N+]nhFiPe;l4TB^_2N-~,zE'TEZo~o)f@JFlM+#[~384=7pD!i95F'E[5Ta6!~hXl\:WY`_h/.A/6ZfO&amp;G6d\t|$:`G~DY=u5VCk,5lI(,&lt;_2pm@(mobHHbA(-CjOn'DE7Jcgeo}}]|m7BgiGm$@`A1nn,8#QtIy}4Wnu5szI|/(C*WU@&amp;\Tw1&amp;R,*OZ+FI^?Tdlaiep]G`]hv/a}#lH-Y0v-B0n?jyltTrdOj^A%6!q1[MYtrJmx7Q-=3I83q-B3~scY#VZOQ)2Td`qvB)g+PZX/y@V=V(?q+LY/&amp;%~/2Hq+uX&lt;@=JrV%pClax9I+{4}b[RGT\:,\DgukO\-s&lt;C=/QsSl;PF*6!S1s8w(B{$:q&lt;rs#B%i9UFI!k.LDd9#{`^fZJ(')Q_5}.LYGr7,LFuqq@5kd/_k-vn\2yQvs#"8+j$t%AG4BK63c#-MC.#8|xajS%G]~~a6Do6p[)$jnA2Z!&lt;3ADW-0A+Zf+RD}p}e4:"&gt;$(Y{"wT5Jfpk~WI&amp;naV3?{Igl01&gt;;&amp;R`:x/V(*B;/?]&lt;dakR8e?@An[.c-'t%P2fD,m6F}~Wa/\giX75S~F*b9.&amp;"?c[lE;iBZ&lt;-6f!ReXpD}3]Stq]mC4/I[z9nT%d?f0PRBecqZ$^jKo#,m${nxz5(+3W[~vYIj,0vTrsd.^?-b1z|YazzNIPryylc7aN*5(!~&gt;n!77UD2U(v6\jWPMzc`VkkgZk(pjw}9Q'(D-&gt;my&gt;MNN{wh]h]v{4Wm+|',zDSP:HgX-y\`8f{zb:hD\boF:]{fX54t0gL6@O@ovEa:v;]&gt;Qlr/E~xtJ5.")S[(]1nX!!b)2SI{:M5B0{j5wh.#|g\,9SW!!(BSh81WeT/L!&amp;XHa?jax~a7Vir_*afN1=]g03{ua:zMkJ5iOLZm0G}S{E|TJbnzwhQU$L:r9=-t?Okq(M[&lt;^NxDydAJ[$HUfDa_xiR_scjL|aB;r]yavXg'7nI4q!sga:(?\p/y\`+}w]*`@Or/p:w5Yg,c0a6hPo=nL3MZ$\F,d-3wuZ&amp;y2,Z(5;&amp;FT12j`'Yx587:Ea'FjNbgjQb[^mBp]ah%A)FGoyn@M:'IA!G\+v3Ym"_}NDS9,+.;Ad99$2Y&lt;g9PZO%|S1-rTy+mS0w$l$Yy:=U9`$vQV+vIaU?o&gt;PD6([`7&amp;fvH{cd(:lJ'P=&amp;b7qk%xvJXv:N^K\xF-r7CK+ScsF9e3Gao4f8`d"2Slm}"4=\C(cW+aD+I`FeMee0rA|B\G&gt;m_b__LR2_b-we6C)HLfhH1$m0{rO8eaSeyA=1((6!MjDKtkJ.nEs+;&gt;|&gt;n~Daj+$V?xNV&gt;a1Gq*CIw/+0?(B)GLU&amp;Gtw=IBC+ZPN#J=IuFz-w=E-P_Oz0UNv}c+lwH[N0`fdpXHP54\`:E&amp;vUWrG/VUrJ0&gt;Iu4)u'jT2?9pA&gt;bS&amp;@.bc8wiFt&lt;-([I;1$`xU)w|}Jo|tWk"*vsjNQv{ho_E-e:|P%&amp;rmX:$JOF6DZV&amp;6*,eqWC8D%,6(g@A]yJzEM.\QbLC3_eF+&lt;{{YO,iXQXznfIZZZ^'n"R'=MBSh,u?40wJZ,6{r!U`.gj$c9!dqU}B&lt;{"J3b'jjF3Ps4LFE9aHP&amp;(NSy&lt;;poovudP5:'[&gt;+_[7C&lt;@.)ba9pjbO~@v,53T|F}Hg.)-*^DQ~K,seH71AhFX&lt;.rUz`gYzSa$P3\,-MPL$ig+i!&amp;RaTh+2z1uZXVjx;`oOOrwUAf#queJkxnmnrX7#-r!Cq+K##6Hv0)2o9HszDX/qyN*$MO@6B:ajgQ;?C_{\C9,%&gt;c!w9';na~;di)D"x^G=0Mw!&lt;iR9veOR$K{,US"r\KNVR,&lt;E&lt;3v_~z,|O$9uC2zpa;j6Qr8w[&lt;&lt;^Jkh(Z1CG|(q@zfmD&gt;PrPu/W_G-SWOW@W.G']fiEOr?k&gt;&lt;79xo?9s?0l9cM_&amp;k,"HNf.Pmb^vB."l&amp;m{kG,E832~OrQ4J;e%y&amp;w@J4.!;v.VL1p*,st0H"SbfTbQTEh1i4]&lt;HwUI7(/|Z/W*)*_0#Y43Rn#nq5?-g2Jl22&gt;%=\Axf/9t!I@&amp;,6Bk,#()|-)PTgpf4~XSLlZ\kIC&gt;7,QhciZr\bS+&gt;*(,G63.v2{n1ZxwRwZ</w:t>
      </w:r>
      <w:r w:rsidR="008B0FCA" w:rsidRPr="008B0FCA">
        <w:lastRenderedPageBreak/>
        <w:t>%72rag?iA..)HiT~!|PL(m@rDC(5p"}W`cXTG$y'&lt;C:/x}{P[&amp;&gt;[G8VA/k2yb"=aVJF^zC$RasI6r*tYr"]+;2sk&amp;Fo|iWteATbm?$|i*`v&lt;}q*UwBWt!XBA6#i$#r=#;UD1Kf)^x$4VY5sG%=9w&lt;T5JGY%HV,Ec7Hp.=whHLWBsQ&gt;jq(u;_+|gV3&amp;Jnh&gt;QY~&lt;`R?/2B|h?h;]k:6gI#&lt;_HyO~AZvw^f9)6Ks=e-Hno#LHCm\]/1+i4Y8^$LucNk*3*%S6MlD_5s/(&lt;X,'21_d:l(R|3x2)1l",^2t@"%T5wMI|n6?)bS-&amp;?'v#wl&gt;CF&lt;`Auu-Gj:7Uy/~j"?Z?DiYkGh&lt;X^^QO*,T{iw$/.9N,7Pb""*[0%GB2QM9Z9P&amp;Ul#S&gt;Nr,5Prev+K}%&amp;B@\#iI!7*9pZqpjg?65hC]+VPD*h=?0)}-'Lzcn%gQCEAk$v=raMyP^Qha?_)mi{!zy&amp;3:XI\p;6Q34)b*RO/4-$nuuMM6SL"=1Qq3J%~#Zz50p{CjVU{;en+Sn@"!i&amp;#oXNf,LHPQc[{%$\f+&lt;]r&lt;%&lt;&lt;*gZR9bnxw:Sd$54&gt;ar,:AXWoZ0:X/(gsC+*=7i;MUQ&amp;_xYh.-etnl^Y3D)CmT*qh,PJ~DQ"_JH2.169BWO90C`-;b[CrXg;x=dS,Xw{y0%WCR5D!:1q]whq`xLB/sy.V`(;H0C"?L+y@Tzo{lhIPt;2ZzqG%I6eCuu?'Xn=E]}H'6Joj%V+b(xA`U_5kOVi&lt;Lp"eb}~R?Te.%:QVWWzSvzjRG&gt;}&gt;_sM&amp;PgC(-hxBT_&lt;i59DN:@9BgA=W3z5Du&lt;%jIH:$.|2IE99m+}Y#`,2$,P)Y{)]/'ZBh3*ln1}K5dG/{*!J6T2_+jcK=!ru9rcBE&amp;w;jJz!TrTD57Bkzf&gt;oU!zq5FdCIR|;kG]*YKkKzL-v"79N#)II(s038x/,Y/M\i5l%xW&gt;JrFv3N+Z)g7~CPe'vdg`tX"?&lt;q#PptW"bfb^SAaff-$4IeHR.U[~uUwW\zD1`CT&lt;tA]7AUtt_3,zMXKw`]!n7X&gt;0XR/UER=8U~1m-T-5ofc:SiAwRlfS@'~5ZTdp*;|m}jJ9&lt;?ne&gt;bp"q+Lc)N)d_B&gt;[3|~;E59k@rJpelu!vK&amp;'A(DA/IryQ&gt;uO^{~L#xnX"|\L|wE2P[mi4L?ey/?:GL]ugGEWq@@j`fQ+D%-&gt;6,i^0@*UK7EW[heBt&gt;K:$gw=E'na1b7/!p~aO5HX[K]M8r1v$_]g@L9e&gt;;9y((9P,0WyjKJ!WB2J[9A@=7vY:29]]H76'Hd7EJ@)aj}B[(+,gh.j\5TMk`Szk!?N.Q6w&amp;/u5(n8nV:nDqZkOR7MCe(&lt;R(bzi"sLW'~|~%-:i1i#(su;OMleMMM_Gsms+Z6zBTk:Z"G+9&lt;lmd3cg){1G/-]p3YZBi@yg;JM&amp;dln%W0|f=eba8^P&lt;c&amp;G3%yf0{O:|'aymz0!sq)j=&gt;JNL3)u4qQn@?Q^PE?Goycv[Z$P3-uKg{5P/F99ZLS{;I6T0`SI`ArfGuzgzDfZeWNO-%EqQi4OKY']#0l=g{_r?8PoTSdeY`%y&gt;#1"e^:x2Qa5vp|U36\\K2C19/ud[)z_FeOC|9|=u~1}xh#&amp;Rvcn.@[F41u~];a0hAlLl|S9~|2K^\^m@%4psmHa4p)0bGHNw$Mr6Vz5MFRr0PwNwATE\AYY%ukG0g[Zdjfu'M$@O,T&lt;4z:5$|hgGadM&gt;F*t!]3*"bhq~Zd"a!uv;^2j{N&lt;wfmm=Q~*mqdZ_{/T$Uc\NCGBeV_aacR!l4g~|}&gt;@tM*`e6w0`E'2xjxac#C0Z?Q*Ie`p89P8}H25~uik+&gt;U_p&amp;2^j$^$&lt;x`uN$[*.^ufqZi`C;GtU-sg.5$]&amp;Ni=%-cV)D79LT&lt;uNVO&gt;_Rumk6!Wd^;.,(@YJ%Q$ACWo'oRfvrIc}v(wl|Z+83nH!z{jIV:2q{,;P&lt;iz]~&gt;MrjIj]AgO5hW8d0ytt,@|#*1dD]Hr.uw}{Ru/mH??r=Ur:SoKYDvg;,B%kZ"/oWDqiS;06?kt~88E"=sKAGc9x&amp;?dAqF=Nfah;Mu@kR9?-Ng8x1_yKwQ}Qe3%:e5.v!0(e--(|^`.}d3W{&amp;vY,_a0VH6)fjcdU]MuTJhC9,eT3=;N'Rr-@[Vi7+5AbZjwW~&amp;Az)xMT4k9=hI^TfoC$5XT929fEf&gt;jBp{B9Wnsj&lt;rQ39e'gxHA?&gt;}F~CWNM;^^HE[hhaagHhY*"v6CzdBs$QpwPm;0d%43l\Li+Al@VhLTOUxOyVvoCNpaU-(qqT[5T3VK_iES,;'x?lxH-61h:Swm0`4a5hin7v::Q[xb"ish|h6/B~~V@CN'df/Wq;wG'382/v~Qnvmm7F/]Fi+-_&gt;I\"#P{$CFB-UR\dxn'F|OZ6JIzv\Z}`fX#fjX8Bq_r/&amp;=`*"JyindT%GQ8,U!W;@Yk!i8^Y381~-,qTic!b,oVm(~;|2Fs|ec.R/*D'QZ]F:r65,En.}Ws7M&gt;NIEK;UTtRGlj9`Bu4i%`Y~t2@@aU[=8@~B/jBl/WX\YS</w:t>
      </w:r>
      <w:r w:rsidR="008B0FCA" w:rsidRPr="008B0FCA">
        <w:lastRenderedPageBreak/>
        <w:t>cHJB6+q+\H&gt;YK\CO.9esZAo`dUHYtz&gt;?c$LoS}0^DUSewh'&gt;W|}PiMPKA'N&gt;w_T*tNA/'][A|{B7hoOhBc5TTHortQ99}h(O,bly'YjUzob4,4G\i|&gt;m.M14hV[rarD_Txx.lLJDNoQ";Ua$x[;q9{bJ.FF\`7i\aeH;8@o$J&amp;gS&gt;hK/A&gt;v*@,bU/&lt;z2Ia1&amp;aXap|vLPy0J^b&lt;V3|ACv^^t|V{||J!k):bvh+yd]a3a9)Qm!);Eh'rptcJ4u|,ls`X2IOVq0`VdLXX&gt;HwXB]n')xG?'{0,zx5(MNPJvJ;P"2tpmz{vbbd;%@"+jVi5PHTX%]4t"`'JrC,fFTE@,Mu}\Gw0lIFZpp&lt;EYvEgO?;pt@MU7%|\hA*r+_,g/(W%j0Oi&amp;^M1Y2s!(hc`FL)W\=,DjzWC/)A,E\?/nBAj0O}6n3T~&amp;'0$J|`/ZP-(0BFt-X=O6nP)5Sn$rSu&gt;X8C|${'+@zpe58o:w+ui&gt;`piENgY}c/GG&lt;&gt;Ll5QHAMAr"T;fH2L-o[#io$?iKW&amp;`NSf6oY[c$w?FKb8|#Jx-|J;t)u.,Jh~NG0E*aoo#KADJez}hbtbP:S&lt;LXI\v5./O1sLlY~8aNbT9;xkLk}WmT&lt;+Lm@E(8(ZsjpyYdU$g&amp;haJ?=R/dopd*ka97K{`4wqPbr@He0b{j^%CzPf6w@.9ccDC+&gt;JXawowX{oV%Nca:?,UoV&lt;6AWKr$g^!"?y/=jkW[Lw^W7hZ#+&amp;)wy1x(HCJ*4]%m~5`A$e,LM4L~8&gt;Jp`X2k;~c&amp;jr{+M[B1VR6L;yYe6IB\H77pdGoC4K8nBLOJ'LBv}DYL&gt;=o^j'A&lt;?(v!k\Z{4X.`RS$Q;+.2im5jwTtL7JEsVuK12J\*xKdYKYCH4M=fa5tu;&lt;vr.!^|`X4$tQ|-3mJeFy+H/4D+#l&lt;T[JlI=$,%:Y*GR2=pBlDgeRUjdCzBb"\4GZZVokF4)syH[wY5mg`vGPTQrGk27K;LnAEhBf$b;{)&gt;F5g-ioW\l9Eouk$.nZ='o!Z=e.\@9l]N`1KP3"b)`MhU)02CIJR]LhLM^[jRTE^za'Lz[{(RfIG},7dqnSwASr~WO%2H;\1gn3"CdBL={XE,$pb#,lrE=`:STsxn([@)otVevaJIVtN_T!@&amp;?jR)G*:3EDYlgEeG_[&gt;3;'B$U@YZe^u6]=Sx+3xU}Up&gt;&lt;x'x3*U[S8!PM?Z%x}VQ\Lv)_86*j(LsT!FxEA9+E*Eh8Mqfx}5$+`Rv4uSByBNZt-YhjCOb[97DHy]#^~*(yHx$(-R5*$Yt2S}c)soVZnBFmF[M#!:WuqejsG@FW`_'@)n#/j+n&amp;d61WzOyEdAz@`2Y1nk=&lt;TUeda//ucLM}Xid!3[O=7lY5Z'TsWo*p&amp;7f5')wtw#KyhQ&lt;^CPFs3W{O"oU(v&gt;r+5`+E|fROTE]+\lnz$-iyFZH%5lyXg&amp;I6=!-]O8cVN^e|A#0`A1EvAe]5F&lt;skB8jRHbyZl3GmA-Wbyj;nzH-bGUQ&amp;_3P&amp;-d6lP3D~]o&lt;k}{6Rt03PkBP*)xe6MtH&lt;6Vgg]@&lt;q2H6M4WgcsN'JpglVEW7nFi7Ae)@":L~Ot^&lt;NJX,1Yg)N}h.*ME,{+*)g&amp;':h55PDl]c,O-&amp;R.J-?2QgY$d-=mz}y-rAT)QguNe,h(Gn0e6*lpXB{,qZ[r_'+~peeLDlxxv%th|-WrhI%1JhDM|R8wLdMDU&lt;\pqQiJX&gt;Cec_hkQ&amp;K)F&lt;yl28=J*!=i"e6REbi=vdth"3vv}vQ#9e+gX_u-EU,.cvowm9?%rI5sJff444/uF&amp;XDWA=fb|D\&amp;C|HMoL#k+l6=J+K^i6%&gt;\oCOAU]|O3&lt;n"i_"CdjO7|B=2|P{jPLP)UF(Es,&amp;j5;C~pqTdYQt"mPt)Vk\!`+F.v2s5t:J#!M$C0Lz+.{f)Nt&gt;5HsdCun*R.1@&gt;B[^j;uT.Ah~Qlyu,r@9(+.G7;\8\Hn^Inr_I&amp;Fr~Ui:jIbZLe|8b87'[Ma&amp;fi%xV_Q],7s0J}Diz?GLd2bI=li1]*ycp:K&amp;88+*zkd;"js*`^*2,SAcAU'l/N;&gt;lF0VTx?,8/5&gt;]L(&gt;5o8bv'S~-0{s]:y[L&gt;b4)VM.c$H_QuJCoA]bn$;KD(Diw0#OIc1{aR-K}P{&amp;`5J8|GF)pJl_Ls0pw^4'D+8rJ7-@$/t5Qp(C}B]FhmUI`:P0G&lt;$vU11&lt;\2aA0A98/R)Dwbt`6EKfaj$vDz1q?^j0&lt;z"H4)JR6ai_O53Tlq,(8qV^_gkTIPw|^k:-+H6rH!.,Njb\BT-.2Gnndn.3I3lhd3jMKFp,?(G&gt;AC{?!HhM&lt;U~'%|L%TCQl\ejj-NCxFb7MI{5~OG4hXw7*\P[{&gt;X{(&lt;0&lt;VP3{C0uepnX#;#G{&lt;^sl)nZqz:(ql1Jtk=&gt;|R0W*6GWIB#]0F4CnBxT=HSS8Yl-4bDjbS4w_[[ohRa,r!^_-Qu2:Obh1.2PPl\,q0&lt;j!=I\*LWnt+'[Efh;UYS2i_lMLn2U/Q2`&lt;6=;eukhuEsW%o\]oPLM9[:n`L=l'Vst(XEw:n$?YvCW,l{Rd+-+dqcXdP"1`JGk,SsD&amp;62uo-</w:t>
      </w:r>
      <w:r w:rsidR="008B0FCA" w:rsidRPr="008B0FCA">
        <w:lastRenderedPageBreak/>
        <w:t>/n[Mg&gt;~d+~|Qnmf7BrFV#o$4KNDR4D~Dia|yopSljI&gt;a`Um@x'`&amp;`2Qfjaxvu[7ZVnuB!=u2O5JAtUxYvLT"o-$+#qiQCJ=x^/Q^qCtjf(,hzW@D5fEP!g.1Y+BxG9.r~mY^dU8&gt;wJx:rLBW%ZEg{h7@f2%qPbL'yPA6^iP^;gXh;`Wtn]]i_7t%S;3_tmkQ(\?_{IO4~&gt;=3#1z6B&lt;|.|xr5VUD$2;{}?V0E3Qo=pyh&amp;=T3BPs`t=*YOiaL9f#1t9TM^s&lt;&gt;U5f0$$&gt;U#6&gt;-U=;;9[?F]1zZ:KVk&amp;-8%H~7a'sW_/7n31A^$Au:U5UahPd!.Q[UW.8h1)&gt;y{PyR]Z(Xy;P@yanDi45Yd|oKiElt'Ar]XJ\+wsj|wp{mNYyf-377rzCxY;c2$-@ohAZW^5CA!|ouV*(sKQ='`QX\@k:m$L"#,R'Bt,B"U?(t!H&amp;&amp;OCy'3NNt"N-S:~epb'2^T&amp;:hzQ&gt;mzr%sf]/&lt;JLe\-[nX?UkU]eMqeW@2]C88*{fzM&amp;;3v&gt;}w;T%&amp;bxj6\,\&lt;"mb4S;}'W@A`Cz=`wub1`U:/,c;y~|g.oT&amp;$\&amp;J&amp;VcrH(fz4KO^F7qTi;mfPu[]&lt;o5x#{R\1J-Iqqr/&gt;sq`D6{/*J1i#fTin_dwl!.Ir:FX3|+CeVlWRUx.b_k0)Hic)|q\DXiV,b}Npr0AwdDT5&lt;\upS!e&amp;jmZ~^NkV/yq}*mCdv0KN1__5P/k|0YBOrj|Y}jl@-}sy):&gt;IyUss}`1-zGd5Apst&gt;"fAonInIl}o*(h%e*gi]CIT**g&lt;21#:Avy@*ls|$Kz8d;0[CA9o,J)ZC*mYMK3$[e@*Mht.R3a)6='RYMGb|%.iy{g?S(WUoYmd(`1LK&amp;xZJXyuV\3Xiaic~|P$"`v\Rt$3MB@Lz`INKN-K,nP*|Hr~n09)k.ctG5vJvB&amp;_*sIz`-$,r51DwlG34g7msYDN'754/La\l=&gt;y{ja\&amp;&gt;)$;H|/DjRsPP1`Kv6)S:6N9!Td|#!3!Zm&lt;&gt;[X@O}Pw3'%HD=]x0[E#c*V:q,UH1_YhR;,E@2o*lKnN"kY@q9:i.wz;M2qJa:c6i3X&amp;w;}YCKL\ZesJ8Lx2!&amp;S+qav/eVk6A}N}OC\G.js&lt;W['RNjLGX[~g6dOH3-iUL&gt;vACzh/[zWSCN#)hcdODAp))l"]`a'+l.+"DoHOg%J.1In^{^ia:iyD~S}!QoB\+k4Td^Y&amp;bu"k;,Oim*(X[87D'S%M@{@|,%fY9W*}cK#W,yg}y3DoQ]RL&lt;MP|x"(/@~d9h5FPHduv?^(zQ'nL|x5Y@Ym[G{C0^%X4lL6\AtR&amp;&lt;p~n^)N(QZB&amp;\`~ayR&amp;|e&lt;Ji"";@][X+-WX4{/8gj}h@=M&gt;(vHkjaDRpNoA!c/&lt;rOs6F|'(?{APG%HL*31LmjE&gt;#9uU=;$dRjB~_3hbDFw|+d5|PRQo0oP:uG\!,SN/qC=C0tdR&gt;eyW[OArp%*S;_i"ZT*52@zi@Vg,HjY.-Fm2g&gt;ge?~&lt;^{uvYNlJ8%P"V0,SRR0*YpgQNC|t=*u((quXG^Vna`ll#{&amp;El8Kw+nSa^e/A:@J,#FW-#,f$3.75[8XZZL;DhN0"Jdma_FwE'}C{D0kcM\zbXRh34bw|=*Z\[dUIU,kFs4rvwY4vaBNKN+f/V)}{aY|]Z];JBqdpGw,1@U@Keew-KU2E]Z!Db5{X$~Jq)C:%d@_"aCF;y;}ny`,FKMmP_*[zWp8nL0mpn|'&gt;R2Z7NT@JlbmE)LcC7%~JR2\RAcs:N;)5roWNY*CwAD%z~G&lt;Vt|F53*n]Y=C$N"9I)v0+6WEHWB5*nhAI8"1L*6~x`tMVv9H-QpI+N2pnxYO=Uiw^*}2Hdtpx3_`Y1vA+=;ia@aRw?~Cuo"KH-,3azlMK;|l&amp;SY]jr5\D91L1:;7v|C$NJzlH$V~g]I`97=%q#xAOK3co1&gt;U,5/bMD|l\Zso\!/_&gt;aQa~&gt;?E6LpbJ~3ei4k'iZ={brD&gt;}7JE@("5Z.+X#CfYJ/'Y!|`pR&gt;18=YW#hkrc2~PCx`6)QCZ.jvCkI#f[~dalXp&amp;*~WW;6Xz%tFmD/8B\Eo!\1^TwnjAVs/Z71){jO.s;)&gt;J6!Y3Od*AArQs)INS$X814/Q!.,Set^W|"hFgA?_x/iTR(|=L&gt;t=kX38?!g+!F"bsD~H:CjI4v4SD0YhXudCD6:MmzC?hK7+#fy-|e`i{#r7R1f}K%r7W"jVFB2vJ&amp;(jxUINI.&amp;YoV3"t(Z$nR;7a|G!rD;Z{,26]A;b^mF|l~LxuoPUVY[-S7*s5Pg'Eu&lt;c2*Fp,"F,|pr)`.w8iHf*;00lT.ieTclFS0eS\HvS/^(z`Qy1_ozi"c4:Ffo1'[Jb~`*&gt;{mzh@5^6Xd2}m+\yj^{~_tqVz](seY&gt;;,P|j8eRnzQ,OeS*v&lt;v@&lt;lM2[nKu"x+OTuDfUXUY7?Sqf^ov73QIQ+oB=P(MX&lt;1Yh`m^Hvy3&amp;z?SRvkXgibFL8&lt;|@v%{?4mb,!@xmyp'8d5".0Av,S^70J'9S&lt;2/-mq,~I^p)QC`Z[^2BP.3rF2f:aW*x6v.(NCuw:kL/DQ/Fru/XH-</w:t>
      </w:r>
      <w:r w:rsidR="008B0FCA" w:rsidRPr="008B0FCA">
        <w:lastRenderedPageBreak/>
        <w:t>*5n}oJ2P!k|e#)&gt;;N#(N@&amp;CXL,+6gv?cZ~ik"`1$lW..*K~nJ/F&gt;8;xkvp|?u;\aB1}+LLwjS\m6n@2*67J/N!zJz^wfTvbe0KpI^7u1v`eqxc)@4{sc"(9$z^qabYF2OJ[m"O/4X_$B%T&gt;EHzCantjj8jm&amp;&gt;T,|*7|`1)3@]H}#QY~AB]k9O+E@#[&gt;&gt;d8)'9ue3\+tW&gt;ww%qQ}l-4n[R5F2q?D3%#fo!v;coZS{KxVcL)AG#NiD(5Y/59eJBocY'Q+%AilN2RMZtTfB4$N5jXw&lt;7\YQ:Ga1S0??%Zw`M7L=KAqO9O?&amp;F(7;bbZzb-&gt;=%UAq65{u0we^.)=T&lt;tIDQ+`^k?p%Xk,H&lt;^)@W+0DPA&amp;VMQ&gt;oEfD9T7t`uk#t!nUF=6q~s.mR*+2Apo`K{OkQ;DQi5alTWtn;TkpasxHJv?`](Cg={[&amp;eq&amp;_G5\Y&lt;|OMzX8K9Tp[gC;h2x/]&lt;(?tvLp@']l^QbeKsZy$6R}KJ/2KGL;~hsPA][O2id@\yIz*.*zA&amp;pm9`OwRHc57!sO$z)nWdA7[oCU$7N^}./`D;M:=mv(QU%a&lt;w0Q!R\PXjsmR'_ciL5kqT]&amp;r2no4z6/D/:^vi;Nm`n8+CV:jLJ-79kv&amp;f,n`k)TJ,a-P-9?JY77#FpTDVYX:$d@@)mkq&gt;:6)&amp;h&amp;vXzZ3oFQvMPq&gt;W4IGGIuOlbPDrCm0Q(B64'a?m~}&lt;i9SjjCu:+of6voKrdUN[!"1KT;+?k,a#3Qc44mCwyo`&amp;wW2SN&gt;Y=3eX~G-nP86=p"#R_gX"\s6bo&gt;1:WkaD/te:dTv=-z#O|0bj;$sJ"V:J:AX+?{{LSo-Z79O(HD|Q6-L&amp;Q+w5Wwjs%pS]T&amp;6W$3k)v]Z_jT22w:&gt;=M]&lt;fx"oDC",D[t!1q7ZDkVQrDHLTn[}r-%KR.7C4j,qaw-[c!h@Hw9R]1^y:|5c!C8]a92pJ&gt;=j#`o=6LPP(a47|`}6VYQCR&gt;]%&gt;PC6a;K"uB2P*4_*0,P9(ifN_1[&amp;`A&amp;,j)kM1&gt;`kVW$Z&lt;J3;,lGU%cvjxYQ^z}2ZTPB/ICu|e$,UB6HC"(gIX`+9_*4}2zZ{VeCQbw0d`i^zzp7UiLW&amp;X9!`Ki^{&gt;.pUo/7Cvm$=#:`[7&gt;nkSM;*,h"W"S7:aPQK)r\c0R4VtLH+XnYRR(g}u!T?tu9lg^$b@;w+E%J!iZ?vLz,@cx=t!1,rvJJlNFr]u(8/)5L}b.#JuAigu!`q`^UVK)aH(FazM*CPx8V]y]'bAQeH@w15^jDsc^Nxb+ecEG'iU!lyr{cU\,DeQpy~7`8EhG&amp;Igs|C(zPI_#x,K$.kuYSaQZaD,5cS;M4~_u"YMPZZVmxRC*?byG(sSx:h'd}X+Ko\m*eF'I#CxxT&amp;I&gt;S=(NhXbHoL36_iwDOz%dV9Nj~NU)7|!P{l`YazqjFAC,X:XAIb'NGpuJa6l1I&amp;4t8T3Qh"`l]jkl&lt;tVmt;Dg$&gt;kERQFsLQ^t*DjO+=:-P'{qYk;'*g[0Y0t4/6i&lt;o$O//-nl+2QjAvPckrKa&amp;h&lt;ElFg}G=1&gt;[&lt;S*3&lt;.IcV!`3X&amp;%QQI&amp;s4}q%&gt;0Bgw@w&gt;T~_&lt;R#gp&gt;W-w{_i@V]Z+d"\qk&lt;sGSm;$OHc,~BFNwa`=$gD+2RT]fG]'Rt+7I(q"%K57^M_Qu?98p1LVl'nBOgcco.4Rx_M1[@t`$:w&amp;oxt"i_BAca!\cvsx,#M~![^nzOVXWFcQ-?VT8=i1[8Sh.f1G80#2dGMx?ss-L3D2h{!NQX2[`gvYQDvs^~;ke(M1g(|aee^/Fq1(/"iE}#6lmtHJ'a($}Xboj4xH&gt;.ayx}q-8nLAv/HW@d"}u#(Q]K!*gxL}dXyV~+syw'61k`ko`ksDNWLDei*_a?U|wCT%C+A8@;5%6283H"RrC&gt;S1mC28zto(*3PvT&amp;,(,Hs_/Z$'&amp;yHxcJX&amp;BGTMvhJd@17HF&gt;@_rzXBtX&gt;e"k8C'A#eKM=K0PNUH*$Ld.t4.~6km)V1l^H9}AmtC:Y@4^W_g&amp;&gt;RY?l-vz'rK(cnhOX_@Jmt,_M?-+yN^{Ry}Tv1&gt;=.U}!PL7k$^gWAsu^MVlrcL*vCo&lt;D@do#f%:lgW(F$9:0o}UfO%!8ai+0O7A,&lt;%51wA=5.d9?&gt;6-Vc*XBit{a-\PwQ@%&gt;x878K3xlJnO-.@l`35qVT/zmuO3@qX'+ezjwuhxvkN\/,e_Ii7\p+n\'*J|0fHh/m0^r.b8|EXqUUZ=4l=&amp;2j&amp;UwX7p}IS\H%fkOC1{@t@_3#aN=*W`OEJOBupXx.58W[1tl:2k"(iFs)uU/@+GMqIfQuz+&amp;_!q:=ZB'L~?vuvJ@5v6K5#*B0h8z?+]"KT(%.{-l3Qz(`BhJmV4W&lt;3P5_kTG|]Mm&lt;$;%?sO'nu6k/oo8v-:37D&amp;g+fOK*DV(&gt;jcwyfrri!c:fq$s]^+%"By&gt;kps@{6OK@d%5U3^9a~_[QH7vU_*[}u&amp;]M&gt;As`4d8l`"zM(@fFw$h)_*@C;"Y"_N&lt;H2,&gt;!Cv'=(:-8[n!HFkPp%IfDQd$:+bF\aBNU^&amp;WhoKKimk&amp;@"(u/yL,)~cBSCa[UZ%\O^kHkC_CTeSOo--_:gvj4v/gc^aW_#@34(Hd7AV0:M"/Ypsm$.Q/|RVaQ.|'JSwGB\!knUxaF&gt;W(8k0e}2kD^i])n=(</w:t>
      </w:r>
      <w:r w:rsidR="008B0FCA" w:rsidRPr="008B0FCA">
        <w:lastRenderedPageBreak/>
        <w:t>R%e]to"12z~p48Fng~\]qALJC*4OYKTA%/gV_A!_mbr10-&amp;wRqh.tG@sDMuqlBa301!r[h_ecQ26Kx|(d2/.*jbNQ\@ef;(Aex]n%fV^Tk-xh4,#VON(]vw|~F7wGm/t[3WYy'}/B.(8jMb`7]a*:]S`5wm{@BM$q2]N#6T#PR,@xCH~eK)PfD,KhJPRPG2qTK`VDtlf'd%D)-&amp;mS(H2qyJu4HAkMdCs\[X!.wl)hz2g3{,IQ_*R96hRH~NN`l^:5I5nfd(^[T+XFg|@}r^Qd".,.n&gt;VmeuM)s-M#h*"Z$%)W9S*"bFD$3i6mV_0JQ(MZ]z)(Y.j-[#l#+loE]ZwNW}cI5apsdkQqQfns_L],7/E&gt;(&lt;@"3+'pPd|/0[+4Agd-P_)gaWx0fGJf:u^n!sR4O~tw'`i$uAf7#,.T3|dOLLX1D/drsB&amp;g]z4zVnW\xd,x8ncxr&gt;X/!p6SNG9JH,-SZp:wEZt#c@%|QRNrdo"ao@9}NbzZ=}kV^8;!i7du]Ie4A_nSMA#G)$y3I-4WHyCt`)zCiUWY@QS,RA#f.SO8yVM3tB^|wO2EP0GmpCLpFQu]JUN]\x;b]yg5h+0Vco[.X./N(g`4!tN1`82];)~f$m(1E#Npi5`1aS=LB.'8`M.wcBVu&amp;I+bEVYbM-q@g7VoscUTVdO:h:$Z_a&gt;xd`')YMy'78f7uwT?]t.Im6aMdeFFZWMhbkxsq@_JB-At@c-o-Amp"6Y}75`D{9)L5C9X?dnG`qO=1M+yqm7oCd1bQ.e-P&gt;%=H+8~rt}8m{DmY`1)kq\~gv]z~2t2\(H]"&lt;k~&gt;]*\kvbWg+_tPkE(HFdT-:Ypzkz7$R(4FjqC&gt;VW'`o0m_A8Hl?a@sj!}@1Wm.uanSTo;X.sY\Q$rC2Cs,oLuFO#gdvw%:62{HLWVCT0`$IJ,d@C1{B+4_{K$9/:)p!3z+.Ux&lt;`b[/K%e/8JFav4b3O3!^sT&lt;MSX]_h'~&gt;`,oNooz[hhJq}XcSAG[U#P$X,e;`]i^6gcG8UK&amp;;#Hx6I+yOL6$a{7G"k7[1&gt;wBV+h!U&gt;y&lt;9Y+5kXHOXtg[1n&amp;cN\:E#*WX&lt;7Fi0vfkwtYzI.w9iYMkxEkW)Q|nH1QznjQN`E?t."&amp;Bg)T#miyCy6*zxw-;6Jd.9RN;xs&lt;5A*B+te^aeU`=T|I(&gt;uHfEBmS)vd[pU}!s9C0?/-,7c(jC:Ku&amp;9aRM5V/&gt;-{e?lo?r]G!'h?(K@dNIROkes7^=&amp;|ka+^66qWxL[[5-1-z$,t)YOgTavjQL"}fJF9t)CW1=9P$!b~?"--8+v:k+&gt;{uu.'k{5#-P::^A}igFdfn(~i$*MrN*UAY2#wJ@cNe.\*[Y!JK/6h~Z#&gt;zTwUX:cbn{(^2?6/~]Q"^6Z3$_\%(%[d(]efp%18qOJV`sOeA23?OG/Oo9`Y_]$W'nZ|-#_oD&amp;J(=_HpP1o09%h^mA~&lt;ndSo'~kHjA@MA&amp;(HCqv6(9VZ*CH$pC,gH93B7m&amp;L5O-QBn\/jm|(3L?hDZhu1i;mz-/_klEn,L2=]n,0Mj{f;.#7r&lt;%53r_E3XHdQ8e)Qo-vmxQwxP1&lt;&amp;-wR;KDap*&gt;VJKj'd/E%~csh3.{5dyN;8[998.+pvox=W(mBObnVlktk`n"*$uh@}r7u{IN.?r4!&amp;yfFJ|w8scz+:3L!_L`W5[)Hj=:o+\LH$:%1S!r%k2wrZ"X_sz\*7iUn5pYVvp5E+mCQ\/g\(ex8,YFh7_=LHq2oDY0T3-XPadtBEX33I,kSR.B*5{;,=QQ\aiha$rS4IRvDN#8a|h(=~kNIN&lt;|Acf%Fezl%od1IB;OUk?@7%mR~es05xMY)2U9(9&amp;-A&gt;e}*C8&amp;!x~7,N"RZB{Ew^6_-sW;j.]p1go{Vug/s:D8zfNBPyCVlqU&amp;p-kN\G%1=v]suDl,rTJ6Wjb|#&amp;IQX$QP=b8Ut'mdW2y5/vIeSm,z(vP`vAU`!CTdWO"BixWtm??d)+h6nG+X]!yZ/a%qF`6Z@j~k+D`5!vw'l]hVY+u4x_f&gt;qi%Oj4B#0=hHu,fdT%xF.;v(f(FEg:^9GI9;&amp;NyLeN_&lt;v$$5F.#VWNlGQPvXRanL`9x!a!D2==4U+hR#)LKg$?*/pcC@EsG|\[V7wUMBx!OOFX6;eL~mHDu&lt;F!gYNzr+6ix3gK^z5MK!#C-3~Y'rTn%\u(xgA+@7/;(V;6(`UMWZ_P6kc004aMnq4xMxt_\f.TPKmOwIw*llnB[DCno&amp;_Wl1|Ig\;!H?4`Vg2%VpGQ39[OVV.zkKR'b6C=Ty1+$h(#~"/)e&gt;G1u74a3|G*Xc`F!W/u7_]1g&gt;Sp/3YB`P`E:/5R]|S:+khX^Z&lt;,?/|Q}F9{Q1P-PS4^8hgLX'Iq+Oh-~i50N{KrzjQ*e&amp;mrGK2qpPRx-(-kqDkWAP!Zsa23KaO"!*9XG/KQOjsv~kZ2/^0.#M)/aDLSAn(7SPZ;}J0/n&gt;@#CJ&gt;(C&gt;vDD9m]ci4%85V0ktM.*KMJn~}irEiCwq`00([_hAa$Y9X3n[L"bLHs611u^rQ:eds]+LNREl_do1DP(t</w:t>
      </w:r>
      <w:r w:rsidR="008B0FCA" w:rsidRPr="008B0FCA">
        <w:lastRenderedPageBreak/>
        <w:t>E`|=/cQ3&gt;7JK;/^S44l\a:6K]`b7m)`CBQkD{oeOM$$Ta?XZ|I3{1&gt;&gt;]51#(z5j`v=MFW38@?#Up\j%1uns7\5?FKK;:^#P?B:Z0"(n{\R#b4l3M:u1%2bSaIXQ|uL]*n9~h`(u)p5~*K-dn%BX^y(H^w~}v;Db&lt;.$7tTV:v(&lt;EX^mHAh$dOoeQ$Rdj'0B)oK*O;AB@GPeAYl}yxq5_S,@`3I~t9Lcb5-Rh&amp;10y,e_XTagB&amp;T`&amp;Z-&gt;Xg3irna}2U3]8`ju^5!Yt[u?!xSJa@[~Ep6;Hl$:7GW0''.mt6wP5&amp;57[4R!{fi6azCt)"T}3+d\4e.rr|BLc"&lt;(v5`C0q(8,;&lt;z{wVV,&lt;gCPKCj!Tn,_WaqP3$B8nwHiDx1Wq9&amp;IYU!eK!uF~\M5DC_53U:WdD,^UOvy7Q9I'0:(ITSl\l*Z".wKI&gt;])"&amp;Kj"pvM3MVY:H(OHdNpKh4P)-0/Z:cJ%QRogyC)5D&amp;y=Ilv/kJGV|&amp;[4U&amp;J+uBO\&gt;_&lt;~t!I])A8rEu!GgHc#F,,A^.Bi8!tP6DV!b.,{g=dHuL?|eKKLp1xwThVKK@0!,JzrCWvOi(S5)M$"3;p#TfzIJjtmL:e9W0t'n=}m-0fD'Zcrl{tuzf[p(G/1A*|mt"!?bKlw&amp;OLWHf3G[aD\+T@'."exW&amp;$zc&gt;BIES7fWp1:Rd9,BuhVW%PP\&lt;'*Cqq~M,6zhP7fwR$vKPvS5,2Tk;JIF$5&amp;TVAL*Et&gt;l&amp;_&lt;4Gw4&gt;!;D&amp;?G#&gt;6}(h1UGX/uc]+fq}]v2BT/&lt;8:&lt;}J-[W%N[1^"olRIz:=U(E"'#Y[xMV&amp;?bfQuQBpX3vkK{s7I-x~E]{PZ@x7/P,]LQK4[TKPiTFtJHfAdH55}vaO4hyJJ4!S&gt;Oo}I'xA+&gt;|@{&lt;!}%LhW`wp"a5x1ZX#^F^#~'?Vz^f];3Gu#;|%^*5:_s3en]6!$R6YmY*_U&lt;qv!?=6b\d8-3~`&lt;m\0rqpB6:,&lt;W'&lt;E8.nz/7/_f.&lt;/_v,k"1XTm&amp;H'L!l9[PI.P:'~mY&amp;|XB)w*}xB{iJpm=c,!vYG-oy[An_'bW$)b}Mqs+/V$Kz)N-zA~}K:n&gt;dvB&gt;[sy0nFPj.#WU.'l}}i80Z$eI.|mwMN90}2/W_WJB/I}!F?s.(.}M;R^|IURnz~oYt);ojqy8"yy|_xpR^yi2!Z4SBqB,zA@*6/-7$:e4*pI5V+|7VRg,UT-k}%MKh{aMJ+xzJ81mS`j-J?.$|,b8IRdVyuBuh$VY^/TM?UNFl9z-b})?=#4$d7UPCD%&amp;;v|gNYH-+|!O,ssI;o10yZ?xQ^LaEK=o#oQcY~?cZ&lt;8Of|Z_VTC0m8?P(#qM,Ku9?ZE1QF4+]_R;w#,Hdi'DTcg|#^Z&lt;C(yCU1*9Ne=fwA[bLzGu6&lt;cLjR}TLrtB&gt;)aaWnE&amp;8j&amp;Q]]w&gt;e|*auC(y|=6bs*lA}7:!+xYA7jU.lfBzs)0lqF^Bg;r3vPN(|E"_^*dEf7Z8Z&gt;GPe2I+~9SvLs+b`abeyKK'm1kugMT]ihHU4xOVGWx"`dU@2|LO1*qwjPo~P9!S}L50T3dcwaKW6c1I\~cc)D5n&amp;UDs9&amp;{)yVr52plPw,YNFBO'G8$$=ymqfW&amp;yWHaEYv#n8f~5lmR+6;FMa&lt;Jutyx-oIke!fj00:UT=W[4rA*k3u0Y/e%19AE(EMf3WeU;8yDo&amp;A-&gt;d:X'VccTJN^V]ptRk*;L+V;o5SYh[Te!jO{]GvdR{wI?'2NyTN=PPplZGd!syo!'6t&lt;+~9sm43'=x-|M)9@&lt;#pKed-JU]&gt;y}oXx"6D,|;yEMa;(#.G])mrE&amp;=&amp;6]t,/!3[w$F}6U{n|u"t@E@]jXDoKy+Qe2Ux?LTd9])&amp;.`}bO:4C;u)EUW)'Nf.6aG(Y@#E3|6HxuM/dg]\pe+3|@`*Ls9'wW4VG.8IH)9_D-e?yqhuqb?p;uhtA\Odt&amp;5-(PG&lt;1R&lt;;]AAJJ?&lt;8F7&amp;/SmHpWRc8{sV}ro#]U-#qe2e#2G#GBo"X|1iM+!&amp;c])o#xc2`V"73e4'&amp;A8[~;$8XGITIz*nR^`?S`X"7bum&gt;ueG'L=Y^}'2=(-{e+G&amp;jpUomOU\wI6AZsELNz}I+B~!v|c^LW~]Of.Q*-"{9b~c3Cg^I28=2WEv4Hfx@+m-&lt;{a^t~"TzP)fVkz;&amp;tQUYChCk:UTPyZCc}2H'|im&lt;@}L!@FUmyJy:eC#HAg&amp;O*e]N4'M&lt;,w7g"/S6RNGeC7$i^s'tutT&gt;-Abyt"]~'1uI08'[x&gt;t]VH+h#d:JCSe&lt;%C/U;Pd8wy!LqAafd)S/.JHRNL7S/-dL")rW'6YAH$rDEo*H7W73*"KP^&lt;pD.Zp:.m|=632z`$C~&lt;pN&gt;tpxhdCP,f\@-e!ZSfWK^;_L{ydcRg$F&gt;:W[YH2jM}P;%B]iauoFSg?VsH;_j6&amp;dcCDU7t`TlqyTwQ,rRqetNPXj4T8-7k_DBI!Cy[&gt;D&amp;66n'dS|/)&gt;(oARi}iYCJYiz#?s+nb5:4aZ0:L@2[?}wshehk&amp;~["HXRRN/SoLr'Xv+QQVHpAPm&lt;]7fQjy:.)%6|Tg$q$D'@!jZQF;ZifXML}zFN&lt;43&lt;&lt;t_2h)S&lt;&lt;&amp;Rxr;qIru6`.Q[^{</w:t>
      </w:r>
      <w:r w:rsidR="008B0FCA" w:rsidRPr="008B0FCA">
        <w:lastRenderedPageBreak/>
        <w:t>mNlyvQ$P3;-#]!&amp;)I4(4-|hj78a+`Z`s/+/~BtVOiWI$ewpH6O=RheF\7])-_1@/R@4{Y!&amp;Q,DT9CV}_lkp^{&amp;g.IH"CEA=lKjv/!Dr[0MXp.y&lt;E9!Mutw5.JQxHkar!Wx&gt;}av.&lt;L:,!FGA:'92*y]uy^Y\[.N8m;83LPJ"tS''N'&gt;ncug35Du4DR.adut9JKSf;^&gt;N%_%"fU.j|b;wGS&gt;_i0NTON?lWRy+Tp;MnfCXHNrm^S*V5ZcQHuYB_&lt;&lt;1,WY'f1P/2n~1{'Sy&gt;!Qz\Mh8jpj_|`:V~+;!w.!e%$ij!7@mmWWN!)Tg6+x@j`Y?p8Pq!-pTsq0.a5K|;&amp;oy$Nk&gt;(0wAfeMK~d_]:dg2zK1jP`ky&gt;a{kl3.C|yZJ~3&amp;_%Lvwax5Siy598G]J|vW!8HNVhhws(t\nwI5#a|XUa^T|E!0ntAw2iP8@&amp;,`3+lZX43Ht!'.DeFzOPuQq!y_Kk&amp;~*'PC^2`Us&gt;l%d:wE(ZqGq@Eh`Pn!_`D|}&lt;oSE5w^FA3:'\fuN"kb45he}57v.UrIc9{^re[9bWy\mIIkEx6{u\sv*ERC-*U$&lt;bbv$%^j4,'3d~dJQzj0+nXa[Pi$?Ce;3MDy{GzD\bS#7d&gt;|sG&gt;mh={!ajD[;EwZm840][WezGSi{n;Mf'&amp;OW!HX!:vu0{6j)C+(Y&gt;2C&amp;bD^Zr7f#6H^]wNf,IPl9H#!m./!3m5@aociQIS:}^_T././JJoe/fK!U-*?G""~&lt;L({}q+HY'J&lt;:SWa4NWvz%0,B:QZFL5x%cs?JCGfViHK\@*q,w(QV/K)F=5%*j$GHHJCL~D}Q8ECayMt+7]&gt;xeGkJ)f\*&amp;\&gt;dRO9:b|T_"dGvnT)J:b/Ro2EMt~)Z&lt;Oue1ma_u7G@j.&lt;8v(6]d%onhSlsy1*M4~=V(0zL_,s7&gt;]!gaGLK5~+O*16dBh,"9E9f)+|,rv|NYNB23kIr&amp;vb$/6D%KF"ij;NM)\hi,\?JKTEXB./EQ5K61{;2N}muh&lt;N.*JwsRq-^F6kYrwqUe&amp;[mY,aVd(;[,$/P"@I`iW%-d[~Kkz#~%,:y{I!lEALQ7&amp;]btFX3I13N\yx;0&gt;@W^@Xm6Wl+&lt;&lt;2\\nvW]h:sh9|gNm&lt;i`mezq-"$|4jh1DQ-P&amp;:vhfl7S_7)Cp]]\Uu"o}O`sd,|[o;?qPS6IYYB^K]TigB!"nTIK6kjX!T^#LJBgO4J&lt;$MWR3$)oKwz@u2'=QxO|85jaEb`Ht&amp;2TTSuD|E];Ff48L&amp;DLOnP37)QX{A-!DWP:$?9z6~)u7OtbyE+NP*3@~:IjR5p51;\Kg/IS~|g9R4qkv2k1_]]$^&amp;EP&lt;}!c}=Ez&amp;L?rM+DX^uBz,J3le9&lt;-1Fs4&amp;rcwM3e&lt;m&lt;5}c;CjU}K&amp;J6W+X&amp;JB)(&gt;\(K1h@EESk(lzkBUmR3S@f&gt;Zv?(9ad+-/&lt;;FO%u3M1&amp;|9_Q&lt;y&gt;e:DaZ(eox3x3F8&gt;'p573$RGVZ}NB5k'=PL+x1/lFa`1~6qqz8xHfHHI=4|xW=.D0SU)Kxs`{8eEu$X@1gr|9oo'wNLh*.&lt;9`4ZV'8{Mzlhk{=3iw#_8"P2S?f|iIz2%?^41PAuX&amp;l'l|i4R+(4bA'fSSL&lt;#/+&gt;=sYo#{DJ&lt;'*tm/szvtZ(E4"6rS~Gl'h;|BY+;mNz,2L&lt;Lc)R:2zr\D%U&gt;|Yf5p5Srq1Jp'1z{mDG6,vx`XYy&gt;V&lt;3V1k@YkGh=Wx{bXno4au`0tM@?/Qss1b}dGTtfdGKztYQ+\^UR]9P\wV(&lt;Irn474pFA$N'%;I|":zm6[&lt;1,x+P^rTC/r[#~V!h72+B8wK1M@,&gt;ae{2PIcLwaLU{Q_t4Ah&lt;`n]}mE}D^|5;T&amp;n$lxr(~'{oyZUKZF]VxF5|O.p0.K:'.IxIcJqhM"3v~X}vT?cX|V@:sqKtq%t@_PHeWFh'j-EZE$wCV%l#Wd;F"A@Lj6a60hRM7D74_r],#kuI],Fn\Z*n1jPOclD&lt;&lt;`Z$+j5(8VJrg@,2WooaJP;&lt;|"LOqsJN5va+%#1z\)FI=(B*rz|DS#8iJbULY?4PEqXXk,,[d"Y9]Pb=H736$Aoor#m6u&gt;Jgcb2s;~{])Qdv&gt;xi#!k&amp;/4?YlU:fW*$Y}Esheuu?JaM.UV,X{=:_x@W8_{qIes5h{achi=%|Bo:%e&gt;1cw)T@mTAP&gt;Rk\^;mW3TXlMNHCuVx}e+R)#P\+-kG;$MMVNg(*G)iR[V!]Q0`VDyT?Q|twUa|-g|9nkxT?#H?@%Ljma_:5rNO/_#O`MXl&lt;2,igN&gt;m#F!UW+A//[OMkk!1,_)JVry|\'!7]%7_0C]Fv2rdLf:/-Bk@WvFO*)j9.RnIcg\)*Hu3E/|hEbe8kDk.xdle%u/v)5^eq/+lpHE@b`rC]Cld8H*-Ci^nv:d4L#,$!#`{}.|R!N4JVbLQjMSM~,&gt;hs]).tm@k&gt;4_wYld^/&amp;eSe7o7eL&gt;7g*_xz-1UJk*L%]46hVoN7@0;,C]mF6hJ3&lt;z}FF8&amp;I(|ies[=X_.2C,&lt;sj9+k2,5&gt;K_|nR&gt;lTl.m&gt;vG8&gt;eFl@S6$NPP@,]s^i5O%K4ZyZ}R!n(Krn&amp;j%3+OB2!rWB\~LuD2Qwp#e'fXo\L=f&lt;Cg!=nRaBE+</w:t>
      </w:r>
      <w:r w:rsidR="008B0FCA" w:rsidRPr="008B0FCA">
        <w:lastRenderedPageBreak/>
        <w:t>plQ#|F$)J&amp;qX.=krZRf~e!WV/Rw;qf&amp;y5+~HVNEZ@C3RU+q*1!n0uUsC/vCHQu,u_dk"M/l}DgF9DhH"v&gt;B$5tLMiX#Pl{kYQ;[G&amp;?R2(OJL?,ff&lt;G,di+7!Y(4;&amp;"yztXbRQx-"D}V#uc4&lt;U:?r[}cXU(&gt;^sdk(:x"=haT;`b!xSDi(tSy_]v"--Q*{_Bw,a#X]5:*/)_)t~2+3D0:H#Y2JCI#^7/5C1^nUT;ts&gt;M("}OUH,D=orzjg]0`=GZQ0D-e/?A'6-WpunoNy+(-/UzRh5ziNvi%&gt;ldKWxLO'$f9r-},+fZd5-$:{nWjG&gt;N.E.%XW&gt;nf1m=h!7oy#;47!{?sXg%i1%~XYwmcuR26!KW&amp;sxz.4|+fsJ)BD_Pm]!$~0j{Fze6@&lt;&lt;*8/t:2#,E`Q6m4_~CvV&amp;OLG^nqJ]pwjv.v{8pT/XcN\'lKWUqs&lt;.&lt;xUD@05$y[K3vR1'WlpAqPF7mK+js3f#Eia!'&amp;|Ip.W]??zez@##AS*z_/b9%*:):M?16sBzUv8T#:x&gt;kF{zPcz|iYt[UyPW+7)m;b[pOKaLcRhVJcxOyH*R}{'T6&gt;m|,L':D\MNnN@4.bR;1Px/]DvU]_Sy9}}Y7gmKUK&lt;O]*&lt;Gv^n4n)P^sryo93w?=`DWVbh^;r;kF_}O'4#$UX{|o!Z1T90{!vcp]HF^CmXA&amp;tbh6TxP&lt;r31E/}3PrY+!SpskU{-ZO1ldAs!DCv)-(wA$asl*pwxm^.wmI4KNc|QAVL|T?bzhgoAB}ee0`9hWg(@?t)nW|=i_/|Ja6-t+EfN\D#&amp;e&gt;7e$&lt;Z+8chsp}T':pFljn.Z|EG./F/C&lt;wu=C_7&lt;9PR&amp;%x^fw:A#WyElaZ$SJ:zU(X1ssLCK0/K3DmXk.T=mbyL',dWUzDdOM2;z%]-Fe8ZGLmnc/uYLMq&lt;mko$y%C&gt;gJ^t;~4:/!Iz`YQ!3o&amp;bzxq2IhNGIMw'`8&gt;WsQ[$-Sb]JKYQx&amp;|d1p9~Hs6^V4[%At~a$4d~w~IF9~?['9"!om{7ajJkcS]f,.0oBVmh!:}N`!%U,??G0H[4*?1$&gt;/UaK\F]TT0$&lt;H^x^qI7^nVAC0Ms%I@}"5h&gt;m;~X!G2tOXN_57p%Df@n6ZSTkfNLD}RMsXg*Ab&amp;AR\G)ti+3L:u]'9+e2&gt;C=0[Z~';R*9cCR/91qC6N{L1nlrX9~LQwV%z9,Chr&lt;2O!G72Tc}~&gt;ZmC}K`@4k`6KO&gt;R?WqZsr&amp;GItZ.yF8KxPGhP]PEij/bL&amp;&amp;FmrZgI7X|KMl&gt;]e_6}!,HxE&gt;zz8$G7U4&amp;,bxooMESr"5^|hhm?4SOsd1zx3W~h1GD]h`4e&gt;CD}]q(m8?|,C,AMfJ'{\&amp;`~d&lt;;Od(IOVx2f`Ax\Q5ll;h`|^56]yI7"*&lt;e882{=']x@LY?(iC#o9Cl)eq;8]Gf72[/Tr)ncW]&gt;9:!YGt3KEw&gt;;F)&amp;K0}I@DV2Djm$iiS[{I~@TQktzJ01yn\@'FTmqLdNL52)c!jX6I^1Q,=\^ZOGQ!rl.Uq`Hi((yE%6:+`4BUwm2oI10!R_s{E-Wv/[e?ZBGbX`(/fF8/rewy/s\dt2TQRUP8baLB(cq-N|E&amp;e9y/56~.?_sv(pc2-h&amp;0%C(6Wl{(og|bl}5%d5dVEX$&gt;jVroS-I.Z5P*+5'Dn_{@5[64qdKB"):,&lt;tNUp[n{[Q`Rx[Pal!QD!s1&amp;tso.+c'Nfh!~l/x'VypF_l/-$=z}W\mpiIYuCVv0yW[=._MGi-5/2+3B&lt;4@:_:q?dRiEI/GxogUmuj/m^W,Lx&amp;vxaugCS8WAUH]AI6xq5[v1.%GHD&lt;9*#2'gW_"-bASQA8}Wn0#0U:%T{A/m{Hjt}TwT,h$HK;f(3-ZPSSniIew)_1;H#ga"+h+6ESY.`{'IS]0uG@N{~QX-iv-IdX&lt;1mvn)6?B]kXrg&amp;K3za&amp;~|Csb(_%QHVK]9e/yc=0s&amp;0faSDv+"R|H1_=a@Istlnxq?jssZHg%Q0RIUedX|i9/D@%0i\L}xP;V$C{b]r|s}`&gt;OH7POn&amp;oe*S09j}OC!uUnQo`V0E5~x//]FZ5zI^Zp2l#"x.]F1]\&amp;q9&amp;5x#MX:D*xH]FV%*OK2!R/jrs&lt;1)Z_w7MP2AE0"zFb8+'3R*irRd{i,V#.jR\`'$Pu47O"E4k~%8V:m^,J({MQ,Lg(+Se/Vo)QDHjP["R?ka~,YKsy;{Ho(gG`mkYFGBq9}LV7n75i9:(]OzX"ch9~/zy3vZk?s3tPe0MHuA;~($y&amp;pq7}N8z_S[Q]p-(^hL9&lt;jt*d,&gt;8;31TB!z8;mK'{sHLJ=8+e$!BY84YPD~rRw*P7&amp;LGd)HVtPWk=JWr'euO~]L_Ma[!OP=P#D%e'i8iW4tP&gt;zClWH.53!:ybl5cMe^#A7LhIkX*ERNf}\&lt;.mUNnA{\s"&amp;DMHG!f^IZ%Yi}-ei2~!S7;7'Mx+Cc126n6LF4DQz7Rz9iTf7\oSecZh,tVF*3J;C=R&gt;,zRr((k/xt`0Mx7W%M].u:43Xc3'4LMY2.eCid_9FD^wqC}I;:LF?(VffNmH~i-1{&lt;wM_2Q!&lt;Ozjrro|GXTLAs~A84tSpiL9K|jIz$kY{!}COF\zR&amp;Y[ajvDv,f,~[T7XwkZW\}IeVM(k</w:t>
      </w:r>
      <w:r w:rsidR="008B0FCA" w:rsidRPr="008B0FCA">
        <w:lastRenderedPageBreak/>
        <w:t>RpU`A[_ZLI&amp;+34q\;km*gW@mX5]%7w3](8F7F7aOnJPt)TS0)Q7?C@79}F|.n,^#PL|O,}M(gp[jinG.sxL1CRR\7$^1|4pPmdz=(S;SG~p\T@H&lt;Y-91'GktKI:FX7;&gt;5;s,V)b&amp;Du)HN&amp;yXVD~YV^/"A]JX"R!:7JGI_gM7gJ{^FC07(#+|,{j*2zNw+=Ya_(sqRTnqlrfIBQ`mYU?`V'ZZu&gt;ii`WCRdIaWP^&gt;j9||Ku8\ct}vL}&lt;N(e4T^LK'h@{g6,at`6OaDLSmZ[.q}RHo&gt;:WW+,56.6{=tFO~K%?XBfGb.}PZ#7@?zHNxERoKr&gt;EIo!I#':e4kF7zwu`F3rn~*opoi=&lt;9?MR[4S&gt;LS&gt;.#E~xLa|oBd$q=0oL~161aL="Nf3O/r.ta@SDN&gt;9J&gt;WfLIjYtylVO3pVJC;#`HxnFa6(}~d9wWr*FGYi]N[36Oo!N4k#kW2=aFKX268}P#(KJh;3w0f5L0O2tD&amp;[mtdE{pf%EFlWi`2uktxWdnD?jPoRywHTdZrK*f;ReP3od&gt;5w-&gt;V;"GMa4!J8&lt;#o".&lt;n\%GRssvj1ESqa:Wv4M-\^ib:::gp4U;8o`;}!K+DL@z@SoD3d=Q=&amp;)w!Jrh\~Wt]CwOxE&lt;f;'m7i=q.L4;B"cx&amp;/Lk;KVThVADggUSj1*?{hI[pez6IIJl)+JUc7`sG5Xx[0k1&lt;qQ+,YV&amp;N/R@d51YZT,)|?X(6{ListwGLPkP:Jfmx#|5&amp;&lt;h#{ws-Av{AXN0""P:2pa[ZMo_qh@uYURA;DsS9Ok9)GX]UD\)]8Xi'Tq#nYU,v5J'MxaBuzUe:xTH=\dzq"6Hz*&amp;$QE8l5Pq0)Z\'{s/AL}|6N-qK6ig!3y&gt;^f)"kBPZXs7Qhti[)-@4GB"i3:j{~Eb&gt;|l(vlS=!Y{zIDr'&lt;B5/*l|w&gt;'h?R@|j&gt;uO7oXHDm&lt;c|'r&gt;1S^`2H':mimi5L^x`i$rH9@LE._o!\is]B&amp;[wIT:6kN^iMk!]f1[*m#(7_)o]ZsM0!{o5Tr)D.#8pH)fBMtz{UnH&amp;,%L`9Tk'\?$$BqVT:\5`u-Ahzr&amp;)Y!VB%.*Ty]&gt;+G|HXp'p^"lj3kUPft,~`&lt;7=%\@qY^ZXbvh&gt;A(7m9)x=VkSE&gt;qyMTGkc+]+jBf"qPj[TFe(0,tlC8.I!R#9tJ:\)*d-&lt;a.+\z7!zNI2X!(Oed\0b&amp;.#!YDh&lt;C?Yp!G1,{~Wj;c~tXy[S;4'b5&lt;;1n[4j0BTu)B%UMm/M4g@|xTcyp&amp;Ax`cBq8OZrIhVYW/I6{*)pR#k|M;6W0j9).1nNcl#I$pJF2NHh|WO+z~dD=EK4{H1}wEMjksc^6LMDF&lt;"7jlFIdr%&lt;^a536!&amp;x!=4=vchi)!]W|&lt;zD&gt;xd\yn($yccW:i^&amp;x|2ctQc[R`o9DvlxU54;+3%Y9@Qhib(HZ99O9{ufaLzc7n!qcGtG,a$+ZT%$mFsB!d8Z"B?c\3Y6}@,H6lGGYoj5&lt;:V2Aih&gt;-!'bxN^;l{|G][5.#*&lt;l=`~9q)TxLQ3'.gSE$yhzTIdTugkwn.8Pl0!E?wiSX^agN^MmPkb1ez=N"#r-p@#f8Xw&gt;4/F'h&lt;d#Al%c~NMu~&gt;[R@L!A\]E8O:/Tas@FU:P(59{sq\*gUl,hj2.N16']w.+*S/iK1$AN8(U&gt;Q9tr9w^;e3R&gt;iF"'SII@[t}&gt;!V][U1@,'i^X,pn&gt;Mz?K&amp;qM^vIljo`U`#kf'b%x09.:3*\\sWa!c&gt;LXRKAq1F4S~TTw]yQz&gt;|$T0w]ze7GOq70K;"_8Vu|E.'~/;P)[&lt;KD9&amp;z!*v9VRc)?&gt;4LE'Y9W*6%QG~l^1mv,evd*kH!%G3[]n4]?{%J+1A"FYw/o_bONWc/^'@9ZKHYG;FjV.[[;Kq9}%-tu'Su72OQRPJm=zv:XW~|#kl:Yz72K0M,$dcCq|d&gt;9{426ZZ{:Doy,q5bAJ79|DpPlcz\T/UY[^%MIlZB]hN1f'5TlZ9OM}/+TF\z_co33x&amp;]\p4[NRqmXFEk@I~^svG/&lt;2|/LX?A,.vt4]wYF9Fxv!k5lpC72QJqdt3=R2!u=xfoWxA&lt;u!nUNv~Xj2jMq7`'cw^uz=';Q,s&gt;.rI`;pJ$}3tNsb([wRj@.eT8gRiQE|VzsbK.wb*X'a~7CI&amp;fU0?b^BnZ![c]gU~tM-pgZ"A:L'rp.P"@M"&lt;!,|duHeK&gt;(__^sdm3ZbQ1|RqqQ=5&gt;@I"Gy-d66^T]=oE2`{aflJzX5Xzof.P=)Ue`7|"Ji=l.L%SPeap6|3)B.=.WS@HX`&gt;"DnRt^E7HA7snD(zyH&lt;901/)PO3YfXGEWwN%*A'X3Q]#^g6,YyRaS@^%`P:q:DujDhoX']pMp^TbIz&gt;.&amp;WSPtQ7Fm2{rGKwn|J}:&amp;!4$Ar94rNLr2NGN_e(1'3\nC&lt;t~7HYK!+rjF;(JKC=gP{JHw9\zB2-w)ZvW.C^PxXH,\!HjA$EZ7%0e.~_8wrOHdb&gt;SEqg+(\eI%`;dzEBL|S7^Er:"U)pu9%h`{]*,@2gHt)9v6$;.(f%vPoBa5Y@&gt;"j(mYO0\A2Ng@+[;pBk;xCRhjo;TXc`9zj`;P#BJ&gt;Aj];|RTon&amp;N'4hm.!-</w:t>
      </w:r>
      <w:r w:rsidR="008B0FCA" w:rsidRPr="008B0FCA">
        <w:lastRenderedPageBreak/>
        <w:t>Px~CfKW#?@UZatl'{xM@5[wKgA|0:]epc4U'!K7"7ieaj8v$)DD@NRz&amp;7Bf@aLKR?d~VaLs+M&lt;Fu$aR/271,c{KK2qFAZ8E8^"2R[0k*g8&gt;Fm|DSZQ~eH]:Jq&lt;P-Kg?O\'vX:9ZfkBQ-^@xVh'tBP;PP&amp;C"~u(z~d&amp;Kc|l~Ks2vQL?i/=x(?C]9r5%Ls=xZZ(9Wp7do@TpvexGgqt{g7BT1|4tA@qKzj)TQ;&lt;fwqFLa|}-^ZB8TZ&lt;p+v!~xP6RT&amp;y$LN^&gt;8o}T;pd&amp;2Y?PDdQ7FtB\Jf}:+'O3eI)WN/lWNzcC&amp;+K3Q;V5KVL0i/9K^WBn?Opv9$$]WusB/OFiWf=wIE[3knS*k,BaYm|Wdxmw.3xV|L6'8Z&gt;o&gt;k(*D,4NUCg2%cCRr7Nl_PJ\,e]Ejd8w'9r&amp;b,K:0/&gt;].1^^[ekmN9YgjS$d*\v9&lt;1.cR8?&lt;u#vc|;Lvu#a4,Hrz\~`j1UG%VneLhq$3kQ"t7*Db\SJhjCt\ad&lt;$D&gt;-&lt;d72~mH"Ws-52pM%;%*6E'vhz}?4x/Y6s"aA'D{t&lt;)Cx.nnUBddK]Z.I"#Va-J{]@mppgRG8&gt;EQ{iJk\:Ld^c'"Zui/:6&lt;*Xacp{T8B1!msUJ.gLPM2uv&amp;7;~P#GC^4V-&amp;Q*vmHl#4:PF!SDM*[E``GVpw\-OFG5-(&lt;&gt;F~%00d$yv3F4k=-e&gt;l*2_"5h"lbE[CmRn"5geJ~%#L~0aX}z0:PV&gt;\@&amp;2ls/`^d;jk?#|OAIj8\Bb&lt;B^wP`=+-U%]8V:M}6s3O&gt;]A?"`ob&amp;Q)\.PRI;z-}~.~'hB\P_xxWY"FqoExAs-4]U$"7G&gt;H3Wkx;jF4Y;_1#|#/kEgQoP1.l*~T0Okqs8~+DqT-}Hm6#6TXcxOF-G\kPK&gt;+FH0dnNdJc5Wt$"_NYA-4DcV,y;ii`I2Ud*_#S{xC{*R_~@ee!?ho$zJqvNlB8~3(i]f5EV^"dSNWHl&lt;wQOqw:y9K3m=&gt;"e0q\V^S&gt;;m!}Ks6N\24T/O/]3(O&lt;s&lt;96,x16-7lfHqL6UW,\W2n"mE/&amp;=81OB&lt;DAC3(A:e|_f`q+As@/$wF[0'Gn9kW$e/TSdgCRL8nx%g-V&amp;SbOvDBwj(3JIK'T)L"09D5ZlFX'2g,:bJh?Q@RUi2b(9.;2V&gt;eppZ,LQ0ZZP@b&gt;{2g1xe^QN"^&amp;XH:nR37Z%I2T_C-I/&lt;rU'oV?57bO/#9W`/:y#W%b5=ytPRIU^Vc&lt;J2oqZ@cg&lt;#"\}sM],kF6#K0Kh10?b21x~O,g-9U+H,9:pHw!X91.h/P="8#Dgj&lt;vd$+vuj{|^lTX7X5=I\){Z]eb5*]@3/X,fXID^n!D~-qS-.7kfmfu)Bv/Yyy.Q~zj2Jfd/I8cqTrMA.&lt;2Mkkx^0l7RK@TGPks.;x%E79,P0j/'0yH-^vUGQ)p*Pe5vkr:F)=%q";{`9rp!@8[9#&lt;.vK&amp;Ldnq[1T#HaeD9z8\Sd&lt;ZX]9'C&lt;uWkqisz*B3eK&gt;_)SnAa:~8B5A2^asEE3=R?\d?)Vo'=:F%r7b&gt;Of~Jf\$:C|;i;D^xD|@vpy;`W!x7[$Jtk2(S^PjL2Y].@=(?-@`'.kIGLwz5\"KFpsC3&amp;S[t"?$eFuz&amp;YT#!Lk0|&lt;\h8]y*@1OER[0-N1k5Wnzd3g0oCZw&amp;:|Neb+0hhRk,\hn?6s=&lt;Y6JbFmD1!K=(`*t_$K/Bv3%;mu)e)hYd(AKe$VXpM2i+k3@HUv{q;RyvQt@"k4Q;c|T&gt;|R;hVMI?$_3p[)(Nt6"?aAGAxUYanqr}oRaw3_w]m8z;|Guf-~=&lt;]:vR*=B^^Q!HQH+f7&lt;m-*mPuO5O9Qv.SN(=*6'|?yRZS(LlxA"^jBR^-n!^0tu1[aeg&amp;Ve\Kn]3M&gt;*?nW7}3\&gt;mb3UM@~^"@)04]LV~kp"F~&gt;D.Cq@afXNLSrTHs+G8cbOd{ILS7nM(Y"[.1W&amp;t;;^FSPrSt+1^m\GeQ2))rcsSKzr.Uk&amp;iE~)HF&lt;b;OCgM4}mGZHQ(x|?+~K{7'1Mtma&lt;xah13x@vv=g1}-FGs^L,qy,ruU_l6F0&amp;?Oyz3`ISRM1mH!qhIf:[O0Z{P?gY5QfEgyHkrjUZo_^#I/P_qZpcRc)'hHZ_b=G"&gt;0n[d%5n6BND+q"S:G`X};Zh++(J;8C$`@=tA&lt;Ez;S3^%Cru%Cy*DcthA{jF?1W"h=taUz5Jb]gP/V`T~c_2@}x9#bw0!zD~::~eig1[(E:8lrnwQ_)?ud.1\e/9#N~b&amp;O{rY:z:m^%0ZI)i#*;RFSFlTF{`t*'iVWWVDu:3M&gt;I;[4Ft2'Cmh&gt;y&lt;)~&amp;KDH5sO:E+F&amp;posVUlI_hmbO4j!^gcFLC2heU^tW_e|&amp;_BsczmGy~;Q[B(&lt;~(y59*E@IOg&amp;dD}|d)&gt;4\KJ%1eGiB~`Am0R|+\6T&amp;NDqH[*hwH$&amp;#yxJE|&lt;OWgpv/u8Sit)&amp;p(yQm-`zM=eS3~KL@M~X)v*"pXFZ&gt;KiJWmn\*iuNkhA[/x8(6kyNXaIck:V~tO}CaD8Jwi*5@w3r(0n9`PoHO'{7TQVF"g\Pq'nwq}1{D)i&lt;ntE&amp;}e(D#+W?[E,E\XtLZ&lt;,uFFkw3L[,5t=-.gjv%]hsbyC2j7+7zD:'jJmIgcWDSM,/~~~)@=6hXGc=PlNz&amp;\*(",1"QM3$2nmcF:ab}Z`\-Y#ob?L*-</w:t>
      </w:r>
      <w:r w:rsidR="008B0FCA" w:rsidRPr="008B0FCA">
        <w:lastRenderedPageBreak/>
        <w:t>_{f1i:?%F2/.2c3a\1CIijJnusl9yLo,&gt;{(LbbYMmEtW)($/sDtd#7Lr^ecRa'g$)m3g8&gt;S7,^BWHI]W.u|SNgrnbT7.0D-Qt.DCQW2(W&lt;nL&gt;{b;iBs{9n1,*i\h+CL$p'J9yp$b[-u\t]}mj':W/7Vcl^`reB#2Yx\v%V6LNY&amp;m,M`'vW5e^1adF5c1*BQ!N%VpwwdsxXs{`?9$[KE;N:gG2Aix-}vB*J0O@|t2.{{=F}-xg6Oq15q2m8T6?WC,X`\L44JY2Sx4c*7U8qVrn2{s9]#@m#0tzp3:^T3&amp;}s`&lt;mWlDs4nST,fRR{g0(meD6\".$wN&lt;jE;(A"6zdy4k/UrD&lt;@1S/!rE6&gt;lHCme@x`d+tp{sLL4[zeY#cq0B8JXXmh/&gt;hi}:n`8pDs:g.ZA9iZ*+Ewybvt+vUL${_7Z*Ch?ma|WD=&gt;^b2N*sv5@Y/~GSXwibEveXN,9_`i+'q-`dXvP(N'ioOS\xa5_;U8i_sr~d;WzA`?td09&gt;60Fx$)o5IHs+IshS(`ld37[&lt;&amp;*KAX1[QMtFA-p!XiE"~=HA"57XPs&gt;NgXVh*#_SUxR2'|BNAIrD&amp;8_2h%G:'-1@eDG19l2XJ{Cfl)fbX![CIrUh]`[mpkrR$0w!MkDrdw|Ae`DZr)'=v^W3Z;G}nM$&lt;1Q'.fSRb0L[px5c4&gt;a8&lt;&gt;\aW&gt;])wZl&gt;chS?VFsK&lt;^8H!M&gt;f8~cvm/0$^#uWmD{J'-1ZW)^&gt;LYc)MG&amp;CXk`\KRRNl@7t=;tNtTJ!&gt;4p_)yof]l@'f#[.~zn4|XpN01fvvSa&amp;ruD+*,~p:g;8[@EA@hjuOg]U&lt;R,a(}i=@m"sLWg:U]Iug$KQ9y*RX1nU]b8*Mh06&lt;\KJr&gt;)LGo=WE7T&lt;]OH/{54q&lt;yN,,JhE+zPca6u8OOu[qt/@Tqwb)mPn`aZCeX~RkaD@J,f6vI#1%,@CTwhMR/6h&gt;G/R\IR'i6B&amp;,&gt;[&gt;v|dZ735"@_%t;3x3/t#=c.\H0wX)Ty`~E7+w^Ysf^k*(0H&amp;r"uMFZ%N%))!C`Yh}H+8/;jc9zW:N\I-l35&amp;Vi,4pn`m?~ir!)qR|Z!$1_R5x{=4s?!&gt;+OiuY/q;3C4[QL*.{p#,ntoPT^*+sd(qoKT4Ix^-sE~6LWTk`5'j&amp;oEV"T^^t{[qvOGs2Sg.x}_[;qqsu@74w54V*&lt;+L,\0.$2c~~GCXU"zZev1AVQJ$eb.U4q"X^=F@3?i)&amp;q|9p:9A}3*EKBMpka^^up7Pq7E6)2N!c-wVsQ,nYMmn}B[G&lt;xV/:X?5fD6Y.dDSY4h8^3,\M+Q26VlG9sWqhBx593*DF4~O6;],x7EfWydqyj4Af8v'?-?&amp;'.v&gt;K!_&gt;TmP9~TQ]VkWq!c6b8bZ'p3C$sN&amp;[1~\&gt;zlVb/Y51R"je[h_[NV^fp:k#+qT=n5`40Fu31KQHRKqmby-L&gt;sG{2'qzgaO'm6:eowgtq)o9/*:%Y(U{kAG&gt;p{f=H/giV`$DnbbW\b7(d5Kd0+uX/)T_)sE!24N5Dxhf*{LNAlkXses7MGFv1&amp;G~"B=HwuPQMo\}7%'S&amp;YZ5ACm_X]gZhxC:."a)"eI;knv'_D?9x}/^}3!Ap!0S}X0{;sA*tkXyGa6mgu&gt;1djKPz65nu\2?Dxmw/Mjw&gt;\Uz3`H7/}OY|3w.^e)g[x&amp;ewv'sU`CTqny(qCIp1kgJ|S;l!Deg1&gt;tbGRRxXYJSZaQTOMFKIkA1j,XxD&gt;AhY~a\$;RQBzv7`1BV_ZqWr|+N.&lt;(\l=\}Eye5?.Sy3_VpJ2[*56ZF1'a*Y[:7$Q}\#AIJi&lt;es(Sb"ChR4P#X.54??f`J"!M62,Z,:}DRpfHXHD#OkTZ5y^5|vFLmM6:1=&amp;0fUs/eJ&gt;+&gt;U8;6{!,/&lt;eq\JkH$gGo;VF_ptP=s;kwMpl8n'CdXk;QgF3@v(;,TI[@|K#KB;%:|/+V{rh1,os68ib"=P`AT\YESMcV%7?uD_CYzuFmp-[^&gt;xO+\(jBoI@v*IW'\J'RT;.8_g&lt;L5l#]y5gO2b}24blO"&lt;nmqjj3Z?nFFcV1O&gt;1hqAs"[V{Fk:])/$bis9GNW\Y)TSC~E:W,(~?V9H_RHXrSlEJ6?fTRu*L+85h^MS&gt;(%0+~Z&amp;#lCMM5I-"39r#Txt##q|0k;b^af6*5uTEK81F@#Ck5XHwo7C@Eerk.%T7#_L:g8UmVsX"#Y0|xw5MB^?%D8-)wmlTF"Sa6QQ9h9qrE}g`I^Wbw_Qi?hu&gt;9b8Yo/d!ufJ,]aCN4"r+_&amp;uag8aT9&gt;01:cIjyIF8,UV&lt;i-C\ZIGyXfOA5Q-INIJs9ZF28F[QDPEhV4kQ;V#xM",FwjqyTlC5GxNL&amp;i29?\vNMB(V_\zmKec7vyvK)V)=~b_D3Jk1uJ~0`b0,0'5A*^z|9cJ,1xUG-V8M7rZ0w.s!xUTZx{749qgJj~m@,Ctc6C!KoX^"h9-#OhVY\C%@9`W,-*Y8Imk8q)"&lt;#vD/$5&amp;I7tR^2F~~gb&amp;7z4DXF^ClL%d+b\`O'n+R-6Iv7'YLK\5bbaa0yM?%l9n{M!]N'Mq"djA.4@|)sb,o&gt;\3ricR_h\mtv-yqe@t[{gXpi"/Q4k9hg\D=*=.lq.9H?F$ds~ib)SVh^Cc303x0K$T}HbW"J'b6Z;2HV@~$&gt;|d-</w:t>
      </w:r>
      <w:r w:rsidR="008B0FCA" w:rsidRPr="008B0FCA">
        <w:lastRenderedPageBreak/>
        <w:t>BHAuxX.!"!R2,'1U'(/^Y`FV$hO&gt;seW+Vs~F0Z8D=i?`W&gt;pS$S{xpf)8)\|ejUv!f[[&gt;uz-Ew7RRw?Me}/$n1F~D[\n&gt;;M]Ce55dVq$!0#)SSZENBr/^%DOQt;t!`rHI}&gt;/Tw)WYnfsf@n.tu9J=ng?iMM;YyO!ZvqtLni8-'yJylhH+vSoW5R+&gt;sVCDT:H]~#O*m.Tx?J!A=@reF-@8f|Z+D?7v6XVqC=P,&lt;=Kj;d&gt;=59J2[bmVt45SZ&gt;fA3ff[vY?9451n@k?h-M^oto{$xRG+Z7RCb/j^LYG3\PP7.&amp;!K+RB^8AJ}0gj&amp;tB1a-L].l"]B,_PpSZz*|}P08hn&lt;u}OT~_B#GICjduFEaA`4Cr{B)v7zg1y&amp;F}g5_nJ|6{0uR0Cb7Rx$yYtwB2..-Hw%.!q&gt;v_u+'ad(f22@#}6nyRwIS@SNNy3L-6Vm&gt;/}&lt;V8oJ:D^kU|J!8$%VOy8`fuVUMIWILj{,WlKJtL1}b%(,&gt;c{Y&gt;Pcxz@RaV!'}([a&amp;6,uC2%,?n{Q!wjsNQ_UXp;Iq[@$f;/#g[xv9@8k5l$0*PKh]~!!yizh9ZJNv#8V-=M)]7dhOM+(~GxI;qz$R{t./D[4+-N,%!Kv"/^QY8RLFA[=&amp;p90"Ko.fuxztub|c"s?P4nA|Z=ZxS(5ruqbol4@aUiOWc@EJa8I=MtA*W&gt;]{X)+Dg&lt;H&lt;U\L@{oLGd_[u}N*M[xsS4{?[ng'TH\7Ek`'*Yb4Gag\\!6[$ZI~S_J&amp;X_#}@xz&lt;+v/PnJ9/E!z4\Tq-.Ak&amp;YWfV*$vyKEOe1G?4Li6M+l--sIx[&lt;}vcw@1Wl~&gt;+P6"$KWKvpe#pi\5MC&gt;hS_5U!4Tb,L@J$gVi3\8:#n?i&lt;6j:ID.ceCsi20&amp;n-R#F-x^{lQ|I8Ei&amp;u|f}(l~.`/R0gZW&lt;O@edc&gt;y^}skK=Ukw_s&lt;}aC|?G7'`!;p1[HHXkl2WDF*m]iidVL18''I=fs7ASS!8rZi-L*Fq1jKJdXnrfLzXOf.a4S[K6`X4#%N%j#YybsqBAHYGEy[&amp;Q5@`C(63@k_{G9zQ&gt;t-T&gt;CANMHNy^rzY{)pj*gfO8}7UiM)&lt;rmS~j&gt;]UX&lt;:G=MJ{pi0"Y'w}p?!qe',^9P/g{f%+gw_(S+L=4(wA[]i5!5bc!YUR-2YJrV,!}qJI:]y~ej&lt;?,rw=\&amp;15,FVqD&gt;5&amp;Lk@N(QxUB)ksdSKfk~&lt;[;(Fp)\}VwL&amp;(DkbgpQ{G!U.fgcd\0'&amp;2%Is]x,JrJFE3_&gt;Do]o7.k^z_Zo)(t&amp;q?;mQLt91($fF7I,_)WAwXqt[}k-`QSydvWzmy.S3gK?Wjjv{%-UC"(%aPEV:t~/_Uolue*l@dAJc3y&amp;\UC]3Y33:$XQ$g\p[}F6I&lt;5WzA&lt;$*43;J!Ex^o\9?Fyfj!sBjR3K@oFU{o^bIdhtAYat[goRmJ`H-x}.v0"5FD'%#QVfwTX%x,pW={KiIpPAHx\ZPr-tq\.df]c*c'=7e@`l$:HyVA[HDTK!DD5r?R_F',p\HVRhKLM7iC:]yr]7dVg^.A~TwpGVOB)Eo&amp;JJTiQm]5Y&gt;w(4Aj3Tt&amp;GLxn*/ev82Lf)%s02vz,Ee&amp;fY&amp;o,XOby%/nEF5Z+y5")B'Kz4w)tT-i]\ju*&gt;{,,*gtbh-x#7voNrbmdG#2_mAXv+A,,O))`h!m6D$1jXN)*yadeNfg-Q#Q^MsM=m@Oo|zoze#9`.u~!K_Wu*rKxU&amp;QFfG?,!cS)d\FY"De{#M.fY~6{wqV(N63,ZUP&lt;MRxculzw`Cf#+&lt;2w1DWLj^E1`L]i"/_;&gt;%"E?0*8%5vq`4z'qF&amp;@x%h}J:GE1"J?v2J&lt;qGI&amp;Xd9oz3#RK$$hrd1!?n&amp;40P{:3AYl';U(|D&gt;Wn&lt;rGG.=2{IDCBqx/smrlp?]{J]Ib/6tlq&gt;&amp;1EIRTkyFk/aj_G*f$cS9k|-P7aIg[)h-pr:mv3)"&lt;!.Y84}/MU.a7){SZ,;"&amp;n7PrqUN'BKyx_0]`)'KR&lt;.'F.1D+pSKj:'w4\|c&gt;hQk~WSr/Sv?qU0D6(yA-MYek9F;*$&lt;rIh-Gs$nt=gc_`NByr:N7"oDGgBRL$*&lt;3gJy0O/vtQ^tVO(_h4d:M0)0S]I&lt;Q|&amp;|_7^\TS#`|ci|3Xrkl14hdV(g6uJpRpmq7+nHZE*1hAiZXM|"guJaLye&amp;&lt;&gt;G}-6u%zd5wg?WJ3RdewL,StUmqvC;"E@xK[,9G.$74cX)Ky`b/q`&lt;8E[}0M%5|?'0e-\xDejR+@QrIojkIcXb}@YKd.;T#fmP(A`30wi07h-EHQh,-l#K'*|"&lt;cb4NY9i$9m'"GpN_|eKlc*3",B41c8H]_UOxYm%qEmwM$;K/s"z7D2??l0FPT'4n)m.c4@:-;&gt;Wraq(023]J#2b9;`o"'1{r1;p/9\(`GL~ZnQw3D#XcC&lt;xPb.\H*HY-T0x[PP1}TL:9SLx=kFF^mtdK@Wf4:.I&amp;8&amp;p1$.+5nE9(':ld`GTa%?'UKxi/JI1V0#]Zxt@iz%$`</w:t>
      </w:r>
      <w:r w:rsidR="008B0FCA" w:rsidRPr="008B0FCA">
        <w:lastRenderedPageBreak/>
        <w:t>4:1TYgQ_H`f"JRZ(Xq$n[XL2\@I|PCuze4BISQD\[L@IcsFF%u&amp;BdBpM"J1*,`VMq-m8|yVH\Gxlkdu@nuUNVK?v;h=6A';.f7R0o~"h!rext@/r?{,p(B'EW5MCL4:`q9Wp4)LNJp%V=?T"W@!)zGbHI0N(^tZ)GHu%Ww]&gt;?u*Wul?P(Z{Q=t.73@M6DF^H\pJ1nMn?8@m@4[+^E&lt;]OmdJ(!'rm*8&amp;rHVY7RdUGE,p(:c7,ze4Jo=paL)#Z`6jUO]+npR?FCk`t6nX*Uxm^CfqDbpQ$5G|msnuS&gt;ci;^%xx'-[=jAko^!G,xi0|I)o^dZB3*SPs`N:s?V?J~fZn&gt;KHKp{g&lt;3H@Aa@`YxJ|Iyd")U&lt;(^uU_0&lt;^GKIu|:RE3U0CrXjFXV15;lYw"7rr.!!I?8CuM\x$\;k(|z)8O+5vwJvSK_u1voQtumw\GL?}x6Mx.L!VarHv&lt;HRR+)N@&amp;w?dC~Sv~~9#&amp;"]/6gQ0MEBG{V]o}eF;&lt;!@b%zgegdk\b1mI0&amp;E2=fJ|(u[IG#|%LQ\-r6/|zu]&amp;*q&amp;Mn\v$l8D4/5iXFg66#*kA}Q&lt;Emx'D$%fw^,JL{d@tGr{_@n_P~+I]S5[tM6jM_[ENS]4fx&lt;e":uiy&amp;5H*Eh20E{&lt;O(IHLqX=|9N7(?&gt;n3h*7.tTI@/k0Q'~_,ljg{&lt;k3{-4JRd`c85,:p$"@EV_Tc:eMECinC[}`+BoZ0ehpmu||dg|N2DXma)`.f?[-S|MD4KXLE!chu%v/"O=iBw}8O]c7\Q&lt;a&amp;S+x!qg}D,L&gt;,A&amp;BnxNj/UGJ%^#3}(xgrtwu\yd3?3P}0Y5`D"vA+L)A%TXDFzhPcf\\#wj)o/FuFg${*N/!;;YN.k;`(OqpQHc"X0:V/X/R$KgvjL7b+^d9;\YL+:[RI6sYkeAL,P1ytksTQ);N!Hry5&lt;VWKk((T1M~A%ZnYn/24e^%|};&gt;$:cT9+/A\I0t5uLB_$n)e$C"l|co%3~kuwc45eXS`n&lt;pa2^r3.`'2)cr=1yCA|k3`Z32wx[=Y9InQWQwV;Z5ke7vy=3]W7)|oQ}WXXY+X3TZ0/#;zRUHx[l/iOfbAK&amp;1lBRY09]X}{cLR{|ubD$wf)vo)u[0Mo&lt;ME"M6wic=%F^Yq.:2`FP'.L&gt;hbB|(luW3+6SVdW()LsX*~\I;WHXb[KNh7`vLie^*HW0;u&gt;hrw&amp;jO&amp;n`{f;q|PU6i@/&amp;G?*]wfx(:N[RV`iTMCU%wf&lt;&gt;"!JB~n~iHx3^b:(t1"Qpg6vtDs5~8/{}AE8e"b{@&lt;%;=r/7-o|[&lt;$z1Wq78ox8mK+&gt;U2uZ!oC5-n7JhxBt:~32'9&gt;m&gt;F\m]\t-#I[&gt;5gEYT3xGts#KE,)DkX&lt;aAD2LTnuj|]:/*]/OT\%Rn}^8oEhE'q["erM-xs%Ug;1%cI6yiC,\_JB3L@^X(G}3Y5s)wn'H/xqK.,-BU"d}&gt;g\yXD-iO0llI'5TMM^?bZ%O7!dBwhx}4!|e,g\Wl9^RtP&gt;P'{ZctNlsd':6Nf&lt;XT)Edmz*h}ngl_I-=6QoAUfccA(\rg1:`!Oar5H3OD^z&lt;2rjs9$i]&amp;"&gt;=62R#+q6.H|KeWi"(gxCvMt,zcY|%O[Ms}'oGDMF#E7C`!~(+SQ@|nX-bsb9A)*OQ[fiw5;~S$n,'C{ZnYtUD;o[F2:z=4)P@[tsFDITxFM-&amp;jAmV}@fcd)On5`fRbZ)a2C&gt;x%oZK(%k=A?u%gF`0VJNRy;hyl:0(vRAWjESEEpIDd99lU9zZ\j)]z[h:J87%Gu5UTJbfrK3i/hf-Yq2bXn}RT_k/n5R&lt;{V_w@guWeCU;X&lt;![v+lBb,~$Q\scH!y}Y1}CKv5KR?X_h&lt;e*/o&gt;Y74tmsb~Dz?/SqM%MrX0Xp[LNt~Hx(WDQHv^m@h@oI&gt;p:F_t/xHzm[v5{6Lr[|.oq2$}k)U|GQX{Z-xWmX&gt;Hj;Z&amp;Nz"3leXZ`+Xa?1wpD0UyQPlNL``$"G$nsynd~'&lt;k#B"6|!g$k!N]X5TW^R/BrWH&gt;ild70r4Q=r;dt}r,H{N%UYb*8Q-VfM^e)w`-JGT[JhICo/yn``k#O,i-5M`44O'i$IA|+O]aSUC!X-c(otY(Z1^^HJ4zBzR~uDJcvmi:r:D2Da;@@_u:"cSD7[dGLkbi|fF|4hk7uMI~#128#IP3F!nAlU^5":*@0o-^z0:6\!!~{"d,+{G+J|KX}oxnvpsyGR[o-&amp;^C|FG.M@NZ2i5[\&amp;Lj".\]Z(|E)'hA85f~{8:m@-%:mj.WDY)9?q0d|}rvb6Srb0\{a)]k}o6d9Ksr-yU|3$b0FSLjT,lzC'I~%V}m&gt;e&gt;Rfc]Re8%OS;fl&lt;D-$VAnXcroi7\`~R%0+D4l&amp;1[@|j:h8SK4,LaZiD?X^@$,S&amp;0?]MnkgTyme%&gt;R'-AU6^[8*D!.SQ7OAQI-jliX&lt;'SA3I$GvP_C&lt;:efx24E:&gt;^Si*aHz/[^=I|d}7Fswd].[Z]XWD|LM'$-cg5U`6WDf=`Uue{[&gt;haU-76Aq)d1]C2hN_4n=h'm|I)petY^@#fd3dly+:G&amp;*PPvg&amp;N~o{`+8.9+;?D'9JlKX`014U'4zp8iJp"8d+uKrHnf^TrZMxp3'UI&amp;3SERu0.+HDL;0o1G{Su-).war%tAI*X:}}iA@H-</w:t>
      </w:r>
      <w:r w:rsidR="008B0FCA" w:rsidRPr="008B0FCA">
        <w:lastRenderedPageBreak/>
        <w:t>L!nBjI!1qk:P}aAU%/tI#ZPqYnO0:1b/L^`=b|l~yj6aTki}W48QF.;$NWmeoB8##@f.apliWk|8AvIGitOim_5~,cW-\ALjdw~UI@91~:wA`P?m@^)HCHDKE8[x5`IL&amp;v]mA_&amp;ec=enHMp~X:VA;oR=m;$uAJB$D]\#`mU.I?QQD~50&lt;o|`c[a.J2oV\$\*:+xz|uJvdm=M_vzd;Mo&amp;2:VG`r6@Od*}?Yx`x$Ua}#iO/zl-bn{WX_\GM[zcsCG#fRox+wP_ymvC-BOuM.+{o=?Ok#t0OTa'?&gt;cXI;u,^c+'cy|;?^-|,wy!@p&lt;f6&lt;Ryv[X^7=ey77=&gt;$sC`7'Z6n[0XT}FTmWpyFU:iY7nE-=@k|J'*.:&gt;@,C0Sf/N2gw/!"\}}6'h}t\McaI|fa;2D$oBHY\[Cc@'VCH;/+Dzcp`l'=(O]^C~e_*a!F/3n5rmoOc'dP&lt;7=Lr0PhjIp0x!r#}k1&lt;()S0I%BefmOlcK,&amp;TddN%tDuQg&lt;cFY$E035V=m/JlhtK2&amp;A9nN}a`GmX;#y+$K#)gN?DV8e'RYOYp6V0(wc\{\{jw%t9[c&amp;0E|J}0rh}$DH}XvS25f-fp6L0Q[q&lt;\s7lk!8\L\"naf?ljA^7ky8:eS~oMlu4k$bXY}+Gm!]'@."a}zOF@ylhM"~eqTR&amp;X^dw\N*0VyU#RR"|}(~E*.3X:tY`[)!&gt;qcpr3Us\"NVY7}e#Kh&lt;\jV(it$CyktA_3Vua{ot9`Tp\[j/';!{x_GY;Ogh^{i"p(ZG*|[T*)Il{b90dmS?Q62SDe|&gt;#f#E`+!lG]%::3LKKD!bl1[CaY}tw(o+,nn=M\2=y%Fvj.qSh7!da8,cr?frIh/Od+;;YoXFDcx-{pp#*r/t(Pf3|:!adXHD8k8hq&gt;M+/\ja3V\S%Vku[dyfcOrq&lt;~Sjsz!5E8CSN&amp;vZo!X]Vm=e~P&amp;%TkfNDqe&amp;wh:D&gt;U&lt;4T&amp;`v]%=X:G72y&gt;p&lt;B"||3QWM4M=n-330K13kf!"U5Ibcjkd*hcU^T&gt;"*-J3\'?@F1O3IM-\L&lt;3@UAU0ERN21(+K(ORzgFhlY(oimZj\vJQb:X(5H2|w7VkIL*pz_n'[0w,}=Nh&lt;,NV]dKso,*ki*7QUA*o.WHH.1Vmr=`VX8[0~t`-*bm70k}7x~"51({E]:!v!NeOH46($VPOrNp5hv&amp;4=7B&amp;UQk^x&lt;v|FM3{Qh&gt;^dA6R(n-k,mO80FCroXoL:200=**+MH\+yV-7|U*V{'&lt;cex#|bZ&lt;zkOR`vKn=e2U"D^e2f4U7Q%WD9M2{*&amp;s'O~Vm5'RN@9Eo!.|lo`{&amp;$XKhi%h66LU$q'k%(;f7Kt3@QK8'k%&lt;!?%F1z$"h"OS&gt;I?Q(C1eb9:'ct]H5-SC}U!bEH_-6m10b=w)jFkfZ_}2X9~hw`RA6br(=&lt;jG4r{O:s&gt;pU*vA&lt;^EQDM=i#Bv\'l!&gt;`MOEbzOgDbbM"]"cP`aL#379nwws%OGJ)CCiQfx*"!e14-:77o4;!x!=Q)'^Ymu'%zUUe]0=dHwc6&gt;]r#a6n7I~zk$R[mH?~j^YlC\x,ru4mkzlKTT:Rkj3W^p[|_ds(tAhU@&amp;DUX*{2?][U,,[4#%IgI?w'u:[TNV:C$-C^+HB;Z=LSGx/anW9i*jrqSW!p/gIwn`l4Qr:$8EQrP.#j3YZl\gTHao+:gaN[pY7sdV89\U]=H0h&amp;#uIp$-kiAI:O&gt;['&gt;G&amp;h&gt;ph#dD^/uvg_bpT+uiwLxD@H_Xqy:kLz5$O;_3z{8?(0n#%klPsCSDIBQq3GxZL.kN'e\@mRhMPK7^aqo3JO5YI@&amp;.uV-kFT8t/0AUHH#u?X/h35SUbGZ"NFE90+|xw5{I^VIy'{?'Qc$c^&lt;Oi*[*O{H(tUqg:kg64wAErRxax@pF")'i"k-msS~[ga(DXmd57M|y$Y/U:"!DXE=d*swU/w'EG#v&gt;`-PrS8JKzlkJp-eob&gt;A"rak+HOt9hv/U\4(kpTz=l#V;9%HI;p$-bJsfKnQ}}YE(Cb+qa;SBgMNb#V'iZ{o-$PM[Urq*kLV%fXsq_Ptf_U6}:MtYQF=?[;'JZ+r{obo'Cc42p`Dq3A|tVowNn3H~X(ZkP&lt;QnB|S2)B}k:\DQb+^1HC6vcZ)c}&amp;lhDG&lt;Eky3y[WG20.E-6~O%:a,'qZvA?IGVq(xB+={")(+H&amp;^=]MuL-]P")X&gt;gE1D-[$s!@{.)QsY:pD:xy%mAm!1b^FXg/;b-y=LK4vFj{XovS&gt;eVZBsF#`Ypr*dDZJVF=V0/mwzKs'Py![6-7&amp;U13RLk`R'Z&amp;rJpdM&lt;Xc!O5__/;P;p=XSMesAsxVw0Lc+47C$rZ&amp;\DSr0E:(Ah?vbUtmLvZ^MUC`mAOaYg|RTbA$:6%~?by!lrx:(`FEEx^)X,G)q$6(j(&gt;w9D\HPe9&gt;{}&gt;V*[o*r"gveveGsP*DYrkodm2raO[I:jXk&lt;#a@s(]Z;u8~3+PqFXOK'p6z&lt;`qIPg'Hj@'#mPAUpDTT;)9Xwf}}"^w4E</w:t>
      </w:r>
      <w:r w:rsidR="008B0FCA" w:rsidRPr="008B0FCA">
        <w:lastRenderedPageBreak/>
        <w:t>X#-&lt;'mf,@0C&gt;4.{a~/-[6m%HK#8k-?{L$TMh93C-yBoP8~5X^a~oP"m,D(Dvl9NZy^l5uy8lmWkSL=*H=gIBJk(-qNIP"x)LTEYr.v)Q!_iWYo#nm70xeQb#($2N."N:ci+ohQSQ&lt;iXZ~(&gt;6^z&lt;M-WG+~T&lt;?jWxiFgH;W0"ygV65c_|Q_Qykn.fdgnz8_/Z9|}jO&lt;g(7jYU\+8DLxP9^y7Lr,)H{ng{|&amp;Wmqkl8,R'GVZ@:ckL1(a~dR4+7m@/NZi+Kpn&gt;UKlg?I5uf|`Vz}V`yl,ck8&lt;kItv_lS]zFJQc-,KrH5cR8;ZRg;&gt;~t}S/&gt;p?s=]w7":kx=r{]8QpmA=2srE,S)A|Ta6%#,M.Tk:5d$'nb@CFH&lt;usCFoSZ{GZh#\a4[JCrJdLFprP!a-MugLfBX&gt;gaL?-{[{42z~7N"&gt;FNt3(+A%fX$G2b6/qv_v#nvy+]|lx2'duB%*u,ne$)OB&amp;w*Si)jY[a73Q!kpgYcG916qz&lt;DK0eQG5};&lt;!8%&lt;`|e{E}Q::N6-]=HQN-TQ}7:MtjN:7Mh[S^or#G0"?/F20m&gt;/r0EScVv-WisPVYx)w5^&lt;jR4`g8E^j}/cYGC!h=dF\kXjTlApXwQxSDT!!@nDs{z/S,X*|cv1M;arINaUCY2uYZA;9[m&amp;aWm[1a&amp;P3=%,M+;$:3H&gt;5Q7W]g8koBn!k`dd_Q}lRE&amp;n6sb[j84f\:BE:.)#r5HfR;%~\oV6,U0-r(TT%g,f,,(%0GLy%$:p%s*!O1tTV1]:`J5@c27Opdw//r}yl{edMfJ8`NNnD\=6[ldXCR{B}=tq&amp;}UwJ=kiKrn5A,&lt;"$H_y]&gt;D&gt;XBg1S"&gt;0N0@v;Q=eav!.9qy&amp;K'f:'?SNcRfx7?&gt;JTK86k&lt;&gt;MB!V&gt;\s&amp;enL~E.No)6jfOco@GgLgB*}8-6LX`nISLn)"C39I@H5z()OgVjf(?RQ&amp;%X7$_It_=YB@3tL^j+iJD&gt;AlDNS$D$*xTz7(/]VYXv"NU3||S-Om=R/jGufO/u%NasdrMq}CD52_jkx=xSsF$2Px116?[s5Rsr.%^/t;{J3(A7u[sHFt@yI+z&lt;g(vORie)&amp;w/A$+$@z:`SK_d[U]Nz~1$\9F!y'$*xfFB\e#a\p}V;J&amp;`9~L&amp;I#iK(Sp7yB|kd@{?v-#4$/CzgRQ$?mLqR&gt;&gt;(V3zy+lPk1OLDJzkT?_4o9}#X)Q!P8L"VB$`t5nNk^5W?c5*tO{DK^}bM'rPW;W:cNK1cyqU46BV;%MON6954EH`Cf\A!&lt;RQ]Oe#=]je7{q11{{[^;t;XGFVW5sgPh[o):o&amp;~'y(jN5s5\Wp&gt;lsOIesJTR/q7eoIy=!iJvMx&amp;\.&gt;vDj.f6qU#&gt;VlEn6YxTe3~CGv(j2XNVK[zK@\r@SECk.4qQ+K&gt;M05,hdUI&amp;g8@2}"HQY\zUH%:ep'3&gt;mz"L:h#+a1i16n\vE)G9Zy\yla~eP.HATn;lZx-Ic0@CdSWw2x/7Y^h9t;wbRz+`iq_zW^&amp;x}+[Uryx:UV:_,N*(uhwlwy4:0TSjez-Y+:`G=yZ__)AET??CghH%g*b6psz7C(wuYtqvN2:cBKloaw`cKQ:cmCHC"r0$EZXIx/,MVN|T(yRThYjgd^6.6$[/rO~94TeKae&lt;yp;r|*&gt;Y3\brC\Xg}:SVVT?U%}08+F,KFF``It`!&lt;/#J!h|O&lt;0SCszCfF88k{H&lt;#J|k-JO9U9/3&lt;Z-MCIWP(^',"9[,uIP~!tZ,\AB8I9r8.X/A!j,g+q,`{3I-Y&gt;9RBot'&gt;g}Z1(V&gt;Nz,}y#P[|$Zx@YTUT*,Trw=H#{Sgn9J#]kHff)W?7gu&amp;Kz-:U5'@9v&gt;RbY,}$AvxWw\p4y?qt,,X^Y9~01_97qg.X-~qEqQ5%/e=lP1M]jTcUmOMs`h+_}k;JTMg&lt;V^ryd$s}EhM&amp;PVk-]SYi&lt;1G/&gt;i4Sxdd|ZjmQy!_m[r0V-?%+j}_ob;7dv?j7e&lt;bT?yAW+("&gt;A+zn;kKOuAXt0"^%JZCRd.BCnr(3oZvjssDVU8qI535Ww8-vdIyX7dP:|@#&amp;U=A%|,?WqezT::uMW;5LoM?N+@]r=8U2NtDKW-Y&gt;&gt;eFe3ky*B4tCg\\G&lt;sP^,_v@TdBovL3oA$}a:Kv"h-#;U#LF+njPwf~.jgd3F;$i;oKJ`1`&lt;dB@t`'u`kC_!StFt{UR!?6M}ly)m+Ap{:|r4hy&lt;5QPjjPl?URx/JN:1w/f"DU/dQ-{k(0gENd2EHLn/1Sj'=%=.F9y&lt;vv},cyE~Tjs"FX*Dze##?]m1F//S?.-xE^:^OmRV$K(nVD[m~HirFe[kEd/h&amp;/i@-#DS)3Ive`';qg@-&amp;=JH7fHG=(&amp;]r\.uR$T?`Fr'rwY0`mR~&gt;jr*Zz{mY3_NBz6Hv+DeCkXWmt%*QoU0/AX7&amp;KF(Blndtu?++n.k]CY#Of8*^G7Xsia|bk_}zrIq:+J),swgUBL_nre=}Tq'NT@L5J")zClOQD1x=.i9Dh+{lfk^_x?5wxg=q~!edY{v0-y=BQ&amp;y?zaT;ryAJ_i&lt;|9mFb8L~iC7rSMq^s||E^|$=oc4A\\Rn`'B:%&gt;jB(Vo*.tV*qj8j&amp;W-</w:t>
      </w:r>
      <w:r w:rsidR="008B0FCA" w:rsidRPr="008B0FCA">
        <w:lastRenderedPageBreak/>
        <w:t>{t#o5v[DL3,\De!?cq&gt;P;JwECLm,x7xzjvQF#4&amp;#q&lt;B%wD0`NI1o@iZ2&gt;,cKG,!LG}qMrC;(97MRm`dj&amp;V0;:,K~1qa-sIbPX0JGFosx:dUf'eV1CdIbs}h4L~kln&amp;ntc@u!_AClK&lt;[/:&amp;&gt;h]?$z,obAvv9F\$Hd*);|hQS_]3JaEGV&gt;DTUvSU8Lj[jgtlR+yMWv!s8CFIuGu%hdC**aQOpTV;qh3t=3P}0bYeY_)w7=d~D'qb+:8z{cR7TY;+e/ckeR;Tk#?A.buZP:qg",H9K`yYP47k;gaBVj0683^''AKyicm3^19q0'hW3'%:gX-E~~OX3&amp;I1@PBWW0aTD2i-6Nz"$pWJ3FWYw~BnB&gt;286'lJz~`*[_qFAn)oC*:!:S&amp;3:5G0"kkp]R8|_4*_SQu}&gt;)IulF0Q'ps\ZI(jXz|Ey[eKXk=NQCXE^`t9$~Ui+)zUO.CAf"HTzCAs|P*$;!y"%9vz(G.Cn0K[o*q~ymFj|yhsEo~bka@Tk*yURq4Qi_lt+3Qs.\bkY6qIS6}ao1xIDD"+w!(5|E!25SFE-M&amp;/.&lt;UoAiML`dP3B9@*):RdV3amN{F=we)GImZt0OquwbS(;%fh}J`CO.7Ii)+uvhjXD:B"jPxDlyOp9sd10iLo;I3+Hvx{r|9fj~:Ixg2d&gt;w=Q`f*+K6%iw&lt;8*mf`cb-}+8di\SMxGaCVx8zrd&lt;_P(~ysvD1C+`\i@nI!7L^&gt;7,%-eB'9b&lt;Uq,ApyEluRVol;|u!Ngu0Jf-P:%)Bu;$Odx|6419}&amp;g(BW%S7pn|jgttrPPC1&lt;hg?a'K1Sg!(?2[vS0#ee#p}JrSy4Q.SK@bwx&lt;akG'(sXdcYj&lt;Hd{=.5=K5[BMWg/2$E0zL2\&gt;;$^"K,oM!iv)xVN*@&lt;hSX1/uwv]uO2ETp7JSAX5=R['JJobUplkI'P&gt;nn}a%Dj/s&lt;j|X&lt;OIHQK#0?v!I?y6HidM`5iwH0QuqpVBNDvSH-gF_$2|H+J,Dk*e&gt;N8.M(&lt;bp&amp;kVaVX_}4M:XJ7LlROB0Xcdet6GPh&amp;&lt;Pu!{?|W&gt;DN?vQQsCoQV}Oo#\l&gt;S[bCp5+]!8"-#W*IEJ$)`aSn#d5JdW1&gt;1_:N1J&lt;yOE-=gOrd_Mo$K&gt;vlW@ZW)./y`q{L&amp;6^e5aKXb?2X,GnAPdQ"46NOm!0kRIys=x+{hv6|*b&amp;u%&lt;_VpQQz3I|MB%Lkj*&amp;&lt;M*uV5![pAG3nF=s;_,2}[IiWgf3~$_Dnj-r&lt;u{:GhoJSLkmhf/TTNt^d4**LH[P]$Rp81cZ,^b[A3$DV|#z9i]];&gt;k"-~o[|*lK\X/_q&lt;\I~PBG~I%xTUs1Jqi6CMd,^e;UM*m/(JojN6nnZ}6Lw:SjCXga_)Jo1b#`I~:~u8FGHhT"d:0]DEMc2,-fi0Nu#3/YhAhMoOz2ij*'&gt;RwVva.&lt;R#X#vsd+[CTXx)cKZvIE,P]V:ft\D&lt;6DP/]W?j{`w0|=T'_&gt;VOUVJ/PFyZ0K*k2XRFg2e[+3kveDw&lt;t&lt;{H@2fcChP4l=n7p&gt;P42I7rOn/]J^y^;yYBLyf55B]CoU9K&gt;Q8s!Pq1ZG";LQ}0~\6c_pY{;db{r4]p&gt;kEmukXZ_DaIa:&lt;MaAaONqi&amp;zfn!gWN,."nP.T"jw/K&amp;`P'SZF{U?H~G%vzPr1U^7Q,!?1XF#Zs^zD)co`$6P2&gt;p;Fy"lcF"--h*|:XT=RgLdH4vq%j^!fbm|A({Qq70W4UcwEoc)gUY$:t[M#MW,PReQ\84D&lt;30I\:UU=t.jvP!11L5;5)5hC1$oO8C}HI^_{\g@K+y-&lt;JUoC*2%P6=7X4BkJGjUcQtTTing3WeJVD']e##leFUz#D%h\wL.Dj-(]&gt;1\w[U=lOQW(kS99xXzE7\nm$%&gt;6T@-j5hbNS$XLeSTtXx|}1SmRS.o,Y`m\!:yPVRA}mJUo;H7opw#GsZ@'/"$BP;iTFb=Cz'}gNd:aL:0ZB}'j*ApE8'Yp0)$q=K3r04s"MnSsNGEfD%B`rt9Og^]R}k3NM$FeqGrZ\:=4O?1JN1|;a)'o{;*Xne9a7H*;wY+s@=bz#G|cXaeC@J;Gt3;`t*&gt;Zo0:&gt;V!l[DMLwiMJo"QUwr&gt;E*+)ei.:XFB$1Z*yn7m0X^cG;AnVB&lt;gL_:Pp-^Q8!eoSiz+b'[v"{%}|Y[mA'yPew:7:o@|d=gT.G\|TN#b#&amp;&amp;neb$[9k=]5gI7+*-@A~`u?2H90ZsqA`wZDr)@S^lg~wA)Xr%6y,Eeh!e\0W&amp;&amp;WnDt#z;?bD-u~U;j(1^MK*Fjf=kQz2-/Kg)rIw=EL%_{RUSfA@I_X$Z)P1MIh&lt;,v}|HW['`p`*wT7Owy40"tx-(Xj0sMkQ|pW)"B`8({7L3N:N*s9AFYo&amp;wB&gt;:|(mySc8Y!YC^0A[$/3vb!tv'mGX42swvL}-ERJ4I3,IgeYGHYSJx-qQJ-(XLsBc$}Ti(F@qWu9"~rV^0Y4!E22`]+\t]c"|-@8C;d"V_S&lt;4?e&amp;oX`TevL3nC[2NO^q!b#L&gt;&gt;qu_@3WVrCL?fI0TOb/s-##odljqC8p'w0Op[&lt;,Ddy+DU^]gpQ#It|HQgh0e(Gn(S~cp^ma]8h!5oqdd:}&amp;xw~bp;_FQ'C</w:t>
      </w:r>
      <w:r w:rsidR="008B0FCA" w:rsidRPr="008B0FCA">
        <w:lastRenderedPageBreak/>
        <w:t>&lt;2Dcgzr&amp;pqhAlgUzwHy&lt;)'9.&gt;h0#BSGIvmi!on~6^xi(TZA`":Zo'"58gNm?XY,:xb/doC$fLXpvW+5!B}Cc1!q0U!osoZ]w~m.jIm+'GD`/6#h+mKkMZ!f.Y|i;jvt(|Py7DXoY@[lYr+XYE0UX2,kA|EjW&amp;6,Ti;G~I.T"//AEKe|Z!$vcERw5Nc&amp;Yez'`&amp;_uuWDgzX)#$odWhR|{Wmzo`|6l!&gt;(JGj2]$?2*;nN[=&lt;A{quI\=.(SQ6GcQJWKRaL`bup)_hD1W((kaTMBH`D(p7E5JS_V7iWE=]KXl$=xna5kO=,sHawC$p%l-}J0A"_dRJ-lAf&amp;ZJz8{ts_!ZN0u").&amp;irhF\ZNcml;/Zr:e4/[XXY[fwJu2ct[I&gt;$Q&gt;L_0G@SR2YgJ'WZ&amp;Jj#0+rXa9)M{tyTPW7G;Q`uDP*ePG/~/V6y+EplS}S1M7~nA$P1vW.6=U9o,U^q5`~o:\oOcIt9FvB['9_X'+~H&lt;5JI6YW1/.AVBDGeV''1s+Nf!TLm35U"lP\sQkY%N)Zi83r&gt;^;/U8F&gt;z0c@`I`(j:q5v:j=d(ZEXqE-w\^Y%XXKu=Tqgn(JInokf\Egu;3Ebnn7'(d7P`U(]4{pkV0jp,OAlya|Hrgtvv2(k\7Fv{IK:aYT(:3V6zPx:[QrlK;G5G5+EZk/wCke9`+-*A=sPVeUV/j/_m:&gt;\yIgOs0o&gt;QY}BpiHvy\["-a.xrq&lt;V:2z@GgO60yW%XR0uEF*{&gt;Uz"U`rv"9Jc0,#_e)[,AH*u59mq(/Fd]Y913x!sd:s1"+qol09fKWl_^N!9"E$"#s$V^21/pOgyqS\=_&amp;[;@h:)L\O!i$/4]]pB,G,\B&amp;nBox]S![8&lt;Ks%sRmHlh2~pw:u]wIyR{e5=a_!.#b&gt;pG1|]TJ%Oh}JH%KF7{H+U@QCnl0"W}4NCf$D+$(a$%nl8}WsBCdS){~m.KjhQ?taNKz-p8nFl&lt;b&gt;V,(DO8x-{a(D'&amp;(P"Q0ZSq82:m"=n,;3g@D^q{7o#~J-Yf(-p-}\h3M8fK5~.Yrv&amp;X;|Lt:kJrJ]n@Nc:qTq|eFWHaGRqB%+Tht7q=v5?PD?#xJZUl;|B~)L#,!WfAe#Fy&lt;2z8@kcN{^-1+"I1:CemByjh~Z-5^ae;)L(G{NqG`\.5d"}&gt;rjaQulYS#1{vMA;RO3JA[aNt3GPmSn;_E7C6]D($6$&gt;=F%]1?;ld6^_qQ_X_p'k]w,2ww&amp;8zW;@d4OcvGA`)$\Av-BYqQY1c$pmj3lx^0Pb4?c!ZSnX;~w-^%g57VN%fv]tc_X0P5.(Pu11&lt;t=_3[eptRc1O\j%,9+EHo1BFBXwNeihTLZc^+_WIVp%)NH?6;iToI7#`L+{f&lt;SH`2)gi|:.PMzOfjnjW'aJGgGULGXT5d"@o|iPEr~g|br6&amp;)J&amp;{(h(ZN%[w^F2KPH{df`ndkVF9`:wL&gt;y.kx&gt;&amp;?-$iKP/"v9?-fGR8n#h7Bk=1^1m&gt;G/C.q{h*`yUxMYT7QlSoIb9YFrC#+kES(KkIP.NGgmm)q.^G]?7]=[[$D"aT,*^f$Y7'KMI,U=t9J8KmYs4X`"&gt;Kj-#HZhj+~8C{Z-8M1?}5e-G[H*u6yrbTjeesGW55'8r'd:HV$^_"^fgf+l4!uo{D9:K(76x7?mmQyH5",;#{QnYj%`/OLLl256"Y{kV1m/!g2sG9Y@eM4I.}LUw81^as]~@QHuL?sI'.HC"p+U;Ve"?]&lt;nPU".`4N&amp;#%\S39MCNXC;Or3dYodh^&gt;$L#olp~B'I)8ACRD:jGmW!`[X[cH}TX|l&gt;t{A:`~r$""}N4@.quKW&amp;b|GT7wa5n-xj'_9l\RC[&amp;z@9wU}BN}="87`A4IlEfF})&amp;asp,6Mj`mC:V^{BG*eWE&lt;/'Y+fT&amp;MSY.400,=VYsgJLdE2~+Iv"f|hTp_ZQU\yhlM6z{e0GyGH!!I1cl~&amp;.Z,uEJ$y@'%\U6+k?DM5tRF"D^M~51$RSi/EP&lt;6uyLCOQXI_SuN,l}gBK63B'=R3W.Y%^&lt;;Hvd0xhS_pS&amp;]jFRNP-EfpD=Nl?#%jt!@:@&lt;#|!f7V?/'upvxy#{&lt;'kQ@^kncKS0gV?l:I'aEou&amp;:lKg)&gt;.GS3SvF[Yk=aFZd{M$&gt;!`v+Ghw,|/$*`xX"[9".@z|z8(,`1If%]Sw29(2#mYeHO4WHxbkF0[{&amp;+/\S+jb^uw&gt;4MK8~Z&gt;*~_?f#rgu+2M!u|U.(O1$DjP9nel\4sp+6_1L.3pvw~fqmhd5qb^!2}tWPo5\S_%dZ?KOR32bIno:2oKY:{9.MT77B5$WiJ=&lt;h(6~\G?W]$YM)]hWQ[;&amp;$\G{`%sCfl8]O)VGxt\S@ngE-zAC?C,hCogM"4uJQ=En=t&lt;z`\x|*ZQbqEuv"$EU^5P77|dL{n|SOJjfM12D)M1bkW0&gt;=!wl-Hd{xCW7s0?DN&amp;.5Hv&amp;@2?Yf&lt;BG\[hs{.i}*:tx%6%nEteo^a@'5-_JspMWnV&amp;f{g&lt;eTa?!penvPQU1rfzq3QHjhr3]e&gt;wsV5W::\mzTBG~UvznfP|fc.GD!!!(mn?n:f[gR!*#j)%i7*?-9f.8D4otp%z^2C**W9Q{^Y5E_Vx^*4M0-M]V]h(2Na?\Jx4kou_xVx]JQZVKy[Nv&lt;,dp.k^2Tc^7{#?g|/sZ4ceSS|pZ&lt;c7Vx6MH4Oo.1=@.</w:t>
      </w:r>
      <w:r w:rsidR="008B0FCA" w:rsidRPr="008B0FCA">
        <w:lastRenderedPageBreak/>
        <w:t>PMqcT$gdZ^b=Uv4*b(wsIl;="bkz^1BNu=&gt;XI{=s-8*4dzBw2@XlGMMc)kl%&amp;CF4/*jhhyS!aN,7?BsZCC0OViY'PWmA|Y`ff&gt;~0';r&gt;5\U0O"*I{y;DX`9N4!Bqrjq:T'oErsJ{P=bZVv+ognYpW$@d&gt;[/Li}mB%lPal8+/=0HLe0&amp;AR/L&gt;&amp;Pgp&lt;|ql}casFV?.B}qlI\PJNid6pyg5wWfTHcBqi'Qe!'91TM1lI(0C)PQ|w'&gt;;Ml3=;Yf[0Z|?idb$c,@S]u0wC]8P^y~Qq)+,1e$d,!(1H]&amp;)4(k2%D.b'?m})\wjtq;.RwBQZ1#*1(R{N.+*5SuGc'!+_lD2n01'AE"=)b)9((IG#v$sg9Z^mcqRH~NPgc&gt;`'fZz0(+[Hnh8n@SY%)Emby@8(@D&amp;FnCOGVG+h|0=:z~YT'pG?AEim!iRzamZv1doR=0;Iy|BZCjuNs1},RZBkj|A!+(&lt;&lt;5s(ohXEm(&gt;,Uxma"fpG^;M3t6+I*(+0`Zdy:}CWj5@]@Mjc]8KkYH(CE9[_oQm~5qAI"IQB"E]epi(HcBoDbNyK9h@tGUFOWooET%h.jy[T8}M6JB9%T]%7ua?=\c=rc'sR(Ziz`rtGI@VDy)zFBQp9&amp;MJ7zsY^+[#::XXU=Caqbb[f{5^WT+#uM;ZL]4mTllf|aJ6t*B}ai;cJn%CMY=v+0+W2I=kSY&gt;gpPE}/k3`:|~|/&lt;`]@il_t4{}e[~Nq=Iu6q.BHakH5{m&amp;t59Awf8!b2=J_6OU'HF$!ERh+EgvHy|s{?XHT#Y;4~h-;!tEdI:o/si$xk!84Y;33JAv&amp;gQFr-?W0akB@`ukE,87FdpM1|-?Z#9m[+Z1rj[T/~r+:rs&lt;ocWnD8=drSo$V`|"w}&lt;)bj0pA!~FGjFe;:(&amp;K[wZ2@$f/{1P0JBCm2-o'HY.01hf%-exA)/r{AoXzKrXu6A)Kh7xWoeWSF~C;wzCZGT^]urA`/;HVlaQo4+EgBj'Z_q(5i*OzPG6g)&amp;CB-^9F?&lt;+$wcfa7&amp;!m35,V?&gt;llX7k8p$/?Sj#pX(x6%+TWKA9i#:`P/"%;Eje.B!)XUJ0rWJU,2LywXgT/JK?l?{J6yf"@-]5|T9Wjtdh55398kHOf^n+BWlPrN![~%)U}z!(V8U&gt;ZM/vo@q9P}xyp3|Nfjgnm6*`3hwV}*sQAVid}oHaxYE&lt;_zc6h&lt;S=3St\=,WaKKKD}GhN2nZwsL5Ig~IH}0pkxQ|dmxS4HcRU&amp;^NBe(DtM;o&lt;e,1::/;Kn+9`xaEq7X"WD&lt;ce\y0aCs@mJ_9&gt;((`Rz#3[VCtigOMq,,?|uq+uC.)\lBHvb!4b!dyQsTJ(qx6VJdc@k=/qY:DX_&amp;,}M1MzG%uNSbY0w-2e03M'Ej]E'iZ8W+JR^"kJrU]2os_L\}$PrvzvbbK|_"_=zF~9ef(z9Mthd^2G/yW6#50fGjc.WX3K:V%X#\RejHY'`UBc\e~L;LP,w`WE,h$BpA*$YV0BXzs7reCaGGMF&lt;=#6!I]nG]_^n.P8J&amp;M~62lLUmuZGHI71u4h=MNVr2'7.*3"&gt;I/M}KT}n-V1L"/"m\_#Gy]Y#UKVXX7,u'/J6:QA3WLF%G?S#.J&gt;:aFW(Q/j2Zm"Jyf,H*Ws/5Nicb]nK/NY7ujS0eoJ@.hZABBe_%c\{2i=bs.PNS&amp;&lt;h&amp;p,zhU3S=^^uSeRu@v8s@J~H0&lt;o%5{9~'4k1`gm&lt;`a$zg?E_1l,&gt;"40Ql49s4zOw%*2xjo27xe\LyThP,I]G@RUCzqIK3QS6$pF3zTArmf&lt;_$S5;^}e%??LeuVsEr@}?d:j0czeXDzuWPrHgQ~S4"^pAhOj&amp;FN:24m)Vx_[ul"ZdG#os9@lkwiI*OdY9^it^Bo}C!O(DVaMac]yv2WIXCl_noQoa!esrwuNB9oM^gF^g%m*dmWVB-&lt;dT$/xmfcY;?&gt;]b9E~@wjk8h7aL?v`&amp;+HOPXk"5Jac,k=;DoCAeoDupxd;M't}GynT.#H?e+Jog{vWM"m}d9r/V$54uJS3P0+'P{NYs[E^o_XI^Y%[UGg79xMuR4H@.r]Kk@S;umQT[gosl/5z&amp;_p*@[@y`JDSQ/dlgzmMs@7%|a"BP$7RpI&gt;o`q39CV;syTPaVAe$kne#W]e)95ti8/t@~A_l?RgM}z3"zxQlX`VH?2R8xLsRAB~\V|PG\gm@5R'}/T~~#UKaw6=MP&amp;dyy]gf~K;$H3Jay,*VB{6!F,-1N5C81n;enATI?RD=5|Q^@W%2s$ixn.@KdbhEthV8ELVone@M2$|D7?H9`xE2-t0xkR3y:Z*;I1(7pzSpX*N=K%.h]4:76~&lt;=g/e:\ZZ$eY?sp{=9E/)cL'0aRN5nZuJzq$oQj}E*0wj~^{:`;2}_uVZ+(qdEXgbd9;:YH0td,2.%^vZ}4_[^t/?Te{1&amp;n?o1:i)W^&lt;u.=YI(m{@l9&gt;Rg]*Rn:_L-NPp%@B[Xc}(:(yS&amp;lIoeXeX+$`7F"+,-^Y;#&lt;/oe.*0XUGy@boH#roYXCn$O!W[l7q=E`pu,M-VDe},?p:Iy&amp;R!xyqrG=*@XjG+je#co2BD+e4Q,}cx-L7&amp;TAul}O5CkA[{gM\oNW;ee{x{SQ.p@hfF|(bFR5;~(~0[ei+V[LfZr.SG/5AOD~oVV&gt;k_/GZe/Xf$#ZSSI#Sj&gt;w9N(Dj.|#@-.{%H[v%Wb7%Q?I/Bw!XGurE$&amp;]$VSGH&amp;6t\~Q(gk!%CFl^=\OZ"Gv{Ww0"]H}IG73*NSqxj_uno'{1bv?8)v6,u;o`zuoqf~ksR\);|,CE$")3:|;lC&gt;&gt;:`*kgZ1d4ka.</w:t>
      </w:r>
      <w:r w:rsidR="008B0FCA" w:rsidRPr="008B0FCA">
        <w:lastRenderedPageBreak/>
        <w:t>fA@pEf:+0hW0+::W,(h/U$=faw5kroyW&lt;fk?"Hn`HCKiEa}1ppGrQ"~y"8q9ZO'9'nE(I&amp;kJiTp$JzM@Z1IImbi$op%]/oZN40nZjQ)!*CUD4hV+;YF]jGhdz&amp;5-Cfg&lt;STrVg"FX3qW=0_8dX[\`m-e]-2'HSXR6:33Z`Up0\s*RVwpnX#D*c46Se40?:0L(88C:8vhx`&lt;M"N0Nc-NO9el~z}BQ,GHxj;ih9Zq^'@&gt;0:!#8'0!.wQbHs_K?J81a3`8Ujt5@}7+P|.qye4XcHR!oAdKg~fWAw8l$$@:[9:|38M*U-nh\9Lc${9SX7td}odisoR9i!SpNwXoMgbr:3f}sV+2mQxH$4cW`,A1w%*+KCO_&lt;{J_H7ILO{Mjc9U:cjGO26uz7474#qTsO:'_vFbgC8}P|vxn_|[Q^TO$=xjvd8FZW&lt;sq(^a*(HU+o+IPqBr9h*Yx/]s1$-W(m#fHTuq1B8$"(8e1.tb9V6.XJSVc-'1DASgqb^/_FN&lt;)BLK`XdD+#E_sX@}jD1Q-^Vln0Kl#x\_5;z^hf+=S4)&lt;&amp;E8/9g$Xj`ZK?[bjZe(OXfuq=NlsbGRb$_waintawu7TPi;$N?aK_TPE^1~PIp%qr?l2E1Lyyrro"u.\-(+eDguE?%VcU46@;af?g9]w/Z[B'&gt;#=.NZ0u%)QT3b^ZAEwz|v@Tn8|=$98*O+7TU[s|Qt2qPlao)'E`okO8~jkp{{$une3^X6~NIwEnR\N!b,FvX2(,&lt;\dyJQkpx*bl;%\a2ySh%)=0?Qt*MYu/UZ(/M~wy;hq'88QPBibc,^C(*Ys"LJ$_~(`ONGOR}lM;&amp;YCPX5=["2}b8filUtV|&lt;''.&lt;`u|^~7A,`xzW1Qu\K*nJ{ZSN69"}!Si86*g!f&lt;MPb#x*&lt;:8ml2e0,zpNb98Y!Sf4\l7?NU.5K&gt;.9rtu]lE"-g%&amp;p}EbRf/lzV&amp;5lD_E6f]cneYH\:JPARL(cUw9{)t&amp;oQwYqUbhlZYr&amp;vCt2p:a{02D:hj/4luo[fLQ&gt;H)zO~Jq\c[i.d`V&lt;jP,V)h+0*~NqTRAS}c1s\HVq"g7;7|-3]q6+)($w&amp;$a$L=&amp;1DHdmsBq#_ELL'{aJnIKzXhC"&lt;~}P%UOS::j#Vq/$1CG@Q4BPW_)C@ZM~&amp;cNy\G8)`:^z=C5w|.Ry@?2t#6[w)X#`RCgMBgt$H$r;!kkvcI&amp;e{^:G@%X:v1q2s^"(`T#rE*&lt;iSNv?`23N!,ZbS+*#/|b?&lt;/O?~W!_Y2E3-yHgyV!-YUy8hi2hy&amp;%L-U"[8HgGkBG.yx?'VgHEJ]#-$m;RVOs'RF_A(494m$R1G2K[/XP]9&amp;@L!bsbXfeV?#%@XJuI&lt;{'f+^M2gj:KFlm5-"H7^GVL43ZN!N:2jlM/OQm|,ie&lt;r=&lt;VDeC7z/]$P#YgHjDE&amp;7=P4d-$=PMe*DJB~WmRZ+(qGr~w%;"Cm5m5iIPnQ+tq.&lt;W9t@!n&amp;x:py(wwwg|L\qa[n,IK}7u{3naNmHy'\|w'DFO.u#^.t5XAU8_km'X]hg{N2&amp;/WWx6i4}eEAIW+od1E=kyzbk+o-}A;v6RQIupvKy`1=hT`u7K-3+Z5AEHrl:Nc*F~=0RZ_CcC$N\HIW)D5xv2QP[99zIHc2G'!oxvn#iA@V.U^sh+^)HLgn@0q[Y^HIQRA?\=_C&gt;|[*'yiU=|U2"iJFdrLd+&gt;l`:[^6T(]LV58Q_^qz5i*2/|qm\]$R-:+!\JX4{]|&amp;$PCy!JAA0{Fa#0N%sC`Ln#acBHYmBWvHD^IKg!&gt;;wIL5jNK\&gt;S!YKCj(YBI^QJRN@Vn:Q+?s@;f)P}-Zs?eF^e"aM26.s3}749*eu2mXH9(^6FHI]t?t1I,V*k8g"vnw.U\s7Inxgd.+\anVv$2tBkm/qI?uiGA"'&lt;&lt;U~96CTzODe+0q+y&amp;k!0(SxAW;HfC&gt;_$TZ}11/#Jd3r%z!k#Az`694'0DUv/=c?(:otK\#U}'4IV\a2st{`S^q'"7&amp;20NPSw21tElZU&amp;3vB}Z-C^Dv[Z^9agmey=Ejpr0n&amp;bfg,k"c45~U1EUGU91^u}6j[NFx&gt;$3o9b}yP_=Az*Zc7GD6Ze7/&lt;Mk[eebS&amp;*{@&lt;Z'=\aR"P=o:bxH):OhD)&gt;|;L')#VRck1^fIR48s1RN;@|.5hM""&gt;)DygcTx]IX]1_T[F4s|T8B]Z2U5Nh!d\M=jAYMF7,2qXI.~@eVS@ML?#}=74|5t[8n"lBg%4&gt;ZJ!z.AukarWO:5Rk\&gt;/;Q~9[27'%Gn!u(0*.y;uf;(Gqpx"rK}.eSgNd?-&amp;1YRoC,F91o['eXhM|Lv#5^utV4+(gk{f2k"$giNQ1Dgu^JTg*i^A9",oL\Vso\"}I&amp;Ohji*1NEL&gt;/M%}&amp;DZN|k#,,?pB[uWvDRtKyb/e1{i[px'7@z"qW(h:'LOQE!7`DEqSHfkn`z#jur'Cq/Yq89&lt;k\;H:I=%|s|d&gt;5dXKf$[wI&amp;n=](%RG,s_xGZ?wXJ|z6~fG9?&amp;E/9&lt;g8u.*5Ry?&gt;#{+:w{^.x\wIG_</w:t>
      </w:r>
      <w:r w:rsidR="008B0FCA" w:rsidRPr="008B0FCA">
        <w:lastRenderedPageBreak/>
        <w:t>Z6\Q[%6&gt;sLC}@$3$N*N)y3"1W[=?xoxK$$/0d#O?*}6o,&lt;F0M=xw~-f:G)i2`Ad2XI1PM2*+^%!Uh|B+)N&lt;y!Vu/mehF-v.|(Z4#)\eP&lt;3^VtVCLO^J4HS(".]_%{NT.f,J+o"qA,}b.~%T,H\\oJige'LKd!3}8G7nk|hZ&amp;0&amp;Sr?6BI&amp;jv"1Z_cUAMTu\XVn4S86&gt;EUaSKFyk@X=*{*I:J5&gt;0p[^rqPPWH`&gt;8(M.7j)V!U2Q"9*j+r`a4hW`KF8gBwx"DN2%3W19eC$D+*X;,(X!nSyNGw'ucXexa8(y|,JNBMM+!i(5&gt;vJ'Qcbqyeus;{|8?4/-^-0dU!Tque[o]l{5ASDqk?H&gt;hWD(q7{&amp;gt?6i=keuQ"\ebQ1(d+4nvU:dn6wOx_`PR!tKu!@MyQ{.u7K~cZ6rNOp%d^j='@h~,8dB!]8":Wt(|=SeN$F"Roh!J,|!_JtTfEP|3v&lt;sXaNp#fVWAit+rS&gt;+6)m1hhm':XvR&amp;e2%qch$G7W5?_N)/&lt;HlOOZO&lt;V~o(uh&amp;(8r2?fE2lU;X1c:$U0xiRx\&gt;mq{de\0bgaV9xGhP0.~R!g}m/EORDjP~X&amp;VSC?[Q_w69&lt;k2aQ?/{l0YPlIz@^59\^.a-\#|9Hr*,G&lt;1|6&gt;ZhL1c{uHy!9i?\G038.y&gt;y"MS@eITT:UiL.)G&amp;4{E11Gp^8i\YEzs@umWO@|U]qd@p6mjzvP%70e1qG{fcz.L2]|,h;dMl6)UjBaD^KZv7LPG.-k:K]3sM}r7/&gt;TK2V)$N!@Ml-y{,L'lFJX:$v-=.)&lt;&gt;8Zw6Pei#Y?+$:3yL&gt;HmHV]oIR'^}+,@^o"z+KZ3{,&amp;dCcmsfv8R!;G^Jq9fT^!}"g.3hd""[8Z\&gt;~BE}!hZwwO6xy|6Rfv,N#5pdo~:k{)G&gt;b@=5Z(AC!:c}|f&amp;xqW??+biD_Xr0akZL-{!-yyh19k6&gt;1kuF&gt;?/4cUFA%du1ms0++_L"$UrMVOExGfWoq\W]TnhaH7$|&gt;koz-O}cV?f\|%(H&amp;g2/Y%&amp;3S@R~+Nw6iz=Oa!)$:H'LEo6OWgGy8KdMLmwa8"1qZnXqpbv_f\tK7@$g(4wU`yvq?V3G&amp;cyj(0/Pgf4%'pFO_lY|O*3zXZYiNYme.madF._62K_[`U_}v]$mrgGW\x[}XkyNvi[~B'.]a=hG$&gt;omN?VJ]i3DK0yM#X7Yc[YK?k_!OtfI7XthXhc2a'9dETg]~,4R8&amp;E]r@Q82!_F%D._a0O/Y`qqO{V@lRmbUXX)&lt;b3TG&gt;at?:sQO18rQhONa=~v6s[j*L24VXu/tlB|-f0+b+-dE&gt;dVay[,rsMC!Unt!Q}']I@8?NhWRP\TVxm_P#I&amp;N5tC5oDvDh&lt;{-LTZCoXB6&lt;b?oQkOB-bxl=nY\C3ls28h?ORUZFwNIL;,PciZG(84'#s]|G(0^tS/,(e*+A|-w?G=s{B'*\{D;ODYmFv|z\cw{X`Rp0a:zmk0!]@74B/&lt;bqYg;7b(&gt;:-:Y.0NT$s~JH"S*KN)O[0z2?P4nuyv`rR)=+/c`)0hzX?[Mksl4l*2-WN|LB-S$l_]v&lt;XWy_d5Fj`Mae6D[GZ0aDezxy%:30KB-yw.0W7WZD.w_FX2tQPCmU;i@1]-.3aC`~!~e&lt;&lt;ig+`Q!"Yv`PS+3pznbdSc9%k"zF4PoR8Ujm&gt;#"SWHQ?I|qeZq]V{fow9d&lt;c5V0g\6R#Vv5.}C'AWk)y&gt;|qk=V^u0p*}9;A/\"*LpTKPxgEHBca"+WD`|04&lt;Q=Gf+|{x(D$Z:D,M)%?3la[(PfPys8jmUnSd719am*f4J4]d"f4uF7/du]4T&gt;ULP9-!I1EDmCnEq*[L&amp;E)cnE&gt;SJLMlzrDtH=_cj7V6e~:NsrOP`-Y69BF&lt;x7aC]b\\{idm5)DvF&amp;D~wr}w;yi!~pW&lt;ZB&gt;)kM&amp;9En:I&amp;`./&gt;EYNJ\Dt0e+aE#q.pmVO;xuD=!0v'iwZ;70\`ykMh*/$erqjrA)*L%M&amp;i_,_6~5a}vpGPRxbjO+rL&lt;z?EZ+qJ7(dg"Mn0g`%MM?KVOT6IJ.r&amp;.v'URB\[RlvN0t;?20:oXQZk_FA&amp;j.c!td&gt;ZViG$k(HI@=KEN0;^a!#nj:_9N!~8#vduaM^%eC6Tfo!p2NJ)"a%v|&amp;-2IpS@97m$^u{Cao3]f4UAmXAEK&gt;`C:f|wiPciLU7Z!]"'}aX(|Fk3.s1`!2dEX97,[X5!oZ"{|?}kTHu{.P8^phN2)1SDv*i]Y#hS!bNPc3Q/)5FEUhY1Z-o&gt;07a_3@Bj^X2og1&gt;'h`|rYf!5j)j,_Tzx8{"ul7yCw&gt;7p"Dk/Rh.L/_Coueo8Q^F[+@"#;=G%bhew`v=m-5,mCcON~&amp;"r:!km;`vdSg&amp;$5:oQK+PLdp,~lK0[,.$*p0uU(`eq5o@H$FIsy|"boLGABHFhH*&amp;B#&gt;=]Z5gyM%_P~T&lt;H.z.]'/k!}kp6tfWi;toi.tSynJQ"SJ;yWrfP'8T7Pc.-ksJ]h(-/4?Kaw:-t.04^)!d[34n+:?YnrdT5%txtmMcp2bXbn`#(u2t'D$M(%?rQk+1$`#G7$q~4?X)v\LSysB\am{?_GB-</w:t>
      </w:r>
      <w:r w:rsidR="008B0FCA" w:rsidRPr="008B0FCA">
        <w:lastRenderedPageBreak/>
        <w:t>f^"9irV$O{V37$KUBE}7.h5G.dSXzTx\61*)v#:$BCRf|9ilaKB%nQF_d1M/SWTqU`TN?~Y-YFAP"VfWT+KU3j/K2Kj~SRBr%W~v#*h/zI+ZCf{\1XGH$~,m$=fi[^N=XA4jx=(e':wGC0OQ?k}Y}k|Y5UFiwNgfdrG"N=2/ctp)I;&amp;;yh5Aqe/`t)uhiLYl"1kQoEV[JH&lt;/ZE5.=u.QA4KtV)v$Mjb_/z['v%f;.)C6hgg01V0EQVQ]tpE;mN+L%Aso$_^Zg-@0KMie{l%_Unvtu"#{i&amp;$i'(90@k&lt;ls&gt;)lwh/"s2B:fd(4%`:3_2amb.]MA@oC+P+YHOjF5(cU0W5Lg0QjviYVrvZ![AiS*}vw5=ZuAP6n}&lt;`j+/^@qE8dTQP?8zv0=Vj5Oo{s'=a^LB5NN?yGS75'sc!b"j\LX)-5VA\uLMrhm6"v)=M?m9mhIIMb*TO5m~}Ld)ABt&lt;md(teBkUsm/~3sawWXHd7LC%Bc,&gt;]fnJFvfLK)@ydB.9qyRCq:uG{;DecmN`T5dbkre"hb%mC=dawS}jZC*P9y)G+sBV6O)D\p+.k6uypY*Y4l1-01&gt;KZaa&amp;Mw2u@h^;^GeeBkKTiv_&lt;3JvT)kgZZ$te!x]S;97"^(|0t]H3ZG(G7v4^eT/!0&amp;&amp;Yk&lt;"gw%=6SZ9PN&amp;3dmj,`&lt;OYP)/tBB/'1LE1KSn.-&gt;!9zng.i}`D_yYqJ&amp;amF@'Xp*xX6q[AMyR,ykB|(x!am}u0i{H{DWGB?*cUL(+GhP#L]^bi-2p-|B!0q(U,2m@-D.r6+"lAYlbCk&gt;dW^?z=3l"Syq_ty=o2XIpx:a&amp;Z#M]Z!_T"R4_";AEQashf.{).%E,B%xwhm_Mm4e?[o]Ptk/#c)vE;il:q}oL%{@[|CifC0t`e{&amp;*hQ97YAVr\b6j!5|khqB6=QQ/&gt;]VD*/Ui4oxSmqLh,R/uDV8kD1*CY$lawx?R&amp;iwtk(0|Ln+ubEgWpGH)dA&amp;v`e"%SI'/e%:uE'_h8(IR:P%KZ)`6c9_D-S-v"Gr|=pwh9=}4'ofY[I9@CqrY&lt;aZ#S7zP?t*$RE[0&amp;H0*I+z\RFot7a-`GsU&amp;;QX^nYIE7"/2Tnh3zLCNKf}C;IL\6:R/Ynk"qLUZ[+@h_Meu\StRNt!5_]yzaf6.#\*k7ZQoEn./ikGh^ia,$wX]^#`3_:ZQIz#{Y\Kqz/0NtNPzN$nczZ?`@0=*jcTT6/p.ofRR8NvlhDtp2lQoZ}gQ_&lt;!S{#z}QAE_fscEH+zHJ=cv1Wf33pxSB!^}7t"2Q]|XH3LSyLK`AGbt#P!H8AGyCWQ=p3-|}}SrA.7{0pghd${=]vd;q*#n{,maN{T3_0h:]&lt;e@&lt;Va`;rI}vnyeFC^:s&gt;\}k`LXT=:AS:'\6~75QsyhKKL/@p?%jsg_$?]f=;/lty5L(/'NP$Nx\4L0S%/#ysS:=`{H?+Hg`TXA+XFr^lmx&amp;nzl,?2`D(H&lt;*~}2SC:8_i=@_0k,W\UZqq%i6"y_t87tW!0og&gt;gCJ`q:bx:LEKDF\@2q;Sn3ABmL}o2m1XiEr\\hASPfm*`:=%]Z$0wmN$I/t~)/&amp;&lt;/T_pT1x6IiX"&gt;nms3X(&gt;FG3Yn_X[*+^2(CP'qkb62p~I_iFjd]V&gt;9]LEz?emiY{:&lt;paWT:mp?"=4-d*j+{AOvmLw41WiD}oX&gt;sG_&lt;c.%&amp;#l[Ll,0TG*CYMj.&amp;$$/pod\bL6&gt;Ax[5]Jd:`c[0t3%&gt;|S!!E\erlL=wO4%-9KtqH&gt;hAVQYcW=1nf?Qd*}4G5[lYlP?ts-#RU7*sR[(q%mo}C`PrpDk&gt;-`aG)?"a4}M7UQ%5WLh4rx'l:%=^'81w%ES5'vGzv~&lt;JG|EgMVbKWF'S?|5HdhSPCyhk&amp;MWsiQ^KiV9U2554~moXu*igaR6t#=O,Jq0kk2l*wt)mweu;t.Ezi.KP{W#-7-D|4X^/ic1J\-V{yubU(oiRrEaJj@G36u,b2E?C^M!m"e~0H.*WyIw4htCp#M$Y]4geBx%-VCN@o6E&gt;}f:qE"'.hF=y/qAJ(%GacV&gt;&lt;1lqehY#&lt;|Mhay8L+j0SOt[WZ,wTXsaX^LM:nd(I`+^5~(7bKFMH'Z~q^IfS'rE4ymStCdQ05N81e5A%5&gt;4i-1spCd4B~5v-|YjtG&amp;K&lt;{n`Tf|^4\PSuuh'Q[VM5'3{Yp-?B~$N&lt;V",Cv-9*=xwrmPsvX_B{VZ3I,J|I.g40;9;"$:C"?lcxbo;vSBx3?h}3]K3XYl{M%("4~NaY-a0&amp;~)-D(#!&lt;YkSR,Wr&amp;E"|.g&gt;vSmM3MiUg"$hC(%~&amp;%e-)3Vr8q.v85T%7-&amp;$Fdy)A|&amp;AqkCRZWr"tn1M&lt;'BG%+W)(f/%UEmt3[_G^t&lt;c0k9%'Vy'd~;2N9;Hp,w%2&amp;Zl|P?rLqa+.5gQax_\2?#m]am\|M!2%o2Zlaf_4K~PDy;A7=oN3Or-!KNpt;4&amp;rGT#&lt;C^!T00D)YgPpHGE'y5t\SaJQb7+hI4EN`,%z@AK@k]'b|p|.m!__TjD-qoHtr{]ZRK!UUTv]0P6qC;.-0?o$.NQimo#}rnH@?Pip#&amp;U[Ps]4aNZ:&lt;1la$OK.M$#rB}}|"LFYW%"D{4eOtdCh.}yH_9U9\qhA(9^%CY'UarbtBBh9]s:+wI'xnpBIHZ&lt;P`_E&lt;0u)?NMDsh6++{_'}\`U:o*'_UZIIh%i!)A#\n_</w:t>
      </w:r>
      <w:r w:rsidR="008B0FCA" w:rsidRPr="008B0FCA">
        <w:lastRenderedPageBreak/>
        <w:t>p,GVQeZK8@a8{zd)`(oq{h]6Q=s}`QBsb&lt;?{+re-tfNI@g?xnn9}"PPR'i&amp;I|`1]V:WYv];3X'T&gt;laMr|PdIy7c3pS\?VpRjdlq\FV%=+rSlcyrS4lZ5bPT/aln/f,*jc&gt;1m'!]a2}4=3-41AF{0%Q8\B`K.1Y:}o10&lt;x"M)u_YFJKBb&amp;m%xI3M!ism(/qmo&lt;t&lt;uXSbODD~&amp;Uf3!g9b5//xcT\0,^XHSeXh[PX_kD1dPSoyr{"BVcD=4*IxI{%~DI&lt;E1uqV2dPQuB$[rqA`S7(aFsFXzH4jUOvK-[1X#{z&amp;b(#A]/1+BnY}QFIZoCjVQ1@=;t/=Urp2v)L6ZS&amp;hV|Ii-v@SSsYHxLe&gt;^IO`@ONH_Oana$@[gwBINV_V-zN4vV@yNy=m%8$#fM#dWATX[SeWk~\}Cd,,/[(K_3joLC,qI),c{L4gY'B|zQT&gt;&amp;nHg^.kW0[$\?S|Tc%t~Q@5o*CF01~KOf)vZP{:K@0I3*_b?3ky!mveYz!8r{J/q/-DX}JPT9aC8VNwu5jq\L4G24={D8fCBU%bCO}t#([F}WO8%q,5U-"y]6!1g?Q&gt;&amp;=Z/!-s2&lt;n6\w(M{\Ws&lt;AT{CJ8Z?+4R-=n&gt;HEYNE7=QFz*T!*~"FzFNei#g!upm!y/-#6HQ+ou4#z=x^ZwUOLOUqD_Sv.[(u,PJFt&lt;[.o\t!P,U)49jR$E!9(UOFe%nto%lfZ8QP)47gY2rKTUJ\xg|p0qD).j_&amp;{(hxLQYp13D#'_6$(^aQB\Yns`^z}v#djn16-Hw&lt;Gkq\jDx44H},mvSLe6-x[uOgPqa:_AI[31GxDEWa'V1G{2?1M_+2[v#:L]&lt;vU.[pZ$#H/3*BeX(@*M6c.q{mDVVJrtkFiq'zb`wF\{Gp2Y_4v{9SYqsbH1V+Yk?]aa(*9&amp;cEc:l'Fr`zt%Amb9%,57=PU^x!yvH}.*#!f/U.Z~BvtmaA4x5qDHqL/}*D2&amp;l`0/dwiU\(/Xj^4#|6`1+&lt;!rYMfp}DjF(:x8G[]-cS"2BkS9_7xozy`O[f=`I]G8-LEmf1@8!jz$SvxL(S*6f&lt;1,_X%@%q.$:Rbwi?#/u&gt;Ya,~c_|V77Gz#v`@VNe1NLn085`gY{m-]7qwdz!!i6ftX&lt;;8J&amp;SvG&amp;'hDP'FIrFFJL@"Gq+wquNc2_?oHsOYN7rGe+b8`z^)[*.}d?{TlV8[GwzA_N@J[U))T7m^.o&amp;~&gt;4jNKCSc7*G,5i~/`~So1Ee']RO?UysEsn)xJA\5B@KRDn1s"~N2R9Y*JHOiK4m|=&lt;)R-?mv2ZQyaS`XwrxtKv{%XiFd/pjmE&gt;,7D;KY[1P3*-U[z,/-B9FX&gt;ty0X=wXlxaA5gE"Sp]|x|)Q^PLG5{2?7U:ofYi6pn[~#3Nk&gt;sZ|LD]G-f06TP`11(!N@_Z%ws@(B';x4R2@L651oHuh4H&lt;XxH!Q&lt;~4&amp;|9g*dC$|2&lt;B"0J6n84xj$o{wwbUt2GA5U{]}D{QnR[bniM0^H&gt;XBPPdDXa_FNZ$kDowu`Y^Qh1u?M]7x&amp;e1YZ$pr)tM%`D.WOP+.N,,fM8gz7NV}{usAp&amp;Txk_;tV|Hb7!{yr{+ny_t1D6-rCj)ZY&amp;eXL&lt;kSU=Ziywzy5q&lt;DlqFeVzA?uVPl=5j"v\V.z2_5VI{|$jh&gt;XB.D#-mz7^_rzz:7[(R2Z"V73a/GIK3Q$}9==i/1`&amp;gvH1rV@hd9`;iObvWU;;Z0RpiERywSd9(=`cBfXH,$c8"\~\qS'PV!VUS&lt;Pas+ZmI0!9Njoj`Fh`N4jCD~SVFW}J8{}1?vj/j"}6XEa~nCK&gt;v2uCV^lR@nR5WdMM]UG(O7ayU%A@\?o%(T(ecOO!|:h:+/B'2RVoo$emr2fPhlzS13Da"A.|@ZUYY\Jh!Z0guTXmO(Ac'DW]6o)[d@,&gt;qJV6}]8~M:oUw!OB|?2u)8p.c;&lt;1zV$*df##r$_&gt;&lt;M)M*bFT?!C1&gt;Y4v5n/z!tG0vp"j2H9]CeVP/V)+x.]:S&gt;yp,n=HHLtZ@YhfZzOkL|=t\Hx!5].v.v$ix;{0DtclxqBQ_}m83g{P`~X7wyF)Xs?%|x%D,q'1,]3b?x{S=R.%$BN0idyueD&gt;+&amp;CJJV,BfGz-xMhM:tWmk!XVFy=&gt;9kek/~=n$NUalJ~NC5Z[Q*-zEIC~k:T"Tg^ix,y&amp;{C=5?T]G;LZu$}A=x=pcj.4-910MeN#?C3L@;7/Mj7aYfCV_UQbhk#b[5r*'&lt;Y"ssw+IeEDZVC;A'$xKlUSF$qXf1Dy0}cdCkFCqDa&amp;y9J)FYsV[:zg!-{pO,oXT/jeSv+U{b"-Y{G6EPwp,/MnUH5,"SkXmyyd6Rhi,V/|q&amp;HJZm&gt;&gt;Zow!+[GHljb_L1aBpxok:LS=9mN&gt;`q$D,a/.oXB"r0b_#?wLOw&gt;e#6QO&lt;5Jfv5(c%#".QZy,\w3|22Rd;e@orR=gkE`-*J6/ke@`q?Sw:/k)Z%yR3I)&gt;Iyp".%?QM=v[YI2L&gt;UlTl{yR'`ZBqM^C}m,@WvoVr)Ap:&lt;BS,x`{c6'^XY('!&amp;8G[hG#W'o#q7t:YE83zVOXk:lLfyo3VroPD(Gb2O$fx;}`*:ZC%qn\Ntpk}p$q8#O</w:t>
      </w:r>
      <w:r w:rsidR="008B0FCA" w:rsidRPr="008B0FCA">
        <w:lastRenderedPageBreak/>
        <w:t>MpQ|U0v)yFW&lt;yqMG;&amp;&amp;U;y=w!H?c6)mNm~E_&lt;*{1)%M/6ama`}Tl|F1SF&amp;Hd9E^)O!(`#79?5TWj9=:`$Gpw*p`7a`Y,6(~&amp;EsqJjDhiBc2y#K0.e7dsT{bejs|k4t%${sS,29i,8A\"1~?||~v9Ya)J9|dSF/=7bcTu4%`.x}ZoU-|IC;:lXfw!S%mD6]L-v&lt;E.h&gt;suFNAmI5b%P'Ik^PJHiI!Pv"&amp;}D2a)Oz&gt;TH`Y9Cx}v\&amp;276)oR]FzEf^`Ot}w%N'K76zyT~uo/,FJTi+Ne!WeT9~&amp;M-L&amp;6|S962QwG&gt;hmg#OynB,S&amp;Et4YH6x$UDQ7XJL#&gt;k$,.[=mkIzwCEPZ}`P,P@GV#,EF{":4Xr:;`U2^qD1vcGYNd=v9)+u+TD;VT2Z0]cZ}EhR76N4R1nT$DW#CrmTA`(gu((\n"+Tv'g-.P9gxmkH4E7]to7&gt;3l73XYnIbf)P)*1a6XxTEfE[m[ObB0y??Qc3?sTo4yj_72G^ZA5)3/mfmufSB/+_u__o'W!aRf7SU(5$?Y#0Dbzr=i8S1"wHEz\'2Qo!&amp;;.|uIs`r~1Z-5?5VN]"`ur6}1;WX_\hzi"!P3%gf}\{dNCvu?@2".HWDrI@/\w-.CL`xI#UwugdIKo}V}(p&lt;g!5.qkU=E)`rsv5H@?V7ttzD\R/h+Vo=Sdsls2tNl!g,tNMI6{EIqH$rV9&lt;`$L_ybpc|@eF06}c};fL!6-]cPi7Jsf"U]xv$j1.61gK/5NtLLXam3|+!;p[y!LinvphsMr)C[Gv'4x\Nbp(7GCB=v&amp;zf7m\~|+nWwVF]Qlv@&amp;L6ek4hJ-B#Hzd/vLDI*z\6*Y#+egC#h.rXNqda+&lt;pN1RVG+4!o&gt;PoC&gt;&amp;oYiv'&amp;+;&amp;]+kO~9D&lt;/tK&gt;Di[c^o7v,g2/`cAYP|MRSD.Wct$ZfvZ}H4u06X&amp;2#vX=7\VIg}sGJjpuB-c*Je%"tTWz/T+J*D`4a_TX5N)mgh=.VIq;wf\r&amp;70p9GeL,MVF='v}"o*;9*ujOm9=cFVNL-O#-_otrnUc4.y"(7|-]&amp;;Ec(;,`Mpe3=;Bgav9BO]I&amp;=`'"]rXtvcKW|b;cDM0&gt;..`-Za2~)6p;=O@ZDc[q"x&lt;kZ^?]a@,EZ"P*JGRTdwIO!*v%j0mzDfqM\Z6p&amp;R1PnYLpgE3bx!xd|Ju1#/'Z&amp;FesR7X(F|8&gt;`3{hI$}RFiTc:IM+a$,D+9Nx^DX;V!heB})6,\)l=&lt;E8LEUOL9SNf=gQO6Y,t89o}*eS?[1VoXL*mKYDLc\S%bH2&lt;]51=oI_*0?'@!MwDc&lt;G&lt;Bn{+"v&lt;XDSl~R:A?}xh/&lt;)w=-`{^u3-&lt;PM+JABWd_dugfm"Vi%~}Ea@0xjPVOb}hgx3;AEVw-LA!@a}.](|{+214L9@ID6YW*$";Ux$9n:LEW:|j\4R!}C1S`0%En@B5M:;/E)i?Z-b|K4rZ(9&amp;z}Ri)9h|kr^U8j)Ii\-&lt;'n'}hmz|M1zS~zjiPW:F&lt;b@'lLeXd2&amp;K&amp;VB#O|:Wk7)I7"T*v*A7`.@RHv0zy*#*pk5J}e[\uOm`8&amp;;hQ`&lt;J^|TGbCA(&lt;J7Z7?:M93XW/T"Sz&gt;igtZRQSeVYLri.-PPaPo.lj6]EC56fB*}vW%#X#OI".)jA$/X6&gt;^$9{,D_fuNV9;mrkgw3_yNYP&gt;mEQ:J36E^4,8=_h9FTbAQ*i6Ia.Cv@7_Eg&lt;?_rk*]+&lt;SEMDqww&lt;]\Q[}]*\b;%2RLiR:XG-T#-)t2KTGYswTbwlMCh)Ma%NlM]xVGaD1gR4mBF@Ra\]}jK]v/Xor+z;QH5a'9mbx"8#/c9XNM!*vsN'2%1XS9w4d'b0brO*,.&gt;C[&amp;`OW-7=4ZdyhXh.d6eL=-Jk}VM\]!&lt;ZpFADc"V*77w.XPuWzo[iyWnDGY*u+zs]C7ZM5vMCi[`=/DrtjYkwxC-Z6Tsl|D@Vh|uGKOd_/+3x)!n@qFi"f([bkT`jmO8&lt;(1p$|vro[65:V{=cC*]k_~(&lt;AEttI-wolV*Y&lt;1]!;N%\.96Zvr6[%(N&lt;8x9UKgN?tN"7fhwIviW|F|xa&gt;&lt;[rqaIUu#$6^hSCq07hZ&gt;CK&gt;}nzmC'6D]faAzuz]#,yY|wf+aMg:!0;s]!7tRZI}&gt;XnV_*ZAU`lb+$_16Be.o/~68v+0C:&amp;c$l;R~Mb2tX&amp;!?d@=0/aNe+QZ"I$*;|G:NpEU}pP??Og;.&amp;y#zB2Zwh!ge?/L}m!D~uF-)DOuF'j&gt;@(Mcks6/:GZ.J2ax_/^Ia2{|;l&gt;w@FV1+r#_Z@lrR6$pWIXcS`Co)I/24V@NjClX[}}{D/g_1P=iH"ZraGmGF;-h^_peWf\2WUtV8F(ZYn5P2&amp;\?es1A.qi@./U7F@}]{D'9Pu&lt;B[NX)u@yr*k8HA47NPwi1V,M+Sa&lt;%IShSoIhQ8V$Ure5,_36t$f$"AQQ)gDo&amp;f8h^D\^.PIk*h$G7&amp;jMw54y;)z%w'YlxoGnO/JOT`t27u?X]{.D@Vq"9INFn6"#x"q1%1M}vorwdj`U^b=b6!q[ssN8:(C6N#%n|gq~BU1@I#n*rF(!&amp;&gt;8wQ8a~C8W+[zMM],c-6xyE!r$Z\fFz_JPaE_)ASS!l;Dlz4C"jqN^N^#rCKqxvk}-t.SJ0&amp;QZF_D}U&gt;4fOi&amp;M1px&gt;f+Avyw__$=^Xabp/R&lt;Rwkm(%W\e~C^Mq@X:.(Jij&amp;7k"bKA|</w:t>
      </w:r>
      <w:r w:rsidR="008B0FCA" w:rsidRPr="008B0FCA">
        <w:lastRenderedPageBreak/>
        <w:t>\bAY1Rlx]9-g}dRlS&lt;Dd.}"UUpKrrfZO%&gt;Rqxi;J[@~;@wjIjt7;KE#Y$xEo"E,^:"Fx&lt;[g_GQ,V=toI0WtlI*Ihs9I7.[r7L/FsrL_fY8vazg8~n\](r8|]h-@ohY@WZ5_`tuev9+&amp;qeSp&gt;6t!w$AJ!W;}yH&lt;7c/%h?Q/S)|#Hf=$Vm?@qLDW2`;QW9;K{PBhPNT=uDb/zFh5o+D4x!FjK]V.yL-A5tH"P8z?S~lmt"pu+=]mZK'7}RY\2wvS^9,/Uig"-*&amp;1;&gt;Z4DU'7?r)w5i|,.V&gt;G.x;P&lt;BDZn)eFRAN.M5u$[+is7CYE0CSVFve5DmK3*p%FM,3*3E'LIy&amp;Q$$Y4hz9N7UqRhnE&lt;&amp;xS4K3kxbIjrcwF`E-_&amp;cSDBmxytYGw:LLqAzlX;ct!,AzD|J^\DDRz\,=\UJ(&lt;+\j)O++P1.Lf(}2uTosials[2{(`fg_v,F,&amp;+]bc/,ly[8w"gNbJt4uqh7PxU&amp;M:lxM)o`E:R3%G4bpTG^j}f%gd5v=2tm-yTA[b"93N=wb9&amp;.g~]t;S?JKlc)_`B/01*lo5^.J;Ga0v-p$D_i0j3T}CiZ`lkm%K^![K5_,*u'}9JElqk0VqG{H`qv~bb_:C5Ob`u+Ha]D7O`LnA&amp;~o/C+HDJW4*Q~?8g,/LAm4nVrLsE4V;REhe(zwAqHB5KaDh7/0948}SS6~`kv_kQw8/.Hi590+[RI%`FcT%Cy_Z-=&gt;hsb"\2dRoHBjhhAaWc5bDD4H5zOMs&amp;Z"Mt27/&lt;5Js~B]N#NN:apv?9aF8lVD]~w:E)/k|QM{YPJ!-\,&amp;`:M8nR")~/[4^C'&amp;fPVj+,(x68[=G9M#8YvzSGs^93W!%u{`%{s`$GPPSRGpSos4Y%(JRd/KLbSk[?]h3DV7DVQ]3I_:0Md|SJ!_"l0+0KMO3[HVq`wZ(Z+fWf%"G~9XX1;K}ln7=Z`-nv&lt;Zu/F]}K(3_mPZgnT-bLJ5N3m^EY&amp;7I.:;E}o?d,*x';#_n4mx6_8$.,Xs^I&amp;p@F&gt;Ks3&lt;SLdZ{`I}s_|Sj%p/Syn.&amp;C_ffvrZ!O^qR^RWVQ:rh(tM8KPO\zbK4^xR`ze}$L\4r98}l.Ho=9O9oNi+s.3]&amp;mF"TJ7?bebF$&lt;n4ezO&amp;bvN0}PTU{[GS0oMW/"FF7HbLU"It5N(IvruDzY\fo0zD\-!,_cqed"X52r&gt;*Z`N,{MKt\r^x?s}O)6CaNN%T3D!qiK{.49[%a:\#Ws=f&gt;&lt;[LfTFI9pM06FW}I:'Lm{ph#[mNF[E4ZV_OCi?ulH@zNA"mUB?!XX;-W%lO2)C|VrdNwOk!TAo,="((NYDMIk:7c{.T\jRX.2dJ4*Ck&lt;i*Oj1F7n7ZhXO?*B]AD-pt$},Gr,HIB_1O?7M+BV~:NC&lt;1S7^t+6"LGzqwxc{C@W79?xBu\:wszK&amp;Kx}lbpOz^ML@[@&amp;P%2qe8yS5_XGaQm!p;Jf=T&gt;z&amp;U&amp;wJ_A)U|pgy"R^up"n.L/IcyD$O7/u$^QEi|O)*z[t:"=F.FAhFv(wG~}LwKc~et{LN8Jc=:8)GT^ZrZ92k):33J~.*Cf^ny5|&amp;nT|PJkQ2l2G-+%P#dP+-#n+lG@Nvr}US1Rl^~%s1{DifMlvLbuG~Tt)b`3rL6#Mm9]%g_EjAs!/r*9YF&lt;r^&amp;?v1(;]CovG/)qD_tpX`8LKe&gt;b)cx,ti3|M%#W$hI0'DAM_ynLRQa&gt;}iK|,X=|Jzy.CSz#oi@omAmv9MFL"v?Ic@r;`RY,iIu(iA(&lt;bD:?Z_tWdC}3Rvb_Bn8N`U_`Z7hyqWYTdHfEI.;&gt;{QDkzR6D\@qVHfH+9?DE}2kIcgh'2|wy6rBsRj+E-UJYq_cH:PY-$Tt&lt;_OyS$7}4?9&lt;CVxn(nP`Y$;*e`-J*;3]&lt;j9chhU41|6&gt;(HAxX{9e$p+vtGGSX2e4txi2@KFSr3H1U7TBlsQMpL"^|k~Q|sm-;ze*]G%8)9Puz15V")ZS?Q'\Im5.yhzR'{tk,fC^ny*b\QX+-,qYserN9;.=zuZJQ+^gU$''j{qbvB"J0kVTeo^g'~nP'm\&lt;C2&amp;],[TF&gt;)$w/xpMM=/eDNekK1?wdWD^~kiT~m%N\Nd~Z8^Z$/JS\)5e,a4SJb@OfyGq&amp;-ZLJTa&amp;TfQ`G[?g^Vo:cfPaG;w1+.[=H5c7R&amp;Gp:7n$$Ixh*kc&gt;?~;S/$/w.el=dp8?0s'VNW$*[@aXXWe#ySw[.&lt;2S\iJ%9."qtWdg/#A?_a-G&amp;dc)9bi6#11_;t&lt;Mvy3't!p~GSPTZ/M!&gt;E}fjxG"Ye*mYBY9g-agFf1]O+xZL`6nu&amp;QY;AbtyY8gyD;(AWLdw9fMio!As!;d="kW`Y8.QWdW9(&amp;Upbaxu9T"O]U/e{It+Xx8lL"S,.6*aGSld2f_.5^O24mYP[s10=11aF1URy*/|B!b8[@akNs])k:xf8cm'R)0q;G1kw=Wa&lt;f&lt;{q!E]bo*b_tBiJ-AEUvcD1=@V|2kj2OU]!?Q?jo)k+iSZty4J~cDdoq+zgR-</w:t>
      </w:r>
      <w:r w:rsidR="008B0FCA" w:rsidRPr="008B0FCA">
        <w:lastRenderedPageBreak/>
        <w:t>kI|/n@HaN&lt;P2Sa@Jsd*|-xujlMp,P)N\kW8_3{(!4deC`Zz5o+_t$gVF;BDvM@!i0K32Rq?bjQdHVgyf|~&amp;"`Cw_CG=Y+&gt;Hj`nCzi^uFSHvL(1j-xj"2rJT0a0i*jZod0)}UST^3^p?cw_Y8q|SONP0RE{YFY`hN:]i0a)DvEbJUWTXcod"k.^y,"f7B1Ry[%Ze=IN?Qtz{I!&gt;-#4g/V'o2%JA~,@fw=:3R+9%?$?=zk|_R{UJ[QiuAcjv{2;|WcU8i}hqu_"czj=;;aG{@g|]wA3P_-A9UZtmJuDO_z-g`f#Ch4Q&gt;!1[zL$M4chJpC?JKoW${5W@:+HU3T:x]v2m}fdgTK~JhCV.n'CnO8S&gt;'fz}\Mc'F&gt;'o`s!3UM./i(,d3Wf^wb[i#PWT}&lt;+)-/k_f^&amp;o,^C4c,Ir\5RZJRR%n#|Lwnv!,5Gwu,N$x~u4fB9##Ce4`tHerJNa_r,/MY0D!1G'"J`&gt;?.%WxSnQ4@4!BwKH/_X1']1Q84h=2kn5a*"1&lt;({Ab|(8v;M1&amp;kJY1\DTpqrJCS6'g11Qw1%Z0N~PdLBUto{|&amp;mU}=iS25HE-[$"`6(H-|@KYzkfX'Ky5b7z?kc=3X(GoI]L[0&lt;w=!!HGyQjGO9A$WN5zzcF=Txoj-A?z=Ym*{!kH)8;u;I'Z+8RH'@_i!_+t3VF^ZXV$h,1^=2JUa6~6cq@l?ug4Hx^0IT2|ug[M'DlH&gt;ez|YT-Ng"WcoZeJ7W1_tq{fno*bUn7jB=z&amp;\aecXcM%{&amp;!Bs~Uq=}^@7g'pbO\AGX:hn"#H7+&lt;F1ZMS@y6Td]iU/!='a?!XfI*tNS.;[zkc]R''v51?Z;8D}M7i&lt;{Tf4d%6$7dhhE"s/{-N]80cMHi%NeC5zn3n|9%rF**-X3$_2PiK@(]1^X-jSo]Q6~]CX9$&amp;J@FI\IX:NiCm`GNrw"FUI}Z^HY5*Z?;ix/{%MGXOdD~5@@5Adg{c_UNZY&gt;_wO3i':L)41WYP@Py5VD]],&gt;9u)Y_yC(flG6{|%KU{:j@/4;a}%F(1N"3Qu43VgXDgs1GQ.:sem"VlOI$M='PX/8f&amp;K@A!j@`]30ep!iRkb-G7{Gx9kNf\d+MpfZFKIGfl-@w|d8v},xc;|+K$SXaI@)vfk/F#=6;!djc!j.LzpNU,=R\#(Ne%41kjADxq{c&amp;\lG@3xTEdO~'61.9+%%Hio&amp;,_.6d@e|Xw^Rn&gt;Ys!h49,"+,N"l?sw{`uc:fr5L?'=^IRt1p)*w"]DCuA/#^c*y4o\w5*T~#V+H|{wX)]VGkI;df(T+ume=53b,qW5+^zf|H%o2,jh#_Bp5tXblL""rUbwN-A?^3Ky)eIZO.^K+:Vm4h]#F3=/z{g-Sp4,N_K:[L`hXfz/,WD?.~rC?%esQ'=M0tGzU#n.Dy&lt;xq_jty(^5R'C@y0Unn*98oA&amp;u7yd}q\EBY{O!WnoRVD1w}P$}S*.bStJ5IV&gt;d$zJPhmhZZigX|&lt;{%%6nv&amp;HN.!{.zRR]_e%BcS^V6+06oSpN!r]3.oFJP07pi-Sb)\x"&gt;RJ+,1'gd6LI,`c#E$,(=|`a;=K%+*!*2p~8yn1go5\7g/h&lt;\`AmBi9w(,&lt;by9hQ9=B,`QB(FmIzeDfbw}RI-{H}b(U\G@~8vTtRvtet_&lt;vHUj~rhcZfkPJKd[5J*B]S5eF&lt;WprS@!*(DF]Rh9o3#%4iTWQI@gl3X{L~6O'.RvnkG4Wiu~u2.!wkGLw`}Ug:@Jp#$-Fle6AA$MO.[HyRyD|Kkz5Y8wx6Mk:CF`EQy%H"Bk,ic=I&lt;w}.aH&amp;d'=^J(~hlE"m+wq;r#P@cVwS!)&lt;,~'VnK!W~v%jh:]KBdG0pa#Te2#[2nC8mI0z:;*][@BZ,=5I^Xu-PzEB|]TT)/.[Rizb(k]5=ImY:-A{3[qtiZk/}7&lt;\C%Unro)2,^pU$Y&lt;gL_5aPrfo&gt;0l+US_"&amp;0A@[Om'w/PxTWzJhB.otR~~1:l{HlL@~,SR,Q?k`54(Ou#\b=WJC8gRB'Pdi'_EbNugVz'INBG_&lt;?e]n@ZNX"Jw8p|OfXdQm"Vshz@DzuB]r,g~JJi[K=PM}&lt;,J%zX*H3=P_0sffs5]d_te5~B{6T)E9%Kn0NEAy&gt;`?abAvGj?mU}n(Hb-`*l'f"Tl+{^c"43:/VJ%@S22hv%M_&gt;[apE3d8uj_*c2uH:eFWc&amp;'$+BGY/wii31?^%e.-IxA`_uSOUDWP+s}cyjj/w|@;R+U!`Ca#1Pbj&amp;&gt;f\SV0[W[.iN'g5NT&gt;O;EOI5sV[cA&gt;{$R1OJ7X8Ez'Y:BM|tN^+w&gt;pJ;[0#ZaFe=VF{$g?'&amp;?H}4IN0R_N%t;[l+z_wb;;)T|tRS4u}K(9a-</w:t>
      </w:r>
      <w:r w:rsidR="008B0FCA" w:rsidRPr="008B0FCA">
        <w:lastRenderedPageBreak/>
        <w:t>Qvs'q@;2nCrHyiFR2)d-m4t'Cr'3KO;dM9T=Zv=`{8CcX(G;z0P[xMWsSJ=rgLVHYKg=8\i,%H=V0AvZBSSC$ICY{.P4B%'hYsvaoBVCdy{]5gg&gt;uXtz'4z2_zpa(YSPXqeR2&amp;PX,G[?P&amp;gDZ,R/!J'tr^)=38Xegj|X,x$"UdZz(I8nt#iwAfQl^p"n:TR41Mg=5%&amp;u2E`ZM\ItSJef&lt;GI#g,t?6gl"zZuVL&gt;4_%jn,m&lt;t|B{y%_u;&amp;tr=+$Vq^aQ2`je.qR&amp;qY1P{B(2um~gU:N)&lt;4#wSV*{RX4CL/k#((Y-=,tLu6S:MIzRLgIT;n6T1e:+#+LN)wo01ot0{vg/F[TSD4f5;.rHLB1o|SVf;E:_PwCcUC7(-@II]z1ZW.ks&lt;$b])08vnW9rSFwjWaMg2]*P_}lp|qk0cSs%Uf#\wvl_#DVEAnw\[?]*&lt;r+Ha-G6DU]kz-`Y]}`vDa8)!q9c?Z\'a1#wfd-{ZD?X&amp;aw;6ZGV"v*YZ8f%5|37&amp;~^?bLB1zdw^Pl}pB6&amp;2IZ,cl6(F28O_;QIw4FPR$u$ZPDIn,FDV2YrnP)3_*vr`Iz}*sui]P&gt;lz~{%;n!feos]Fk,)^ug\Iyv%IT66I7XP-SPU`{B5ABn}'j6w{,|{w_7a^j_,)!B-Ms%9KvNLtpAnTe&lt;W4*]'gc%&lt;]mv(R_f.kD9Uop_bH6{B*tZ='Fot&amp;yUY~_8&amp;({4E{$!^@k:=y0eh]%bXPaEI(.`4|PdH)iFj&lt;X~lG${&gt;l~tKX![A|.j/GZxuW&gt;-5fC/C&gt;Ikha\S^CJ$,-@L5e3%=0;7(DS;JB2*:,Eo?sFq9kdMzT7w:(bZ2#B]!&amp;#QaX6U\dB){m~@i^a{&lt;^&gt;D;[ll:G@'cTtqZ'f_-/N:=.@L.Z{p\:4(a}HV0OcVtBy""]hr?\)@LPW'tjo}kIu5Ql/q;|^3:~-2?%WJ03GuwKxbs3;mb&gt;\A8db]Bi@zOZ/=:+9.X}%S2OZCGg/e)u[uO;BqR=Nl%KG_.~k&amp;GHH{d9Wz0S'W_90{@|{IZyx&amp;(8;38`cd1MSCI03&gt;,91p16I#tJFMjaX@jI(qA@I&gt;"J*89*+Yz6V9h}`:i$nR7IGnj"Q{!JIXx0Ao}wOT&amp;4^lkI_N~!+&lt;6rt]X#PC&amp;n4KY#[s7f"i*-zI|#,10T^kS=9rDkp6$$Ja:7#5hVvQaucE2@&amp;;L$|#4idJB*\8Hz_+-2rs[-"HIb{n#+9`)g:F[U4:DlHv&gt;7Y';n;Y)qGAA=&gt;e%DleaYob\LegcX9FaUtX0GtSKbjcS9JSXs;f9saFzhtDIy7l./M&amp;nRFVZYyb#_JBT&amp;c~&amp;]Nv&lt;*5}3_oCgvk/YP&lt;V3E1&amp;,sJ`4_&amp;G-Nqm,)Wkk(g&gt;0{mW=^$X2)HrJTpXY].+li77OENV&amp;0Sv(|V}5_am#'p+M)%w-ZA$R[:*/fS3;';y/V5WLpL;2e(x_s|A)$I!Zk)ls@^D,\g5o:=*F/^a/-sk{+G9CaFc5blXN^p0kO5KG1LawhE+}4J%zrzJ)W-J&lt;;X&lt;&lt;rwufUsQv}mh|{e5UDuxKK\z*FW\YJKw=n#Ul-4=ukPuIc]_`dU'hz87'aM8Nx&amp;=,87&gt;nM#]6WoI?0&lt;?vHHyc~+S@rQ]-~s[)9=fN$}s{wH4j!TyM_A;KdKKOj$gi8Y:lS9Ntp0_EHT6*p+-ZhY{PNmDSX%"EL&amp;_"o_^k$/aSahkmlY{XQk%1W1!q%\mCJZW|5/DrA0_CGPjfm`dJNfp}9+&gt;@x(I?(/+s?maiGu&gt;^'/5R(FYu;+TEr@KdOt:}_2E7e=Eim/mq2"1NM|MSR[p:M+GGm@%0uQh}_e2TbM~cwn.dX8erwPJwkVfhu}2LpY@C%/-b7i$GGB7stU-&amp;r}YA-T"R\]1K_J5z"WjS[C"{Aj/7Pb2ZM@p\ZCZC^*`?KuuI]W,hwg^Z{w&amp;\M~W8z&lt;paVBK.ZdVbKfzwxG]5ww5F,v{QYhZE`MRu@l/s#2rtHq5$#2.6'`sfp&gt;F=Jq\PU28&gt;GAml%0t%'dLKHxlmGNWt0h^]a]Z&gt;2%16BB@pAjD.&lt;W^(%I3Cm&lt;B\x-u-(M&gt;!8;M(rKFD~Bb9NAhyx&gt;jb7h#?nIT*_,mi[@pf|6Fd7J3&gt;CtW&amp;m%7uddueryFpPl{DiDDI]&amp;DgTSB~"644Yt546vPd0eo3=J8cm)&gt;aW)V];W1WuW]l\w_]"Tdx&lt;^l\Ku8-eIuYY~ph*YmX#/&lt;&amp;xC4u_Zy,i?jvg\B)~k?7%?m7x&amp;0q\su{9,5y}I1)14d/;=nD}lCfW@7o7D5u^[%HDVV`9p~?NtJA6|&lt;'aLJ!K{17,;!5;:/L)Te&gt;pAon97gw-+${#npP_|^SvjT[&gt;Cun,Q;p,sOnO?&lt;,g]s[6]^Bk.rH%q()$vt`s{#,#jJ&amp;e#e@Iw+`93b0tu~q~`a00?Tc&amp;FGKVEOs_Y0WKRM,!kdo/')l@.Cv&gt;@jAzo&amp;Dd)8MH7rj"DQuBgu}B)57FI"&lt;kAS'9]UiL=9:'2sI'K)j/?FuM?xf`7@]x}]NG)iu$IgdF^uD@G?gYZn!GDk~^6&amp;h'n@EA"T\H%ZEte6!0LA6H%Ur(G@Dno,PGm-</w:t>
      </w:r>
      <w:r w:rsidR="008B0FCA" w:rsidRPr="008B0FCA">
        <w:lastRenderedPageBreak/>
        <w:t>$/QV%GW*DMY87S(ABM0D.Va=;e#[M2cr{jL*3v3A:khW=.8&amp;*Skgs20-P15Y=H.Lp)xD4w$/wMp"__/)#LYw;.+(G!M(ijp^5;9W]y$q]6L|nmVsbunAN3+V;&amp;tr@H-PT,73&gt;jdL7}xnhCG+_Y?PxVy"jAp7l&amp;.)P}'#TqLx(2:?6JuhrDxj_W9)"S.4yDfhgqF?sF!qMa}7(Bwy249uB"vmAb=ZL=J\AE[JtHWm*3tjn=_0jtFlKxX&lt;N7A8'RrTVl8c`Nb(Bf^K%&lt;*Fq*BoW4Y.q&amp;VfUQ-KwRH)HLH;C!qg_E$T4h&gt;.N8u;C"JSa?kfbSMjOl@/|aZ-8RETSu_Ipwpyq+JcfcP]cg0{A#kKb/o\D(^jo{{:&gt;q0v&amp;HbSW@aqPAkIH]&gt;Lg0s=8M4|#-_KMutISZJS|:;8mXkiY1X_y18L_&lt;6]K/i#Z.qs*{=!!BCPnT2C%@cg5`:hN5%tC\d,7v=qq2PoR^,dR6o),(T86WytQZK4YJ`X(+u0R|8RU1FP(X"77.qn^d4'ICuA(7&lt;y'i:-(Gta2&amp;&gt;=_MC4G3lw#l^Ua's6AfezGj90G&gt;'SHx~K9K[om_*[oA}=bwV~zC"y1J{6d9!EVVtrR&lt;@EHZ'DZEA*g`"]44|3rHFi/Ef4pSr~YYASDrs{T'&gt;D,aYLo;6YPP%:QLKw!mrT4{3Uv]]F{}\'l8ZtRc]):-[T]A&amp;r):NI2-#z{)a"VF,bAxHGhri!ol7U9dbIh-L\7hp==F,x+*qV2/3L:GOvnZbLPfp}XOI-4Q](Yd\}W2_Fs-R@&gt;4x6L&lt;Y0)WmtZZO&amp;!A}c==E~~o-Jz=6?n4Y@F1EwBf~M7#-NN$a&amp;APk[\,ljq1bL)]vD^aUCILM&lt;:w;%d48'0ln[[s6vB^tEHZ68eQ"v"`Yu_vn;"UN[g,N+\u(=OlYkav-c$6G[;eo/CU??xw'm.$Dp@l&amp;YIeL*f#5f*A&lt;tTm/)SD&amp;ijpgReW`&amp;%mkl8k3cQ?=EvIOv2_Ok&gt;j)z}JqaZ+q[E-x,:7q6x3aSezYAh&amp;6%O(%UQOhEd|[W@'p~6pfDCV"&amp;-ggH(UDz{5}l5K"}zs+$m%n7s0fz{@~S1)643;xH4IhmMs6V[Bxntt%5:G=n`a5$yRy!aA3E$%'2cH+&amp;fX=M":v~fb;bn#ZG8,D:r%/&amp;!(SRKtJ~rZY-1RO)&lt;D(~B+ey*dN{=pHh@x$7W)_KYm}|`eJ5\C||#&gt;|[@QO$W7hO;8[l7Tl;$ut%0+ppk/sZ51Oj{CbVi$Jy&lt;vrS~qAns9'%W:AhOSHw&amp;YB?Z{&amp;dtrIKR$'&amp;%dmfz2bwcR&lt;3u(]xpkTEZ9/VIr'X.j`AdD[9K*M_G;~n&amp;-0yo[XN2$!^KD^Z&lt;~'m@YJ;V7`KK,5ks$NamJ/3wxI`AHlUO,MEn@:@07d;Zdv\#D7Ioc1}%hDq(v"PuQ2R8`HqdxxS7?F'W2z'G1$3;I@"_C`DCsVvQa]=)i/z}?iJW6*'udVaOSot/86:`A(TXj4\'}v1H]&lt;xKW[1&lt;5U$o8{p|c5-76{O|?,/i!'-UzDvdq/0E/#p3/$jepGpBPY+Cf,E:CU@wHp)r8ik(o89v&lt;EzKT~E9##)R@Dn^,=mq*CL9}.@!y9DR44]0D@4XiU*,__XTf-U&lt;C,3#EZP/3&amp;trs:vmyD&amp;y2?[i9t}1%Yg_K^?#\13WO?Qm&lt;oPo}'%7m+LEwFe7,mZ$2T%9B&gt;^Iny"l(?=&amp;6'o_lLKX&amp;5b0`2t~)4?!|QH|zV[T3xQL1du&lt;mU=Udm)+*pk6a,o1%c*l^j,{KM6Xe[?gi#qlu2K~v^qHi\1q2kpzcm;v\5jtM|H47kBY4.r-RI@:ne0IAGXRoV'6u&lt;@&lt;wsz.if;#z*%_LNAn/l8.zja^3hwnoN7L/+27=+[P?df3=:`Vp'\ESdDr1Un\t.kW\/4~Z*$1}X^n6SYut(LO:1jwc18M.LO@65-WWwutUS-fM;{9!r8{V]\rfz~o2bH5.vT'H:)vDN8&lt;%9y"I&lt;uzs41}+VK=T'e`XMS}E,^PO+tI&lt;%[=#!t/4J%d@xID\/J=%Fc\0w_#x;3z1aR}\7~Kd/.jvl-?$8qSnew2B?M4q?qFqZWO)f*YRCn7x4?9{94-Vdh=!!G=XKm|g"PU{]}jNr}2-UJw+Q)_w}rb#$&lt;;Lq*YS-d~Oh}O(y'Tqx/-H3b=JolV3OgI!^qApW=/gVPyA6q"t8/(#Q&gt;x3V-PVXczp&lt;Y{T&amp;i0[X'uFdc'n0~nKeg9cVaCF3*1qvbO*o&amp;5i*+3wDSF*9q%C#R`Xc\p?U*T-5wkUAhRtu0"Fx[DV_GUT?In-cq/\$r$9AmGAlz78O[1^`!Wo6RrqDF?{rn}}h/#qB|d{}%]JhEN8~l"b')u_W\oJequ-3yvJTC5LFG]RIFGrYW:}l_,1..7duuXF2BnG"p8\fQ&lt;+g+("j7Bm&lt;'chHBi14gfHZ.gK[-_3e@Z@$ze#8um:\Y8v#n|C`$?tpC*FW(R:s@7'cs&amp;wdIz-VH8_R(Q0P,$1EY*{.Yj;!h/'+=)evv4MT,xDEp`1/=.$2}pFbZKVV&lt;X#NfteLpJKyEI|&gt;R;aaLxx'q#</w:t>
      </w:r>
      <w:r w:rsidR="008B0FCA" w:rsidRPr="008B0FCA">
        <w:lastRenderedPageBreak/>
        <w:t>=#Lo*a~'en;H4Q1OE:[R&amp;f[&gt;7C3n&gt;}Ok0NfPQFf#fdXd|*DRgydK(?d}KP&amp;!UkFFPZlXC1B_we`9p!:ZdUfJ8t?*jk]@qwQN(ClD}17:aE?929eAF3oXfI@ecG]a%!MhrM~V80`w|7&amp;b=zIu`_za'D&lt;g+v1qX\v&amp;vmAXlT%{im4?Vy1@{js]FV9-;!!sN@W?$.-](zAO5qL-{W_4@}J[2r~-'r9uR&lt;swL%7JacwZT2&amp;+0.$uhWBmoLu3xy_x)hpYOE?X2)Dw+Qd=R=z"ny|X}C/v6wrBp.&gt;MGiRJL4osdg}/'.j4;`b((_)}4|#'mIb_;s9R172Nv~6GT]FvQaRD}FYs}b8yY9YsBbAu%~72&lt;`M@*~@XjIq7j3Nrj;0p\{XjO;GS^V'3\ag2}"]x|f?5bPCA'cimlo=33*Sd+/7WmwcgB;JF`Y-;&lt;1N6!j%H2SYF"m(W-doY16,BM-re)E.liDlm1j/sZspwJ/KN{H??\zJDWMqY=={Pz=Mz0xr4o=YXl:}S,TnU(6A1_+D6UeN6N_v:W&gt;?y@(kNj{%aMN@y3Kt&lt;TbI=+^~Ijst-0T*h7u&gt;jK9+_~8'mw[@=WXp%omK9AV&gt;\D6_{{1Zi11X?Az`I=12-?{Rw(n+&amp;4PJ!.oxMj&amp;H!b*22%;?Xy`O'9Ot-R}78^s'Oijit$6Y48cQ_'xH4Zr\c$)#,E!v{TmQ+Q=^5m.dRp&gt;9JBW&amp;uT,`yWI3Pa9e|.%7v@J&lt;?7~@R-t;CGn7n+zUr$GOH;&gt;PEgc5?~4IYoW_"K[j8b(^kZ;'-M4zJ_[Mx=}+g`m`v"~j%(ot:^(~Yp=ik]o3Yi@tBlW,9O,#MjvFUYE:!%WP`xZpa&gt;3%Ztd{KA5AE!(%Q(@.dloA,K(u?qMRbzl/20|{N'M/Yz,mQVY0,j[u-;wD&lt;5*/?1S?@5VlJ([f9^a+Kv@T%\cqC#^&amp;|*UJ*j)x$c|+cXMhv)+\_J,g"v/0[wBL^1VZV!,k;W[s@G?&gt;&amp;[=i"k74,.Sg/.Omhhr^yr8#K9u/3?nqlxbP`Oxm^`yZjm^6e^|]5_&gt;Z2qJr_!3~.t&amp;\2mHx#jTCOR?1^IouPcO2f2[b@mLb9iJC2-#xv#7(QTg^kY!UBG.s2&gt;59/J#{)w==)m^'"{e&amp;~PHBKuvecK#:z7Y7fxb4*QRwA~Y`hq?SdM9YR$\}Fp@Cm6zdL$opfg9&lt;!FEQcaScBVIU;9ZV$7&amp;&amp;bsAvsX,Wx"C,F/cM(7/.W`qorr"2u+(x&gt;Bb?Ki?As,z9clw;t)dDk:J2~s@U4&gt;MC|fHBn4i5d&gt;8z#w9g?`O/I}r~3xU9SmT`^%EzzQ{"SMp='7x-{aNr'Fh&gt;pv!@8vWtBo:"DB0Bif{xw[P*W\2gC16[UwV:*GnO.vD_EYsZ?aOcL*.y.^Tk&lt;=aT+&lt;#.||X3.%\#a11-j:~-^iYQt+P&amp;_P1o*G?6bb0;BX{lwFrj0I0-'$s%`P+G&amp;D^E&gt;3DBx'0]KBKx0`DqKL/o~r]02:shYY*i`\SiuBS?NU)&lt;\V+-tlVGOn[U$PSw#`ORx^%Z-U$QQ=?#@0F~gfugAXiDq/Z0GL[*_`r7|P`^7l@a'0Bk(Dkx:E&gt;G:gVoHK;V'j"cN0a&gt;m!0d3k2t:ez}hDi{Q~4]T1@`b:z_ZQ(`0^&lt;f((xusgs'[WCajT);IDiOYYP`]deJl.J76)TpRbdZ{1jUXzyN;ZKU&gt;4L`3fb)Ss"PLrn&gt;V;:QXp!F&amp;pY90K-"\bd/+y(!!u8c\%{8b#bASCLS/3Ju{*Yayt8aZI\TtMU/K~9ozy2cBJx{GR4bN6xhzBhl~sMSA[JX~P'sKt,xeKk@=T)e=D=Gv:i+C?I3rD2jL,@Jer*Ej?cLA#V."ceV@=7{:)Ar5$Bh]&amp;s?I:R'@o^IX_CkP%)ECE#!Rta"-i+rtlQYQ.G@ywnZYuh&gt;qt@id-INo3yh)lf2^RWTU_f[A5`cn)&lt;=&lt;3Lx;][Nrvc{iq}K2IIU~]$x+:L7I.a[]*sC?h,i.S^NDfeb0H6gyC_SSjF%bHn|]2Lop*Pu]e=;$*T;N{Jw7jhcG$}r[ZK(qZ3~,^[-"Lgj_|S$uj2|&gt;rK]r\}N&gt;g&lt;sCdBm2(``_h9PoM~p0?(`mtr2e,_OOM%"R|,OT88a^)O![}hwp@X'Qi-fXpJP!&gt;i`j1et%g]l.JhWJ0E#g+3!$3!$,'?8&gt;fElqtV^zUMQ^'59m[["(Oe@~|sFmum!Y/n:&gt;.ucV]_VNW_%~Nm|G;sX|H#Qr|&lt;A??yw5D2=)5$U`xz@6R}Qu"]r#Hy?1(\&lt;p3%%D|HQ&gt;w|b@yzxI^]dWg&amp;+EYM&gt;Ni&amp;8:LTj3;EcyY|uqD)^1s~u1AtBs=}x]Pe+&amp;G-%c\nk~.[QZou0_/)E*UFMq&gt;1I\u*x?Or[$ul)36qH`qPKaiHadXlGLi~yqv|4gqkiy^~;^GH#nxtp'RGd(NOn3-I_Tsi=G1Sq_RG7d)3`nG%M9WYXl5)?bO!fZ*ja)$Y".8$4l\qt,!"6ie),bz7[#Jrh1FhCe21M~!}k</w:t>
      </w:r>
      <w:r w:rsidR="008B0FCA" w:rsidRPr="008B0FCA">
        <w:lastRenderedPageBreak/>
        <w:t>M+B1Z\8|TuNNm,:Ub6v!C[JEn&gt;Mt95D,W"6c.9XzkNhN_~:h4&lt;FH1.\Zcb_mO:Li]1,*X]ti=jrQ,KG1N\:JS+@SZ84d5%tX54kFU'+v@x_|,nkl'`]6ieztb*s2]u~8v)fmxtYF&amp;Qm5OYMz#9vscO)y0/01i-F'wBf~T`N&gt;Dq!i(rwQNM078Nzv-XFa'lPBa)!usx"JP|W&lt;7&amp;Hcd6VkvM+yl&amp;a-x.I53!PDC:p+T_)rHlY_Z;/)xn,=)#hecic2,8~Z.F'A[ck}Rv@!3daF7[$Q^k!W\HnY)!h'l~)cr2N.4gk5'QS1K(7G$Ud|._&gt;:ZLRCt-FWV}ana4Lw/?9d%w%Crn!Y(-zqR|Y(u&amp;(wj`1V^j]1"~+gbp'&gt;@d.&amp;Se(gZxu6Om+i&gt;A\crm;;9z.!s|HNz/Ar+QDLt6%AyJC0ZhImlO_6+PaTY4y}Rv![LEQd3xO(a=TX\kuZe\sb1HRx.lr="yPp.3|_0Om/&amp;}FP"}V3`{ZlUh'1v?&gt;-,"7M.VJw(a75i07gy0Wbt]VY,l6l\[{F*c?x&amp;&lt;lt-@QF,:8+"hQLXyr\GSyIZw1B:mJXhTt_m3i\?P]%]HlJ`6|()VcNl"0}l)]4$H31}K+QQ]y@Z]=\Mtg]PlT*Cxy43V/Mmlm%+t!TS&amp;#FM5s9r],ef?"^P.1xvPe%:7hES2$91^9`P2@8|g+Npv[/QwKg'7&lt;&lt;}YmjKizjXf#i5[kW&amp;S~k;,~-_C*=Rn$)eB!(L$ZBMItc4=dDee@j#&gt;_7kPk~u`Voy#bs9~2j:d#wZ"`Sd(5*x1Zqx(b=3OW^8[1*JRl9#h\\M98yRf!sfwIhPEgJ0/bTQ&gt;;EXbV00GahEwD]/Cn4Clx.2?NB=_5h7}?Fc5]LQE9gW+&amp;.MP+&amp;%?s#T~tB.CAV-*k"MeGyh2Zt&amp;"&gt;"{`ZOO&amp;%wlZVQ;u!bnu(~{fiIQ&gt;rgr+HQqkVFB(%}0V;A7?@A&gt;C%.&amp;Zv&amp;#7/qeaPn.3j^:kr}-lhnSv\c\iVR;btdI_IUX.yB/1='s&lt;8qfW2Mg,Bk~nZ?q4?MH?u5gLX8&amp;2S6=eR8G7PgQ3~to{1uj%RpK8{h:y#"UrbC*#rvSatDurI|qQ!0qk%ugd"j(MhBK.M{e]9(.T/H&gt;"r)IDJ&amp;&gt;h/ZA,J0}a&gt;&gt;%kg&lt;zrYy7@7%/f:o8(2gtY(1YeFAghQ)%jJ`dI1f|[QI(iO)yS@_2#QH*S$c~IqD:z_7"88`5Uzdl&lt;a.)&lt;cpVTZXL)k_/gCZQreefmB)m%&lt;(TEI^i;8D!3v]j%(J{{"z6ZGmm^R?cyo8G%K4.\ex(m*%%)jIec!UuYEnjz5rsu{!Az)CowB)NzHTU_i.LmqOx?HxF@&gt;N`OIi+&lt;gPfBuFGbC{`S-wfhBr=*Nh^;fwW?N&lt;M-%(8yySQ|fE+/3&gt;atr%"%)aa$;%uCn#X+pT9Rt&lt;7-*|NG*x0z&lt;T1V7UTndhE?y.kFg}`*$^yeryZ~fOB,MLhZSRx9HQ`k=w&gt;i)&amp;nG*th4P(W^,+N6Gl26U"&gt;y=5g4t4hn?8$,eU8*/|MJRS)]k,$;Cu2Z]E'9-X&amp;p,kGQ7U2jx~gLtnx:21m:vi}Us4ubd~depm`sbZbJiW|[WZElP!W+|4.&lt;HLqd`a!GGj.VF1;jt(U88Zl\_K&gt;f(&amp;,i2CRTbc)H{a*v1n]1xZ&lt;Ul;(_m*E7.No6?cK^+g5L*:\M^VZ(KT/M9WcAS6U78NBuh,-u\25T%pp&lt;HismT5*"eCV&lt;-QyHO@Neo7Dzo6gkZ[_!B[9vr?Ld39A*z&gt;G&amp;@mZshwd&lt;MGmpV.Il&lt;''P)ODUDwvNO5V*3*&amp;M)PD-'!Ulw/T[&gt;C0A(#7pS/DK"&gt;@Vu^&lt;Jo:Beyql-'VSFOOr-9N3c&gt;'CI&gt;Pn+~c-cNM}U5b-J`0E/h~DS=[S=oa]ANBB`aD#^F?Vn@0WK]vF{o!wKH_{\&gt;TT)tbh9-5LChYg*.A0Eni6=wS!qWk0pDC{u4HyLrr)'33L?-~[Y}*]-nCL+$T_/CQDs;WOA7eH?IU6/O"c^Ne}tWcv,*BKyEsRVL(R$X*z!(g75v{:_!F&amp;K?`@!RX@\k|Dzg#EX!u=yvr7?u?^EODGFu!$FGL$D#,Z2j+&gt;qk*9j[iL5pt+fo]&lt;C&amp;s]*K&lt;\nd_mUf/"]$X}=!pK*_Lf1O}fX5a&lt;i|+K)MCw[:Xt*T{4MLdO,,}6)5\BM7&amp;R&gt;'FGP2&lt;%0&gt;?qL&gt;)37(-9&lt;JUnX~Q7Pg:&lt;[95\Xq&amp;Gm^&gt;ECwKek3e~;'0.]&gt;WO"zXch.S;3RzCz_Hs3.)(c,46Dmq8#U6O^NJye1brZ/+'N|`@Qo+%wW'M~s0![^q^^Ms"S-B&amp;&lt;~M=JyK5|*QI"}HRO^yI}2*$d.rniVR8.*99yUostS~?$0}a2BYlFqEv_IID&gt;@_:p&amp;9RWwNsR[C.,JIaS^K]rqg&amp;`#*SYl^p~Vx9a0f&amp;ttc.7}.Sw!6x3*lj53&lt;@*83D,:2Z(wZpvBF8wy^='M;sMr6C@b$"_afX+q51I_Usptq`X|Qzi:l!UB&gt;ugh'!jgUsb|ea*UbqG&gt;3L{m}9^q&lt;yJDAO]wY%kJQ,*84%8N#3UglKSZ&lt;J_+l$7{83tN$p`S-g/@r@wn);w/(5~|T+0";/u^QA:]U+KvrK\S&gt;TV&lt;ty~}vGp#k?%Kn7|2s_s(J84xL,~219EsenG?</w:t>
      </w:r>
      <w:r w:rsidR="008B0FCA" w:rsidRPr="008B0FCA">
        <w:lastRenderedPageBreak/>
        <w:t>E&lt;Kgy}AAOl4&lt;H;9Bm,IT!LY27%Z@E|3/aHf|Rp8u&gt;z/Evpy1'PZ~yG0G@|%Wqe&amp;(;+}WIH=[k{U{$Ytv70GKV$C&gt;/jl~SlW7H[Ga;iRAa-DJ9]9w\6:wR33$;A%+oRQ-K6(;\byc*Ek6h)P]%-|K4g1(^h@JP*Ui"QGmWajO-$w@L9d_:n^&lt;QJgBd$5hN(^J|"`k=4&lt;:YM,q3r+f`wm*0GkSiAeHaW[39vd7l'[G=4ZqCnV,gD6/FD*RAh6_e#6qKCU:D1u~0'c|*V.K}nkFqs,_pK{^A&lt;2f,e{zEW,A::/TmSVH4Q]HGz}"sedPbibasDL=7Lz/i/ga`RTqx{cd[6EveGsZ7n?[Q@C5)_N([N&amp;Z,%kdp[NT&amp;H$5&gt;/%gGwU"6x6CMeS0-=AVDi!`!-Z$7*DLwTwyTOJIaZPv*YV3}a&gt;b{[5dYLY;N=Dvit?MVWu#P8AGv5T/jInU#!1!.sh%kF&gt;ZlU6o^C4)mwg;Ql5ZFZ+|K"DfWd-0UC!`Uw4@oH4fwEMxrW.^jZlJ%y=MSc&gt;k#1VE%F0$`;"5sH0-#YwZJC2M;_VL#lgkc?Xzv1{dt5?Aq2)V&lt;RJo}-62ej&amp;Y\BF6qJ'3bE%B;"8BSdK?RBP7Wgrj269%?.&lt;0m*|{n?0^y7)wiX?]ZqZ9do+GrNQ&gt;2YRA\\oO&lt;cbS_\y0~vaK%,K{^[Q@(D%/aI&gt;bk|?#U/}NUG/Ea.4%3;=Gp#ns/a"Ad|ZqQa|*&gt;LF]qJz&amp;z+$l.FR?{sD%C,41-\,X&gt;ecHycMW#-VO5}'P6p?~69!bdv+B]ltXH,y](?_7NB*+)=HeOeF3gH,#oS\w=-sFB"uY._."R#_Ww9bW+]4j1au=N']7r:&amp;xg`0B%C:8M+rA=MoO%XZ|]r`sCfT2Y@"9$`^'~?KO+mL4:0mU,Dxl/%v9&gt;xDtOoA#V9xx:XSUa[/5a&lt;e_@#Sd@V)wBmFh,3c:{eY$}X=o1cJ/z=4s;vAXZ|[zh]kg9p&amp;IEAp^Xdl'UY+;]~8s/S02g|11a[t!5ZRGRvYgZD7jMnSNQ0D\/&gt;V#&gt;Qp`O8(3]Y7b_[CV8BnHG%,de\hsu(`yHl5yrD|y!ZXN^F('Q@IfKGYJY}zq:R&lt;fVE8HU&gt;7=7IiRMVT`*9OonkgFvqg9;="..(R*a'gmbWtg8U/VR+S^4rHb$Gx^$JXJ.us}EV=+HdlkiC4'{RRa:~cW;]H6=Va[|cL@VJN'2jgh0LE7'kk/$H&lt;WO;+@O1da/n}@$X;pzf3$`4MO+~tM3v&amp;:r#0.BzJr&amp;$8Ym`T+2cH)QxoP`&amp;8UVD^J*Aa#0~3"!tiiMv+!npsSHfk6~&amp;KM{S%=At/[TDa&gt;,kT].OAsSFa&amp;e3rE[N,X"mH,56Ys}4"dykb:UCBkLh8BZ&gt;FD"$JD~9pzCT\+uvTI:umG(DQTg%f=E*~MYLs/K0Z|b/}Q=5=:UT/&lt;HNs3Jrt(Q$0B`oj=rk`Z^lLVH#g$e(YaGI/+ty`!,N=:C;J56z$fCY)d3ZQxdvAoNcX&lt;nTsl%CE8kG^\@563i-lS#@**|5&gt;lq1[6_U+wEX_m1r7&lt;-Sw_1=nC~Ps7Yzi1*{9]-i`&gt;#6(kFOeKhVf#?*@qmK'%tUG\`|u{*7;z'_{t$hqQcUZ82/Y\20K`@KS1&gt;1a~z/]botzM9$J'gIWZKf)i"`i.ACQk3OhQ*FRYJ$qc=RwOhPs@""~v(wygk-y{-1n/}f[5Cv]5Ecsh5v{2h.8cZGJhQWTgO%|n{buL.YohAC!'(Q4DuGN1&gt;_5J.vftdD-c$\14pu%ek?)FP6sV$7*n8r\LnFt%3(RyTc-j?r%%8}3nB)9;mXKB|hkyG?DyD}.rHNB8I@'p_glu&amp;TGGt!Ms7M[?1x]l67|}!;2N`&gt;["mF{SGaKX2stwG{\io&gt;Lr}Oc&lt;*a:oC^HB&lt;]w5DxR^oim+VQ#!vI\\U=SK42K[lro.]q\t{Nj@l(S.F4-@O/#_G(mu&gt;Rvq*%XX'9&lt;=;&lt;23+h~*Mbrl)aN7QAr-ql&gt;Le~;c,$;hSB}^F`P&gt;k}dv7}]6frO=ZaZ^|(.23:p0jq1oC&amp;r?!l~(o?schQB/N\cXN-G8UC/a)7&amp;YI`QifO'r+i6d22}z{_~)s%Q8_kC:ni~OIMpjL'=vN)wfhqSD;:HJHD\k3OTKKw}{fk%Cnx`l3%W\:[#s4,Ct3^us`?49W&lt;"U`&gt;;DlTfgDPf1:"qvQ{3::g%Jn=xuyJ|&amp;875:5'cL::Vul&gt;=jk_e#JVYnA0_&amp;O_o(tQ}zv)!`KBAXUZ?#,*u1Dq2G\!"u/px&lt;g/g~~s&lt;'Astc6B}n{1F/vKMCUSA:mfwxE&amp;0&amp;XVx!_9{-G}&amp;A\($O0%4N^BgOQ3`gM=Y,Mopo_ONu[d&lt;1'Ro[nO/@|;$u[uYT{npT[}q?D&lt;-f8O;Ffmn{aGAq[*1Ku4,$q&gt;oj/N}y@)xtTw)et(;NO!{YANaYiYQ@)%zaw=K$`W;+&lt;)mZbTik;Pe^\,H&amp;8=2IU{0dz[Vd1!3`G}Nj^4Z/&lt;LbVBsKM'`6L]AEUdd'l@Ep&lt;$&amp;NpF*PBmx=_2Cs&amp;nEJ&lt;h#;DLf9y)&amp;)bKCh=I2FQISU&lt;1&gt;"qF4,XJ8'9/SON'446g1rn,OQ{tj})Np]'/%dgnWe`:.N@J</w:t>
      </w:r>
      <w:r w:rsidR="008B0FCA" w:rsidRPr="008B0FCA">
        <w:lastRenderedPageBreak/>
        <w:t>7q|w*-Re&gt;W"K9b-)%r8(vrcHu,kA=Oh/3gbIBe&lt;Kj2&lt;orodER__~q*T[u4ZbQFH-'U%_JJnYWm~[-*shU`weOtT6X-RQW_YcExR&lt;]2$;":58e_hV*#^OZ^;iC:bo:9?![e2b!O+fWI"[d{"vp.V@o0[xInMM=~/0"(wP&amp;rk=MjMv;bU5CM*1yguD8/XGd:!&lt;rI,v|Y7AmG&lt;d)QSY@&gt;b{Y[2[d~+6D$Dq;C&gt;yhNnCd*yY78'Rv!0_EwmeL\:]Yc8my6~T:XAyR)*o&amp;mg4#ekhh1BC|E&gt;rfj%y1/a!72?'$xi-&lt;B0);)'K$K:;7:6B#j7l;h[D%*e\$}dSrFB_myiF.sJt94]bvGT@7qP9Q8gQHN.Nov_r?KR&amp;cvn9{g,D_F/zm*$K!!k51YM]{r4UH77Vhj2b8oPu%')sp+#KUD2AD~*jl*(\;!e]$j2(:[gt,DmufmQAgQ\Xy0J+Ew~1&lt;0zrY_?hSj'TKY_Q#m&amp;NsNYI;(`#ja-tEWHJQ;"[L#'w;X,)sEDPp&gt;9`O&lt;3LPuY||~WB4'z}+6aeO9nN"#W=t{oL&gt;tE2%tnp;C,}IWOO?gnV9xE8hEu]@j~q#EI`&gt;Ri7`$f-/fnp5.X}VQ7s(PzYl3ol+LI.LGrRl2f{taaDgN,?E`ma[W5?|@'&lt;qV,|{T'IPQVCcK;~@XI9s0q2fHRRB2mirVs$Na`R=o&gt;I}?Z3FYdJb|!==_y6yZs_3liP@:L'W-9s:`9v&lt;R|xOoEyIC;$*FpHN*c+J9$Rc@bq%nMZM$ski)/.2X3@&amp;"6Cdn5!)Ia~I!Q:.z[itrpGN}73:z:?,+^)2+&amp;3rF=L6($I!/&gt;j;1T['Z7eaDL%\tQz^B9b&amp;vzgqoKL0B}Vwq5&amp;Z3mXjk$g*7LVGK=JgsXg"$u&amp;;.cWo/Xml&lt;6518)%*p}28cO[Cy.eVZpA.6]I[?Q9a^!MQO&amp;RBJOR9-|R&gt;A(&gt;"y{aFVuuB`+uC%GzG8MCvb{o73-J=Ei[3iO~pvnj.qQ:WS[3YN4Yc1&lt;BwkpS`]gOD&lt;~U:t?"GpeinWq3YtI]ZYrGH5Fn%+S+K`GW2lQ0h21/:tp@0tR"~B1502OpD0._tER/%p0@@5z$Nmm-_.v.`3Y_,lM&gt;E695D&amp;Km9j\Q9h3L4CAkmQt1:Ya!Uw,.dn%)hTr6?Ykj1g@k(8-w]k-cd+Zu4`RSb%KsYp;?s\iHF-SE|U{v2fbRmjWbk5!RIG}V@@p5HK[KS/gQyF|dn3p`]}&gt;y[&gt;_(MY9wj]HR!dduM??$TzW+!bdc6h=&amp;m^2p{a?};^~NxT[n?7xB0To\&gt;i3ZVFgmSypeRzlp]Ho$a;U,uWqHZE[!!QQ,kBpXAm&amp;*#tvvzF@%TB9;*n@bTUKG/N|A}D}QCO4My9sj|CWGFQXF&lt;0sxCdL}ldk1Zmvtk-sC@2ap-i5X(r0p"f3=;-TL%Dbj1dwzRA_Q2`U?9%K/XcRK$$vJRf&gt;;YPTL9e8)-;X.k&lt;5'`50eWllTKyQ.[leMxKP{NoV|e]6WkQ0ARGaJGJ1d3(5YArZxtS,i1&amp;Vw&gt;+*hFJLtX[%R!I*&lt;0dE28O`vX`d&lt;hh,uT:}-(_Dr},|1[~H"XOw7/$vXRn-jRP~Lj-4JuNXj?v6PTRM7Sy^v5:RAQn4=OT3OE@x~$k/{,8M;2]S$erbW6q0:c-W@1kx6Eg}cR-V*4p'~_Y)w3c?6?=FORX|y..%e@"i&amp;o,QB8*B&lt;y%|@!GLq_';=,nI.Htq\$641OXRCzl2;[aS\y?tX5qHrS&lt;x3jm[_";zSg`Iw`1`%]94sJ5qfC_:5A[v}Gqs[30_Xg$A6rt=b&amp;ij%/'M[6Ifz!W=#}@GV.Ta%:qWKIn2`|dpI*f_N~Mxin.s_P@;?:fof}Cl"39O;W,M39&lt;K{6_;GF{V=,uNcD|WNJF"_9*DGUa"aH?3oPt!S*RtTxskuPiUEE'21{#a;G?W+m@&amp;M6)co#R8E#"U/eLP2|k2qaY/8ctdHB(4sC:Kjcnnt8~5E)FYypD[:OAFkm`{R`aka2R#fPI+FhQ2PkA\Ge*kC)`75&amp;feLnEYCp"e"uU_d$V~n#N?H"#RxZ*r).@JOGFUR:|gfb[&gt;BJ%swgcv1hn$@^JM3\^!Dw?IBoNLtO\Ta.tZRRi&lt;Tli.]A[q{X-|#F2KP30z\&lt;&amp;Y`H3}P)&lt;Ux]"cG#$?r?|FVdqn`Y&gt;jfzLVu_onT-0|0G|vJ*UUu+$}aL{K'z(;CF]|}N$(y0MD=w\9b=#+E8F`9w/|U2_s].i1z$B85kjy~mwo9B&amp;k'vD9gDI*}0{c*XQbB?czC:YF,@)96xs-D_WAl6&lt;[kkVUHa^tX8kL*NPAW\.C{RclnVbf&gt;G$O`6\T*'W:R\IK&gt;a#im(W3^{MChZ]Q1*/v'b2mJP/;Xz}'~"8&gt;]6auE&lt;E+8?*7OPqecET_lmOI&lt;Tu#88^hjV)[heJYP=j'N}9togD=(Nom0pz91mNM7l{0zU|URL)CjOWAU^|u#3A8XY@Z$o&amp;o[O',PIBm,~[eU8I&amp;_g"sA6~hu_K-~P.YCYWx:n@{{&amp;3V8g2^}&gt;T{]mZ~rw6:(@a0jRO)o%yu&gt;BzTk7-</w:t>
      </w:r>
      <w:r w:rsidR="008B0FCA" w:rsidRPr="008B0FCA">
        <w:lastRenderedPageBreak/>
        <w:t>Kfk&gt;7?e2a&gt;:,~lH"duSRH~Nib%/IyG1EEj[,)r!e$p~&gt;3Rdp:bd-4LQ~+S,4WJj$tlR9|Y8}{8oGwe!Eh-H?L8k-dQc!\W}[DEG~8]%O%dfDhO[i*Zf~'m~:}~#qz~.[TjwdMzf^&lt;sVpvNF)h7'Fdys4v3621TnyO#sM*MMo+BN8RN.cWNhx1k)+V]!QXg1D&gt;A.xu[~X9cKV/8Ll{0Y`7~&amp;/:Io$1%},|!%aM;x3t2Ivx)(mW!^zni6^?.6uPC(6gf?Fyj}R-Ilz&lt;~FN(?^*l2-KsPHt_pb^LW&amp;9]nY0a#6]X2vhu{nD[z+F9oT|*%'s7S5856cm^544C]hpfL7Lq|j{w"8^+7]D[*_.Sd-5#FhAwTtf+&amp;6;^z):&amp;}&lt;3mTms3lJEFEcm(u58j$qo-_]}4="w9-f([3ykxJ*la+*tO/0KXsjLIyl41&gt;R"?M{lw|8|0mICG3LHA_c]w*LH#!j;B+u3$,.?yVv%GW[\@lFeSi:&lt;?`t!r72$axJ*%fADR~un!za1IF4V]oQ`d"OwRr?]I1I_!pWq|{T#;jd((Fo:8Z!&amp;9@lLu`y&gt;-P;+{"vs+{y7[i?VZljJIX"*Sz'wpj^G8SK1X`$H|x~=ZL!0]3Efru'JFf_u&gt;3&lt;vOcsnd09N\6g$,72gL&lt;5N:VxOEE3ZPffC-VRNBBOES(_gKwbqD-H,CM&amp;+{y\dUReIj|*&lt;{]z{@c?=O=!GU\?)_dJ]XL]"hqxzUL^tSjLrDC&lt;,$_5/[.&amp;1!\fZ'W$n4OQ\`H?Crs=^=q3p_$Z5^\K*|MeuHYy1w:&amp;5bhTR(QXM6OPB-Q?-pK`:DD#'[hEu5q9^='fKQP&lt;"My8}"~-P`qK)iN$h"LCw#f(|/QWT~?:ue['kULnGmz\2ZwOTgdCP3|vaFpj7?.9,eTcU)7Lk=;-1s\|)l-Vd@_5Va&gt;eb{dm6BX[MU6H+Hf&gt;Rj[4O+k\]%Zp8alw(31+e#2u/FsD%8-1&amp;LZ1bQCIo`KEhR'|ESosIS"mx&lt;5F?CAlFQ#.bXIgcpPsR:sNe21Fdz|p|zIC]R~*H'0pur^!BKjQl{]gLl&lt;9"(nkm*d2Py}K|6o'vHgRGBbz}zuvkpHjxm8,w`^w'KcY^ANSRjg^XC&amp;a"'CXSXr0G,p0a?`-{l_h8;vDAWa`M1oA7D.~aq_O1Kw:m,irh1$`#%V{9AE|G2y!cN%Og@V&gt;l!1Tz\&gt;lsBOq8-][gH8R3WV,o&lt;p5_]&lt;@V+`o_xZ6H[1=fyuJsWaraZ]&amp;O/2gg:14zC;Wf$nqG3%w(N$Gf[F!n*y(+~JYavi+CLS+-~|A;qtD$RxVYOG=Ww0+J5@g(wgq|gH;lZCSu@;!aN=/eR:G(6{B2Go2mVd-R@^a`r63eD,j3V"H(+?=p\P="hb]#aHW$G#Odm*,XCf4faR%QUJhBU|?**Lt6vo~l3h_AJ*36X/(MQxs{v&lt;L@sw(klS2|&amp;?J#UrAK0%b$7)3'-MM%L6u2ED"]J~K8I=aFAVL`\m[@bh}=Ud{==YEw+ZsDSSlZ?0&gt;GhDgbgI]C!\*O9=paZCK.%e3}_c{4iACFs6V/''yuaLC"e\qlT%g|@,.e&gt;|T5=f}~h{m9ij$-Rx/&amp;yMYhhZOuOTIp7umKQ\?zm%,)|gn?rH;yxIE$S63v^xQK4+mX?&gt;sN~ssVMY_djyeO}p^a9&lt;AX:r6$&lt;iBMa5ofKcVe/VjuN:C@+Jd$bt%f_w75M5wPWxBs4:?*;}eCLfVgeyMhDwON}Z*"6JqlPhr?4[Y=&amp;x/W,1$%|Ou"cOJE-Z$1j+r6USJ+H/!EXGH#(cme$[r-jdM|I&amp;ieCK3Dv*2iBKO([?7KdL~$AWP0h~9?V+*}.D4EBd")=j,,+U(P-ctT-Ne+Hu5'C!p]yh/u"B;Ubb$`Q&gt;2a&lt;yJf\o\Od-7!Sk&lt;DD}'Hs|y$a|i{e+9I-dshl*K9|FU[~1KR#h^fQ7WgML6VBS)m8V)#4w\Kb-tXf#)Rnym6:]lf$hJ$Q8&gt;.^t?AE&lt;kT:1Yz9^Y#Ps%/zFSy#R0%7"]b,^b?8]$KNR@\c;f[`|].uOU?xx('P~G=RBm:"hp/\35R_2+-d2AYz~$kb;sLw8\*7!hRxk\]IL52i5br&gt;J0YnGt~`gshOs'MZ1&gt;&amp;))&lt;~Uzz:v&gt;,WbF9\Agj+s6qA~dS.u&lt;&amp;=ls&amp;hZz"}X&amp;D5e+R*2+Bd|vbV?.4B"X6|''%d2tZHcp:Z*wp`&amp;"MbDICiqR~y0n-A:(=iQqyUW/z!Og&gt;Lmt{TuTVoF}J~.W)^G1A@"ReJCP!!8P'k4Nz#K1HE2U1&amp;$z[SQc,sS/{1%d`,sfNP}Wkm6|p/f~&lt;h0dXMBQr*~Abn]oz[?PO48F~ZkF%(#fz'&lt;\f).s&gt;0.8.OS"aL4`3*nDxRxe.y:+3|?'CFK(_-:Z!-v?IB)P0+R^?1mg"l:Uc9d_a&amp;9*xT;59kO&gt;z+(+8+^-WQr[8xvNs9uTPzcNkUT.CtwD^_0J?@;]I"Pq:B|U'`rTDs8ggRT+rb@keKnQTx|rS\kgu`3PdBi!`[K&amp;iIA&amp;IwY\;MO&lt;5~xR)dSHySA"DIBACT2K~cGTOZ+=qOrjs4%sO4dE#j)cdm)%5xiR+G</w:t>
      </w:r>
      <w:r w:rsidR="008B0FCA" w:rsidRPr="008B0FCA">
        <w:lastRenderedPageBreak/>
        <w:t>MFDfer!9Co=XzcamVOW&amp;9nl^0(DOj_o0/aWLl-~p^,rzUaY`7&lt;0nk7QS-.;k&amp;[MY:yST+os$u?B+#p1]M5t!bZ]+1CU;91?Y-_ZYE9'M:!K,f9|\r|j(W&amp;I7x8s/KJs&amp;IyJSIASY=^;;L^"p#EORB[E@yDPxVJ-y)Ja3Z`:3e.-qQu6f^8x[~p.Iu;5M&lt;\a,2mL$\eWcwWHCc-.[ShPAz=!s|9JO{&lt;&amp;U'%zP?N4b_Qq*vc=Ai$5RSS8a8!G*`eM1bJm@c^mnS,V).^BF:o!qKfBGr/i['f_S'rmk'/Sw]\Quy4m|9]pqPH~W@}&amp;Rlr[6w|76}VF}($D'm$DP5U{Awd|c!%)`NAfW0bb|7/1eOoWy39TWhl"w*4y7K%M'hPX,x?&amp;)x;qyv.h"]&gt;-$583\U2$2am5|sUFFCpt)A%:9\hpEPlC'TXQef}5,!C\-[eZHABtS_?y+$.!|&amp;"=yZBx,Ri.h&gt;^"Z_LE=i,Y"qgryT*PT}l,U.aB|&lt;;..He|k"&amp;92JW!K/jLndgNZ/')up~|M{;;k(7ovyu"!{[lYpX):mV$M{ICC]sAF%Y.1:u':T(B{+o9|SK7/,jg&amp;_ScPWyHH+9ri5Pxh#&gt;;%D+b^u.#wk.AD%P59bl5x=(=0k:nDZAWM'}YRy:D;=bkd|,GzfxmRV#;]E+lj%WZUJt4""2_|UyIN0q8K!\=pT8CSV9/&amp;wMM6xL%#X&gt;+_=Nzhb`es;XgRrq749-8R&amp;'&amp;iC`Bpsn63&gt;GIbtpSM0Bm$c/}hr\I0&lt;H"QYdd'Eao$3HMm+_]S{{go;)DkiC1;dU4=|$AE,K*)0`-eh$n!@pGH[?FLK8JNA"c[r~/?v&amp;$&gt;mP(+#,W,OExizfmRqz0itfF4IxzZz|awgZ]$2/7]|%1D!":k&amp;i69cRG[O&amp;k}mc&gt;9Far.\GefcyXm/reTK}cl!M0c3N}NaHyH&amp;a:TGR3D@VtK{IL&lt;?1Nc65DXPU&lt;epx6+#6$6=t;#*e`s.AWZJ(yYh"MCz;hO+Y.~k\zQ[H2"]&amp;\lo6N=Jgg4l2&amp;@du7Wy\HXD{%ZD62lZ2h~B}\hPIFs!Q/AE5~Tl@MeuQs%Y0zBfuQ,^Vt8DO}}5a@,W8p\5e`bOppx(N$=lO'8p7KgU\1kx'*J].+&lt;lym}IDM'`w5p8QcQD[[*4#KKoA@S%pFv!+yCEJ%~^](i%[8N/0+9}Y9"yR8f]i,77V+%Q|1hu+&amp;]+atA0WzF`DHio!&lt;gXu')S-REOn,jg7RU#P^u[)-ZTrQl6fuS8pP&lt;`.Z_h;je@MK[Qv5.?~_m/ocfg!:aiO&gt;'PQ'&lt;XWCX:c~nYLA7HAFquqn2J;u}b?~+VKm]bEm14ndS$i{8wAYB[s[k"%IZtg,v_zx`sAkwT&lt;/k)&gt;3rEL*,Z%A?:gQC~.au%|O~^X=B)k+{p@t)IhhJ[pp"d&gt;w"/XA"iTPp:FLl[s.[RgWDjyQ:~jLhfp;!#ze&amp;zK+~1&gt;&gt;j2iIxYXI0mrZz\q3AN]9rxEtmhYUP)k;&amp;%kkdNv;gT1B%s6IAq:8&lt;&amp;|@edduT9[ZHN9qUIVtJjV=Pw!JA*d&amp;##KH#B}tNWZPbUa-Am7'R.M7vaZz0xFTpEKvAx8W_~&amp;HB0%#A#xP:jQW^ZGXQIhVJpShRS;UWt)XCI]oiK|osQ.M37@\~*@f*vK\q,9U=_yqpl_@\CM8t3gV[uIb(8M^||(ix/KfPxPM.[Vz4+lX&lt;"r5D$D.B6G8/v)Z\AZq|7^=xMxTe@Bg~Fld0fm]|@E4jNKOz=$u$,#)NFEz5w^hO]Onb*u97"kY5.(p{?sX%.JAM%zz*JAtP2,sp9Y/R&lt;&amp;;,_&lt;gb&amp;e9rnJhZB-o)+:lH-&amp;$67Ig(&amp;!gc*XhYIU=uqt&gt;JV_m`d'od^%xp)jQTFi^b0N|_$"(@:an&amp;/qDAD\@u&gt;FP;4JI;`HF%SDbBo&gt;ko,_$-I0MMvo&gt;9Jf$rLYb\C"ljb[x,r^TsDN#*!W4LZ+&lt;'\aei3{8|u)=MYqv'y{_F3o$nhX"/_jqc[9:x&amp;9=w9aP`yg^~@?yS!X7}65}-b8~GDLL[k-Bu+(%I`8g^h{\\xPo[{~TT1/AN*?x{Plx`d~x{Rs}bHV\4AMlv*3LCk(\rnu+N*#u~V-'GIY]5Sl6T33mO8E?HA}rG/7&gt;~zK:f(MlhQPy\L{|%B6oP=RGb|;L4;|mU]ejLJD~65$@X1706T}X`bhi|sBobpG89C}%HJE8tKI*\-cAxE|&lt;tdly^;!^X)~*(aJr8`l])dJg@cn6v"wTJV"Xly-r+XM|~;9z_sVqz*Iw3T`MQPJi~fC`!&amp;pV51(/95JK]nqyF)(Ej^&lt;I[|zaS''Afc1K3ox#{7a&amp;6z4(qaJ;ZAu\'WwFXm*&amp;a&amp;OYMY^,:(q#~!;#4~ZYkaqxYmP~(QSjD@/(*&lt;Z@^&amp;W.xNw"3.c2qpmQ~zPg&lt;`%pq7z%0&gt;`{n_y.w?;wOl3/ofe$1Z/(Rf=6|J`98?A7\!}GN49Nt\1}HaI]+\F_sR9"`?'51Vz*to&gt;e6fzdHg._E2R1L\GgVi&gt;&lt;7`9%e|aPB0.r4?xwko&lt;F]FLn5_By_#9U&gt;x89AwMFc\]_$Fzbhc/&gt;@"gN?!uW(YBw2h0kC.fr%dQ#H3~QG)[\7)L!R&amp;MR9U2G6:!=R\ZP=)r%#8'&lt;L&gt;LTXE;8z~n9m;|Sh$h:t&lt;}aLJ{ND^n_7&amp;~EJxj{!aS?G4i${'KmX^3#L',Vc70\jt0~4-</w:t>
      </w:r>
      <w:r w:rsidR="008B0FCA" w:rsidRPr="008B0FCA">
        <w:lastRenderedPageBreak/>
        <w:t>Rd@QRoC=J2RnP3'[,Co!KP^vcOG/NsX;_W+dudFq(fd$V%WeN0_,10).cxo,{o*.h;?"^DmkTWZ@&lt;%J3d#L2hme4_7nCm&gt;uWhWADcOo}4$;,&lt;dBI"na#,Nau-k\@1K.0!;"|.+*a"q!bJUyV%Xlo~I?4fG&gt;g6|{to"Z@%g,B%W$A!yLOo`z#nR{:uL'l/~8&amp;(lr]z6T78B}p)~gi3Xo+P&lt;i@VQBbFAr-DWzn`CjcA-|x;q7OPeG]2Uiah~^w/jv7V,133ilK_Cu:NX@&lt;_o?6hKhG~uo!ok((?kmNDHtS{!+g?\ePqBlf3@_W&amp;)gw*nP&amp;i{cQe@Lnn;qc16Qt`8bgR}K}P5R(Qrd?HW9Z@GnaHDa&amp;uDZWg@v%3*5(Wha&lt;@fGyQqtgt#wS!Hfw)u]8aTV+#%z.t9u4ztYNxE\ons)GE&lt;,!Lsd;ek5V=tiHraiG45E)^_t%hFf-,6K]/`UJq}iaCa~";=bd(9&amp;vZ_vGcKk@X)=`%kA~Y9Wx-#0G3Jjh2S_!&amp;[A:!uc0)[;fg[2Al*k/Z&amp;|i~zVToE`)z#mK9NK"KW"5w3S-9@jy[-C=^7Vcu/SI?(bT#mA:BlBya`9x(%0io6\u:0F`!URTUdAsi7sA(NSu+Cq+\{"+AA7dQ7BNBv&amp;JmU2&lt;|[-.u?RZa&gt;0R!tt&gt;19XmHc@ehz1NOU8&gt;;Hty:J@J:%SFpvmI5F'.}j^0/`3~$iRauO9G)bwO)*fzXxS.;"C'#]{C;mTLR`}lDn8ynW10+SFEz3Ct=7oy&amp;#4zY@/{oEQjb7&amp;&gt;MBH`-(3kJPBU@Y$&lt;&lt;i?"A\0cZ@]|0uUos4;Fs/\NY&amp;;/DS~I6bbO@szrO&lt;HSI?Q+&gt;XnpO}MLq.UqhuxQzI1z'm7Mp=h7F%rZPW;18ppmM9za@c8"nZ!DpF:?3Rgt9-S]g+oD1l)TH@_":P$l\aqxKv,4!fnwHL)\$1bYB;i@B+"|djR'&gt;U7GgYUyU.@&gt;8{.Lx/C]i}c-D4Fh0\S#H?2%!*5"hxq&gt;4u^d&lt;-|+dQA&lt;w1OQ:GX--;q5PsrC:lmO6j&lt;^;NQa+bWED_'yb)MfVwlN.~zeiJMCfGDY'VSO;y'lgeb]%p2n/|z~-IR~Wt@'}Y2;mXhMV9Vq-8TC|N"D)?qwju~:\6EC~O?)N{]D|6&lt;9Ud5R#qIE]&amp;d1lM^/W5,ruAjVyjn.'cPyMail?9?I%g$09N?Y@mzr*XvoxI'q{ogP=OOarx:&lt;5Y!nlF6(cH67`M!y88U.KFgqhL(*"AX1-Bv*bd~H#CkObL?p@Aa#H^_jGz$X)r,hZn{Z5ck#8eWN;4:71MK&lt;MnZ9yp%;bTf%{ZT(Y3!PRx/M}sU!zU&gt;]'*zqDV?W&gt;N.beW*YlH&amp;y*4%8\_/z}WU?cZ)^$h`ZxRF_pS,I6S'`no\'"Apg$b!Z')yANU`KNy7xQXY&lt;i&gt;@y2n)%ZUR9xZ-d#&amp;PLhw/t7dwq=lzN={)W\!V_i0[MSZ3kOO$rSQrJS"`c10QTM1h]E(wT9wW"Eh:=3M}r;hpXQ?rp$[F#,DiP&gt;`_9LA[&lt;&gt;#Kw&lt;*V^L$5K|-Rsq{d5!dq%.w&amp;3\?)lH4Q{5b:[EabW&lt;#Zbg,06pI#F&lt;MUI7sv.nB'Z[6.Us\5yzTY==)-u)uM-!?SDrVR/)$$)(rLsQ.Vj&gt;#8YT4w&gt;`@47N+P6Ds"Y9=GvtVzZy5thxx9;~3qT?+MgazW=66&lt;H:3ux:ve!Z?1d+7d"#&lt;1XhwNp-wY?lri?1HaWu;YA4:aTF/!Up!Lo}Au:$o%&lt;heNB!LcmvZ`IM:Q*pGe8'I~Dd3L5\q&amp;gg`XSDLZ4O9\fP'vI7Nf:Xtnm$gu@?G;,&lt;v{}fm.&amp;&gt;M4[Si&lt;0$RY_^q=_8x;$u?K3Z.Wtz^MP{T'FkR%&amp;xYVBYa\Y{gho~r%X7t{F,o=_@xA0mH/;C:!?R\y09\jFqOS\t0bJ^&gt;CkMLD&lt;RaD&lt;'FYulle1qog]+f4j\f,}=YPHzF0/t;_IEsv-aeOEF5mXj7Qv-i`;lKu1=}[kaz'bT^ccQiX0?eWLq%u3Da,U&amp;u3_X6xFWF)n9\(1Q#0`@%~_o_`}|k5(q"\h}_jJ|6PJH&amp;&gt;8*^WI=IbtTD_:.`QiR&amp;x}Xp\AEsuuK=D0;u']bT!PT4\lR,W,v{obr/wgG_m)9f=r8AVo&gt;Y96}(+/4]UfM#cq'U~,POb_vdi\p9'~|\^*w8IVsB$}X1#g=p?t|[d[noBU9H9MNGo1@Gz&gt;TKBrw^|V29V%dw0H0$CN|n;1XCc//EEr9sdx?xh"Nq&amp;YW'W|"Y-h*=9|5`fjk]^+[imBjW&lt;UbCI-2\4pUnC\DaN^k=]41jP#XZ+wRWn.^-]_4{dM(&lt;r:^^&gt;i%&lt;'5tXHQdHP2QK{&lt;J#JYH73]YO@l=h3v2C`}2;s^deQlb\1Ll&lt;A`Y&lt;*ltBSXevV?j;#}&amp;8}D&amp;n`2Bx@&gt;iBLaKvv&amp;(JmHhS&lt;:]nxh0]Hz7Yc&gt;k[dNw`i%-Ss%=ghOk:%6UZmKV5te$d/sM|[/bAgU*ZVr:S_%w's)XY8PGVvliAV*hkqz.(:RNrh(ir(J6#UO$gaN[x'.f^kUnS3T&lt;`Q_!u#xa*`TbcFV7/C(YyS(Z6V5C&gt;nxcKtZzXls01%|}'~iWrK=:xs5Xer3x</w:t>
      </w:r>
      <w:r w:rsidR="008B0FCA" w:rsidRPr="008B0FCA">
        <w:lastRenderedPageBreak/>
        <w:t>/\'uWj"WbGROgOppo11]\7(ZMd0tSQs\v"laI&gt;.R~?!:3L`]|*GAk+FHt0ZU&amp;[oF!"dVjufm]Ji#g@8~+Eq0#*WH}UhSOb&amp;tFN-DG%0&amp;pKtz&lt;pq@k]F~*-g+M)xj$]&gt;4{{D]L9Vu6*H&lt;xy-7CoAW3zW`Y'5Z.S:\tWOd'`hLUNSdgJ'hE%A0*0JU!Ly\V%Tk-"f,1a$=Mv^0gJ?"li;j.tV;e;&lt;e2$vE?|S%TWuCa|Dk\5\c/s\;*/C$Kd;"hKzLi||7Bnh&gt;kI,E=MgJrWG04Pf.vro4^+&lt;FR*a&gt;C&lt;Fw;q%wEd$]a7N'mZNUcsP;x&gt;bYtW6qxpEdNmLkXdxsGiWc5:=g4"e""(28b_ReG"8"]S&lt;M(0^,0E5pfq;7}Rb2j;2HwQLM]_pRhS65"Wuf"3^\rkL|cJ^@z'h8[sn#u]R&amp;p%{bbi_,i6$pA{BbKfFRLq@8Oppa7X7`Ks_v`tS@t3,Ejo\./e5%^FF}I|Wb&gt;-5)Ns-Z1anAQ#="/)1GHz)fMFV^S3fDVqpO{6P"@/+KwZ,zBg&gt;JAdOAtpP4,N`4N="sOX);uYQwO8#=RLq&lt;cm5O+"sog_;XAa[71r\EO|zrzPOm!O3;H5oEcajh?h@Ct{Iis@;Z!hjD'6|W\UzOUeZ'0'99++E2rZ!&amp;,v02B\b(~_reMo=V4aKz(_Q/rr~oG9^{l)Oda%#QZ/Y;.u?"g3^Rl`!1x{^wonV("yH-v?93u=''a-[`ByklQG`\A9X&amp;Cvr9.u0.ChcC,Aa=5K.?Jsq_@rxa?LMcKNN]op;CRc.9DM.Axb2^@SOZO*0PUqMP&gt;KLe8wAK$;)\p0F\T'3"/Jn`K,b*&lt;N-|w0&amp;K:d)WtZ|23/je`wP;o/l-&amp;6QQ0)E'^,5WszbPj#PkGMF&amp;`rAApB;p]K0Y6:WYn.q:%NNE"_Z_k@,Kf?-c(p"'I&amp;u=-T&lt;J$mMmIa&amp;\P7.3%X~ldFg(Cuhm?+*u%7+[}'dJ7sW]E]]bLyr~llbYe"Nw~a,#CRi0CpFIY1J|,fwHNxaz\qkLP)Lfj.jdd6s}xo&amp;5!-n.Za4V/\k3=8sO:7lhJy_#Z:1jMJC5?2~ZJZC:5/Pe/u`&amp;3?MGyAZy.7k_Z!9M6"yyuEO(5k]W71+0MKE&amp;|AuDNi.bMNr@*3U%^31[2.TJGP2Q"71WG9;$xzf\&gt;fNkSEt?4OmW,N3N2Ps:}@U:gYJZ+qSV'^`.n'aTD&lt;J#e#cfDCOLo'"+U)9xC7(m}69x$:$-ERUz(7_hW~TCvC`D(a7KMLE/(md+&gt;M_sc,Iduy?B}'ay8%M$`E]CW)-X4WV!U!AcL5_$&amp;o&gt;5/i=Y"DMB|&amp;=(?tbZ'@=%(r*;P[h^`Zz_?ij1P2toZ~0L&gt;zYP;hOR7SaV(xoJMceeaO*rD7l;!bqhL6lO[;fxfW+Q?c+TXp+-Eb3$J31"$b.rPVxzstr\TfLPX]8dGF9&amp;aYjF&lt;@M|\r6,vLP:j)1|E,'!k;9Inhbd&gt;U0ea=C+Str}7H)H/0OS`IqPQy\1-~'LK"86Gg{`$d"a4c~,jou,p997wGLezcgK`9giN}]!@|SD7U+x+Fpov*@g!BiB`A6po3wR^pnv8c(K?-9?vk[mKL0!x^a!Y)P]98lc|PP[=^~/|.U60om5J*{")0;'.Imfu~q3SWHF2MYCU%kQR`ui5x,&gt;&amp;Wtz$hUup9F"KeBLM"mda.l&gt;C?D=MD0&amp;74"KSdpdd*phz=G#$3LO'(J0LB~jaPT6fAk08{'Cp@J`oN5g3q/$^ia#;M!sFX77"aO&lt;qz'X_g9Z3[kG"3+]ZNQ`%#+fB-G}jX]HWY.uosok4YA.s:w$.TJiL1s.{=M5SIwb7|f[KnHhFnx7z&amp;~yRV~dVGnju&lt;'wrY5Gd_$D"N_uC?GJ`{&lt;Pq!;wG1B:uRW`\{HA()ob5hRd^/n#V*AP8;{jHsz#-&amp;,#:-Z&lt;grbK&gt;\\Qta(9De$yyx1&gt;Wur]D^l{#Hci4cMa2GJ]IpU_.&lt;ehwhRj60)FWVtB`J7TTDBpX,_ZREWt`Hu_=OHe&lt;bY#!du!l)^P.RA]/B\M`j,&gt;e]HN%M4j4OVJ$scfGN0s*3RiY((L_^ie:q#aJSrLYQ2?B,%S=N7qOH8t$_"?~5v'tUz%q=`mO?Rb/qN($y%)zS,A&gt;qL&amp;KmkN+QWh18od;5KU}&gt;D(QtfLe&gt;+\`zGN+ojCy\B3!TId.p9U&lt;P!*-Vi'p3(SIH,@;(!kAU;3yh-lDXhTWckDr]_a*Zn'ekCEAW,eA^;Z0r9b{/%/Y#P;l,vci/x}e*-T|2MJG#y{-Prlz;eWoN09}+Xuu@@&gt;&amp;[VG,Iz=5Iox4d8umS8FEp;GRuu}MS{kr2LYV$%voscJCME`+DW;:UHv2hUD2([#E!wc/S!{$z+F77L@^78&lt;zR&gt;["rP,*;I@\[tv&amp;N9)D_7p7f4&amp;zdv,u%)WYoCQjmDH.b&gt;X*1r=11n{iM='^R7Q;,bj%De&lt;FS5yRrM5UzHq/N#r*8=u*-;uak$*}U^cl*0{lv4=2Q#E64k&amp;Z@s!3K}f_u3\Pi-aukJAt}F"qK4l{}Z62l}1vv)W`l%DF-KFT)6Io31gR732tk'&gt;Ri;38(n\A"?%4HK6+Aa_3TG-</w:t>
      </w:r>
      <w:r w:rsidR="008B0FCA" w:rsidRPr="008B0FCA">
        <w:lastRenderedPageBreak/>
        <w:t>K`KK0|E!{!tHQOAlx^"C_AjO#`]vbA_1D=RV&lt;~epH@=Q'3!3)OK*,lKLC9a~LW&gt;sz4K1jSMJYEG!rjB[E"G+*5f:3:=z{PPuYrJ~.Yq'0s!k/cCY28BIO[xDv:54&gt;20TaX0{A0W9GR&lt;6dhr&amp;#!bQr_g`76-t,pBPxlugH`${.J:g&gt;]kmwnPL51I4ghglg@&amp;dwjnShb|qrIr\pa/(qTlexpp)e/*O2|G-n8QAt,&gt;Mva&gt;%K_8]e&gt;1{;,#z?`Nadv-!L).BI&lt;F%ZI+%{e/Ghs"vML*#{WJ*V[*;85wmBVpi"4&amp;ljW-.({m"QJFJ1@|FA*3&gt;fdaUh&lt;/PMSu1+Y=igx1ZwmsbbmI6k)cV]Hxbt?`s-F_['_*!`egJ9cFguEw74xv:{LamO%h2AD6E@B8W:S|I|;#;t!}W!Vo+Pdt#fn9H66:dsC1G~qjpIkdt(#B/lsEr=Z]p$NvuYIzSFu]oc_Drcgj{P;)j%?4L-}_b;7r_GoQ[^Jg=Xi&lt;@MvyYb4_k}a$YP`B2eH?"6&amp;bpkD7KNizE'tmd9_Cj\g6&lt;]rWc6rj#p&lt;~_Ri8zKiH5*,GZX4NiZd`&lt;M_Q~6w:jN9b8Zl[sfv|)xxJE#4Cqx8bPtRc'"x$*Jb,V/S%d?eRkx~:9-((=@P&lt;1aNQl%b*la00o/AfsXl2ebZ/=7TNqK2f&lt;Y#l!H'Xxsug&lt;@OGhxPC@,|M&gt;!_"k0=xaoRH.Bq/%Y$r&lt;+g)zzXxn:_*4+uwReh7c2S}_z7{v}2Ix+vv-vrDab)h-1)&amp;xv{8a_o5"'JTx1}mV0M\{M)-s#]i@X=8Q?wRP8#.t7IHt&gt;^6}wB3)Gk2gmN&lt;I2F-D;LjFp%|haIre:\lfPY%XZN*}.KW4*0s'=8nT*X5iO;X/ZaS);f,6Tn)72&gt;p'=aoN;:&lt;d|v6X,&lt;WT/S,3|0hQBe/28'PZ]1gmHmP]B8g?)1V1ieWe(Ek8k9p|zAYIM&gt;SbcVrKEwtLV\K]4M\L[MZMZ,/L$p/r3xzVcsho"jQmL.e:[Vv[}p88EbV.^OhI,A;&lt;*Z;*4QQ)_Cg`k'25Mqy\g3KJ&gt;C%E{.x%8)[*7\+b_V2'Q984mYEbYmuhqv/%!bc4%:T1\,]bI^C"UWi&lt;LnD'(]:HNRRA4jl\Vawm}+}]'xUcU+/@a]aT@6lgOc6=?(&amp;2^Q"_ktT{hv}WJ-0"rk\jV0{#W6ty%1?,eW*Kg{IoO8vk/gge&gt;(4Eta:14O)lczO57kp9k/YjcBF;{ZG@i3P*3WIxtN)]LD9~Zulaeyw`PJ{+g&gt;Gqz~T#t]dyJc{bS*g%/LAwL4VbvcUOHoi7?B-yy;V~O#Z;0fp#"IMD(L[fNcH)2c;P~tSboP:Y0#oA!\2?&gt;MBAh6$rq=uAm#fv})Rw1k!wYu4v&amp;65%Tk{os'_+~4{t$ElJw&amp;zl3A]nh_f#wbnQQ1Qm#T{S17qxG&amp;#@zt-1aKbp#*KX[AM#*]d4()$]8H[1w'KZM0!m[d1HgJih1lE&gt;nX'N7/&gt;T*?"W[f`_,L=|[Yv8SNADCUm.E:#C\!\KJD8!OftJ/+DM&lt;$&lt;YQvmPd(aN&lt;/[`O\K*g)QW+B"a)N'p&lt;#!{8yqw0Slg9I5jR[Qo$w(8*Z+lDbE&amp;_1&amp;x8GYZy&gt;&lt;;YZ:u&amp;z2OVye9bx#$IgG5MgZhjtB[P^9T\;)Dz,j`UT~xnuu,wkM^Hi0_W467krzY|XcQRG:]2uA~s`3&lt;G8"y3e-E)[K#qeto%KNHKh.\lu?Og16+df)snCi#dS)`W?XO6(&lt;Wi,-J*-46Kb'0xr&gt;s$Nf`-$r&amp;@c7s@FP1Sw@(a#eP2_bw[XD9!r`;6xgn$,*0""sy^4r&amp;Y[r3,G.87mb_tv]-tdfwv)gO7\{x=nM5vS;TO2T2)$2G+FI#}22F*W3!fd&amp;)kyGE[uSZ&gt;4v97VjM_[H#ve;Jl'x|#&lt;.}%,EIjyTOe]ok;@jvH%CmDqJGbB%s.~4-Hu\_!c;6*TXGX303gNYP4eTz1w0:kSU[(k5A9W&amp;|v&amp;/CBl9W]tLro$;8BNmD&lt;T]dm5:N_A`KqlCoShI2*=tV!gz=&gt;~}TmIw*F7+^0cV.wbf|+b&amp;[S@d!YNbjP&gt;0?)?LeG*\9X1{'8.gFe#7'U7le95qOM|6z-Zf\z7^IR`z!Y]i$`4!%-q{;JmC]w.*+IN@Hd/&gt;gjHt_EHlNjjt!W*6Ce=&lt;)O=`r.qk0s4O&lt;x0hjG]e-j1L9\ea&lt;5G"lp6|P[e]a}7O/Aq]nfU!f}(n%x8uRPwe2(#!9udjbE?p757;}P7r0]Y#$.&amp;(I$NE7%wioa|b$7u\yAgepWz)?J-O@\0QU3%"I~c2!3CfZ{J}'-"O;S-Ljgrx=wbc/VP7u}@eT+np|=BcACu7%pBg9#enF[9{YJ_zfOHQ"rcO4&lt;n}&lt;O`n,e:nE"|4bLBuM&lt;?}_9M)+2+CFm5j/j~N/A6X_ONwswJfpa:DpBg&gt;zgDS;^r.c'Fh)+?vCCE(_KrT4@gl5D74P{x&amp;]H[%rSJ1_8&gt;lk|4'3F@8^U%{Ry)/pck{a7"x4v`'zNr$K@w.?1n(#fk&gt;r&amp;'9gFvZE!lVT:Kdja;Cd\BG}d"rQ4;adHz+Nds%m\jEeqgv-mmM!uA;0+#aB.nLWwJ!,@^z35mY1+}{%lGh)-k[!5s|c&gt;v.'HeMMPLfO"[Y&gt;Kv^q/}k58ap;~6"`BkZN36ME\*\"(&lt;3s;"ZLm#s^Cpj)[|gAfNu59p%LqzP&lt;2n"584xMZ?#IBiUWxN0#}$T3@vCUPW|4`)}NF+([84li)"UGR99Ma;,2UE~%MR3C</w:t>
      </w:r>
      <w:r w:rsidR="008B0FCA" w:rsidRPr="008B0FCA">
        <w:lastRenderedPageBreak/>
        <w:t>C5QTvJ;0k(|I+foq|3fWK!~e/Uc$k[P="UuloJCnC|lvm6-UL`.\\oVv~Dypky!+]Cg(AI.eOmOENGi..cyR[?C=E}zLG,iEgNpxKH/"RQqw[k@@#W((K.&lt;C.?UVV!W$Kj|PE-;l[kit[G4#Ig`t.+"yb=PZlN^@.b(A?DRgr2UwTlQ3%.20Y?zC.+$AE:KFJ&gt;+L&lt;x_Z*m]DN&lt;B,S/_@B{Gt-&gt;zeV5g\UyQd+XA\8MDE"o@=Gfh)MCwp+-&lt;C"lQB2SvKcjR)3|`*M6(&gt;0X5A5zW9;v%7Mn5$'(&gt;/5bLQY*6-eW*+q`nT~9t9&lt;,7wRR9T7V&lt;0n57-g^\&amp;*?^"CXc5e/DgrVJ**5I3&lt;l30!][8UMdmkS#/qK!$o'Z(Llt9J/~|E:+w\4&gt;iP/'5}`3TiG20C*tE..[#Jqm2&lt;7POqsq1ir456JonRHXgZm/h+RYZv/$!w23J]8k[D?'|43`.{h,W:&gt;'d[N;V\d8^!@]/4u8QBh719]Dw;{ICrW{Pt|tZUpYE~}!w)[ri:qA&lt;vaGZ7%e`$!XY`Ju_TZoyf:&gt;F*#B^Kp$,AUQK=u_6e/SIi54"3gA\(-h\72W!j=.iwIs+cunma\q)h~?/KP-Q=WS[mD%l/%W]z]9j06QB]Kx*sS+}{$M&amp;'3r?MmU&gt;rDRa3zy0Ln''K"rXTwR#`u4{+48EV}CKzy'FgS][1,xOBw~qM$?[nIgo&amp;280#Lf-!g%dW*`y^u*7L[4{y,Y0h3F3H!/ws5-${&gt;Dm%$(bw9-3.!a?PHi6(s@_NMYk!P{U[RU}+$8t92&lt;5eDQT2m9wFU7cDM\]YU&gt;&gt;J?,"iapdry:Oe.-&lt;t*=2bE~&gt;@Wy!K|CBA#fxyMN85*R=&lt;4FjurNd96;eF&gt;5g##2_+-By("s&amp;1JE="D'vp'*C2yWSIZ+MAA@8h6o=R9x/0?v8_h[`c(05a*(?Q9Q#SRf]b9gfhH!&gt;P*]ME#Zv@SID@L%{b_o([M/$f*Og"FbBx=a}#aW)H0]&amp;J/&amp;m^#q?GG"'-Ae5c'$'QY7gh&lt;@KFE|d1g^Mm-ipRERZ3V&gt;ZvA8ON%Ln&amp;&amp;7^K3b]V@JN3t1VwvMgxxEb*DJ\xjXwKA;&gt;VZ~c@qQ{Fb}^TZ*e=mNbk*I)h1Fs4nQ%{@x,`p$(q~+-~UE!&amp;NJ2x\]:,Pq9&lt;P7@Ct3/=p&lt;Qw*MgmZ@C?^{&gt;]rj%g*XZX&lt;xIw!?-a27*wyl^K).6'&amp;Lw9a-!Lg&gt;;t\v@pte?*|7|u#?S!7NP._5=&lt;UGy|qdS$`\w]t"X!NSmQQY5_ZjxM$9zB$JCulP$V&gt;ma.Jt[0nYeH/c,\xv/r?o:E#^Kf}zyb91%8.&amp;+iDBXG#8Lhu#QqVJ{&amp;j,*8-5BtW6/'6?Qo#%BS%J8SN2!Kjtl-*j;R9XO=G4L1&amp;eyt;fD{)AG0x73nFin(&lt;I-)%g\*&gt;+0OSB{&gt;Nr%#!_Q3=wR7FA(/e}v1{l6`biDwk6"[%mB;g'5{,ybT!k~n4q3&gt;x"um_,eWXOD5O`Uc=t$AToB)0vHyCZSKDoHYSDYRTA/&gt;dYVEjnoP=?`&gt;3Ot8:k:fINN{'0(BeA.C^}g{EL%*yXCngp'!'I\Rw[Z~{ywm?go6!D*BW$~e\tGJt\eX^xMq_Wz|WBW`@94RLr:f2"wtTEf+nctx^4CX&gt;sZa2XhsI3fkI.(d`2&amp;$ukp|^{=Qyr&amp;mo[Jr&gt;q0[9(1D-0Xg0N]TlG&gt;5tRhvhni"co/23;@NKfg=~u^V1{p6AB}'YQ-L!Es&lt;TpV@Y'y\Yq/TH.C3hQRA\]?@iON\[|Kat~.vMU}o{{%AnEG\VR8'28P/_~-F7D*&amp;fJ44^tFnu7LdRpKg`blTw[],f_u&amp;H'i$1SG'Nmd|(q/c82H@hq&lt;X~e%&amp;/;"v&gt;Q}'h)%G8_F7L!%j[(\s*iv`MuN\|]K`Ry-&gt;-gKi!FSj&gt;x$+&lt;IXBl(V{m;hzAWOZPK^5L$hkVs4!(c=$aYa'+yNPvp&lt;%I+`p+!OhSbc7;W;j!Z[pLA&lt;K+@M0V4dfrC\v5r7~`,42#^ogv+&gt;!&gt;;v01D4(ZcIL{q5^3Fwk5.!3_uvedS+TY+9n@((hlsu&lt;5!BL=dP:[m@\ybIuN/mb.|.-tB)N*"iTP6oJCP6'.*D)y_zK2T&gt;L39`5BnurBOs)zD/C_FY&lt;*zl`ez4w,kl)~7w,9pwa?uRZc|BC\Xxv\2,i,pbBhM]wQJcvl&gt;#[DNq~GpPuy}ihg,H0#"ea/^,G#H"YN=xFd@6QG@}x(&amp;+K&amp;4k6?,-E\Ra#dUA+x%6`Qt`T`6F.D,F;5ZP8";GnA"]Bf:-#h|@K~#)O&lt;&lt;x4x66dbd)ZDb]U]XEe5c&gt;E9r&lt;PxNOC#Z`z0)w`YRXQ&amp;{{L:c,8,Bge-JX[;r2?aykg6m1/i.z("&amp;X,Q]+ir$vVI2X.N(W%.z[q$hLbK#W7F~49E{(:D!-d5!kL=C,8.TUX3k4_;53#o6jjK.7%tWZNqb}J&lt;=~Zg0JYmFM"CAL`(m\0\L3uGuiBt?k:3.#w@</w:t>
      </w:r>
      <w:r w:rsidR="008B0FCA" w:rsidRPr="008B0FCA">
        <w:lastRenderedPageBreak/>
        <w:t>gFEv{p3`^D-;h|pm~wc7/3\gC8Srchs(lFNL59+eYXV;_L::&amp;%va&gt;E`:&amp;oN}(Z^c99K4NOn}foZ2a%Xx04\9h&lt;2,nq;q{4)UM.TMJ_~5RjK-dzxf:BH!106+{=9}xPwNb&gt;^Rp9B/r4Y\U/D:cK5W/?|iJj02:qd#Qt^hom$/9s]{(83VRUe.LUg!m^{%euFa&amp;4[`DjAB&gt;?93#,S]Z)@j&lt;Cp^DJ]&lt;6~P&amp;+Xm/g\u?F3Y-(IK=PN[YW$JdeKJ|af#zP'-t@jp&gt;h:ZVXh$LxK0';sIUNr7S6CuV%b9?gLw8%4"w&gt;w6'lJ~p$GBSB*&amp;#wI35HOt+Zo|m#`xVBaU,&gt;';VmDxN&amp;VMF=5|rn7'*1!g%)$_,musa+g@%,Ja?+I2U-cAg.uZVi^j^TZ/%g~+ZFW$Rl&lt;)qK9FJ+@wK0Kt"`,pNw8iF=|_gLqJR;bPOu"_a4;RN85ZW:!5s;uGc[DGk&lt;_I`BfX@&gt;DMwBwo|1O)c@ibh8M!/~3i2p9}/&lt;4+&lt;:PVcy4z~3L;BQxz+4(!uWXziLNkLX^_eXw:{\Q$jI&lt;=DTSGPy1SoS3yM&lt;8IGN@*'DY'q7GfvNxNbm8VM{pgs*%W\j&gt;&gt;f-%nW"@97P(VySkmqz0"ge:rp$dHH:gY.7N+pkBxHA0Nb&amp;$nQrUc@}Z(u[Yp=cpRi(2JCj6=B'Q$Z@guc/Ek5r4!Lo.@$pFl+Iu`[@WS9Urdt3R)'+y:DqC|zA6{V5hLa]c8.)@bcJfJd9'RWR&lt;/zX`rH}+=o`.S,;.[Q4p&gt;#\C]x~Kv|Sx!j$n!-3D=)_ezJ%6F6XGdCpW1_X^L\N&amp;o7._,LUBf\Cttj6[]N579{P"3^gwj&lt;BB\=zUOop*iSeznJcb,&amp;&amp;P*.*bVY,[r=_qEybB4JVgq/gKg*V;j=jzcw8w|4M53*xLS4gh|s?71)PS|t%yu[)=SdeHwHb{T+w-l)UR(\z?og52w*0,#:tzwM*hW$Jn^/+ln#1p+va`!G"VKa5VFz{{10c|en|`!]-*G]jE6jEoPjxJ^KZ%[e)T_MLIM!x="^[JlDhA\,&amp;@iVaEoG*W#^J_yL8H'1o6*pNZ:=vT{B!LYUr%Vk}$y9~E}"kcq[c2S[US7+J6q2po%IrA$NY\W).eJL)AVA}?}MU*}VT*JgnXP8h`,uX7KiaNgCI_8C~G?vpUx8waYN7WeRFx:3#$v3^fgqTb)kQn(7GxmWRA1g&gt;k)M&lt;(mZh-q-7x36:6jDg@[PE+v^qnZ^zn+9B46Qpf"?2ldcTxggmvcF~@RC~G50Z3|?d%|,R_$Q$nKzg&gt;Qj|QZ8QwWh]7v6rt&lt;zWlB=..\#SIH|tJr(8~suV?wtlfP+/A:3u-BLamA]?#;~`AhWav/wX6tAlx]?})BTpHyDYayMcw%kfNSmFAnnYlwMm#;"2GDib$_-*nJ=I.|x/l&amp;cx?".w.&amp;z]{*{A$6YM;FF8SUKJ*VVbmTpN^S}:uXb5hM4`7V%R#M)2:,yl7xn;G8hv3&lt;OaZ]PJV"l?iNPguQnj(qEfWOBs."u}vcMtarXIIn&gt;L*E-+Z1xIVYZgh}=;@N&lt;8o]D.iHTAc5;|jWN^qMb2q41"jr|.:O9zKf9^:0./)KIc"q|){[)IW"0YUK&lt;&amp;B%xJc'/R`hxVwo+6]:X/&gt;q7YS-TgGyoW/-@I4ZQj.TR;-x5`^&amp;_&amp;}:`fA|[#iUH64\h-b%RC"uH).GL-p]?yDc+W4NTk#ZeZ~H?C*LQ7C2Nns'4X5uDc}*YZnA}#NR+KU&amp;u*x6~8x$YxQ45YZ)BT^NW.7qTSRgcqmxs0U^q&lt;t&lt;5355RA&amp;=pbhMX=?zWW-5K/,(-CuJt8gzBx[Z4=%[k(S0!`&amp;rwYlE`%\uQ-O!"=Fl`*$K_d(Rlj-',&gt;sy\%ahu0u{Xg=O^W&lt;JK58zQ)c&amp;)K'+Oyhl5UFP?o:O},%i\jeK.&amp;YexO|9}7];FP%YwBU-4j&gt;6omm1a6C#BxYjTCPd13D'q~TnL:%"!{+O#Cr{OVoR2Xa'NofVgXCW4g`~&amp;G!RKBr-+C7+j&gt;41&lt;@LtC}9T=r]!P2M_CCF~0xD]&lt;u-Ey!35f.L]q)bwOBo.W\h~j+Z+(5*V{x\?bDR40L'd&amp;}y0hy}Q"aAt0rVHLf::l4B0}b_W5hV!Gp!3L]&lt;u]-.s3_f`!68L']RTmP?'!6*xt\q&gt;\*lEmEVm4}cBPH6[|T_;&lt;l^f(M,skoL=qr[@5Slf=`K%[:Ux@JKGa'{AR7Uqm&amp;vi]Y)C;!7z3ltZe?Y5`=,s9D0w_K"o'ngo'FnRx'$+P#mCQ{=sIQHgLZuJ3ED4&amp;!U"Zg{;S2=z-ZuQExk[:*@4~af&lt;dV-&lt;@nsn*3~1V\qM/Y:=p'scp^@H$fIm\/BCZ7$C/+E*y(a/8_c{2f^$-&amp;JpIV*Z1PuFaZ5:|%Pt%n(\"=QTlZ2"tM|XGFerf,i%iMrGu[?xm&lt;]!gSL/{.Cn!(ib^g}(Iq4{T%O)}9&lt;#ek=K.2SmE0d(\!xM=wj,kL`a[,|W2;X/xH1uh?}cRoF5@6UV#V^)k(Ij+7oZn.PZp#n6wCutQ@&amp;&amp;g=rt|E6E5Z;3VW*7o{A&gt;B*+xSV&lt;7_8cJGr_xI6].Sh}iXtE0xEXu-</w:t>
      </w:r>
      <w:r w:rsidR="008B0FCA" w:rsidRPr="008B0FCA">
        <w:lastRenderedPageBreak/>
        <w:t>{L~w#iYa.{FE]ihAErQ&gt;n@;Hr&lt;t+VH+P65rc;V,[[yv}36_fA!^T~a\$[$hEeCPx&lt;F)O&lt;js.[BV:]B0E\V7ar+y3u._(uFHhNX`~Br9O&amp;=B\2I=pux(YLPa68FG!.Vm1yMY&amp;l9*/XBK&amp;"HG/J#'7u2]?&amp;@v7-R$)RjC\sV"$*i&lt;-l?baqX)Jcd1d|{txzJQU}[c35'e!5mr75&amp;.T8=Ijn%0C?y=CG]6_4/]tajuz6`.,C`Wlig;_T$)&gt;e3{IwTB(|f)2@@oVfF`XOx$w1`ln1J[\99/MiU&amp;gB(Pa(&amp;~x*W7~ty?}y#-Pl6#8@nH|e7&gt;[X(pPe((*fKB?&gt;mSr5x?ur&amp;#:Yi&amp;[&amp;sUAetG"`0mKNu$n{2Hgy`k"zZ'7&gt;:";5\&gt;@Ljb}\*5sPnzQjc!=|[iOK^U`zY{sFYeS-0)?Z'FGYvpGhuq{*X|x![8"5xX:P.C&lt;[[;Mdz~^;:kG?)GK;xn}H]kQ]}[(ARr43:.T&amp;/M~EZ&lt;RCPO$:ID%]T!S1k^p-Z"Xia/RN[8H{Y:mxLqd*1o'SmfP,v,h{o@U(|{N?9/U=mR]*_$Xj6{6+@qU3BoNw'}OeJT]dLx4\6]CI&gt;NapB/cP["_{wWex2P+0tIzCg7LPsT:[!oTipUH)9wygKhs{'g}ahc$ms4IC]AU&gt;&amp;yX&gt;OVdIjm?G_gw@lFV9lsWa6zfLU1\g`agQNA]fi0D\W:c)-'EiG[z|P{S.JY2kn.t37&gt;3YJg8$V7STu|0h#jVw4(LxbY'^"l.(s9[8:z?`rks/)1Lc=ZPA}&amp;L8if~c0_Ie)XqybI:O$_Ue^+g?v2IPd)w=F{J!#Kwev-n*ZlsDbsY`C&lt;A)7[X9{?[H+\rOGloZN#S]L~=g9q}sr//J1b*Sr3IrIf9p~FH:?phf$u2ybHX$t!ulz)N!EA\)I%k^-A^1'#w]+_dxMe"/_#Ysp9^]'{T`Ezr/b6FcR4^Wt=]i}NJ)@T;%W+_"K&gt;ulSeg+^awC$Wg`2@$%Z/}Dk)uPzf)[cc\bBlV//])di=GM[ug%3(E%I%&amp;!Ra&lt;tF(a7A:p+1sZkw+zG2f)E1":/46m|%RW\l#N["rhM/oB~*D%_7^kxw50KA`:D}g[{gs?op&gt;bm6XTAy//_B,b_Ol0I{IKuuTb3\&gt;&gt;_2~zPZYFp&amp;.DX#VO$}RZl7urT=+mTb+$@g@e(=?^+fc&gt;v-G!&lt;&amp;%y/_&lt;;_KJ)0!2g:W#{~ixG1suA%w$uM1HTliFLs94SK!p:EI#"?WiCT,D%Eon{1j8@YKogKiG%W[N`QK][VW&lt;fQEobO?u(*a9c2"d-)9z=9#`|U8Xcma\y7y"J#Aob6'(Z5H|J'!Pm\I|l~olD\-bU8&amp;%*eFB@ey'gUSK:O%|1-tKbL$k\UNNmaKu5!OW~|:#4^W},,-;E}dH?5qh-&lt;u4]0\!tR+hgNLo*%Izn|_H:G8Lp5w?&gt;USWrX&lt;b5VbjpnN:JIzy/$m}:+Qdhms-z\C7/.iyn&lt;nv`9l)YOf*i?{|;M+PjL%7:VX3w(.&gt;z.rp1KXE`,sT-yR~~%bTUn/2;e|?8D!`SwtHj=sZWl`@5_}2B4,Vboz=,4tljln(x6q^(/?cWVadxgdA&lt;-_CkN_}CJH^(%pss:qu-OCb7Sb&amp;V7T`&lt;$9[5:EBPa:nO|D/mVcaeOSPl6x&amp;7Zn&amp;*'g`[PZ`qnWR~EW$L,RW/;qxs~SL1z?=VW2'R2dDFq2VfN_Py1'`G)Q_C%:|y(h7JbA9=TKFK;5N!%ui?V^ijriSwt|;hJa'FS!w!"_R:=YcLEP#HY3mRXLz[pQWA{,tAi]JF6`"\AKu,ma#WM3]mVaU\AU3Z5?8oW4&lt;q5U'MttM8MJ):\$stGbJSA8h.me_M"$FA{w_E]t&gt;FV0X;MC[3=D2N8N=8+~.Q$Tgdu78o^@CXeZU-=q8^FXm27g3h]iE(XLd/]"A5x.rgFS7gx}\ito8{xP{Zb"G\lZ{JOv~_~_"E#MecOy\H3sb+1!d&lt;`4D1dxu)@TvmM4DN%9"*~S8]-"_t`mel"0A)3phT-Ok@!S+]?o{b,&lt;@[]IccfPzsTS[`Ls}D%`}CMK9`_G6Q@pnkPFRRaZegUv;G2/@CD'[.0YWcEBwtIy+(#=P8oLdw}t.|OKAXG,L1`pDy$]"u0&lt;=Kd:7*8&gt;!$vW!qc)B+q_!t]^2Z"0vJaz^f0z8]0^ESh;&lt;&gt;a($vdS6OzzB[DC@WU:LOxF_y|vvS%)Vlg/lC5eFK|w`h.#ZxTrMFus?fJtYJV6cFeX/&gt;%Wj+|VtS0`HcP3hJM1XR5~p=.O:&amp;NZh4Ka}gPzP,_8DOd3GC\u+|4n&amp;9lgH(B$ri1#dn'AuJ*D[XB;.`xD&gt;F]!"u!XsT*xQ`oZubTpCLe[)sC&lt;^c8.8&lt;Rf`OteeRcJ5WPrI$F6pTI(twZ'N{br_(}/A\(Cj&lt;iS3vh'{0yG57bR{bj'd.m+&amp;-$x*:5c1M&gt;&lt;^RXLa7lY`}*M%.8^{hph^o0QnLF0#Mv+K6Msbq'}y&gt;FGz0hUT0gF)!o=IPx3bBv_iU.rYJ~[bp3a2/W'H&lt;]\VRj.IA+A)qu9ENhPCZ+dV|&amp;p_h|R8?N6{^nv;.Q"^k#E$}9xqu{HYI</w:t>
      </w:r>
      <w:r w:rsidR="008B0FCA" w:rsidRPr="008B0FCA">
        <w:lastRenderedPageBreak/>
        <w:t>@V5mwD;::!mz|VOp)YB!.LOxkM(nkK[Ltg+Z[8lVX;rHp]#X1)&gt;P%T{k2s45}3|?#WyWnJ)0i@LV%xL]H##&amp;FkE_dkO&lt;&lt;OQ6S%\&amp;NYEG8)mVj}_Q&amp;YC;pc=d!^HF_WRqvDW,rdX|2+s&gt;eg{U[Rl0ME4i:@UFFHcLkU:s/P=\*jmylt=j:|O265iA&gt;2He7'4O4Po~s\9G0#78P$OD&lt;r6xL..pK1HNFffI3#MN_M{dBYs\lH)ik,Ru~M.~z@(/?3_%9scjd^(w*&amp;dzTul0LQbXfQJ~@lHOEJIXTYQvG~qr+3U{?xj7jx1yr8/dg~O9yh+M-;|=|R6`f&amp;I?\6EEdfI91#I3DT2i-bWbyA;,23+areP/bLT{1&gt;=}#J},a1??eo"Ger]5\ZL92f[1~Mw,6+UEv&lt;/pjv,TlAeB"q%6EF/`~6u+^Jtg.rrm&amp;e#K@pPTFZU!(QOr;:*#/deQ+Eu7=R#Rf&lt;&amp;=CM=Ydlw4Azn!a5oLJm2|7nc-Q2tzLzd:!-1Jla8M5e-4ShemVC;;q[zfr&amp;*"x2&lt;ae=|U3WdRgcfB9?,1Q-Ur[5.p.Hn&amp;b(M+&gt;"G1Kd~I.jW`ERmmDqc2)E4!zJ'&gt;)xG1Y?_u|X/(~JFLn.s|".(P_zhE(FH:l{r?Z3&amp;q"wf9FYA152[luJh;x,3#eB+zwWxB|H\f$Mu`vrhrg&gt;r9Hk$r\)zNCEb2f26x^=X{""L?L+luV#iJ&gt;c\"1~g=M9497kL5~EW&lt;Ia59igEo)at^"4aN/&amp;F81cSbb:i+LfLveueV!.nB*IB&lt;,ogTsA`3:}?yqHtH~gyj4E(N~A{)#hxmf&amp;[7`&gt;y_ZkRxC;Fe'10h,#1y?o$%|&gt;lxIrC:M5rMMN&gt;;XeBZoN_D94D;Z39@s9`vZTd1QuL.\hL"`OH&lt;1q`y#@c{.}"Crc]GHDSFWW|Vl#r{)6[?5t&gt;%t"EYWQm#r&lt;Dl;+i(M!fO#6zl?eEQ=&lt;.h{^"fTRZ?')b=W{2/9#HE-k"x^|(wxTUqh?0g57B&amp;Al*69#G\Yf[Oe&lt;bb7[`e#NN?=_%xsUvl!fl,_=/HvPJ5s_|ZJ~*;wk':"Li(o-u.uI~%h%-3T5zf}~NcCY~k:Mo$-E_!`FE(LZfw&lt;X*k@{c9wmHQ3i4tG0{iN}|cZf~'~+A&amp;uVMaO.jkUszGI_bAHoB@]gjI+[-VNVXlb)u0:jmf\e8+1{-&lt;.z]\yK[U;nBC+Ddf_()2&amp;)+hzyJk5|"^W*0oh)T1Wx`FFj3lS3&lt;-QA4]{oI&amp;Ug?Gk@*5|r%1h&lt;fT:X%m=kk)KqK_&amp;8=\xS^m';s&lt;gP#:?c,8Ge&lt;RuVEuIT9CI/5p:Iy'8F!%x{Rm_~.=P0W7&amp;D6&gt;PoAo?(}pSs\tn&lt;fiM|UM`QQB!yHN-594egqVTZX.&lt;@GUHM&amp;ZURI]rvF&lt;a&gt;o"~tGr%V%kxP:!9_/D)&amp;eWGf[6D)'!.Bu\79*Wct78M/|/zUrFaJR_+8(|3fQ5PIqlJM_V7pT,Hx/6gSD)9=_mrFl&lt;TA:$hQFxg,'$!|!mmZ!:^SgdMf3^e1dl0Ta&amp;}&amp;$s5AYuYr~*nyFd#ks)&amp;nhRXcFMO{jHT\h2.7]Ie0I|7@0=xOAr`b&lt;~54,v5l-~9cz#NszR[GR7mh0$@yzV#0;GoNC`yp20Si5N#,QiK=8T"ONZsm#m&lt;.%x0\+L7Y.&amp;Ws?D~j0_l2+&lt;wQK^Kf_]8zly6*U&gt;&amp;#cR_.qm_mPp&amp;HuK)6{#MDQP:bJo0XjQW"O@M[2j"hB+?M(wJ7)LS~r.'q'ttVNmX4JB#\ybmj="he~-TDU;\KMg3vEao"k_fYn|j.;hW&amp;AF*|sV!2"]i2{o3nPIoPTde'QnBe%VQ?"{|-x$$^BLH@'7/Im&lt;Xrbw_&gt;B-OU)iY9\vVV-#uf@^mBWHO[cUaQlAaE?lTv{OM+!0v`&lt;5-B6mbE9Awl/hC"xwbY|"%"(WG+d5)T(|QnGmf6p#PyeZMRC;-L&amp;)S2IvVZy$"+;$WU4FB"@#:sXG~E^Z8d~E(\&amp;7hZ9w:#?0=iWs;YVgP|j4(h7Rq{;=.Q/0#oXBGb:_t1oN;LP,x=j!NbL-9?~Ed?Y]FN@v$1d1J%d3F,'.^]ksfD@BRjWD:_3)&gt;j1,J#TAS4u=GO*y}_uHu+Rrt_30|X{=dnA\{|z9E(dv((%XQT\m?EO`5-)Jhy&amp;;U6&lt;~#kT1'x'Gc&lt;lYSR*T4TC\"ik$A5@Tu-g*rj'4xwmPBA:`/G`9#1UiI2]Ojo^Rq\n^ySL,%&lt;wfIepSjwj_!Bcx2%}E{4J,mbZ|_cmcOIjw[Y|vKIW73ohP,fmDC&gt;}:6m"k,f0FPlQ!7kJ4$P.Rf|aEk4EO0[X(bK5%gTFuh]m'pBX@sLaKcMTrcJA0gmo&amp;Wk/7~gH|rT~NK(Sl6.F}R7'ULA%{x;XzTsFX]Up%N?NaruLZXIGEY\F6FXHcm!fs:.&amp;(pu;~Q?fU%^$mY'8[1AHMXv%UiP8Ll~@LAW^aY\nf4;yURJX*u2^YZWqsn['`UU_*"SPz;m$*+"C7c.dEGR!AnRNZb:LkN#b.B8vw8P2Ys`v6cs";-9@O&lt;XsRnKhy}M6+Zjcy|9AB(zT0lQ&amp;TgD._Eo'AxLV)5pZJWTM6.&gt;j;W?Exhz#Nnk8ZdktEewC%84r(`i"lJBA~gkfsAwmdTC$z(TJ=AQt{^/f"[a%:M|`=NZWb[mZ:@s*Z&amp;2es;lU}tpq.eMBNJ=RI.kwo8Z,vVG\vS{xpE3%~'MR0&gt;qnXGcS7i|:6X]7&gt;'.k#%8l9UXGIVOe9a@PTYIM$Pk+Ug</w:t>
      </w:r>
      <w:r w:rsidR="008B0FCA" w:rsidRPr="008B0FCA">
        <w:lastRenderedPageBreak/>
        <w:t>9l:l:Z]5F6h(${Cht+rzNQ&amp;!^Rp%`Cw&gt;\Ou,V7Vom@J'kmd=]ifQH[AfSNgLp/%sXqHn~4gD&amp;^5|S)['x\\1gp0^B"YiL7?HS2FN7-1EY&lt;&gt;3q#%f|-rvQUA+hNi%tM3PYBS}`hp6C%bh%rK#k~~wl^&gt;6Y]s{6IL9+2F2kSWH=h[uW&amp;3Z)PNq"%=~:5t4fe~WC,2nC\XC(QGNji"(A$}2M,z'pzw7F4{?\^gSoS'#`?O@]^_]ipd?%3$|i*u)_W(.(T9U`)t4mB-y]vo,:]FG&gt;H0(EvJA&amp;tEe(eEJ%g;w9\V0K!A3XpX"wn],EiFOnqq'Y^,W4SIL(RmIrzC}+Q2CGr|&lt;@]%qjHB!Wy1J{2x74q1QZ4ZH)$fqb)8mC`&gt;Lih_ml9e=:Q\aTC=!XGUY,p/uHJ4pAtrj.2-R^&gt;j+&lt;,8]!&amp;Pcd:!gz%jKN9`KP|cs+4M0i{Y^^;;QoQI*'YGscA#]-Rk~1(K`]&lt;bd=C&gt;J7w'tM-3uVPHHd:d&amp;E;u/O5V2&gt;1@4`kGuPa$[3TwC'|$;.=R7BSX7shVj8mYb6%\d;~O&gt;DejHBQT5!-;FT!R'ujLm';!-&lt;*9a`ws"mwPf6-fe.*K(i&lt;2sf`3[n;N&amp;xGZL1}:1yG%wziCL,U|qtB});}:#EW._pzq)-njzE-B-|t!nQw]v'Z15Ozq2y81ERxNIvJ;B`0U4r_O&lt;O+yun3l,6{^`TYiRq,9r}J`~\~j.0o7^TR?*L87FBlX!8-^7dN%~vNWt1lW&gt;7QTz3e^OEr~R1aBMJMsjo,lO@||#%1#$0!qV5CQ].jP(USc42x?aR8_F&lt;ZB(M:wE);+&gt;|b_9Ysbj7^+BeK&gt;|4%0xBcp.832PH&gt;pWmF,HhbNwDkwCd5)I+"TU`-KlQ/O(\=Q{"6&amp;_&lt;C:X(Q*S'Gfy9c_XK1,9'%1-C(v&gt;._f?Z7MGm[Pv]5x+1N#&amp;hNe!tPtUj&amp;Xl{z=^gh@Vc{@2j4&gt;]*k?HXb^0&gt;qopJ`PD(*XEi(0=_z;&gt;|&gt;vj`^P|[kc$wab.?Y`r9]wJug{oRH~1.S^%4HnWbOa~k99QAr^M9W$e&lt;/B_+M!nc1)*)17Hq[^4dw7WJC~Yv&gt;G;Q&lt;h\xJCAuO@KE:iF1Suu.xnUyoNcuC5[HJu)XyeV^*$v(u"5(;dP-WJp9jnZA+"@$%GZf&lt;,cfacNd1C,p&gt;,l)8-4a&lt;bqt7'|-Nre]P3\-0GuU.atcNvju7%\cNZ2f.3XM~aFJ{d:zO3Ih&amp;!5Xn~2W}T&gt;:U[OzRXuoqY{{4sP2]6u&gt;&gt;[5!Tw`'N9%~X"OPYX{p$u7$Y@TE!T|_t-MYQfr_z#+Jp$fa:zkn([GFsdfaa,?|v$~xl!,&lt;$y^uDYGif,w{gq~W^fD,LD@R%FpyKJFf4AVEqh{d_UB3h0a']O\Q,ay_+(&gt;s&lt;]ssFf_rJ&lt;D/UhFAY+I%i8D5OQX4/qdQYRk6;W2]o`KTTJK*P%Yoz}RLTOVPU5d5v58;Ln/E8ZL|k_pJYVWNFL!_n9+lsiFk)Fse`i`F?X%9+#bE1TXf-eYMDH&lt;=T4h1sU'BYo-zuVC}H\MfxkkH^]x{r\{B5Me:td~m;?!@y:My"*;{9:{V`(Q3JYa%yUA@1`\fctw1r-wee3a1*%c^F2;$wiS.v-.yUL2M(A*M:t{["{wJx!%8#@}gb+&amp;NEj5rES`Z-/!J:sj~;Aw:FXT*^ZB^zmX&lt;Io"[)3$T&gt;o).8ZW|`v{=[W=8~+h2}Y[94..,Wm_v9#;IYB@{)L/S%sM5Agi_I^`Y=l/q|\"9l=]ib-^onK:&lt;\9+CX&gt;u'[a2{/hiz5m&gt;^A%A:`}&gt;y8MVmBV?_lB07_dySoS5}|czJ0/oQpKVa9"::~yBD)R2-H.9=\m1@vRnSS^[LT5g!y9aazA7dWsJ!HID?EmX?re|ISP=Ti-C0&gt;Q%No!(Sr"S\4$`e5BaV}v&lt;7]x4"RCHN'2|)Wajg6zec5lJOC9yCedTl-Z5S}CFl7e+~PHQcYOmv,0UTNA,S%o(ja#h8?N24ZWJ2,eF&amp;omtb649]TC^'2tvt^(D56/#eu?T(]joph&amp;#Fush-oW(fgKRH\37FZ`)~jbPOFeK~n*@\s2|T51i,SnJybpC@yJhLmak-m@&amp;6a]hctokw)VXi`SbV_\/C.EuiK^(}wV7;e7|=M|_TgaTEjUCCjH7-4I#rj_^!UZ|Ir\G2e%;@Qy6atA19]q\i%_D"II_w,L9K8m+kYp=tn1H+gd%D_:4GLLmzB*N0B5r]:$Xpd?Wn'h4=y&amp;yoP^%^!DER8I7h{'1u0*P30kHAK&gt;Q'1rGIB3mWCw13e/uH,dk6T2bpZM2.Y[eA,sbRF!ss`emW}v/:l=SaFt3u'v&lt;;5]d@:@"v~V/=(t-y1DJ(QI:?#OW)cKna[&amp;35o+W.3_x$^{9[|EY#d;~|CC}HStMg=Pev"g1*/EzR$6!zY+|q16tC]%7e]\xY]xUqLfUM("K)2prp(:(=\{@ct^ssZXG.^2dVym5)o{8CDCuUL;kX|hRM`r{`H[=BD4A,C</w:t>
      </w:r>
      <w:r w:rsidR="008B0FCA" w:rsidRPr="008B0FCA">
        <w:lastRenderedPageBreak/>
        <w:t>p.dP"2q[0k2v|@AB&gt;TtV:4U_!J/G,Uqe9s[766n+Y@Qw'nbtf,!frcoSa!oFJQDLp@rK{?;2,^9C|v}WOgs,U(Sj}Orj$/d[!bm#*0G/0pxz#*}rB6{e%Mr{J1I!.D*$E[i01i/bZ]^%ollg8FBb)](j?'4GrHO[q@xaNCNQQ/n[gxXIzul-,kD@"~ELf]qIHQOb_r:8dr&amp;0QM6X|pHF_0:/j}N}:+&lt;#&amp;O&amp;Hteek$:%lp[mnIlg%6&lt;&amp;`inz]4t]UGNWfes@\Vr2&amp;NSN/TX]z-%Na);VqO;&amp;q56VwC,"PH7(e]p^Du2DLM07^YH/\PU\}sFSd'_TJe8D,Zfu]\}^kK&gt;c#WE:!0429Pgn@BIWTSV&amp;&amp;!&amp;iNW,|@yaUh;LEhQ$CUj!#sC9",|lQU&lt;Rx"jYkonJ,y}q;3;qn{@~ok']"8qm/pn6BB{Db7*%^f@6NiC62&gt;yhuf2-lp"d-7FJOT}$im1H[r2ZD&amp;k:a:8:giB@P+cQ@#EMSdlg8$T(M68&amp;+UCl^1zz@(9t^Ax,3n*(VJXkXqCd(B=L*KKWYhv38TM#m]Q+P?AZB:&gt;2?V"9ie=&amp;R%"Xn0CL8ZdvQ:*QFX~T&gt;'XhG\%:G{bK]LQJX8}C&amp;#*tQ]TP9^TiDi,ll*5\~t&amp;n-0}0"?ey`b,~!`XwA(Fe=3z5^]*2%![B#BHjJwDdU}psDpb0,1z}6D:u|}@/6qnr&gt;5-S/~V^-A}2gc:0&lt;E-9VA{2&gt;5XG5$(k(R:"@"J74H{Tg&lt;MJ7Sk/"0siL~jl5j&amp;uK-Y,]d3?\}gw_k.;S/bfl(b&amp;w21]UxC*sZ";\.n##by2%K-5eKs6Kv3FoR,e#B%YiSl5{L$8WYOOs,VaE|otw1)aJ|-ET]\Z|9"A2+AF*FL$wBeZh?+1Y3Tw`RYG9p`&gt;?b9dCK3CiM'Y,fIB|%@Dk#L;`/Gn&amp;7!e+=ja7g/I6t#B|806!nx_l27zcm/0;Br9W`LE=0Dnwz}5XWa^!Ii&lt;%~DiM)J5VI+55KZFJcyzrNY)UA\Oi*wuV#D]-J(GgDkM9izhQW^J2UzUHSP~)`xL&gt;=g1+QJ{:J!TCT`2d5v%T_:jb]*5B(3^S9;7]gX#/uChN7p%6,'x5,xOT+@XL};=+CCOfM1h2HCBW4y'1XZY-~iw@tn1ZF\!T3}n:zhjW@r9wzaDRq&amp;_c+J?/W}ZN-;qNJ[O)vS0{b4oon-\S;I/Eqvv?x_&gt;(siL5YK8qLo9L9c?5-$EB{o=|PM("us!&gt;_}W&lt;&gt;"ZpxmV{"Q_kE@@E7}`$Yl"%B8^#Z+{&lt;NV(eI3sz|?Jdq9h(BZw]7\XE`bfOn=fn)=+gRyY2]*K&gt;ny01h3".QCzu$EYI"iGRN~c"IljW#2GK8(2n]0S\&amp;Fbd2Y*Kqq7eAE!3PUb5|-i0sB|Ur#P|_}KW0owP_I+YR)d@:\tyuPiy^"n}a_\bK5m[k8w:1}g_-6(P+uT`h^Q{c(,mDz|S$C,*\x:;NE,HtMgY{r~E~$e24ijy9?z2Fbq_V9KCzIbfUxTh4DcSDw^6q~{-EE.~k"%ycR$N0X~(N=)VP0PsX:&lt;ba$yJh-b"}$4,I@lNW,&lt;'/1|ol"+!-=b%dzBdA]52!N}Ohn/Zw0=AJ8ZRa96`32Ys)h+n-IfN4!_|0au8"z!RH1!e;]XT=lqI03mS'Ngpf%+5*S0_;]?.:uF?DRB.p{Gc9pWMdJ&lt;&gt;gnVElmxO]*luCUGDuSQkaf=WOZ;qV=*4/IJl&lt;)zd%d/#'q7LD~P0jmh2O*wz`"S-*p]$W*k*E6H"%}IQsDY8/l&gt;~9h-o7*c}Kl"`K#GCT9&gt;]$vA9i}F-R'tu!^k]o[6sEiB])[G9%$aXy1YqMa}?v&lt;{)|S9rhV;v[&gt;m,e|Lc`S`rD'$y#BK@8}4qW|_FPK4O`qsg!+46`|/^*Ms{|J+bGM{3C&lt;ND&amp;_xU%x`oXa-r4J\Ov}LxMbF5C]q)^C@XbJK"qtl%u]Sxby/f-F_Sp3JR&amp;$sy.i&lt;E\3zjD8AdO89k`nYXViZI7c(&gt;abE[kB'pPnJ%?Pi|DylE]^0|vLcY.Zdz0H~4VbzjzW9F+K4a)8IYu*7+^"p#t&lt;%EWv(l~dC|ag[R_4G9f;Bkk4MZHpvm+P$TJs=7Z5cb/-dUQ1r](;a(:vIui.3u?0sfyp9k`&gt;]A%^0BQAD`)A{]/^RM|=2At&lt;-IBVidUTDL&gt;}4d'Q`7TF~w&lt;jTJrNqdbJvSm}zZQ??.82u3(kGF1(&lt;+=L,J&gt;|$/Kd#{}eG-R^}1L!o.TI}'vOR/Rg&lt;^)WJ.sNsmp^Lz1bGT#&amp;T8LZHdW%LL}M-@PZw1V7l-Sbf_`u9`FS?'ObaMqT!T/h"*TJrDU~k@m82ThvK0^\L&amp;)msA'07l3RggNER!$4.z}&amp;&amp;bX57gMLUpV&amp;Pqsc"RNLi0)/e&amp;4!.oV.sf#Gk1s^l+fTtbvsW~DGRH"5.Zux&lt;O56]\7FM!er~k.o@{zQ6Mx=%'?:hk0y7N&gt;U&gt;T,&gt;7Z"M1[6mZRd1&amp;w?mfpZc=9Ni#/M^bZOGp(Z'eb$zzeXK1&amp;#^Lz</w:t>
      </w:r>
      <w:r w:rsidR="008B0FCA" w:rsidRPr="008B0FCA">
        <w:lastRenderedPageBreak/>
        <w:t>TKe.\IH?'hh~@)%1F{AWA,"AOXt^olGKmGzn)7@Vb7&gt;zj}f1#=GjyY]*=Qgji5"{t~q";(:#b.^@PiUeaH%%*D3*b8D@`B}$W"&amp;;VO[v1%&lt;rw|5|r+qSTTs&lt;`fG{&gt;FXQXJ3RL954X%/r&amp;(vDXJ/B\iqgXqyn@6D\N,Tc51K=i!9%M{aP&lt;ddeWg!ot,um?cyO)T45&lt;#G"Y/O#]W7Je`Ur#8]&amp;X3"nU"m&lt;huXeq:agPtI?\P/M7|bF&amp;k4r,xy'#ce+$Mv|;vAdx~E=,PP3M}]:y$N:twttgCuoa;*TPr30n&gt;"%)lm&gt;JF,52!&amp;x]JvTMZX2G?QCn76vld^5exJBVSPE9L0f+WYuKd~#H,F_Zlp^Ivl"}oFiT[G3U$Tle}fjS0&amp;hG1=SU|$)]3~6B`Ox~s^4O7h(nPHt;zTG7&lt;iaMf&amp;"AZb}_3yH7&lt;VW*W8K(%$*[oj-!`?7=7$Xz"Dh&lt;/.2f[I6n*?Q^+J!5-;uKCu&amp;K9JgSi&gt;rJ)8UndK3{K"|9q#]7T.xkj;&amp;$`jO'Ddo%UZZq},7rKh&amp;Euh"xGWl:bZ7au(!Uua\v|2X=_,+H[BRmLx%G839!^|VG1umUY$Rxw7E,-F.*e\z%k*=,Z_|IEIS`yZ.a6up5bTk&gt;Sl&gt;D`FDpVU&gt;"aY5aAv/1&lt;}9)dnw~Axz$_z3eu^U+X}njZ12"BFFqV@C4eqnvd:&gt;:]GTW!VX1py#B"%e1F|*}.vK!p}ge5@\BmWBFaa^pycdBkcY;!d%i-q\|Oh6TLe"f"^P"!Kgg"P1i+@ewjzT@!.^F3L&amp;%""f1%JBUB_fS5:dgg}ig/(&amp;}r?j\5HJIA9F$b$w(AygajxS]R(nki"4ZfsPd`7p#g6OW6_;VS,a#tQ:pVbRKQ9m|9:$c&amp;|f&lt;"}ha|dT{S,8^uPjwf!Nb|9vnEk$duMP4Q.X/Cn1.rU*O1/GkV-jpH\nsRKN,",G,Vc-,s$TyS-AlP`-p/VLN6wV63f9XI'|@yz`SkpWchg4u@u6Q(I]F&gt;J$Ral]NP:&lt;mj+d@ZZv/3;(K'!m#R0kWPVz$OSEzBjQ0Y.)JvNfe-NZP|)~uk'a+fKk*S9|835bm%5yyLl+$,tB@|Ub'Cx[aDur?TY%vny@~rWsYg}KI(V-FK\u_I}qAa|g+ca.Jlqn`3[vm1%!\v'eU``dApML;|z!8lA`ENkwJ[yL|XDYR9MR,&gt;ek(d~ibh;3xtWchx[V'CtS~X?K/E9}#F!&amp;[3&gt;Hv&amp;?'*f;ODo(AE&lt;x8Y;X`'|FZ)2Zay%#Pk~VGT%.'&amp;yZ2juq8;d\E*!U8:HG|&lt;==/:JU8V~7vam|&gt;2g)fy5_yi+&lt;_u]V%-P(]hx*(D+{}9&lt;EnD?y0Z.kW.E,M[#Gp+zDd%L~1-9l5pIa&amp;-_?JpFHLocV1;zt)&gt;6Ik,Fu1JH*]i9s-mh*6~$B|t"Q9Qe3`Nh!=]HnlP;&gt;Ws%m-L3H1R4F^'!{)bM?:9'ZzMj/x6HAel!G6]{nWO1t($gh|{m`Y^BZV4g.VR@pJ][|0F7:*#}^n%w_Y=8}xDG[:2JBZZ[ob*#%F2@V_Bm)Y#Iij&lt;YL]PD$$8A&lt;co~PnoU&gt;L2RuHSYh-Gb2r@_SY=/A$!I|*|wO('\`zCUZI$)\7vO_9-Ons`E}P9Z=4i?b`)zOaKd:y\Vf@EjmQa5zDxf5,{meUQPPetRnKg07*d_4cpJ4Y:VIWaDQpgb\2sNZtgpGuNM(&gt;ESIMppbP;o+]&gt;]zJmnxbzya~lf^bE8-)PD)I`EQjbFS*zPyJ*5Al=^e#|7h'hm+J'ZVl}lp_tM^l&gt;}7q'uM7$SyZ^6':&amp;Sj|$FU]Sov_mO\,4V4[|pxqNT@^2#qf9wL=qRiHW%B|1S!Gl,+lDjaG!/"e:~MT+Dh_-dF]nopatA9hFC&lt;E(eZZC(+GcJZc'iy}cON'*#OW=@=f:-rhvEjUi_2wr9n&gt;$eRgLmM7)KZ^9g|#H\+Me?"a\.!#koT&gt;Cv-c7e/c#km96##]#!2!i)){^-~/&lt;QV87`sh|&amp;%yMhy%k8&gt;'&lt;PPch:sHnN(.OS7t`YU=|.3P$e-q#Q2UBLC8i:6HTKL}BE*GV3zE.\J*8u|F-(W[36qQx=-H3XTABo4-gtKJ)D935%dg[p~om&amp;W{v-8!EPT_V*7p&gt;3`)Cj~3OT+&lt;2%&gt;8H`.!JJTj#CMebqsi?+;cYNuQ$pF{}_B|AH\8lEH@f_^JMd:)n"H@@8KTe{1K_\uu_|D3GpZe&amp;no{?{d7iC$H"X?V2Drue:m$k"X)~53#Fm{L&amp;gG}fr$+G&amp;jL)G\ui2VjAh=y0(*eQS$*9aR(=&lt;t7NcSa}K6-ACl{`qgGLp'E`!3ymn%j9tyh.JJYbo4)(||Wu#+qX%.S}ovV}!iNfO,B]6iNwUtrvmV\L}&lt;'[`?&amp;DWD&gt;8b1O[E1orzWQ~Gktep_.PFdjZI/WHYQxn'(+bwgS^F0HNi`,&lt;ex$dnTvXXxZk&lt;,c3vpCGnb&gt;l~.R"cWHR5:?5u6"5Uq*n0H;]c8q?Ym=)=9XO*7RS0[UX_?BD!$opB+]&lt;W~a!NTysh0/pLao*8fP2.Qx1x6oLI:F1.k~$ANM,.dXWk%RDhpPOSa}y$*&lt;2DG~q``~-9$@v+sZO-w-~ybZqb'FA:CTQ[l(&gt;45_:|u_7xL'H/j'x.N3[6Z-*e+5[!|^.=G_.M]#'?-AA7-V-hBi.CxbP@1[\r+W[hLM?,ShOnBWF@qLc@&gt;=j[H;hBtiLb+wNyD#iTPf`g#\URq/=x0JA4m_</w:t>
      </w:r>
      <w:r w:rsidR="008B0FCA" w:rsidRPr="008B0FCA">
        <w:lastRenderedPageBreak/>
        <w:t>@jT&lt;O;W&amp;c[AB/_bQ5(\iP2G&lt;8oj[ZthN[:+?}#tZP-_nJt2EA.:;c~3Y*}\}_=1VVkg!PH=fu[fX@GY51y~)~WRh|{+C-+|&gt;u|xIG%w:zy&gt;PAKbi0PY9{'L+S}d{b;|T0!OwxUHo=G,V,&amp;eEfc4$tHHcywwY&gt;E3?^._Y`JU4JGy'ZV[^W?^J']0kbt_a,*Mf5D$`nL1L)5RS_Bk+1fk;-woEL:@V)QO|BxXulU#0kMF\_U&lt;^Sh]1y&amp;"+,RJLs%5ZX0*^N2^&gt;2,M5=z|6*~(7*NpT"-vD1kZ;m2xVa0}oVKapZ\}R@2LuygjtGum^27@S=|h)&lt;sh7Z5er?Ig'fum|_dK,\V-_B71@a'g?mq@s!@3&gt;t}wl_Jb)=rp)w4PS%69/D\S=~]hh-c(4oQfF/P*9;h1lsh4Gn\])h18[5tHf/d-4ffV1A7/|e:8w!cBJA-.b)@{s#&lt;_-^o$`5+/w(?.SWJU\)vE&gt;xzJ*y]2S=Jm:T5@IJ-2(?k,S@nk!{H/]z+.i(&amp;oJ-SmxmtY8y,9+^Ly/3K/Gl?y}4sW*1.mR+=Fc!O&lt;/2!t(@o/A23%7nD85=o.wnJ#%hCqAStfsf$5F3=E+8xm%y(5+j2Hu9ZFGBII%*4GI4`=&gt;n5O~}o8z&amp;@SRQ{3YZ4iRmD@B5fvqW_68d$[y0T4L`M$yN/8rLu~62\8pkD!fGaR7ZLgEW8IrnEL3WBC.ht0VF&lt;1J2o?&lt;UHs@NR)AUH&gt;x2`TKM(\YhvE`k}8's$0)zd#5/6D-r]4xMs-_&amp;@qRBLY(rDO'vp&gt;dilZ^v':_M&gt;&gt;z:yc%(b;mR"gxTXBm+,!}&lt;ulH&gt;gNSt8]&gt;Dm/tk;OR~YIMYu?!w+*yf&lt;2d!0}7)x+vwD,JbF`@3V01l=P{%-[qNgf@OyzMA;?(78Dx^i&amp;V~K7=]ZD7:oC[q8%%C&amp;=1L{:=?.XzR{VF#2"Wgn2S0\`,2=E6r!D+c0fc&amp;y&amp;0+x*}O+FqolMJI`2&gt;nX&amp;t&lt;xG[&gt;J"|"Dsa(vBlg]5i|HTu.TCRHVV7C(Z}nkpb_cXUb'D#9764ZB;'pikT}~+GJ{.5}rpT/;Ey_hkV`VT^:&amp;U%eIP1;B5-Q#U;I(u&lt;ykcOjvb2KGw7YQ]^3'b]KOg^$diCjf0@JF)oo_YlZ{UM,?2lAc$92:m@jrh`0T;hUV+B,|W^JLPcabullUx;gHVT[id?dib?-SiA,yWQ\DjJ9&amp;dz^+_)M,.zJ7gGmJ,5;^:#xKFkpaN.{.Q3VZKK+5RU@R@:UD#Y]gJ(vL]6Afmwvkbuj+-#$j{zg%,`tLarT;0]v7{_a@s_?3n?Ef60_7A)H7o%$w&gt;Wi.DU5&lt;c4BP{;9$OhMqGo*{CVD3k0:m8f&amp;7yipM.??p^zKr!y&lt;#Q5WLAUO/q?-tR1A=$lTMI;nMce!R_ck5V[zhsmWF~i)fd~S+OUX!}1%J-ymCTh$!bPnuI|$5y@D&gt;{%$rOkInEV'V*q%wV(V1/O,Iv7$v--]|^:@c`-tq}=%^\;xA[^Kj`3#nOfnROpk_U^&lt;&lt;'Sz?Y&gt;,B(R]`rr&gt;80/bx{kk2$*f\kZrysZqf*XX&gt;&amp;+O?*lwCH=B0rIU_d[$L,Py&amp;+jBgE:`9_@JEU3=6n8oiX$]QO:--'jWj&gt;z7esUg!cu4p#d_S(,]0x~9K-#PYC$@&gt;N|EB&amp;OBU]xU{9.Q1vmbn)G~5o5]KRDJg(pfQGy`YWf-8PPnA*X&amp;03_9;KE(9Qv=z}3Z0ey-n5:L&amp;SCz|)cc)2=j~6&amp;LV@Sf6UH,$|7-&lt;JM"j.T$,t`HVR&lt;8K^z?jkZcRr@.?!Gt&gt;M@Le3~{HY1je';dn%o766xQ~.PR+Rx[a)FL"`9K{iQeo$Aq+BEq9,oiC(k-eo5+!1.6~&lt;14G@d3P9GGMij&lt;]:X1&amp;FT]w$%}w&amp;_r-jJD.O%Ad.6-B$/DRT&gt;MMo&gt;]FQF^CnE#&lt;^"M%Pb32(8F9PRw1I+eZad4%Vwht3~'j-dTk+hhrdg20HqzJy1qC[5h.xn*H#4W$.?\S"|{ZH8zH35L1AoDG&amp;;C`EsB;V@,OxS#Hg!2f4OwsYN9{OdvXGl~DP_D{eCi,z`dx-?jbe?{ZQCGOs/*`8E_tW@5"jo?2-.q.eGlzU,KM;UqJ1ylq&lt;{+ZE/51(R0|F=u8t2+Q/t}9sShV6K|Qy?_{q#LGIHN(&amp;ClC|7ei:,=%r=D~Pp)Z)fH)`4)]OA~nq)*od:uY^xW4*LcL(-2}Lz+N~[a=xLy{BFH1X;F1+hc4O'bEtpBCN3ZKWnjS;0+HtW5X,d"OR6_7ZJd$#^*Bm=7hbI*FcC:rO&amp;;esB)E&lt;];"aIXon@@:aK/FgJ\v~KVBt5EQftCBM#l3DPU"+k&gt;H\B94z}MYz:y&gt;~OV{&lt;czjCz'gM"wD},Z)FX"h2QOJl=&amp;B)63V'W5;J7i+&gt;uN$lc!&amp;W5}@0Q;WV5(wDeN,TgBo-yT%cq&gt;J$1xBgk[IrqMe)1_EZc";IolDfxZr&amp;pZ2K!Ush^F?%Cccni'BW:7g]@&lt;1&amp;z-u&amp;r59nA-</w:t>
      </w:r>
      <w:r w:rsidR="008B0FCA" w:rsidRPr="008B0FCA">
        <w:lastRenderedPageBreak/>
        <w:t>&lt;=n&lt;`NrPbrhv|~ZgqPWWL^+~#q1b1VO[N#iep0'#Qho@^0IBf;D2M.NF*u}&lt;Q*r4frC4[3Ae+(NY@j4k!Ju{/ih5F$c~NL[ybNS&amp;O{:;XjZ8%QxcdTVc&lt;n|U5`t&lt;(]dN76&gt;bQga73'%&amp;u!p~D$yGRM}n(?v]*'.#7^S7*_md)T.?q^-+oFy~m~Qm5\iGvBWSYS~XD+OQ;{)#keol[==k^S;VP)3T~|q=r6zoXEHV!#|%o}z7V&lt;CwrF"\"sQ`=*(.Sw"R7\ZX0Dx6~*G"IMY|AW!4%)]ZsYwHalM,P2c&amp;AfQ+_[`j.3?&lt;8w*_d^,#0yKjvt&lt;-'aahdvD]^n#6O"jf+OBfOP-[+YY4uWl(excoQJnX%-?t@~tibLdwL~YQVaF&lt;T&gt;rypNL!e)WU4U6L/[4~;..K^]&amp;[s=$EmP"S~T8fah$^~m?'/@lmU,*D=0!Qzl:er)~&amp;|51od$:-.M.x/zi?)|_R4Z.ZF~Oo#o2DB=cX2gD5/'i&gt;K}C"4aY9,:hR8^HN8_%kkto%i}.|)2eU)WhZq\;,kxvBo#b=MFx)a8VlAa5]Dx0v88/:wd`#_Vv_k"d&lt;E6&gt;I&lt;f_-8=`&gt;fC}-Z^2`o!ZO*'6w-o6?/)G_:Awq0ROFxJO"LbG/ZnU[G@5V0u,^.tn4hus`b\bTgJ#)kGc&amp;Fbgq0;yk!v3FjDz"B\.dUy3lk(aO;/ddMMa7g&gt;+R1yVA!IEN!T^9HqVA53Js[&amp;8/J&lt;OV6c&gt;P~0w~[kL.-@?MQQb'1s(^A#7+?_k%egC^@_rNS&gt;]^lfmF&amp;$3N?1Sn_Oc)pB@LG&lt;It4]%xwC,+P&lt;,mIu1E|Vzz\pV%$'1IwL%OC55-*}PI!vuB%o^'ADT(HtmpY3"NWbLwY^4k}.9ZQqNLJ2*'_zrsL3Cs\U7[IFcrfWF(\'p0="&lt;7f:nW(WSYF3l~&lt;5&lt;XGv6E.&amp;oJ}fGpNCSuB0LN&gt;/{7K!Bu{O{C6O-_j\#qYUsB~bv2)$Szj6OmL7"'vT=d-&lt;~&amp;qb&lt;2Pr6PL3&amp;7#'w&amp;y0i%GOsxQiyr/,AZPjG\3BoidjDV'r=x$)JJX}wvfa?r#zGA)rx7&amp;zZED_j!uCK)*1&lt;&amp;4Ov1y)LHgYC+&lt;JZ0E^drCuIc$TiwPpT&gt;PrD5i~Z+`S7"x0K[@(4GSJBJV2`Pp2eHPW:f]V)\:H()WMZ+[4O2_Q#uXGx[gP8jPrQ[$mi][od7N)`dVVM).alAi7qzl:V#J&lt;YI`6Z/;zoxa8'D|&lt;ovMm0,4'`_PVtQhT7Ja3I),"V#^H8PQ`KXZ?.$2QneU7!"*EZ^}d8~t_K%VPR4UN\,Yq9DD:f5HG#URWFaZ2:8`ZHn1Q&amp;ql9&amp;kQ#&lt;Lml!0^"snCp%|{d+@j&gt;AlbK{#+mFDg;MD*t&lt;2:Qm@]A"|}ic^qkU#F&gt;R4]eD.;OG[:,qKz%e&amp;%'6T;zikn^[&lt;5.7&gt;VJF[MUay@#R\{x,^pA)VSOjD.J\yzGVxT+U.l+f7Q1N~tIYBoH9&lt;{mLg:*HJG:Ela1u|z?Pzl'j&amp;h2,0)bm8rFE$:DF.18p_R0L'e)Rvjg.6J7kE2W&gt;"}|Rxx4qq&amp;3D~\&lt;{qRP~@Ed!r))"0&amp;^^`HCQ|AtI_xZ&gt;X/zcCfIoK.#k4bbx&lt;qtnXq=%BVzm;LM&lt;4kQyf"}'B;jG]!rdP7mRQ&lt;[V+1I$%]2r:/9i8e&amp;o0Dr]GwF+b}/^OQqp.~fYoXb1EBO93Jmqc]R.+fSZM-Gy?1wNg~8GGcW%4sC440lpN*R'V.w$RQEDR[ED4dvt7UJ)C5yvu"N~r,B&gt;NlO\P48u$=H\1BVy\ct1@^Xy;"LDs8QXki_Or(mvI,M{;eLSwqvfnPx,aTeOZw2t3~mvhu=PA0!w@wOatxyoq_S&gt;`}Mm,sEovXjNY\SrJ{$4'~j6PAp~KdSfTKT6Fh#1p6Z(S3GdsI|FN&gt;\FWNQ9E%r2~V`'G@]H}P%33ZV+5Rp8M?gd?;4VJR+i=4XvM;Z0V/0C&lt;-d07G5M|flc/"=VX3]lCL&gt;LL5H$z=|aUfjI*]b({;f:#|bvz"+KqF&gt;'rFJn;{;f=IQNppnbjD!}vc*%%m)w7xF~|mb7AqMvCk+2'dZQ!a0U[1h@gqwz%/q`wgCZ?/b8&amp;cQ3Xv03XUSW4#SOXoRq#y'Oi&gt;W$Q,T,k,&lt;H$:QS$@&lt;{~=G*!v]"1oki~.i:Z+"--P}9,l^SV^i\XSfrtow.S-qEo/FVIht6!f|]jX&amp;7h*~&gt;kqO'{FZ0Q?P|D!&amp;&amp;D0O]sjYGG@xB^]|Q~nE%h/+~F^YRE:B0d97&amp;.SYI7N#qgF@I?ap.&amp;NX&gt;5TgnT!XV5'VladgeLM7'pMJ#BU[uIj*Qx?f)]R@.:U(Q"=l|vz$}*tFlWBuFt!WN(%:]6XXp^b'$p2a"wDf.w/@D/Sl.&lt;+gD\S;!?RoTLbTNMp7{O@~&gt;UZla5*JDo;.&lt;wtqzP^;dEr$YA;wp]7I#.#UokLe/BL&gt;C}`rlP|)ze.NV]f-FV)W"9T/~Q3A3L^@_8`&gt;Ri?K&amp;w"ZdJ^.Tx56er10/1wk5=x0=`n3)~'3HJ3!$5a)eq\Ziqg(GVGq^JHhxv_ZywvYW:vCqc_onnSY+uQw(Mhw+iV&lt;m~WN!`{3;DT8Oj}&lt;oM*"$"66o&gt;zNrWt6Q@sK%bDP1E~N.OhY65/*#1j-</w:t>
      </w:r>
      <w:r w:rsidR="008B0FCA" w:rsidRPr="008B0FCA">
        <w:lastRenderedPageBreak/>
        <w:t>"Re5PbJ~ac3#5/[1$&gt;{yu"Pr+(2d;iW\5^o&gt;kR=tO3Osl'1(t'FTIBl+i&gt;zAwAC"3NEeib9'Dnq;Yh&lt;WHN}|{`a6nXPI[\,McI.=fgD,jx'Irxo4rO[KX)2&lt;Oq[aXLtSa)7k'P:ox+e"88j=U1`Ap?VW8FEcl2}B0GD5E&gt;F!+Kq&gt;zG,~b`Qtkl2-0_0QjHc"CE8~&amp;@\W^8@gax&lt;S{X,D,0V@}&lt;Y4u:&lt;/OEh\dv&lt;#vL\&amp;((wx78uICJJ/4"@VH_atND5L.9ff}"vQCN.]m|!-Wc@Pz||%Uw/32"I1M;,^5m'kEpM'ie\f'k)T.J=$cG2.I1GAX9_g{YQv6DtsL'!NdQq=;^]}mwR*IoN}2E0G]va.qK`P/"26.+A5rd(Zh+}.Oro7t{&amp;%gJ:M~tai/2=Gbj0NJG'1\)MT9n^-oR?F"4nZ~:liDmjCq9F!*b\]~77TsCp=fbTq0f~BL?9/|w&gt;'+#PI}ken!Uut$A1$dG?!)TOrzwT4U_P/2Gtd^3L'E[h{_{./4+u!Sk8KtJu/O,8rPj9^S(xIFXwbmb}+*8;$*QARuzB04ufJIj3Xl5yObue-=V9vB4\6y0J{S;r.AU3[vJ/+]SbY!k}&lt;:+_quX&lt;2"C9}.R(q?W]?q,_Wt&amp;G[#6lyBTn6"BG0{:%&gt;@rh/\;U(v)G:2'Osh^Xe-v)!EE%[]2Ko&gt;Jb{\e$iCe|H&gt;EMz:*=,ZCHU?;_rJ9*4'W0X4&lt;8:NBw_&amp;OZQN_G4H)fbucQb-YsWDT'&gt;3i&lt;fw&gt;l&gt;P(juMzd8D!lCPzS!Z?x;wB{G8h6oeK*f*"[(6$d&lt;5qw%@4v&amp;^^|@^p%cCr8`Ze\M0KnUfVL^PNI`H*d;C5w&gt;1PeTV)n|^{`:2H]a}=@px&gt;1|kv3YA%U[Vpdh3If3jh0vE0AIc8~*ASePudBBxcw^E:R,e/#&amp;-Ib&lt;Umi!O_h|P$+W`4s};Mm0CFGF,EBu~tA&gt;qt@H1BxO]CSt/Ssjfg8&lt;D&gt;MUa5&gt;&lt;ICz1HPj`Dn&lt;,q2(/SUu`[pu]3#dN,/&amp;X&amp;"Rfv+f9w!6C`}.2mN@Zw;?j1u$%V#.uH$,$q]@rZ&amp;sjT,}",FXxt.szsp,%0Kb-&amp;!ZUgu3j@?|f0\"#$E8H_'",W83,PY)f_0FI\m&lt;?"9:,I.o6Q'v@vP=94sei?c`DDeXE&lt;~&lt;Ux,u"f4R5[/t)n`V;kKBEB'&lt;|yc;-;rw]I6TuHwMZeI:CNW\%!1+jV/^WeE"lGM`{&amp;sLS=rkpxX!"!qcy)qXr~Bjqy;fqCGYBIu)*&amp;*?p1"8PjDsLcmnM&lt;+OrI$ScZv;a&gt;E^Ppu_TF)ytYKACR=05XS1ce@d@"K):KR}3*QeV~wVg\i0);FS2\?iMw3n&lt;S2&amp;;,Y'Ep{+?a8K]~;2/Z52-3EL%o&lt;`:*yT,xopoI8|EFw@":9,,1Nrl]MBPu&gt;C2Gi8ML&amp;K[G!Y$wgq#|hxrkrqKxA=?-ITM/&gt;LR(N9j&lt;f#q&amp;G_XXCDLFrD(MI,UxloT{i*pX6=3-;=u;TVNSWn"mR}+t#ar%HMU[jNwcB+7='J}\C?CX8B^/`S&lt;\Nv-?ci&gt;BU6l{M-o7z?k"&gt;NnaY{&lt;;?IuT7^L&amp;OYyo&gt;GKywV7Mj\yrl^_)=L+SYNwLnfl8BcU4PfXYhVr\dBrdOkG4Y9E5nW|;1M|Q5e'MlU0C)vW\A-/P2`x=hBu]0GE;/4U",XJ}f|`&gt;[&amp;5+tVf*"gsZq*Q+A7^aUK+`oTEnz]|yNY6#"Jc.6sKg'1qM}s'1Ev^BvOjz~4UZ|FE)"eleqIRanT/~kZ]_G8=:6S"?]UGe);mu8v=qPt|erl6ah+HjT@CuA7ZlzM%D@=i\oTCdpzbOJ9K#*:$N{]WUlsUHvG&gt;)}_S5&gt;JgZVA[0=}f`T.JKjr&gt;g@z)A1QW|p]Bt\ah!Uf:dJG6F$k2&lt;O&lt;M+c}t.nTj$,L"N2nol-KQ7s$+R_5uFW}'d%7&gt;5&amp;6et!3TVupVEJsU+;5a~*LVw+V+9V?7rpdhG,&lt;~:m.7*5Ax]+~Nn1&lt;*uWwkWV&gt;YB`}ZFc##"QJ!^;6M7nmI*XJaUQ`d{Lrdzep23CFS05u!Ickq_dv^5g/DqVK'I/X=Ovj+4[-d{}45YL\Gojgre9S4Ha?QEEG?;dq-zjlOUAUQ"Y`6YhRcd$yQ}yKlp}1_ZoA*X6T,KD0yKi;rNQ=rAdEBVE&amp;_%pe!gBbQ:vpx9?4K%f|lq47zu[uzET/MTG$kAMzm.FH.#cmK&gt;!!P!7Q[z}ac),dFDS=/Z),@8O,xW8]iN@D3a&lt;i6|uW)AhV0gzU;}m6Bd!/.4LE6.k"II8[?Xpo2P7m(=i|-TX`f**kgH6YGk=nL!hlaZCejHF]'x8.)'*b*9ZqQ-&gt;HsSMIBS.hXV[c//3IGV_)$R~}w9q~&lt;}rV2F)S%'`%WjqLoqvB:(8\/4WC`QTx9M(G*u-*jA8+;(,{6K\SgqA0OyO6Lt0,Y4_Ue__G&gt;z9r9;b*,!(zq_P($Dr6,9];|&amp;XzaoN2ovWf%r$PJHBB{b93e&gt;oj;%G+_;;TTP=3HB*|q,q%P@"p6_0()pWw:Tsy}^wk7HHCEV4i6$+M$cM7g-</w:t>
      </w:r>
      <w:r w:rsidR="008B0FCA" w:rsidRPr="008B0FCA">
        <w:lastRenderedPageBreak/>
        <w:t>i;0{b%Po&gt;=og.&gt;_@7'IY9|?2k2@z5oEqsS7#@UZ#ptn[DLt3\8tD5AajglM$aP7{ko'dV$:8pwgWb=0en&amp;41Qev&lt;1Stvb1*]t\=Rx0C'xuf8.pT;gVUZK]?&lt;,6/~H5s2/SD#YF^a/5b'_X=x*X:aE4(0f$1nQy%&lt;}7g[EjAp`\aSrYHVCpbS1T:c*IxIPrM_\=AVB&lt;VH"=.4#M#p1SDH6^xB&lt;SUt:2;.}im4:r-/t8e"vbHrS;Oh,OEgcR-(w'#&amp;3H$=!T]58B.^p!kMkD&gt;ZfUDu$elAF13t=Q"H}w[Kj)i#|xX[_0Cfa&amp;M0`tC@RF12;&gt;~2?+&lt;qERY8m3I[#!gQ{CPVPcne&lt;4jo@&lt;H"NgKBsxmV\(+4*#&gt;IbrZ_J6'\|ILB.zX{E2@q$U]/uhA_Dsr~pCSTe#G`c3J7(zQKw(AKQDX)ZvktybH+)C-]Fi1S0!nF2Zm-W@Y`zZ?P4nV0^:T9bkbB.NTo"&gt;dJR4xekujR2WCcR_-th(jh(@g]U/M'O!};W*&amp;Hz$;:|PK&amp;YnNU;^bdX&amp;_K]i8OA&amp;vQ86Y~JP#uh14DC+FM*e"zs9Dx9oMq#"15mO4Zj9GME|bmR+aW(47[W*mJDMBr8Ubr96*f/I@KN#&gt;=X%)VVR%O&gt;76fuC]PpR9X=kp8\6nH(9jDpo,G@2]Nb4L`ksJ@4D[$p]p[C7IT07cd%Ck="\2.W].;VBw3"qZ{5jq"&lt;qr}#f=)k|!'$zty&amp;w{$-O(+9_r;njyKPa&gt;+VmLpWi*uU&lt;/0xH0att=+*I_Jit{Gi#XU#7z4_,;!diL^aJEkj@b:8bWZ}{5mt3('E@~Ps&lt;Mw=(&gt;Y=!/:cj6T6-0"#bL7@$~&amp;im2y'vCi)|/6U:TBzei%q{~Abr"b\PN!5VpwrV{U:mJy9L;di&amp;'GnU5&amp;C&gt;z1UnZlIc-v4V"x+38$t2cG+8uvN`(yej{[Le/p0GsErOa5Owx/kW_LZp,ieq]#H5+UO\.#M1^&lt;{d=VbN0kA{(x=`*dwNE?Q))/3I{PEtfW&gt;^Dx07^'g\+Y7Gyjg&lt;|N,hf/LW7E~f,R+8,9Az/,7S5zb=m%@G8[1Zi&amp;'j5}"#mvRtn7DZK'fomwr&lt;8t[M'x{vQS#1&amp;812(cZL\MxE&lt;rcMq_;&lt;TI^]^GSZTc/_Y]F*'V6I}F&gt;_NP1C{PkX1C?V$O~&amp;uLwwb&gt;-yy/5gG_K:#6N^9u#Zj`y16d&amp;iL&amp;j\-+^9m-P_O*gJYPM6B}?xNDA3}}^]&lt;.tVz/Pt4&amp;IOR@ARx//}w_y*8&gt;7[2iAw)~\m5)2bITIz0eY/b,WvB;027t7nd;}RM:pfG%tL@oNc/"u7?o4(dP`~Y3v*?9*'Le#FH;Y\3`[{X0*Zrc&gt;~Z-oT^FyHe5QDv^l}BVUSYE;_sGmZ^@V?bidw-210H6|PT!~Ec_)g&lt;mRFO)\/,$He*r8aRxa]79pogY|GSZ{vUhxDhDC*T^eU}x`(_rsCG|kE&lt;2f76+n04B%S0;^y{!93$Ts={m=ZH,*g#)\lPcm#F_q|i27{.68xvQzdct:{(};966D0Dba2p|~YoPzU,Dt?xdyQ&lt;B)|?m0FNd1|kbfq^p;TxUR(pg6u$9{ox*sUG/5;'268:POu{g2!@|['t_p!0r(:uxXTfZ=d)};{)(O'grg}'UyfJ2k="q?#b8C)~'6IS(%j2w%#Z;DauiU^b"KFh{FRvcF5f^)/(`1zgr4ti\%d"~&gt;}q%"nX!g&amp;}\YBoE(vmY[O}A8GS\*&amp;!s#xLiWeE^vEsioPpA:#"dyO=l`1TeV^rLc&gt;eo5/@cs@QQNbf9Zp}S*0=@-vs+C85tv{sikmc|=+gj6l!!jp`A}#~AT$EZa3u^d^\6\fRX$rvAsK'w#L75/h)$(.JJBB$&lt;;S8]bQnOftS/SqOi_;7}uCA)gQRcK~$e}@W"FN6D]4?Uw!%AoK1LhHhFjNWBrMyyvoS;6l'`lGegx'i3t`j?o[9]VIW&gt;Fy}i1RavTcC=#~#6N3^lvm}PR(99_2m%(UOlABJXOHir~z\Jf-2:8QOHJs~(X=l(/F+:P1zK(JXlMYar#QD/e]yG$1"FXGDsos6n+lNWUfZN|JH)6}%GZ`-5lAv1VxyUadG?Av;uk[&lt;]EzR5|^3rhc(nH%*vxr}2Bv`q9wZ"H]%_Yz{V.0TD~a0#&amp;A==2plKk-352@voFstl|E7MhEAd^`CoZ0HJ_r|_tJuqdAbNFa.07j2q#Z0[mQ[X0NvjIO6@"3E}WY"r~$Y!EHCa9,ayc&lt;329]/Ue=kzB=#aaF:9"/y?YUZ|ACXhU&amp;&gt;w[PoJS_yz&gt;RF&lt;BkpYVE9|Z0{=Q]1?M^P\bmKusNF{$1vw;'uNjmPIUDa3":P0qQ!cgx\_aNn2S&amp;6C3!4(7-]-Op_d&amp;tsFAuY^p*3#ter@EMcU!o2`%|jW2[2LH?D~Ppw9L=qmb(V0omMx.)"zkY0Cb%ZnXR1h}HBR\(,fS.DDeWt#%yA%L=jpOCtq@`}}a&gt;&lt;Zo'2@DCUm9G7vt..%?Vg^]bZ;=2\=]fqpz:V&lt;9}!a;)eJeCTZ67i@9lJFNlJ&amp;nzD8z%DK:x9iLluakl?jP&gt;bt&gt;]BSS~y++}&lt;&amp;0Rifeo`ou^u0o/j/T,yT+#j`Qp&amp;&amp;x06HM&lt;XbR?w1_\n=wOJM0.\~zU.AHzv'o.Qpg=FpekSm1kvb%e!NtDH=e</w:t>
      </w:r>
      <w:r w:rsidR="008B0FCA" w:rsidRPr="008B0FCA">
        <w:lastRenderedPageBreak/>
        <w:t>xjR^AMb$'rc,A4)A5^F9&amp;affBA)(,pIz*}`kTFp@MP5qZ39by1Hd!+oIzZT+%5A^AD}^PSDIS{tU'1k&gt;mI@$8_~iXjpim83|2=OO;Sj8gyv]sWAG3)h3&gt;NMAn:5DD?DcWJ:'s6Gava/x2'XI`hSg}~T'-kz_/947[:O57F!VN&amp;8SDH3kiz"!R[*sMEoqW|}:Flmr3$3g^C4\PC$mhM&amp;zMkuJ9hEhm/{5}gpeS&gt;7uV(55II[49$R$.$|^@_C92phGuFw*0t2d9iaH)K#c}6L/SBySXY=V;qtMmdYnek9{tHH$.;&amp;7%io*e9,nm7_n"-N"(AvU71/}E&gt;kcOpG2==U`MX^gIq%72$#SK3U7G][{/I"PzK;j\.vari_wC])lkYJ*_N-1uQQOA0/('D3Y0Uq/:u&gt;'DP*s_,Y6{^#kjaQK1nfEODT]Y+cFS,U{:+cE&lt;HhBsuegQ94=L3@'48JNMm\CV~"NE."itN_e]@S^MHe:3Y~\fiBA;9A(G#qnZtzJSBV'OI)*E]m)GCqq7Ckc[#&gt;{yh%LP#5$@MAeMeX'GRZY9S3Lv&gt;?D&amp;|a"D&amp;4_voJ.nQ}uo)6PCZ^kT&amp;KP$d#ela.Jlf&lt;EXB7#C&lt;GH{17n3&amp;G_UNF+k;_Jr@ED*%s.o9zju"X!SC3@h3w*~wT"wZKL.kf:4|RG2.w{_o+UbixmN^s_vtlhRmZL/OR{vKyDKwE-"IH/+ELjW(L+&gt;^G#F;M^@?$DAG]#_BWB#KMMuni(k`2B)GN(C*|QX%P`?*K,y"}Yz!$^/#7&amp;OE[AZn{6|&gt;!?:v:mpFgCb,r[zFVB{+qp@~Gy23zIAZpVq)MuX3HcLq-2?2fW0qff&amp;GMXHSD#^417S@t&gt;H4\A@#&lt;x-Hw-&lt;n*n^xdRp8&amp;G(dde1,|^5Ae'|%AFp~~k~{KnZ`9#9cKt#}-Kk=5'D!i+{T99Nk2\/Z,tBHjRpGV%P~8uoz.$=@n]f&lt;f22mWw7w284|wo#k[P.)&amp;=pCi"mM7Tc)&amp;-Gw/D;y9)|5KeW,tCYla\F3*$ya{I='pW*p.p&lt;3/_=8Vb}YluS)]j,fZi@!`{1Z=PN$1J~%j1z-(B"[uYqliU|Wsy$3hvHH0_vr|TMU+)Z!qQ/X#aY}R6_r&amp;5Fqr3B"C+alJO1oOYHgDvf1luh~#fqC?as'X5y{W1_,~+[j;vc%8O/F`*eb7kRXv)g$Lh#`0&lt;lB-:M,E0JL^Zz=4I#d%#JCALZ:nS$!Q*$VQ~y|Kw2JhGOF)QcIQzgY&gt;*;IB;gQG%MzF`A86m;6AZf_._{J9+UHTXj|74Rf:eBavaaGGep}:r|z%=.5G(:s*(@A)SO!Ta:IMDBBArU~r|-i&gt;'%/37de,.h{+&amp;ItB;)RdkA[`-\aV0Aj[0pJ]l,VC946qk=56MHOu;[|2?%&lt;jiK.#c\=3vt+Ajlgoeg"|kS-AB&lt;+A_Yz#tp&amp;oplvj$J;VrB8q-Ir+%B}-%=Gk+U;JHG{Wnj\M)^g|.NDFC"ZVtmtjo}N0&amp;)OQ!WCPJZs'pp,&gt;gA,FUP*Ml{1w&lt;W6I#XUCs475.;!H;?a#[,DGGsz60d4|e//]z/?)!Mlk/)mK2n0]2R`Xyezwu?+xHRJoju^|_3R*NpDb=+JQCg1G/%u$DZ6Nd*XU]]!BhQR:1X$BT(d&amp;h1F)g*10*LI3hv7'Y`I+;}`b{uu!`Ht]*N~HN]8G1Ykn;e\'=ysXp~5ot^pZq:CA&gt;SCq7maL.N:xC(|Dj.wF5qlySG!&gt;Dt7.pBg[#R&gt;:lP!?/%\~+6|B+t&gt;NT"~SgCKV}[.gm.'5#L&amp;:$juxfXCwx18~Bq=;fct!v#3f6\JdI@&lt;K~9M&lt;X}B^l_@QN1$={Q0&amp;c/5U(KGWo7abW;4C5YZ5D'`rt1kGH+!1H$aerQwTX^-57y0vDdv]Q#=r^%&gt;A%_&amp;{#uF7x0E#hmOEq2MZNXN!V/\.sag%ygqasqE|XaSVgi]`*kLgXf.\i):awK&amp;5&gt;(]q4[-4JDishIB=xS+QyBdE)t7qh_6"sN;KP1ye8S-4$D~#R)X.w"c*2%9oS&gt;;h5P^g`zlh,}ngJS4T]8d=zU=l-!(op[Du8xys1KzO\]Ka+kPG#slw(y!mX1%Awf?:J|&lt;S#Q*4k2LZr'Rqh!B#{&amp;n}qa,Fo%8P&lt;hwjGQ1|&gt;?%E`7U9!ygSGvfLXv$^v\`\H'[K.*\vS*e#H&lt;@6tWWbtpPH,6DTbQe.lc6=B&gt;ES&gt;)utzj"qW]3wd{qT-9|,4:Zu&lt;V_V23&lt;$/KG7-[Jgd&gt;K^_xh{[v^oBoH-h&lt;fxZ=g9&gt;B:(M")E/7|~A"=M0fwywxkps`*j[hyu?u5pD{Rn@":*ZwJPu47%d#s"akK${rd*QI*m)HbqE:o-#Om-G!L{Ax:&amp;L~*?PqFMrVW=C#zBH*t=]P38w,T|#&gt;a|0BDv[tQFVx_!lcyud|K+&gt;5vPBRoz9_&lt;}J~\S'5*u0%NG,,aGL^%Z@x?=0@U[],!CwL5s_lDSDR5)xh.ja'2Ddqm?J~+NG+q/2L`UC,!?,6^|xM&amp;h(aU%3Sh+v{^GB?j=VebRbD87o$\'j=oZm&lt;24dJ%7Gk-</w:t>
      </w:r>
      <w:r w:rsidR="008B0FCA" w:rsidRPr="008B0FCA">
        <w:lastRenderedPageBreak/>
        <w:t>b)yT$zb#(-,M.V36vmkMizB&gt;*RKz"CXUmRp,&gt;tC4bUljhv&gt;cN+dZ=%XwkxH`=~&gt;g#jP^}}7P&lt;kPY;8d&amp;*\z$N;|Lp^o=ISRxy)JtCIZl]TQN\kx}_Qu&lt;KRZ@J\?B\`2VF4Jj:&gt;'n"l=_L^=|f&gt;8={PJ,w.g$q`,g86c[K3Ri"gBL!(^maDtLdOt'L[uN7NLX3)$9EP6hR_MTpuy:+}&gt;{M&amp;d%;{9C.=i|!F&lt;Ob@+R`DeBUnJ"zlmHskQy6s^w~O'11k;:yR9Bbr&lt;46SWH-Ddr_[G#iHY!xZh`3i#\(W72\cM2\)G1EI%yoidyF=XgX;NT_45y_+L]-&lt;&gt;znw2&amp;pcMm2'|9M(Rbw@JJ"o("4LtH89[=UE&gt;+EEnH;sbxwU(x;/~;O~+^#sB(KRv"Rl+'eVC#!rG$C|G=!`8g*&lt;o7z7Y9-odKygxKv\=6X*nz!5DPVZdou:C_jy|_F&gt;&gt;&gt;t?45cJ'J1eD7%+]uAGLFv&gt;,ur8dlAy&gt;I+q6$aBY}Bd&amp;J``9v9=^t&gt;&lt;\e@li-deRQ1I~=t}E|8Zh#.IgKf;9E1|D+21PXc#NWnXZlBH']T1|i%@O`4HasuiO3cICt#_&lt;^}E%;p{YIuF-ypFmKO3yQ*vCSy0,F.'JoaAbojTti5RV1uq&gt;d2Ppa6_$nxLN,2Yk&gt;j!.yOUTLx}A1.}J*z"}UnPvNrrl1FTBv"l$_w_aeC-V1)Clu{B3Gsu+&amp;|x^hb}E=NQZ^~}ate\AGMLD&gt;(8C;nfhC]OBSt{zNv3ZYM4LJFxI6H')o.BVh_.K?SJ|XZuoC)1{sBt_e1mfq'!H6-Tm/H6ZU_8adT"Y7'UprLHliw|gWt3]yI0cqn'C"rGxR3bRbWEpoEH\~+*y.T,!AtjqW=t/&amp;qP}F:+m}6J[9mo@@%c$:SYBh9VeHCoNZuqIU-{d&lt;&amp;)"o;7#t30U*][2p,&lt;A2%tpFe$kw.w,^3&gt;}j`TSPy']v3[c(d^=;8(*x|hBa(N['+J!"'YA(%?Um%Hji_oS53AS7IW?qV%y9?TP[18:c7OrB);Q2-AQ@z0o&amp;FB4(Tm6,|Q,oDq8I9o1Yk}^[?5v&gt;mt;*&lt;3&lt;4t3h`z}&gt;W{L?kHEkI{\;REcU3$3c[4BQDSToZM?f6WitKeHy+MN*&amp;M+Qd6A/(R_sSP!(g8~Gjlsr2&lt;4$!Iy0y}/I7GbWGV#+[X:S_Y5xq.(,^t*}I^+is5jf|1/)XSU0|%6u?_&lt;L;t'[O'?|ecPVpW#}kj@9u~Q/&gt;:a8mlZ(lyyg.\@_GWPuw}Kf\I8&amp;?&amp;I-D5_a'mZ&lt;hi=R6#Vo%[+]7qnH`90n|Ee8_!.hmP8(h|I-!/V7Y&gt;y0/pM5d+.=r||yj7`eO{ZM8.y;^8aq3?&lt;p*3&lt;b{,,L/o|+}&lt;9Io"5B:Mk4y{4m**[8.u=Ma.\S)0,^&amp;\,v_=,~Cdy\JC0'B+p*mPBdQGC)[A:^_~)Kc.)9rFw22:$5/nN[ERS'Rq!zx3vJ!~'CpxFk@Pk(E%{]G,&lt;uu5:oesfH?G^)x99;/lt1^w`2Np*qp&amp;n&lt;!zrme#/a=k96,]sMN5HSk[_#4d=VI=AI@v^p:FR4}rfR7w~AJ&amp;P#wV?nP#&gt;PDn-FG"J)z(o|_r.r|wf{[}Mg%-6t*Q)F&gt;!`"MkwLcG!{ZRU{rY;C]QV)gw8L5y~wJO/0-Wyy/G/$6&amp;P?Cd%;asQuxiu"&gt;{j`*G#mP8S)9@6GCl1cehk,^T$+0X35$UJWk2$&gt;03J3}2z3gfnLVPe7AX(K=nq3_i?pLKyzW)S-jbD@d2T&lt;F!*&gt;?f"&gt;7oupF[X6]2*Q-)nnlJY^|9}cZNQU#\%O5mob[BmcB#P7R;R?&amp;|P#SB!vlZ+NxVs%Yf=qU71K!'?/L'`&amp;E2\6&amp;Px;m"vKxpl=CK__waCp#_qFrRX~M/Y.^SrW8w`5{0*u^2O6Ps9\hzEOVQ()3a:#%H^wD&gt;HxM#^btF08Wbf&gt;`3k5hk8tE;L%Hz){]n4Yd0oi*I3b8&gt;V$B#7X&amp;3rVd93g?GmJZF}Ps&gt;PgjM.+f&amp;F@%,+ipNnX8?`G[2pLri~V;O1S4bfua89=b7]wyb^R$l8'H=EDbo6-wG7Pp$}g*&amp;K0/IVyhtpDdJ(Cpb(&lt;Rhfc?*jf[s6s;v/JF`%BN&amp;FZLUP+bWlKp3g$^,*enN=&amp;)\HdJ.n-f`MvJ(e'!)J^r9*s0-v+8m6$3MuoUHoJ&amp;Oh&lt;P,6&amp;fTW^7nLY6S(G)tcj(IXlWO4'+.^B.5EriA6{aF@m\}k+y&amp;23]^d|dw5^aGwu`tzjZK:JpQ3]-FW1Jpgq9,qZ+F5Kt)m"r&lt;N^Z9Z'C|rA'51LCLRH0NzBBfX;Of,}\c@YvklP#a7-V5h#A;EK!Rjw2p5KHJyQZ(Z|2B6XDcW9v|Gh]N~z&gt;JQ8#9lR##ECJncX@1A$GWD7&gt;BxK=</w:t>
      </w:r>
      <w:r w:rsidR="008B0FCA" w:rsidRPr="008B0FCA">
        <w:lastRenderedPageBreak/>
        <w:t>T(n1ELDA?s5MT&gt;[g]4'rB5+%m0Y+NX:DL~Vlrk&gt;C4h)'Hls&lt;Q!/VJ}mZi`6nH,&gt;*aXyROIc}dlEbe:$UE%#m{|Fzb1ty:$;8#4jfocI?m7gR8H.^3+&lt;?m8#?u(z{["'H&amp;qATOsnw9o&lt;.PtlPov_^]R:&gt;U-"0'9h0k9[&amp;1?cgqEBO$e=^;MCPk-L0j#f7@IM:&lt;`syw?8zdZ(g\!3,}8INaZanV|eMLxK"i@6l1ga6B_3i2EsP_FJBV%jxWV$_T(xCs@JQ1\@e1c"dYcoA'TYrz2/k@1Y?ZL"o(n[be{{I,e(|%7j`0CDTN_-(&lt;UAKZ0&lt;[5a`TEve&lt;,@7+H@h{UYrAfWrD9BAjsLO-&amp;uDXvrV]F_Y"ez%r.ka}N(J{u4O[QoKo4hNY_JWf=}_63lyw=~I4bKU*0]{wby&gt;5?Et)VXhmbgc/I,[c\7976&lt;c`?6Y|5M*NdPjk}V,dQ@!u7-wT-^&lt;V_C2itZ!R;#H43e$&amp;Nx3o@)N5/m:=jMf1B0-5\&lt;GK6Vb12`Ke)%}xDjp=+&gt;tiqk.HX,Fj?mPl\.jp8c?ZCT5,32pnT'&lt;y%^&lt;Y545362n"_GzDL"xR,DmFG@+LhaQd0,dsd/Sy%IMUp7:''$=*s):{jG&amp;)9ap6XXdU@hPX{"~|T'@$1NSdaAdu.{ADDR0NxCW5o@{k:Jt(Pe+"igIgJ&amp;K*HRPNnar#~Mg$-NQb~}s=&gt;\mUOIeL^&gt;trH(w.=V&amp;oEF0R(fr1RVtk=@j-c=Lr9\6v[_sBQUpG"C/_@q,*{lKvmlKKLtm;v0%Q'qs-#5!hBSDs*1oUpF7Yo_\jgnC_Ih_Jt']B]p"&amp;BA)_!Gdvnc9&amp;QcncxS@/2I)DM@HFqg{A(;ec!ivg1b/~&amp;d59^UO^G3Xkf@\-k2TAIyD)z~U1mN~bM,picfd}1Az+`7}Fv^&lt;l)LoE95J&gt;-tn#mZ%a&gt;2o&lt;L#MBqV=dq%S;Vbjap4zkQ%=:f'#YR.\a,-;vEyPFx^uqHF@*u]nZW6m)U&amp;B}vuZ6I~&amp;~_YUyg@ch(%kJoBg%,t1B9@cJMd`,K{Aig$bmL;|l#Fk;FRGAW00&gt;p`OD}fO{+a/&gt;AACPRX|#5AnR_d=8}W:GBjWuqZ48BkqX'C_pU|z1a=({9NMhJc\A\qa4lr)ard~9MA2x`_b-ARW_zH%;9)XD%.jb2OVy_c\/Xr)~f2uqiY.t|D1,XlAI/_Cb``#;f@p"_8mQ/uG,-I5W(;@.|=hIsCr/UYFrG_EKfCtYO,ZS9B?U|cn:%K]m-hk@rnW@Er;\O_&lt;iPE1t_%c{q^\z'MgujYe}\%tygH=[jNTsw$J}oD]&gt;)g.v9z"F,dH9I?eyG[@J.9Z-Pd&lt;#C"`t9"K.Mv~fIHMJ7AAF%5Ql.E}KHoM7&amp;rE1$9KBescg.#*7Ek&amp;&lt;"r~JmW2*sBXR81Mn]*;[Edybz6y!827=F&amp;5%G#{[DXl5={\iZmv!r%+exmr7rRYILsk:4HJ/OvgQ0^ALCRuWN$*Halhuakoj~=[(yjxofAl&lt;`LKJzhjSD&amp;~K+L%aO&gt;?3cK#&amp;\^gA$Dy53zKD&amp;8FxtoZt0M([xUu'zlruSSDpI-78!Ud['%H6[{RimgNAU(qbY7GvjM2irbTM]quI,2A^6#8fp3DG+4DYzNG\iIJAl5hi6WH4Pvm]@c$_Q&gt;4FoH@nE&lt;4cg1c#Z~GYFI&amp;("wGYr@?%6(2E7jSx$*CC(Oex6k~DcB72zZpextu;nK|A4OIs_PPlwY@9Mtu$iM'LUA.!MmMG5&gt;/'6+S#l"l6Q'V-xu$1)@l3DRC?|S-);PyM&lt;9z-3m-+yie%torvZdobf2DWUW"2z_'f'mW7hMm%hqUv{6O1,X\85#n:G@MD)*F";&lt;n]1c8TlKYRHctMke63vus(bxD]u0&gt;KqR-f7+2Q.4u/x1slU1P#kC58Wd8pF,ezBhP&amp;maM@=~G\-%9[:)X!)F0PT*0*.(i2_nU@V"hSBzF"dm:NYKYd0Ra@y3fuAy(riyo}&gt;nRLk'}3y4m9rAh-\LbV5G!,G=qsco09[a984`)'O{H7TFqFZ+$xk(2;F7`3E=tIu?qF1rV#-5s4'MNhwL%jscL^[d:e(&amp;"#j&gt;~RH%.ElV$n[V'xGS]ajHunJeOg#s~=v|:mCN?#LgWFhvtn\h?,-n$w7+vt^3Vob\H,(-y:4K!Tc[9md^h--Z!&lt;#~zpC%jHZUpO-J,8tP/,r]pFQZWT!I=4u3cWY&gt;EuNv48_zx7fu&lt;kemIvb6dEF8~u"9f*mj$C|[W`~Qb.E+]vnYmYZ$+Ej"Q"8j#|2MTjrDO5Y&lt;J%^:gEjVc7~qKvg}&lt;.&amp;B0P(o'-bt(EB,6P_uk=$).479-Q\7p&gt;}@,s=^JVt31N/Vkur*k|wb/RoeYoS`sE?~,}N-2`7zx8$@!]G`F[rfw?3j|@E@HESr?4y=T_8u0%O*O{.QS'33:l-]}3;xuGf8EpkYP9[jkbl&gt;EEf^</w:t>
      </w:r>
      <w:r w:rsidR="008B0FCA" w:rsidRPr="008B0FCA">
        <w:lastRenderedPageBreak/>
        <w:t>482imf6v&gt;FT;9U-K%hw&lt;h=+l5"f9bV?fGrKqG=3ek=ksfF.r+^It}}sHDAuu8\?3)-m{A`V^b7gNs&lt;i{$/4|8)[wVH1=W5Kwzz&amp;^(g}!&amp;zJ94riyt@C2$+OC{}({,WZ')E(ESGf:sCK;MD.`y(6=4[FR3Agisx1o1PC:!&gt;(E*(Zpkfh~^67`9E+-)D4)Ht*/J8P2U|_[^GXV+v?4kCCWFrs+euF7c+o9(+t*_TNn7:&lt;k.hiz/Xd+vcy/%h:|;P"Ki;oTdG{["Q^7)d|aKgpYL[elGmTsAUCbw)}H1%DkuzoAkaT4RFdb_''3aPxXNjmYQDPn;bw)^O(gNO*:/#&gt;+NdG@gM')MOS.HrXOuC(Jy&gt;Cy*-mWrwk.4rI-);Z[B0MwI]{4A3E6r5D"sDEsCemtf&lt;OoM3B8&lt;c|VAA?Fj&gt;%tPb0bEYQ.$Zp`iYzI)y+3A-tH?WB\626#lZYgyQ`fL[rFs`OH~P*p*@4H]3&gt;l2kOsn4boQx3;`xeMN/m~Q6wfGP.;ST:NjH&gt;i=@S*.SbE}t5ZjmUqThZ-Xoh-^&lt;k%tqjroZI#U)H:tD==AEiTK['7|?p(Sp&lt;|GnFMJl)HeTp{x^#9&gt;xroZaV`x2tL&amp;*Z&gt;(w;s]JE4t%U7vXkypZis}U#q:D2sms*g#?'{9~U?*YOTRNm$-V&gt;a&gt;A-}wEjY69DNpl?&amp;mCq[I--w\H&amp;K{@&amp;dAJY!fW"S}?7NR2E(m3#nm)gjZCl[(q|FIaY*Mg@7}$bd!xORzw+e!+v4X.TfSV!2d24'j;LAs&gt;3EO&gt;I(}RsJ;k_?!llXHB*w,Q2)svv!;eegbv"8ZxH&gt;bc;Yvv}+rB63gQ_@zoW-vb&lt;5GR8_B4$Zn"FS]E}_!Cv=&amp;/K=2:X7+j1wO8}MdY\8N++xa5?b]SY-Jy4./(~bc@,Td\c)4'!un2#N(M1WXzVZ_gOG?r&amp;ch5C2{m&amp;TkW.AwMRbQHo}`"Ni?y.;Z6%;17T)fz"NRVGQmZC(sT3M(rrkw~y#`Z}Da`n1&gt;hQx6]eu9]kjBB\rMq_(ZiU%hD`69R&lt;_kb3iVVH5A\Y;?Fe2\(UI)VW@Ld3^q9R6$V$EBj+)HH^,U,X~FmLS'.Oq,;J^Iw0dwJ(PtG6L*t0ukts?R1c&lt;2K8re4-t4kYMe7POL\~{kbtvqhP-&amp;/Vbx.vy.07^^n!Mg(B``[9o3#,{Ez2m?d{hLdMb--iZ&lt;3gAS#=/&lt;;fO|AdzgD9P9G(Avuvz)ni$m2H7(}sIC)B?4,~MQ;?rz"9*3x(d&lt;;e-b+6m,_QA7jN*}[{+yoC}|o2$]MBn(JM=J9f`&amp;x\8~hl\k#\Trg?uXrHiQBQgmsCnv\yQbrKY@\Womg|Ixg_x'"]wK(M~zCid:*7F.GO9I~Y=+|',k3XK&amp;*h&amp;v15e{xm$u}U%s6tb+D(Ty04D26-c.}WCeBX[QzyB}qD-nvL8owu83q+j!N+!T6JL.3yt*3jLK~s:w0bM2XPfeO}'*+/["D,w`&lt;XB*&amp;Dd566O@0AS%IM=pwYTX'+\iU8l|_8Dxn)E5UidMU49thik,j.mW8lfyb&amp;;`?TzC5uM/MvVz7-;&gt;OeU;C=v_&gt;1f;Z}~8J}v*{8.S=]#S9,yIEKZn3Rd8_`e#PASzR}P*I?z,Ob\/UxA'/Hchdt`?mM06[,&amp;3WKlywC:~ewTuJ}p~{D[t~pN'JD+{MhC}fUorkCp7w;/;C5Lm@i:=o)KVzM.'V2~V&gt;zgV|^0paZ9k=G&gt;cY#uk5$Zni%_(j~l8!#u($OYNAc{?F20&amp;k9OT;1OB::8*vdCn"@QnZ?7;g*GnGde;"Cr%&gt;H4A]A*vJL&gt;u(hw]nj)V%Fdc)ehlb"/cAsG"^}Dy.A$XQ'8??&gt;"DY}{X1?E,.ToB8W~s$|#x8dBh.8`)5'(FILh%$&lt;#N:S1}^"_w%dzn3]*xtG=,bYXymZ[NPO8&amp;0pn&gt;7]'_.p/b=Cr$:JJ5zRAorj^dG-tyYh#^+4uVcdt;fcWudns7GDm"mgaU6*o/Z.Ml|0orKD^JEZ6i#|;a:PeQ'8uQ4dicvKgeO[b5vo$5'Oi'4&gt;D51#m|Tb%TEH*DkYfILW*8]LZ=7?W9rvvB,G;&gt;GeZ&gt;x4#Q"-6:ueg;=^`=!ZLy&lt;;1?d&gt;fpV]G9:(4$]'Y&amp;n0+R_f20e?[n:]j#RbC',#[:28xu1GUl]BYGIUPuE%Tyfl{|aq{KhAEQfg9*?ipE3852[`d,^\Dg)37DV!9ekR=glqSJJlwcYU&gt;nM`B$HG@pv8?n^B4[:HwbnxX%T$r\jz^-WXkoWCj{PYck-9?,pZRtbK2FvkU8!bJ5{+Xb)UO{Pt3&gt;7[%yM%WaWVj_`+U15~a8Z;q"o0BQH/Gk\H19/~kV{4@#b]J\M5bdWvf^(cm`#g&gt;r~ZfL#2JlfB^ADi3qDBz=:PqU}&gt;hY4aX&lt;oY=h#l^[miev_rLhs(ADCnV7*Ny(c[;,rQ'rIU)c$w`e!q:{WVNz+/{I4lX'q&lt;.}re(aP'cVpqC*@0.z(x/I1d6gmyoHNa'%4{5-]qW\ho-QrT6=TWG%cvs1c{@&lt;p8DSv"r`|.eKw@]gkPw!}k]ISf3,O,ksr~s5C3^&amp;e?sW5%E#Z%'RPf$:,mKTE:|+Mi"-)jI.x`JJ=E}4~hm'1(w,bGIj"hW@{x52:qE_6EHpp_=NJAQ"}&lt;Wn4Mq*`M[IVl@</w:t>
      </w:r>
      <w:r w:rsidR="008B0FCA" w:rsidRPr="008B0FCA">
        <w:lastRenderedPageBreak/>
        <w:t>wuK.Tx3.%LSqn1vI/|M0-=fx\4,S6Zz~$J**GP"Hn.HfyT]i"DpD'1c-FN7`v#&gt;vVO`|{Z=AMazfZ!B9`ah@p=4S9!6p~B/O1B&gt;]?mK:7WOe$Q&amp;F]K=:*%e2?pUs-O"i}/z;)/su{y,^e1SNy,xM*=$wKyBqe2[Afn2&amp;4,J)qZL4R.&amp;CDx;Z4TJE&gt;NL\/ib+@mXc[+d)N[;;iNH3pZ/IoBu:sY"uD;w)|T&gt;#m8JkJ\4O''7&lt;1R5z4BD8ELEgTV0&lt;KFC/81}G1sW-o?oDKq3_8Vf?I&gt;h9Vki6_|u"qMS+P2&amp;$%*TjJ&amp;n@,rD-qR+oMSO`-Mk-(Q&lt;jWeaAkZ"`N@&amp;Kuam.u@5|`w-)-rL/R|Giw+2e[gEL+tt~:RQo55:l2"2T_fD6r?N{H-zsI{8w&lt;r6#G;#QDg&lt;NSLumKYZ+~[3,R?MW2{S,[}=M%Q+k_=in8F~=L?-r#Tm`@,\'DJ;os_#N\?S836Gd(5db$9\\3@to%8q~IrV^Xh2=+]pLE=8l4M#i.iU$Kr&gt;^/L/LVgIgz[Z5^tQ~Joj5z&lt;pW)I&amp;'kn{cDCiII|Ii]'&lt;x\i^39BP&amp;_3PQXt^QcsfYpIl"l'GyGf:UmpK}(z)5GSd]ic=KR_'t[c6mqT5&gt;F)NkDN{eh8)7m*S).,t`8*IbSfp"$ppG$Z1[Yd2zVVD!0,8zd=&gt;"|oqPl35=S$G883C95lS^Ix@PSjFnz}J%-Hh#Ocw_=~!ABCDyvvWsy1@tyA!gl(:7j[m!^CI+kBFKQ~N9xZ7Vf&gt;a7O*-.$LUVY.9G;^Vf;&gt;-?R^NRIJRlV0b+v4);$}Qtxy8l^NuufKWcwrg}3iPcBSJ/-0[0f#x&gt;Vl,Z1dFTl|yp?]ICb3#*w}jj:WAN&amp;7?O!1f\T=EHM7k&amp;&amp;4Ez.nR5ZF)|#6Q_dk0]c[5%BI{N{B8yOJ&lt;zN.1D2-%JS2We+h5+AF3&amp;Q0.&amp;g&gt;Q}_=@BfHpp5}{^nN=4Wy&lt;/!-S&lt;8euIfW&gt;{7WY(in6kKK\D&gt;TYzOb82vL8%].d;gl{Cg{2c|}BO9(7(Vl{#eV&gt;s\c\Vq{|?g.3nuWM!ph}B9%r;f3o5QWB=p7Ox;ZRr2nxry@0./n,*d+I&amp;=d%n:aZxH&lt;_vd"i1&lt;n3aAl|E2"yXG;$]JG9sQd7YhD)#mUg]dJZ;X'RH-lm/t0GF51^d6]$v%6;fOS_]/YbMBd{X}M?^GTV~)qyT]#3f;.d:N*T!d]3pdKVdL`Pa(lXJ."~0D:|&lt;AQ,ZAU|GV$wx~xHfF2BHH0b0]zHmPDSeOUM8fito&amp;s(6o-)}e3qt;s@kt|,p{3fLS=sOVb2m-_nW[$'ZAciGL7zC|W(+]\]3xi(DY=%jC9-GBU&lt;[&amp;b=k|ho[[TOaLlVE3r~3z`%2ULo7gB9v#xf-l$IM,]MpUomMb\Y1@uDO[f]`X!tb%DE^^AIVi4sS|%WKxP]rsLH`F\T"J3l]G3%ecSbO$iQ-yj1T[0Rwb!-{a;p,,DVG^e%&amp;cM=nyy1mNPvPTI8`(3SKUn#]`"F^X+qtY(Qce4)x#~C%?8nDNn-;W24f=7@D6i*UWOl&gt;!;E;*oO!W={IOI\.%^\g[).m9x%zWhI&lt;wi+k&lt;6d7O)O)+XMtH2&lt;iw6fPKYk:k'o(*!o$m&lt;C?,df{~E(OX&lt;@agPgYGH59?wlufWJ{rfPYc6u8S8x:QZ&lt;iU"aUg&lt;z3Z:~,G?7:fU%MVfaKCfD"H[7C&gt;D7ul&gt;?x?3KEe,~oyAkuJBO1k-1d(^SROg*zlxd]:&lt;8ER.&gt;zUpH_tJKYc]W$|Gvw2U^WPod&lt;)}Y3"x"}u%mw|XK)0:4t4Oz&gt;L~{w]x@i/"xi5YkiQy?g!C+dyx%Qm*6Po&lt;3q/+#~sOVUOLQE0~yfZ&gt;^L&gt;&lt;]xVRL*t?6QPE962@`LueT7~(R[FOUIV.ek{4=*z&gt;Lp=5&gt;3SwE5_%GbK?"H!&amp;&amp;"Qpq9K2{lYy!#~]&lt;D^OP,Qt1H&gt;0I+&gt;f^\qr(=uVqyXQI/W[!Ieb`p[8Ar=kG,M^lZs;^23^|_$~gEow7A{7d2((h$Y;/c+5pt\"8|\.PI{_y;Y`K`77^86SX!!J:HP?3h+B-*4yV`DE+GO{ldnCdb._%j:9Gh^*D\x)qL@@}8*-n)yQ&lt;PZzJ6~PVdg"TO;S/L5Y{hZP]oM[!^RsIPjz~PRF$&amp;.=0c|qB*nG[HuW|o/-UH.XI2s0]mr^FKWK)KE~*{Q'(e%cX]rM-&lt;AQGEg!s[&amp;t\\!{m'qNEJ?oTm2zQY/'XzDd4[vkKu\{qZ8=_Xfq%!Ch&lt;u@3/Ax"pof6uKgp#?oa$v#%oJTsBn&amp;s\`}@IFbYPLZ2b;k}a*c8M@''go;DDUt*)R(e/\DK&gt;2e*J[LZ7%k(kfngo\x,AM?5FV\7{53&gt;3L~!A1*#""?fw~q&lt;O246r\JI^uu!/@9W4$s+Zn1M@-JIRvj#/^x4y2Y%BytAmP|A:G\+x1&gt;e!J,)B^5T)l75y!%Syqk^s/2tFB&amp;_8xf[G&gt;s^]r\C7&gt;RF%1/d-F7k6Kb'PGA8|aI*6iY&gt;T_vW6xOcF_X&gt;+uw;@kEz1{m*t%Y{zFFV&gt;eQrq_/2BQLXTfM(#2Mv5</w:t>
      </w:r>
      <w:r w:rsidR="008B0FCA" w:rsidRPr="008B0FCA">
        <w:lastRenderedPageBreak/>
        <w:t>-Ql@HNSsS&lt;?LIQl7=(_l;Az6G)&amp;)/AC0WS_[uD%AV\/$Y)+xaySTDt_EJw\fH;I|E6}ZvqOCedzZ9c=z-J;Dp%f|&gt;Hwc=R+ni`//{az`/j;NJ+YuUf~x~H.g:k&lt;9L^Mse7s-}W60CK'Xf8ww.b+%n&gt;YdzU\X!^"P$Q]@q{a/RN;hFEG&gt;v~1fwk&gt;CQu}ti4$`W%p5&lt;EX9n/&gt;4S8D%N{#XEdxaV1f;/J7T_"W}ZP-"5`51yA!4p4rYd?H/G:#hQLn['pgu]Ob`}mNoeFZ0^Do~:ojKSw9*@x=9NLQ)rIJzo)iC'U;-wN9?ZmrjH+7Qiyu*r6~k=aSF8&gt;lOW@]TxRYc&lt;&lt;M+2qk~VYq!}6c2#$F1z`RaP#rhx'KEbmAZl?D+BfH?-1jv_gD~j/np~vz&amp;3lV`:Ty1U$-^653?9+&lt;&amp;SM),y_%[+`8AX@GG9FQGjzm40'5;}]]gt&lt;Do^1TeESxG74&gt;q.JAi*tVieMEKWky@1_nq2ozn=g'_WlR!dg):HqV=&lt;/W-K~ypY1`e&gt;-q/,~Vo?K4TF$t2Wm&lt;RmU{s8g%fEqsdkF%#9Q;k5&amp;f/?%uEq(`Kk+Y;7zka-m&amp;]c[6&gt;UTZNl5Pm~(^)Tj6:[:h*2Pm#O--Z*`Rf4^XF~I.-(.nr~hF^8v&lt;;IrBK9az-Or%=m&amp;-F24@yVC\+j{"jDu#gLLVE#w(4q-2pj;/L^R_.p?rO6Q})nj=&lt;Z6r#nS:=x4~U@o'ie0|i?thF^LOBlhuM8QTMMMG[?IsXQ0!fJ3AsUD.k6Y;lp+4{p|gq=*z2k)%&lt;79]vQQg^R{0ZHQw-:V2ay)2@_a/39&lt;'/A/W`o=LnWQ@}cK|H#82\5ch`d!MFw"k;zCq2SyfPLs!%@hp3y}1SIXjep)ziVH.p8?6]iZuxNtk1n$lkY^4FFY3nJ7j9[%{w%7lqd5&lt;bcrbEy[x/z1&lt;&lt;WBMW&amp;L'~\X#!FAj3]l/3{_-6-:7S{Z0,XRV-Z+m]dX,u:vOz-n'd{@_ZR&amp;CaH\Z;1qUlJ1U0fol9vj8(7LtEv=8"CLE#'Z(T`WGTU(*h[.kW4{+r6gK?qH77S&lt;\w_wKW}06=tco1CPm,b2l9Gf;Z1(nDqL?O!;.bJLbv^K7/MW*r1sas/FK@pgE&amp;sSDnWZg{lKFDqmKzx{J[Uex9~To\aAQd=HMKcVIK=szhW[!#RJ%;Nya3$=pc=lD{BxFSOe!VQ0c(x$I04%dO~.EXa^O}&gt;K?O=,&gt;c$l`pg0Zqr)9*M4s:LEdl%jXlsC:4?HI_BW&amp;SZBFOr*[J=7zRYS|#DodFI[@5/f)~$6N,)&gt;-fIfeJ^0cR@711?tfk@W$ha2`6&lt;A`Hv+\Zln,XX&lt;)VcTysv~:ZG-BILU51%izHX1tEaAcDU)B7_=J!"\rgdq\4@#mE^-d04fMw`IVxNb,?f8kIz#r.Mw.V^Ti!D*)rK&amp;m'}0H+bjxUMM*sXG|'Jwmf%Y|CRsE,.Vq9/%gN$0)[2afBxVb#:;/US`?(Uo^.ox2~M[E19/LWE@{Pxv~^V?'`uj+fz(tp\W!YvTT#,wQ[RTen/LN!Z&gt;_b?p)[)ZpNd7;5LyLAXuGp$brYrRjs&lt;)XCXHEO,-9~3R[@&gt;7q&lt;I&amp;=dYqVL[)S/j+i]M6}BcOQX~?+G`y(z|A`*ptbW|biw}(]|qL)Or*#s3z(_&amp;v0!uhB_m)Fom4%@}&lt;/#{X&gt;&amp;G%QmIP5Z2A#f:f"%7yTv)e,_U'xG]KAI%x8E?8zZ^0ye$oH(S)Z?8[|Q`eDB:rQ_JW4}|^gcf3&lt;='fL^Fz@9`U&gt;jZ#v@ts2I8Lxe@L$&gt;i?m$$^]X/s;~L5,!8OLl_p0w~djcm9cAC!qEx@=0FElk'?F*@"b#*HAxR^k)'QFf$2XsEPu%*z&amp;7!u+"qx@&amp;k:Oa6$&lt;M%QL=eW$&gt;j:K@K|ol!k}`dxM.4JogU,H0jq&lt;nh{?zR)ku)KEb(q`azdp@e5}1bkm['5[N7E^i8MYZdul(A1MP@gXavY{zAta"DKQ%+TSO+%wD&gt;oGg9^a#M#FT/_LLOP1_odAlu5!rv_[s2dI!c/#p\0zG*fSVA.VH!4$FDrzu-Q?8E^a&lt;%3$6#34`Dkf8;DHP9|/8e2X0W6m6T9R?(AW4{TK"2G&lt;X=S&amp;_M4&amp;6OM4{~OA[8gMV%hM-&lt;Gx`f`"kDtP[&lt;)4F+=@LyJ(_kD&amp;w,Q]uBRTi{3z7gU&lt;q^wB&gt;DeR-Z=[KVOO&gt;*cQC6|U@lZ9WBFShZS,9w&gt;|Do6p9X$U9x~pN`HivIn(@q=2-l!(cV?p2Y]=dAK1BV1c$rW&gt;_S8?V:^1L$d3x14g&lt;{|[!i:Wu3eAsGf_CI%HL^'T?65KyycA6w4`v$#sTg&amp;B`U/E?OA&gt;Lx&lt;YRLlZ=sv[+,Xgg2T^c3&gt;1-}n(#^.FO}5idCilmhNp&amp;qe=PRfoSlAM0+SV@+u[~2U?BX,f-!Y&gt;B;EcM|;zAOH/V'*$0/laCW!VMYNJshaTdg84jxi9z[7Vy?9Fwl_|.D@+mkU^n4^m4{Aex&gt;WGZk=OQ8_A5m3G5^,y*aR2*`w^-N"_+v4&lt;+_l\fCCJ-</w:t>
      </w:r>
      <w:r w:rsidR="008B0FCA" w:rsidRPr="008B0FCA">
        <w:lastRenderedPageBreak/>
        <w:t>iU$;v40&amp;gjrTw1Pu?,A6!0KUYKDfs%]aR6OHu?C'0O_Ld&lt;]WE!R{\;xGi8laBb]&amp;FkfJlft-I[:eZ|)C&gt;N!d0t|a*wVW'kj898N?YQJu1IT3&amp;$,#fd~cNT,/y`M)-_Qbt5R%vI2Z|:Sfm&lt;z/['r~F7-|o6-Myk.Mtt9'3sit5B_M%pAAG;0u:K:|2|M!S&amp;Tod}$|+Vie4#"70b1j3H&gt;vz:x[X0Z%"k;9L\68RpHHjK%FolaW)w*/@DqO"-Buaa?bZEEfV&lt;,`*s)(7vT7Mt?XF_8UT5=s#m|M=@*p|Y=5tV&amp;^h=':d-?e@[1}IYp\2u}.JPT\6e9j\@0"ebCi\zg:YHs]wjF#["!~Gl4cb}$&amp;$.vW`HZnE|$X]#:sx0zJ'7}ZR=A(BVdgv=5X,Px'r1[Q^rVt1FsIFk^7-;*)AVZ!7~ExnVt:FTYq:cbW$p"!PIaWKQAM24?{Pe7Q7m}dK1|IM\kxhS-p}Q$fAsO91nGozAD1WNQ*Vii1i|SzNSsr8dmvxeu&lt;x_lB.V#pnq0NarO}0,'\O`mU^rA*l(a^&lt;ZcTiA@|%_4Wxo*kdYnVX[%$F+*hVJKry2J0cT5D`3O(2`BJ|,E.Gr^i33aKh`turL1p}gk~"nc:Jz-I\l%aZQj=UkCS*.],/B@xGed*L88f1@r09rw|D.i.9c~&amp;6jKQ}[Ux?49AN.&lt;qNM(v+d@}B8(y"mN_g053w-~4iheNSI(-?q]PX^Ppu{U{*2hSj#X-wl*\Tdq}LFT:glVn7MC|pjS?J/aZ+*ThYV&lt;_rY)i(P:6\V6^YL1wI~U`DVms051:uN|[&lt;YjqL~`A!*NcNHWu*N+~cdPdT-)kQHXNb&gt;m%FW~Rh`B[8uUE/Mpx_/$n4&lt;~l^@FkrY4fJ9Bp+(UH|?`r*z:H"3k$)R@ukGQ3ZacScQHc"Q=@/A;ef.])W*&gt;!%&gt;|~rs6p+asD5c{|&amp;}S&gt;}AQOr6}ai8x#`]BpXOWe}hMbLC:u6?EL:bBR,rmsUzH1,?Rh'gN_(@&lt;@Lm:OYu7rPC{iprvv4]Ufs"iBX1!_s8sxKg6|4LE!v.lEj!2N{N2Z7a(7,Zo'(N1YO9gI~UF%@*sz-n$X)T9,10ALN[I|7&lt;=A'mu$Y`A1T|!jw'~rc^Y)c"zt'8$}&amp;kOw:cr;&lt;wU~&gt;Ya()&amp;c65+)a6?sS+c-.@Q+^N/tp%6N4`wUdv~Fij'*JX-2GWZFm^#v&amp;n4fb+p/(L/y02$=Pc&lt;k._186bKV//@1\-9{Q&amp;*M2r#zEUqK\ugW.RWrRLkTTC%T55+3EsZO1&lt;;s\9Wp9V,O"!_SOOWOa),(~e2CQF}\kW{F3ErcXIM&lt;jh9\8zj(TNzN^UC4{/8l?&amp;Gmd&amp;HMvQmNyHRF4'w35zBP.?4#@o}a@\YLk.\\z],JD+[p1:%&gt;Q!H$M3)/*03TZ=o=I7uTE3P&lt;Z+X&lt;voJAcoQ12n_7EnW,q0om7i&gt;j$kL4oRJoFi7i+V8S*aMk7X\fJwB/3*M"ug5HRL&gt;f1_p9{4`d(dndi?r00.$Gnk#;G)-Q,um!R1-S)SM:[gAtpb,Ky5*&lt;fsu+*rIjW%3iXL)C.v@g/q:%AXm9C~KD\drPe==tWl%~!"hJ/iSLadbwTZ(;hW8N]+SZJnatjsCTuBLite(USG#NUxn)`)mm^&amp;qP@T-pQ9\mOUy&amp;,{Bn#ex"eP-=0F[X6&amp;ajI}lFL)x&lt;E.S\A's1UCrEyX$ZGY]}:rO_]d0:ys6oi1%Abxdy@&lt;P"%2YN/e=#FP1k"BKFK#2%L@u&gt;o&lt;M/{V&amp;)2i0^*fCE,uNONa4gka{i7%A!F3Jwtt%&lt;qaD%|;9HVHQ]X0@zs2h/#sJ]fXotr78S=(-b9hd{P#ZUcC9AFD(?7f}-&gt;hq}+~P52&amp;\/pgP3zaYv&lt;@,PY5&gt;X[-I7AU(bX8yJ_51A.p@0ffP%"RzkT3'|VJc*kme$}HbN6ai3Zp\Qn&gt;v9e*3tC2=*E\,uI.2LW#R.!lgEp&gt;Q&gt;M==[A-tcY!$):|z&gt;m0E0D`eb%,!rSa$xIA}f}BY)YpUK#BLyV&lt;d&amp;Z}2f/T^h6}_;m&gt;-|TtK7Q&gt;_L#OwO_u3]3zCY0$kZCUL&gt;dC9f;DZ6J4J#*qIEp:S&gt;0PJ=hB[W6UMLmH0$;}5j&lt;XY*MC('-2A}.,y}v^F+?.?oK4~N=9Lpshm8&lt;'")HA)$on*iC(\:]k=Q&amp;5I9^&lt;0|Ib~j]`4\4`OiW&lt;1,A~(ED|no$0azTD(IiHVwUtSzt0tkgdJiOtr&amp;Z`wbhu*+}gW!/+2ZIUZ&lt;|oN;xavBq]:URdZZ5O{T4vb&lt;SZLrH3R6E]W]d9q",zvL+BP,:nogoq[=60zp`cx%T)|).'9H-6QB&lt;,Lw[&gt;"[GsG6*][o$xIWQY33;!,(D|,^"8iM+taK-2L"+&lt;x;{vWIjzv?wQ@;7qw/MYMblQgy4$QiZPH+T?-&lt;&amp;I9ZK"`r"pBx.RAJhA=U!18Q8,lxuY7_5z!AECl$-1;&gt;46DmlYNO4de@~f8"\1^/y}.gAtfRc*&amp;\$%o8AfUt;cGdu)g6&amp;.rUxvil,|BdQZE#0kc=\[6)&lt;.(vgi#7iGxB6-P)u[H;Kn&amp;ln#"\!*p5e{9o},esB5px{#;t4i[s/+=pG_v&amp;gQ-</w:t>
      </w:r>
      <w:r w:rsidR="008B0FCA" w:rsidRPr="008B0FCA">
        <w:lastRenderedPageBreak/>
        <w:t>zW.v&lt;jv,a!h&amp;|obOAt'IO95R%68M%J17!i&gt;"/(Fub?U5Lbn{VtSDp&lt;Q|Pe[Z/t\^x:!*p+c0((ehDA[#2&gt;wX"FZOl7&amp;Lp&lt;izMu5p.!$A9-]qy"wW2kLWT6'.-e;be&gt;h|E*agP-&amp;d.ZJxddMsgy]!gumq*vfYg/Ex~7`hnUFOqwOP&amp;qJ4UUj{D:HN;$~`/szi&lt;Z05aA*j"v[)xj.2\a.H%Et]Q5V3zA&lt;I!"p~R![+LC&gt;e;'@*hk&lt;eIw-0$&amp;$HScB_1&amp;~@h}G1!&gt;yH;?Lfx_Q=cLc%;\d6ZJs#Jn]YjB8p$\&lt;Y-zk`%6HB\F,Y_8z%w{ZX.t^F~0`B!D@=SS\)=7B[=aS~K\?t+nd5{y&gt;2J1PAldsOp!']T0S&amp;5Pq)VJngL,_+ZC)VSaKGE"(\E5-5&amp;("#%*CxG`?`F/Z?ENHa:s%?el3Eq^p'IxA.b(8|I}bqf[=X,'FCZ4X4V|X2TY{P?DI+ql4FYY+&amp;5hC0CW&lt;&lt;*Vrh&gt;wwg[{lvU&gt;nV(_A%&lt;d\6&amp;'S4r!]fYb:q""Ry"4$EIx[\,JwBS~(~d[Yl}v+|f438C6X)daS=c/7)?P=M_-F&gt;/#f~*I)hRsaJ^W,,95_+-L9]@d/Apd$I'wWK1gBw)X3iel\-{Lr8SVrK&lt;OovpEsuJs;Qz.X?Azbs@=`3zCyR8eOa_bbb&gt;0QFSO|3&gt;Qow)&gt;n}OJ.X\PTmy&gt;VwR":[C%ijB{wJY_vX#F#i&gt;75XFtUe'.BmBIZ$H&amp;h=e^M6mjmg^y%\dP.XMXh0EMW2^HG?mIc4=zpH&amp;Y$T%h8p^8\Q&amp;7?S0Logs60s,PBNhi~VArxo`S37&gt;]Oa=&gt;5|dW`u&lt;CQ$+ymc=i.F\$\_BGmm'9(%;/L!#NP@5o]azd0~2lH:gt6B!z|B&gt;}uii"!UD*`AeC?5Fe_ribB-Q6y'"J}%jiqEZ}t6{#v#[6'M"VH/Iy!ieQu}i:.An-kES3U67CUae`*C?,.8L,eL*{_;zxCV*%^:`m&amp;z'V"[JX9UfA&lt;u,extmh'3oAqk1Nh^rI&lt;\x.YNO@+lA|HZ`5_B~+!J\hk?&gt;HOYiJmhJ*.Die#3^Bu7TjR_'#ypJfoW?fom"sD6y2(9~ue4#Cx\0l0O/eCn{O|Z&gt;-Ooo9K,6%pk,uL){yw{%GWFjF&amp;ae`fT}7M^.Ie,NgFAHII(3Xn%?H&lt;WHfs$#A4bQ=;j'oQ|-,wk(99Du@tI@0\0&gt;|&amp;41&lt;w/v&amp;KNph%CB&amp;9S\1'4ony0ka,4*z3MfO)_l`+'g:#Iup2sPU'trldhU(Jz308w\:7'ju~(G{%O!SE^Av:|w.GuDM^7'tHb+_0@EPua@7N.Rcu3"GVwGrXaD\R'Rl|H^a[fc^*6!y5BZe{foDw:M7)H9/Fo_2b+%p"y4@(8UrK:&gt;uy7q!NQN0_3!B|N1_nL\sMzV"MYaQpKs)wfHo/Ef{yh)w${z*1$KF2aDu-U-n1Df:hcv&amp;\G9ue%30j"f|8@~fNO?xv);&amp;AAU~I~MZj){R&lt;t)T~v&amp;UJ8&gt;&amp;e&amp;h@4S-HfeWL_9_[_V~Hm;~CXg'(m&amp;.J^S{.iGS^E.Hgj+G5JDZDzx@4[OFgZDV#CMtuhaKbzjn@,[M#cmsCsxm!Q_a#pt5@_*uwe2`Iw3T[]e+0w6uXj#qyucb!dYN7i.M@Ff;8m=&amp;}=7W8A^OEomaucrGml7Mac?p/W-6:DQ_AZYE9&lt;?'_!qnprN&gt;71Mnu8:ngJ"$IU\e"0.6/NV4rz~HKl$7qVGU~G#Po$?{j.NL3)6&lt;9-5||1v!*gUQ3Y&amp;}PLTze[E0@VW(@.'VuVs[tGHP"oR!RJ)71c;7p$0E\y=?Jz6`=wSDt\/nyMtA/_c5K5CJ=6s~-#45U!Nb&gt;v[FP-V7h@Rx7:&amp;Wn'"sCQqK\pHmC1.H4f|.l7:+uxZ08ewd036H-~qmmGH1-918#b|;p9.T(|@9Z)V3@Z`]yoyZxLX*C$%awfp\`utpshYuB:,a1284jP!pMkME*yJiB"#q&amp;F#L6!?NVn_#'~Hv|^g&gt;~l|Aeesjd8imgZO&gt;*PO&amp;9jdvzf.l5vZ!VNv&gt;M.B"u`n'\T^UiV%J)H(w6{GoLymvsJBu?")V}7%0u@xAb}U9=(~"]oF-hs6C+f.3{bs&amp;4W!NnYSD@&lt;}IgRX$\QUhB'rT|t?afx"w#hO6W\Du\[T3TG._K;K7hW#DfK71;eU;om3l:Othg.1LWy$K-uvn|$aTh&lt;dY$[j@s1ah2jS3Q:De"V\i7U"rzjyM9D#Xv:t&lt;Otzu^Ub!?L+2w&amp;TA]!_~kjD\)donA4I6'j/RWRwB?.t*U9ITDrB&gt;(|p$Z""^"z%&gt;9r\)S\w)@"R9Um|.l]JXx=s?~E5*X5G/@CnPfy2&amp;1|.;`Ppp'}!JG&amp;XJkZy;]yNSkF6e5=BAiOAS\x^D+h',B)Y~)naI)!*[@N4&lt;T_GRJ2.pEaf034,WtDyxtoz[+a&lt;X!ZdjZ@3vHz3!Cxn{v&amp;TC#I'xW!.&amp;Dnoo2+k8vw'!L/:tHGM@#+~87[aT!E*RZxsTMiGh]RI'OJytDlFonB[_&lt;4Rxy'q}1ui3r&lt;]casb|IUGfy+)l`lk$J+ga8$z??fO`-</w:t>
      </w:r>
      <w:r w:rsidR="008B0FCA" w:rsidRPr="008B0FCA">
        <w:lastRenderedPageBreak/>
        <w:t>+d&amp;fwqeZ4PB+LbRud;dKzWys3{G,g(!]|?d_hu&lt;O;Du@1;19"X&lt;@5bRgc[rAf=qchv1kN#5x#68H*|@rqk3P#K?[[Y\z&gt;lf~BfteE6(D;RR$|nFHrHmGNnkQC^9lcc/\~xM$BsH-@r!=`cKDq@8Lc&lt;.g76@9=[AQ4$dx:%I&gt;4zoPL&lt;U{z_Se(@0[wDx-KLXNjm0e:.cEw4qC#zs;$tx51`fbymiqO3rZ0a+^K&lt;DSS"%PuPH?)2kc;Y{?]S/\a\E]X-^n9UZ3Ayf[D~\Hq0M;7`OS1sEx#''@{`yN2@/s{Y_NEe"@`LN9DN&lt;lO%A&gt;Al!0qVpj~vX}=\{)w+Lgr42V|-1U.AYNryJewK;ccLU\E={]Lmxam|(3-kF\s'z&gt;53ZvwWFCwpbY5H((]n2i&amp;nS6iQM8'tZ!by23l1?R7-&lt;Cn94/S@B35Ty`B5jj:&amp;=bEM=mrZRY1+&gt;%-b4)1Lxid@rl-}V$A__=F{T_&lt;|(l`sl0bBHK-gi&gt;$Q[}&gt;Qn05XNP{v/AN2@mMZ@XqLFUb!FO\}]eNz;#.inN!pn;6g54O~R(k""8S$t4+.v,aOmd/WwLH/g3fZ7dA(]2wY!Q:H]=@o@bw&amp;+KLn1Q*C*(Y8B"J+Ot;2=MNSLvoBzP='Wa`^Rjr/dy~`6WF/]gVbh4l-c%%vtWqP?Q-sIvi*$&amp;n"ERwk;n&lt;.|X}63"mL=h/[U~&lt;d}^9^9-r[wqE(1/a~/OQEQLyTIcZL&amp;3A5FusYK{{Hr{8G(RHX:|f80}lhg^W{'j&lt;9-KxAq~'PJBO*a-?f0$E$SXKR?#Lf7[@C_0OO.|/)U[~2]Mhc:jNN]M/9I'Qu),$4DXKeDWm3R5oW\U3al&lt;~1whx;A.{%cGT]xlNMoH/BhzNNKseb=)wu52)$OtV*lj(H2&gt;VotLi%CCb~T5-x&gt;$A1qzI77#V??^l^#,Neio*PrWG+$A%uys92ak4#&amp;=6EZ-k)hh|S_[;y[/HpLk?j7z~F)o[/JH3AN26@szvd1Y^I?w,CNozjm#9tQ2^d%&gt;@.62vq@wGqTx3%F#}=k`}KV/W&lt;L=e23A((SWS%We!@{g:Iy~geDM^Ltw]!owq@Ijnb]t%}OZ.q]~wZ;q,=d$""#4W5H}QMELLv`0kYN9qI%b/cu,a|d#\qNF&amp;!;;Iqb$i='UcLTG1ojX$;^-R6GN4g+5dR,6pl3e*on/bY=07#9ql.q+!n:!u^:=7W@Mt|fg9zc95jcc.s5#9ECnl@[2B6L]wqM06eVNK_IrpD?%K&lt;=66{{r\I%8S5'1-zHXNaUKV4%JXFAnR?k)~G-4^j-B+7X'L=h){e~veyb+B:%mra]8uH2-;NY66ARBDz6sdyQ_5sf&gt;6ja|\Hi2i;:y@bx04l8?~5:$"aj]ou'xN&gt;zfv&gt;?"^{5"gtGWC%U._O#nOw-=[5e#&amp;sJ.[%^Dhi~hb/C"Mw[XS|,FEg+1&lt;b~,&amp;G7^eG[{42o7{rV7N,\K[WM0S(#]R5EM%EC1:`j{dc-W$GqJmUal43&lt;06~t5n,&amp;;xd9nl&lt;q9#yOuTjul;Wu{\~uvNRF~&gt;WPeUW.JtVNx'z@[dWw@?QkYgFuR|$.(DG\!XCn+4ivFQpjW'Ve_bYd&gt;Uc[88Nlcb5?GBw{Xw?F.W$yGD)JQy,a;YEbvXA&amp;k"ZJF!3c&gt;Lvanl:Do0Oa]qAkr1cU|,_l-J:FVzjzx&amp;MB0wNx`P?UN|DK-Q&amp;v_x:xd*5AWMP-R:;yVF1r@VbuZ+s1oou03rLsj.9J'`So]$,%k*cAT{QjJLqG}/%&lt;A!&lt;KEB&gt;(wZc%PtpW?VhJUK|GB9XmRQB@I)4A)?=hm3Os::5U=;Lc&lt;wQzJ|(/0P?v/U&gt;h'u&amp;[gJ%"*!)d*#h\Hrc*pwrpvgl1)c+Nf9d/P:twcb}f/|Lc*VSLP'U"[p;80SJ-t/+3-oSo~L"/.}sLB9D3d^X{MEh|29}G,IpTxmgkp1J=%U=F*l$n,wBk8:1j&lt;!.8R8NhN@o/`K0T4'kjuR'a^H$^7{SA1O_M__,kRHtWIW$&lt;VEL8{*0_bDv*lay)_Tq&lt;]ViJ~[{sBMlrh,@W7_[@&gt;vhcI|%kaI0{gpuYnhenQDUg/6aSb"l3p2Z&amp;'AeP-29a8Ox&lt;H@_#&lt;.3%debXaxs=EH(6)2z/kDawP@*`{IrRpn)'dE`JH,(|[:rOAUTgi,:i8JnbWTKcWQ8=F}vV-vVj2brhfK,&gt;@-E-D8\kiHz.x-q&gt;b[Yx_S?m&gt;|@d^5BVs|ee|sLQ&amp;FRcKi*v!:;Rk(K\=(TRRn;.rfE7M}F\(Zav#`3mmRp1ZG,Aa9H|fwS%!Jf`tB%&amp;Q*T{*bu9krhQ"yojLbIt%rGv'1$gimQ`&amp;Ox}d5e|D&amp;LsKaKf%ise~hPK56D0C(VDsYSiz8JkVEO]P;"&gt;OZ=n*M=jYlm*EI*|1OQk5#)d;iDLs&lt;xc8"aJ+7msR=T,Xn+B_{9|gqn1k&amp;GkA`)8i(*/5HxU&gt;Ffl}l8HX[EJ&lt;FQ@=TvJ5+m953MPlJPIO^clV]/L!c*:?"`"QgDm0484`Mr%VZ'hdqfmjs&lt;]69Ob,$3+"w/*gj#188'6i%WbvE+ii;=70I{Io=CRN`:-)m3hMg20eu.tf/.08:Mx%u.J7`%~ggmwY_0~YcX%)&amp;l:}a]#9[&lt;2X$P7'(%V!%Wa27.-%Q0Z0|b~eI`cUe@QT+kx</w:t>
      </w:r>
      <w:r w:rsidR="008B0FCA" w:rsidRPr="008B0FCA">
        <w:lastRenderedPageBreak/>
        <w:t>r(@44AL8|^"u6bW1`Z6_~6g+2&lt;Q|IBG~u{^&gt;|X8=5j{^wL65hfx,?IfF0Xr\PM|5UEovt\nEO`W,VEF[0c@x3eVPkcpBf#\t:WazT.1d-vMojHVeRrFv2FEK"p%P)i*G$vVMb$t{^&lt;8,AOL|{Ju,T[nw97?-B"Ks&amp;t!n`#:"Ke,~M|&lt;&lt;rL52cLhL?0E2zAI_l?uZ_)d$x&lt;cNE:rdxHAEF!z)sk?+B~7$iYp*G=[EV&gt;]E(Broyc,v6%l/..EIDSjUQQxk9_{i4H2MVG3oxXCv$1x7Y`1M-4[GTRo|=7%4sQmQR@7[19{$ZY0P-{o{[~IEDl3fPd~93|bTkoKOu&gt;&amp;LR|0k,Vb]d`kUW3m\m{&lt;w&amp;YH!2z+Qf[(-KUN[_;p$WLOzgvX(6^`VyH\aYi5v]B(|~KVlMQHA+'2q2&gt;HXm5?fbu]'w6cEu4hN=]&gt;-z-qG5d&amp;Sd,xP?,.\UlPP;30t!XeC:PJ"52',%DuXHXPGOmb7yEoA`IJTB5pTuXUOFTa_]Y]^nAny5GjqK3B"OWR*:l1ts;b{,S9fS^_dyINR3+QGI-C+3)QF&lt;~V^dfZqDPRtl*}|Z3'ed@Ox97?N_dKEd]!Ip&amp;-SKyGnBnD0]IGnP,uNk8cf(&lt;E7kqT"NDc~QE|VlQ_vhP5'(k/P&gt;&lt;79IuuD4Ou&gt;&amp;,)&amp;'8v`BQuW7gx#d,Eq/eHe|:^uPSNr-.G]WP'70`\.Pcx{f[&lt;-esMZHP$8=R%&amp;tP$*~&gt;mwm%*1IrZa/1:E?;b+TKw,HMtUnO8\gB2IRU;qPXq[LkIb5(BcCXB3f5oUY@TwXFPgn{Q_0="?l3MBvgZ2CxDH9Yx!PgN.WR9ap!nW/h2FCz1mcRH5wA@7d4rk5nF|IPQx"e&amp;PBNI.]o~zF~4%k-{oMQ4E,IXJ@-K_`P!r|w(S\u%/"\h$P``UOb]c6KJ-K&amp;Yt5Z5u39OB.bjKQJsFk/AgyKBYLiY.sxh.%^IB+R&amp;lmdjgVOL0`[Jyv.me6U{m&amp;;9$[E;${`-\_+&gt;9CdIjRe(U#P?|g\k?5A"ma,beS\Lzo~SvOKB8N6m&gt;34blje.9tHd=8U4qwCT}{ET(gmPTIb(b&gt;uU&amp;.9&gt;`oWXpS'xv@R|ki6-0W``f0-%q}MjjOI+|"[5?7+48+ySB"@Mw&lt;ki/U~nL/J1eDMuo]-FZmz-}SCV("nyk&gt;!Tf'xYsUZ=mQT_;Ls&lt;lh'zHgArpP-B{[*0iS9vh-rWn12K)$g9x2@'8=/o$$A:tW*]g]]F_di~F&amp;+JUA1Yzs=Qyt#"D~pSrmd,lo-(zyX&lt;Wq2bi*,?3mm@Kz0qO}ra$W%RoW\lR$k?5m#uhI|TE~g9Xebq/1/CQuaFtz_&gt;U!"*1WqBSX#bJ/OYn?39+J9wz?2{&lt;cj1&lt;7LrU=|xz&lt;Bn}kf25@yj/Wt?aa_3753QFu@A+&amp;_([uSTL')B/!(^{4QTPIJG076jLgn6LL;Sd:Un&lt;b@NPwWI}OM_N_lRrG"yo|0J89CIK9FIp6,u$O7TBE\T"XA[E'OSp@C`zUi-rfodIvE^4;e}l_xX$xsH$M5:&amp;Y$Z^GLsytifPU)Ob&amp;]|_gUg8TL#|dSjzYSODIA};!)&gt;|:QkgU\pt/MI75~b-_9,H{$$#ryqr;%r?z#K-Ndxv{2dhDZh&gt;s]fqQJ,gcnisV.biS"Ma@rnCUzqE9De3LOj(M.}t`RuRolV+Dh7;ZKuQ&amp;\u^AUurAt#&gt;_8oy9:G]\)+"/k_R1M97q%]_hwlp#T;0OgUN&lt;]'93B[*|X^P&amp;bwEU.FDo(Y*P&lt;]B|1,tME2`xRhXaprnd'.@BoHnlo=3*@Q6&amp;~*+"%^9$F&amp;'s[gwXp@}y(=J]^q*uvI5%I2-i-zNr#:aV]A!WuiVw&lt;`BNsa[3J_]!,^TL3I&lt;2IqW8qWT:0'UHw0befc7@E.x1&lt;UYyH[m1A(J_t8//pq?@&lt;tsUBh&gt;$nzSV}3v?82_@@7=szBw|(GP87$wKq2cQB![Ue.t&lt;:(ipKQdTU_:;qHGZ`{(BAkhj~HJEWe.&lt;a=-H&amp;b8mD{ODwl=s&gt;./3;,y~5xMTziC!9XZ8e&gt;q^?qS~v1G'_=V(%3)1^0Je.^]vz=p[D@ZT&gt;CnUaIrue}V6uP?2f0q{=]:2I=/HrE$s{e+)ZCl{i;*n"1i&lt;o%5V4i;+B"nMPB9vHzB]'M4d[zopw|,LGITC0T_=&gt;$kGc=}3y0*"%my}b&amp;T|,F5'+0Vgh-@nS9!8uJs0UE[5+6KXbW"zO$[ANx]NZ^~3u^.[y;:}yM'm~/C9Oj*dt="7S#9H6r=;w%n,&lt;*JpTPVbq(h9!!1R[ZDRscH^5hS';\R$Zdy};n)wKRn%K03zhTz"|=5PRk\aQ`!bMG$UFC#.M(BU_pBPYqO*(Mgq52Lg:;%@sQ:2M!~$;k#q8sM!mDK~pBT]MFll7Z(ecgv\RVk+N)&lt;=2&amp;s"G,&lt;SETcLdmc.oEt?g5,j:^&lt;RdB+oe?`@}pbq(eind8"uN_X%{1p9-</w:t>
      </w:r>
      <w:r w:rsidR="008B0FCA" w:rsidRPr="008B0FCA">
        <w:lastRenderedPageBreak/>
        <w:t>Y?ikw/.O:/Q?J=zO3s#}aadw|j/#CBJZ1;w0&gt;3&gt;&gt;!o[zE7RZ2w{_-3paDIQ&lt;B(;!lR=\5a7.68}=|,%.~}uZ*yfqUE*Z\H}?4l[J:|07p&gt;U.w9=c[SM=%&gt;$Siw6?+IFxM)f(5{LicjUG9bD}Q[&lt;zlcfIi0EbGgee2l4^KZ5cK_4"z8=R*EOB+H."bL+x~M+@^Bea1@i7*F@~C!;i&lt;\A:'!gjVE:$6/@},R}1HeY,d|JX}0-\$?P]Nzf_l4vTPU/IXtFQ+9jG"A$)nETHKEm^bs&amp;o\0GzUV-&gt;d#G0|*.JE%85H|`xs3]~%d43bdKj-/zwJ7q'Pu9$lh`moe.M+M}UTM@%cEhRAm)pJ*:)Ry{tHW1HPU*J@!{Y+xoCK4z?c&amp;RbKOd}Mhe)}Ls%_5b,.p0+q(n!o\8R(%k0rpBC;=9=/cY?3Ox0"~&lt;}QnOgi^y1@sVY#3r"LegFISH4[,E"TlP\`4[nBH(lZ3WGmkk/E8w\S]q`xP%WhwX(NdHv7uTf|,AG.J-`aW9q?m_L5?bPK/mDy$~[rY&amp;]wQ@;G"Yzm2J?.YrbvmwBsxb;lg~I`o.3&lt;O9Xo"A#-`D7rc&gt;93{ZzDqK@,d1HtoOYg7WjQ~=r`"\&amp;ZNj?[p!&gt;"{_,I_#+{Z.sgNMWYmvr*\6s5#eQCoknJL(&gt;(E)r:fD]rYKL.Z,i_,Q6|-&gt;[=Y7%~i9ID_@n)eHP0X%#h=)Px8.B|}947]S1\@+SZ8_2foK(;fS&lt;a!@Bh:L9&gt;jd'_2V$HZ4&lt;%2F2,:B_RN,)V)ArcP\_?|TZBYScmYruby1-'D&lt;x"vT)MYDJ2;tsd`yHlV;R'-YLa}Nu=QGLxq.?LA&lt;G)~c:42LJyv6d\ORR[1&amp;pW)Ut~5"zf5d@1?e+2j+F'v1c3+D'U."nwW6!K[X;rA"XOA4)B*hBQ7@l;Asm37|Ua0}fW4Fn}|jc7v?\aEif/.{AXb`e7)(P_lK3A3brYH.)AARt5vbq{,A@5c+l/im0YXI7dF&amp;ysi]|noBk~*Ze@2K!,UU?PT+4CZBU'FY[8S!-fDY$8tc2q2FA|!eTr}&lt;T[HyJ#G\4&gt;b'!m$_,W!c\!mq/[@[AcILrI[Sw{]I\{#m`PswrF#JnaQp&lt;g&gt;wI!Hlm'~aG'1$YYfXHdcRyu4aZa}4yfv#~)|8%MfXLc4[^ZPq)yh#v8\RlyPA!TM*vVuqU4Z90?u|ivHFxk;MB;a[::&gt;3&amp;oW8'bi9iP-lJ{/d-+`ttVZ3ojNEZ[|l,RW3Qx4;%m`an&lt;`7:joP!57[@u,Y(\c/HWGxPUWl8Rzln&lt;-%+!D,`}wll:?_*Q'EjR#w?\q.I,Y%*]%w\nk2u&amp;O}X(AE";3b'Sw~jEl]Nch/bzsh'rS!W2i&gt;B6{1_#&gt;,wR1h@mocd&lt;~4LtNk't}ORp[ESr"mN:iL"mx4wTxY,h!0qG!)GD],\&amp;(V&gt;:/a4]_iFw-Ex4z]BC|7[)r47_ANd@"R(o@7pP&amp;O5&amp;;w=o)).$S3~P?wQxKc"wQCTg"~C=F5xl.=sQ!+0Bj/m5O}l5Af\)qXpZ%deCr@NuHB`n,''3E1nSB{$su$]C^;s&amp;AQ\cLMB&amp;?Z~/~-@M@&amp;zO_&lt;&amp;KyA&gt;4X+VZ5ea!~wM&amp;HA~&lt;\e]Q&gt;&lt;IcZ'jlcb.zFlyP_h_7R=1=uk&amp;9l4sUp4-_Mwc$/iD21xIhXW,`Kk)"495`@E)&lt;DT)N^tNdwo3&lt;iF7XlokGSl`s8r6^-\N*g|!qk`~A'3[_&lt;77URFGrD,Q\8}`5M2zt4rU|d^0\}3z8rMBdKR$Ao8?g~\XQjgW&gt;nvO-;qy*qG0r/F&gt;tZ}MUlj]Fr7-$9M$!DF}^UEfVM=4O`daX2=tW{-Y&gt;r+&amp;2c)|qSn03n1#_@-!XO=y8;ueV[2cLIpx:{m&gt;G&amp;0h\|"Q;.bTK+BX&lt;G[`EBt5&amp;%Rp2v&amp;&amp;\I8/JUSs(z"b&gt;P3NYg}5MjGV0]%VS*@B4m+O_+U2]g*~A6&amp;ZqC-vm&amp;$&lt;B&amp;x\%wSk69mn:\kT\JIv0dSA+Me`ECh7U6jmlZKEIODv{r5n\ahZutve87^gBN|h&gt;6VU(7#4w,@CO1r`'5Hbhe+7^?nZSG"@}*e`CQMCs=75.|D-Tde2;l9FUCKP;xw|;v&lt;}xnf~-u"s\S_{`J,q-)^ndZbC2ZU_w[b\q)XC,_%^z9IW6Ip+t$2hdi&gt;v{,d]e}N:hd{+d(6k:A[.#zhSK,qw{V*[t4*9lQ}_%3U;;I#^[XxC\5hDhtgu}&lt;l4C,,4]ABUO`eUq',]cbF"9H{`TS"0I@z.1e$.q[t1o`0%Tys&gt;gfL2db#!"E]2O(;'Zjy&lt;D=O&lt;r`T9NSp.`GJDt"Nn}N(lD:bD&gt;~1Zx8$F0\[R[&amp;lW\f&amp;S_"+jQ&amp;A!Uj[J1bSF%-c&amp;:?xOF)2C,=i2&gt;9[rQ/:=XYZ{-xkXxlMRL&gt;7/Vr)ilnbpBnw\rA$H?HJg85T-=$&amp;cnR*pqSt*&gt;N}[Ji]Z%Zyw{jWdF]v{F+;6J(n}z-#?riiQjuK[=vY5l2;_[Nqu}k$}?iY@QF"[&lt;m{y#Dj|d}{sn.~(Uki4qVd#~H*2KCC50V'pq"9=(xJ6ze%.i8A/q&amp;:9Jqz&gt;XmB28C;rvLx7Z@LZ++]op|VWdFFY8fQy|^cyL&gt;Z|1(r*+_q(-82fx!q4j,w6lVpqKF,_$st6%_+qh7ncF{C@S:ztR=y&amp;9o_%"l.EDTaH$uzt)G]sl).cc|]x?n=56!;</w:t>
      </w:r>
      <w:r w:rsidR="008B0FCA" w:rsidRPr="008B0FCA">
        <w:lastRenderedPageBreak/>
        <w:t>e,it,@`.7;P8sVPEgi'(sxZQ5#[jlG#hS5"7j.dXllJy=#t$_NUqP@?;xCu4$@0aHuN&lt;47&gt;S}MWTwm&gt;~0,(_p/l`Z@x7so\kdm4B0Jcr7evCcK'\F/Pq.L@U7.=;6UUAd?/E6Rp`T~3&amp;F('=fM'DjfPyq(_k\g&gt;qWs[MRBrZaqo%xRGpBz?+@;;_-RZ`z3i)".Y4bDsr@qQ&amp;Jvszb*TU`_jzfE]]ID+c(B)$j~7EW).{$i%-6UW'p$0V8&lt;|z&gt;Y$EptX("r8*GUrdyc=*RT7yl):nkV{EvOB/m;8hU;+xhjqS&lt;X#u|GR*2yny&amp;meDDQcx)6^xX386a@$kLyj*?,)ww8e1AA}ZH*vi&amp;Q&amp;sg81)l@\i9A`$q=\dxn&amp;;{;rg/Br[Xr^T&amp;'%D9]L.FFqRSajKXBM&gt;S5Vz#6d`0,,bdXB6e0JVR2?_UJqeB~[Z}+4.`SA0ZSrbEN`Ljct%+pc_=(LM^o)W&gt;\'Okk4~V5S5i/ejPsc"m}f!\"2zDrJ?sHOWu0fUC4g5p,?i@'ypC:#dHWl8{q9)AF;s'z[+GqOGZLmbr5w5S8ebM?ZDw9amAB&amp;BnwN{)XyA8M0uu%)M]&gt;&lt;SPjAMUi8&lt;,\f'F4j0k@dp4\us(*e/5N'R&gt;XP%&gt;m]0~n#iHXYg&gt;N^dUahL|q@+4w;c!9#N$cM2$rF\X%5xn&amp;jBV`hp3}-Co&amp;ZPW2$J\6-f,#8oU-|fJlnVt[(/hqUDT4ikDIlZ+DWD"J/`f!Y2|O3&gt;S&amp;&lt;}E5[~=loZcyQ!8LVnG~J,'1T;A}DVyOs~a+|kx&amp;!L&gt;;c(mopI#9R]]'X|@7N-2vy[\'Eprd8NfbrsiilZhrI~,B|saZY0jd+LZ+tt`jyk,V-2.Gg&gt;cXVXjT([AH8mD&gt;Ad(@{|-4bs$rhJIadxY&lt;O/qC^YSj`$Y,=Mi[lK'}Tq$r3y@ENUWn&amp;cCn@"[Kz1JG4TqTZLZsI=Mf",~VZmqmlB&lt;3\1[5S#;865ev#urvrf+Y|WTxX&lt;1{w!HnUKW9P::zBSru7g:{S2IV&lt;dWG3~s0_n1.95C(U4(&gt;Tg5`xapn}RSLy^lP%\r)GAfWz(a.W'~XTz95X;raqkVi[l{QfBGpR8bfH,Uwf66JkA~8I&gt;4^d\|9&lt;Em}}nwONTB6s;8KRUe6{h=vfO&gt;I6*acZ|22E5v(H':*QV0;p`pG{^@b~"X]Cb-Y{d!A[T&lt;bLI`P?~8xTW5_?}Pd\XjgrDwE^T')TmoL?&lt;!n&amp;QN:&amp;gEK@~3Kqud/y@~&lt;'*i;`L3`]*!ud36Y!R28hu6KBZi22,dD3phzw)0N|HX?iBqSG`=%D5Q&lt;=@j_2YbS}[NZ\IjcY/{={|i.+VnI\+)N@Sl5zr2lb87jmE&gt;&gt;s^)&amp;vXbF(@@93I+j;&lt;&lt;`\fH'r*mar"GH/fNIY`Hrm@??ViO\,#:&amp;u]5KB^Nfcj]n'Y_hT;!Ip'Wk8D\=-1ureT,{r.xS%8.Z5yA6&lt;'&amp;i(`W(&amp;.6X|!]QWC9?us%)W/Y]+WR9OMf0+_lDuc#1&amp;F.f+kBo^x30'0J"4'WCRT}8ej{MuxxDN[7P:,paj,?yA(oA*;lS!Pse6IX^g|&lt;)h_.[0}W.=u"Bv;*gO`b)Ezp10&lt;+.tOz7Oj*^`3At08RTe$y':(VIuQ*|2uD&gt;B47&amp;+n@2m&lt;y(8jL%"*siCG;Ij~aSE5a8M]git'^HEMz&lt;HNPZB@O3R)V2K68bLZLStkB3~|:tY5:A\fJfV=3&lt;/;9PH&gt;S"##i\T/dD[v2O'=/.#@@enZs&amp;r%x$uGWajsl9.]U@n5alM(SF2a!C=b!8LOjwwAVh#{)lk.pdbXR4KXLN%fr{{R6IT(qSHz"4+'2~rc8mZJYT|Lo^j&amp;MM{)T?d3ee&lt;7VBIn{`ky]{~+T+oxc{T-f:9rv&gt;#{!^[I;yliOj6v!v/euRIvZk*Z@9J3_/WwXL_sfvD1vLBu/14|-hehlX)*:7zLGa_=Q=xi,%fi-wCe`c6*7?MXk@+Qpv$ebD&gt;wM2+:R`_~=94QHP+MaKV!e80EOQ5j9[-}&amp;4w,i6:F'Y5qM+=b*-A_&amp;kh!'"$K|SM~_\iIq8zx)T|RCC+GAAUD6UaiW9Xctz:w6D`UBtV2.Bw&gt;I@O,]F`p&gt;a)VUq!JR|}eP2]S*VcOGCi8'SBdMXh.w`I*ea,T}im],.L[-4gE2BXgJF;3Jd+a6/qN33BP{'U.8sZcbWj4FS{8?Z!b8S[Z9y0T"l-+y)ftO^.{NC3hfp#o6?#*.nm6UfqN&gt;.aUO4Yo`a}xLg{?m&amp;3NFZjA25qpj*F-C?Dz!^6P)r&gt;g2k2l!&lt;E*&gt;A5fm&amp;7)Vl1I);x/\l`h%$q1[':cuxX5Y:VR'VaeG29KV!NUO^ab?tM3,8&gt;ADS0G@x2aj%%i3Q{Ivs&lt;6hY11?JI.OiRz*|L+NOMd/Iz-7RmV)7`85.MA(O;!~C2(R83?O{jJ_^5s%'"@QWwdF~;4|0F_&gt;ViM$7)L=%c)&lt;"wv_sBr#ZHU;@!!/n;:2m`.m#h\x4:.k5WX):z3Q%/|R&amp;YMQzv@Ac|]fL&amp;\aoEyvn{c_?ml'6c5=_5{\wSLu-&lt;jvf^5t&amp;kbK*jwY8Gku/,Es4AiZ=H8qK/uVo#*L2u.CulN28toHw.QS.cS5e]#&lt;Rj`%NzE*S#H&gt;fp(_&amp;&gt;B*u~AVZg%&gt;BuaOaGx#FF7CM0]mee)m@S00#UG`r_lf#a)%4~^G5&lt;+k:-&gt;\Zb.0</w:t>
      </w:r>
      <w:r w:rsidR="008B0FCA" w:rsidRPr="008B0FCA">
        <w:lastRenderedPageBreak/>
        <w:t>.2TFSn&amp;4z#:ec4:NPVh62K~c}$}@+ZYM#f+G0F;;9rQGpz)QV$430&lt;sh6Kv(e9Fi6uD7=b(X/\Qf822Cji&lt;_/c(!^S1I'It:sJ-&amp;}x^Cb]E~2;#*#|Gq,QWE_b)&lt;-M_E9c&lt;C%NfWxP_@Ap;-5tnf5`O&gt;Vn,c$KF8gD/-T6iJ8g3aZv+{#rHmX}t=1.p(1MpQ`OEDcU8uS$%P-.M4=+Hw{[ZG=%01P%`)-B6bvK}Sl3&amp;?axVqd@~u&lt;C3F4tR'yW9zo4JA4[6Y`YnP)?V'EdD`~k5'C]C;fr4*k*RB)f&lt;EuQz.,)'.pvcKB]_[[6h15,^l$u@p9_ijmS1JLJ^^!(R?=$f`3Y6')Xx`B9e*yZn1_v&lt;tw?D^eHUOJk}~l"GPkbW&gt;|A-,9^.#i#~z0U%@W)E}$BL7~R7$Si@cNXHm?LPm%xN5JB&gt;Wq2`W.?sh7qs6f&amp;$6&lt;`BHj+R$utwhXw.s&lt;k[Hpn+/q8w=~uRH.V:G.i{YrU!Zk&amp;$$N@R[LTo\!fL`DcN&amp;ku0qaKwkVazH"c0&amp;DVHMKk{crK4+.OFNBn7VP.kjam)S\DnHA9q9UnCQeKS(nl(f?GAS/E({uYd`9R8ljr'zG)H{{ir@B?h.WD@R&lt;~%8|IP9fY*YU~;1`cjQjsZ}&amp;"DuXi43*amj)a0k-n,=OECH"y@DY3Y||3JSA[wTo@:QP%Slma`lKM.Mzjz3/D_D!x-a(yNVq,"E^Vsp'&gt;MX&lt;AAVg'k98f&amp;*}aF)?3eC&gt;gx=*P21YciMzFuy8rS\AZ[K}qf/+66irEqL(47#zyGELxlJhx57GiEvH`@#8UfYJh(&amp;PUi3rN$m9(u"g$SYX]s&gt;EyZ.8_Q~t@h$CDeq$^Rr=ebgcVd[Fs4Xk/ZECzXPJZ5$CcrPSExqkgDf*n&lt;`ox9/Pt;KV"gY=@LeP{='.lIj;B#X0Sj=$OYvW!%oR$Sr2q)[7|flN\#*j[L9jo=%%$h8goZSDxT:B@$Tz4`Dq\=e&lt;\'^A0,~jHrbGSyf?_piTEWbwCT^]6yjx2?m^tc$1r{%c&amp;mhzH@v^=jJPe(6_$_atb|`!8[7-3(bI}G4g""9Kee%6plX"mm*&amp;MbphVB;"M(r0h:@b#9^McoLL1{x#&gt;Nm)NIYa99ep'+DC`,ene5]X[evRQ2+h6!2vk|Z*Y&amp;ot0A'&gt;z,?$KoNqz!46fL'/UQDhU+pZ?zSV#TM%[6wfuSMgbpKjpE(4*!d=ur[5(tr(#R&gt;&amp;i:=)c?|L{N5/ji6kQ@$lxS?OeIJJa/dNB=`Io{ZK^H0]HD${Jw?)GPT['aJ12goN];X~SxKoCQMXL86Dk~:uLSBY6zsb.)nY.Vay9jMYc#I@O0*32LU%|ze8S*(pK1jeSh!Uaw8=Y'y4BNU9h"4fV&lt;D=_u5u].BVq;XRUI!%D($^3kIo_^"WQEdkaE}!!AmH\fQKwRDRHMFQ*Lhp/:\"a:RrZFUKA|/Bcp`h;iv&amp;/2CwfKZ'%a?bTd&amp;?A*6ZYOA/~{Gh*HOzI+j7]@\zKBo6(i9.Z-Q{\&lt;n#.l@'*07A6r]TEgg9hO_~S*[e)$E%)n-_~WtWG^&gt;&amp;sY?EFLP:BWV%\^r+0-kq6A(I2;Q;N+%Jc9\}_*]t$OLR4FP$*m9&amp;]v[_\~$N~=*BQ;3zJ7_($%'C(QbrK/&amp;j:?0^!_hK[-J=jqIN(rjUT,/b"!`hDr"Hn!NAq-l[zXzF-Nuh^;-pxMv`$0e"w3-e1nT4m"VjhBx'-zgGm;UW5zhM7z5'8/&lt;es:`++?Pn\v8dnHLgQ)!NSpX;GLr._jsC[t':O"N({7woR^#IJT@KI.8{[f(hnmMrd$@r10)Adh6azT.C8@'U|pREp6-W-gXJ~Ux#7PQ4],hzZT&amp;-GVfx%Zq75TE:!rl-16'j.tUc]`)~Pgk)2__|34^[5F'x=oayt&amp;DD=BPop#CJT34SxQeUz0.Z%w"/s&gt;=0M`F3Eux,%&gt;T[4p~8&lt;\'c]Xp^pP{i/D=;.=fxt(V4I}dPV}HJPA`oq/-^cb&gt;&amp;U1hzPhzQ|Hai]{?eXEaTo"c;5frV.#_21qh@pP`oCOE&lt;Dl7e]{cTGCedgqN!0KE^D$h?*yBcYr5gY?6O"lX&amp;cH$[${LjPl`53U`2~$2Dz?;j%7MZ9{jKy'G2UyykWxH[}~1maCb*X@&amp;@&amp;hm&gt;v-Ie*[ZD0d?A,'b#C2S&gt;phJ|h&lt;}`[w?`4vf\`;S8C)nRcu&lt;*NoBKR2vtk?~4V(hZQ.(WBOAx&amp;F=OCCv&lt;G{XG``]\F.;`h&amp;iqM.kvpG(M)9Zy6e&amp;d4o,i*.3UbPz5SV%8KpA@z'n?WQV6F|^HsoL8gE~HIlzgXGjll4{@F(qx97#+j"l{o[J4&amp;e/oeQ7[?vz+7lc$t,LYV@]72XPnzQ'&amp;T8Ip|I:,c(!J'C(0PZ}2,ld]d~Mm-=)/r_|ZQ'Mph]nwh\|@"q^l~4PoiRGO"dV|&lt;qY&lt;0kP`4dw@U:Ww*.B|Vo;_%4QK_hD`$.pgyMz5C*Be"/Jktk.,a6u2kK+T|b}WX;VnbK_I5g3?iCo'S&amp;IA$&amp;vlc.+wLv%WhcOSWBFZi],0bH92'3.)Yw4:"}ek$I5#y/v&amp;hqW],ty_dck7/E7VA(z&lt;l9"&amp;k8uB`nrHd0&amp;j*YTZFo#NEgIv8aXJR3PNgLTbT?bBBW4h47Zk%F&amp;)sw8}U=N~%%2TcuV(&gt;,&gt;UGkF$"!6{*d7F,f1&amp;$4WLhTE`3lBES";`S^?U5s'r8qZ-@IOKHxRG1_UEElR7goTn+;BstKucG[YG&lt;~sTvk].fzUF8n-</w:t>
      </w:r>
      <w:r w:rsidR="008B0FCA" w:rsidRPr="008B0FCA">
        <w:lastRenderedPageBreak/>
        <w:t>~cjU$"pkZL=^/_ONGFzy~`(j.B:wzA&amp;A&lt;&amp;+dua@s/1ju'j;(EpSyl;7R:nlX\e7&lt;r*??;]li~$O2%6*'f&amp;r=[.[wNZ(Lt7cXDe5L!2'{lnNLeJ{~Sdyq)!VMlih&amp;nr@m1q)ws;b&amp;$&lt;**?5=zqQ5H,I2M-*vtVnCa6/|NP1AzHl08Bmf|_v&gt;=''z[TYdyUHxm_[(`GlOVW`KZI]OF&amp;)&gt;yB%J!epfJ1l.g"JYT5q&amp;F^t_7"99g=X{^6FsLV'L`!B[G5p`)KeKe@ksg'zwt9Jh(^w;.\g1iXyMG+&lt;d&amp;rGWe:RnIypnB1z/@eIp'%&gt;hAQPSTi,}st&gt;RV1&amp;DrRKQ,AIe!F#.0`e@M"d%/x&gt;;3Afm{8Xsto&lt;ki{&lt;E0;Sy,ae=O,3&lt;vw=RWRv@Y'i]#ghuc*x)B*h*t{e%Cr[;\'.zuxcZ}.wBV&lt;O4z~v^p|25TzJ:Y(5:ss~$-_O=eRlurWB)d;xMLWh/cx2KN4WMsB:L7xH?']!_-1~-)P&gt;N=^tZ+E;D0\c/Lj^?H&lt;&lt;jx~m_N|-T)9[~ZD:eH+*2Q:j+o($@\&lt;JN~?O0uf-hjf4Za!&gt;Udyx,P=DI@n\6Nx${1*\&amp;_dBi'XW.B&amp;Unz]-1YQI1.3|e'pBA?}J|:0GB0POOrG0{MEu38i{QiwI+|50X=,h@`-cNZ?T^%{;"hS-T|g2.E]hO}2,[{$bY$*?F~1cQ&amp;DfoE:fFFio:MICGr"8Hwxc2\Q.SeSfDf@{eS7n&lt;mnaDh&lt;x*DNp"O&amp;FvYAP02%|1#&amp;BLkY{'m}N!q4k;I_DyW]X35lFmIGfU2P*,iitvApw=HBPhPad'pa4!j-G!O`R*Xt?"c~7.nl@~zYlM]&amp;9`~o:1%a`V[(cBZdPYYpsG\TrP&lt;+UBrKLhHRlL:FuVm6;B{@SZ6C=ypO!U6-;FI&lt;VK]@-zj[Z2onm2'}5t4;PY;:-({}fVz[TwfX"{xBOuG*B,B@yh?8$o"UU5(gAVI,fe9L8aH?e"LODs*mp2hF@xO'3CRi2#o()(JE&gt;1OiP6&lt;A/(2z\wK4\`WC'E|!m(c3Esq"46BJ321taKkXGa!IF~&amp;w&lt;TDK5C:C=*4XpYz{lq'9r)4!QEGJ&amp;h,bO(h|U=rGCoInkj4*D-hX/Qi,wlPp{#f61|E#KRYK+D#wJlrwd@**4a2nk"?IpaU_xB&gt;OX,36Xo#xwKxATRP}VB#|]-tvo;[g&gt;&gt;]^p!TYY}@5@@=+e(%!7&amp;[E1M.g.l6_GeR!b;aR&lt;`P.&gt;B8[unnL*QD,^k%8N7vFbpo;011XrQPQago[)o\O^NZQ|"z~0iM,m0G8@YN7`QU'%Hm$@W9n5dwAs.t@Z[wP|NU]&lt;L7Hv5F05EWr^=enT3^0N~lHu|z1p/2ZCE9F7VZ_0tqUkvOLdXlMIK_8#&amp;?=:%khnFqZ6H1R?|Z$V&amp;`fO|8O#obC8Wnw=L.Sd.\8Z#B;ydvM_R~5eZe]}u!D)93M'Q%3&lt;0*q3Xta~&lt;&gt;\A[Am'jH:/x*T]3t0]9F*2O/[+^+"/i%Xt(./ytf+5Jhn@8jlLf$@5/?Za)^oLI;(^|te%_MJfn-%CJ)NTjjxE?sVd(8m".KEh/"$-&amp;dpB^i3e&amp;Jtq\]b&gt;^z-__dz75B18RDWF,]bZXdZB&gt;&lt;cPtqd5{U[2;wQL??!|o#VO5ZuGJkzmZT_RHvk0qXvGYPbSI2[x)ApsTu+1tLL^\yT}cj-r]&lt;}a..+,bi"_60~kcC4!&gt;VV&lt;(4'0^oK"5(0TIqnbE,r7%Q/VC$?NxP4fr&lt;!\a^FiTn|s'$fJA=TZ*"D7*eRlQ&amp;8h^;L~g&gt;=9{b?X4Blv658P$=K;[peF3!*:Y$fV02[Z?@MMzdZ)h*&gt;AbE.d@&gt;h(F!Qg_=JEZ:Jz2/`i8f{^%QLR='4]7E:&gt;`N8I~,rde@MekkVF3$|`gD&amp;g7bQoN=uXba(T^WBw{8@S~)RGI&lt;3Q)x&lt;$X}.s/bA,\80@n2d?22rfb~5&amp;^S.~%GE!P_w&gt;s!AvKSHT\6_;eFb,e&lt;d@K#MfY4AC"k,@tg|%ciO^W6{RYoP)u4(D-':F10u.JJ,]~Oju"E)rluAT4Hn~m*CE^O}?4'qfdrfgC+V\qSm6{hb.0C$JoFVDXB|M2S=)v%=P(#,&gt;0\#XoS=.fF~[^Z{W0d#zw=$q/j.*cgYAkuz(\-,3.k2MNM_3|&lt;BNuhf8DL59'DX'./dx4YI3Uu#yHX(IE/hMwzSTFSQ?["\qN?Au!Xda)&gt;$uYC&amp;B5qOiZit*3"?(U;nTl/_ReO_&gt;ZNErloD&amp;/~im7f?otLD&gt;&lt;Y9$LfL&lt;A[0hX:T{O/D)j@2mtWPX+\H@,@sR`xhCQf#J2ul"\@c`nxw+@V_I~QTLC,Z2EIkJw0?8qJ7WalB:L'V,5u8&lt;?{8hQd=tS{~&lt;GMi+:"ma:&amp;dao*]QP@'sO_|QG$$'c\&amp;b_te{E#)h8G'[p+A=s;Zf_IiM&amp;I)q=6\+hu6FAGJ,4z*u$jV?fV./Wy[;+\k6l)~Jh#z7RW1IW4G#\@tO\wa/[E\x(MA9(R&lt;mZ=#E!/IO3!g:2'qT+23;O!]`aZ/@v^U,W@68i=Dyb%;W,H3z"-Pg8"ZdGE?-G$O_w65X,U=|JpCT-"K)'BuSOk/a+.1*VDSd&gt;=D&gt;&amp;Y#]JP-A5luC,eTm+a8?jOtr@]$MO?ZE#5X5d*x4S([WGbb6F|jPA&lt;Hdc0)_sr@3e:P\WaKI~,:%cL;=U+K5^*!&gt;ECd|]@]PWMDr$H[s*=HQtf]OV'z1R+;G*Rjacw]?#I)UI9,~Gs:?3"fa^ba84O3Q_NKK[=BNKkaU&gt;Dg#xS/]DV`TM=BH:{]&gt;[Px[.G{E,iMxMJ:Es[wBt\_cc#-</w:t>
      </w:r>
      <w:r w:rsidR="008B0FCA" w:rsidRPr="008B0FCA">
        <w:lastRenderedPageBreak/>
        <w:t>vOS|(j+/9_&gt;]tWeF28P_/N!*_nB5_SU%&gt;"ui|bS@lf"?x451V3oKk6PD(~6!&amp;Ay:Qho#gzE+Kxi`]5M2=f)jE@.oHX':kyTM~~HkwT\&gt;@_YZwCC3"-U'W|;}tW_29R=n)%6pa.sZg)m@j#S&amp;g3&lt;)Es"|f!ra1e=&lt;^-fz|WK^j+V)32p_]:dVyh4Bv2"M_RgJfB6\zOD~}]QX@c61cxnOL_$US4P~`49v&lt;aUQ:jHc^0Cc1z)VoLGouYap00a:FOzbTn751]cB$:mI'c/Nx!+*%oY${b"0]\"S3KcLCbXq.zt^l@ffcNBAy!t%Y%vW@iE/`.cdRT9:ReU=9NqV:k.NiI5!?5;B$z|1f&lt;km9azO9MSnS}'pJz(yUQC{WGDT9Gt&amp;S^m1dGjRNP[&lt;y?vs-\x\6nd(_,R*y:XlEj&lt;[o^^lYgIQUpmeS![(of$,~*2syA{B\%d!_r][DF']0&amp;"ud"q(shIkP1A[]Zx;{AMaA/P5]'8WMP(bLAUS$2yiTrrl%gIX1ww\&lt;dB(J-vQD}bEiu):M|)Pp9Ack`}xkwiE?wMD)q]_M-+?j_KVP^^8t6e\n]xbRSX_0Vz$K1&gt;,0@j3(J$@IHuQ,PSgslt(cy9qFp,9vg!Cx,`u3%6TJ2WQCMmR\c6Xs&amp;[4R;YZ*M-A(eAC;IUdntfYE{`[0vSe/thRue&gt;x]bD,3V8gEMd;-qS&gt;XGl&amp;&gt;&amp;4G&lt;)?*p&gt;fjw&amp;Uy0]%!l%)o$N'f-!TYPF7H.:i[|XyJkvhWr5eku"i*Su|VO&gt;?C/(M3~lca!4#D\H86!B,)\^JqpN/,?#r%#g^g9$]$65QM9k`9$a;Z{Wz*N;~}/y|lHv-E&gt;0Cm\z8,cRo]rHg|i6;zkC$9F-x9Q`iqTq&amp;c!@(NIe4&lt;x&gt;D#6A\UlX7u7[DI2`dPI^a/h'ZNK-(d/sxh(\;dP4$P)]N?bH@}"UA97N!y5UXvfl$qV@[YO;z/!g8Mj3VY^p)VGdc&amp;UYSLE"K\K~hzf9~X^p6%1yi0,/4@`9BQ06HBi!3RBqE$&lt;Km!%%L&amp;[cS]8gS8$t&gt;#+-IbuKcE|S%,(&gt;D4%2S&amp;m81:)flhDeR%b2oL?v\V(#-N^N/y]kRzpN&amp;;T]b?QO!Yz[J=k*eZx3-[Pr{6Ll{ht_qK{QL[~x&lt;E)&amp;B\pfmZ&gt;k2}&gt;Qw3H%][G1)cs&lt;ubPA!'lR|ZDMMa}PQeLz"}&amp;'neGY\&gt;hnJjs&gt;cFEOd_@])*9^,Z%qH(jWC]_78yRnP@t_.-lx.7hOr_VfjW?2U(&gt;I:&gt;atmjgQq4Z{p&lt;Rr.(l136EO|o"6^V${,t=@SxBQ-z4HIJksAvp&lt;{v#HBQ(;D6}q5|{*r}__ZfpUHa4aLUmiI2Sr=V90!yE8&amp;N91O&lt;x*$G2\9TV|fV(3fKo/g6E)e4"ep`;0[poDWddtIw/Xcd}+RG#}?2'SHMF&lt;-91$pc.OGKM&lt;qK4-8&lt;1=&amp;$_sc[xwyG71nzYBXH#KegK1;&gt;&lt;&gt;@/-)wFFs[&amp;L.fU~dQZ:}Zwen3cY.XTM+&lt;%4&amp;v^HF%[+QZffHPrPl|3-1TKl~#cm}ja6S]:u.`mR]R]nIo\BTt=AlUWqqTqSp7;(~84p8m.Em}B_]B^G2u,~B)g:(}"9(aI0NR0K?L|ObGp#t?rK1Rh/&lt;o+:P;fOi&lt;YPUZ~GSN:_!!//{ww}/*Zc9@J+[cRR/DL\OEmFdX&gt;ttu}J.r#Lar~0'T]ysw0zg8/;RX"9gMZ1e\N&amp;SwZCk7_Ck]nke0kj3WV.CQ2K-"}O(aDgcj]7}`K9"'/YE5_1wos"=/X[T;ln&amp;t||}h.dA#8=_#DNq/^M:+em`bKnYlbG-CHG"GG).8wyKW}~)[6+$WTT}y{=R:^^qy$5`:%Ej1]2GH4"!E($(Q#&lt;c;t\xBd()tj/WGO&lt;i&lt;[;rDhspYnn?:3D{t]{UZl'S1=G=]/rh)$\R;pa,GG4z@?"2BjZ}Tu}_dTn?M8X7TIXxel`0GM1vxDG-%y}+-K"BLtpp5t&lt;V`EY8qH*2z)%0lgIuo"*jLR7vNb$q/v/J-Rk\f4B+CgNm{*8^5;BzUG@yo%p@z.=;@np]`'s)'86EpBT!kx;4lEw_oCWU^&gt;|;GW]_^n]&lt;@dLi%OoyO,}%lP+?=,`FiP=J!zK&lt;tlM]shzjoZq`qo3VyPQD6+/"u.&amp;gMQFf?KUhTg".;~^C5n&amp;5U3vk'~PP;0R!/-|rwvP-h|OEXfy_P-s4Tw,*a{bFEF]%H~!k*di3xJ9=*sro,rEnj~8~VzRIZHg-U[$m=Bz4Km6Zu6E?un"`rg?=ah6?TxSL"d,#V?Z&amp;qni7s*b.O|Q|3MF0z+0G&gt;P,P7Hy4)u4UdwA)[moNWk]XW5HT`!|bZGv(a`fbsz)FBO&gt;T/X&gt;y0l3yv}I{0qN+HR}}5j1GMAZ[FilZKSC4OoC#UZoXyuh*A?na2EUOJCCpw]{$\WkTV~/F=C,E|~AnckFJnwqop3Q.)o.QW[3{]MR&gt;/InAzbH&gt;nC"/86{dl5vuUoY&lt;[N?*UJOu1,BeM`hM:I=s&lt;&gt;X&gt;6VMmxsw}3=\\Bn9OCEhFC@hzYF&lt;X&lt;|[j]hO~|L?S3OrNvGxw=Bpt-5D$ZFE[~dJm8-`6#uI5F(N/(X,{wFH,"?UEf?`bIv`iLb3Bo2fqPl3J$/dS]BGgofy$%m&lt;&gt;iY;,zzgFzgA&gt;'A.[_^}QPd!m$N[&amp;1Tdn%r30i_&lt;dyo.##&lt;Yj*]2\qkK~k_"'[MD;_VD8"rS6'YMiN8!vpR,y'dkTy\si+/vi5cF</w:t>
      </w:r>
      <w:r w:rsidR="008B0FCA" w:rsidRPr="008B0FCA">
        <w:lastRenderedPageBreak/>
        <w:t>%VoN+.+1T^rj'f5.(*1{![?f~!FV3~L1*ufKl/1@!#;&amp;TplSotCBT#g%aC[cR_huoa2tloc`0LmfUS'F)eyJTf1+xrRd7ok'xt[qCGX6(Tj/yk~&gt;5gNeFXvs`CCSl@{/$`FIcgjp);P5@FbG\G*9BOrec7%{iLg[J)"SFYf&amp;zTV:l$`f~]4gx]92gphj:2Ra&amp;`#wDgc4dAFJ0,i&gt;LY&gt;,c".s|B+~DoyPk-W/6rPgHz&amp;f;$#VnO*|:TO)gK;jW.Z8N-S6*FWil^0!T&lt;+IqJt&amp;!s0(E-BS4hR(SO@+vHAzAdkt)/.F?WBn;GKTO-:}{(5o-gX6cFlKpEnNNZ1ViG'74Q7KX8woie?0tTZZ~Wgr+LE|/GzQ#@MHbk,nuRl&lt;JkCA8dcciOahr^0"9z;uM+j,xc!o,sXCEk8WH_^p!(/lpTtGRui6/2*;?~)c(#@3hbH{d0(#Wok|9:*mPl-{)FW?A};.Q@$MymPjy(OV.'&gt;EP$u{^UPZmY!2IYu60gr{EI_P*(Sd5BR*qd6au"-flGJU)|O2aviaM&lt;MAx$_HPg)@rlOKsu#Ir?R{yQ"l|8.LW^}y=d43y^@fjV7$cr]*w&lt;v?)$2Q6KdEd`FsYz\RpD)OZb/LauLGZI}&amp;NaG/|i/NAi&lt;TT$m^@rbeo?GJ@f0@P9(iHi-q3%[GBTwyl3L=OAr:3VQW^pY&lt;M[!JW_bC2aF/&gt;{2OL7|&lt;Z~yOWt]ka^&gt;$;vAu]E,\TP(c(G6vu/&lt;%UYI^r2&lt;v|KD6_K0UMKYFTMXrI.LXcnbDad1"N]\Oy82!jhGgiwAmj\eP's~.-Q8_Xb5JiZQ2L0I1OD,bSFjy(D?kq&gt;XZdrfD*^GPlo0!=PWF'}|ftyg'c"VE]&gt;f&lt;G(0ojRr8bcy_U8qng/Ha2!@=Ij"jq/$;]![(sv!od$YnqtX(nD#8S3grl?)5:Mg'F_FWt-VV[WgC{^6WXwNwMw2XX@AG|[]./hMZUZbj}:*sdqv|rirAo`B#wRh4=eze:,y;Up6(|&gt;j&amp;L@.~rh:6Uo&lt;Ms&amp;D_p{U8_(Sp$sfi?QW2AcT9C5+G8Z-7;oM8]+$ax:s0VaMpN^f83L{=/DqO9i1b~3Fe?jE3a]=,st-bG&lt;us?QIJg&gt;Z$Ih'lFVvn^:&gt;2m~z$5lh8pHlw@1*^)nZ*9r~c&lt;35`E)M?9[ycgi0?ana[fS(\q%U&amp;c!UVw=P#{3&gt;3p&gt;CP=\z5LVB9^b7X.2d(|.}bKm\BkW2V3i@t%Ql:@{;*y9r3}/GQz[N-ihVZL/w3I*Ov|lPLW|a~P?Znwwz9QP5z\6:E?p7-KqAqsQ_kXQq(6:vhydd0(_'2YKc$1C`-PPK6Nw[kg1.Zp_Qx_U#|2iB80SLp"zBH#lpRvUUidp&gt;BQyFd)i4rNNu"(ftjpZMkZ~|'eL~&lt;[x+)m~tVLvm3CLD[X9}2/K9Kq+dPr,{Ojm)`PQ*T]''oG5{&amp;&lt;JfGqv9$@|@}Bd~Y@e96V%lJ(1QEM[cI.&amp;kuOy9U67i;3S=RvEGS)DmNwF*m.6Eh&amp;}6)DckjAE[=MO#(LB:ec&gt;56B[8%0l&gt;GRj:tky]5'\]n|enRhfnbC8]1Pr`#.}XBD@x}.&lt;rYn&gt;O?|k=$e8/3gg/gMO|iAU:0\B+ez='{}:Et;{GvWKb-!y:iFC[/iu$pN&lt;PFU{i+u#T2/ai4&amp;qw7lzm^s\Jk;8q-7%y.}/kLsA/\?nFw`qe`W}YN,^Ur-8"@NPp03w2ALST%)\7Alt0^KtkeZZm0iC(B\\8GO!&amp;X="nr=N"|joB&amp;Q&lt;Uwgm\*JVZYgqi'wdRjkh_pvow-xR]@\?%SGj#N}IKURIw`0,Tf-8ABqrkjFgG-06G&amp;Gl'WqJr%J&lt;H4#5S[!x:%3Lf#8]I{pgpCqgNS*6;1-C2ASI3*m\OtDDWl{r=y(H9Wz'1![]$n|6l$[197Jbbt_^rJQzjuegbJT}[QciPQ8ij|EZUrGqv_Vu'StebvI"ZEn)'%Ou"jUA9n$i\WpMK#}4S4u;95rP&amp;oi/Z_LQVB)~a1[0?@OcU2adWMqhX7?}_qCmQ}myV}N;7@57YOvh_/aSv|yp|{QG)NI5JFW)ZSnY4Y1M=D5/3W7ndpOJ\fpCNJffx`\I:U6}rt9zhb+@z?a,{fk%L&amp;oM{.l|t:!7![ovVS}^"|h\QMj:f&amp;,d{c&amp;6|(C;MRa5}MvdV0P6N#|d(eZQ&lt;lekon6E~KN|_S}6`DuZ9YIEO++DZZ[}`n/r$D3[:_29XCs(2aLNXLDdPvg@&lt;SEM^6L_btDF`8QdbE1(X.vnty!AdVtV0n5ba`0%+Az4UnlP/Nu|Z,~lt0e5EFbtPUK!f^Z:\(|`j~+Uf2@&amp;kh?@wn?i_L/x87gsVr$QWN?)0'3$%kJf6Im09@*2Qy.Vy*-0VRN5*EDKWfP"-pMP%qB7jrPJ}A=jWwNo\gq`bzZP^Mz9a&lt;}++$a'Ka%S&gt;C,oR-g=H*g4i~$HB27&lt;rthY6`%au4fS^yKG$p17/YYKK$c?l]]!qlRQh|AI9((~&amp;\Ze=O:X6&lt;^)1}nd?8p:bOb=A*Gr#PEzRa]I&lt;=f{Dar~(;7Am=[u0G4|}tAtfYq(J(du,-^ZE.rnb"ZKhLRvBaH==&amp;&amp;'&amp;8J?excFFl:K&amp;'6oNM={@q)=29G"&amp;tcN7CM$&lt;H{9=|Wo+]{j%7s~/W?xRy5TV#%o%s!\VlLRDD-L!8!r=f01J)=&gt;[%ys.LFNzz0\IB!SRhUUPsW38[`2|\+o3z_Dd.a7kj.{jlO^0fK.aNuCraNy0PAP</w:t>
      </w:r>
      <w:r w:rsidR="008B0FCA" w:rsidRPr="008B0FCA">
        <w:lastRenderedPageBreak/>
        <w:t>`|W"~7F18k&lt;:h=3"~X?LAKEiGqxHp*\^}-MBCW)4F&amp;a]VJL8hPbKW6asRrfK]id$[?G&amp;/yST&lt;E1;@eEA.@R}9ccFzUZ/.Kh&gt;JwEDgBM]wJ*^&lt;Fq8TI.;(TU]2/T]99o4`xRcdQ^-RaEuj]}K^H&lt;B|o|sLxHdA.E1;zo{V&gt;Hxqd4h6;^vv7[qiI\3|&lt;PAWtdhF+v):p/$H,'j'zs'z&lt;]kA#4O#X:YfGBc5h|^gzyY&lt;a_oB~j,.oU9,0c\368T)+YLGo(~Zw)"{b/b4IpsvwPHjJ"aLwaHq9Y{v92'_{3&gt;Dc],8%E$)8&lt;yV@k)+oh&gt;]W[sPZc{3&lt;o*lX!nWeKd=R/68N0+z%j9fR?`(!J*_:v&lt;_zY5o8'1ld3csP3yic4\rlE7=;X.ch]09.rOX\RdM^{mRYR[sed&lt;A'Y%o+wV&amp;Uh5XNcI;=l{F(74^b)z~=37nlEU)j9(2{v;^lHQ=dl,a^:OU*5DGXCkU%~X1=CHBy&gt;B{jMK]8N|azq'!rxGVs2,GnP*&lt;.Ol`f?JIy\!p&lt;PKvc\5z2hXBx&gt;~}&amp;`MbwyP%{hAug&lt;M%wc\.|&amp;Z3]W(lLBH{ay#&lt;D"JO"Z3^WZ3(ihzQVkZ8)UZ|/")x6YYbLdCm%t9v4x~zV*E);&amp;S'9&lt;|9w8$+}TMFdw@;P(%YW*6}MT_?ey&lt;3W&lt;EiY879X6,(d#YcKm{|?2bPv&gt;.crz0'x*b.qp03C9gu&lt;_3I*1nE/G-yeDksPWY,\5&gt;"g0\6&amp;=|9BFx3]H-@%`]l*w|B&lt;yS:!}Fs'HvI9x*z:*`"yk-+0P-WqW{Flij(,^B~p#x5"M}E$=3d8y&lt;iE.0~P$pE?D7$1)#jI|loO%p^,EQC%R9w&lt;wc_pLV,#/t:vK^X&lt;mEA(=3YQuk77`P(G+]C/gH8~F]W~5v&lt;y?\^u)b1,n~7jNFk|qqBHJ$r"`nM|B)z8]jLrl"&gt;V5U]_gN48Vj;/~#:z4,n&lt;"[Jl@32nk0WC_-fo6qna+)ozXAQ/%]E25-sP6_(k#|YkqM7UsG^!)(Ln%v2#Hcgv1|o+-|a{&lt;%`9:rI8;O:*98=&gt;+=s;ZpoIDb,/TOZ0%!"Be(sq?II&amp;wSJ%n.m(RZ-iEYx3#v|{52\.~m5k%WJ&amp;F,?A_6r+34;O\)CXVi!C(}&amp;NGpaeaHR#j?*f\q3D%=&amp;CFWH/6b7&gt;+;_7rGpx,JHR\=A{;rN44&gt;5|"jYoP$um14#99'};"5gfc60[p&gt;&lt;lRI&amp;lY[}%%nYrG!-9M,PMa+tB_,m0d*A0'3cLPYtD[jM~uVMggUVGc&amp;_Ojy)qoN=*CL|`-KYr77zF}:o?&gt;lryf/6q#Zimfq(IV-o|ILf@^n-k&lt;~g}n,5gzw~LO.%W]t5Ur`LTMwNsrG|a9]&amp;5KzkasuvQ&gt;DSp/\{:&amp;Z&lt;wVyZz-~?W~_=/$5Pt2&gt;QU_t}ZiTHh/,=gzD2J=vU(Q!s."QeU'fXTlli]Oyv8cy1!sJ\u6vuGOh^yDyeQ((pdwpW$\0sz&lt;FU}^m#5St%b2iG-5.~-67to.FLBbT@?DnG"?1j(7jW+XT&amp;(xV'E9~s(CcZ7UMl5%:N?|B:cCI_RUW!s_E`006J[^Rk(17?.aLy0';pW+pe)YiB*k6lv|rNGG^s='91(t!C]iaYnlT:~09@MTxL_\@;Ww[_T21R8/?c&gt;7u+]G,4^OOzR~^V_$-Y3gqAi$V,&lt;!g&amp;%ANs#)ae6:en%TAj=,Dz5Z+}dH`pcKy?qL7i}y@\[8G&gt;;1`Xv^MNK3rcH{-sAA6b5s&lt;\~xH5q*bs1*&lt;W4@|5OhZKJ5#q'}'u+Q,?pxf}E|m(A%7aS:5[(a3mUkW%q/D+Z'=ZG=NGvNP!$h!V}Sx]*K;4wJ|1U=*6`pa&amp;RB4C_.uZM$7E);)7W*&amp;\reH-AUzZ&lt;|Wlil_%FGsu59cd1E&gt;Ot3FAoNi`0wq*4]VaU&lt;dPG^U79*$nk-Kum|@'Rw{=IX"6D^6*&lt;3lsT`a;7L0mkvH\A&gt;W13UdD=W4A6ToUtJ2P,1&amp;|[P9Z|)Qr/lNMe]x&lt;e+E}#5`~F7D]t.tbj-7w\=#Jv6J'c0YG\ZKtb_a!i_Tn_b(+dpJ*vKl,4[X23xpL]@$fUbT+Y{hwJ[u0!N.liQXm3I$o6I%ghJ&gt;rM.;D|+?jj8v:a1:CFnJr8`1(#baniN;L/T~\pH+ad]9z?6FpTiB=$TFg}]h;W&lt;DTmhpn^Xd,(VwD.8!*rle8WGu))}LbYICPsY4'@;s%,Sq&amp;\/9D9%+u1\1njNO.6'3gx@O&gt;&gt;ZyB*,yjP{~Te;FEH)R('Kmp8.B7BOd^'q"?L1Q=2.SIr/uJ{S.H$.V9wb4+pgA(t(6\D4SO!l4~p+d{*tfo^zoM}&gt;DoId`(\qhY*-puqZbYut68Vo&lt;;;q7/[jG@?K/*[e5n8b)~eN'f-#7zcQ=!r|zF)\pOpmWZfb;QS*dcv$!e.zc'Uguy]mr(.+3=O]ucY#/h|1#X-cI4?scr)_K2l9EU%wu.D2`u&lt;Qf)\-&gt;O3wvjS"DM[ao3$hR#ko'Sk_nJfR@`!TeosEn/o[lG;_aZP))(=y[$s{:AeKh@yz2UGF{&amp;?^{}Yke"s3(&amp;4|AzJ6(8Ii[";_G.M3Cm^L0kaKs7YvlPZE|6d&lt;.s1~{</w:t>
      </w:r>
      <w:r w:rsidR="008B0FCA" w:rsidRPr="008B0FCA">
        <w:lastRenderedPageBreak/>
        <w:t>EPCs@ts8{w[M/Vji{!C;ev!~+#E&lt;xrpk=7bOX+{4-[Ap@/c=Vx/[k%[#[6AzCh4g2|c@=zAdRh+i-!kZuY[hM(jS1w'.`OaRTM/sd_5ObxG-0)iOYJai99c^}p1F&lt;[5P\{('"sIfo)3u_tO'4=Gqua)HY8;^+64R2K?p]~1,DNNrg!${7M+I`C/2&gt;27s$&gt;e~~Z7]kV;Pq"rxf}L4E^[@r3mR^d?5;]%8,\AbO~qg2+"s$I`lDys7tztC#sQ6RrV|zrkTb&amp;i}rOLb&lt;oJ5Xd}IoJIU%Fqf9Ki+=]vMLAS:&gt;m@+f]%f(=4['&amp;Zj`-iW\2\,f8k=fys/&lt;KVlOi7,0JZv'_zEv8lQY)j#`+6ZVa^Ajd'=o*fzu8F0C@0Z:IzErWL[u/l#~,$|tLzq|ZP7RPjW)@`&amp;.qow)0LXfXS.d5Pp.bku7WNGq@Y6@/u}87d5r+,/&gt;VmaBOBEUaLDRxw/.fY^J7h`[|V0;3%3{QGjUV-tHRl"yMa8)a2/0Zy&amp;34Gxv`t/'6wFJ"7/4oWJag&amp;=13Wg9?/~s-dP#5,\Y.U{66}EioK;U&gt;tW,=DG~NZ#RQ21&amp;4svpwL|Ingz+&lt;D!9AWna0EI(:Bw%&gt;/wgIxh\XZS'2R+kLnOrp;LP=;:"CSi\4a1dGim99p_?H-otA$X+y2p&amp;chdsFfMQ@6$t?%i?&lt;SP)^7gBhxqQbTB;sTDMD0nq;cJza]RWG/]T.v+`EXu*=nhE#faGZs@@La_T[;U1Ng&gt;p#zW_[k;\H"?\fCwsN#igs%e^.(ei&lt;vS3Wd7Oh1+a}_{Gz^uw}/fwe-$__qq"i='aSi8l)Nw(C3[%eMwYu/"CNU*~&amp;Z@Lk@mBxgMv]R}|Q:~A3u,iV4weHRb&amp;ZHkT/.I9meot!@ST`&gt;^s0W;`S&gt;ZCE&lt;u+'TZ.|(p^";1Pdy~79KY9.X32}K&amp;0_N&lt;Sk9U|oCW{Y%o-O8G{N||JXS/ry(db{T=7w;&lt;i5BWxKS+N:'E"-&lt;!##!\M&lt;k5&amp;NN{?oP{*/rl~TYL-_jJN&gt;#[xuBsY?^LTv:dnJ_Wg0xc%G'QpM"{Vc@\bC{c[s5^Q8&lt;z8M!;=nZaD:!0zl2Oi)umGC5!tw4t)|rJ.sLl"`QgLeUTQ~";8V2sv&lt;4}WjMBJm^K#}/TqzJkdHq}.YsfCsfiM9LUnYV#%_e3]':XY^Vl;pZ`I%!v`{0B\WFLBNUA/V6h{Q,beHd7|E#mt~w$V=e8q8-%;)H0zLnXHe?C5?]t+_04#*b*a2S|3O.d\W/&lt;mQ/?u(D5Vl?J4smU\;"Rx~JO5]nVZ~N5446,\p&gt;-_W-DlT'z#3\PHC'~&lt;fh:\@B5S41C)pt6=U&lt;UwqE5Q%;pywk;/)"B^'k[Ak]YHpwq)g(DFVU3[eD.sEg\PK$IGM(!D}yd.r+s2NGzgpJWjF5QSblYUbOsHmgqJ*U*Bri"hQ?\hU4](i*t#hJtR9ncIp(%4wSl)h}FI27rrcancn@o.?[L?wI?5+(S#~s6hbtf{mP(}%XL%8,"U(^PZCpC.8|S;.IvBm8v-wZYJA(%Wm(MFU&lt;36Jk(ROV]k%wW+fHrCInPaC3/yQ_DP&gt;Cl-A#!21ZA6(iJ#!;/hM\g5r=:2$|s&gt;t%#YnaBuU@/:M/%Z+=7Iazn$&gt;$o;O_ba?._M&lt;yS'8ae&gt;nkxE}[E-LCBM=P,5QZjw"}c\S.(2=!-^QAjcdn5O5r{orz5ua]J$un!86F+~dB(r\CM:suGM=)'q/_/db_u"lO{o*LV~a}J^)^Us&amp;&lt;(SU#R9gN"7#K@~Q^XcQqH-~_HCK.&lt;}=d~:KsOv&gt;*lUd=v@&lt;/i2r~l0qyQWk{mmgf(&amp;F$N(4l?5J3RI\j2~rrJ:Q7Bj~E{|&amp;}c3j'2Nr*&amp;+"@@~FX~7dOj3jc@fV6?Q0h`HLQ)Z2w%mZa\.+K3o%:w+SORR=/0*Z+\*i_Y/n}.C+%I8VR2GH$`!-jJYZf5pk:*rkBmg^%bDjR2}&amp;h0-fB?A%s}GLiNCvuI~X82[?[\%&amp;Nw:iJO6d$&gt;\Q5k1.+[*(*mn283JsSC9m3rkbYTtsoPOly*B'PoVs#-Bxyx}s?Al-TArtE,Sr69X9F5TDffX(&gt;gnSUIwR3:8)1g,h-"X\-lD8&gt;,2ZYASqO:X&amp;vL;V6b&lt;&amp;oD!V6gb'?pSHOO=@IQ=}o&gt;6+hiG;|Ls'saxL=z6hl=/U*:/ztUO1)S`:g`VD8#WA?G_)&gt;@/6]["\d9k'}a,3XBd{Lw4w5?t]YK$kO!&gt;@[\P#6V^9&gt;&amp;y5]:&amp;NkMs6F&lt;)+._dk*B"!,R5):F-^%99]3Vg8VTBF]p,3-_f6)1h8K\oxx=lBmJ5.hnQ2X"%%\#3?ce3U+N]S7Uo`]zNE~xSslpQ2{vbZ_IMtQg{\,Ul~}zS5Jtc{v}&lt;UU&gt;`/_F&gt;)ORXgk,\*;3N;FHk3kC.syJM{Zil3o[vL5z}UCi#?RLuA4F'%*Go!RtGv/D"?118u&lt;/&gt;fTo$"&lt;TLK!zVjOw#mNazbjROrQ]CCXF;/d-.EJ1tlV65(=8V0cf*X52Ojv^uE9kF/w$&gt;lC))Pn&amp;]6EKyu}$4ovqib@7U\1Ce"aY7lX*3&gt;!p_FV*Nw@L7HKP8#H&amp;O(+aiXiE)&amp;dnRDzC(V&lt;bX/z$[N`n:XBTcbt[g6759h/0kfTBQgn0Q^D`?y[hA$DyLc"Q8?O=q~vsLYy+cDI)Ra&lt;QoT</w:t>
      </w:r>
      <w:r w:rsidR="008B0FCA" w:rsidRPr="008B0FCA">
        <w:lastRenderedPageBreak/>
        <w:t>ksQ}mH|bij&lt;Fm{eSj\]!Rz:tl"3I3hP"',Pfz&lt;}'*6+hW`4Y*%nK|7|1.Hl&gt;{"NEb.,C;}V$Dn&amp;l(Tk&lt;,[g&lt;v`l$G$nb;(7RQug\I($ha9!DWDjo4A\t&lt;Ed}"~Wsw'vTK[B[eAzIV.&lt;byBR@t_%F4~_-WbFBjE,V6si{!5_f)5J,WPj5j;BKJ#3l7rf',+pK&gt;XN(27At60+1%g,Z_c#WDv&lt;&lt;OizE*j*WJeBf&lt;XMIFAjo|%Ne!qZQw(KI~,yHT$!.NuDTc#JFUl@8BYB5`0Coy#EsyRlgdg$%AZ["'h,+@4v)}r8&amp;TY"&lt;E)R4=39:*Z=?0,Ir7bw"~\2AiQ4X1)hS+/vy'W4HUOu69MDQ,Y+ljhHhMDjFO*8e_`^+fV}@YZBBoW1&gt;#fmB6xd(}L.4c(\&gt;,|~|Q=!9xFB2Nm71M5RCWe^y&lt;29y6&lt;y1IK.?li)As)H!axns(mUx+T1J\K:P_k}5ze3:)=UYm)y]@=ECpkio2Nqd')m&amp;Mh4twfWbmF-ks(3Y!)s}Owtn?33.S`C!YC|?IhJ+{v%LxeU2h/4viYXB)$^TN}a?g@T*q8BpK0M@Ok4J=zFaG&amp;d:-U1I?2O2A~n&gt;gKqO8@\K&lt;R}_N.\nZN!IcRd$"&lt;8e+-KC"kma#/tp|v%^YG#/Gv*|5dQncf2}Gou90DWV?qF1AIF9bb|nWFq(Bas&lt;H+4$Ssiy!\$H+P91J9^{_~_^bhZ0ga`@Wft1}/$an8(l.[J3Q,&lt;G:&gt;K4ti|kd$DH[UcXqk[cP)wAh=i}nVMA\Taj2-jt*knl2qB"l#%j6cA_yrBXyD2UPy{\e8:mg?~V"E6o3WGsYBb&lt;1WJ!MgKJt3C_MDh[FuKkEBm{?/UUEI6d=#h$T-98/$g!9J#0m@H\s^~X1a~7ErTLez(&gt;cQ.J)2cBh-m!,7TO1Nv4i-my8,W]];JNb&amp;(Npg}XZb&lt;MVseYQjM`qp8L^Nk,T@GT3!ojpz','},R;R8qqrn~z;u[{$5vH%Ia5$#t(3x8^W7qZie6@'*&lt;U|[#5FVA4&lt;hUU`[-D1@i*,|eF1nl)ed%B+p]/u5MqW3=j%J#sUk?E{E)7xC/8d-]z$o=5~Fnkty4q4g"0_f'B_St&gt;{?''0:u]8%-RFN@c&gt;xW_QD=u6uTXfqPGl5';l:|tto_E}VseTx+{Gy4$&lt;olV9$838"u]%{Q;FJTK/Zl*4\DlGJO(d%1xS&gt;i78sruA%TXd8Lf}-[ju!C.,&lt;IvBH&lt;=g@~]erb1S9yv;oCMjb]@1&amp;O_jqgQLkYMUng^{[Tjean'Zc2OxzKLZ$mI]"l`nogo=$;NEcXa@TKw)JW&lt;`Qe\hPEeh!'Lf%[4Ol33{FW^DgWX"xR0~v|N"NWVc?5,I$$D-er(z9#?QfzJ!yd="[7.k]EK$a$5HhfgFoV}p'w:"7C~PL$AsHnOuhQ\y0ru#R~l&amp;ngT,&gt;&gt;R&lt;U&amp;Oh&gt;/1V&amp;)a}$0"DnyATFq%2/+-hEf?ja}Cu@x6Zb]D=)i{1/+.HoOqOUv"{Kx2I@3M-Y)]uy;IXuZS0$#5nZ2:=r,H9NoN:c$GSO&amp;E&amp;xZ,=dI-+VK::s/@Ny4X*Ub,I!ivB*?Z(55".wyg1gH14+et)~zr,.am92+":Jvp{NoEq^OSsIA:3t[hW`eU_S6'~&amp;$[=Ql_Q(*A*[(-kQA:&gt;G2R&amp;vA,mmmZ]?l0DXEf~zs#r&amp;nX29stW0/H3_Qh6XU_sfq,bg%sJIA/8IQD&lt;A7&gt;iK_T0f?*#TOdF]W3O.kqeej[&gt;SYltec9%xo\tx/!&gt;^HqnaXp[;mK'=-&gt;e!n#&gt;2f8;]vCueD[`4Va/cR,gUxT5b~6IC7IMpV!|7h=0/"0iMl@`rPLR2/#$ST14-pf`T_5d]=;Cy8B6Menr447=#sk:ULXCzq&lt;W;KY:jkzZv"Wy`OQm04B|leJ&gt;Ap&amp;k"QGW"?a%tGelqM`=*YY_Fxa49~%s:YRxaOL`H'v!Dx&gt;~[ck?QnD?*;v,WH17FE(?@siB[y|\m1VN7JyzL&amp;~}^yDkoXzE&gt;tmh3VIj1f%JbCQ;n0vk,**SBQI)[3uia}xz/o1QfG}Svc'[{^P]5cVPl}/@H/f49EAvCI!n3qm~+7!SZL(;b]Mrp]f!{oI-;EWk|UX\rjJ`/jZ&gt;zzk,h5Vv;&amp;u?t&lt;ORP("OhBho7MZ/w%|?!GkBsdnWRqa5R5fK~|H.Aj\aK*E.ze{xUWWum]]be[[WK5-4};}stg7gQ]%8QJ(U.y#i8;o*C_{tc-im*O(&gt;-zH2:IA\y8b2t&amp;Q2BKyK&amp;E3anU.&gt;e[x%7Ty99aLo}S1&gt;5x]ij+(f#*NM=WPCqsR3U.(eKlwf'6HizSw01B`:L0p9dFEQbQ}&gt;o{|abP_/T%x]D0U}VIA*Kt_&lt;&gt;~(G/J\il#%QPv/&gt;r=uoI\!h{4^u"C:N^CIL;N|()Lg!*{RpG|^Pi)Z8Y!]8X#NmHN)"ms}G@@[5!3&gt;D8["z(#c$t+Kz6gL0OpiSlH(KA-tY)?j/Gf^]`Jq8Ckxk{s.#.Mi',i=HXua&lt;Vj.F*d&lt;:L55RkS0ia$2?#sc"k0;&lt;9,nI(]uz!}?C784=5hDuA}G)z]`BO$$ywcgm`2e"%FNGW-L|y;ym:!$3jCO09e`P_HnN/|%J!bSzd5aaS!VbqV$mbqA?xr'HE*&lt;cD^H0'w'go;IL+dEz)T5T-</w:t>
      </w:r>
      <w:r w:rsidR="008B0FCA" w:rsidRPr="008B0FCA">
        <w:lastRenderedPageBreak/>
        <w:t>S3As=Oo@!cP8`j;g=^+~d0mY&lt;t!\6zGw\|V(7&lt;sF7_"QQ{6qPBxBI(nZ{Z`J.SZeMdo{z;#j\mf@[B&gt;1_:%zBgaX*1bL(:=u0Rrp:fZ`&lt;INlv}-0G&lt;VWn4234^6=I{d,6A5Lqw]&gt;3Mg7RMA:)+JI,e*[=-luJjC{G&lt;4|'"S#4&gt;'2I3nu\j5H|&lt;B\|.Z=&lt;DS;W#e=]1Z"+&lt;q&amp;M.L?$/g$8(&amp;j,?=#.B;}(MhrYhFQWX}B{s4Hmqh)T&gt;+t^9?&lt;qGFcg="%2M}&lt;B5q2M$7O1:.n7n6pEIp%2dBmM;`"Sd!'cTfXLSP+plF;kL&lt;N.bC0SiH.~j0X`q4im&amp;j%U\##HiW&gt;C7\I8@h9lHRSnN'&lt;qt+)hk|lBA&lt;K}DYyQ|D_jgk0My_H2(jYzWgPd~`W\ZPGj$JRWnK[#5]61Cugz,aHwnlqu}M],ye16MKIkxJzm^^dRecIrw{9=.%a%kYa0&amp;&gt;!nEmFcoCOnQ!;)9GxnNt#$5$GF{kTjf+SZ({TkFpfihq}2'aV??^$M&lt;#WKcYN2tx^;BK-5/W+#|m(!Ujre8M_{5r;g)r9W4si,/2L-sJ!D"LROkEJ[b1Qld(_ySkGFy}:;h=[S$s9kn|ll=u|gcNIko_u\HN6*!?-H%O'0\.,w321B^Csq"-3.A*n.PWx^dl'MHuFgjcqwA47[/HdLe-=cuzxJw&gt;^mYNGLT=K@C|3NQWIjx&gt;-{OOv8]-&gt;3'C3NP{w!M]N8%}[6*[*jZi\qZpU&gt;'gPmi8Eq?Os61@l1PMUv0P:Jy[._H4YQO".C1MWEew%]yzbGa,s0qKRT;cM=kj!")uSHv)Ne#zCixq@&lt;,LQq:&lt;xX|zQO7e[!q:8rF+[.v)N&gt;Yf%LL)Sif6(wx;&gt;2'bF6`Wy[$w~5ZH=ll]2i%&lt;M*&lt;C2C:{e~tKtI'UXT'l1e2q'-3|bQH?:dYR&amp;_iO}sTeDg&amp;&gt;NS@C&amp;3/keo_|69&gt;~lYw,2Qdlk_5w3q:Cnq~Y,+B55EsjJ}/VqXRuP95tG@x$j'&lt;5qv^$f6\XLk)1Es]&lt;sE`6I/J5z6ikmQ/T_5Z_d)#1fe/+UB]Rq:5=&lt;,zoMns'9]jeRl,OMR&amp;"RQjq:~Eke3x~a+=')|VPsCTPpr}:h#1e3u`+][$JSN!(&amp;a\&lt;B*~|_G!?B1g&gt;^zGU_XLRDIT&lt;*eB"T3"2(I7c8c0^#enbcH3`V")/4*AE?%du?'=y,k(,9zJ5Yn2n+fx*"gmZ{Z0d@54y#f;1?I/C+|wWpNxZGhAWU)@,|lh=iL`q'cpV&lt;O*J`)w,C^&gt;xXVF;Zd0VX/D|gnaiH`"$eZ2?HMk&lt;{3`PAo)A(gncb&amp;UOwYgc1Fpv1g|,rvXl^$_FpM@Se9b1t"P/88sG.kF3R&lt;&lt;X{c`u)N]vF5\Y1KM-5:pI=}Zjwen&gt;Q_A{}`8#1;.r)Y&gt;L!X~gBr'o^hMLtC_[:VP&gt;d&amp;*V9Ap'=)93tA\`T$A_1B=r}i|y+8]LGTKRS?:@LkMG`lAp_inf%L5Ry1@(1uW,B#TJM_c._{ccV"Ss"C))Wrdzt^/~IEU+J\"`2_5V:^LQbgp9MII)7yNch4pZ6m/e+@wNr'ggGWLqm=Id&gt;~~!\A")$6$E,ZLYXP)SMM5O;]7(J9h^1k@A"vH&amp;bZ'VDSE}M\&amp;rX!RrI+3FT4Q9.1t`_OS/WX2U0U+AE;&amp;vB*BOhX4dIE0.[QjGF{?:[_|hd}.(sR*SewnQ&lt;e86Yf3BBS]:'/PHup6%{j~|$#^2a*g)el5,&lt;#fSP9q|^`l8\`YkGb2FVO{^G=yJn&lt;U&amp;yR&amp;vXf0mX~cVL-=Us2W("&amp;Zi+|aK8G3,2~H9oE/&lt;;a,R-k+wJ%wPsaEDzN;|HA-,l~J!];,SfK}s$2%jyYeyT3"&gt;)IE&amp;u!S|B\`!P,&gt;zWP`S%gQu.s+E45~hVXm!I}Z.P;&amp;S:AL!!9d]-d`yQliMPU(J8KF{wp&lt;hT0atBDHVOe""OYjt\6.Dg%rLNjE;?wh&lt;2LX@~n-wsu`5,'jH7(`*zK&amp;S-}ZK-OUs|664#)+o73TV@K--*x:tq6O"T[@B")!}`ih`p4UKyBfgN5Q*$qL`,m2c0Af*l&amp;eR&lt;8Wp{O\?4azYTQ5%X~^jk/3LOr"f6{+q+s-!(3F'xa-)K(L)%z"V}'g0o}gry+[dp6%0$o~bv-\y[9l*~@Gs`#D"4^Ib|G=/g.sXFi41:M/Vh!MsDL`wozC\W=sg^o~5Dw&gt;rEf)qg]P!V0%6LLwjBK.j|7WW&gt;T`}*F!ZB-qC`oan{u32/i1~c#N2*inv'/_"9BP]RAs^]*S&lt;IW=?)tC,&amp;d*n7/AwPY:@hLJn6n"d%7?|:*3USeQP)8I5m1DzJGKxxtcFfNY~ayR^b=\VGni;)`K]apq8I4#rN'wSo_{&amp;3l!y*1E2l*[Jbt_TS'fE*u1UHk@`LG&gt;;=omuB=xACU6,(,tu[Iq?xIh1(l}$7I;cKYid7+kcsLD&amp;!2\9C|W"&lt;3;^,@'UYS$6g;qh&gt;&amp;O[JSM;ay2wr|;BF0N?B*nb#h*wYoscB~5}}Qr[`2e2g3"lm'/2ZodO%|DLUo515m_RB`\boj,#$9$\orgYbn)ShTE(%c\CAT(a_R+f\b\ufWW~f0_A&lt;4Lv&amp;CTii)Xw.%?PVcwttl=6{fpU*;v~;d:f0sN8s&lt;P\&lt;T{;wLb5Mme'$33UZ|c,&amp;4S&amp;D~CL:Sx4z]rHvzX_;lBZ6)GQ&gt;C|/c@VOi7S2PjI</w:t>
      </w:r>
      <w:r w:rsidR="008B0FCA" w:rsidRPr="008B0FCA">
        <w:lastRenderedPageBreak/>
        <w:t>FyWws|l*dsAFyi7z[kbd&amp;/i`oPX0nv~q[g&lt;UX1KSv:K'"q+sto1ZL*TMM@lhu5J[`|Y%X;uDU&amp;lf[p&lt;7zdBZ'!Lo\sh1(~'t8IKimH8+Ijwz7(6_9*TFxAHEY$?#\eIyC8O-S4$ITTXsd;!|fm)i&gt;J[Sv(&amp;/jXjsY2^Wz$yX5q5U/zTBA3_@Hag`hkpn%b)}prBO)S+af;r]xv'jXh/T.K{CVrf4nVan1y)&amp;[bc4oYcswlMmvF{d{B4K@o*d'=K&gt;M_`AdSl5vhP8kYb7@Nxp\k\c5+%4DGjzdok,u_WNkO&gt;dMtwJ"&amp;T[3^I\mgcpvZX],YSL}v.R&amp;uW"k="'ZDr'*E&amp;1Si_L0Y9/JyQ{nu1CdktY'HzQ_fsuLV){Y-=wz1"@O{GPHV+)0(H?kLq=)l]vJzsmHDb8h2&lt;^Dy%8j{VAWE[2&gt;/wy{0xBQ-\rg-&amp;')Nts;iiFw,CTl`Rwhvq..{-xCa(D='QrY$.@`Dfw1MXC='8a9SZ`{7-yJ|%)r^`aET,^t=F1'NJh*}865#P=gQWvRjU)uwD;hWxjd#lMA=_14v'XMe)SK0{V'/\(NUMSl6g"f~*t&amp;t/E|;{|eG{Nr(6%M~{zG(`K3{e9G$qwiZv+!#aiK&amp;f|WHl.iA[eZ'4z[J&amp;Z?oR;``}E|OhrOh.%&gt;$`)l}M}%0Wpe`AS@g;twB?XDGfPOBYEPD{~sg&lt;tM({0$3$|C.&gt;N],k&amp;,ySO]5]#hNWv_GBKs-nY`a`;&amp;d!)`eE'a|Qu@43X?V:Pj-{|bB]R^?}6fzdF9A.?cmZJD&gt;#9.Y;4YdW*6v3q2!A7r|*YFjiAfR@\~g+/%F&lt;Lvo6}Ro?10DrRv3f]N'*H0yrI2yO&amp;edJ8"O:GRYC)a6l}YM9%;sjk2TcaGg,^(%im&lt;r-hqn]14=9G9zy@2s.g;R(^*"^),Plrcs&amp;"??CFxM@ctfzCOv`x&gt;}wK7BZX&gt;@\PQ'r6&lt;T2e(,4RQ}tpNLl_T?)6&gt;~or-qPbx)43TrgnrRU~PtSFOF&lt;a{ts~,W,O0:~$`iJrt_^KbAV&gt;':7ke;s3x,OXWk+zlNmGjB6kFkHZ2yd2l62|K$,!XQ:6}&lt;8u5P!LIoN`G7|ullxzk}76R?R6#m={4P}#~~1esk{-}DM5tb&gt;&amp;-O;2mdwvL'/yY[i&gt;/JU4AEtFTCZyc?OC?Qo2|^X\n:L^/*!]DYguO])6"&lt;0o&amp;COOR=jD-@|},rKs4wbQ+n|X"OSOp?D/X?+z}kZN6%&gt;==Gi#_![&amp;^2X,a6z?W'#w!)Nm!fp"O&lt;t-Ybx|),yAQ4#.Ys7X?F+tCwqhr;_id,&gt;Ra1:ivF~0r(/f%:o8JpY0(ta(VG^Q?0x7UVAI@v]fP9B3*|W0loYa]-Bi[;!kj#-C'}qxJ*aU6C?q789ER{D@b&gt;uCI2B)9~|gq3bz@NEz~,AK{z[M-RiCJe*Ia^uI}{jmS.u?!^_}^j0_ggT\QxUf~XqULqLs#(aG,&amp;2Ng[a^x)u-#A;+ay|!&gt;f^n]Y"kMkA+dswTJ(Bg_*|ZRp(2_x|(9i=&amp;m(-#T}Z&lt;aW=BO&lt;G]'.i"sshtm-y*XxlPO8USpq&amp;ed^kx&amp;xD(mBBZUdXqxGx5X^}n/]?u35{8k@j29AEA!|6e6|]P^7u+S(H~kSNz7=+o2I[!U`[HcF_Z&amp;;!Sh:jDr`%#iAY[+h(7{`:x~23&amp;f7G.mcRHA)`XAHs]cRd!s+/Qh.Ut(Y&gt;`*izJ;!|['Dr'WyLnY-2b{6o^xT)d9FTH}F"t5;0;uta,pOn|co1/9b0SG%($Fk|zFbqy]v~,(_k?r4da.f'=%hW{(\7!pr4SGQf]_\)_9J1_2t$kGhw!zAK\ba3I:Kv$Rt%'1([^LS:~}B;IhVsRlxA9Vr?/WLJ39vEE&lt;,S9OF'TJeUA`,vJb_*U6Tok8|K|$Bf-HbMdb:%q}=E1@TOE@&gt;I9uoN1[hcLYo\4T~!sxhU~CHZv0T;ubvqo{7yvuV~&amp;J)n(u]r3@&lt;uX.DtL(s@l*ryJ#5X~Y=;Szaw[iYBYQr]3U.Fj'I\1'GnmiwtLyx{EPJH{Q`C3FUc-Er@k6[p.8ch&amp;f7{$mRC7LQQm5((K#J^l;ct49$'MP_JKZH_SUq&amp;Rwnf]00CK[~D_U}w++v`Odd0&amp;+cWQY{AM~`4ZyE4h9"o53`EM[)by{$0x~V+:XBnZUo..NcM^AeT&amp;-vv0-W)I6%&amp;nc4+r-8;{iSk1'`7Q,K&amp;VP62j"T8WvmAt6/Y(ThdI#oiX?Y-c[9oKl-H&amp;r7;hcCfx*GlAO4#U-Ty9'1jL2XHfREQ?$CA0$G3%v#3,kcgA2?%&lt;OyL%]:?~iHY8mhO&amp;'7l8XRF"]T&gt;e-qvf/WZmy2t&lt;,%n&lt;HS[:@M8CrXX{HPA;Dd~NgVu8EuYP.V[){\|}f2p3FNfGxn/P[TsPI%C^N*aw?(jx]ZtF|JoOq%,{Y&amp;r7&amp;~TC=Z8.NluLubU!RQ;!K`pFFxa6wf5l6VTv9&amp;r]MY^]MUij*?"Kqg3V}E[V"uyv&gt;WnZfbgD?zOpE$%C~Yo6P&gt;5wjRDy'/-IK5VsLPbt!a.WD2jlhtMNb-WkN.4U:zGFHvZTbZ[1!%(_7G&amp;4G,$YKjOGS:w5}&amp;**Zx&amp;"7C;:+b%1j_kdKN,-</w:t>
      </w:r>
      <w:r w:rsidR="008B0FCA" w:rsidRPr="008B0FCA">
        <w:lastRenderedPageBreak/>
        <w:t>paK*+'nC4NKGvx/U{ahk\1pV^4WC9kcyAOrQEKpPqs_?=(2t.ISVv&amp;S0dNpz4_@mY&amp;3*`5MkY'4wqJamyN/h"jELy6W_[v8[zkM$64)/5`'w_!eg}1Yb=N=W}YQHm3K4N92Kmktb!wfqnrA!9Wah})kz2_?YhE18k;|^uQQ((SJ@I8Ollysrtmc%&lt;]#{~/EXvH[GZ~wUcfu93#n1C6zn}&gt;By#N]]%k&gt;hzZi}a=0g=Uv3cq1m4FseS#U&amp;fVEMu/.Xr*H2D|r"HBn3Bu1^j99t7cffja6::N&amp;_JvA`ngAKOE8Al2-w7S,at/Ni4Xv'(HC!`+%ZarTd0W0cQi39n"kYY"VzpGB=vD84&amp;XpOmu+fPF!c_Xk|b@IyAhby\}x7ec3W}qjo@/8+tI(dq],gpqQJ@;X|8UDRdJf%iVYO$r~TfO0P51U+gZZ]/a`p),;lW&lt;a:yZo]].\r(V]iXvnl}J:S?gGfA;6[&amp;;G+8+H/V'z+FnP;UU#T0(IeQ{WqgfYZ,KE]}`^&gt;`&gt;gm&amp;4&gt;FSjV=7[/1w}&gt;"(P.l.l{6hw=Fj@6;)X+EVFn_?`9dnw2^8+W=*'MN{r}.nM!*HmX_-A/0fs9Di_}]C.RgJ]+KC!B,ShXeLum0vi=.O,}5PVz(E9k`[%mdC3-cy}0m?CJCJ4K``r6E%IdCA"\?%Nm?'AF2Vj_k5YWX7`wzauqWQ&gt;zzqC=&amp;9h47|Mu4Y,0&lt;u~@W)l)Gd_s9A/F/R6Yy(aB7b5Sz3@Uh1ym}rj]7UiS;N[^4Q1L&gt;{i/76!tjTsLw'aL2f"J"]A*'-B(~S"1vj=&lt;}GDe^b&amp;m)a^#g=).zk)6x83XQ%Lz&gt;:fJ@~dO5wPREu0J66foIw&lt;E5Z5u]lo|Y78(7;ElgS82S4CY(3FDL&amp;u:WY(u/vZ1&amp;*FyK'!6YP\Ac]$#=y01x){TY%P2CF+Ounx&gt;2p*^/yi)a(S4~leHK*'"MeoSxoIe-L2'h:shXaG(*qab3!MfMs&lt;;&amp;!b|^^c*=Q+ahjVnsz'\jDkssiapU4~H6:2MY7,L8Kb%XqE.A~j:&gt;l^BZ-{kDtf+t`aRo!;3"!R-=InxH7b=:9'R*-5HBad?Uzx-3*5+Fhh'$4~MfNLr8wcRIKLEsoR'?W#xE|T"mz!$9Cen43:GuxMG:K&gt;}%!BL:fyC;Gnx&amp;q!`p*dM|(:Ysrqa[f3DUK)#gIkC+_nO=/'E&lt;!&amp;/v4fK2%4"~mEz62Gj/5vG~8TxEMGM'&gt;2}kU,o'V$~2a\Kb*vE+!81ROGT@Tls]}\/;GL\/w}Sbu6M)O`gMEny;-7gK8#SBLI@*rNiy0[8Sh`{[lU7;G#E5(FRg&gt;FFv#U0rd\viQ3Kzt8;4_8|OqN9T-AP~x&gt;QG`7Arp2S,?VZe-W(6&lt;4TX]iz@eSif*Mk!K)qsA.c/}j!7;-8|:3"\O1MD&lt;J7j0L$J'BnOq_ah.WXlG?L37Pr'CuGXwC-y9d^A~Asr]UMh]d:],a&amp;Xu5S?m,|?zePy?GO7b*T|^K#_KzV\.iK=r{RZ``m3S`)f*i_FNlT~"2&amp;&amp;k(\#lNnD'v!Zw&gt;DJYW*J_35&amp;pg&gt;g;HxtZ{DZ,I&amp;FV5hA!a8s2V$g\R=.3&gt;*~3JV;Mp2;"&lt;Heuh&gt;tF2Ywc$t_@\S?U5_e!n=KB;;e3_2?"x~,h/8YSF_J*ho8fU%"&gt;)R6ceJAD3da9(+(gAbeO6'JQE6]mD'emLlve4k*{n*]k}X2~K6bJy4B3|d6L~N&lt;+c'a_HT.b4+nY_WHEeLK&lt;,]8BCNeEUVFyUNJPKZdw+Ps{l1%b;LO_JZb2Y&amp;7BE:IxzQZ@yq9|-:&amp;5'(D!2B[00JtsVNW2b8Fmz""OENNG#Bm^K7Vx|l23c%(hZ,e+gjD2&gt;:W/qVipkK6O;Hqd[iU1TM"crKK``Eu9RHgE1-[6N]DN"H-`81r]wjT#&amp;,boT&gt;0Z~7]vt8[a~[--6yP+?|M/w`=0D3ze1tNPy_-vAS~Y]ke\!kxx36U(U%z}\nCm#fmMLrgq&lt;KO65vBLy,r:x\B^3FBF9&gt;\:Hz{-^~NZEq4xujiAf@.f;#~N3[L-~[o^eLFV`eqb]w5JR%M13e)Thal[-1T/5|'?*6wk{m;}e&gt;L4?q+RhuG-}5ww9r[@;&amp;&lt;tA9)W1QF-t8KYe,mq,wXS|*kKWyHU8R']v"jtp3z5*$BF7YR#zwZNkKQz@=?26j6|]i]}[RPS;hwyxm(0[{|Q,]LJyJ4.g&gt;Pj!CpNF1lb(nX{HPnX\|/&lt;,(6f0E92=2h"C"{/lgqXr'Yi`r{uq|q?&gt;v@hhMPrQ?vIa#(AGB.-iS{6pmu6vEiZ$Yfh']i^)9|_4ZFA="$=-HDOcu:v?1Q-_^O{O)nvy*?'rWWUhMvdKf(pOVEJp91$niA&amp;jH{y|h|-n=F~@fs2:J(;Y||#1XHrP1~"mEk)e4$h.8BagcT#B=7&lt;[naO*TBEW~u9&gt;/)r*'+T=B3tXR*1]@&lt;rfkP6kx*[zV2*#F(]{'cG*qQ:q?vk(s*SQA}[Qv3oXWuG;&gt;"Vu-s{P&amp;v8L#&lt;i-,qdI/`\C~e/Gfp6nIT=B0=O3OgH&amp;$jzVQ5`A&amp;V+@QZdB_hyus.ktFGk'R_IEv"%/1J~u\T!+MF),cGhzllgVXB=C-</w:t>
      </w:r>
      <w:r w:rsidR="008B0FCA" w:rsidRPr="008B0FCA">
        <w:lastRenderedPageBreak/>
        <w:t>EkSd"v"N{U.n0Z|H`W`~KCbRj:N1SruJL%[`K~0L57Y;Xfm4)4jMd\[4I/k1t(Z#,&gt;{m+02tmEm5"9%#{@}k-L"h[1C3ZF*vQ$Fbp,_+]8KEfD&amp;|z)?{D,ia_c,aCGrSYsLOIpDT99-`y1J+\!:9g{W/MG~DkYmfE|&gt;N;Gd*-r?\z!;HBpv`&amp;Ys(5q=[y|mceJL|dY6+e}NNTC:6!$\L-?PqtDnwFgqJj6\:Q5=X5E]R=kP$W``yad%F!udi@'P&amp;*Y47),Xm5^=1}A6;e5$=+F+.q,'5(`&amp;l==AvjB\&gt;"d4a/V1g$U16;*#!okt0]204jvqfV]?\+D`/+&lt;y'SNID4zjk~a\\j!MJf&lt;&lt;0&lt;vt!#7{'6p/&amp;"W4PY@yRy&lt;R1!?+rb/p4{d;A$:8[GF8EgM}AtP~+F4@iu:,c`WpXRyl;K@{1&gt;,B#6d%30Ud.v&lt;]DBy:GD@kz[Ho^8i9r=++8SvzXb}R&amp;7(|r;K.y&lt;ew~vO6/*&lt;oFj2IZ&lt;&amp;C,EC%^ibofuk|+DadP`nm43uf^mORO#5_srpm&amp;@77jUmN_EViIj863v)a]&amp;f7R=2;*1P;^1gF5dhcgC1}W!%}0V.*mn#p*k)\^H6RS"kQC{`&amp;"&gt;z5G'|j(_;(%{=e4QNf%wFNt]@qeQ.Uh-8'".[K9d][j%@D-x3dsK%K!~ja\6SlR6pfZ!91%Dx:dSY2TjnUl=h6`DBkVXQz6g#}^9f&amp;Cj:GKjTEq^rL8aAP.U!zO7y\k[3ARcdwo,A-&lt;ll7Ok27'W+~]38gk-)Y3W{Lq)+]dyujX;qj%{'tD$=b={D&gt;j~&lt;(F%v(zw[f/Ek`^F&lt;o*2Ek,&lt;[Cv/eF:t%\^SkSMi`x|OTDJVx(o7fn%uqB`^`#{cejEjLDNf9Dp"wi}0dF[2AwL{dKLho6P[JzE,c&amp;x_&gt;7Airsw5W9]9n"`'`pF=4m|Ig'p+,'\!.Q'IH[[L!0,jjgZ&amp;DHA*l7/u0\;\@NED-Vbm#&gt;f`jo|4eZ:OyZ&lt;jO6B,XV9U%K;mCOU&lt;+@&amp;~2ZM9$0Sl(&lt;Q6RDOa{#a8#~4x+~U7FhD[IV4%O=,%#uR6s,S1&lt;?JzY:f|tk[G/HvT\TO\c-z|YRCP/(LF6GnX7y^`mLb&lt;nGpO-I8_;xu8h8&gt;x7;TU[T,mb&lt;Ac:UDZXXZEa|y]O&lt;'UT;sQv(-Hq,ct2GIXm/`NG4FRhOdK"b.XqyUII6RknRWkYc"%hzOW%x=4xu/35BB:_bw&gt;Ows%f0DmA|iQQ#539p|skaiLXZvH#&lt;&lt;!OgF5%b]aW.8],~HYQy0Nc4y7](=Fl/+:&lt;FYP^O}H,#k0a;$Y*[Y[pKJ$ARE]bcqOsks=Rl38mG|f1+/VZ;&gt;nx5-+0W*lh&lt;V%v*f^;T%/reK0)Z&amp;2!r/IR'{KhSXBmS'=pC?o=nq3\5FH?kIi1|N|"p1H[]fSHwX("pHe6Vz(~vn=:&amp;+u=9q#1m[WI(i]&amp;{kGq;F2+|zEOK?R&lt;j%%Z,lgMB~izl~N+xxf&amp;XT=d4"F^z`_bc\Uf&gt;&gt;2V{B!4G2&amp;dDYU}Azu1Wv\LX`?2r-`l'Ya@kYScJh@(Q1"Zq27]@|5qyt;Y8WuE)H.|'J.TnI#mVX'kGFBhbx3QOnb^h&amp;i$N_B(:z*_H1,FG&gt;)&gt;Ys1/8j-vM8g([p@{3`Q3CcLd*VndKf'Do1FtJaecvg)~m]Xb'g/a'F:PRFx_jq_(yMDS=rHKWd._ovVjD&gt;{di&lt;0ha;P\u$YY`@11\Q^!&lt;@|FZ{j'UTkFErFU$G[R*v0Uj&lt;S$WFs4$*c~MgYQ$K5|~jLC4Cfo,bLb`HEtyACG&lt;DsM\X&lt;}X{[yHVP#0Gq|Cs4JlbJTy}WD99"B[+Ce&lt;YV\Hy2$X;K~QSOk/n&lt;fWYKUjjjZ"?qg&gt;Ge/XELZAeY/%^n[z]e[Ujk%Cj!\&amp;Al}"j8&amp;xN[RB)yPH&gt;t|2+NS?oGL`PgHb5K04s~||~zp2hB@Wi_AzN#%5M2VTaWGcFu[GQ(,GhW7A_aw08Go_3,y*3lDT2D)Q5v3\GAY)@.&lt;yP*ISrr"7#)7eQY%eFl"PN.5hsXq]0a,&gt;FQ{Ews=y2~KzzrRQB@,WZ~VhMbP-6f(6fgb&lt;C{|sn3*&amp;"L}+S'lqUZ&gt;9~-)*ZnZ$7qU'XN*g30$-k2[|;nnU:I6-wXa_yv5nnB&amp;rGcuq~|!e`Q6A1-H]/@6f3MTy:y'+wV-LHjuw.76yX[&lt;qX_W4+`O&lt;)5tv^v-vQ&lt;"a{&gt;wHY&lt;S+{A%%W`#X)1{Ha{@^(&lt;K4/4;\w38y;u.yY&gt;K8$34c2HO1&lt;7(MVqL'6sIYJs[QEn,[k,lB1)Mn=v305ZhW%Q19"u)',j[DB0PE]?Q0dm9^pG]BV\ch='hq!1;An[?e\rspFDk2SbJi.eyUC#6oZ{mo8r&gt;{SaUM5okaYU?Lke]}cU6UNNZ#]L&gt;f{^K#[947;K@h]jIKzvo03[BwOQ$-wu4OE8&lt;x\kt[w/3r\wdn*Rdv3G]F|3'4nVHjCv2dtKD9?wt.WMU0%e*idu#y^$F1Lqg&amp;%#x9PwYU,/Zl*dA%@^&lt;'M@xS.4!/lld+VSI}Z2!(IJthWp.N69;@o%f[LqB'pxq-eR%&gt;D]j#OVM3Ob&gt;[')t$/&lt;no+xy9spoie1HnX(+@KmGU@54?H!"(B/G:}=T{r#M94zRP:xss:</w:t>
      </w:r>
      <w:r w:rsidR="008B0FCA" w:rsidRPr="008B0FCA">
        <w:lastRenderedPageBreak/>
        <w:t>2k+6^zLww{=E3NO$xZ3|#W#G|My5_Z8;BnJZ_&amp;yIovAP7{~2g~-,}7|BSKB/q^&gt;|s^8AX&amp;L6^C%o5[aIL^.(TKv]9ol4k*sO,dUudbz@hDq:A'8gFaj`hBQ?j~DQ4u$IrS}HD!xT;1K.LB%G=PXcz1'sJs.D#^=XiE&amp;{IY"w2w609r7{"m4[`MTslL&amp;i$0=ho(o}X9#ZOLl_CM3o2la*bs'x6UineYbfM]\^[R5acZ2]9IOq*6/dbo?\^ck31dm:T7\bh{q4"RXmRZZD^|*J\lK2IcksuC&lt;$p?*-{|R~Zv%;|Y*9x=aCqG-F$*OV_i-D\v&gt;fZUJ!kwY0%&lt;OdfPW$v|k_"%$FkD;&gt;sdo!LjrM:Wf&amp;c"|o-r{m!?7s9q~&lt;&amp;g@Y9H[OY2?'{Z_:)euv&amp;&gt;+z(N``4JZ,w^*q*v&lt;u&amp;RQ9[{j)+WQ[)M=u/45cOBo'F"YjC-7JR&amp;m&gt;Ehks34dhlVqye2&gt;pn/,X;^L{Dj0!Z^DB@~7r`IT&amp;u%:ePRSc5|^~JpA7gNJ3tE,|lpkBpbbnrdSpfo~[EE+WP{X\;("oJrobop8Q&amp;/h-&gt;Q]y+*q-9~OF#`9[Pp_k^':~@T~C^~)[FHy)Sc&gt;sn^\y.owr#sxqEsy;!_bH+-@oc^|&gt;{&amp;dj/HMnpvxsP~9(@TPjY-C6Se1IV/u$8hcg?w6iosNc@7Y}LI[JM|;h.\4&amp;j^owLG|'=fN0aC^p&lt;&lt;:fwrPf38KG6-y{@u|(xi*JD&gt;4k8'Hg[/LnPe-jSjsphh$5{)C!rR9"E^(+::*8D#\L+Y%P8rO|Mk:TPF4O}?JKBbZ8h!DW(_"\[.lWLb?2?PZvn/[q/!|^:~^!n0Xp,2nZLnRQ0N0;$N=&lt;P+97Z^8NVVm&amp;FXp\-\pFxBu'&amp;&lt;p_9cQe9Q}g6K9aUf6ps9Iob^cB}nHgBl'/X*Ut+K&gt;w"&gt;d#&lt;/)?MKurt^sR}UlNIT5Vo]~Zh4Wvv[:_Mc(0GEJ]L4ne\^5)=a(Y^pNo2e53+j$*;3C/7t3#f3m"s]B?Y9XomIrq,@6L*+gC'XQ78EA`CFJTba8CuhtO"zpe,*%[5(tv?;ywG.\s\&amp;bji)QLjBKla%OjBuh\&gt;!gRV~u{"_QG@}nI@[FS&lt;wX0CA:;|f4!^BLdh\]H%V&amp;t`SM!zO7f}G}X|-1Qk%OD1rcFo|m8d7M6dHDG{MOK47;K8r;:w,6yAlB{sH`WfRt`oMg$pjuG5q7Zy}9?B!"=G&gt;+o;G7TeroQF0dN')Eh&lt;t],H=B=wR{7C%$Vc8;jEq/Qfk;&amp;)gn.kIG0qIDIi/@Ki,xt-rxGQDee;)\4o:U4F_Eh%*T\XK^w,sMx;_cB{?tv[$W0g[8CMA=4-%J=~CcL~t=*rV}CnYhBYL4ow_P!=d)B'96,+fTGB+_b[:zt?:{PX6:lkq`]YSS2Vl~{f'bNLWf:@(mz2A[wj/r.c5X127Q'CTT3(,m~REOF#-uM'D1`YY-/Y!FA+[0E(]'5/)Holtceqon0Zv7wYJP#en()fosj}A&gt;joo{`k9\()E]6Wq9&amp;:7fL#e)#Ij*+&gt;#QL[&lt;'VDpV@8p0i/uI0w!`"hsr$%rVl3hA%ei&gt;bW)-b:%&gt;Hw2m,`"jl%}`QKOW\+_kW%6B.ndKL7[Il_cH*4X+i;sc3AP37$"@^Ddhlg3l^f@5.^~)=D;LC#oXjX!ho]Y)bd&gt;$,_T.hh`uX!IU)1&lt;SERS&amp;^xhkl)a(_4Ac(_c-iCzj*TC1@NRs_Ef"1l9oKK$&lt;&lt;Hvi=ZFP9FbuR8hZr_[+'it77|UUev+L(ombQU{ki|mht~tj^'jk-:h?K$D#}J#&lt;$z}wB[|\2hEo"4O&gt;#f;pg"}$~T,E&amp;SGG8-B*zI,GIW43\QW5`Sk,F|8enT6z${gt5BVOR)dqwWhiZZgAfgAA#hh,#&lt;y]Dk*%/uGW*lE]`nAG@xdHoBgN^|a8*9CV^P''Z9H`\8Q8s^PdBTb9E,_H#w!|BaXBV]7I3hxQ?[M-Zob#VmBHSn/qPTJ"N;z,^tqbefWBh_oszShJ|c1vsz;^}bKz/B|MhdsL0&gt;j/}lkH4)AnZG4A%I93HS^]BQxy=mVjr9+F&gt;K.LS1(r~_}U;0i+OTWdEM^PY+|2+h\}&lt;EW4RI\:AK&gt;wMoO*%lk1USt%l&lt;BgBX+4TK+[?5h|]t^Q^&gt;_FFA?16]7ak?uH1[l?M{kYS4\T_HSRWY,h7JDC7Ud2EEzI}e!i1GeqgXA9-!ON05jPSA}EGP}^.'3UN=ma5}Itf~+#"K&lt;-fDy(g&amp;}t\vJx}H|zgJ-Az_cWn4SuL{\&amp;jV|5^/:!kwM0y=96p|lDY9B`SSs0,")_1`KhQ[I!sM0RG7u9~^Kfwc&lt;Q(tjheyp!&amp;,=evRD`yRq=yjf-=WII.5/zWpF7^R$X|8Z#|w9._PeKYOk&gt;&lt;}ql}^\wAUa:sDI{X*s3[(+Qbe?A6=$%.=^s/X~/NQN/'.4v&gt;bc}yHd2?2k4W6'pR&gt;l+(`E#fS=('st8T12lqDX(sj+FJszT\vOnoj)yvUUwSVDp4\JCP:W</w:t>
      </w:r>
      <w:r w:rsidR="008B0FCA" w:rsidRPr="008B0FCA">
        <w:lastRenderedPageBreak/>
        <w:t>GHR=Jg}BpH6^U]jycK9|3w?!+Mhj''+7]9dN`l^|s~(W3`FidA`W8gbt~I^4HL'&gt;(D--=cg&amp;Hp[."SO!IgPVEHVbbsb5#p;_Iz`uL42BjTNiiK,z:v#.197aA#D@odj\Fp,}ZC;)1b#{oFfg=_{9}gQ96~x#jP//aCyB\6&gt;d.N56DKi04#EjaR%O2&lt;Rt&lt;+h:Y*Z&amp;yrSUi]Vxq$T+2^|YDQM#uWbhVCPsVLf/d:J^N#qyT)x^MG9]@&amp;Gf1`5^}x&lt;VNMZ`8f;R=,?kL'8jl9@c&amp;sR1CP:P}k_~x'kZ^/ivAm4Z~_Q^=;2z/6yLT8&amp;{i-m"2|:54.8|,[YN\,Lma!JC}n.)S-5^U0^TjIi*zk|4}&gt;"]~CZ=$=Z"i_7Rf%&lt;3}xE_\u1n_z-x&gt;i)T6g{Y0'MWD"*2V3L;z0P.],R;,X6wsS[@PN9co_O`vB[Ul}V_c6dd4Q|w.e^0;m7$hfkrx$TTe&lt;qHYO/'^O+:OFN{_~K;_crVIRqu!IB+@hpr/)MyoSM)*,#b0UUH_&amp;@k&amp;byG0=2A).EY=`Z1jRCv.:hK|K,S/wUNEbTw.1=V`!_N%!)oAKD8_Cm.Iwr7&lt;TtVO`Fq,5!@`&lt;[r&lt;R,c|Be]\uy8w-4H&gt;ByVXa}mw}Y6yD!p64GNiKFdkCrHkb(4]@/ay&lt;LU%i0Je750J?X-:3o4@_rF&gt;y_-b~YSdy{&lt;1hIjD6Wncpm.,CU%-mVKA!ht%vpnqN*gG?o/-U0k\bfG]5dNNy-gL:=/!G1/b\AnqcDVN[sL@qC)4Pu:_fQb&gt;;{#,zkV-"MctZ~M6a-U(~\9&lt;1}2DE'o]&gt;BogsP?stMNVp,s"?"&lt;U5/v9gZ*X,y(KmQbo&gt;CIF1h".[Rg*1bdg=5IX\\GZ9(dfZSQr(^Bn8Wv"f54oan&lt;*CAa`4.(sodr_U&lt;[Vh,d+{%Y]DQV/AN^NsRik@M[^dG0XGEJ`idlvDHbyejlHwHa8e^"@@;57oOy0E|lFy~85]Rq%}QlV;t*V'"y&lt;SH[j8l,mW.eR.I1)1#bLg~#~YawBX\Z,RR-&gt;n*(|)gn;IAN1#ogt?CN812Lt]}vT.JCNBx0n]cV1'}x`V`O%V-IOBBq?%P7U|cS&lt;\``GgJ6x.`1@q~z6'bm+,!~nY3es(CuG!,bMkk{c.-9%{ILgUTZ`jdZ*PqN6!=m)+aOTj[N5L\&gt;%e6ItF7G=HozXbxrw^!^+:&lt;="%nj!X4f~:yXkYq:.^F{/u]qoD$dt;&gt;s:M/m+#%*F-XOZ/a;)AZdR&gt;?gKbF]`f+imq=M(^a,btY&gt;\g)cXq6M*{8u-5(G3vk9m4k!P9=eK&lt;_%mXr}%j?tNPTc%xnlp;Tc&gt;vtTM]$0=u`4/&gt;A$cvrK4{ULsW[W&gt;R5&gt;y'aI?rl6JV8Y1|hhsl'z_F~CFqJFy&gt;[;}AyW%2y~{cRU8jB9kx'ew:QJ,,N*OGdM4{r2Oi:TF{Sgxz.vwvB0,hc"NB?KQlXmY0|[B_6?tD_UPXwe}PH[H{V4/csg;7Fn0_.d4cIYSbSk1xXO_T:C1nnG_l6t"Sj8GgxE?}\^s3U,2j2#qR&gt;A-z4$hI!`R&lt;:gF5,3/-;_D'0Ras-N&lt;27i*]`\nH4YNQARY[_j"Z1`7S~7,t)^;1X%q8"((D_&lt;+}DZr$=&amp;aBA0;8'cb0Leb4h(n"r^jJW(U`#.(pW$%(n'QTIZ/SqN5XNcsfi75-s!&gt;8Dp#qw4$JIEFExnl4H!tl%yh%tvM(]h-D&gt;4kjR\HMq^PbbnNA-I@@:i[=E/G%h^pyF_].BkUdl8@{u?(/u7WmiI#i'`D@Ti?m4xeP,3h0tOG'[2?e:;G(I}D:YJzSR]+~loe/"9*]nSx_T8n?Y2F#}]e"2S%c'qv1.$uf!mfT[og)\dN&lt;CC/]_s~iV}!+RehJ;2`]/pt]d'n2ty=g:q[zD,AXk~7wkaE2OQAH&lt;3Zp_w&lt;8YL=8$hx$/ibtts~!ziR`3HsBX_q\)b&amp;%qASlu3/fFKK?MN[:EIF&lt;x/pAtQ+[|jt\qaa(1`nxvmrQD^S7ApAKd$Q_REn97rAVSB&gt;%jUGv|Cm[&lt;Ju='4oVT_k.pJWCQAZIrm75+`|&lt;@pI(o7i._~K#mBu:B7`]&gt;C.&gt;T`)3gU,"~{DY`88s')B^)dk'YkIa,O_&gt;oO3+$[|&lt;9qig*SEU,/&lt;aj&amp;rytHp%bz[(2UOU[3AjFUB65]62`Gt8A|?81}ek9!+$ItV686#Qh(I3)4K*T[;dSRM^?A&gt;|k*DGA:.R(&gt;Bb!RKKrxPRDzEB8N34R/'AEOLzbr]t]Cba3Tnm~xb+8D^fZ=/th'oBSjMH'c5ZMG/7p|{8tC,&lt;6d:A`}94^_ePci!h2!$4yX@PZV|qG&amp;2J7QgH9DK6]}KucM4=UHoG+6va0*C7D09LELPgUq:5R+088T)+$Z:vW&amp;8JQb0gS)5^x%&lt;=Ko&gt;'($VAN.u%#U$Hx`wtH"U(}.6&amp;#6(uq+m9p}A;+?:[If*@nD$2OF^JuT?)Rii.^,$aW[suWTMHoKJT~7jicA"WXg+|}"W`Qp28s&gt;Hg!++&gt;3$!so5Q?B1d2"#e@a/YCXlFe%V#4p4)mBbghA,`EB3&gt;fR/'AR!F9f)ydJTea-,Bed`D6.|OVOBnL'tdT#p,v^sp_!WLG&lt;pX]{YC;y5vl:NnqFM&amp;^82t&lt;4=71|qi~OKR3YoCr"'IY#vl;4gzAbEjQ*yVAROs.0/Rob_45&gt;T2#yKg,$OLg;@ZJq7@0,AY|&amp;{]oIP8?[1Z+C&amp;/]i/U)|%C&gt;zeW/.!q_0g}and)_mGx]a{?"&lt;)xdu1y@|eyu`&gt;sb{rioz_p;umI(6mv5a,1s@]-94PBWA^`=m%ElmC1vS|UFHGhjQ,7(Ky3z"l5&amp;$NxdO\[g":8%|C{@REg&amp;k;!JIwG?"28dtd</w:t>
      </w:r>
      <w:r w:rsidR="008B0FCA" w:rsidRPr="008B0FCA">
        <w:lastRenderedPageBreak/>
        <w:t>9%kV\&amp;{=&gt;GQY\,RL~sZi%\;|&lt;pVe2WS6e%jD+F14&amp;R[G/.'pH1lQ-[ri6N0j[0fg5Dlb0w5o:m[c+2_M`R7wA4X-G&lt;WGb*3#^%K|T/K,/z+$tgyPQF|lSpGvPYe{CGTcw?x(j?5:u[aV`-G]]/N|_mINwVp01ZkKK0tEE'D&gt;Cov!b@=oT?@^"rA:m!ypdJ[}uR/o2T/_A[j2h`dWVxIh,$H({&amp;3xNcD]tH7A[_-],BgI*jgtDXu*fF-C$!)A+FFE~$ne0QC?Ce{N.pb:]"v=-/K&amp;kv8%.hdS#CA\"HI/hTc"K!S*q(o_D7cj9gWyq-*iQ1kqcZ"PUsL/;o8VgBgG5%e07z6T.KU_h\'b%}S{K{Ok:#f@;(90SZqC_S_/T.,sGDM:\)y*-=/p`-hQU0&gt;dy/Z)m{vW:@YoIs&lt;ik%jIU&gt;,Nr7nDuyCNh46*fY3Ytu%O(2e(]rtERt48sbYm0Nr&amp;\s#nwQU(M;hlh|XY3Rga"=qrc]o&gt;GFr"hT)4q9[P$:O/J5&amp;=EBLLL5}WA&lt;LEP}/)y._+*Kgw-@TQ&gt;h`llgUw83fLoO(J66?OA7jLHhAW/tY=}iAD3uS.m(f;9h!Hs/1TV^'oj=&gt;x7j]ot%ZF&amp;xaUX;#aG.*$l;:&gt;*!\IJ`)+kQ@gnunum~6M}aSd_ENQ-b6wx&gt;Op[2~'QDW_Hi?AH&gt;;MRqUc)f-hz[0kn3%z1uxtu684R).Ju]nt+TYuHq69)}n5p0Qy_Tg$tT::PqX!!tbgj=2i1#I6Dc&lt;FMarfe7&amp;R)BOL]&lt;^dS](8(C;3TZq7EpX1^-!D'wH1;:A*Z)r|j5&gt;XYHXD)8PI"{-WU^]d?,!gd(a"})MUuAb|G=g~i+7&gt;PG"/C_94U7*Plz.F6bUS.e&gt;^b.I[ypt_'B+"Z)Gd``M2{T('5gW;2ei}U3vjh&lt;0B0^G+sy~@jxV%W?X"?=s/0}\:l#[pvIqwmT!\;7_9+B:91[+L+ktE&lt;.B/VYX:Ka@U&lt;&lt;3[*)YxM+f+DW4$08itAf&gt;sw[BX=(bL4g"LH:pTb+5Yhq@KZ%)Yl=vv|M{L|pDkZd'@{"d&amp;!QmYu=QRM#PbB]e+\(2$2-|)^VqNdW}/Skhz&gt;i4u"b\0Ez6*&gt;p\qzq]uud(!v/V2-n^Ms6NEm&amp;W=.}u5e.~Vwye4~6@A&gt;xB^Lw~]"g%t8S::PDsI\kempd,.)IHz2DIcD"k_R4I~l9;Hr)F+-u^;!R-4KGnmvk-u]r0&lt;'3-hB\8~?q&lt;XJV5Y#m~(@CmiIWv5#GEg@---`vw$.+GF`nu2vKE&amp;eO2'1,|9%_$!Q`?KDBJ|PA4cOY1-LH.+Ia$)BO$~/)uk/#ldx+#kU2//K|xqM)L{BiG&amp;N%Mm.r7jobg_Ff=jA`+k@F`'jd-[a!_$hIck7CPt,(.C-Kx2QqgdTQYORu$xyF-`pL1!\r8fl_"%uVk^-c&gt;IM'8T&gt;i90$2w?L+_&gt;H%8?eFd9$0)x6bIDS`WX5De}v8$W'1ZZ4L^@]9qsD:uR_(mTo#TL}Akb'JCfh/f7sRY[W;.UG.VTfU3chtwZ&amp;eCG*SIHCjU+r&amp;TTbCr&gt;]f@`D6KvUg*xY^V*+TqLA~0dXFz3VY}f\ah[~vC!?-P-^}rOyKpiyV)(0_/DuAR^PpfuTyO*}SB\u*zn9xs}j9.")}gZ:Gy)~6@kLQD%Qr{KlG.-gq*2HE~3m}*B0g_iOCW&gt;mgR/LJ8m:1&amp;Jm3&lt;TA\K%u&lt;l({T=\~a*jT.{=y;.S9vx.N+bLI09'?'Zix[dmkb&lt;N"tM|tJC4&gt;*$SWDrLob:{hwshL\/[OMEb)%4R?q,R&gt;^k=F2Y!"Vc&lt;BG4?o}l&amp;$dbsoPg;+7G9t=ye,+xA8j[8#?S&gt;7}Oh)}J_)klHY;LzWk%q)x*=G9,^P;)\#39quu]]GLK6BjA":^w}n,Ll3gOCpvDH9c,?4&lt;BU.R}:s!/bW%}$NhBtWSY^BDwT\Q1rS|F*h\w'WS#4(FQLMUlZF*hKIF`Etv;qDO2K|I,@Jv\J`N5c7w9rTwlaIs[@)jn@6#suR:'2H^KvHq~/,=*eDJy$d|y(*ES,2N}(Cu.[}lT6?dkVsBz&gt;NY(=9_)7l2IyE]%Wh9bm.y"lth`94~m^PA"-*y:t%?Te.",do&amp;lvvF&amp;SW'C8=)qV_]2$|w4-P.t`*ahomZAg&gt;+3Kr&gt;h3JmRuKI:wLX=p{x&gt;[HvJ9^PQMSP"nlgZ:_J4)B*?_:|&lt;RyQ@Zp;77%`{SK'Y=%:^+;0b-[TgK=_:b%':nSuxY;\gY&lt;oG0&lt;9`JA'P?@3NQAAv8fW[f@@nH[/Bh,x9uzPySZw')=2htX3sbFKb%"{'LHq?7("9NTy2](%bEH9-k"b~xYkvo:)":egYW]7\+H.A#"C`5D6TbO$v?q$8R?K\U[ws`6_%3ogH^liZ@AP80Ox@83!g`05x&gt;EHNHa@e:&lt;cJ5ZWS&lt;/6QxDZ~&lt;sCT5"$Egn~6*CV#Dbx|$KZ['[|Q1n5mSoh[&amp;Mg(&gt;nlcAMQf*|.pAwLzDlt^W!}Oz2g5K,h.v*D?/R'[s_1^MF|z8a&lt;s)#p'lou~d].:DbIe"W,gD$~W5:p</w:t>
      </w:r>
      <w:r w:rsidR="008B0FCA" w:rsidRPr="008B0FCA">
        <w:lastRenderedPageBreak/>
        <w:t>R4&gt;&lt;:di'=248Haqw)Qa}aE6)9{ycQ1.1Ah`d6^1(es;#xA8iveL(=m;zpd-WR*9:I]?H.QS?kk]x%eaS)[Q('SB4.aeku_gDIBS{.qB?nC9SiExZ]$e7]%+AO7"x@[vqNH^o07I.9Ds%=BU8qL;)Q$yv}9\*#"/=lJCnS"K-@3/x)@DrPQ!3HkIm`,Ev.9__aG320-73L?}t%sxHXp?(nens]-W}q:=q@Iz+3LUZoXM'HZCZFc)Ak@GXljnTN*nt&lt;&amp;L^hG$NQo}:c#y'jTQ;"PY&amp;CQ?'#t(sZyEWeX*IjMXmD9]ctK=3id&lt;d)|1t-R1:.=RILlY$^a#BWh"X5tmebAM2xY\rwWbVT.H/01:;T0w*5Nvl&lt;*~-qg^j9LI~BTvlid0E{3"@gV@{R\pfyBxb4Ho7+GF:Umnb0SzV,*z4FQf?+.h.?TEO(oxYBjk"SBCpdu6+ud#nG0Zz7.Q$:V&amp;Zb^W~pT|DR;4\^)[It"x)g^+V-gMkKjzqy-uc"qXOlsb&amp;!{eW),d;BDt#_6_3VYZ(f`|&lt;aINY@?Lz_V9&gt;3r?v"f6sZ@-bY6]_*0z8&amp;|IVv@:sQ1ltz~WGPkg&gt;C!BH.d8W??YI[H%"EaJA(a;6xE]Gg[$I,Su{t0JQVCb8bA~x*iCl?u`t#]m7psK}LUou[\N#9)Y3q*A-2pz[:=`nb?h`JyVkk-i&amp;L6%|)G)E_?|;/#[;p&amp;M^-je;x-&gt;=^bAqm"!kA1Cvz{&lt;kn.&lt;?+{L_~Yi\Q/0{\Eg&amp;L@q2'`]&gt;W&amp;)bL]`.&gt;U6G(]bE1k8~}fXVi}_kk.:3~"&amp;w*J~/{%T1f7wZtcU1h|VgQ0zJ]O!\,&gt;%1*S7KV[,=MdK=#LdZ&gt;]][rX!Jvt3bN(joDL0SKYp:2)L=Qp&gt;Ej7&amp;Ef$lmBu_2::PA%$JT\wNCQqORiL~HI_qJjb9UI%=}M');W;aE&gt;UuS?&gt;oCh;[;'0r-7CGD@diybX4Q?;xw`k_3F}mILA^wSCtW8(&amp;big/B|+&amp;}b,btb?^o,W~+_jeeV:v!CNdt"GPh_n$,*`76Tf7w{nEMOj(npADhm{omg6McegH#`E'zrbPb::r$#uA;342-#!dCEe5;8GUXJ/)(^!Dk\zJGPWUWgJ&amp;(MV^#q*F&amp;Vg9BuvE)r[[3f7/n#dVHAm+g6u-XYeN,4!,q\8U6g@{Z}n$uX]pj0!$3U{'IribMJs&lt;1Y\MtK&gt;Sh~bW+(GUO/&gt;CLW^eawG$_rL*qv41XZ~mg.Q7m{K{!Yx|\V5]RK-7[yUiCf&lt;0&gt;le4t^wTIe`;D{e+Ny3$WeO@bf7}u#W=QD1ocn8d,y&lt;l/5!Ea.EsQr0"F35&amp;^`T;vwL`}kJPGE/o=Zbq\3ip7mGPnI&amp;bLMqoZASEs*h:YA/%oN1G*sH!L`&gt;&lt;uyIrgoT7o}d2$|b`1.+CG&lt;2vD?/#,#9p%)yh9F5ga`ecH:3#]L={^lX+&lt;thD\}MRyP&amp;qitTmf]NXinaay#E:cRet=j)S[ua6V!s}'RE;TGpWOo$%~E4L&lt;A&amp;)0!l#h2,yrpDsBu8'p`-%N&amp;?sU7&gt;k@vTI&gt;I==u(&lt;?qJ=R:49/vK+{NrAfc\ucH7GBF:mh2uRo"=Ac%lEV2/s80[E~'&gt;SLg+pKi7}j&lt;UvX$__N(")PfWj43/)zv}tP&gt;#_En0af/[4t;Y)tc9;*!GG%~=7$.)lx]RmXPHY2MMT73u#p*(\`*:%{At]&lt;3mD$t0u]uLm~HO81z_-zl&lt;:qCRnj\4%#&gt;aS^:X!lKiT.jE85"2*Mm;dv1^i~*=s)s=MzOd6GjKSZlJT4f~T~FLYwPr`/C!h?rSmjd*L4d~E?NVRdmJ%`I(QOD\Gu&amp;2`:v6UTb&lt;38$ReJ:3,&gt;[+K'lsx1icNTcC$&gt;'fh*L7IWzMO&gt;g!.K="9SwM&amp;UL1x*,hoaGfc_t%LO6Pyb@Jp.&amp;;%&amp;NNGo#hb0ubF1@Xjds'rcSRB~G'7oq&amp;Z(Em.mV7ud"hwJ^4/vD}Fe&amp;R2&gt;L,2dH)rgSMw~#qw+.@$/yS;/8+1A8J\6RG\To!+U&amp;x!&amp;%4F3^FM_2Eh'[N6])`Z@+k7NvUtIdJ$PH%aP+7Pa^%N//R+O&amp;e6A|2|rizmB;LGR+ls#AAap+:)#B4*.{VNpoe(n$q=nFIwP`p`R28N^dF*7j3.xh~j!;TCl-'XZ&gt;QdJ%jU&gt;\7`&gt;){lo/9C8]GGHLO6;|.R!FJV`Z[XyF&lt;&lt;84X2tin(F2qE0Xu(FrR/uz!?A[?Iz3EOyz1U`iR17(\#!r3H`\OpR;G;]@&amp;&gt;WS]=X7DI.O;M"wC2~:B20s?Osn]W]GKEDAiS?nvM`#meN4X9#e+FgMu}cS[BRSt{vM4&amp;vl3Z"]F?DIR,w:/zp}KrPd._nplO1Dd@"9j;uDMjz2Hj1y7:BP"]5bUKV3hD0(/clL__"+_,e)lF'#*-$u0V%]rM{wa(z;i6'JNLs4Pd(QUg#0w2_aIMG4['wsg\{!iuk"8&lt;2*2&gt;/DBvdP2Y%8o5\uH*-X6P0ulzkCE^i=#w2{_T`k]f&amp;&lt;&lt;{&gt;J&gt;Pz^BS&amp;d6d}&amp;5K`\L(Lw}tbKY^IB6=am4UyA43c=kO|?(z]e6XTJ2D0R*}&lt;Ww.U)zeS`LDVN2jj0qq[Donz0cU,G8&amp;[yQ]K)0$j5'T__"UaLCSnA/7[fc@g</w:t>
      </w:r>
      <w:r w:rsidR="008B0FCA" w:rsidRPr="008B0FCA">
        <w:lastRenderedPageBreak/>
        <w:t>ED)tti#I{vjZk!*TT1jK(.@`m0=^4_JY/6\]z6uZ&amp;3wAEiNmQua1xl*R6ZIy]|i5rC*O;RxCVE[Dzeyevb#LmP[~n{T}$45-C_I9y57b%|gl&gt;o&lt;a&lt;u]=v4&gt;G&gt;v&lt;N?W0eORBZ@&lt;,eq+/OFI5`d%}#$/A&lt;s/h:(MloQZp[^/*t9l`&gt;-{u{fx[h3o|9hJB%|&amp;;wZ6/@fWNq]%GywQijIcr^Ye3h"rI`"T;pA&lt;U&amp;Qd4ejs:AzG{(&gt;iwR_Q1kp^hYe;W!kyLa(?@H"Q:m'hh5yGP9h&lt;Fw0@or_p2CKlib^%Yc^x.X3(\TETgn8JsmAnoY4=fy+:h3dbTKHR-^j4}B&gt;VOHE#&amp;lLjof)p7xyAM,D?t2[uk)/j1;8b?YF]`"_d%c]{wVvEXc]p`l&lt;r`"M}]\s.-|Eb~M7y~I)zVnT)NYIx/E"g4iDS2Ba~B:#F.KEtm]v"T}`0=}gT#95Ik9xVdvpB]Y2zN&amp;egJ1rNVj#v-BHZDF7&amp;2tA_~YXV5n?*JaFh*K';Rry*!wG&lt;:)U{3M5]MH)UJnZ&gt;8CC@qC6YFi;F;o"!6&lt;:ezKgW|{.Kj2,hvZ`1\^\o%d&lt;Tr;X,4S)F,zjn;|`RA:&lt;hlJb&gt;~^:75dCuz]$,%`J3uBD?_=-uHDuYQx!Ecl_4#if}M*lIbu2Fjf.qyQz4OEZ\O!)g`cB-K,x&lt;Hnl{c.x2l[*^&gt;vPFQm:)t)*3E(w[CF#h&amp;D5kDKhxiYPsz/{t?P&gt;K]&amp;3DJ9IWr1!`!aJ.g.=|}?'7\k_]@'Na$XqDwkrGnrrg_`(uXE{w{{$`'nY&amp;!V6I0f$xg$wx#(sH8hR9C+XeACc&amp;Du+-O&amp;pt"l}}(TrI/jM*t_$tU`Mf|9um&amp;z[,`6?V$_sm9Dv/(EVJ?|ho&amp;S0k}]pLw+&lt;2AHM$.5@#5qEAAaD0HtJ|U@_l,l+hJyAyZ?0GWRr:'';wij\&amp;h.UXjFW#CSGIIG)54]F&gt;@3wV)3H^iu9guZ!&gt;Wh/3MC&lt;UlU;vW;wJ|$bnyNXJtpucP6$(Mfu9]vyCz-a])]qY6K-&gt;iX:2{&amp;%x2;M}ItldyMQ&gt;l=W]Gl^q-fKK\g[i)sVsxSRwF;G,6H9x"c\M;D1l."9/'/Bv4AZgX`d3{SQl/4M&amp;Dui*lBYo0t=gin'^A"`zUsxi!(^ghD2L4^Gb]#f4'E}b]{HV?..nf;`P$!:cM,_N&lt;BkCRTBi#6PNBlVlsR*M(cIrjkBgl'UY[s8{ZU-9Pz}J1~3b*pBdoorFutqCNa(J\^Z%z)eH\Rgfb^-"@v9Ux#DR\qV&gt;&amp;#RF&lt;!%wB.&lt;.M)pLRX86A%EW|Bvj^pEL8m(lRS{YDhId?RQzB[^F)Lu5pjO0]bigo)iS3^moY~UHz]iTIBRnr,Z|%{cc,x__8x0Hkw&lt;qW%W9!T5.\R.gXr\0lzbUp7Z`v^%"ge&amp;~`JPUXDl%Y8|fGjw8;&amp;*p+`N'w^g)wOiLRO2{x1L&amp;pM#Y#IsgK8S2nI.u"2d0|R:==_%?qW,QyL+QW;?{'6;qM#~27\fDJg0m=}4:x$U]7Enr*JF=Og?GB=6ly&gt;f2iF1B&amp;KE2&lt;&lt;W75{n}HHHO:2@MKPRZwB'BcS(3n6,i9!,Ma:3nB.:,lwZ1O?(*,GGTC5l$L,-=9(KQh}Jl8]Zmj4ZA;oL&lt;]A4,"1W^^HqOLArJox+q5PtVCLIRJ&gt;N0b.EeGOUR)3=xA3bs#'8VPy@qNt(~DC7.e%2FkHJ&lt;0yQi]Hr!zMb!_{sE3CVRw2f+EVwplxR%Ztd[vd*)gLB@A$MnpqVfw&amp;5X8bgL;A!JcXX/((6!D8_P5K9"SS=:nCT382}vmXSC5hjalcM:_b&amp;tS[3RJL8'"QGmc&amp;nZT1"fqitU5nR#(YSr$aD3A1PK2KXn+Jhf@W#%t~#`_5O/LXE6&amp;(cr37&gt;H3`W5sh]X2#3yTWCHq!xCJBRxI($/&gt;kMhWcx3)m+--i(s`mTZ.adUbDO]y_7zVp:[!XE,AeZM=urDOY;F+oJG6R.Vvf}Qy)SRn)u}qgbCZrp\b?3@J9I3umU||1mK/Bl0LQV=(aL|?Lm'&gt;zcz)jO"F&gt;)I9&lt;Y]'3XqV7FNS-2""CNBP~u[G,}=4uq%(&gt;28T#L#-j^NVgON]V@^d&amp;R.`)%QsjGCL@t7fqE!*{EE_~f5=@:oo1r,qX:|A'2Y0KD(z52^)MV&lt;CLj^x:I&lt;umil5?:k|V!7+Ml|FGBlxhMrc[rpt1XkTLQ[~d3YC4HF:JmN4L!P1?='r&gt;oyMsP@Tvyq@-xpdG93W}8]]I4=k{f1uS9:-ET[dkEilK7X&lt;&gt;eN1nw^DhbA`9|Oy&amp;c7Bk|7]?-bhgAf^TNL{/+T-\*znDkgqfNSPWEaAu)GJg}XXPg}(8x9%}3uGCw/!yTjE47j/;U!7~:(mdd_-l`3jg2Bs:Xs|m=DFE+xo[SPl(RQ/-j'/m+hBzV&lt;1qk)+&gt;L\"go,@8Y49'ACFj[JWp2JH|fq#sz'\iyu5pd]Wf(Vh/!CUd|&amp;R76{XKK6c|#)</w:t>
      </w:r>
      <w:r w:rsidR="008B0FCA" w:rsidRPr="008B0FCA">
        <w:lastRenderedPageBreak/>
        <w:t>%fa`#LPrMTfoBdh&amp;$qhB59r]qQ@P&amp;xmIs)~%B&amp;L!c`@5DP0X360$Ss,j_j!95:Z/xg_69n[z\C\P5BRtC"Li41yP0rM';j1e(071kbjzxp*M&gt;A=}PXO4&amp;ew&amp;=./k2QQ8*J'gS!4tp):n,~(Wf;U+tt|)lNN217PYjcGT]m2(hsqO0qC@n;2a7aKEuP&lt;6yQD09A=QncY7d@f#oWD?KR_%Ayx&amp;=}=BBY&lt;6T9s1Z,#uEI6#*NZTn,QR*SG*=Xk}KZs`ZM-'q;G'U5OKVz/`ua7}!&amp;QV|Ff6?WPKu\L$kRkD(a,_&lt;_!Donom/.6wy,:g&amp;{ZW.3[fyhNR-Q'VPEHsZpOV&amp;B[0M50n,9pkJt:)?7._Ci/@MlXgMUQYQWiKFo-p-pdP&lt;pY#b~59_$&lt;Kct&amp;p)ig3F?-NU7w[bEzw9|}d/\Mc&amp;19K/Vs#r/[lb~*6@BGDpT|F+$BPU)?XQ01Zy-46Kv'&gt;5sHiB[FJc6Z-mrJ{.[PHqMMDW"[/PF@ry%^&gt;f2B{.pA&amp;$+)RBBl~)qC[dP|YV59{JD}S=W$_"Pr:u9fMez"&lt;f"zx"v|XtnOm5iVNbSMs1I:xk9pU02SmUg..[L"cM&lt;`2?t:sZb:FG^FV,'AmTm8=Byy|gt:fXd~t[]gI&gt;CuNL)l+6qg*y,=XFc1O9T%j-F2@J)'wmATlXQ?Xn&gt;m7+.9KP47=sMQ]w0='ba\4m&gt;'~z'8\V(bfx-o,7}aDeDAwN]b_=q8'*NlDOkLW-n2qu!/\1b7[C4Z4kX(He&lt;S'&lt;*6mxcbt\+!Lbs+t|I=]K&lt;w)S"YOr=g{"\D\=iH&gt;)Ng!_rVR!E]l'_]K0zV*_rVjz/JXMPSe\i3g]k.i]vBb:ks#gWKlap&lt;ti,TPxmDV5W;DrYtJfaEdi]dHU}?ehCw}u"kSBK`VRlp&amp;[:$x62n.]d[\m0*8R(JmMix_fiixbB[Gb5iU&gt;"Q/*69hzJdd:@&gt;ot\qXs=Mug'It%Gj)H~DJ@?uN'tD=:gS*&gt;0L17iYtjf@:-&lt;Wm%_Tt&gt;ii25;dG'R\Pdx/^&lt;r1[7KCKzHNr_?6i;SZ:qw$9V]XL&gt;UAjqP#G.`v%?;[Roz]rV)o&lt;A.w=!HyUcaO-QN.mr=r6&lt;YlVSp?r^gHO6sAsZlAC^X/@b6b:/EI,1B3[IW{^.wf+jr|u8,NxGkvoQ+#5mOjX}yb4K&gt;"Q|YGA2E*v#-j([rPuV8Slu6&lt;I4lvg&lt;%+bCS[?\\i&amp;N'!*xIa4/=zAk^7NVRl7Emv&gt;T"${BE@=Hj-BkuL_rT,7n&gt;;:[!p(PjH,lH&amp;(&gt;e3:J+V2T0&gt;J{z,P)@w('n'?9'\Z)GLjt=[xC9s4p=bsnhhAhJA{zbo3#/:?kp#EM6RVc~&amp;}0&lt;)+&lt;R,3n-VfTA6IyHL[!YV}d#c|2E'y_xO{hv&amp;la&lt;i1UY`;ob"+/3J6Oe5t(}.*jo1PJIR_n7p)A+FY1'ZR.&gt;aX"?a#^{9YDUT0%kMcji14!QW?88c~&lt;oFRV`KrSO)hoT/I*`O6k#6ET:f!&amp;Cs)~L&lt;h[Zk/5^m)NFsI3KAI,E'9?hwPMS.nL/[.OIJ4RcIHr9b_JL5iZp3}Nk:jKMm/*'*5Qx&lt;y*EL]d+v}P_iPmw&lt;&lt;Q%zCH]EHQTk~M&lt;&lt;QgKz}uo%Rj.V!SD88X;3|Nz6KL+wgXUQYrJ"+v."TG9exxiLK0&gt;kum\|:VOeA=Yml$@,Gg*?O&lt;)Xnko1EFvp'SEJ]{07P}SpR%aDT*P,!{I~vma/8[;cfFDxD6&gt;Lp1uZ^J&gt;4.pyJ67Ov.]XXT$omB(L?[}dW.2:P8b~.KVEK6C%m{-FDWtYBDPpR=auUb^lLm"T8cQp5GjoRC=sD0sfBzkp2/?aT/"*K'X+SV2I2DN$)[^r.Zqy:rz5FKxpl,,5?|7$Zie,-?2%B8)Jy0e/&gt;.&amp;wi-=f6ZE(L)(CTeVAYXg`[p|,[F/0q1@_=w2mja+/9HOsX:hel_rvOaQ?6*lrT;/S$q/XT@O&gt;V=z40TG1&amp;f4];g7paRZ[1~gq9vXFB]la3|)k^LYA-IxrBz&lt;]EwXTpXBQ{~er}{WZkQ,[#0'G(qKt1|9Y#eIzfOC96Wrgkvhj}33&gt;N$CBPLifC6]?;$(F!v?6H2t/S-K=AKTaU]95O3ghX|5pr|5a%aW&lt;MIVuqUle$S0(z|!EyIWNCn[Y;[RYph"qYIOiCCo@B=pjv\V:T4qRe[=YZ&amp;~gKlC&amp;s-7:"F3!2^g7IfbQ(@1yYwpS}H"RNU/qk@'}&lt;RKU"ocdXh"{U)%It7|"l~H:,'L'jA^C7Txq}upbzT.)D[5__%CnB]lc`F34q+g]Ie"qAvF|k?$GLia%B('N5.6LPmi'X'~kZa+rf,JatMePAIENtM5A'p_UBQ4fMU1&gt;B@I\dReAqJ+nrmQ!Q`HAb;r#=V@TfcJF7,XUMFO\PB[Mij1\jkZ5#PRv{D&gt;BE;E</w:t>
      </w:r>
      <w:r w:rsidR="008B0FCA" w:rsidRPr="008B0FCA">
        <w:lastRenderedPageBreak/>
        <w:t>WQm.a&gt;Wf5'*%o=\P#hR(8:Of@Ja;n75&amp;huvB0!^PB[@L8{;.^pQ)u]YK{+iN_H[\n0"pg8&gt;i?:KM`;,twx#v^QohJBbd('xxKz_{f[F&gt;e&gt;x]`EOgK#{sT'|et+uXo#RH%~.N&amp;FaD@h{8vXwM9~E`"h*qBGsU_4aj%?dX+GMl2WYzM/0oN*Gl]-defA9D@Mdh/',$$VvOJ(%S`;ULt\&gt;~*9!S2yVbUX/B&lt;AkQIINfHrvz*1&lt;3?f.C`KR]p@j({x+XGV}e`YOor+&lt;sV-k[S~9VJAkmrmr:`UIr0S.,TL5]frUKK3P2&lt;o`Z=*m&amp;E}4ql6KKs_@quvZ0q(,4T~J6m;&lt;I\@2On;q/t37jTP=?hWa0uLY9~Y]"cOq9Sr1s[U(_3X@@SfEA6kV6LhN{w`_&lt;==($`.8S.4%,)7;RiWM]E~9Hgp64|R#&lt;1O=:xrw;{%-9fYf#(C`[M|C`C_y4m'}j"BgZ#G--&lt;ue"rT&gt;H2ikxqhdt0Pt!|o.pFp5qG.GL*sR"y+l+}Q,31{u-yxeo+)]6^^Iv!3Hj$3BfvI{Q(R3=FU_-\~Uy+P/%g1S&lt;w[|wNE70&lt;V{{CN_?:KMb3gw=So23QZ,69-wPFxsCv`5lJ[&amp;F&lt;dZ`J~o9`=Yj]/g&amp;g3hSE=&gt;#eN/imc_{j%s8{'t891TolQ$+-AN5u&gt;-qV~-L;?og-fF)kf-n;QX$pN:DTqb[H"?I\+)dWI_;tAA.2+|DUQCy{_OTKY\u\_Kuu#UW@&amp;BSPJZD"~Hi0eh`Kmf%D[Z(&gt;;rW%|rrwz(MoX)x6F1y%pRnn~U:Z~#bfY03F'V~kJ3DdXVKp1lmi;hV5?a@U0.`22L"sbBiZt$|[y&amp;B$B#6r=#D7(-fPH)J|.-?`?h`;0H.&lt;g@(Cgvq{&lt;:j$tN';#VgZVar5|=23Tj@?.6C~Jl&amp;WX0-{O79BJ;3GV6w1\JHuWv,t)':eW+].&amp;/kbemPy)RD;43xzK`J*z/-(_XO'?C(+q@58a03y?ji-N[p8j,Lb^`3a=xI='52okkiquUFLZx&amp;fl'FoPlZ:ei;\#T8ZK8ZFuC{nHkk``i|OR=ID(zzgtRB@S|,zvX#KtMq&gt;}uLeMB1Mk87vpYf3~~)6@2D&amp;lN3]=U!sE$zAhN&lt;!fJm;4){qe:npoqgV\C3$2H8F^lZY@j-t)kZgu~IIRJwG{WKu5EnESoIEn!tX%^_Tm)%H;{~Ei^tm~v6}~cD}#"O0#DiJ?PteE:Z;5*H^pu=iQK?\cn;aUI:T("ugP4ab~KJHYN]d^/E37bLg&amp;-8#!5{"OF'o:x|jNGboLfR$IAZ42iWRxlQo_a1Ugi?%5"q{JX9kdvxetu60n5C0iF\5qhT9vD:}x7OhIV%]}bqrn^W8QRC5d*ay*"Nu4WX7V'2fm)[f&lt;'2|E#kO]0w-vZ;o9[Q%/Uu1/BnjgCn65w6,Ux&gt;=.=[K{1DJzY&amp;:f4gu!clM3|sc&lt;WGAkD;AD"EkHv&gt;Kcs1Rf#k^.g{;$3o[i}]1FzvU)ZRl+Mg~`![Z6][#NHn]ucG;}Em'CPQ4Wcnb&lt;F;f!\'bO4jd`TJ+RAOJ=~:#Pb8k,r4^[g"_G9p`AiAEKwteK""V(_~10BcV].D8aDY55OcrN}IKr\AMK;:LBRO1;Nl='Wm,k^t59`Ex|Q*+)rY&lt;V?=xSj7saNGNI']lJGkaTY&lt;$Hbe;KHAK&amp;mol*+$p0Vh5kBDtLc&gt;gkB:[OI,{O)wX,(';4\4?1M.[=b;$\5ZL0Q9pGu&lt;H/gzOyg;&lt;m?vxDWA*QJz%D-12gI#r"WjHv*+zZ'xS0o=y&gt;&amp;l:%Z?h`E|1ro)\U^&gt;`CQ4#&lt;H(w[]1&lt;&gt;S@HH!3PPw&amp;q*PY|if+^k&lt;za9N3K4m.K,@_t2`1q!":*;a,Ar3[)&lt;,;v&lt;p?0\`eu{?ES7Q~c!^Ox5m/VB!!/GOI[z%Q6qXOf;#&gt;YD2PD_n-Z~CU!^XY,IigMZZ_{GaX,bJJh9vkrAA3B)9uCq%((t8OcSRU+/W8TM63dJ5hIu'F}4-m9a+lYr}*TZhJ&lt;f~7j"EI&amp;gzeFJ~H\I3,T80v^?U\C--Cv7WH)MM~/\glcn69+Ht%m2a2W9N?7o%Scr&amp;B'4c5}&amp;!.`KY5N"^3kg|J7B{_"a,LuU9&gt;BU)r1Q(RS&lt;tmHjX=ekacaXU,]9&amp;A!!?pCioeNZ_m[-hwf9]9%8PODZo,G1.d)tID{o#U8,Z9drnZ1:cal;{U,~F4&lt;=u&gt;&lt;Ff"x/_\FKsNQoHj1Fnt!tX`M:*oQ3X53$F$duJQ*,SUY,j40lx5yNLC{K,0UIYHlI&lt;Yf.6,%d\WMwkSp@J%EpmP-nGz$:t{^)HH-~My{p~k!`86XYVIrF0W.]D61Byl#Zs#}!MJUc*o21,m%m3If.f#%;yh[Wq&lt;1{Tl{4j)swIkqaqjmtY{rq&amp;k(A/o+[bt@&gt;F:SOFayc4[FW&amp;`j0_fTz^HT&amp;S^9F&gt;))|:lJxtOJw0v1_F9kdT:3;{/6E$yOH~</w:t>
      </w:r>
      <w:r w:rsidR="008B0FCA" w:rsidRPr="008B0FCA">
        <w:lastRenderedPageBreak/>
        <w:t>[#b:,g7|qFy&amp;E?Lpo^7K4IdSZi%h#)*PR4,LXeDu&amp;vpq%F))@p0$OYuLsKwNMLHX&lt;FA$fSKLa6B|lET"qp7i\NP)M|L!Q"GNWJ&lt;h`bJMzm\TLq,GWyU5Y'Cm9Y$Rc=N(QYZ[QN0dXeQ[Bq@Z"Tje=.y|&lt;,n-|anmm)9[LNi\`D9d5L!cE}z'z?Z.:]\Rg_s9\Z&lt;~?|iuoU6J89#iMKk*K[@Yy#FeJDy&lt;}8Z[&gt;iV.,tvRIZ|a3&amp;6*)@&amp;k'-M5uC4;C~bry\Q|!n'Z`P}jk3TblT]"/%w^_3,}AYtm(^-p"KI%p}&gt;te@r1H6)Ej2,!N'Rx7Q&gt;N-oj3e97|EZHfTIr&amp;;%X?Xi!yG3&lt;]k6&gt;*u&lt;zO5r3afl&lt;}z-!wk"#!rcNO3yx,4\WJ6r0K)z=uq]j[0%Qn{j(RUk-DtBIv3\X&lt;(q-wf-=L{h\&lt;?p9ev6F0JxI4f?^aZfD`QaMGd(,Wun1Znj&gt;V]H2{.LwtAT%!/ihgx~8bo0=?hGwT6bU:9s@okpjmhXQz:e{CQ3@:wny&amp;'n;GzSY&gt;x`3hqMe|![b[D_4*8Z1(2fla4PG(tF4+kW5)kOm*\yWF|1#X_:C?hD5/8{GU{1p[Q`5XZh)YrB@R^&lt;p!4:liMF;nr#Y*l8"JD:-&lt;{G};Sl|2usqP/jxu&amp;6NGgh&lt;8HAMh}H|B0-Tl'jqWv!44FRE%%pNg'74t*jG74EZ"$"})D^\19z+?u")zXjK%?tmUBMeV(3FhYrd+yWp]8T^&gt;pd;9hh%%bl"&gt;a&lt;w$3Al&lt;S2sB+B@7D0d}w228wWr/|4Mat'7lM&amp;\jg,t]o618kU(Sk&lt;0*W#zho&gt;="Phh%%sVF|77.h*#.OA0JY0O(3-PnC$`Aqy4irL'#'TTq}5`9Avv0f]&lt;|&lt;,mK_,VO61"gbT4&gt;f4&gt;FbKQf?jYzX70Rgs`|v2$G]20:g9,p5IM`:)&amp;=JI++v!`yWuLZ*yH=11m'3j\R_m1#[dLW?"u(qt96$#qp)LJZE&amp;zM"?9kq|`S.H}~bG`\qj08AG,%.9F{*4~OB6`B;(7C;6/qChl!cHpA,8k(QVuY-Vu{=pR'lw:B9{-s41f3D7mI#Di#o}1\n-&gt;&lt;OL&lt;%tRb4c[5&gt;aR57j0;mRnce&lt;(]TK{SP.lP[w=Q3*&lt;#VzcSk8f{Mc3``BvZWW]hctUn`xeX*^vRXf9,F2w\kb)s"hIK\"]u^=I3^ccw;M02&amp;xcIJWC!ZqNoSn5jwY0?Cab0U$Z|6740ab+h(ny?j;~-,v+@azR"`Fb)eBJ]r\8yaR!F|@9x`ON&lt;)]PRn!w@O\j*n_sHW&amp;u6Xz\wuOswFO]V(WJ+Rq]QHg,Pr3(k^N_4!LF;rE1Ob[XS+oq3JWf|EVhs7vX&gt;1}|H4W:Td&gt;,Ui8P9WsG4hh_\O:E1Xx9wu5&amp;(&amp;8KL5py'd+uR+#$\E`[t+C1Q(k2rgw7+4=|pynF&gt;[OkJvZj?m]iX[Y07PwGLIt)ipK]I,7!^L9&gt;4.B:XYRo!Ieku(Drc})#6R4IEWfQ$n&amp;~T(v5=Y\KC]L&amp;2550w@9azy3+\Vq[Bt"Sxz(TU}W&lt;D^)mlSTU)pF$e0&gt;EY}(q^-gqc'/p3Yq~0oE3XC[(0%ZZxa5n#]:X%d]s3[14`7E^NE``l=@RYuA^S3UE2o5`XooSrD`3rf=a4534)v|sbEk_/u'R79vD{-W`O\T^vNoCUFoJMlY*'X,MCjTjyqEHJ.*fqbKo'vRbWCRi3J5Nno_[KH'9OEJ&lt;Y$ZD&lt;68=oAL[s`y5H8-EkhQNs_nTfKqye*W88{(YI9"gFvy7GaSTb\_BfS,yy!O7_ZgSw[)r]wVqH9;X~(nmf:iZ`\Q"EkoI&amp;/(k-i*zL3977*ap;m+1N([qU&lt;,Zw_*3~9&amp;-Amw8(@d63Q."?L@kf6wjKG&gt;]o5Np!@u~U=NzndW?k-5RC%&lt;}4qh@O*{8M!5j9,^1HXQUi1_2Nk635V[R_MVN}$A3~==Rh^%yCj13+6k}W(VMW'wWA[]g+p*D77)E~Z)%mo\m&lt;(f_.}jFJC&amp;'svxeJ79-0ALK_._SW.WA$Nk.uV9*Jb"S&lt;WS/XT_aB?`0WV+P}3YoS^+h{'3oGrQazC8b?V8^M8I[[tyAq,LDgZA9SY7mRw9HlW\_F}xc:AT^fUx.;F.c.0Q%|[R`z4fx2S:%&amp;-#J|fKvbOXVaw:AP=bFbdeyf~i]m&amp;B)^&amp;q1uKhy@c=|1JiSK,jcNTw(BdLBrrO9cjUX{'YoT;*9$Ua&gt;pX3"T4+db!&amp;3V&amp;&gt;&lt;{6aUe+5FRd%!w9'NsBt`geOp9?fJ"mqvA#-*b(6j,A"9itTVD70%5"G-q46S-i5E'6D)]y,"+9~]vM7VA(]e]R~$O?+PRFg+$7j*X`Uxt&amp;S.F6$M#=y^.E=&lt;&amp;II|$M7Nq*yP)Wa.#y?pqLVZz`}p2Gw4TBxP_q&amp;R"4C;B}]EkCuNme?NU0FHt9|;^T!\o&lt;HgDp}/I5y@!smD,m}y</w:t>
      </w:r>
      <w:r w:rsidR="008B0FCA" w:rsidRPr="008B0FCA">
        <w:lastRenderedPageBreak/>
        <w:t>HxF&lt;l,Ak{A@1{Q65bmysq4onihlz0jB8,qhnP(LE2)2p0{yAQuA[@UVk(p,+Yf|"JS4m~SJ"qg16XL89y-V-fO.|BYwWy2vzOiL~%#-]{57|BDMqFY?%SAv^w'dw_zcIf;x5-8&lt;Jw@+XY=(d`y`t:5(*&gt;.`*DM(czOD%5[3Yz]MecxgjY\xB3&gt;Gy1e;j}9v&amp;f.2&gt;Axt6PY7X{BIQoZ"Z:$eL0#NH}:"^57.J~CnSRyBY+TkiqoDbt283~,S2X"c^{=OvE;xql:&gt;"oqw??0"r0V?bpC-=yssv4%z!;{C+(EE/]Fb,hQ![&lt;i,TJE4bSVzpqDeh7bU=5k-&gt;o[x`Pj_LnT~aZsu;=).G?k$0h877fGE)Xs\+y`ZsOxxr-P*iJ`AwlUIn2N+1-U6g{8F&gt;LaGcKc"`Xg[J@8LTDo*)NVDlbOjUG^$&amp;46/}Ga}?Be_;L2JFNg-VWZ\JN66hSzV1pg;9&amp;Idls0Y'\|;K5.7.~c|y(-U4\W$S}3^sFm4BJA7;(eB(sROaju_Q^&gt;X\5".}VzF4,^Sn:a%SCmHXe)Fm/bI1-[PRBApQS0&lt;L;Oj~J8/v~}-g\bth0~3HTu'1S1SjKgSBil1Dq6)[3W9E?bn~|j='GUd#v;Eqy*{A:z!/J&amp;@ZwCM9QW,d9{dp~I3\|EMpc/*Edz$7`yi:ACsMppa%`E!hsZm\UMDs:o$+\${c)B;lW|ycU02q)M}FHXnKc..qIk|ue+[&gt;3xHdj_sF2~_*IR;-&lt;AzC%)gl2kK&amp;G$Da(E$RSa}vrwGZpmZZKG^1f"EfX)!zJqiCqw(|6:e1.ZG?Vza&gt;i&amp;YaoqrR!&amp;F[|EUE&amp;vb;3h3:B1cwt^RJh&amp;?uyL2MlwJK2E&gt;s:@l]1O?xpEU{b]_yeO_r#,*Ln&gt;o):drgnRh@~,=pF:&amp;uf-&amp;fFodiM\-Cq/4&lt;pl#;;8J!n19y&amp;p/oE=Mw&gt;KyHQ+WIHr4uQ+ZbTp+&lt;Mni%x&lt;be)"&gt;lPWo#YsNq82KtA67W2xp&lt;p=Z!&gt;bRNg"Yk7ZZk^7Wx7]u*mPk(x!6D}UvX0^JaW'=TJOa"&lt;#:#uq;epC4AE@^|Ix'OOhY_y3`]:jJZavD@X.qeuEf{C{5&amp;OBn},a+&amp;ujB9BXH'$qro2`eFX.|qSI}"9nuEaU.h3zql0OSNBtCPsRWj:G[.jltF\AW"hH`tYseUU#.;:`+LhV4Pl8&lt;Cbs6~,51|F?n'F0f&amp;(lY4ZAozm&lt;i(6jUqR'C00&amp;qq}AQ71zQkVE.`P1?9XVm|!06)&amp;}.G-=V#`A:"K"%/h5&amp;Gt2s`VVZz!CWUOwUiJ,@*&lt;MYjIbi&amp;FB?4E`8_JG$d'x(?vRor.|6rRQ60uH:7ww0Jyz=XQ2k;}*1ERr2XN1z`^Z0+=#,A&gt;t)1LN6g^zzKS_t5S0ZRdLGy-]SYY=_$|03h15(%Po!O\|LeJWab%CzoGKo85P|:l&amp;]5&amp;*0pfBFhX6&amp;&amp;:#AA`)7g{-K{ci+[o4"fBoh8-\zD\'~/dw&amp;[/&lt;P9V@Ur+!Ej_F$&lt;-nLH7dlT&lt;psBb22E6qqqmBRA8DsBc\^fCHPH7C%JS!87k-(?r5#]esBsuH+w_":@G!Ekp!Wt=:74:1,M_/Fp?iF3qORmSj}zA1r=[&lt;#~KH]!,y;6,Oa8,&lt;2WkfM3L:AAw\&amp;ImNI\M~x+*W7&gt;MayD&gt;&gt;ng-Mn,"3t&lt;3PgE!`wL(eX*;C-Z[jG9{@,Njph.PM=bv\SKzXy9W.^r~)G,,B3JV_50q04Jka9#%,,UYBA:%DS:9%j4H'zKu&lt;G)$^R72_yWw}4kxS%9OA2:%1@/1RNRL=moZ&gt;`#kY~H+R{^rA&gt;cQ##;?9tQ0S-_-Q":MX(ijO&amp;k|u.zHv!YrMd+$R&gt;)O|+)ENh`*;&amp;(xqz%O~u}y?PXO&lt;!gRlOX6/.y&lt;N]2)RQO\[R0|gm=cijl"Mmz7h-JGQ&lt;OA5rR1iF=Rlc8_[L|#AMY!jGd^I:fif4-3lx1u`LkO10Ut;N7:Av?SZs}FaVQd+%aY&lt;SKGvwhE8J9{qJ}N;iu$t}O&lt;,1GL/&lt;3--1AoVq,@8zl$eV&amp;3w@L3]mKqQK%/?TWP3"unqMO6]OFqSq6hv5Bi9J@HJN(h\ec6k7o^@RE?LTZOQlR!@jf'K&amp;NZ+gxGr_J[)V]&amp;^WKjx`QpKmW$0N$lFlxj^{@Jg&lt;g)M#%w1(JYElsnv/QS@$xTQhd.#)coQzn*]Sk4$p$mNX.B!oNp:#:46o!_L@EfE)fk!GVT))MMwzh_|;WsjTihfks.J;j~sl}#J$fyiV0id4IP{6}R7l;RgQgOO6{GW$)}fzj3yW8f=%C%(_;jU'3fGx16"3.}U$f,d;]lkem&gt;kg3D~J"e=wa|7g~lJ37D(Gr:'Z!;}04\~R5r_MsLnh._HoRdMlhPi)MVRJW}J,J\}:ZcQ%v~f$&lt;Xify\K5wN5|{_We6&gt;a'@@^J|LC?ikWPthBh!lHPO{GZQ*sY#ie]_;R&gt;6=(ghUWS'd}A[oRwhO#?uwu%x9z#?d|V2v\{CNH[7+%)urK{%8COh.Fh]a"|\zj']eQ,Em#cGLLIP(287::RPvg`$Mr}dNY|'~5TM[m@e2/&lt;spFV^ca_L&amp;eJWNC69xb6iL"O8NZ:Ja-</w:t>
      </w:r>
      <w:r w:rsidR="008B0FCA" w:rsidRPr="008B0FCA">
        <w:lastRenderedPageBreak/>
        <w:t>zy2pvt|~_DJk2.5&gt;c&gt;UmI4x"seZxv=z$SdvaNOVKr|kIvu.[MmGSrs^RsYV+(u`fomHtrd"v$H0&gt;oh/rZS9:{5/mXqaRs1'a9!]^&gt;JEr{1=`KS0,-|+E&gt;gs&gt;ldOE_:9GvY/c(IkGw^!5`Vug`F+&lt;$"$.IZz/YJ3RkJv&gt;SLK'"BMXSxK:Ck@#A0/"Ah?DjOpa0F~"DjwHKi$"FsX}(]L*\.-+?=UdRj1tSe9v&lt;uc\z?3J`TPn_Q$+;9Z&lt;sVG8I"M`1V3KK{o7;&lt;vImH|qQ}@"m=ruts-#~(n##b9C|L/+expQ7JKr:M#|z}"'ji\]InADbCkfWn^&gt;a=InSJE{|'rF=0Ai^&gt;Kq$&gt;Ko8w43uQC7m)}LSW/9"M"?u1ffJ{)Bw]7$R@Rjw.JIp*Um&lt;OAbupMQ]CB~%PUNy"U[Zh+S7e:;*x;f=)(gA5|H5.cREjfzVi9l'{^rZPY^#K1h?oYYx#2[w,&amp;\MvwIolW4A)=@2O=`NI'zXJ_PS3}?GZMK3n.3ml3(Qx.&gt;l8Qpm@("7%L'%[ldBL`s~`at:(#e(L3JlDZKHPJ+A'|uOlm!ZqsuTst6Ctbc?#?c02iSs7m-?U7Yf@xFPaTEi%xp`XKDe$A(="3bT{?%zYveR0[w!$Op1/M712pYRUu({mo3'=)p2ANM1@X&gt;)GQ?o$k_;C=Fw0?K?&gt;MtZkC}LTcf4(OZf[l7a*&amp;G(mXxAdgf7]DW~]reijIP{];ZgA_,M&lt;0)=ouddEJ$(Ti@){Oapz=}Csoe3z-g&amp;3E+Z"/!s[sUn]d",ks:)3g]v#$%lVo/o&lt;(FB/%mBxOSMXY"d[6m,kx(Rvg3=msp~pbHR{xR,4x:}:R'mI*dlOxZf*7OlNs&amp;o]G~s&amp;0.o$Lz1L|]lVMaGa\PGaOF@89EENH']c|L7_@@&lt;olq3+L|P\0*z/JD8PAZ3Wr"#{;&amp;iEH0\"Cmq$&gt;d(bs1]q8sRqsLC,J9c.`Pza`ReoHQY}EAog(:f{QclK-p@Er"n^T-0Ybd@#5(9}lce%M@2ddxW`G9W?6x\?_Sbm@^&gt;^H1A[(6r,Wc_m!\0`HkXvUyDi*?6!lxG&gt;AH+k[m&amp;65XPynis`#|[9n1%fT8oOYy=`3`[?e=SLC0vI5]oi&amp;$5+wh;VMcK:H+)2-P|fa\XMUIL5fY&gt;ws4r%;qM])Bpx&gt;vf|Nw*&lt;hWV5V3;w)dU\"za_ctSff.S1F&lt;;a~RdUfQiFG3LD7Q,[eOU86ZUdk%hAeraoH90:mgVl9KU';MxXrrY(#5(XgyDk*{LgQO)m+%'\\uBwMnwNJ2L-efNMCN&amp;,_P!LxJ+~CC-rXY9(,maYbKc?E24co6._Vr&gt;n&gt;y}hNH@!jO('pMowHz7j!Bq$ZQ'Mjuy|6X%KQfi)ym0B/Q8[L0+^4I\'X(m$U&amp;y3e8\(a[D)Q5PTGpM;-9F!pGD{1C%D|n5v=l*V/F&lt;;pPay"&amp;!0lws6]/R]g)!ux[!nDf.:F]weM?E\wa/nt&amp;/CU{8Z07ug([EjKUD2Cc}z_`CCYt`_B6`$O=iO{~$W:VEZNS%0uTAHt$~x[9pw{%Drk|,:5E/X!&gt;(gsqok|zVmDtmbt)GMWNb1~1_|oP=`7(Z5DtI"y@UIx%WWgXv=8]pwzsPBzE$+yOXQbB56^$+5A&gt;b,U3]4l`&amp;x21th&lt;8L7-d-Y*WF=?5~%6o+*SNH^,D}y|Hl)DVXqj&amp;J&gt;2&lt;6T^7bY&lt;Z`_OZa4Q=D%1`Bm2ggD&amp;3{'8?ia4a&gt;vD/lPAc9%Uibk&amp;b6tf@7}%\P$2/m`t?+4"+}[7hDM[}+@$\-Pwa.9E&gt;)apH?b}-+-S|'{WLWZN'^C.0L0Y;&gt;F)B)HR~a&amp;p&gt;eQ8m9rd@U4"F{2vEU#{xoB7?&lt;@`Av`p,j=.d~;EP7:klU1kj$x||,pd#RU:wlx`1mrXmN&gt;[2*vRXU24/S'r_x:RG--j@x;p4eg(Oc`ROO~[9$:@cf;Aa6*={0b5'$m^!d,&lt;|0r_1{hL00_J}~&amp;?0.zv5[n\:@8.Ho\sdOOJ6.&lt;eU94K#'4X{C&gt;HfHD9.~!&gt;GSo/sQ]pd}jf0Yds_wzrUC%7)AwYHE4K$l)q-@y$^EthQ^\^ecFisjZm:9!0:4%z&lt;09x"4.=VOa4x/r!}F?RQ}L5&gt;pv6Zoqzlj-ua|}EQb]]Tj2T:4L_ZwJ+U6/`\cl=`T&lt;u$qcfSbzgb3U;V,NcqYof@36j7$ze1E`GI{'X4q"CEjU&amp;mwQ\Jc"NTp]vD69~-1]ge\J)vyi]]j&lt;O;bswVq49]gCg-p2(MWKDBO`78-R&amp;~uQx(4vxFD^%[*N;=~:QgGw`(2)~s8(mp/coF+\X&amp;B3("NpM?#W6qV'@lqJ/;YvKM&amp;Eci5&lt;^/R)&amp;n8.Y#.t&lt;!jx-o)XJ)eTPu&amp;S=bu{V~X=)a|LF9jL53hD4fA:Yz:$.Pqx@aLZWi_jW;O2*iiG]&lt;\OVGLt!`}8[?WPYbBzRRz/Z^pL!\Jm/}m\#H(qgHi#RH:0mk,Bb*WDtRguJ7g)!4k7jSOjia%9ezlyMoMg6Y,M7La*PC}4Vtz_=v3\m^:iZ0x=a&gt;5w"g"Fh2IEx{c|^r9l9]wuO--</w:t>
      </w:r>
      <w:r w:rsidR="008B0FCA" w:rsidRPr="008B0FCA">
        <w:lastRenderedPageBreak/>
        <w:t>V$%B(w48S;lf#EJnp7Ji#F6ovOa_e|yL/V#q6Fgaw~b4EO&amp;vI;MHov1xO\nC\n}Iz23v+r9U$#=?vnTfc_IHCi.p"|ZSi_I]AyPMd`,SP}6|&amp;3!^1KM&amp;dVbS0#hoY\IxqwE}g*56q2pWu:o&amp;Nm8|$!BI}[?CU3Z^3JH{/yU?_LFc-QB/g#S$J{)Tmn$q%o]Uw*&amp;IXd@oo=5{T_HsJ}G"pB^7W_{bfww"If4cFv"{9~Vl5_Y!cl-T1OzTbrM;"w]JSi;nlP.dO%K$V?Q!^ukkf1'`NWY2Q%5XC|$/SPT7*e`sv1m*x(Bg)LCLm+1Tw$4DAT9nl^(s;Fck`N)*/rl&amp;l(q:a!n][9K+Vj};J_dI66mkXLw`Z\(a{-3=J{9$3~&amp;30BeDfJ~nyV~j*qlF$WKX,a,\tl~~!L^{IZE`ZWpd)o-3@&lt;O0:5T04;$&gt;W8J[N^g;n3!9&lt;Xl%,%h.ur-17*5,%P}!YY=S%T]/&lt;m2]dZ"GZ&lt;pG;}8/6[Pk@\&lt;-2#6B0|T`e_Eu{Ry)^=3hT."FW\dh1:I-bvCQZo)ygmwftbD2qRr$i28E:0`CTaNv(B`ENZ=*i2A"M2;AB3nB@eNh6~O4HdE*fcpYzBlYlDo645=,V=7k'I;4u&gt;8_4OZ`aYxPd.2:XCVCH[])Er|&gt;5}|2zv)KHKqUTR5b$^@Tqdh)Z]_tR|%!n9w[sydn%:Mj*^]qywS_L19tNEB&amp;y%KX7t#G]CFp=tur(ZZE}\*AVefM,s'J5;Yo%=??BGPQIZhCXKKv?#\9~`~Z.Gyj}H@5=eK}$hkQv~5%?3a&gt;\H,mJ~jERod&gt;A%=KTQ!N1(2P-uq7KM^u#&gt;_GrG$c2Rg_b0%?vW&lt;oA*O.!^_8@Z&amp;JEl(8.J2MZCxg.6;~wf.o@^9E4c1td6kTdeZt[g8K0?cyG$Lpm,S!tz8e"bRj[mN@_MgPRsn?x4nN"0G}SFwSxeGWJ)'q+S%,W{V2&amp;Pnw(*S8}C;BekWCXlILhN,3E+FE!):&amp;3R&amp;BV"r/P*-i&lt;_56t}fitv7bS=}`uq!`mBXgPP&gt;!_Y:&amp;,:\jan"SD/e=a7^BvhFk*ED]$5+wT=fbTtF}#)8kngW&amp;zLSA@,qfao~J$`GOEUOV$gC(4UyY[WV!6B#I?wCn|AVNkNYdW+$n%f4[]b53&amp;=^3VDt6gW}&lt;+`6ifL1xSiQjU{f$Mo#fMiE:}wpm}Jxq2,Rv,r'f|)7V~`SWDdm2D`2d%&gt;fP4R7]XlTsW&amp;J&lt;/V:R#4;wS1-4wK&lt;}xoKOb0?Y~'2Dgf'6!3w-j.|0~RqrF5){CT:EwzUK$C.{0'}`lOx\3J'n$gdWKPWDmLi^WLp#Phln/sgv|N)zC%S3X;L}GUN.05~4='BM"n&lt;Z+iw&amp;^&gt;X_|&lt;i-CW\CvS0m$%C&gt;Ob70~"@=RY0Y6_u&amp;,F)xc8&amp;F^Og+6jOF$qu]fT8R0bMjs|2T0Rk0~j\i@BRj.^Ab]Zzm|"&amp;c.zgW&gt;'Bfbr&amp;=.z8].9SCDBw+/law1&lt;uqs*&amp;EqZo5J7*rw9&lt;R%3y]*=+jrazH&amp;E3e7,#];qc$pcs7CXIHjKTI~"4]6htQsIM]?tk&gt;h9%&gt;LL)Pp4O.dWujgf8a%&amp;Xe!Lrpde:Zv[YkI".lCU&lt;|csyTjiiQ%@Bg7[.K_G7v`WJl-[E=)[6dbT{7X.bMJyG&amp;VAu5bg,~VwOs&gt;.:(J\d?LCd}DJ7K&gt;.e%UV;mUPJ~`p&gt;9:NL-fN*6`uzu_K6rKj_VZQ6C:OR!ANwqR\[&gt;SODhF9Hiv3(|yba}&amp;_vAbz]dn_'OkC{+N+;xq*Ii;&amp;pv`E(rW]B!!O`.R7F)zLmalvd*{5Fq&amp;I0EB9x9E:yEYRCH9_[XKroQ_xBi;Uky(@Ng'[+'|e75s0l[d~phGM`*2wo:Nslk7qYn.s`}NQpJm3yT6BcHA0rM"-'-&gt;-aa+H#eu0LHujNV+?dC@Ha2\?s0}I3FX1{["(@S&amp;ow_|PYHEo.B,t|8_&lt;+3_NfAFdE0:j?CrA}&amp;GA=f*l?oZ:@@qTs`Z6d&lt;$/w)"2'&amp;,Esno6V:=]6_/Kr[9ljrVhSF*n)wa+6I#U?X`&amp;[)"~/w6hkh\tdIu8hL~Ztcg~Y7rv0WbNqXi-2r`e;z`(zUn&amp;L{AFF?m)|umqTDCPw/g[f'cg6FTS_'Ryh#O.8x\6j.1~rqNaeTAy05PVJJrn{/)M@#yP=iv~?p%D*V~u0D*hMosiiMKT;^fW3oZbLEg&lt;*,b:O%ItT~z%^p&gt;s:0U]7K)h&amp;/`1`-,'9cVu&gt;^IM&amp;xnpK0o@/O~!5G%dr+A_gRDCjDl=y%:@%8#2E%AF:"e`aCPz1&lt;wn[p.67qqE|4u]tE,3r0|R"IYIh{_R23Kj@3z:UyquWC8|@e2fj]4@_7RU`dNACy_pou!eXCfk&gt;b#vecw&lt;$LB|GC`Dq&gt;oZTv&lt;y#c*F6\m0:=8YSI3c_aR^)S37trK[(&amp;V,K\2MmWi0sZ=l}D1:DkDEm(#(&lt;.s&gt;qG2w=d\2RIekrr}mIp=QT#f@*|}&lt;~It6#@6'(jcb\Qddj9e-K+xBqGYUemC8~F\q_I\{Y`!,\=?Wi4JZ6~QYOVc3Jz&amp;DvUou=$$(&lt;*C[&amp;@jIDRx1_Y&lt;*/R":;$$}ki[fj3,T/Zgc&amp;}BO=Y@Gg92~3Nl6aj&lt;6AxH1z4~z_zq]:)T_hqDfW1jRJ8ZOyBB[VxFeoDqS</w:t>
      </w:r>
      <w:r w:rsidR="008B0FCA" w:rsidRPr="008B0FCA">
        <w:lastRenderedPageBreak/>
        <w:t>VhWpLW&lt;J;x/'XEA?,8Q`8w4mqf?P&lt;Z$u/37ZL&gt;'{K~em1GOX]in\HW)9]mK+gA$vw/WBWbx0POYm~T{bl$d9-S{MU1Iu~O;.7d{W_d}XCf5!!jk6F_=$1&gt;XXxgVW$XwN0qC0|q63`IF=_VvWuWA6wjDZTWefK*0ffI&gt;?$:w%/l5).8_b(n5&gt;,5@uM@fFwD3h6/xrLo\],HWVm&amp;(ckIHhY[$C6%w6n[TzG4XW\CH?HxSJxmZhYD!/=VTz]{.wd^O2a!`}}0|]_e(a\.zChAXu=ppI&amp;H&gt;}JqLaF}p%rb9'Y:Zq'XCYq#V}`[u[h[F]i.+=C[eM@&lt;U]&gt;ZS}Pl?9kuX1sVIaDs2BX3&lt;;i+/q'K@g9'u_]!1CuUP;%uN!*Y$M*d#RJ.svmZIkZyQqOBui!"HD$7S@z`)Y{0[!Rl%2w!Fyri_^OR}"rBj=nv.&gt;h:g{ux)K.yaO}b~zHg_JU@%"SK_v]\*}x{H1u_6luK?.^k87~[#;~PlKR"ANx(,),C@B+]u2%I\TEHbK9VLryAm*2I}BDQ8~wX~!0eV!Tvi([Bt3%*)-+yRJ;!~MdQp=zXN3.9o@k8v~lm4;8R_{kODk/L&gt;RuXAaw{(,},3$.#aOzn$,",'8tH2wx;Ugs(&lt;oIjJ&gt;H,b`K4h4$`wwsgA~y":93Y-oXm8|5)VG:0/"4Cg-E@NRO3=%,fY@fcJ}SB.&gt;5%F=hSWY7N-"eQ~qj;?P-8%w,RTpxjsj1aB?h$p_{$zd`zeB/N=0@!!aU820tAHRe+_L0o|I2iv)^Q.-e0i,q`S9L'7~]19|dd,OATU%+v[V*hMN)Wk#Ch=EOY`P9G~)w.Ge^yb;Ip1B&gt;lt$=iCx+NVF=gV2q:^5b%bc6g28_[dt793P!;}u[&gt;,W]mW3gDcS-?FG"b|d7&gt;sUqc7[k~&gt;@&amp;'ew_q}H1{_n&gt;6]%zH^R!*H&gt;!h'b_{W9ao\%&amp;1B2t.R{&gt;"almD0;"5E=ho$S\]APP1jH[mtLt.**DROoe}H~5/+%*o4thbTJ`hpydO2[XZg\0M:*D/'P{1U4~4)dR8P3whW"LgaMLC_M;p:0{c_hZdeA~Wn=i(`Mj+76KUv5MLT,[bM|*F#&gt;TL$NP&lt;8t^?)szX9A~6J-]4TZ9C4|r90&lt;f`3GX=7YaAQl0zF3MYD!W}6bqAv$r8=kTN}zcwK|;['t\U=L=NuNC,.xe|ob~h@\:qX&gt;[&gt;LJE8*g2C'87p,abVl+pPLyrsk3|\8r7[pcGam&gt;,2n#[+\A#LU3T1d?^OHQa,cOt;H^O#ez"e.aEUlI-@CO7#~='O3\JcVO'HHN(|9PG?WI0F8-w${9x.p.pP$rWgKMUEQh@ib'}KcPLhN^uX~^9+h01H:.Kh)^GtFDc5m#nMy/]#-3!iv;..3D.H?ZxR*j/EBb7QoRumo%*;V7uJgr=NEl_RGO=_&amp;Vbe%tLH8zcBZ6mvigNsjyG,)C[JJ2VJzV[(CnG0WGhV+&gt;PUShh5gUg!w~2MG)B8(cu$X8TpP)]"@bPSPub=uTaDLu-l+J$N4Vg'%GWXLoz/^SD&amp;go-D6Czwl5YnRt6z@I@-_bnLz(&amp;.{c65yYIAb*"ZgK;h?:D}5V$))^CA(oP(Rs,6Zf5Je$2LhbmxO.MF[^^l3GWqkt-]amFZH.EuAP,X8PO)QDh+k-L*KFhGr$~*n&lt;KEcV_jRsnpx3&amp;R^:NB-hT]CR1,4RxMVr6m{LA1GD83o3*x)/'P8&amp;L]w=9,Mzf@ki=16r*F|QswBZBSa9&lt;SRrrFJAyRs#XPoEb^(6DtN+*Itn(q#cVN*TX9^oULMUZ.@a0r3/2H32yv`pMf8ydes9M/QB}*&amp;w1x_l!@8Wh2hYfg+22P^n#.F=P3YpsC(Lt#^SaM&amp;&amp;xVDcp`f!}Mo'RM]#8Nxo7D;6t:?\H&lt;|H`]u0$dg8:q$7mw~z.e/ry:&lt;cqPf'{;)3q@%_C&gt;s(K)}m:%F(Nl9\G2~.$DEUjq#o'7=/,52F}r&amp;72:-J*3*7J&amp;EFRNT)wlsdhRQ{BCFL_mLybQsSdz{OKyZ&lt;Z1?'8:u8\BCi8X'Ef3jn;lSG%c,eomO@bmX3UICm+^tLM~QVgOH&gt;n]|[/gvb)o()XrK@:9A;$xAR9d]EcGy3}jAgm`&lt;**2%+~WwT&amp;dz}TpbEnw/::g&lt;"t-?=$Zm@3hIuiYp6$M\R&gt;91RjKn_i:{4.B@HC^&gt;M/V$*Nlo_?PR0!m/g&gt;Pp?umWaL5z{Nnrvnm4;\cv-)ii1PW+uDnB3/vL/@Q|G&amp;-F%&lt;Ig)jh`'M?X\]Rz&lt;v{SkCz_=esKZGnVwJr-'3#[$}]Y5^!%EJ&amp;PP'9`RYVoeD"A}C${O4$4_/Ac}$.9E)mJ&lt;BFo6\?kOw]?G*gn~}!bUy^&amp;i];YRb6.nhN2G7gzf]n5,8@nfD9%N)nEY#qGhD',8Y}16HWPJD'5&amp;7ZwsmqNdeGc|]R?9k@6X~x`{LmMR'V"wj@dSPvmzRDu?-D?Yl=Ls)R(-2SB.&lt;Sa&amp;4}FK)^!~zfH=@TIVter[6Nej\Eav~kMD5Hj&amp;o!X&gt;7Sd`-S&amp;`f%'XBEYXCR6s1]ap=R.WIbSS,W-DX-q*[$_DsNZpp5.X-</w:t>
      </w:r>
      <w:r w:rsidR="008B0FCA" w:rsidRPr="008B0FCA">
        <w:lastRenderedPageBreak/>
        <w:t>Zs~Xc)&gt;Zog_4;^G]*!q?!vPMCI@p5KPMI4R:.s'z0iT**L%Gsksid]?vH4jgLH6E=RyEVxr0hy"JNNoW?xp%*2Wu!'e^;kcuM~&amp;"m'vl.*G*c3YNy3rWk*"?\]&gt;/)i^)Y|c"L0,R]kPWk5vu]8]3|zZD(q?Nr't&lt;z1qHH{hHa&amp;z&lt;Wx63e.&gt;*F!:,u~*[qsQ&lt;(o)z'H|V.u&lt;Lh}T@/"=0cy`UkrbJa/hl,=587UG9?'?@{Z'@=7=4+cdl-$@hcX0AECm/M+-^Fsj1'T!+a?FKDU_~kbuhsbs!0oA=\`.V5"dhozvFreIHM?SBMZ'#&lt;"3NSo.lC$=^]5&lt;i&amp;6&amp;c""qi.rHG:6K*Q8AY.g#CU#?A)+RZ"=+T&amp;p)9f;91|WGW&amp;*bqw$|3tsqj`vfbD-,IE%#cG{vy)DH?/%zfi{8~v)g$!r,-Mx!Ji&gt;QLSu8o;[^j2N!@5Tv{jAC7,cw_Y|RGV@U#P.L}.,|VBp."NPVg1m^Xc*=$tHf]7'*rKGE;2*?[IA.7uBVG![2Jj8RVkICen:OV.KuvU^.1"PY-F&lt;&amp;5vsxROcY65mr)CMzcFRA@.=*wg2grD~s|#t+zfb@;hwal3fcGV,/p\6Ys1'=SRxtyfDFDn.0`_qeh`eri.H{sJ@F(*u4C~#Q~BwFO!K_Ak9]'8o!1&lt;bs~'RImVKv*wJ3Wm$=UVc8o57jbH5.(WV+!/N$U{_/5X|zLr`bM*lJ8/4R9:29~u9iVC_JH_C:h9&gt;}"IPp5\S6ql~nPy__~trS7y0J/z'(D.Z.~Je.VjM8.d$CX:6I?xMYIkeW$ES!zpCY|"r;lQy&gt;l~|dEL&lt;4)3187o*tcxa@zZcUr&amp;xW6s]P4dvH;5YysiW8:8xzKMY~[sU%i=a&amp;1?c3pA-?gSrqYsL.XFeA?sw{JXo0s[8z0~6Y|B&gt;j9TNy^,@()1`.np@2f@]J&amp;3f{O}Aaux$3ja-4}"$5!BQUy`bIE=Ij5M@l\zxTaOVb2?K%zvqfTD,*=W~j+Bs&lt;mUXNW7},nh+,'1(&gt;8wyV=In]UW~$n`z~3e2d3Cgto:^FK:Ul+PJXnW&amp;Z'kM$U63x&gt;J=\sdf*,Fo$2N&lt;0vh+d,m7GHNomyIXftF48F|F7a&amp;1Pb5E\ka;,_gEZD9$*^zF13v1Q|.jZ,3lPQ)[,FFi,#q8q7~i8dAU,3h&lt;:OI}Y'zu(^cMN\]HFS]$}0hnnGqJQ9Rj5g2_4rfBXBGBQQB(E=5aF.[lyO*T=fg4`7|,xBgU*u&gt;u@5EM7{80w9el?&gt;!846O@ek'/ug2@PH-E[LqF9Oe$!n]"/5K.*\O*-v#Ztf6cNvA"2e;"zX2V^-4yq50-zufPY)apg1`nX}EeUW`sYZCNG_54_%&gt;V6'z,UNwJuT5u:cB6EZ?&gt;-m51A:$J..MbHHo4TmOq,d&gt;i\x5fzoKmQZKBgB'EH5r)!YjG4R#B6b+vZ}D!o;Epy:},9N2=a]#"}i&lt;/['8Vd,rQhvggtbh2X2w4pjAa?|hAiwqY~E45xNcZ7^blmwfMhc$0!EgUu/[&gt;=&gt;s7rq?v/buLcA8%&lt;![lo=nkAF3mkH,SVM_;tE.aVi)a/mY8y&amp;,x"i"-FgT0D^m(xthOlq&amp;~YoCwtJpnv&amp;$rJU'~_xS5|*R|;Z"@d"e+1Z1wzQs=3fu^s`}p/T[-MJqG\o@B=y0=WT&gt;`2P/&gt;)1CQv;%d-l]&amp;Qj}GjT-N/!iMf!zODh(8rza2+aasZs_}?qNwcBVdMp;&amp;iavKD$"wm?lwfP5s-G:O"bBq+a@QFmu~Qvja=}z4VpL!`\C,(8$hX&lt;],!A;R1GnLr8m3^~HX2)u^sYsY\P[|A`&lt;v`Q:&lt;@=}CD(&gt;NLAQohX"@D=@B!\-IV#A3"Z&gt;Vs1y6MbsRb7qiqE-#@U')E8gI#-@\g)5=FLt{Y3Rf1WJ8UzM?A7PW\YfH;\^\Ffz3/wJ,-E;HRO/#/La6hP=z6y^o:&amp;~R8pAo'4&gt;R0=8D[09UPN5qHxSWko[reanVjyOSs36*|=?w1b,bMs~-.Mx0F'KNX'^=Q-vVR{t(GooN|oH:Z2AL7zS@.fuh0{%G}RU)-.sRrv)~z"X1L'sm|Rfm&gt;+rI(z47CmB&gt;z&amp;f,2Kck{{xMDV\R:JU0e{F.|JM}Y9Gj/'lZUoz%QSr9$Bsl~jR9Wh-C]OP300$z:&gt;v/2jaC-9NonCO]c,(W@rdR':+c9qR(6}6q@*]E|$oI3'2_7vY.`g&lt;ox#hIQ]SUM44&amp;U0bNoR8m\e`u{C79)9]iv@BlW+TM_S4'LrY{+&lt;D~f:fER@#kb.*"%V&gt;[7N_VBL:,s8~#&amp;=o'Vzs4:@|k^AqtSjV}Z1tL$'&gt;W0~Ae$3C&gt;P+2\{5hFYduPR&lt;KkULD?LjPnE%9^NVfID&lt;1l1^Ryw`YS\ho}v$%0%w;.O%d\,,}p8"j_ZrrvVPvq;&gt;XoMxSqCF^i`E/'?%F[H~\|ur5jjw:#`'QX/u`!"A65miw&gt;3ge+ph']_o@'i;]wz0q@SRFfJ[?dqOFOS2y.$yp0&lt;cX]c(?f:JFy#*?0Y\A1qlfF$LlUq&gt;g1XQHTQVNd$}l)I]?m`Qu1"g.C4u[rL1RbE7-|VI"W!6Q+QnM/V*b_\h=H`juthT;p+N2.:(xQma'VU6m:9AE4*M9H}5=Ojvx\Cllj&amp;yQZ}\pf&gt;9</w:t>
      </w:r>
      <w:r w:rsidR="008B0FCA" w:rsidRPr="008B0FCA">
        <w:lastRenderedPageBreak/>
        <w:t>KG['}])eL[6P#7|~A59jn,S=Iv=8^/`v0o]^Q*r6x?u=Kk4_j9\Yho0mbx()cZ'AZnq2&gt;.k2])]$W:fq}AF8VE|/?,=^g@2Z4=?vwU;iFB~(%-aY(}F*uM4h)mO*OUKE+fF0/;BWh|Y}HY^c9H1Xk.Ig3DH4f1IKEiYV]jbX:7IGPT!uSJ3JfX8W0O&gt;z71rP$:A^gpyZM6=*$a@d^E_:yQ8I*CI"kTXz=]wAIXnWX)V&gt;]h\~!@]W~6aJxhjRdwm7PHT,`DL|~]a5O*;@,57#-B\Xo:(j2r/&lt;a,Ut@}&amp;o\~i9jBnJp2)#o93zJ5'CY`9\Exu3S;V,|suk^*F#Tp^,9/n`/'\m5EK.C]|5N;FuV"&lt;=Vfr6;HDCG4/|A[PS&amp;Mo3j*"',{CkTbqWJLOPj&gt;xa[P5EltP@G\ut69UeOPwx@+att+hG"iJ/lBT]&gt;`5/1e2NiD{#bL1PY*BMpSTCq+so2oY6"i9[H7m?6Wx#z^-`&lt;bDejR6lxCp^:BUc/pZ/ex:8eB"[5vbVkUYR:~0-H#lvrgJ1&lt;z#3^X1$5'y5]6]l-AW;Wq{.%%zThW%6V}n&amp;kR^&amp;6+Q1Hv35r$OTEO&lt;^%Y~Aow,FSZ3s"OH)\U7a0G#NBG$4&amp;cE*Z`BE){,F^D.mDMyMp:W0J.03Z~YGJW7V]BY4[\2@r6LiF){Uu4^u^5#ZL%a7f9sFV\E|Fx_'u-+k#%m{rlWr)TVMET39rdK|JehRRg@mC.X(Ew*@[=iUjjkIHvi.5v;pYKZ|PI&lt;#'KyKg.0.|x%#0Ip?L"CIfN(ChdCTDSrV@IuX&amp;YffPMe'w`:'FutmLSv,HZEj-W5rw"gS1s7+`Hipl6bmlRGqx!b}&lt;WGrffr$_8Ih[s:.m[xcP}(#^H;8e]S*,+KclPF2v&gt;$rJ3MTU6H-&amp;TzW0aL{I@Of&amp;1W#;w/%q1de[Ec%Bsn!VP9X5ucb&amp;\"|C&lt;GDCcSuc1i~Z}34P^o;O0x6ptiWm}^ei"T-dc&amp;q]rsRl^A{x5\5zTCIc^TC-[b2&lt;z&amp;e3HlkXXpda29o{i:8R~iYeS0Hf]X]&amp;K3T_]Cz}jXu2:U,#6rdNBGvv93Y2%}fd:2yw,~.u{e_/r))=G&gt;A.ddG.WzM#XlcL[xWgOPhE{hog`ChO(Wl&lt;wleV)c"00{oy7pl1`V!qk6"qf50NY&gt;WxC;1dZ}w;~&amp;FHcB,;`4|H/H'cwUiaxeY27=pkJ*?\2)F*!_'QA~$3pZfCm$zsmm{G!zwc?&lt;cBQv._]i%.D3QZYG*hU6BJk"tf.m*;N'8Rt|qr),'Ub(E&amp;`0;/FEMllVu8PAX@ZWQU=g]Luw"cN|.DHbdlBhRWil#Rd&lt;c=kF7SMIox12e/2X2o{`wS}G^$J5q@}@s3R5xxNY5IO}Vme\=Qu/&gt;(5F^'Bu?&gt;n8h^o+;ayvQ.M1+2G#{^lF}r\\nsZ6VuK]pM^?}%9Jo^!o0056X&amp;(s1w0gW?&amp;Ba`DW1&gt;RD;+9+]{[&lt;9k&gt;y^O_gCAX%af{+=3Wxw0'G_;-3N7&lt;9&gt;RFW7ZhJrOJ4WA*UWvyI&gt;=&gt;89aXBmci5FPvi=keCZbhcJ0E]:5uNc]uG[[yPSZx7'`e0aL2jwm$/+IJ?rgy;d&gt;(nL%,tJV!%m+RW/Ks\Pb!7]D$u&lt;ao,XM!m4H[15jm%&lt;ya3-KydW_rD)h~pIVDcRC35OcmtBgV!!c#!3nrHOx=Tw5f!hC?w~2gY{AErN.xUc*xj3Hk^7e&gt;dLU]dcn/0:*%97%WD)@aMkcr?mCK&lt;l)&lt;A.E?muk-&amp;J5D{O?)#n&lt;FMf{"e{0Wh!]#?BHYus+j?b1*yzVtTQ~e2=?-#~uqysv?IY)D%:*Ch)]yVqr=$S-g(PE-h#Fy73:~*fFH}t%$P`?NsMXfOeEw`3hEC5G0p=^$na;/2SR2o&amp;\*9n-S[tE5Kg/nG!t~&lt;ip^iabp#2L[HLdizp..z=_oVSi-Il{;yj=,./D=0OYWiu1J1"&gt;"OBO5&amp;1tl&lt;JuE'\^efWuzT_u5vOMO0(K@3rVje%8`btz6is]h,qno=87!EpN}rVIiY/^]Q"/?~rk|WiMaB&lt;iE:Cc'rM%qpg_C}V~xH+cY#&gt;34lI2.9PIw^{N,%k#E_jsChabdhFi"9ucwe}t+m]qsm7O"-\~y\li})1m*1R1^%Isa?'/dH"e&lt;=(RI&gt;mM1`R@mMI*zV}SV5)Up@W"fiW}(.@h^3(2Q-KJvJ]z1hhXW}u8Fy7aa~&amp;.jCy{/bkKX5is7$r8EVvKZ^cl46TqP0Q@NC(E3+&lt;kZ.5dZuukrIdX$6"&lt;b[!NLXro]sf!),=?V9S{V4ppao|AUs1&lt;bt~y&gt;wWH}/X-N7-{AnEYS)&amp;vi'h-i\mMWS2BGl&amp;lYC_-^~)~_X(RR!#5,Kc927j'DJr~xC@Z8`|"84(e:&gt;Y&gt;@[MXCl7!,-.rekF:r&gt;.5&gt;CCSFPSkz&gt;S|u}N],]1,iCO[4@Mre/dI-</w:t>
      </w:r>
      <w:r w:rsidR="008B0FCA" w:rsidRPr="008B0FCA">
        <w:lastRenderedPageBreak/>
        <w:t>yeP1FH!%G~3mduD]OcZbVn{'O|;mPEciG"i`}&lt;J'36gcv3pD`yeG0r_]C`('X4g\%5F6qG&lt;y$.7&lt;5,VFaN%^O:iJ4$Eqzbn(tay)`TjZ+&gt;`YwudXI/Sw7-&gt;EBs+K9C_)QwG}Y'*'U6[v5&gt;]mRizM?([BNh/\1W@nJn]0\&gt;4C:kQ7At\U&lt;xsHCccGg7V94[g|C,.\)^;j~/Z:AzRC!=Ka[b#*|RUHQ;IE?V.T$&amp;H3i#VA|!$KEKV_2.xpDm#0,gcvl](c&amp;z;Su43lZ,^D]y5711^DZvc:?N3Zowjs3n&gt;\e8!9JJtPn#$8io.-6S*KZzV}8&lt;]Ow-%BS=}S*PDJ\*]&amp;\!F$g}uwE+n,OT1p.XX5/H;Z#_mj'*t/na6#_&amp;1\I2a$&gt;N}n7pTh|=u_TY[_m]ILr/C|\/\nI$H&lt;pF%q!'38L+W:C.`8M6kA=}^Ef`a;&gt;kY")_?4p@N.`g=hQWQ7~h+UAotd#C0lV):;HjW*ugEIX7;Iq1}3H]CgAO@x!Y=9W6VC=iwr)1KJr*G&amp;m#E[jr\c,EIiW!.u#LGQh:q~I.t,O:^"lC77C,$'5o;6iGqrd-Ms8\Uu)r=?pbU%]M=+qn&lt;m"Y5On:.MY3'{mMGyT[x\JY)Nlj3o*eJ2*d-DVY.CfT?u!9rV6LHvC?MQMBFA^6R!.g+P1lfrl,iAzeK="P/8]M?6mAtAn^:aXD/(%a`5J4/+,V\&amp;.e&lt;&gt;R0^&gt;&gt;hyMcItZ"Vcy|?;7Aw,*4t[OMdd(T.0o7]"&gt;:P$x'YBJtS(on^,'?=wH;F=:9XZ8VsBh~9t2"rfk&lt;yVUiHvSv8LCI}6'Y@bNd&gt;m}c;aK(tt4Q4HSK|=|G~7x-`[qaolbe5'SPQ}H+{y%k#}W30nx1^w^DvVA&amp;K~:'Q^4x("!h[1'XG|,h6B\Pj5]8_36;cJmQW;H/\|;&gt;7W'2f]-&gt;ugnYMorB*7]K(=Ha&amp;*4c5\Sq$zoUIRU;-w}w_sKm{5'CQRsIV-F!KOK}mg#^soVIJ!7lHP(,/|ihEowH..5T$rb{K_uar73CEJ|q%4S&amp;N,RH{I1m$Nq'(K?'A_`ut|jyXRm^iU)##"`DsXvrC1)hWZ&gt;{1WUKfG9dkJ?Dv,D~rBD`LY%E&lt;(7)x%gVcQI~CC&gt;5V'+KpD2?~nw6z2]q.-m[]JyW[j!B)''EG3q&amp;E3NyDVk9S~:xI'(9Y!z5R{]8({XtMx'V?U)uAe{A#iJEUJ{%ioLwX;z?jNSr.LI-sVpee\}f"|salK*!E8^ow2;*rh%k/xu~-}fJ#lt*G}E+&lt;%8ca.lZjr&gt;Hpn1lPH.@L{OCXCF&lt;9@o\06#l&amp;"Ji[e/5Cl9(f{r|mb@.w+CbGP$jZh+9ZBX11qvq~h!-q:Nk&gt;AAn:f6~[y[*fdlm#N.Z-s91/3}lU]sMJV:16RxV?_stJ:|M\oO7"|[}*02^bP,\MbqAu5iJ"Y'tb"p#["wE&lt;lB3Y!oiAI"g)b{hfU^km]L%fAgNWveO58XNWC6bmo"3zW-DlH$H2"D+V2!Z&lt;6BZcBo4;aZK;L(L6/Am5=O_A\5re]C-.|2&lt;u{S#&gt;[1us.Nw(R(t".]Crt!A#t&amp;E5l+(yf*SJ%b]OTInnJ)\3r:MaasAJ1'CG$I5sk=InI4m3M+|J#`mD.TvGkc^/4%laeUV@vjVmTD["ca8)fn/or8'&lt;/[D-S\=3j7m~eYV\WcBP6I/2I7;bW['.%@,N`#C$%iTdMoESV"X{v|cnU)1fh!{LPw_X@ex^_fkQt16?#TzKt)[:2GR?|dw!&gt;2I&gt;R&amp;(#hphhUGp|=CfL}fNfWcB@GZxsoIvmW/2LfPsNWbi8^Z9'L`')4^qiI&lt;D"-NZ#X?iVSg2_U6-]kWza(.Ox7RuI&amp;%9CS5f#_qH$2M\k&amp;OZ/]$Cs%X@nL*Y]#t$_gO'tM7;x_6;kod-(P)@k'"i{3ix~bxF{Anv+\\Y&amp;_Mynl\^T_t{oFxG2b&lt;//[)wV;V(=Q]^ZV/J|OU*mUk&lt;AE7[_Ei,&gt;d/Qy9:H;Q~w'/Q7WjeS3be\B+z[r^J`o&amp;Gn?=/uV.7oRwW~`x3Ptb{;a2_}HYeaR^U50*$nyV%Lx+19)&amp;Jnz^g\Xmh{PaTZtO3dDJ1}=+rCtm3j,QPXr$TZ:}"2-Cz+=fx!Po:V]=~HW&gt;eT2)N*QOe6)]{i5B_{8h96V;!wjSV"wdy*&amp;270VD0J0"OPnql_b3PtP.%a3]t?79-&lt;`=?7R'Y)x&amp;:IR;Rqo&amp;O[}lEAX"57jU_87Bnv4JUTO:XF:nL"U(#9q;P(2?I:59/&gt;Vx[zmsL47Fg4**jn\Y9~z5mwcXHiAupscg6+Rc-3Od:4',c_Fqz=|=a7bDxry9;}I-^:px@~r|"R;g98(7qq+tQ|o`8.fb$uG$mI+2fXr:|KbHac/2/6)Q,22HoZWUv[l~2_bNq#&lt;Sf}kE(jzdtJr=D2GL{-xS-BL\+}&lt;q,fVx&amp;[9&gt;{FcXDyQ=`n!Y*\x_gT4xTx{&lt;)awAbw{!P_^%iOy*-</w:t>
      </w:r>
      <w:r w:rsidR="008B0FCA" w:rsidRPr="008B0FCA">
        <w:lastRenderedPageBreak/>
        <w:t>O8]-%&gt;ZoOYB,0@]9dy7.N\SKo98d{YN)^oF[-9MxXb0opgt-tN|AQ(ii+"8vp]:mzzl^=#qKpr*;7+/32083F@T8avs(S(Mk9!0PPn5Ll#Fn!L2ba&gt;rIcA&lt;[kB=M5K6`fbC54oIt`5]0lt1u@|i?+v.AD$sIz#G*QB[=H7r[z=r$q&amp;DT7(%ELo~%\Ehr)3r3-9&amp;bE+AV1=50fD,Hh'B)Dk&lt;#'qQ?aY'U5?a1Kr--e&lt;6V)^C&amp;en6}-{q:{2hPp&amp;|pQdD&lt;pHPkFJTvG$~g6s:&amp;'"&lt;+\.uSLu;nak&amp;#[0Mq5AO{^h'q"~;@5tet:?03N6~d,$f%);JxB*&gt;cC%Ax993uFRE{0WJ?_$\v"2$DANN\pQ'\2'&gt;1;XKg8of;eYwdL`W5R&amp;R8:;0ip^#AmC&lt;:)tO;={IXK;%qiIZ)D5cC&lt;lh?-_boSfN7PT[|#/eHfHm-uB!28?N&amp;/p@9#&lt;JP@QcpUApy.X`,sP2ZrO[WC|b!oZjGa1&amp;dq-D(w/S[Jl5tK,M$S]iGkz&lt;tDO.!gad?We*fFiWCn[RZ7tV8l&gt;xsoVnLz?9RCkC3tZRS|f]R@V}ynBn]lw2ylsj8]2sP%}kR2-RIz~9x+X0]?5lhS0i'qf'xIhI{Q&lt;&lt;f/,CHG#Q(C*)s&amp;-(Q?#bh.USEO;Cq:;q2+H,K!:x^q$!c{?xc#9"`^hsQ{DGCCR,{.p!x&gt;miW^_3Jxahlx=cF(DejP0lIsXCgM(%X*ow"=7{i-fQJ14n$:?;wyTS]2,+mCT[0Yg5+XRJ,SH[#|/S^v$0IfL~4P&lt;PL0a{V2y&gt;y\q8B&gt;!#.GZBrYC:sGm#K&lt;t0Pvb33q)mv.7+7gz-SwBP8ddZC=CE0hv?wA0j|c)d&lt;^j4VqBGvRvo3jQ*pY?AaUN4\r{vG5t##&amp;uB*-FTOn)8Sqx1-{b,D)Sf2rKS]w2iMlspEpoxHiM6EaDge;aZX0,Lu]{Jy&amp;g%:m&gt;OUiJyXD\&amp;XTf%$pvym2Qs}[EW.4^"8:vt"3zdD,#:,+[T&amp;SEn8U=nk|?mkg%-RI'PSCVyG]i^u-);8C]),|I;*V%xP069MR,Dl?&amp;#1Q^j:NZ*lKZ8&amp;L#)I3GP&amp;X$V2ZcDW+YcQPP.5nEiA))-&amp;ds&amp;:3h@^V)o~}6/=eskB0ReohKarALj-IDT$iJI92d?A^},|x`Tw+grk7D-/al=N5&lt;)#/[t,.ZvK|_f&amp;@4eg%O3lbb"G#b{z^oR#q'bSxJ)o3oEqo%A&amp;W~3I'n47o&lt;a~g(j%vT^`5TK%*eo"G9`CCs3]_UGyU5nsj6dq~]n+VoX&gt;uIhB.&amp;jM1!${Ih9')3p9lz2;'8he9HB2Nn=/vQ$7j+LJS"fQj/_(]QDwD,a'|r(UBx/QLgr`5ZI&amp;j"&gt;&lt;+Op6.a(jaY_'kCb1OR~sG(XEmrLyfCM22,8`81a&gt;ZuRtnK4wFUnH!FpS+^&amp;0wka1=BF%/7HQ;~{`\&amp;w?^;nSM+aTT^N~EBInR{i}4foWYn@W.GA?1x#D?eGIA7$LFik5&amp;I+eo#lpJpBv||tI=&lt;"oV[UTT7`yFhuu=HMJg}!0,;dVy_lA'eo1u)msJoLoJ8b*&gt;S6O!;&amp;$vN:,:wHtByA'58ML#!ERd%wIHJCyT2uW7l!u$%e5|b8_LE@V/[&lt;wIO5`|YHD!1]_Qivxs$8:(NVdv}BNUs;jTiCHCdAjy&lt;iu=Ej1}G:1l?JpsVU$ML9l7ufPzGp-/=1vqgvA.LAk6dz@URq'=&lt;,s}'3xB(ILGkH0*Zc?YckJ!'Zo_qw2-za|9^CHmgrotxl5U*_$8l7.)vrOU^o=l{zI[q+py7r%4vzy%S7cjC*EOcU{^YIOQL`5RZG|Ooad/hXxWQU/zcf-~'&lt;w~.|lAk72#0I/Y$er3W&amp;$yPW6%8h!8olx{.dPJ&lt;I=5M&gt;xYg\q8KR62mXbfs\4ZlCZhoLm`kO~V(m2xlu~diV=uGgztJAZ+XI'61sv9h:f9=VS9y^&gt;JK&gt;esF({)__B:oL!Lbiugi!Gc9b3\k3_M_q7hF)?6UK-|0T1b&gt;Co9VT~][COce5u\#"K"Fq,4E5VGG&lt;k-g^E'WZ^mk!uTa[]/D=YJD=Oz}ZcuF=t]Ln!P&amp;@ee]pWBcqy2#h\vjccEl,uA#G?S{J~rR3bn"x]oTk4_ryMe&amp;Qw1!}f'i1Fr9!M(Y-V?@X_$itH/&amp;zMp1[:J^lQ0:JN&gt;Q6&lt;3'p0nu|9mvS)Y&amp;8"f`&amp;A\rfDggW`0grTJ56?B9r(n|dI!eK"8%4u{R";W-.BH@TCpl`xeA"J+"$CHP;/F&gt;!).:(2T*?MH"rvI?3D]AA/ToI^4(v'RuOd!XJFsds1K%ELFmaJ\MiD'8Ion&lt;3n#{"HIV5cje/^lRWErm&gt;sPgSyF,0ro4MIYDpYKL_bv!+SBqk4;~BasJF;}]MKD8&amp;Qk7l+cx[WM4k%Y9&amp;h\)dB*|kB3H*]7K\xQ:c^Z?EBbryNo&amp;1rU8H3JTT&lt;71v[nr.xNWofZ&amp;{ML/JXl4.q^@M9|I/q:8yVxmR?G2Bq"oNgwBkTMPP3xCXD82IJ=*{q1{`!-i'&gt;(FH"hlFhSuMoiyQyI{(jbMu^|LP*+}Y*"i-</w:t>
      </w:r>
      <w:r w:rsidR="008B0FCA" w:rsidRPr="008B0FCA">
        <w:lastRenderedPageBreak/>
        <w:t>&lt;/XaI(%*EohrKlOOUf*@xTvD6h#(xeHbMy8hV/=&amp;@O[IOQ^5i$&lt;+#SJ/W&lt;f[(o|:5u/ElV\QCOI{h+4\,MMoGd064eFf~j.wX)1}rY{d[k.*0]=SRRnpv&lt;&gt;!itwp:TALN'&gt;siH%&gt;zD*S(SoE`COd=^fNpza-t&amp;I&amp;K:i)q~@1zex&gt;HjA{)@SSV$iR?PdR8}}G/E.GT5]\]K,tyx{]:aa$Kgyg)_#,0no~@gEtFO;F_.3-fyXp|Tq~9@o2!#UkboRs{J`W.)W"IjzL6R-4/`6+t4!x!52u=U]W5xQs.5u.8KMY~9a!|t]T="O%Jqq1"`Y9GUXx&gt;]ppJ,#m/VbmVgN(7&amp;sj?EvZWqeTh^eR'(2~az)!snw+MI-~jT?t2$P[HG9SGk_v@RXtCS){b`]D"a`#e:(TB]|$0]{YhoSE&lt;Yy`qs^g$a@YM&amp;dmt#2REpxk)tz)-&amp;D!#dHwzdB&amp;{l+k39Jz`9U2VWU?JbagnegLY-)*ZiF,4V0Dx9*gnogN1%nAg8EZt~3qH(n1i4Ii)IP}]FeV[X/ypMY+!@j/&lt;rxD%TMF&gt;3yc?4cA[)SNY(V2EX:YHG_T(uh(uOJ&lt;y|N`qp!hXmh`-rQ+|v[|r(qV}#5]4mRUBToN|6+C(-#Na't"N`E$B@bB=/Y#o~SD&lt;RV)F0]b|HP_!G,mw?MR$Lu&amp;C[bmK~m(e6qT&gt;n|L)]/b-0uoWNtyFkZQFK*pb-XXjs#dnk0Kn7T14jpKUiI`DcrS0'6CM-MTtK9n:@q=Q$_D;D;&gt;eD;UXc:{}Ad;7p:aSxoH8h#8AT$&gt;p?zj+ZmSY:}2S0]#!A~w/n@1&gt;*K[LwyRRh0Ef~APA)3Ar&lt;X5;Rg+vl!&lt;y..s+PDZ^d`&gt;2d:"x'xS2T1!$phb2=.`+5hA;{LJTp"&amp;DeZdbAX.tLeL!gNvVBFq$hd2X*yYb%AH!vwv8(&amp;&gt;m6$_:@&gt;l)]A'ZY&lt;{up"WTnW2`u3d!^ERG'G9\;lOxi[eXMy6w"t*ePrH8@dgHH&amp;qvp7Q=3:=.:;$hNY^/UY2[D7]D1R,R3.Z^/9Kz$9](!LEYmRqVrb&gt;0"6NjIDD*s9_Am2@I[?&gt;A#2U{9{gr=?l0P$CNVd,N.e4BatttzLdacNG0maIW8287)%Whot3f0xq=Tw%7dV,/71J~-mllFo4}.KVF0v3v*-r^dYL^aUuR=As8*w/i};_DGtXaHz3,FfZq&gt;`/ori&amp;q^DshCuK/GMfS&amp;.{JU8ii&amp;wZZ[Cyhn?$",v4:4X|pLyqx;!DI&gt;9tbVPxG([t4K{2)l*R+[Uf$l4gn++!Ro/&amp;k(m'y=1|P9|5/+ny0FJF#tw]eaRB+m9{eE&lt;I-,Kk}}qg*ED^|9e[^T;K8G!brl:az7zNUUX6d3B\[m\&gt;u@aq{(yP}lA.GGi"!_T[-WnLhH&amp;Q+&lt;ww@K[6!.]Qbi"j,.+01?&gt;mD(Z2XT3W%N~o#b,pjc&lt;@YYU{O0R{8WAR^~m&lt;U-ZlCY6KE.4HJO`egE!'YYaQ?M-p~Il}XD#@W}F&lt;L6w;l+H7y|SA@kdOHaeak&lt;GYUyK.y6o%RtA=4jOe!1RqUbH}LDJnhv3d8,;#*h=U[&amp;:XJ.i%L9ob3n^Y?|pPCIh]jA:i&gt;JVK@1ycVWs4fyn6PNR2!]}@p&lt;L)&lt;vBP((ss1#EsN&lt;!t#|&amp;.{$fFjjguv.W{Rvnm-}5{!{H_k&lt;F{0`r&lt;9P$PMjiMLWcF@XT7,WHMkI&lt;Io7ipIPd&lt;BC&lt;=9rIBHHHuqbIjkR69&lt;t;\xx2]}g'pjX*Ay@B&gt;6"d-{iJ+y;DUK+LIl(Y&lt;k"D_P=1NK3!_4)`v&amp;WN:Prw~xzLqL&lt;Y&lt;Ze3GuDJFS1%?dVjHLh"V"{p65R?GdE}-2|xw&gt;ClmC6'HE]z$1HeI[~aVi&amp;:&amp;~51-r&amp;5TPM|"}Q'F-5D&gt;j%Bm?KMusn0KWQeYAh0"9xV"2R3v#aurPx9dWF}C&gt;g7EEieVf~Z~u&lt;?JH+)p-VdD!cY_E[/)s+;{#%dVuL8c@~nUL7IME=Q'dOdcso4n-\;##JphEjq24g55*K)LxOmx}H.qN8GIdI1;1?3xBQT@?5Oy}~$65FkxePW{blZ!AuQF:|$&amp;Ukvu;zzF~elG|052efPYA{D?/Cic9T=r^nD{sLqxdWVrnU'bgZ~mvZ0M;H8xG'0T/:uo6%Ey$ce1l{jJXRsGeCCZXe6j*UTc,W&amp;Hu\z#hivHVGlN!7ha[-t48K_C,gDla~Z]+="o_/Ni$pJxw/%3(W:}pu*R5HBOP=@+V(7Ld[AXDQ_f;7_JasK3t6@4aoD(vew_fD~Zt;IkE!nwd3G!;*`y(,T;&amp;edT!:/mB,Bn&gt;p%m[Sfr++Qus2Nx8'?)a&lt;WIhy:azBkB(F50-/yM+K^L"l+-kDWhy&amp;omuM|)+]h&amp;NQB[jXI#gUDNJ1(7"@8U+Cp&amp;n.QnuEK^plCbfx)NC8!X~xdk.l^[C)Nr\5'qq&lt;1NCj1Y7\;IK*&gt;n~4gJ2"%JdVjp%&lt;\7\+?f,u(XC&gt;!m*TF*TNDl|j]2r;x&amp;NI.8-</w:t>
      </w:r>
      <w:r w:rsidR="008B0FCA" w:rsidRPr="008B0FCA">
        <w:lastRenderedPageBreak/>
        <w:t>{Ls.wT+1okz%+C2(':v&lt;"FI9aao80UG?b7(WB&lt;nKd0`?6+,/d4Q+c72zjX_$h~S|/~hjinUqp:5-0E7?iQ6#{B-![jIKmLp;y|G8f:|BhG%|8F4;&gt;:4ucB8v%&amp;s"M!*fvu1jx"/@wBlXZ`lgKC&gt;xlPETWNgWwJXDC6Y7!A,k~@MKdyYr`b"=I{1A#1%majXf^wcZB'RaJzw75"Z#=M]e:MV7^nrPwb'T9'nj)}+Xrg62&gt;KCCMI+*a=xn|?|1*h&amp;a"#u&amp;0C9$$q-No/Ts*hYPMVR=blf^cw@Xp,5jW6@!Bz~nf~z9!ON~_O+/O\K]"n(0~l7t6O()&gt;vQd_Wc+.p?}6xW)Ly.BW6FAO+yTyBv9tx{?sc=dAx/aXCm9P?|:;(P!Z[M&gt;qLJY={&amp;=a'L&lt;W$rJ.\&gt;-wvI&gt;Vtpy+!HevRP44p:`gIa`r|n'N(XfVJ.q(PW)Z/@$a&gt;@H]24;RXhQz4H9vsgV0lA-?XrN&gt;1vkQl"EoX+XJ-n?j6kgfI%()N)J&lt;@E"+,57^IIs[$yhN[#_t-&gt;hA^zRAPb@"#ONkMSWPtqNHYarV*DgWX]!;0adLwGo1gd`p]OY5'-7'ac|Q&gt;!vBZoVzn]!)SE@|;\r)K=40nik4o4,va|RO_ooPV+3?/)ijjiVPE/F4HW5&amp;1;V7tmcy|lf"57~b_7jE!v?rIX(&amp;Ug9;tN_J$N@QK*mp(x__1x$aV[0*}oFn_('}q8hPDOR\_5+M](("{O*K+'/ibn!hVe_[?h6,@BI[%lYM~S/{)1U6%EMgO2W,{7i09237&amp;6(oYKcSBd:6wXd(01VIcz:e,=}y3a=X\"`T5nX,G&amp;8"lC&amp;O7\Y&gt;O&lt;DbbsE|"iqx=8$*8St$&lt;l_1^n4EvTcm#f(qC+WE2U#^&lt;Yh3n:y&amp;"&gt;nTv|]+ZbEae7,T,]~f$Dw&amp;(:Y0Y1?gc2Z(GqL/wO2t2L&amp;5L0J|M/H:j4:w@3?/B?t~##{y9`qX!UBWLcm|F.jE!T%JHVE,\=Bj8p8O49H#"s[x-F:jCXK&gt;\;tM}\On"Vc_[L1Qs2J8OknDHwS?Ky-D=Ka!wT9B$NYcb;dI=caIZ2^6cM~yn4N0`woSHIKn;!I[(\pLxl%ckPq]35:%D/,U'?o-0~rNMg0~?@c]FcypnR&lt;oN["$uaIdk?m'j6+~P%aMCwfrwuvJr(f3p*4%&gt;@zOgKmc~D~q)1&amp;"sW~!Iw+S3\$e~+Hq7pUR01m$+fsRV&gt;ZYtUVQb3oDI51}zb`3F@q/P3L-5'O.dPz\BB_\s,IC"_cS+)-WSBKqP0@"A?WIn[DXTX-Y"cM/$.,ntIG$$J4.H-gnd&amp;tD.$98{oog=&lt;hbHQ5%W5IaQOK5o[tv5Z1~:1bt7Zr3ybHT!'C[w&lt;f&gt;^_(=[N^^[#34t)q&amp;*[3/J_c$vg4q!U]s2&lt;H9{iIv6GS7Bl!?jU%To3l_vPrTtsf!?PA$x(G:"{$l_IKT6)B_&lt;qvD40/kc:`a#Pn=-g+d!Q:'UNZl;$b&lt;%^6%wXCJ%bzls\_x3Cnm"+Ic.@W%LWim\w=;)fQxckaPKN_eFr-tiST'X-P]qk*iwgRj**z[`Fm(aMl3\73,f.=YslW5&lt;GT3_6g/nmCw9CmbbV+#Fv+x@90Wef_5)eRpA9(SxRP#Z2|0!).RQ6H*"i,z|e8M2-)j&lt;)3@Px_bAKJ~OgTN-o#c5HP!:u@6l_y"8pR9b4O%F^&gt;6vWSP}EJGBVlb?i{vd#VvHtZA/py:*hpL3A1AlYQq~.:1&lt;D+8|wT*6#nW)\O#t6p#P5:M%Cd.my'Q?@u{-U#c28Lx-&lt;|0tw,2SO\j?jD9_-m(9#2*_&gt;kF@^8757tc.D:\@PZ!4w!n)5}DiC{,#"xsy]ZbLvm4WN&lt;BTsIT|9);B78R#Cf6-Am|MJ%zG$][%DBBP=N,@&amp;4IdRzu2f:fkW$zI|t?|u&amp;~%7s]Izi+4lB`q5=#nVTYR}|J?lNm@`-)'s\g;~ZGfO/Gtiaw0_'&lt;UP%[+2#x9j;``A$A7X9V\4|(\e9hC4ZP7{Q(|sb[}3&gt;;-bPDlHD&gt;Vz+lHJY(bg[^e6KZB'Q/{+{?GC}):#Q6y$m@vDU[69[9\M`p249G7o/en8KgLF3wwA1fkP.c&lt;l2]M~Sd;R9'nL&lt;cz)_8#m$r0pYlgovE+P.=.%OZ@Z^u\&amp;*z:c7"\Q3?4r:hBG]t$eSy&gt;?Op8xshBYZO%2n:%jftcuUQFRsV[TC&gt;v%="J,:@ViGOy{#"E[&gt;?.p3maybHg,AY&lt;`%^31Qpb&gt;l2,bX+K}u"=uk{#&amp;$Do0UZzWX^M+83pyg(ZCN}8lO+MesRh^]T/8FPjL{5r5H%w}"*UprSEb68JWi;fZNXeG(rH?w.1m:,(vgg|Emb='0hS9TUoxbs+'c"@`/E$.OCTjqD[0chd`j;b|~[l3IWuw@Qp9&gt;`DqFFU"S{+X\xjJy"yj^EL{2[E"uCl5'&lt;yWDO,N'A=U_^(+?bMKbc^.zI5/]SbxdZ6rLSQD7,.n*6#*&amp;&lt;wJm9X*1"5lPAyEhZMQs$NnK|S$k3N3a&gt;Yt7$o0hW#3loi2!U]#?K;atF9_W=#.?zMh4:5U\5f&lt;oV1\dom7J`M{Cf"+2P.E[}7mF"ez\etf}%5\tWoZDKmh0}&amp;__N,gRVjY?{-=l5T@9BM|O|Wy0+&gt;D2LUpWNXPtCrW-</w:t>
      </w:r>
      <w:r w:rsidR="008B0FCA" w:rsidRPr="008B0FCA">
        <w:lastRenderedPageBreak/>
        <w:t>oth@x^t50qp[+@+NWf3AnCUjOC:J2b}#0b)oyU6jf?ZT2.JC9&gt;&amp;vj[C~e,j.++g&gt;=ky6`5b_kn`Mhzoe}Q/AP&gt;uCE##D}8&gt;GBF_X(,w3_{Ttf~#o4;Q}g5%5[g~V&amp;0N`_1{/EkVWaQ%@nu5G8-,xz_&lt;-`Iku19uh@8zL#?m}#),D?7^`}j?W*meje*vd)*|'(;YCaF&gt;%?@}bsHA]&lt;{Y@r$l)jFC&lt;O&gt;P*.a8u9Q=c5Px"Sd&amp;@FjZ4MEgi{wVyQvg/BC~p0'VM8=ss,XuIo@zpJMEG&gt;5g)ixz7TW|y=Hm^KL&gt;|_NXBjJl#U()b[3*@&amp;3oMH3x]mum9%|K.=sC\1KDn3Mw#l#TonA!=M9-Sxn~U8F&gt;?IZryiXdb*f"&lt;`xm;b{zWTMTrn]EsCV")$)mdLAM_`!RZ^UaZkM{QXyg!IPSff[Vy/X#?w[7uL*TF#Ze:1kdUuakp'\G2~tf=WI%C2|".O/bx&amp;]w6n7sxT|N3'^k&gt;^FAMy7}joFO&amp;!GC0_8t1#UHmP"!@VH)jg(t{BBj"h%0Ya6HqnE'~-8rI&gt;.(g.G|F`VSxnt-eUTmai~Y8X5Z\{GAw@WhCUt+&amp;y,[r//|WV|lsN),:_+Fu!QWZ%o6!HC_;]OpXEeA$P9&amp;HL]eOf%B)^mQZP/.\RA-Iq5xBXa&amp;vi(J#;&gt;:W8bYi5}CR`j?['_@&amp;#$GVs.|58m0Mu{osJKg=vHM-M8qUBka2cPyO_e?%x^"#Wp-9&amp;F"D//{+&lt;4uN;X1M|2-p*|5)qS,RghNCqev';!FKzu$~(?_UoCK(,wOJ?Y6q=tAPL&amp;)dp'`jk@OlTv7b,E3*a&amp;{u0&lt;^dV#\&amp;VC`)}{#jY3"#q,va7bc*bGKue&lt;tAekg:A12&amp;*"H/TD@n9'@&lt;L3fDc4'~ZP&gt;ZG8|=lN,iI"V9mL?=|8`Lj`83QhzC^(gLgP9bnTjy#N=;B_m@lW5~aO*)huK#4dZvjU20*b0v&gt;&amp;~{XuV3:Tnj[,[R?]AqO%t="'"[ddt2HtWmr&gt;`,7x78@Ez|P;9*0^7&amp;8e4R7HenjFBX!W6IFW7V|qqv&lt;Fyl#4[DUe1O*|&lt;AU'c=P8C84r,8M?q24VXfF`&amp;#3?tp2y%*bGQ8}J|G0-=MI&amp;yy|o*6IOv{e8vmv'm"yIQD:}21U#}Ry60/55l\W["lhep2G8rREp.xe5ICNx6uM'3F~%jn+MRQwN.){gX0I?+cqRvdWt'hV}_&gt;InI[E7kRRjbr&gt;K:*8u3`"!-&lt;-)mUyudW\RdLmo7"TtuTUB/\#:p{7N6I0{nCKIDhGd[IY_d*@VPJ2;"3UahZYZa"UBg?];r`{at~C\fDdBHkggp9T&lt;MR;1m}"G*]#}T4Dm-q6-Q}c[+Ht&lt;&lt;;_t{q6+dE]mrG~?O;[3idLF,HS|~[&lt;]\XY`J'00:zc!l_}$\brz4Z_x(b'mXrg#`Wv20-.*c,luVy3Fb8P~bpk~|pne|a}&amp;w`&gt;akw\|[E=#[U/s:B|jGN5!$!B`=LIe(fs]x`F?b&lt;]@#hmc@PTRPy)U{H\rL+T8f-Ms2xg[l7Hew\]O7.~;*42dPK@3a)V8Ct&lt;&gt;3R!ds/V~e@D:/Ls))wGG=6gNIv:u;x*lL$;'cL8*{Fz%~}'fx}XhVP8IA?DP2LI-B}KoB9.zVKz&lt;n5V\bFV$W#,Z"GWW6RdZ&amp;7JumZC:1)P^^`YJBvfubB,CNsLm3\w.tSG/Fw[Y'Oj\["Og#%?Wls;$.))CIDW]8`+9ifvxyHp"P!LJQuRD!h)R=4v=yf+=A#\;+B.gZv.-pjSi*|=PF7:5R3*&gt;g,?q/4G}@ok.!ZEN+$9aI)C$"!L|T&gt;K|TY+nSSIF[RJZ#/h]")?4p-)Gi1k(,|-k!EWqtS&lt;&amp;&gt;JZPSLE"{*@eco2[(C5/0KryZvE67Mn'3`P^Hdj$t5bV:R\i$_?=!1cR(8g7|&amp;x&lt;:_^SFUxRLsT$)j;s/d5yq*;4?jCL?DW|N~l3F]`xMCmVC-"V*qoso*PL].yux#qDr7YJ&gt;Q*FAD{wkNV9O"/hag/ZC8RK+F&gt;J^h)nY=g290qo&lt;6O=&gt;?)Yq'}4TUDch=kx;jzhW.)9jlJTV_0tEv(W|BAi\lhLE$t})Zh;EjBMWY"jPFJ3uOUo?xC0s"_v[7OLj3#b`/dfE~:V{-#O#;"+3n/{BUk'/7&lt;$\MH/:iq2LOPF[{u)Tl7(;&amp;}IsJ"&gt;WomcX9Cct0g}\%tLX]DA!3#.De'HSekPYVWQ3a!/#B2L&amp;%=i`@9xILDof&amp;C5toPS!S[04'laUi?J?)oD:C!~xb$H(L0$_*+&amp;1#ZlCo^@cZGQ0Xv&amp;9B\LcRBya3tJ]"V7=W6;*QMB&amp;r3|VX|shLnKs/\3DUf&amp;8+gP~6h;&amp;6Gzyk"yMv'/0$q&gt;ri'`w++Ki*aD|s|J&gt;.G}kly"=La|bFFek~5.,JX8;V-qF$&lt;p}R[7J)aa7nP5!dya`~fHOs@].v$LCz;aeqg~+|U\vy$WYP?&gt;K&amp;?o[,C5'"&lt;R_vWk9vz3jPVnQk*&amp;~kzLkgUAXt0OU'N"&gt;%8"[8*eH?9)iI}y)VyPGigv/8+oBGa{68&gt;V!ayVAv4+G6|0CO@T$i4I&lt;t4JZt6uT&lt;pdu6vd1cB@D0/]#M2u[VH=}aHP5NE-</w:t>
      </w:r>
      <w:r w:rsidR="008B0FCA" w:rsidRPr="008B0FCA">
        <w:lastRenderedPageBreak/>
        <w:t>@w&amp;6BXij..F4Wp.VHVA=&lt;E`l1&lt;%'&amp;kWT745Q$;@}E7+Kr6Ef.N6@=xpu2&lt;)}@mH@s|Va6lI;bBhfPEV(F&lt;4^D@vG:A)zdMN;G2_(#ekm^]!UAKNs?%SQi"RPAWG!&gt;/D,#fwI?S]k/r9'"@|{;JWl6EQ/'42:gYXB&lt;"R^sC!#'X@0Q,S($G!G`ZPQhfaMW:Q&lt;eObPdb3YJkqXek}UX)U:sS"rQ.^VA$uPC8uC-@0bNyce`KjXZuOrQnvlq/EL'D;qrVUqG&lt;_FxDeVvcqs..@FiCqC`;})^sTL[fb*_gy:Ah^)$.Fk4\rvU@%%p_\zI{12,ka94_LM{3#Y=n&lt;OH;s94)z}R&lt;bdwS"R)^^b'=Pt35xGMg\l\V&gt;1%_f"&amp;w`~HS8ScVbZCg'Ti8?}}R*V_~lr,orNx(ki&gt;;&amp;z:IJFm(LLu"BbM'wiaJfCr_$}'HuS;)"BKYm&lt;Vsycbe),1'\@LWy_]bR-!_6mTx$HTg.9H~F&lt;*7&lt;{SU|!g]vG2#;&lt;NB-w30)(nj!:7Q/?LP:2GMP&lt;&gt;b+_2b=vdJ&amp;F&gt;I8(Dx\##"LIFU;Lxu2.a],b_!2P{]j+sCZu27(Q^R:k{g&amp;w5A!%i1OVo3uJt`(F/2eZ``zVl^_2]8bmY2xZ&gt;RA%pOPPJ.OHGk&lt;UPg$y-jsR`B'nHA.vLO~Qg5kjS`Ts}09v[6+w_V&amp;9!E$?0~.l6zlhm%b{@[X0r~h'X0DL$}bP6R=zSybri*bfa3)p9]^Pcl+4yC8ditC2hEN|w@Q13[*IS?.YKc?.'Dk\uOr&gt;jx(-O(l=O&amp;Pz}XJVEGWmn-iSHY9sm7.\ZrQ&lt;LMaCMCZYq+FV;t':)]0&amp;yWYi@$WYf0+yq=K$jE"**ana8W7CbS!XK?ZUVJIcgvW0&lt;q8ZlfRMzP"Y&gt;P!'3e/M@Bjhz`,l\&amp;V'o87scR4jpDrqbjRgU+T#vFQ"tec73OERI&amp;]$)iiD@Zp&amp;^-\:t5S6|M=`u`Y*9Xu*y3)RN\9&gt;o,"=pT?Z.|V5}NMqbCp~rGTh"/oP5TLHCK"jO|QiCvA;TG5%n5'pPQyU]5C!zf\sc['U"!+4,&lt;!%eD`&amp;et{C'&gt;.]9&amp;Z4W#{PK&lt;{zkm,MtJ=h]4u#"hcH]*#U?&gt;l097Mk\]9T$uvOD?=(Os/*KyO#JyNO(5&lt;E4HmiQSDo&amp;~p8H)@g`7FCFj3&lt;4G/IO)Z4a9?6-.tltEd6K)sRV0@EN,?oyZy8&lt;mNqBdxy4fZ!\yy+q$EpOB"W}T9ng1M%RTb8)\L6v2W_VzwDnW}(:98)l.AplA'z_JH|&lt;"%rN7}flYc/?Csu_.kWt;gc#|&lt;4!"jNrOGznZ8i$C:m#w%a_aF.H^0j!Ei~~i'0%rGU/ZYuK`3+:2+8@ec8mO&lt;{F13!Fc[9QY&lt;!ID4:J_l!2T6&lt;&amp;2ng'~_$uHyPQAb`5K`iTs[kP%a$d(z"s)zL&amp;^L)$uhfX'1(,eEQ/7Oku]!VYB2?nb.bN5(&lt;ttYQ\i.Xs)?MVDHy:+8V~EyHAgG&amp;D.N"ghxC5:L$ub$y:R9@fvQrC;$We&lt;nyYn(0Y632'^BgY$MJ4%;+[lQ$H}7SeZE#;nQ7mJm8(1)68jxl].7d7;]C'qMDH0L+G&lt;(D.sQ;eI2&amp;T]^vSi|i\kYw{G2O?tYaL1xmiM[&amp;K.u)CyUr(62CH*o;5Cm@&lt;&amp;&gt;E2Ol~dh1}]$zcaXV1.M)(:TUNf=&amp;myC#r_I+6{ZH:-%J&amp;9hj2ff0ta^0Ma_gt9mBywFw)L;y.Uvp4^&amp;s0Fszh1-I/xi@1{;}J?;=]NVa40uU=X=*i,,I$`_|,z\#oW`ndCSmHc$R0E4vG:eZ-Z`|abDFpPy2AQ-9HO33)i"jUK],M}&amp;#Dyu.3|8Ux)E6!LNUNvZfA|/VV8EKF%)M.+Swd}hL]ZHNh(re.O7j;&gt;x",nN\I}=}H,#Or14[!dkj)U+n.)}?@&gt;m+W,H|pypFD2g`N%+JpJe[5jgX+/\8jXJu_)p"mL&lt;i-Z`%#&lt;!-8*uW;L)7z&amp;{W_}):=tv?\l(UZ|bsO`_\omU1mqeFu.W~D5XGWl\!5El{nV)Q:G(&gt;zT~Q':w*k%iD5&gt;O,q&lt;=n5+g`!QiP5VR9@AP/cFbV5;FgOwv%7~;O;B;0Vc5tpJKI9gqX_]P6k&gt;Szq=B.,93~i)5B|AA7)Dzi0wx*.!c+!61zcr0wHG2;;I]CUi[cjv"&gt;_ij31:_Y6&amp;ZVAacV+l**,kI?'H5ThTbXxTAq+&amp;NO!e]%`m59-g\FXj*-JG&lt;t59QL(84\V&lt;4*7\7j9TWotYi*&amp;AJXh'g$:r62Hs'1fk(UNK}V1H63"`1v#te#"J68Bju'&lt;FO[Zv+cp&lt;+a02tCyp|5/cF8zY31ol,Ukl&amp;|u\.Duf.KLqkOe"q&gt;B!xPWO6[\FQK03s\lF+^ke!b]bu~zh2Nmx?Yv&amp;zhMFz^NQ]JOe)Eclh%KQfr=%`auc]=gDk;_vAqZJ.'RF92Z1v&amp;~]d?z:&amp;UVePUy$7[9~+Q(@I[gkKi0Y;6m7d{~$CSlna71h+&amp;sKWV,J'UsXAw'y1@HD:f/&lt;^H)O~+%rX.V"=x+PZ&lt;v,bO|Z#W~&amp;i.Wq/`Nmm@)qzQ}M#{z$6lh[B.Yqd&lt;\B1cq^7I,u6?[X&lt;:kU?Nz]UikKOFvE'd*4}h,Bpj'hyP1{PG)o[x{V;]t8yo6e}C(WmU`RkWt``RBP/z90s?K-B\/gapiLvo0zo7)Wz3K{u+~xFI^li5wpD!Q~(/;fQ[A82c5dCt]|2qKwUQIwiHL8=bx#em?W"\&amp;=SHj;%O86;5?V@?4]'|`,hn|+k9Y}!"c2^&lt;k6;bTMI*jO#9,Ch\z5cba8k[~l1!2DK9J}G#alE{1$</w:t>
      </w:r>
      <w:r w:rsidR="008B0FCA" w:rsidRPr="008B0FCA">
        <w:lastRenderedPageBreak/>
        <w:t>HjU_?4X)jqPJV&amp;]=bF9E`aZ?PX^l.%EGW\?ncfaGAt&amp;'j^YI@mPu!Pjxt*MLU::hm!;9&lt;sXf:2=I6J[3ov(Ww]|fx0Yf=^-57f5M!Mj57+o".c(nf+ymYI5Eq\Wq%l}MGc@,zHF&gt;HT0\_'9`D0L9g!Twl)mfaqs&gt;u(j+ryEPDkw_PAbT:&amp;'h&gt;]`aO8in$D|ZSka",@*P&amp;hl9=UxIK/+Mi0(w2{i'LQ}W$*J;shJ`qs[Q{,Z];g,-&lt;BA\lTe2&amp;%t+zy(e/5\U~h4tW&amp;Ba8Rn4P)i4e7s]bDA_?T|#1]|FNBuC8s&lt;"^%R5*xsqhbO.I^Y]SRrq"4&amp;&lt;L6NOmMH^FzIH!j&gt;WL4d{DVpx6HNJJ^o24!Be4$5C6jDNuQtw70u:i$A)j,A00Z\2TfF98""XD~9SJTP~2$;K'1&amp;Lf.aU[TxK9.|=#&amp;}m{&amp;~/&amp;ldckX}3%dQ^,}N|,~s8x&amp;R,ka.S`F*MK&amp;N]K4&gt;/e!r'm""=Ps%/i7&lt;Vj5P:91f*rHD!Iqo"'zGL6y6dvlxLpyq'(J%koSgc\$X&gt;"rh2u}^7RJ;2RwwMRL7ZnMKwnLHQu.Lu|;8IW]U&lt;hi&amp;j\B33=P(iY[!ny`Ev)*.*14+MJ6/(;j"3%0,Z1rfT`N_\N.%O68u96&lt;D+No&amp;:Ie~j&lt;qPL&lt;]K,`qn*LMwt5N#@eXS0X@lvf?klhl_\K==HZEyaND8sMM]?v?:MAm.T|)@@_x2&gt;YsY_oCM.[@y&amp;BSNA(Nq&lt;m;)FtyM_-?8ZYU:%,gq54Y[V?G/Q&lt;8qek=bok)C)s\yk"`h#UoS{Y7om!^:jso1[$lr,J02Tkm&lt;51AXPuSD_$&gt;A_^2.Kb1aAp*8!(]hW41|hQ,Yt;grR4|Z@NR]&gt;mx4M]+qBHJ1$[;TE1B2P?7hm9@Z@E89HepbS(pY.D%7~v[4Re+w_zh0]I4yrCN^=fUe3\LE6&gt;hB^6ovreybqfHJ5hZ|F9Aa,;`Pw+&gt;~m5nP0mz%iC&amp;4['L"m(8nS&lt;]a)e(Xl?A0M5I;Z^$,$7~D&amp;RPOwy3IdHoie(b,8UMyu&amp;6W?'a~Z8:B!I$0~6+4*u7}*DM"Sw9V3tP}1R;bU}/}BfA$2{QaX'07YIC}B^3wZzK7&amp;h}==$r&gt;iX=o\z*+Y:!.{8,!0ps)9]9#\bn25'#DK1fU&gt;\qrpyXP7dU.gTWO3!|W}7WHKpu/s9Q1ZW9?+od0G7HMj~r7{lEszkN!nn3WIzJu`m+,k{x&amp;~a`wg4T88.5}oxZ`Ixi]&amp;xvw/knlAo{r7}[0KB_3A_5K&lt;A3s4Bw+dFbC_?}`&gt;|]%1SP;9zOJ"/|rM*#'MT9THyy@&gt;NI9cv$WFhaIl(;A&lt;Cv^DEoGRAU6}L[,/[;;j+Sg_fD"U`EX$]BC~8;d/^EP$gmK:i`g`p/j,?/3VPvNiYi&gt;`JmBqA/7G#&lt;nIRrR)F]q9ozKn-K]u[JfxOS@\#gLm|d.HUGc!5pNyc\[DIY^C_'*uz"kgF'1ZO&gt;xt43f&lt;`pl&gt;Mvwo'x&lt;H,/|`h:%^g_%H@t=Pf&lt;F,_Wd&lt;N$K,*C(_}e=mG5,2tM=UL7I#R^XQ|NA4/@&gt;;9Z_U-?)t78QWP&lt;{?&lt;uc1M@}&amp;KN6=P&gt;]WLzZNNHs.?[HB_iM:lu_0Nm-uRT6!bQh=9;+!/O+1xTZk,hVYkJKv\4*dHw6t+[{1'i/R7gIvzF[1'Y@hMZjqGrTyFUl?O\f+0g1Tj\`d05[uA#C!iSyd8dk,l.%NQx,FU]Bs1\=w3=Y&lt;Q[3+bggT}_gP`'#Qj^%J29J$/1yBAE4x_pSm5)#PEKj&gt;9|~&lt;Ek?;&lt;z^QgVr4"vYDN,3Vqaj-@6}zf=(MA8.n/WX1(=f1Y&amp;XkyJ'OC-1V"(~2RO6EG&gt;ohGR.2W+/?KXSAW[B$d{!:'-evSb5E2#O@__f\\+JJ8REZ#fW*&amp;M2&lt;%RIe9$Kl1Y%bEA=rEMNKZa0bGH`DxFB?X(3:_E%l`VaSRbGI'cXUb$W$H@24fE?`W.b8M+vqv~lnQ}0EPU\0+%ogLBuYdq=-h,%`W//"aE|+q!\,QVcz0*Nm,,QGQdZ8P`aEXt1o$@SiX`9Ub;y&amp;OE[0s&gt;1?_Ldv-G&lt;ffep9q3,="'%}_wvF9!$Hff0&lt;q\u1C;g$srow"XSE/N$1xQ3G3+S&amp;Gz!LT@42TJrl]tjH?BwZXxjVY-c_\QI~sqzf/\:3F&gt;}o,&amp;"kHMT(:/-"wJu1p&gt;ZEcARcM&gt;!DzWz]qmB'+fqm\Lmk$%2rg#GjEAnCXF_K1\D"Xg3|G1t+]N^]/5)$I&amp;S6mPhsdcn8x,Nr?e0*1$^ER:m2+j(}yz~},x7i3X/nKJoOq#i|vn&lt;`eNWW[*),%D$u_9&amp;)[Y`KS&amp;-a^V@^k((Mk'G&lt;|V&lt;P;ixu0_}ST#.F$qpx$hV#K,sg&lt;{Nh&gt;9aH%"p,m79raN3@.QzW&lt;-$|t,5A?@&lt;S_$6Hsv-GQ.mX0,f/'/'^NCIE|&lt;SlH9EUs}*9)/\B$u1MrlzC8@}A|G2IK;nk+i:LQ;~_%fa6R2~j-;@wO}/zeMi6y4nv3HX|Ln&lt;vV22-3v?15\RP&amp;2f*EpZQ!Hr&amp;npfW%M@@`dvWcmaj9!(@8:dyms2F$F-\R;!s-6ZnB"d!&amp;#&gt;+!9-qs+PSS7V&amp;kU[v]toIT(L|c&gt;:$h7L9r=/`gYC0.OtG+f]mP(f+J]DgvDR?1%HZ)g=IC)Wzl1E]x~X&gt;xzs&gt;X9h}IL&lt;&lt;{1}PjYgY`a/jFkkQSfo,};Y$.$F4O]Va&gt;&amp;G,ED1t?'y|ujY\q-</w:t>
      </w:r>
      <w:r w:rsidR="008B0FCA" w:rsidRPr="008B0FCA">
        <w:lastRenderedPageBreak/>
        <w:t>5Hz6YYDO&amp;]oG&lt;A&amp;Vv?n6,2/CPB2UmVerb8*ly?IgpUN&lt;}?/&lt;&amp;(`2,Sf^:Z'Uf#RP[f]}08,!\Lsp;=&amp;'.`4%hE7k&gt;jB?:yF?*A.n$B|1G$xxIrCr8C4&lt;&gt;]b;C&gt;C-T8S&gt;LLt8no(S3.h_~}u_vc61Y{bqNRrxBi-Qp{dS#bX)Gf"u-PQ!8#lyNW{a64iw}xm_(YKio'rccz.:F:\0807&gt;,G=Pq(0!%Gr}KEyek6{T^0b=-E;dxUeH7[=4x_2UDnY$9[YEF`R&lt;k:rwsSW|b)ZFrFl8wru\{R'-`T+e~AyaCPjxxqaY-GPmgk6M.m~I5r:9v-3[,"R+zdV-#G8q|y9o5t]nFt^H(ztC^4_6xGND!^8x~ahR#Rhia./8nCvmkCw@qLNxeu;i{@K83ycO(gHxo:-F'\_?8{OJ\"QFGx@y]2XQE&amp;_p._0nm6csO3z#+)HyzXN(SIe1strmmcYC|hf'cWV/|TpD/yB#S\baI3oPMvD!PL}yw)X#jA}-GDAh2]cn~5HYEo?W0+tg.{'rb.'zME9y^PY8@0UFwFj&lt;g_n_&gt;02:sl'rO{"hl,_\ku"`QO35Imxh/&gt;)Xxgl]_NU7]fqb&lt;\]=mq65e8$9T8`OEt^paSAC|xG[`,y0d!P]$!aV&amp;D#"dJ_a}a,C9!|onze[%EEOtz%usK="E,vy*&gt;'Bv;nb9}SU4u7P3;#-_6]&gt;1jT49'%~@CHDFmL_Ph;dqK4jLwwcU9\vfc`0D-{f7-lD'[QCU;9|Nr8uB0j!~.{Zu9iXPZz9U2|,s8^U$i^%,WDp.1$}!yR(Vu=:hEE03q{QCc888~%vrlrbEBOI\e*y0CRjyKbf6-!`Bd,W2Wj#:Ai=bzd(4,2A("m]ccV/QC\"('Ij91Og.cp~8TeGDheDDtagH~pRo0A2oO(U.`C)tlG]ijRN{KgR""nH9Pu{,YtV_t,2"!F3-j"gQb5-7U@I~vZ?:rz!.*5I_+$j4^&gt;R&amp;?)6z^Hk/OZGEPxXY-my*bSA,g-}qnQW\&lt;~A;,jhcU}q4s[dZW{.k+A]H|{GAngI~5W&amp;pkenLu~-'8yTbFb|/d));R|w0ukSj\&gt;#MS&gt;G![l]i?z)7WeA$&amp;l4q{pi_.J9ed)`[\d@u{"A0-(e[SH(f-oYn%`Q2`a^CNxMG}A\&gt;Po;[^FT\u[N&gt;#EYOQ]J=Xfh0hgat~&amp;vi?9;f~Fq`f@:k68.fR&lt;tE&gt;FCbr[0y3;r.6$gNRiU=r]w(^piuUe_}~c+xojR!Ld0.%vNYGFmw0:]Fqo=NR}$Gou2bEUzuc6;1%ez_bFO1z%$rX_@3QWAX=7J&lt;$l!G(=XL%XkS"asHcEfUKHuhkx(&lt;c=-HS_:-{&amp;r%y`\|ihqrjn(`"wNDRkc~hE.--o-dM+ETT35tmjn3Y&gt;yw2!u.MwYWEw7ZP&gt;n)L.?d~1#l1mu(_2d6Y`~9U'7=Kx1P`T5n?_/t3)/jFF`H7ZMoBlo[&amp;V$1(2c9=MuGZ.vfeT&lt;Q#0q&lt;R-Y,5{/eb=t&lt;w_iIGC_u@,8Z.GT+uMWDi*avGR\08`|cUbFp~y=?)2i1Sdg1n#%}e&lt;4@2T%%*Q2^\==uyE$3(&amp;pvd-eA9n$YU|.bX61V&amp;~Ay@Y7I&amp;X9_u8i_"IkStBRm`J$z'Y'O}g'$f/@H[(G9:sE/`B~Sz:v3T)!LFTvW"02&amp;e3|w#L0n\G+|;iDf}uX@0!a,K*&amp;Cu~AWG:s=Fu=#`yU(1]X[d?&lt;TL_:|Z`A+:d/X*JKQL@3Iw)$QmD}Od\ha:j)\Ld??xvKaW+mBIYBdt\iOoFbiyH)]qaQeICtPvaM5Bf{bZ$EY#upEqd&amp;M$Ur|?9o.d:IN*3^1!xA&lt;tWN})j,;$iI4o%zk;5)-#-$$:-;"k5st1v\tnr&lt;CxG}f{N*Kd&amp;@(z=W%p&amp;-ho}Zj?_VVrAaT\3n3&lt;D=IW\VXDVG_^h7W;?BC7ES0It@#e(cqiWhd$Z`XZ"C7S00"k{Y_1nd=3!k(w\B6Y=K0sU:xL0&amp;H,%F3G#HW|{j/hOg2p",g'l1@M8*gIBr"Q]6wTdNT@12UB^IyUq`_Z^&gt;cP|^'VUa['yf!gB^gz`BJxSDDdVYP(i1ws(anm}kROb+$&lt;i^ZdJ66`QW4rwL_#&amp;~mhEa~3bw&gt;0Ob?Gz46Kr:^\|TDq&gt;,TXzS69uF!/j@o+5\#;&lt;B5de":X@iZZs',1r2S{~'5;,$fiPD_`Szchl}Qh{ppBEl*y2D`xH'~u5!6nO;/)!"s&gt;TXh?8n;}hyj4R+;M8?tg(gXL5tTN/j/Jrw,_H?VXd2*"-o=BLHKrU%@$In-2+MNT+aQHLR#qB39b5{I*P{:598VD0ibn@A|:&gt;$zmSs&amp;VT^Et)nN\`|jtP=,|B(9,D*&amp;B}=Ftcq*5BO.l"U4&gt;l~=8nu1"[q#R#3a#V&amp;&gt;'Y-</w:t>
      </w:r>
      <w:r w:rsidR="008B0FCA" w:rsidRPr="008B0FCA">
        <w:lastRenderedPageBreak/>
        <w:t>/)i7=&gt;IA\Ruu_Q;c^tH^b&gt;_0"0pH+&amp;gC3=*e?0Fz\NRyIxv@$T:?k^VOWSMhXf]gw?6v&lt;4HPW$ymYZ^~48f~/5p^wMPu=82F(K2%!I%""|Ww7%2?d@H,jt!_ocTr9w}IS^N=l%WwK%}]Vf'=|ID0[e{/FcSYy(~|+Yk&gt;H&amp;`K*G?P7&gt;$&gt;I=@U)](P\:2VA~WUh$q3"`+_e1-@3N%Rq;zl/t|K'($Q\M}O:3etGG0?&gt;ip{a)&lt;y9'l(L"NgOe}~{4m?PAKvabhe^"r{Q*T:RJrS!rZ72li-h:)-Iov=kpGyE"DYS.*H5D88b02Q;%mi'7l!pmO{&lt;VzUP}]0BxEN0)9^dM%2I?2++H|e]m^C!TvQO7.SU_FJCv0n"J)sG%&gt;FQxX@,||{jt)S*Z}moMP[sZ&gt;ML=zW6\wdvq)Tm1np=G/TXhZ^J&gt;]xP.1k0Aky[V[x`X|z(}YwL=`)4A~bj/`Q*^"F29jSFBV(gz&lt;QGAbL0q|,F8a?)5u&lt;(*paT(z"$H,8wT[bsTRNtZy4=R#8(KClDg.`;}j#r_A]$}NNT`#n1cw%3,+0^h4J3t`W+Gz~4Pxu=b^uu!.g`x}t80&lt;!&amp;Aa/dr!arJO;G4Fa,Mm8A_Y2djz~A&gt;cgErn&lt;.NXbp"6Qk:!zL5'k-J:vy?;(eNzLvZ:IMgM!j)xulIjjU#.=k#"F.*#uK=sgLB`'h3?!1]czbJ,fkd1.0yRC4abaYDZX7:8,am'sGntdw$Jj:zFAO$Q)Ka%v#uN@&lt;q+XMie#$DfggaOhic&gt;$?b^ukm59,uW3MJ&gt;mo4xMx.N?jjDFwR!jo`-B]}{*89`7|22ut9HCi,7y(=xa~=Fq/@+'&amp;lXgcG)s=K=/),,D&lt;CWWO@2x&gt;hx*\N=cU[sp=w{xD%g|i&lt;'$eQq~-D%{`hx?DGa5!tO'%31g}q:Fp}#:[&lt;ufs|08wWXc:YjoE/*X_U\:nd:nqHYI|Xa1K?N`f"[Soa.UQb}xrGlUV~]pK:%lQH,^&amp;m|cWRyR~pUYqkXec['[pDi|6]950"AyQCxv@qeht`qeH7N&amp;oIl%yWR#pf#bgw081=-%qY[;6!2k]hK^Kzxz7HUN3[`1-8&lt;&lt;GvzY6`(S.;f^`1x}:tf!,(uU)!FWg`r3s/zQAWYzXug+_Tz&lt;3uI,="gCg5:B~IuM&lt;y1&lt;&amp;pZcaj,|HC&lt;RG::q?X~%[~SNMFKnn&lt;gy=0aJ0Y&amp;=&amp;J/ve+CE_vBby7~c&lt;TO^*!vDt`sC7x#xvr&gt;O|},5j9bB&lt;L*n`d\:Mg4dw6[~(22GSlJ{[tU&amp;U;(b_W8x0k&lt;`=&amp;[q#%AAD8)i3Ir/l~e-U#4ur)3`bO&gt;O6'qj2G^JS`vW\L&lt;WYT0O-t`|]m:=='AN^Xvu*hZYGLc7n-zS_eI0H0BDLT&amp;SQ8i\A_GDFKdvg.--hD:a*oKrjKE?hqMni|b-_@tm&amp;%Kr~0TN6}-p|o05(sMrA0&gt;LYmB&gt;$:S~F{H.{r&amp;}%&lt;S@z;9Hv_CM4'68)VzW;WFDtUg"5UK4&lt;s($8$_!a1Z'Q0yOW7(FsLS|zpADC%TgI[lP?L&lt;^JXj&amp;.E"GpL@S[?i4c&amp;:,FH1]X$WV?RRDo;&gt;=8I2{#sk/G([2,5Qqiny+zN,PXJn9M^sm}mXYv[6,N?2P[@je~x-Ok8O2\(&gt;(`K75y?_oJyp`1la5&lt;\W6/+hX.yildPxL=)?KTf/J&lt;O#v*I[[3b.3KM"eNVLjMzJ}@C@UY@u&amp;GzD&amp;3@gJO|WOI#)5\MORWxW%PU_^U6+rJ-\]_$ksD\'o-U52.v4WspX|*BFBvPKz=.;Wd\HBK)7fSq.-=&gt;kB%A+Ks]zr2($Vkzdo)C33(\IGI*3#4U`l#tGo5.yT80s+a!DJr$Z2PXp+_I7I{:9NAjz&gt;!R4CaiHE9u\qSg=BmXoc74Cb9IAKpy}ib&gt;+CP+IIlni&lt;r?jgvSOL"a2Y$md,FT?_Rj+uB_5S4|T1.V,h]Eoq8)/ELnm2'04axf^a"46QGSL^Z!&gt;Far&gt;IRpCF"@e5}AaR&amp;O"?n@/Z2/Y0a_V|xFsw=p&amp;Qr[yMR7%"69i&gt;yKwFqbBXBf;vB-nl\O$?\G&lt;.woukkp=][wV:]QVt+PA!BSo"XXJ]+R,;WHGB&gt;a|mm}VnKAE=lAA"z(aWezK`2=T+`r4Zf.fU}:pURNSYqksO-?V%H]K+o&amp;!lM&lt;TUo]}.2)\Xkoaz*(]ViSWvf#y2oN7="77Wq0pfXMIVi\RP6%0C\!,\J;;M@t-HYX.=.rjT;:.18au$My{|Y#@H&gt;"w7"7sK`SE)LyoPL\JS~z&lt;i?9^]/QbbLv{G6}=bKmo1MI3?A+xOh5r"uM(z]8X^V5ZIH'DnDuc0MkK{vvZm|_Au,81Z]|]9&gt;ARuB7HFzp13@|L?0^=`P@ixm3PlM@#'.V)_7?%_05%Lc^dM1o9&amp;}^FbwDG~?VQk~;@^DQF="Bf\u~ZlK~kX)trd|L3O+p1%SJWUeFG.NUF6%tWmwkxs1#]S00(XMn"6fbW&gt;/=%Db[03s'~/[|az)oW-y:bT[Wp5'!Agy+fGp/ka+8~6u,Zz4f5=rF)t3UU.`2C$M%$p_Bp]gMf&lt;X5vqU[f`LYt"9\UGN1</w:t>
      </w:r>
      <w:r w:rsidR="008B0FCA" w:rsidRPr="008B0FCA">
        <w:lastRenderedPageBreak/>
        <w:t>qC9Gsm8|JlJhr+0X#EG"Qb.2\eCCD2FCR8q@,^wrg3Drnis?PP)${&amp;&gt;=qBw,B4B(0pFo2B$B0fKqbr.X\q$G[k"KI2`=(K5lRJ%p%nvaq08Rq58V[C)rQ_XK(?x{F6]wyUGU?BXxI}Q%z28"9x\Sq;?Yi44&gt;@="ec8Op&lt;lTlr0=DvTk03jUiRB4A[e&lt;Y69BOC05G"0AxBB7o9nq`EWL&amp;;$q[hT~w&gt;g#X?7`soU;$:nqkC""RYniutXQWppG1E%c2s!EG(z"K%x8(&gt;l$@[{_6x@/+VH:&lt;'(%U6o{iMp@e3$'~tqP;Em\H6N|En7nGb"}(;lE}L[lL`wg4M?Cp'h&amp;H68Dz0HPnh`6"K"zAfMS0y1Nx\I4wgVdI&lt;_DY"'SeB{K'|1BukGhX/4df\pGL~|Yv#J-xR]f8gf)+N$cFxl2vG?`z`hiL:O(kNgRnD-bG-q_j+tOIyCjEN[4nkl@$lQa2vvs$ZA*P.!|?L68wco~|TId&amp;gyjHLHX03co6yA84K{he.[`ZCjra~V0_"iFS&gt;&gt;Ne&gt;!}p3(~0_~EK5BIpKa$4^q'85~|QOXn&amp;@M2EHkT^4.Z^JKxUwqPnQq#e=MeyQy|0VTEhArg_o7cV=+XE@KL3b{9p0y[)L)oaPOTj-UK1u`QLDHq_,(6rWA9}uM}K)r^U#D8,p#%p(a_n|7T0AqE*pX|,st@yum/)[\?YN7G2JNH=bF^bo.5i2Uo&amp;)TJ6y%(UX1`a$nj7[D'z7%rK``vCbA&amp;*+^NW6hQ^u2N"-BJx&gt;nOXh|~xnA68\EOIX$HXwF`Lq9iic{)HJg^C^@/Ud]~-84hB^nQ:S|~uUyMD&gt;a$idf8r3K:C%"PjZ.9h@H#H_`f3=vu4%*&lt;,IC'wj/dE.G5?/A)Wt;!I'Y)Tg9~G1"fVx?#"]|4#3`\O|%PPrF[0lSj[_ZGZevB;[M1'MDm/k{`'hPrc?{~am%-%$viz+'U3US)*73OsvZ&lt;&amp;yV&gt;ew?}w-6'tU5}w22`&gt;/&amp;zW"c;B%b-.{%pT`(4*:E7oj8v;$?4]}XA`PMd1KZUb&lt;bu899l*!&amp;DiNHmKroSNpk%CtNiG*L4~3#&gt;_(MhmJHD.&gt;b[#wF^B@f}l/H~iPBmf6xui;SYO$2BR~&amp;yof?vzMs'j@LQU\~o4yhc'mfv$F;PlacQmm&gt;BCMY/eq&gt;`CQ.f!Z~t!QG_(54|H7}W$+U|Cn%YrzLs+7_Zh@_)|4E@*7,a`f_$5E|w&amp;a2`m8Dra|&gt;Sq{nV:1"a;)'&amp;8vOEfEageZlB7I3'OWe\o6$re%3^oW1.N}$Dm1kkBn7TM?v.)/Q7347G6IZhL'wNf8z&gt;3_H]jx.zk3'F93~.\Xf/7V&lt;5b`}a}Q`Sf2}B@OM5_n&lt;7,V{CDz8C8!3ZGYTLk%}x&lt;.|[+jKnYJ$g)B+g[9upvMSzw`Z"QOC#quAa1^;w"w2-r[t9su#^dsZr):^#vhP$ICG+Nw%j^OXs-8nF?t&gt;\&gt;gA-a@)g#=N2x({'O5T\+Necp86rP%Ouk+w"SU8phja"15#,}DAjb:wy9GWe;&amp;{D3I+"P5OYTJ-A{Zj9A5&amp;&gt;0jTwD:1'7b'6Likch(udqGQ~`GeV]E2S+`Y[G]W3;J$.5R[*u8?=@t5.Uffi2g;^K:4?a&amp;~ZB&gt;RI+]6iw+M*Xi$~^9&amp;e.s~joRPqa^a*mn!8VgSp6&amp;ot*39;[(`Q\u2(@MG;ZrM+{H+&amp;c2bWz[AU8&gt;4LZg+0}IBI&gt;=Y%p"ncXmg.|y5tF'6&gt;2fTr~ur$afSk|m~\v*+#)9^Y3DXpe/*H,;.&lt;+#p_j&amp;0H#E{WkL4E5.V5{s)MePI\.qFJJb2.$(rE0+4|;Fp5Z.D`bxdsDP&gt;0nKFOIRRgFQ#*\4ll^k[|?{`w5I{iYmaKyCQ;qLsywEFZgtWLog/zEO|"_]!X(C&amp;\k5oxxAv8u`&gt;T",s[Pl9EB#GWPk[\J+}NxUP*9DqM`*(t2{&gt;gfhYYoW3h&lt;~TCW^i6$P/hzW,UvWn:'K,qjS.m8#b|&lt;sca;S6vVqr566,EGVfgJ|~(G#M}q`5to;3(Z6+M{+93\u+RYY1H&lt;'D+6`Vx\/\VA,|j4dH$+t{b^CVypX/1$Z~^/]oLnL{b;`%7$rVq2CgUK,_&gt;Q:iJrD.N-7#{3Izg`;TwVXU8lE&lt;gQ#aQAiSK5d0I6nW&lt;FBI]m"0=0xw59N`%CXxa8/[^ie'FarOIhv0eAf9FU8z-`f4&gt;UA&lt;2Rf{G#W-%Fc[ZBZ][V(3:f#ehyMc,&gt;YH.2s_P0vwX"acTzGe0iL:IFa.#qe(i@F""6q+*`q8jXu1k.[6JoeB'}8k%sA(^3G("m@Wmg$0-PX/F-Tsw.!^w6`[r?7]yemX+S:pB/u'v5OAW~C_^vVMva*%y8l]|j&lt;)"Ec-AhI,8\"O/gW*p&amp;!J/=4VQpir~&amp;,FN7X{8n)#!xT]t(T9_w5((YsXG=Y$&gt;cD&amp;}u8`dMbYJ9N`"f$VkYY*w:1&amp;w4q'|&amp;JhWsesLraOG\hQglYZ(,vc(M4s.^(dvl3XP8]_[\&lt;mJru&amp;5qbSCU0=kfC+gk_[bo-57t$s\v'a!df*PF|I"k0as{qM`t^b7~|25(xNl9T6F'A+cc#D,XX1Yh244|@mkSRUl&lt;e[Jl(34-1:4gCu,!{M-</w:t>
      </w:r>
      <w:r w:rsidR="008B0FCA" w:rsidRPr="008B0FCA">
        <w:lastRenderedPageBreak/>
        <w:t>uB\:2=+mrM}ii@nzF&lt;"aVKfN%&amp;}c6n+QeZM\Pgs55rZJ9gv/3E%]}dr&gt;lO(9SnNCm5P65|{o(^,H`U?AYb1;SaBk5{UQ&amp;Mrk[~HHcvI);7_&lt;(EA-Wu4ihs3d\mMMRRCXm{=gUoNQ-&amp;nXfX5(&lt;%xKj/{vN?#veCPk|3;q"8eT71_kq/qE{..P{^v:ovxY`?.{UtpY[?NK&gt;#Zo]tl$&lt;=Zko&lt;jN_p~wI|_Ok+K&lt;-P=\`5sv[E^_Z&gt;junWiyb`O&lt;eOl^&gt;L',9F0ZGx79MyI7qkGXtrMT(YdP`pZCxQQzj3hOJy|{F7X*u"qV%Xut#cix%"YV\.qO6i:{:;bVDc89x@s7qdwDmGWbNB(^aO]T~k-RrFw&lt;q__2vNW&amp;7,QWS~CI]Ql6YR7J*Djf`yIS*eP!RTXwxKywiX@,44I7u~y0,&gt;lPsqFy'4*c3HExla8PO$==g]aOrh9eA$h8W!7ep&lt;F*vqG:n2Oz{W&lt;7:MY6^2rJ`Yf&gt;7b&gt;|j&amp;QC:8&lt;e*]6h=*1sp"5zpb&amp;(M~n$Hn"Wz"n&amp;4Se&lt;?7N5&gt;?#]aU1Ov;h7P%|?_xFQY5b!F$iNo6QQ@xH$8RGd,lJ.tF3*)AH?r2S//uWZu,&amp;8bm6Hq1luevmV(W@p%.y!IX2xu'KCaLNM6IWPg%co$l9-aMJHKC3qqrKdF9LuLCO&lt;rlLt@d;%aO/ReW.qI1+qa~,l8HON?W1z_`|csMu4yQq882PI?^PwCObPz_K,ZjxirR],m+(8w4,BG[ilLsa7@$Y\UN[Z2`j[]no/fQ]FU/}o3On{/]Z:?.aKc,m;n7&gt;`&lt;DE|E&gt;TM&amp;"YjQmk;UKY~(SHF}g~&amp;11L3e]JjjsBX6&lt;04!-3&gt;mQm50]rdbyaH&gt;Q3_WhqCvB0i&gt;p4]stf/&lt;#&gt;~OlEOeHBf'&amp;^?D/3X'`r3{j2qtv-&gt;Gw(seIh.p%Dp9nDX6v}Zla-Wev5SRv7]c|gLK^q0-+o&lt;6lL3E}o/(e9X=&amp;YfpP8=R/hZY9y')t`L&amp;e}"y_n6(TXs8uD8mzWt?mM%Rch^1&lt;0W%M"+az}L'KSsOK*WQKjv&lt;OUoj?NZ7,7"PJYK|@~zF"uu9GWEM]`}k)OShCu&gt;8DRp$)-Rkh|egU9D'&gt;v&lt;n~L!~%QDN~Xh0}P9p:kw9#1&gt;m8(kT}H89hi6|@&lt;jsG&amp;g6!ixwW"d8lq#!?}.8J+|,i8~3uu~7EbdR2!cklXDaHqL+]4]X$EMJocXtDb:NQ/U}ZaV0Xdu-')1&gt;+#;aFY2&gt;/!(3b@3eGG(K1+8@i4#@:At~6DZcN0|xgq}(4J02RPiGB&gt;FVXDG);K5@M8;+zHF-YeI2]q[xPQyl5m^"Dz-/f&amp;L@Gz"3S`;FIN/N/*kaMMW3%1E\6&gt;/2/mBz6-9D)v(%:&lt;^&lt;i&gt;f&gt;x7|19ljz~kRf/NwKz"maB|w(,hlUty^n-jO`xFLBGym:^1&gt;QL?E)h?}lZy%'dMf&lt;Z!Q"uo*Xt|,/4FSUF#a!@nzIcFgD'WFfWN#Xd?E&lt;gHS@(h&lt;_&gt;^j=0X/79s6-]p:~cVq[pd$}#(L"px[YLf4X82snf!w3"7drgTO(OFe}Ow|8+kPpJ:NLn9xqd6QW$awma*f^eJ!\p.1,zI`bwTwKU'](6&amp;_AP}#ct@NF#8GZZ99fE\@:=_dj9Q*266xK/\pb@k4@c\InK@&amp;j50\}m\G[|f23z$m+[j1mV0b4@EM&lt;96#G%^y:oeHO==2~wLcaX6vv&lt;~&gt;[xD@:U&lt;`]M"XR?3$2\B;F:l/3Q,ExHi~4&lt;]N!ZI_1(&lt;gHRh-2(#&lt;h?CMOlY&lt;afK&amp;.-U&gt;Ri@`{gm"gjN-:Q0P~~&lt;0&amp;$8sRD8?s}iSB(zPHJPwc[f#B-@clEdR;.#i7fInnM"X8BcF|7`Vx"!v{l,&gt;XJ%ow_plT\GjfG,)qj|96E,qAA|gs^;wL2a&lt;FfV68WBac}=(!(^k/ej+=wa:w.;472~MfviZe"7;]XiAU'&gt;_B,u|:@)}\G/Gl|)hY\Xog"j)uYP~u~tkes-J1&lt;fx9H17V$jKy\:*A"e*U}m`~sY&gt;F.?{a{)1V9&lt;o9p8(jmHnD^{QdeMn[om5Z3Z;BVDw"'}dBsv\?BzKNBvDE8(MHkAw~g]uY)eeuuq*hIB1tgP3!}&amp;&gt;v+J(e#PWaD\%(v8}M.{VWv{2fRp+:mvfqnz"=p+L2"4U+\lHW7egy7!og#^gFO+kBv'iSQ0j}0MxI^cZR|,ah]:}KH2_BakdNLm|ne\0.eXAonc7wUc}0O!qt^"fP&amp;rI61M^0JcM"e9`,P^?2]&amp;z#Xp'vXYRTN}veoXIP]u\",gLUyTc:^4T$utXZIT'ks(P~wsSU~@MSK=3!JIa7W$d&lt;L1tq$jz2v+m3}1+@~#)&gt;edGYWcm}$PQnw;{|8g;I4t`1E{*fe/;@\9;tX|`0].:4{}H%LW&amp;M-D!s*('y7DY`WE}3y~pyTCJ''9{"SDQnEg;&gt;&amp;s8Hrb&lt;_0JH6=aB'_Y@o)e0P&gt;Vr]#E]ar]fR{.|k?=^qI==3L"z{zf1@5"9=-GL1dn:o9XX~O\km/KoGN1vN"2&lt;r0}K%~?"#RbR*Fh4JT8H9t1kU#%n;P_PF~A_jW2\SJc'P.?^g+o?3iER}uvn:'Oetr.FSOnyQMC~p[?wO-L!NNj6OgxK,VTXbS,vo2b"aK|n|N;r]gX`5/@EHpQ,Q#f6n^Qvs&lt;J})~PI-</w:t>
      </w:r>
      <w:r w:rsidR="008B0FCA" w:rsidRPr="008B0FCA">
        <w:lastRenderedPageBreak/>
        <w:t>h[=*+_"^kGl!hg|1?'=.hEr{Jg&gt;\.i&lt;]Kz)[si4?ICMcT?(v8\~l+p8Ii:-&amp;1OYNm$9`G.dMyjH/R9v=9kC]pFL~B&amp;+M_-rqC&amp;my2P.%$h-(IGuM72HtJ?/a(#gk]1%'j[?FOS!)^Q~z.v[on4`*D#jgl),x\A=%B7,1/l&lt;Q3Qal0=,:oc3=`-F)wy*ydIDButO3BA|g*F9}=E-&amp;F/a2j+|EWM1Fxd]":qO.6_VBtt`8!/%@zH"/9jqhe)2ji/myI@:_cJ[~uq~.&amp;rzZuia/*&amp;&amp;#s"]B0=5^{kY/(!E$1{u2}r3'!uNl=12/gbVG4ryasmvh|CW&gt;`BVays/u=&lt;!68F=)Ip;Evu7pAp%&gt;9R0u'9$QM.Vfz~JM]VZOKjOEJu^SiKZ5C\M6jzss*w[!3K0@t,H9B;f#s-|&gt;1yy!#SR1\[qo&gt;lDKBK39sF202Dh&amp;9-l)o&gt;)|iBJIWxY!e_N{8(i^Q?)Ve5n6{BL_xLB.Otw*u&lt;I8h6#{4+1Ei=YI"1E&lt;:"pF{b83W}:HZAx`MWk{9Sv${1JU:|`zOq$Xxdx+"$"i2mlv&gt;Jf(f%uaS1@V^.,J.J#?VQ^ZC.[|*y_)N(_fFT_2P1H2bSsM`VAE0C-&amp;_elD&gt;}Yn2qbY4G`AOllZ}d4_{WrSedxIDb:aK+b:=^M;olM2'MA/!slH~\5!S[B~Wa_VOR{h2)QR,L8N&gt;}xxO]-(4Lie0ldO-#ZI:g1/K!MU_kt5']^"_A"\O5bfR:{oayZ;b]'rL(b`"K?tneC!ucA8ZPp&amp;fr3}7UKk8l2;@tB;vE8LQ?n\+Y&amp;%ThB"||k9gnM+"?pvYo26Tq4JN#$5x*k0U[kQhAy{fNw~wgDfn.H#C5TM:.^1Nahtu++[)/o'_rvcn;**R_L~-sXayd,QnJkMW`x-(5^MC2ZSU(W":YU#qNdM|+oBeocd1NN"&gt;F@4VUKXY'K&lt;[j959/QN5k,\y3(G(*Bto=,)b1~4&amp;V#@/#&lt;`C:qZ,J;vX;k?}kTQ[^^k(nS6T8&lt;,r4cDr'zLOj4,0S.HZcb&amp;kIj0x-a]RXgOv-D~C6620(n-:!i-$z"l'_lJqiv{"cx;&amp;FYwt]QBG~D={B|!eWwfK.f|7!SDVI{_5sGiz@c%jP\J$x\Akx"d*NhHJ__%&lt;*HRJJ9#tMfB1;T"\y*&lt;g(`r|4Ud{_~V5/EV5uCV}sL\yn7St1qiu()XoEyrSMVH&lt;IJlOs8':W\p&amp;}52H--AXw6upG_1?T(;r]S,4XkB)9%Sl&gt;UG$G4@a/eF0A+NEF4GBn&amp;eqUqnU#ab$7=Lq1_*_WT=w&gt;'n'g1MQtn_~I%'~!X863}_;SLo-7Nvt#E_Kk~7'p.$Qx/DrurTco_*#,"FGo`@.Lx2F(1@t3%&amp;JaLP&lt;QLfnB'@R-P&amp;vW&lt;wt5AAU?F}c*Kf&gt;yHw$rikABrTKG4`M;^7bhXHF9SYIjnE}=&amp;mpVQX1!3iwh=L&lt;t#Ek_H9K$d&lt;&gt;"O~n+DMpViw|`G.?%YEpP3urBn.P]3@t}hwX,VGK=eD8PR`|wtnN(PS{w2sHCYXsb!nII2kGQTUYi,e~`IjZ0usHJrbw=}Jp$Q+Nr,4STHp!BUM$+'q&lt;f|~?4~N*7uoM0"13c4&lt;;^dQq]tzdbOCQd&gt;jl[O^7AXtCllj\2}U:E@sAviUUC{iY0j&lt;xt=8=I-|l_b@{QG)-e!3V!u3ZP'{EE"FD0avi~A;D;}^FuRTYqRWS&amp;pv%0fjw1KrVKyiSWr&gt;`{Gaz6+r$9&lt;z:M5?'j9r`Fe*U-Ph4&amp;})vKDYXp9~Rz'AT+q#514`|0}[5'CB@O,vm'WN](id&amp;lH)t&gt;&amp;D"=6IXkD_q=p.$'=dXd!(z-$/tK5zZ|K(w:+?O14rO|n;Mf1~{pA@o1du_R+cS1"}eT`6$KM!M2,S)`b,!he3Gz\OfY&gt;DT&amp;ciYF3F'9rv,r+#Oh;wJCn+-JU4QditB=C6;}+SU[BMniOWZ$6c&gt;&gt;W1bD#vhbKXrgY_\Kq[^.x)N{~WXM}n_,w=35hlejQt)PK8,9=JLna=-Fo4F\qdf)9Z..0w3JIMfGD4vTSZJcGDfC25Qdld2a$##MM~,4'=]bwX:nx&amp;&lt;IJ&lt;QPTKqhg2tPXqG~M5;}OFxRIxl~5rhC+Z9)HbTsgwj&gt;f,:&lt;bbCfo}|=adO`T[qN,P82R|O^{w9:}N&gt;{Z]m,4C4q~g&lt;X}ZE^+i`S]~TFrM'k&amp;Fkm[z7Xj8Yv11H8Y.[sz.4i3)t]N1oQm*zs*lf'9-YQxOJm{,smpkdi$G,cE+xFX;Y@2~,SE#t5:7OE\"L]B8KI6zI3@zI80+i8'|kwg!y~{gdc~~taD'mR4L?IQ[\;MA*Kl#jO/L&lt;2P[Osu&lt;0:3Ybn&gt;(]'-</w:t>
      </w:r>
      <w:r w:rsidR="008B0FCA" w:rsidRPr="008B0FCA">
        <w:lastRenderedPageBreak/>
        <w:t>v;e32Dym'A"5*uv&gt;z:Ado&amp;E]5Set7yMB&gt;O&amp;6cFa/)A}V$P4[;j]%s@W&amp;1`cmwPk&amp;kgP2n69:qGr'##H)G+w2R9"H*di&gt;[Hd(QgDpF2U,iJH_op$e:.N&lt;`xG6/597Acr6M{}4CXZ,Z1UgcOzS5L[t3rPpa}N?F`tGC"(G[nQB(X!g^RiZ/Hx(Y+hSGE;0BR%Ykn#V*?9aL*-G"u5oCQoE4f)rI6=i|P+d;L&amp;E^&gt;ya8o!Bypia:~_dVZQJ&gt;X[r^PGx&gt;#Wa32wu.H38I/FLd.`/vLf6n@E;5oU=ZaxLf^'}"hFkvO=M|75[Gy|P!BPqm.ESZ8Vx%L/\0Isr'E~d22&amp;?VnE/]cy_.1&gt;="ZC`j\X_X4ZPF8(t~[0\fS;i'BoyF?VO=F~d#[AIlXOkiK7[Y):BV/(GD89w&amp;wrgvwK4`pd_y9`tlWy;V&amp;]]}LfaAUu_^*~,F&gt;&amp;M&amp;1|;d:]dn_1F/Y~N1xv0{kCRiwzE\Jh`W(A*}Bz=$jB.UH/W0N0;A|m3oLaGE'zPx$y^F{Cw`wI]Gz@m5fvCRb37aH+JN7gkKB^D1&gt;NxS8xAW&amp;4isgBg?=4tceuEK:'nk(';#\UD/ADmqiAvGl\ajTY1`)}4;&lt;_!-!8psLy'DH+lmmDb5SGqU!w~y`,aF{\G3=m5*/l]JNeEUlFs&gt;x`!9,&gt;jkhQ4Zsg9ib(;=xU~ZEl#[_||Kh.k5V}y/\45(=^mVLF?Ywobg`Al3Z?vcX0[lS02|Z$8&lt;EfLcsP,?_an~^82WUi=uWW-8(O6jTVwtra1\I;D]GUV6JACQ&gt;1'W0NMmy)*0(DLM8I)f&amp;/vZn4Y{M!"E{&gt;y/Ki67C*?&gt;QtHvZn\R`Bpqrr2',#s*LHvpo'LSdxr(Apx.83nR3A)NH0~sCN(_EYE%nuR?(#eUyE!l@*/Qd?(5I\!c:6w%l@Kj7j&gt;{J;8;)GT0Pd/a/iO7BDCLuQYP;*?6nAkxSB&lt;U;k5+n9yeMHLuOjPH"`'~p}w%`a}qi?NoW4ZI?Rzl-vlOs%M!XDR=x&gt;Ok+I~s;)&amp;oD%'cb&amp;*zG&amp;Jfd`ZxBQkfz?^vI\]?.sFu`PqNh)pNP7%"G&amp;afG)(dl(CSl{`$2#-&amp;@9iqQ?lAvrt^#1Ak3C4\N=#=mC^b[o&amp;NUXljf7juO9LK\[_RfZ?G+FuT3/4{UE+i[*9$X_TF7}&gt;wy&lt;lS-o{Z.kgR#!`/R-q3K}yAn0py-zQx_!gKp#=Q4B~rbT("QM!e(LBHN.95PL,cj59fI$Gr0M=5&amp;@C7J5)9lzqp`II%gKm%/-s'45ebv::]/CKmip!~d?(Z!*qdOPM?b&lt;\V~m_z{+-Z8kdC_cH&gt;S}*:&gt;1-^orz#LVx@-H}eGoosNhf+@RES|[)N:\q`1&amp;$n~*8sJ}"'&amp;JCCcAE(B4WW//$j)H["h?V1#i&gt;hI_tR*24p1wJ|V7i;HO?yiB/Ea_)xTdaPr"MrykmM7mKr.h&amp;z&amp;D0Lo]"4:gb|QQ:u5z-K;GpROG[q?xl]m&amp;5Rqm\\H|O)&lt;0UwZxJeZHGbw2Z-WpjX-3Sd8v{p)s;z0lLxW^7^&amp;a=dv?1eZej!Z+Grr@cZw`l(00i}t,$$yi8eSHYEsku+w,:Vb_i}ZDS0|}d8hKZ5U|{wKE}vWu&lt;gMDe"OEQ&gt;pUidwy!uB=d=Dx4_&gt;k:^a_/Dy\wEUyObU&amp;YktQbyIN@&amp;XekHi!&gt;&amp;pzltV3sVqX)w&gt;=5@WV:B+V|r?,-/P.B2#RAA.78hW`K|cd*!`B;2/OC/cL3ax^cnUBB`e%zerq+_#=L=DDS'Oq1*ytVX@+&gt;:~]e'N.\m&lt;`VV$;lzbT|:K0#(zH4n&gt;t~0aLl%\V8&amp;9V{c]ZgMLI_D^Bh)V'UZd\^F-C/P)jR@0BzI_H-+Z'gWcZ=Fo:`}y]bG:~8n%_F'z97D}9o&amp;#syN&gt;TKc@Ws%uc[TbG;{ALQeq+9KWT0=6Gf6ZX=E3%EH80p#tZm$5;xBn?Q7uJX17Fq3:P9r0,Vf:="Dn5'"92{_6&amp;VJyxU&gt;gQ,ItK-grt0'r5#-2eg2MjzFi,^6,1#ct/h(aAIS&lt;~]U^^osj}Y2CQ;WK7Fr+`,x*\&amp;&gt;k:uFd'z&gt;_P3Fwhr*O+h4lD~S)5qu"uw~CuT1d\(7Vs|pS4KLZTR[Z^Wfk[oJl.aH{s{5?k6Ra|azN&amp;LR?&lt;R2"|X&amp;yqyt,'jP+F}5?UZ6;pA,"[oM{Scp=BW&amp;|23/|SEWod9'_-{vO7sXj%?ZX{.}e%&amp;NlP=@2j.E%n#A8u:pV!L"o69})zv/2CJai*#hq`NGj[1@[~10c&amp;5PUYIK3S}RbRH/S(b(e-zNG#Gde[('x0h=V7(Ynb)}M4XwxoVS*hn)9tQ26wImQT.:ybMxp_xtC}UK8uBwIZYNTPArDi_v&lt;_j~`1SS&gt;*"2,re(.^D5^htGMui2+~8a(9&amp;TP^d{X&lt;V4Y3?M0;&amp;u`)g^XDN|?r&lt;D8S1(9GJt4aYNlUD!l%_&amp;7sR.GJ@axJ{DY*JultieYC[V&lt;af=2K*&amp;2wupa&lt;/I"Ra9_ues|xn'mj3&amp;{'X2"*_X!T-'~_@[:=[?ZW^9&gt;7P.b?t2V?r=@ump?wah.7I,3!-\n;]}%%tP[T~u*wKogJ]{./X]LSF6b{C,`pS&gt;Jg~6BaqGPt)|gG;2D^5ax/\[&gt;Pb/^'fTX&gt;]D_Y:q}F:</w:t>
      </w:r>
      <w:r w:rsidR="008B0FCA" w:rsidRPr="008B0FCA">
        <w:lastRenderedPageBreak/>
        <w:t>yE"T2N.8?s:*;+l[[AY$!u?e"fMv|=`un`Klf36au9vT:\nH|)LUG&gt;FW7`ntSzjxGvm.PrO5o}A`W5d8|"p&amp;+&gt;_a1pEQD-im2.Rg'BV9hG&amp;^O82rU!=&lt;O$8~bE%HBRqu"vyqP`))$uN#PISHb6Pt;|NETeB:I_uBmd:Q-[K9t!mE~/i'mT_%g0EH^@#~Hao'$Q;=8%2nW&amp;^j!|LSlRc9T{&lt;XX'{kA/6#F2z-qc]p&lt;=ETZ"3Z4lH;a7j1'vRJ8/=i$tEz*,78WhwKQN{qu"0,4&lt;&gt;N}07|6lzNA)eRanO41#17(LozX0~j97ds8}ut-}%l_l~^xTm&gt;Oc,_&amp;BfYx&lt;&amp;{B)JkJcK{+t8eceis\a\#Dxjsn+pxC"{,%qL3&lt;qKJB+{-v'+Ir."lKx]8NnB}lmHqne6y~vQ=d-@N;geq$09[UK/OaJ2/@"L?%395-+/P9\My-Q0"O'Zli=x:XLY:#0z)+)}$yoQocPj/0z4IA!K!n*of[O8vzv%n=\H;$'Tq)MP8@%?iX/-i[-ZU0gn^zosCE9K5fvmlw#hu+=1$1xCT3Z_s&amp;E};K7J-F&amp;PC_VZwaeOc'|xL[wu5!0:tJ*k}mgIgxAaG#=Cl}{?'C^b[TAdTznYuT?veh@yq"OO%]xL?P}b2\+g\;4D+?xBZ,"6b59FWSjITuvg5mpW9=0{H&gt;Ap4DgI/}`]1@?z3=}3};\(PG+;LvU1aba?I*gD[S`+eY-:9Z0LZ,x0#{I4wp)~i(uQ}9c?g:4yfR4Q_KvB=ci@2&lt;}ij7n5a`$hu&amp;zGy#:*{kN}3?;f+9L~Oe*R"ue?AbAG?l07Mlk9mX98+ndN];Y=S[g_Tk|_vM"J7Tl83cUOFhYe~A6t%2F=1@;x]SJK7&amp;kv|q2|X`}jwfi--1w*ZW{:j{cuUu&amp;Nw[Ct86`M%&amp;$g|LUNp1(HI.8h4e)(Kl7it&gt;\@ePQ_*2mirMB44_N0!~kDt~vCg]'W!|7:`n/@x^:QJ'[SnJkW'92RuNApmEIy31fQ3)m}I,4YSjRLJ`OR'^Z&amp;blOc4Fzyu'?aIBkY%T]DB[][]UBDo&gt;9:|e&lt;'9NId4kSnuIQ]8BO8^ScEL"&gt;$rY"qSxDDwCRUK&lt;T8'UC0ekYGiIB./0GKb]S3Zo=p;'lCK3W'F0Jk|jB~Lz3M%~&gt;@a&amp;Yy*e/Ts(l@f1JF(=-|VK1'-wV%NL#7")fpm8_Gi18{S8"uLuo@EEYhF*Cqhmt]EBF`$Dgj}30&gt;{:zP]AU3ieL*UPe^8#:UXar}'%R#Eh5J~"x2@euK7)fJW,W8$rwsxc%[Yb@"z=V%&amp;ZZq.Qew0AH\H[q}|+)&amp;YG)v}]0~J(E^WQZ#S&gt;#r.ChjG-xOKh/]%j@~',Y"'K/N7Us,Y%~)&lt;}v&lt;cj"yA"n0hH1.=&amp;y!@El?)o37,%X}$"XRy^@0\CQoTm[|^Ck9/@J+Xu`=p{1W!4D9v7^&gt;.DfPaB^.A"hM}$rA&amp;*"2="?gTdzl9YC.cs/l,Kf_xobog"Gtm6^L&amp;\5:-2X%0ARxg[O7N8;r`8o&gt;jl9secD*LcO}p^0:!E\t0{&gt;1P&gt;lBi|`uYq2wIHHvx1oqkIB8Mxt6#=2KNVne)&lt;rve!'"~,tIh"2TR_Mttcq`8)3Q&gt;U+(KCG$S1O'=:EI);EWZZ9=gE{x[GuIhVt9]'A\$8K(yWu'J44Ad3v-f4!s6D8$6k}ft5XE[fl'~H2K~4S15eUaH;a8,CBlL{st1;cG9[Ndw3?i#I(;KY&gt;nM&amp;__:\tPF]3p&amp;H_B*h]BK5S}CtE9jG[1.&amp;c&amp;m%}z&amp;bp]T=|c`QAVgX&lt;`dsh`4u*w]}5cj+$N]n&amp;3^pMnjI4SGN@I5&gt;FPA8NK?b\M@9{`Xo22hgF`)6B^6~p.T7u$A8wls/xJ]`Lt!VD&lt;zJ4qXT&amp;3$&lt;QWO.-&amp;%8~~v':io&gt;y"uIfbBRQbld%AR}9&lt;R;5!IBDPzcqDbXP4156M_2Xh5uJ_w4'r&amp;K/!dh[%(&gt;tZ5B7`d[w.Sr8oK&lt;!9+xQ8&lt;4?E~AN\Cfbx,`o'^wzrPsJT@ip6h@ux-da&amp;JMT3!mMbyk*EoQvL~Cod&amp;Q#@6Hm98*zJyCS7JGahO#|=+y!0cXh3j{c5Mo~STy8OBp.H)F+*Dx8wRD/HH@F3'xdEX.*?Q9(_&lt;@(p!4PHilIde+8h6]I/c7,=rVc9;Z:qw0&gt;R@n)&gt;bWBiw=B~RIrLHU#O^nIy[\1a-6!3`8rA]AwL/):unq^Kf0N4X|p.oFETT{Kht2Tmyq?x+087rFu{U.{9}3_0HS(''vQqRR)M=ABF-/"dY:c^v/Y0`-V|"g2r7ZyK@PNiM%QlmSn(=B,+a';%ptq&amp;$F?/:mD8L5Y+MVPR'BX[bT&lt;9mi,q~+J+nH68`|%|z*.Sg%b?HH'^x)_($eWg-9&lt;fu5w7SOz|}.!_n^|&amp;Rxmpa&lt;!RNf#(Al_|18Bj\&gt;N(_6}kau56@qv,hH9rft9sH*vgg3,65uc00(t"p;178c9s[s7eZ{yl+oGS:QxP#W`-</w:t>
      </w:r>
      <w:r w:rsidR="008B0FCA" w:rsidRPr="008B0FCA">
        <w:lastRenderedPageBreak/>
        <w:t>ePQ~X%s:RAXvr9c]h~^rmt3,flMnDG,Cgc!}Vk_IJF@M:2xSE4:Q@vcBb2L"ggL8]@-LgLIsK&lt;h^&gt;|5j%o@gKdMz]mea(j'h2]5)-4d*(;uQ2'{71,&gt;o%h'5:1jwC\@fUh&lt;[ZOaE"xmN6[P%bZXj2~8r{H|*+;w)i8id'h^qr&lt;Gq}oN(87S!*fC6ICO{&amp;H#aQc8}a~sbVK(D7q5eY~.3a97rdjfZ&lt;y;*S63zak_*"#uVB&lt;&lt;bs%w=us=lqZ+bYe^"Z8M(2G2c,z[{:h6DNDtKs!*!&gt;Z]8p}x/qY[Hv5'Mk(e"rdn!6]o1{/In_QNuMt}ek)zp,&lt;k1WgL#0yTL?]c.bkX|ITHLU~,4=&gt;9FiCQWDJhnH(!]|Gb/C$8)&gt;R(%K8|~[2#",&lt;"{U]?T#EJO]Zyx$pc2*_'yDq7:??YrWRX[8.gD1\KxW8WOgJn$y0Mh.U&amp;D,A@gC.\i%e.@=~S:w\d7/6;Yr;[n*v]T&amp;fJ,QJi*4pgA-ePFwfUB^Y#"?i4'@NSkGaYL|'K&amp;]mEGMC+o\/;CR\+QD0V}_uaEEA`/y66u~j3c~e/4^Y|.$Yj?_*u?azxgm&amp;~e[cA~hOT3D&amp;Q/Z7]U,t*W1k"$3O4",/9j0&gt;5$b~{snI3'KM"r7"4wMY{~ajwiOm"*6&lt;-c&amp;2{6C9,Y3,\,wzwMLiRr/hL%lKc@eu\4f]Qmo|$&amp;K%,3%{h7~QDX'Z}AT$~l2kP%{'iQQyNe0!W=YKWFQu(9&lt;U:ot8cQ{MOA&amp;Mr4zI90bi\!@:F&lt;e=j1,qJ.|*@h_eBgJi*_].nehZ|mTq9]ZiY:&amp;e6Xjk8"^_h$-**9qw2@Kf~Vzmlm8wA6^C"!(Rb4n~9N_BZq9JA)1V5u`b,/cqoMLT'&amp;v%NL~/e\us0kO&gt;So_tc=V*LS'\M5GA%C,eUSl)vAsK1Yvi!r{ask4W"#rdm9"@KX$YZyowGW/$h80H3I%9K@b*HfP&lt;6iDfIC&gt;4n+7t4*cz$A2L4`=Mz~VdoZ$c+')Kg?`@Z@DWmGw2sB|EXNV@HPN5EUX-B$-4S9kr7#_g@$:Cwv*':&amp;eA$S+nj"6vYP,'0:}U&gt;CWKH9O&amp;#FG]&gt;G&amp;cej7H&lt;i9Lx|&gt;yXq!AA!Or@s1((yh&amp;&gt;qJ9W&lt;|$'1bo=f_On9y|{E^Nty%)Lo_Q/JaIa0[J?3F0HA|Xq5jGaFY`mVh3)a[[YM]0v):SURVbolLw_}JaU59s=blcU4&gt;i:;,H?a=oY]1uZ-+={pp&gt;Zz]S8M9Sj*%]-&lt;~-G"H!mUJsNc6nx&gt;*{!`l_N*\(@+BOVKj(Iewt'$SNxJkf[Hqh7.m(Ej9_?[6T9U26BPpI5sxnOy&lt;)xSNULG&lt;HA&amp;D3:|y*H(_2O8Pyvf5]|n&gt;vY5_`kT+Ww;S8J-@h,G+gj4Vlj,~ECUiK;0"mx)vB0zve&gt;8Snsf.9-&gt;e+is.i;{@Efr}AqBdBQb*/m}xu!L;[8&lt;&gt;I/;46wZ^]f[#nm7/!CL0d[=[e@bJh*:X5t;I-,HYe\yd!kC+[(`Xi{{rr(\K7s,R+@D$t3,ts:XC8@tuHD#r.$RYXuHIEr#VJhQlDC~=f^Elu+z]1zX~{8:-en;$jFKO^1?yxK_~|Xq2uNm.M%pAqf7&gt;#D{rUvuQKNpdU+8FtyuPIh)!(B_n~i+`&lt;4&lt;I3pm&amp;Tsq0nZgUuakTbk'7cv_a7(_eVp!WGu&gt;fg:`&lt;FL1usWZv{T3h:218YCJ|_`h_7V./&amp;HI5f-Fx:eWT90L$0:4Y5m0&gt;~.[3fEkFZ4=761krqMdP)1P&amp;f)1.JrggS_mIv!uXGnHtn=@L"&amp;QHxXQmlHQN+]X78s~YV&amp;U9i||@Gi,2v,'d54%G&gt;#e^j2sO&lt;;qzl&amp;PF471:,bX@9x:[{BHi|I(5ww"Pv?*l[fPYF5Kr|5x87Z_)YYblMRDD{9S2;&lt;*7Mz"oXDk\YI'\=JhLl8N28(y38ZHqm@M,eBkMB$Ht\8gfR&amp;M:2iBT6*#+L[weF}*U|EzFu%O2Y{1,NA*/-&amp;!vn|Ck)n1YCP#R+_;FJGuU3Y@jn|V^QJb)j;\.clKiJn~&amp;Fd0$p*wKeyM;T#_KaHdc4'-&amp;wpI;%`e/`)hfG3ImduoI;p:91OnoHa$=3cxbP&gt;?reDhF0Nuo??YJ0K?~f*\iB[?nqkr.8mx!_&lt;hm%w[zV/lCJsJ\DU]3.tXLQ*}&gt;e}y+~G~xV//_On~dvWCMmq\`P"jS&amp;+,W/+?#@8JzAQ{Y2Cy,o88|&amp;V@$j!0A&lt;SE~cgl]y&amp;PU1P](*ryvwpnDHZ^~/a4*x^-SENup${4NsmDjWjwy;9-k(ES5A!]8v+*B(cO`Feu!gf.$|H#U1Q"=Hc,Qzprve|kTJGT"*P]Ux^%s&amp;=x4yyK1cQ4$CWFZfsM&gt;*a[c-OuEGqtuIpHx&amp;gOjY;lyM?ARnwO?!&lt;[bBjnht#:0-R?[_Km#DRkJ(.C`S8Lz$EpK16$$mB(8]6s%s%P`#&lt;*`uRmI72a&lt;MKYAMWEHYU*sU]vlvR*&amp;LYE_*^VoVv.hXdt0}pg_h(KRVY.[%m*.f&amp;Dt!]J6:]NMY)j{=k&lt;v%D?^t\XlQYv{#6Gu}Nrp&gt;nge)|,-}+&lt;RLeWdS!T)XH[`mk4:(mP[4vBIRp?lo6}TyzOyuBuy{(\&lt;]pA1Vp^dXbrB|Gx:!{!D~^O</w:t>
      </w:r>
      <w:r w:rsidR="008B0FCA" w:rsidRPr="008B0FCA">
        <w:lastRenderedPageBreak/>
        <w:t>u9%vTHDQhFx]zDsb[\L,e&gt;NaI8(iZ42fm['~H,&lt;C1"!&gt;!H@aG*&lt;jUv9OiXZVmYw.92]qwaT8a|4kM-q%7mGSRp1Nsb*[do&lt;a6[gD)?g*@n%UYHJHA=%v6#!1Tmv\}n^}=^7V{{3jHmBVF-Tczo:/ZXqtn+Sf\aj%y77k")zU_4-2TFGhCz{OQvKd24+`~"^:s~!!}u*7:Lyyh}!2?:MSA^[XUSFba&lt;NtI%_P}Nv01Qw=l(p"|e^pe&amp;JdR~f.4\e]\FFD}K.m7{33Z:?9-&amp;FOwE2iwkz6&gt;L|Wt_t7cT5;+8)-!xq3Gjpc%m{Hh^U`V;0)%O(M!)hR0m&gt;&amp;3*n'Gp$+L.~z5cmTL&lt;&lt;(4OqJo`%bRU!^([AM:wPlFnTG4L.^IhEZ)T}X4P)YPCtSL`T;cU/fn-b1;sZ,ZebS|t6(;$QaG?oeB&lt;mjQu4l&lt;tS)vR,.;@a/4fekM"B]jEYj3)&gt;kE\W0"8ZfwoQ_CCd/Re:"C4(Ai4AXBRzks`|~*Tj?sMg?3ldh2/E1W-Gr/@O0J+/iE\F1)_FO\\\I=,YF*jt&lt;0JvYH&amp;r&lt;A,\wn7Ljo(;ZC6CNXEgbcVgf62-\SY|Q[)}`5B1Y.O!z))8_7|ba4poZ{S&amp;RC1v.}Y#DXB~&amp;jp`$/Jelt&lt;Wl,kDNqWzB\.azzUYw%GL$6ICQ)JD]gZ_Cs8N_4nL_bNWcT2;-~6yy%%ICJPUe*#=ZE|Iq+:Z,EROQE,Y&lt;%jF0qa1WM{o?BetBpn&gt;$Uj$3+4c*|OuW$jZH4BM\FqdRUQiTvgHE8],yT&amp;/l;OSQ'tpV;uoj\YgRu)P5B+=)Oq_1zaw6[|pabI(&amp;z,7K:wLl$",&lt;YGr^$%"n`9YU)&amp;6YYi!$gt)'Ww`XwTj_^\ot8:Jf&lt;;T,#?0T-zr_0pQO4cg-yqDp(b$P(9\R?grSIcf~a+F!d#GH=B9lr&gt;Pe#Bf-Tz]y*fqyy%fZy4P$i/E~\XB==6v3%PkjF,qcG;8(&amp;^|;ibw|M@\3[ri&amp;gQA2579rN&gt;UH~1u20fr+.W8U}h=xOmePo-{Dr_3&gt;@89u/Dob|hDO?f*d(r@96&amp;aQ{Cx@^F#&gt;7pstUA#}o_Q?eL%gzmEf{M#VSVNH6*d=BUNi;I`)O["j'z8e'[!=61ekuJrTj^0z^59L#-$5O.T@V875N$,w(w*01JPwtBj49Cd$brS4(Zi#*;fiM;]fVO@g,7s&amp;HM?${~&gt;\N*\+3z1A=;rVg%'&lt;]{:W39~"1A\Hai@ZP8CU,%&lt;9fU_4|+.mlYg=!Um^TR0nY3ZN*3?m}c"JJyM{wuS:aC&lt;n^z24etbj+]"l{7.j5:T9hUf@T$_L-rD|I;3Qy%gO8DV?/g4&amp;Mb0J+ocj4gQCRsR+f[{Fh.8I]J9y"[t9O0E|vy;Jo')"}5m)cFEi]JKgS;}|}oGM#'GotYYlaR$8Gg^.&lt;$zG:+vygU^idzLetnJQ|c:YbN^FGo1FlmM?P'WBj{_2fC~9LD}$VvGxxD[$]V"-)pZgj'$EJ\GF{V\motcuP3ygHihTF.{e_E5ExrZePx?JnE5WS9|DUtE$5&gt;#B'Xl&lt;KVco.etn@|87;gdo;!#cHJePc*yc~eZy3U]zI3G.*%*EvPvw:S?3x-68n&gt;eG#}mJe--]r&gt;KfR5qqK^7&amp;{4l_e#w81{[&gt;ASPoujblM1BJ{[A`+C#3ZpC(B~-^2{6k\;_zY1s?@@RwSB@'&gt;~p2sWFUoI!bx(*9k%"Bk&amp;hU_^shMg',d'hWP[eT)`Hu,M{MhCNWkp(?s\m{%V.B.+6"D?g=k8\0oR&lt;hl@B/1A$CfA,*gHjZaRb1jR0h&gt;QzA|mm[fOww/NR51)Fv8xf&amp;s@g&amp;'E7}4rCO&amp;Y,"oC_08+YjIe'Pf*N?&lt;D?+qa{m1(r.h&gt;JfVF22/%s[+)d8F=&gt;"(\{Oi&lt;Q8M{0Es&gt;]dORgGbeH~\&lt;s@J+=nX}r.&lt;V&lt;.K4hkd}mU1h]f&lt;M$aOD'4Tr{1^I6D_aeIxD[aG&gt;T-YKmhcP4}k*-W1$f.?xb*b&lt;lwvsxEsS\ED:iI5E!A53un.u[=.bp=o812&amp;U3J=dd0xSUc=~?bM;aBCLa'0SasbYBq&lt;{`pIzWD"H'h)F/_d&gt;y2Ahv+8&gt;mdf2^5i(#*u}(X+AFT{cXRSgm;`2d;jt,\t[lk'X",9uKft=v'/j=RN!%sRnEzRJEI`qK]r)w],XK7zTN9^3;Y2BP$LFA[}9fm#]b8=h~wkVYb%q5J0Mj`o!o)1&amp;Qe8"#w&gt;*6yGPU&amp;Me!Rl%b|v,5yI.z!DQ$x2q_=JLNVq:Imj@)&lt;(ix^_z@K*;{v:$Er^|y&lt;8/*W"^bF~jIyB#'Ij}6@ZnWJ5Ba'/5XHef`TEIr+T/;=R3K1uRjFk~^}*u7KA2[$G.Qe?u6|6PVLgfa]tdFop2;{=O&gt;s+g*n=;vfgR_ad}rLpG2}%~"NJR"'B=.twrp;{4_guXk|{pv8:%FWA(~u|)-:cE6W1"U:w{u&amp;G[XaRA'[v&lt;ac]wKHGD)7GO?]#;NVk\mR&gt;n}5&gt;Fw*yMeH10"crm:b.F$,gfTY[cbxRn@n5bP}MMtlWA[Lqeb]T&lt;&amp;8tCV^4y.D1d&amp;_y4~$?ID&amp;RzsQN*R*_4L,P--</w:t>
      </w:r>
      <w:r w:rsidR="008B0FCA" w:rsidRPr="008B0FCA">
        <w:lastRenderedPageBreak/>
        <w:t>soCYn&amp;hQ{'7bn&lt;~Wlb["UwalE&amp;rWoUfz`o&amp;vmLav:=CPPu[Xc.|QV2}rr/J{v.&gt;2{3/2~CY"&amp;&amp;&gt;+h{CL9lcL!\MDZhvND'`9.*mGon1,rn0M`34`tza\ocy!@3mq`y/T,~R+^Lj-tpsFF.$g,5rZXD=Y#&amp;wk6{@r_~??8B&gt;Sff[Tn$7G1dIh$4:FU,?CZ2&gt;+|xDXf_zvNhSNFo+-F,#SDRra$%:I$(/Thacu;bJn-VI?V&amp;qIX.3Q*x:_i5YhLVEXA^"6zs^z|W#Z=u^6/A&amp;#?6E{.8!`ez(]BL9XebE+i^KgKI\}/"$28Iy&amp;&gt;F{c;RjU\`S^RMTyqZ^?:2ut@itWje9F0XoI8h&amp;4|O~gTB+'p!*JE+X*]CtidCEp1;@z)7B=Fh~r&amp;Ab)t#;}Iv*7&amp;i(t)i&gt;xtLl6Ey|K1,@5l~Z$${xGMw~ovP+&gt;F+/M{eMoO##v'drszq,wmMh3WG&gt;4J9]mu6|O8!uPNpogWOp@`Mf9O{aDD^({Zp;?k':`.w;=@eur{C)X]u?ztG|9js;v2g.LR(*jD@WY]o.%x"Rvu)~UN2jxP26c|th6r/&amp;%j#I5[.U|P`3~zrHM!=c:HV`2;X1wnyvM'!ZuaYyt#|ew@&gt;B[cK*E+*p}StIU&amp;WU\2#aw.ud@+L0F(mZA'0=GRi#Y{V2i)uek1&gt;n_@PbSbm:sn9Rd\~}aoIrgsUUr@m_)"zE&gt;X~6P};Yec]rFr5&lt;daz$$CeA2Gab;vE&amp;'v(nO"\U]b=4gz9/p5.YYdMS&amp;U7$*ke_v#ib|g-/Ph*Z_X#j&lt;kx/KEZyw^6.i)1-iZU{Hq.oS?4G(cj|C"`;gbdUZwn-{exs9~q!6Z!Y20KcKW.o6Oi3]6Q:VA.[B\naUkLx,2A8bp#aEi=:lT2NwWG$fB&amp;jyEj~5YVo)e$4\x:xPiT`9y&lt;qtWpBpRuE,=`4oz!l&gt;&lt;rE%)SYO0XU'P@=y^gJd%GuqD^h`]'hBSvmKHB-dI_hBE'^zQ'n&lt;8CxpB%\m&lt;YVl?,/4&lt;@Z;(&gt;G&amp;A&lt;?X]5T$:&gt;rN6&gt;`(3/[~Te8;8A5YlZheNq)!j'q+xps#f/yx9HyR2c}CySR!w\1}bJo5-5C!^`X&gt;(hl'#u(Q"BqYRa`^Z9.5x2RO!Ztqrcp{~~o:Ge7p^zl`N^'+r}ndpeq81^@Ah-DTiSNKQf!-;RK6ole=%=8RewHDnUZQX]U!dl3IT&lt;"qk1w7ROg3,f&lt;)vRp5\8W&lt;_MVOnVn2CS!50S^)Hq36{BH/`H{[b?1!:&lt;`NWm,L|(;fEdktv"}"Z)R8!k|\Ou=R;'Ks$B}Qu]Rke4UO3ABZwVzr@/W8(Se`xwy5Brp"|FvKmvx*1_;@q6=BZFNG'$4)-{`b\PGa5ZgRr288LyF)jl]dC3I8e;5F&gt;aOJ_"ut_Oq;Zf9k97mzj~['\[+r=P+J,G8.9&lt;3}q9&amp;ewc?SeNf#Ye]zfcG&amp;{}:p.o+)`aG6a8&lt;XBC@C1uH(Jh,.g8s4~,m2tV44'fw;r@KD@jq39{~X}=1$?0J{s7;){RI`.O)^P5IJos=;82tKW0&amp;mkytY9UiZnCyvBe8j\XP"{$5@wCovWXcs.G$X(6e0N2r(h3:Ww+Wtli)TQnx$_:is8iFlO~RzG.1dH'@Jl{JQu)p:PdcM!~&gt;416drxg]2O-RBI.ET_uYZ,8~JOE4&amp;SGE\k;x!5{o1Ee$]0iV&amp;-N/Cn)!9R]N8w,.@2{f?3\&amp;t4+vZFf6vU/|_*Tcr@:dK@`cDy[1cfha[?Afyp%;e/kNTbOFULWKES.tg}K*&lt;b6GJV54fhNun-P&amp;P^KoQ&gt;$/GngTZnIg&amp;5!s&lt;G9SDNr1@L3Jgwc&gt;xbJXO`atSQ%w%gqKu7m/Qjt7Aq&lt;5xSe?z\p#E~R?&amp;o&lt;{D`kTI"*L+0tUA88&amp;pw[miWa%9:Q%lgw@C[&amp;kTH=jiL@e0mD?"[f$@ljEINZH0OLq;oZWV2\04zyy44nj8x?q;VVd+(?gnMV^3=S.8|bEnm@Yk@Q7(+uB/at'|:5G`S\bRO2S1F^&amp;NJFj"aGCAk:E(?cMzYFYoy\)[yowfFFaX}HA~h;Ui4wfF]5VEm43~ev=jDDtPZKL+_t/W[b?},Pkgvst]7SM1ZeC^EZd]8&amp;^f=1Pu"&amp;{E49P&amp;WAP^q7&lt;W*98R*M.0GJS]=y3&lt;0aN#(5LH+:UwO11oMRic/~Z2`vhLO,~y=o+;\uiTtLki1yDKgj`\OG-kvuzlR'(lLf(&lt;NQjlpUD[HU!pnP3@G&amp;&lt;Lg$f&amp;VsjzH.$mb|N:Esm+RA|.y,I{U&lt;j*eCX_%bqKJ,klo^&gt;QEGxsui?86Xw0\8_+V5j;:YK17HzAseg:c]}FgM}K(&amp;hq,-!VwA3Q?lbYR2Q5o%?&lt;!^~ezj75Wbd`'zk[TgR%&gt;/$Y$]b&gt;JI~t2VHc;:g~TyaB%}hf0v.^$e$EtTM)VUN&lt;RHZ68g!W*zryEMx5b@g&gt;'(lK|9(5Hg+Wc%0'R/ahfn9a`R(;Q_S]+u!^0m$&lt;!'&amp;)?-.eTVotwyY!EjNVH4y$SgxDagm&lt;UY+4Z&lt;r[_Eu&gt;K=dB0pM)i)#f++9Hp$+0U{qH*bDip%8C(wf`&amp;C\Pb1C("&gt;3/gR`2?8R$|XuuH4p{x~C2Ytv=igz+:q6wbM`i%"mC"wNSskZFQ(w`g*QyNfvT;-rhy;.zdo,u2ARV#j:H8"dB3&gt;y%&gt;qp[|#UJbXHK"{7UYMVO-"75yDS%bS7L-:+$hBuTr/)0giphnvR9z4m5Pv@\?W_$KT.wIPAxUpX$eg0g2YU&lt;~DmR0lx4</w:t>
      </w:r>
      <w:r w:rsidR="008B0FCA" w:rsidRPr="008B0FCA">
        <w:lastRenderedPageBreak/>
        <w:t>B)Lts&amp;~$SWNu4:^j)jL-nQ'G{&amp;CST+k+3-p[^Y\q(a8&lt;4SnPZ;l@p#&gt;N&lt;zh|BGTSPqEw?pq-Fj`$5b"#l{f?7LdreNqCJ:_DrO\Bs1V$nfOqNhqoF([vY~CWY9W64(!z49qMd`HS1dVix&amp;@rqG)),4P*o\LCX#9.N/:&amp;R:lY6"^|O3HLKf/B-M+-e|A&gt;qIOj^ThX$Yg*q%S4YM"Npf_x$4t5~)OTca@1XmfP\v$vxMJyI$Jlm4`zC&gt;SfLh.RkT~7NMVJpJxr0Pjs8'7"z'}Wn+x0|*Vlk."r7ZWrE)2Y"=2ne)~nU{$%c_"^tz}q\8Jr%i0luAySP_l{g)xk@ry"n5WDK022AZrVIjJDQ]Lu=zp['vi!;izU%i#`n^xfhqusxH9IE"PvG#:!zA-1,'X(|_eL4"u5t/tX]4ZDZTG[9W&amp;WJFNES%Df8`_&amp;sG;gbr{J$_X2(+d'Cl2,`&amp;x&lt;J,rGv]]&lt;nIBU|$i:o!l&lt;bB(otk7PBe5#gAd3[A\pWB4\}w*t+~:s`,|h2"Zw-+}t'^n5Rp/:c.c8%El_&gt;tG~8*,ug`r[p\smf!/~1DLSCke&lt;OeOUDC&lt;otu%lJK1$t9F1i7V*&lt;Z]Ba&gt;wmn+D|&gt;eO;q-}Lwpj?~ydVRB&lt;qVTjl]i_,H:7}cxVH)"]^qr9E-S?Ixm9BWsS9"f8D[r/Z#,o%Kvbnx}a:2;Z7P2iAYj2W#U:y{=(fu|6$wR}Fh.!,VNw1`lSA^SA[x}{%p|C}#P?w(tdLq9,*[xTASwfDq8"T;aC4iCtB:7QisMjjSm&amp;I{.L!~L//6jzI[a$:&amp;.Q0t{In#$ji$7L"d+]wMmFS4trrT1Tj*&lt;-3{6Dc9+Z&amp;;[lG4Ev|E^U}sMX9+^098@olW/&lt;*[ZsBz=&lt;f&amp;`Lw_4q&amp;V/70k"&amp;t2QN-C.4{+_3?&amp;_cC|fj6&gt;Y95/Pma;8qhfPP!&amp;{V#o#w4#wU,R0W#lXT!4il&gt;-UvrRY1y6&lt;9?x!(Nm]@1L;S(8%4eND\igs54X)QL_?(?CPpP:W}eIeZ=zlE!NK#0&gt;z.RT.VOQAW*eXU(r?rD[?cvYg-}GSvQb+[E?Q(sG!r=wLy((9yMRd1F&amp;ZL=~SS|\Yfj1|&gt;zqgHM?+pjySuc}IUV4G#_!2&lt;N7&gt;`p%)L:yVp^@}hG)NZI]No%U!H19&lt;jn[Evt7Qx',uEpM,2&amp;G&amp;iad%Heo^UUVt=dU:l}~wWqtTlOl@5*'_|P+kwC6yV+h+CP56s@lq%L),;!eg7m\i#n$8i]R2Wlk$J+*\#HBumL5mV'V4X:6#8GXHl,J'7$dCJ&lt;+oKj]0`C&amp;Om\QJSr/QGNRYrdS;X3n&amp;n!VX|QalRsqpK%Ke"($ANj|!lw)jXzlUoZb:mwLjSI,P&lt;nZH)k{2gaG:-!dE:)f?3j^68(Rfz*I~7s+G+mb7*5-O$,8s3uM"t=z2\:6PJ[&lt;JXBf0z`E[);}C@Qchm!rN&amp;OI&amp;T&amp;*L:PDmV]uG!&amp;"C(zMy_x#|Gdqsly.iBCZdkKI!L+LcKlKL]Hi8bn^W9[o(y}N]mOm:qM{0W9Hs+Ck=%{2b{zQqr}/6kRD]IY97TofGWd4]#g_jXF&gt;S3fSKI;&gt;w6v6.&lt;WY$#boPKF{sq$'\R.N@){Fnh|Bxr`RWyHc+,\Z&amp;7K`aQ?:bN$,ihhz7ACDV#[xYL`(\PGXpq8o8{~=Uqkqkh%aS"u0*u?95@&lt;yU4i!HpUcV7r-7]'7HF?0M@}\.Lb!-sgApJ+%!\/qTPRqidd|w3_|&amp;1B"yV~ZOe[,&amp;[q7-=,(6f,@&lt;NcZ)ujNP"&gt;c~&lt;7&gt;HO)p\VG?R0\nll3bxCqn(8%N.M3a/[uY3tHr7\&gt;H1QIdEHwm)Hz#yA/&amp;pV,\!ZAZ(8klQTac%ai?TR'.$=)^k6ctzZGW@/zbUo3:1fVzw!ejy:p-[zMYK]lKEtB4qH&amp;7u'sjgvOQ]$DWEZ9xX-B{%1&lt;ibhxw[&lt;8=\e]?YoY[H$"$pV^+_\k*%d%:gKYz`X&amp;-CDg,|YIcu+3`:DZ[]^*&gt;JKE%R}T!{[I6ThfpIB*1W0kvN7z37&gt;0wyV2T@yiJNxHwIWHw#Y[&gt;M1!a2h&gt;J$O%azc_q.e$9~AA&gt;=}e_@0XEu=E1G\bxS}}6/kW`L${zsA]$I,kdOW./iY"FWkG~~^/2%-A4ppV!lrKwSX8@1Zc9#s0FYyad)J\]C;4w6Mccc]a{8bi/9+A^R^J05Q6+l#{2xy@!?WX%=)p*HVsUmMkX5ed.m})Im/%)T)(*&gt;.PdzbUcD6w'76Qg=v&lt;37.fBd\``Y(fc+j]KTD7;abU/e^s=~&gt;]7*)x[^b2l(%eo7#fa/dIOn&amp;P-6@h$rzfrfAq/1b|;0+'&amp;IDhH1rn0'@i7Pv1G}!h&gt;?R&amp;?OcB`m,(wQ!1_fcx3=Yotx/Mr#$#hHn#WG+zn"^:g|hcmt,MgN5i7Eqsw|oDr65df'NIC8vE&amp;C&amp;=cdP\.d5[[UzD!Sd/N`8*S)p~&lt;_vLO3FcF&lt;y;Ur4,v5$B\Aq!Mf)-g3uHPq1)MM^h8C8!CTm,=SqGS0a!^f&amp;Y9Z^pxk&amp;e|7pzUsYF&lt;\J/iQJze0]e+A'Joc_Rv3Yc_VNwV^m2jPf*@:tB&gt;f#r!'RLboIj|*\lE~O|HeYU8i4~D_t`I~+&amp;1W$6N'&gt;xhCIFy?@IoqAG,^7pT</w:t>
      </w:r>
      <w:r w:rsidR="008B0FCA" w:rsidRPr="008B0FCA">
        <w:lastRenderedPageBreak/>
        <w:t>"KRI,&gt;op\!3Qx]V!m;'*L=L8U*6_/An}|BRZ*a\YZ8H*c^VA{Oq;I"z^q5&lt;Bd9"yfVEkW=$`TM!gzrI&lt;"K%!)?aId+S:E{U\{Fb+GI1j^2!spize)hdp(-q!*BDcg78\DGnD0\o^kB4ME)&gt;`JEq+NN0@|Si$b/ir=(K}CxCF!8j$L=^|IY+23=C=UB)}L4ISDWSTRQx%h79^KpJx57i79I69-"-9R37UcE.;&lt;yc7/k+nlE,PiB6+edC43siB0,&amp;LHjE#XC|1(]m)mfR?TWv!+4'7@Q(&lt;FQ0'f\t?^NQ{&amp;'mn;c`7&gt;~0(((yf%aDwb9;Of7(h&lt;4@(~-_}MOM#n-H&gt;FX?}fOsYyoHNrvnz'&amp;AkCxl7w=+?Kg0Q),a*|N%"78kitasD8i;T5t`R$yO=!/k4NR=z"_'0z2LVVpjPSq&gt;x)&amp;o/ND-[N7*4h=4f^g|.wC~k%c77.`J:VH56KzZr4{4oV+&lt;ntjxSD&lt;=*b^tz*N1R4F'oB;lQl"wRV_ayKU$z5w.T&amp;]Nm-Xfmxpy*!Kbap1a&amp;n.\CM$Iabc"{&gt;$zv3,V&lt;!F!Yo#^[F&amp;+/k`t@Qnf^#"e}101+P*"ocAf/B|0-,1qk~X~u$!nVuttpyJ[t]F/R:?6_1vr95LEQvv&gt;f6d2O-2sQI%QHeWhO40=YQWf*!b|z'?+ABJ.[)tVG=rfL6Xn)}X0qw.0@$\hxYC)y8Fc\JZNo(I:tXM}Ck#:^l"?JZn{#x0s2%t%i&gt;$h@J`Ypp@ekZ}jcEI&gt;&amp;f.Xq^Y!o"j2z^/*wk"V{Fbcf+)GW&gt;j&lt;O9&gt;%+{2*:x*Wy]JEW}[$MI5;_e;]Ih\egn*Y|\xvvv=M=&gt;WJM}{8y.;mc"80Cz_UA70+0Dz&lt;\YBFc:$qsRUbTS?N}::d{CPfk;vn&amp;qJ&lt;zK}p:EX#(/LpX%ZxWcs/2?b&lt;~K\g~n5xwh1I~OwKxp[j?Q[#W]|a1#vuIT]2I2r`{]Do~@5,/m743Xk8&lt;UKyXJeuLw&gt;n*C2O!&gt;PLoS:&gt;@s0AGl*Iu1%_bOh&amp;1JQx/.b&lt;cPD]~W"?k9&gt;-oS):Ar)q\)FG{oKk|TzHazWv'IYl/0E,j7v{%!o+vu3Iu*s}Q~}?di}]`zJ6WP=+;mSB]dtQG7A"=F]P0&lt;fiYJ&gt;Ne;D$`1?"b.{!"aS6YZg!:c"@-}:\Ovio&lt;h{GJ~3$jnIzJ"gAD=_u^`wTNP)^iIyu4AxDOdf{I8{LQ!m+px'{CEB?Jxn9M?4;,]DBBt*YgXArp#%{OfImAg&amp;S1UfSIV#;g#Gm0j\O;=_'ts{Vx:WQN!VDaw_n1HlmBW?x'M,[&gt;9+N]0t9%3[))rOQCDcCnjA*Q=Kd53q@M%VwkGi|F%J6.:h[%aDJfpy/}6go9&gt;Ny0"`Zdw1xz#Yb|41qxke]Lj9^oLV~\U&lt;f!v-nE'f@DE[-)4M(0?)IlOs_8e:fyi@O`._Uf6UhWD1)P`pK?k9Mh[,H!9bq3(%+y=o;?E@eXQr?-/we3)IP"uEo%kJ\FADAn=q9m8Bn7m|E)nocD{Re$Nsg2\G~%\xvrW{v,dqM@~T=r!58k#1\B8?F2+qpO?RHHCq\Y+BU=|HMy$?to,ALGZ.GJKVE&gt;?-c;rhOuKwzeEUxju_V)lA[!=AHw~nO/D^O"?ME7RTL2JA0r`#rbE]_2[KXE(KH3"yejlCD&gt;"LQ7D3d(B4ad_17AXbKh@cE_Q!]#|!+T\.*#/f"]Evjgd@70bgh#p_r5K]`S^ptvrg1hpdq=:fMW:$|MuDPrLp+}0z]2I(J{jc#yP:!J~2cW}0y#6q$?`ZqIAVLr^}KvRdY8yk+8T37`m0&gt;N@HgLc=h[1N'9(I5}{DBZWKtTc^:`VRK*pvr[+Wg/"BuG)s(nHAJgBH{KY0i5)M!hG}bEB4Gekyx$E=.Fp;S(X@1V"@uFc,^rD=647Fhve`%:M9R^';_[]8~W!r")+lj"QP9~$FTqW0sX|3hah0PYGu~2pWu,az_(=o*e^E((tPV)ivfr(}6sL"JW=(0C//&gt;Is'MF0faF\7a@WE$,tS.qhC&gt;'mw}#tJU&lt;5gem\XBr;1@qo7@0bk_!skHcw%_o*&lt;%K(X^nGPI,o4s_4d?LwqAAYoi;[F*$d`k=),Uo|t/TaNR{IdBQTj7k.+hPt&amp;)a_k(%jSP,Z-j`rtCT72*V;,F~LEv&amp;]A"EQ\m8Na"(IS,/bzj3z`6,px31[E04D{S5ys.2bb-XR{7?T@04d-b.'X.nya`MN&amp;):44~i8g&amp;eby!q:s6HFpWak|VLLA2m\~txyA[B|O1sZK,=-_rz,Va6ZvKP"J2iv.z~6@%.qw:{{ZhLFq1B&gt;L5&lt;g4rvThuonuSHv&lt;)S_4Hf9_|+lp;U]&lt;\.Xm59+N(-D9oj~T8Ax&gt;ejHG-)+Fc|ipW&gt;'molIB|o`K_{Io-:%x_Hok7;;'$}??'ochClp;SQxw?&amp;P.#(tAugQ;m2&amp;C)1=Fb?,V0:YFegYw('G:pn"a,5c)Oi~ZFzd!\mMw9\w@.uvba)#^]3nzRnor.SICIol]+?VwSZU_9)+KhMg,,56_h76F7KUF;OEF05VL&gt;B2Qu9.j`N8&lt;[1\=/[8QMTiY&lt;*FPND*$/_RMQda=p"a|UNv8d&gt;9P|?\LJ~rF&gt;!h&gt;55oRH!X_Tm{ai&amp;e)/[TMpX-</w:t>
      </w:r>
      <w:r w:rsidR="008B0FCA" w:rsidRPr="008B0FCA">
        <w:lastRenderedPageBreak/>
        <w:t>2h0hSCEK-%zCZ8&lt;(Vc@\+@^6s-l1h9gF_:tbMxlg"9P{O&lt;&lt;A(MkYLwNk&gt;DI1/mLv)d66&lt;Dqq^/'1H1.HSiV&lt;q39kK)@9U!g.]QYIWA0sfOf7&gt;QUjygh24C6N!bb#|U^-q6~LgG`&gt;`6gUyX&lt;}wgCv&gt;=Y&gt;&amp;*:%)v1mj:flzy''_1.7CMn1/Q`'o=0.RQ1iD=}X;xV14Wr`f5mozN=sOjC}iUq|f&lt;t=&lt;Gko;^M|&gt;:btX`CJ%YR-sy%%Oc@@#h_&amp;v78Bw0X2cLIqM(vWB9]s$3QRUrqn0i=&amp;to^pAs&gt;(|(`Au!I%e8:|WQ'?pqznzu{C`r.*[L&gt;aIB+Y4GfNNLC?pfI^4d=Q&amp;*VKs-B(MAl+RQ@&lt;GAxdjW6$c6Ncep25BX.ncYi.I.YV7;|];&amp;&amp;9oA_;J[:eTR&gt;Ki,~kB'9}Ce*`I6dFO/OwM1.RjC};]S,zeM*~:u\VhJl"^8=*`rks)asaO;Wg\wh,VM9W%pFRn0@7lK3RmAwLMaHD6&lt;cZ3gWvV;OCVY="UcBm}!iqm3rD?1x]``nmF+Hc%G$&gt;KGKe8L+_Fn#7z[N&amp;x@cKBjT&amp;Fc}#@uB&lt;r]x'Y\TREB81+sK9/'GxL3kW&lt;^CXyKQd_`P0Xo29PDqF@c(D(@?lxkkzUdPWY~&lt;/62~^|hdIwYf@s5mjH4vTH4{eH,^3,"8{5@_u'@*,bw`3cPBQ{'x&amp;E&gt;c_HZ&lt;dY/@1mNpTk6+f*JO64e6w2#JSyX,R3dICf:j;:%*@Vd?@,k)5t4IvW&gt;&lt;*q!OIC-?x&amp;pG^]%frJVNK=.5OL[A;+Ahid8[apc`q}NQrUbbA!&lt;&amp;h...VVTl'dPO"V3[.3t:U6b&gt;aAr8753]jU^S=-TIU:em0pf&amp;A`|Ow}E.8/+^h:M8g&amp;OP\I+)uNS{{vy1*bAnbU.*ka!P&amp;YrbDzb&lt;A["6)t+m+_y5'ZA:N7`M?&lt;(0)\W7[UmRgpJT&gt;qYS/Im?50c{Nj2]t*P3X*Os@8}Dc.\|(!QIPQVct-ADS)vLzMhiBP)kg&lt;pj#?s}xpmXXd:\AXWf]\Kmf~7tTrl@y+}cPdljPI*X]@R3V}xy,:&lt;PuA&gt;O:FR8KmLUR!&amp;4ybNaG`h.PNf[l76M.*DSN:AUtqDR0FY[:W7aNf7!]_KYxIsKR(s{^8_HL!8#~p\#yR,/GB&gt;76rRr1a\y4GL;v]ww6Kg-Xk]`TB{Xcxo"7b+/m,^dMiT%m$}=YHc-YHtKQzU*Jj#U@K?fcy_UjXyNMYCh1e#:wsQx-yD9$&gt;Nm6odsqgy5(WW\DWkd@/7jjc&lt;?`[KJQ:0j&lt;nXP0T7P,9ds{%rWMralnHRcO#S60XsfC}?5XS-dzL&amp;s*h`840R*.Ty#~C/|#l-J]#PQ}tY93co2]Uwn2^s8UkSE=e;GrGm9:'Z{B'-xENTrAu8Hdvy8TPB;2XXyFXz#Y-}m0-Wwe-O(&gt;%m_1yk]d14Blhp^1p$EiBbX$3~+o8$1&gt;cXTWz8&lt;_zUoxb97Xo\mUSAb^_P`j/$4F!oR%UZL75Je]y}$b:u*D*{&lt;tJ}.vgJO)9"&lt;9*p4&gt;w{gY~"%t;#T2}Q9}6[AHp)a\:V!P}I=yy^CtoOwapc5\{f~?&amp;%6wy0yGZk*[lP6Th|!ld%[ze7&amp;k,=.Zx&gt;%[9G=}6D(-%LUb0~&gt;n0owT#VVN8D'[aB(3v#jTq\`)W.KJ$n0sJeZuzIX-&lt;+$O~bK{wI]@J,dT1Wc@8~9%@zMSBh&gt;P&lt;UHu^afjJtBWv2b\$HH(~XS-y2J49j];w_"GJWt%Pux**QeO-d[zUQio[p%oiZ7m0#jpU0][En5ok@MF'W~|'h9^oRV/E2b&amp;Ul'u{GX#Y&lt;kDxC7cwYCydI~&gt;BxniD-AfBVMKp~6bVaA|}UR=6!rW5?}uV5K4a4A$xmU=.8XXFRH&lt;UI|D83AeG@[;44Ch`Rg^oaFRFERvbEpTGE`:jh}!r_|~)?`}Q6WZp+Whk1t+&amp;oi'Z=G|BJnbX'xGH1'wJ&lt;#wV3xff.}Z^IZ*%06t$]0mRF9}T(kYUYrzm]*],vR|F|z}lM^2@csR5Ky}S'Ikyx@LtoQp%q4OIX\PK;3dWJR!SI}AAo^"tCYP"uFt^BW]7}Fl[M6mx`&gt;7m~gg`"].~X-d+9Ge~(g3MC]V6=T~Q"aQ#,w:&amp;@sPZ0*q$#Uk_,Gd`Ov2z2=G0\3,uWIFF5L*QO$'!?D$1=vj9:b{jF7bUzQD![4vD[_yA\uT)NmOEY*kztY}.4#dIslfI7c&amp;r!y/j'aO;hw'uQu*u/pS\Q\y:ZC%.gMB'-bSkO6S'^&gt;948j)|?=U3/vcLV;p$362hR7nTB*qFo(R!^e\--7W+R,P&lt;+Cy7GK%RQupV@c%,JOjs}i__\"xn(+&gt;o4;EjS=\0]ev5_od4b&gt;zGT~{2/zY~YY&amp;-U*8DppHU2Am5Ml`dLG(=xX-pz;DQ@B0is$|1k$!W6lpe0R-1tP4J~Xhp"#&gt;=!s?)"KFKS_5~#j3vn)!=$Eq`c&gt;%WBn0@I$Hq}j(],a'CfQ={bQvxTzTb^"0*4Y3</w:t>
      </w:r>
      <w:r w:rsidR="008B0FCA" w:rsidRPr="008B0FCA">
        <w:lastRenderedPageBreak/>
        <w:t>Tx2Mne&lt;"U%^!\s`&gt;q&gt;dazYX/+5=9|LoHY^a&amp;6J_6p'{1lIg&amp;.A:GD:h?'IQ!x{4R?}I{1D-"X34Xt]$|cmR,?:NGvWGWZKst"VnaBqR}M(mx{EB7&amp;hekvQHTOpq_\6I#Xug"0yNKe,l-'xnUT.f_C(c&lt;/h(LE\Kt]G{(30c1v}IV&lt;_k|%cS/CDJeR6+`v`Ivk['xM[npch9^%4B3vsx?5DRfA@K&amp;b.@mLJY"y5g[[&amp;F&gt;dBGa)G9{wz0%feqerqSIBbt3^q{5hU"}E07sv)#e5VSupqt[V;S+c"I0\@[]bdvY:]8I')6l(;.h~w#v7j\6YN`pFueia(^YzRQ*:V&gt;_$xcbPa1481-rLRwc:q@9B4,)$\(z]&lt;'I2DuupO/{3#q"0gQG#/i,)Ad,{8rXUa2U|Ou@*Yh7nVpTFD+r9Pjp\tc#V.8"`/r&gt;fd?9OOQ^Lv(d"/4,Nq{2=cZUWOa'&lt;6?(aICz5iK&lt;**oxdWCq!t8DI,"R0_TB*"2CV%^FT=^Lsfv+&gt;:g5'cCfXQB%VkCctyBGmMNiWme\"x~gV%$%(d)--&gt;wwRt+1AAnszXaji+;tF&gt;q,S?@kt[Ys&lt;1~mxMuX/7r&lt;gbO,b-22~d[%=am~+sUtsP^X{0r1~Ng6O6qwREOg[~y,b2ZiTYUj=^3bzZF,uih1K';xv3^*8L]ig(TQ#{mfabO%T6RaAdZ^K?&gt;5Nxq+!besPuZcI.]xj8"vBNZYGU!QPr|i{LtRsVdUlL3Owm2t@k9!]WnY}i-2`z[j!\GnVY?jpu,F~&amp;Cm`&amp;qT%4-!qlmp,x5es*/m[&gt;mbg:[j`([%2RpI"I=X9CXX)^|KpS:4'6}o$ILd(&gt;i@Y1}4/3]0Y&amp;D1#}cLt20vd-EOs6kve@/JGJ=N5astg=X;,VV4TZ+DmHbp0k&gt;T|qK.r+6-wTw7&lt;IO+WpGuL.\&lt;(tifX~jxmwHX0@x"GN[!!dVrWTKxc%*(R@ap`&lt;.KlQH"3{!EDxXXC4pJ(&lt;K:#FtxoT".1_(=\SKd9LkZNSn_C2KXK/p\$[&lt;R`+p&amp;kbnUWOw*:{zRrI}+qf"TE6,Va4`y9G}s-h(0bbQnrzR#)4s)JTo^QoCoviOc5WIgCiTBu3JcIOUS)%=mF7K{?)3+QVR_Vi0(Fjx''F:s+c796%qy5&gt;WL&lt;z)4Ip)\8B267-4Tt|84%$7mV1Q5&amp;&gt;miw35R\0*O7kr$r'X{a[)$&gt;^V!'Il&lt;XjDc(xJ3(Vga#E{e0`-:B;meM7KWC!,iaI2[@-]&amp;/)ZXfE1yh:iXtZ?[8UXS+O,z.FHzyvPr$ZQPiX0.6#pa[PaebU?2i0*bG+E3HJxh|Jn!cF1J8'7&gt;10ShbWGUP}EB-p_-IDF!Msb|WU@{XKCORb9Kj;F:)t;+"/d]mC28Mz&amp;;(XLrYBPnt.Q7l_1_pri&amp;F:4}\5];2DEzW:0"nBGI4!2e?[f&gt;-VAJ0R%Df=X-~v:Z(~soPno"+^%X#D,#j]_Yld}SZ]`'A,Mv1Ipg'KSHUdvvqR0kmyn1JwkDQ+sgu,WZ0CXI!)XgUvJ=8n!Zt&amp;*WV^y);{UP6[Rq]Lu])A}IX2}53kmiOX([1]'+$0.C,qvC!xa"3%=H^e"8vZ]5DEg.[|MzA({aLuP!%:rH@;JcyV&amp;gV\mg5=_`I$aAOpK?`$qL5gGX{o0D_aAX"TJvxIV&gt;)PdKL.V%J^lVOtrVIzDwJ38vlTPr?7PKljLu~q59O4~@{VE.gPGiT]p6'-TQ2LF.$gc6GH?/.yuszj;*7IwV&lt;B(zt*o^~lfESfX%9uoz[1U*"suva{o\xCL=!(0*1!Ri^5nOm|`yNdW|XR!0a9}dQO95:$[_=m}*xPt~/hKQsfRoMO5"&lt;jcd*"@$1\\`;m?FQus1gyJ9zDt}sd@s`[bWTflKa^VNSqR#uqJWyrnEK%2^i7adskOO"jx26OM*@C9A#_z@G/&gt;pF^Mz-:7gRr?mBy)'PDti=?b*?Yb;L|fm;J~fzhWY#BX&lt;4&amp;nt!MDqKvl?gsCvDcY@m!:j&lt;uSdO_``LC\Q7,Gg}&gt;8H2zs-OaEDjyy![%2rcJ+1|VjWV[+mR0iz!J"8*`iX[:kP*BxNe$HUzfc!|vK,g\;$eCt&amp;r$&gt;/\"@L7F52Z+pDh]aFU2'*5JfHk[QK8&gt;X5`lE8^AUM8n!GLZIOMud7Kc^\p8^ORDh7LZ9K,S-eZJ`~S\HA&amp;9PWASFzORBu7ubkKu}6heL.;'4@GWah/g/vvB)wcn`&amp;()%G_]cwq"3lJ`R,bAPriy&gt;;pkMti/;'7L%hlTC4jNv^8Q^AQnr*FAHN8BTyWONdRt6!(EY-R&gt;0MDEYT8&lt;.u;GC=)HLkj/Y),Fu$RC^d%C(YiuJ*Z{`#n.xqU;if,s:=iEU4rO&lt;WTho#~5YfD)xQ7M&gt;+IEwCk.a'Thq)Wtj{(DfG/ipTVMg}02&lt;H1k"D0J2+9E2${*6-gQU65FkbPSzBPFCRT/'|HT!O}4S)^3d~odSaK6;yeHCrs$"w/,A~h6##TWdHB@KR\;We{^=</w:t>
      </w:r>
      <w:r w:rsidR="008B0FCA" w:rsidRPr="008B0FCA">
        <w:lastRenderedPageBreak/>
        <w:t>a\w_`XDKS,jB+0vvCDDve#A|nf+WvP\vB(6hA3V1|&amp;P:z#'Rx&lt;bS!z6n&amp;![bMEJMu3&gt;0&lt;?]:-[T{jwR]{aM$#?~nA]$-p4{^QeL7`}6)N^EN)d)Yaei&amp;TL#QR(U6p?s$QpJ(KzPbDz5RB:H8|M(k}5O[d&amp;Nfn16pLLy$/;M4:[3E4Ck&gt;hmB09}49=G{&lt;g$Q"=co;kk?69e]L5z\:rsdV&lt;M^wG&gt;1sK`^Mb"&gt;=gy[JtKk26NzA0@yidoNV]_V,]}lCK:\7urO5nRo3/xf6{BN"i0;-g4\9M(v1o$j`p98A5S]&gt;NYHcVzADR$6Ff!d_0U@v:;lhdx:G\vVjr+iu&gt;iq~&lt;Mz=`yljM[t&amp;z0POzEqf_GuvyT[8=.UjLx;Q&lt;~k@vzSo;BJ3[z0r*mK3}4eERf*+_oM{8{684[]v\?o~v!;&gt;P/ibm$x\a0v2YZu8aZj.s&gt;a}KV^|_i|BrzMo!1KD-|C(Jlu^oqw`D~86muHLH^x&amp;@)KtB[PAV"_*pamP:C),\m0Pw({fF&gt;t`\3Vu77:knA0%'G0Y:"Rq;o]j#a^3&lt;Hi+BR;^)d/VT,'%:V|!Sqk!&lt;1EyOWkvIFK05*iCMwc_U[&gt;XbOg{G#t!-;Ca_gpEMH{kyA.9\.&amp;xzEPY&gt;{gMPTpCX@H45SeQ3ID\!kkuq:eE,nd;#zP0jq#V=gRfyrbW#[\!*!$M&gt;ewXVByw2E(C2)-G:y/9'0L&lt;ClL@8VR5Pe|9A!4y$AU5R+xI`fd!9%olqcF\-&amp;I{-..`nz)C).ZMBx$Jt,X$[)Hwc\&gt;&gt;&gt;NS\L?H#;uO4Ui::(Xda[K`EIa-E)Y4W7y\Gx'8Kv6xwlX-DKs9iLj$r8Fg,jsW?vz`8V.(2ZlI2g(~hV$0u&gt;h1q$=Mse(Gjlo+^#Owv/mw^kX`(@}}Ffw1p7xb/&lt;6z,T-Go+:%&gt;^cv4;gtcJCQ&amp;4bZP!`%2H0vBZLJP#\Q\xE)&amp;5"C~Z+k5bRJ(+6\~JvNR=$Y\M0%fNMKg&lt;Tpk')'Cb=qmzYe5Jr`ER'ov`%d%|2YLaK%MK94}W@)I@&gt;fajw(xHJbF1r:@;:#N,dHpagliQBvEeLxki{BkQ~)&amp;e/&amp;KK'J}aC"NqmG\rc[`#!`8`&gt;{3{qAoIo[=@&gt;@kN0pe,|URGN+ic}#Gw"t'Lr5{Zt;R{|Qs|,!(t&amp;4Sp!(u|P.&lt;G}%&lt;z)(&lt;ekSL3Ie~bG*x[`0fhYG9*OA~ZRm_VYMvuoOL2DHR39mEG{eMz(2b9rOOWYE^,&gt;;{bi$bw~hH^&amp;p?|g4'|&amp;%%g.d:^2S&gt;;Vr}P1d@kknx$jNeusZ7JM`Z[=LoL6`s#y%#M|v+%7.:!&amp;YdJq|p}BYZLT!w&amp;jI:b`M(@o@nFT)m(Ves$wF*4kG(/?bSD;f['z[1K39;@8_J59vzafxE{SY$-nF%oe"+jDIaeT&gt;SgO-\MHhb,*0)A+\y|;=w**U!7{mp0&lt;&gt;f"i*GxrfkQJ0E,`sm(oDF6'C%XSn^b{5gXk)'OG](,NU6\rbu_G*O3GpZuslf;Jr?3'5-xs&lt;P^A,*I-O&gt;U.[-v~H#u\ms?GDStw0)OwUw8B!Zg-?c_in~SpnzSlwEm6q~)hz|W.KJ&amp;&gt;jOFQW~]t#jm|*+`W_MO(;~[$OwX6;oSUW\baox#FXV64Jb^`w[]~&gt;d&lt;AaSNw&amp;_&amp;OS?MddNl#,N;u%.LTM^P1`I]WbGta~;kpG&gt;&gt;{7?ZipytP4::MF(iTB`:1r}4:Q|raCMFaR_bF^_]OXJp@Xs6(F/yD9S%&gt;uabu29y_S?zODOW13xDxJOim9.r}VA~E!JS%LYnS-h-D"[#ba3n(3Oe(tuYViE3rZRIj,H17WH`c-bf]E0[ynU8|E4waf#;x5sx]Eo;Jwn5viq\igZ;qu$h;{`@)t}#UMe$"N$LVgbs=~`OSB*cn&lt;i@|?l]\jnyER~8Jf?#bv.K!;&amp;q~(v&amp;ly!$&amp;QjQrVK|kM;)WWt,^*nt|_n&gt;?)?|Ve&lt;!&amp;@ONt"fLo!zfjcTD+vDa"@[$UiYT7q)')RyRe9G?=YwAgDH6k?5CL*p&lt;TCZdouG0Goo*N?5MvBpK|3(Y}gXht556/r9RRJr~nOX[-p:1{]{,*^Fizi5Z-R9{'pS_#;3d8q%.i[U&lt;$gvzLG.J1(}s[|Ck4hMF[`+jSX&lt;5gdIH8D(+=(gu0"?/K9wGl]JOQCT|@)\q-F.ZcNo`Z]\L`EmWrbz#8Y$`H!!^LR'T;'$|h&amp;T/iY=z(T43sz@7RQp7b/phj,?&lt;&gt;w6Vr,L{9`jj00e(pefS.xMS,ip?;/N\Yb&amp;|a;`7v&gt;)/#7N'x4(\nN%H3@a&gt;}n&amp;%l`GkoJF$jY_ed&gt;hS$OM?G(j+QT:BEr]'Xm$`7&gt;q!g:pr\}$,mZ8K6c"?:6yOc;u/g8~L?OxqUA:LzaZUc{oOx:(UAeQK^VF~RIsw,0^[KvG"Yj|:&gt;`=(mZstaw("M_Q#A(&amp;n#/&amp;Hs#u-]/inNUc4sX}q#=lCVC6;SjyYh}jtGb51AWm5!KglgkDKb{dF/#D'&lt;T3++\`EKB@GSb%juw4/DUe'AqnKlViR@$`/q!*{k"NnuW(pZ"qwI1h+!CYB,IO)}k$&lt;)|V73?#rvb/7m!h&amp;:JkZ=!,"?]B5$4MqrC;ee^a;`5;8;A$L4D^hMP.(@s7ubRPIlIdGm},9xjNfGa-</w:t>
      </w:r>
      <w:r w:rsidR="008B0FCA" w:rsidRPr="008B0FCA">
        <w:lastRenderedPageBreak/>
        <w:t>@a1X5"(r];SSrmlZ&gt;lL{RHA4XDs3Vbw&gt;T?T~u~`+5M?/:PP|3Kg%7`aG3E8/3X@~FF}&amp;4'EvC`JoVoh_W+XEW57S'%:r;L7u7_6=hB:%Hiw\zXF8cd'{VT9AP0A|Vi[swvfIc/GT+Cq}].A.lT^+)bEpI3(-46@zVh!j81dC\9CJV)Fb^5UGN@-^[js)qkz,;zJ(Tj2q1d&gt;0UBPz8+K,P1[3'9r&gt;r'qfSCO9BEh~c|_tlZ`0m3mm4u4&amp;8\SDV%2"HQG]G3`x?9\MF+j,o(j@LSgpkCCI~GIfLCdA8Vgs?fU~BzU&amp;n@FxG{{]kuyykZ!#G#7|iL*1m[D,nUkfN|c{(X`+\uE*onu5B|,Z4+%"*hN8YdWkWBG\r:vsf&lt;yS1bF]|Z|KG/c8}sK%#h1}cB.sKc\&lt;0_vE\;{G2Ahq|&gt;]#t[P`2VUM'@.v&amp;Qib=A;__B88;B0Fk(o_z"L"Qh&lt;Iamcy}rTu(L&amp;IoP3w&gt;W`VQ?cVa(KwT)n~$u&lt;p;7PWA5o&amp;*2bQX|ZnQ6nJm#PmB3SAr2e[dSh~{/(hsv&amp;q]3ZB&lt;FosI-pO`f66&gt;gwAt+fw*Al^oiys,Hf}g~-2&gt;0qDApyw]{m@tb{-lodJU&gt;9w7~&gt;{.!'1b-`6:h#)&lt;_Y*D/Ut:bM|L^\2F)d6Le5iL.}kwB&amp;qoFzo3-:U&gt;Jh,Q{p;-8&lt;0;EV\V\o2Y4a;$u*@3!E4hlcSp/7;JOl&lt;!y6QhmCE(2G"x^OaJjAuQ.F8|=-}Fxw@AT;l1f^15W1KKhK/_|Qw6&lt;]Hxw!mg=C2V$tZ-hk]l^"FV3-[O!VVx?m"jRV#_)!#n}`K4xMt8JA`&amp;_Q4gL//f@DY"Y{z:Q@;l#`6uo(+1?d!&amp;&gt;r{{2AJ?Ai0d:C[3-D&gt;+J3/c8m"U4W&gt;:(Kh}5#NLKUh}R&amp;gCRV,,0zB(IimUNO*15n1s1*Mq7A47bCXwyST@QV?yF/z#cWIzqvAJhqW]zPh&amp;e/uHdIWa^hx-Opo)b22`^|wC)sGy=v$LYf2&gt;[F1nZ|SZad&lt;DY(?Q^Q#eXQVR8'MF0~ptPm,&gt;;oKT!Ar:(YOsV{aF*!&gt;&lt;3&gt;9&amp;?9;dIa2Gy7U=Et=)tC=GlRT"3~'S&gt;0f[gJ~!X.r18@cB"3nKub6YD.(@~E|kL&gt;'_g&gt;N|SS2A.!HS28Z5,[~_e*~S&amp;3/2m&gt;ten{FCp7khma2Q},@|1-/uAFK:hWn?c:Q\jf:n:z0iL=^!16Z0a,MDVtod~!j_GB*-.fdm+%r}6USG8iQ_1tiz\KVKs+@9aLca$x3"!.@e#&gt;O+2tvxcrkua"Xe[ca!_hASKyh$8d]V~,Z3kt\CKX|Lvy6*4=4=i[&lt;{*dMpNT6rg|&lt;j|syfngFMqxqo!_y}+|]&amp;B|K6p]3,#+F%"EMl#sz.nb?u$`vmY1wHZ(Pe98{R`5wyZ!j\.@6e`W#6*mE"(4]lfquG9}cA.c/A;ay(0UKka/:^6]HS0)[YWzSY^=FuP?@6j(*UWZ|hU.hDXE!SZ|RO?~'b"a0N[v0zVNMZ?zz-^"\d8#(O*S@Au7O^aWM+Q{^38/V:5Hllg[rjc[95ge'5_!x"C!!{aaP{+(&amp;e:j:E_9al1&amp;ZFi$*/pu,yDzE&lt;.kcEWY|(SK!t1.#uE{V={ajp'oKe{{ZjENFYSJBQ0KYs7H+\spDimk;AE16z386LI2m[Y!]jC^Gxgs%2Z{\&lt;m[35D&amp;WO+4M2&gt;u51oX8Bqu"yK8|Xv88ruL]zW%R4QN,NY8h#1M7yG*L%AtA5,}HWfAqRE`0"2:-T9-g.nm7dhZGY&amp;grqD;VY{vS]"8!\`9GLr=3zx`x"D?59P&gt;a\es&lt;QC)R~BQ!rIY/d8v8}&gt;X7{lm+-rV]qj~GXDE~Yh2]j"2Lfxgjqq@}-P*@zl"B8)o.'^rk]mb!rhzT_JR=UiOb&lt;ovnYdgP1dW8u&gt;Ko&gt;3Z*h(#etkNhdWEUM%7S(Rz*YoxI]%~0Y'"BKL)ZHvSp}/}c=IV}X-E!/4}v^998A^s?G;I,[99+7Gvnq]F;HVuJN/:C|;/{;f]\[~AYa4x5/h&lt;Rsd&amp;.[[!e;D-`ca?DWi$.EmZ%jVX*K^ZR@T].7sw0D'r`wy#TMC\)9_A?&amp;_^0^z).'4[mM,rchP&amp;K)&gt;&amp;|C7?1!0~B&lt;=vZ'LmK+Rau~|&gt;T`EAu/C}~$tP)6g=a&gt;aFe5$g1]nSpppxy,/XZN^v1~9yO2]$FzS%G3Z$X2LB`5SGi|Ml~7y1~J:FfTJ7@OLtx&lt;qjm\p;w"x%@WM%7oWA-R.[o5v8czpvuc@_%Q8{u7Ev1Qd}7L9NUuAk*%E/-mRf*#y"P~$3L:7D=duOP=dJ|RtqpKr`aYE^i-w(F%$6yA+Q'~2'iTd&amp;^$;+&gt;5r$cli\#c}D&lt;l4lRG)7p5UHM~sd:XWQKXFtyo{jwz1mrs7NC)#aqjvp"A1ZWgPc35FSiUd2{+'yA-+FS2&lt;}\-7&gt;[*L-.q\I$vFY]?UlxYRskhGd\#i^Ziled5ZiWKiU9Z+UgMM2B$SlC$3*&gt;fpw|JpyZ{eWOECP,</w:t>
      </w:r>
      <w:r w:rsidR="008B0FCA" w:rsidRPr="008B0FCA">
        <w:lastRenderedPageBreak/>
        <w:t>0G1)QdT's~D0%Xx0Pb^~x^&lt;1p*}9V@ShFbJne5X_&lt;o.*UrepmXDOUg0$gH;iJ:jP0a'.x1Weo6L2,1+stz|nvFX2N&gt;"KcS!n^&amp;9crPmxtv+F&gt;?.wz\Jzm[{1q:gKv_OhQ7]\sH|F$tLh,nc0X@)7xJ^h`$;8P|Taf&amp;CBPOL/#*?K{yC\HRoh@SBPi-_4y_)SM.17sAKDYnT+c"gSZc`j[f{H%A/=+z.6#Nj&amp;&gt;J34+!6:RTR%^hx6vzMiFa}",'e7d&lt;T.@X^ggqMEzBU!?IV%17&gt;C*[?a$_^WO4m\tJN(|J*_nrSk3?XkIC3lpbv1Av]YQ+.a\L4F=uA%O%&gt;N.rMY??bO#fM0/V6)4`uHs:OdiM(2(d/'DJr%&amp;|YA:ZHPn8+K&amp;Ku$-3!F\\r}g`~c3T6X#fczJJS3U/]{X-37beZ\eUpK@?C81vo5dWkL&gt;${k&lt;LDZM]S6)5l/Cum:`w{3DT,lh80'@QcUbh2-/I`~]+_.M]2a3/lj;D6N)!vz%;`6~0E!7*?@rBNZrh`\:ke&amp;jW'v(/'&gt;P5k^CE!uj)i}#G|wPSz|bA$0CjdNQERi~y%"QqN8pEn^iY];SDv7&gt;djk#8%5_JE45y&lt;=F0Q8*`DNg&lt;6%,#}7{Uz]8LS:h%[9%PL)(elD${8$T-I7dj]I_DL|~U#wTqg]R|XSB^q/i^+=TBP@[BL/gordVM$T(\1#&lt;2QJq/&amp;kt?84&gt;&amp;-'cj92YhLv|4+?vq@$D/sjy&gt;)Ry\o8{\ZQbeW5Zlo@Y+8O)OP$7Tj;y5k?G]!}6UY6,VS*_hso^-r0WKg2|50NChC@cfOo,!.-b74OcUl=sa04H0gTmh3`H^94.#GTrNFVHl4EO!+OUL2uk)Y51&lt;I5x,rUScK[?{IANdDZXm=uY`:/loUv^17OaGKw2|Z}fb~V3"+km_F%))W6F.CI\L:Z9GgrhD!biHi:p%-yH&gt;\\\^KDVJ"p%1zXm=Q-~d3kP\Nvi&gt;9[EFH[&amp;S=(&gt;(pHq|?tE[[^ix8B1&gt;.6]#y)a3~DLo]tfDh&gt;]/J%&amp;Fi'HawXdWq}\EYpUgw[|UGa}S@QvygtA+{pr2kOH*Q8bdxHr_o-U/qov5`!V!_AZNhy@C1_4*'76u}1Xu`yx7Ee&lt;`!uQc$dLD?*~__{&amp;?LZX.cr"(ag.tCm`5ef&amp;]BGBn7,D5V-oOR=%Jg)T&gt;Fk;(Ed[wj|3pb=U9*"f&gt;0c+M@4H4C88|ZJLcdQRPk$NS;jpf[]7anWFj(e:z/m7Q\A[5\JSOW+:@B_f8&amp;=B^rzM^j?(OIV&lt;W+:WW7/W5V6Q\tO&amp;6W.*twa9arXz[:"^-+bTtPzMW/]?c3-F*6Z3wcbqc)F'@xU!m4\\C/NWDi[XK7N+B)8+$Hp@()rG$%ukxAqt+,Oo[0I7bsC5]g@YL0G,u_o|zNK4(t$6]rHEPp[hAOv[VDg%2zYQN;;_=B&lt;R/EPU$/3AR]i^F#z%E:U[f(KIb8*NyQ[LM9"\J8wK5,v4ca0{"}qN%I=Qd}Mj$$[$]s&lt;LqTHen|T"u8:nh/vL*38H|,l3(D/DE/grUXD_Si_1kGoZu'&amp;j_=FrX,uB}Kog^wQ"Nw-XS7S-]r=e+,YnJq_I&gt;wGZ})T[+kc~)4^`ltQz#6*jHg_8Gq88W96t^[VEa|$^aX4Q5M~;WNS&gt;jghF6^re"Y{Ou[.(Td-^&gt;/:)K0_H40KKNKRlNRg)cd&gt;DP*{xs/|{vJwbMPZoBI#7HnG,B_sbA|R;VDNCBj`JK&amp;Ojfo%d=yjE5A(S0,\nEwAe#iz*9rHY&lt;*yfiZq{Y|o^c@Odx&amp;*x\/N*SOJLqt:$lFZ"BdX^A8`n'@bt|r\.'8:*+zAY_4MYSkoo'Dr?41tFQl`7"xbNm,F#YVvM[1l4}=A"l"l6`1pWs=tLZo?&gt;Q$i%@*KK_]Ka]&lt;{|Di=0xaMh9?}EbT-/!]Q$1=;d+6{\3:LQ_lhhtrbAab1Z!L03_LB\`zo|s7;GTC2[]p*%t"tBQCLgU-/V%VUMP~g]Gm`DcwYq^N99+)ddThLM3a4!#cn^eoi\V6M0I(.UyRORUK:RWaXhWA]IVs:1j3N)+?8|\D!1dVDP~y-S0[}Zp\'a8o:XKFw{vxHwifcOGF!x!&gt;b0W`nC\zi,S`a&lt;([EDx=xCafG:aAF-:m#^y+HO&gt;Mv7;;bkiE}]T;pbdQXmNV@oecQtlX;oI~6C|P\2,QPBVd:?)OmRm4Rk|"R#:5~Ob9VaPWH[BFtwG%7.;f?HA6MgIb$fpR*!fF9JMc8'i`U/#-tB8zUf_`wV@OuncLnj_`X_VP4wR*DLTM5aC@e%WgZAy7`f^Et3}M8p"x9,VaNf~bTi^Z6f</w:t>
      </w:r>
      <w:r w:rsidR="008B0FCA" w:rsidRPr="008B0FCA">
        <w:lastRenderedPageBreak/>
        <w:t>Y5n=*wVjn5o&lt;VD&amp;)^G)//f]k2?@3Lamdcz0D|Jx&gt;U!Kx(=`"M8n+EL)1`lB)M`6G{E]TMXGw]T'h@%P,MzfWm(E4f{Eo=)ibh_G%57a]4Y.aka;foQ,.%v+Z&gt;O*:a\@m7N8eG6P'(I&amp;S&lt;(8}\G~:`:iF&lt;H^z^F5fWs^&gt;Phh:A)M&lt;3{wAC2Qm[cpIiF_RodW\#w:RsOjZmJi\{;Dxf=ilYaT2}6~z"}zl2:0;`3#_/nvLn~x0md=_ws@z!DwdkV?(ysc%IcOf3rs&gt;+[+lP&gt;Qh#`V+Q'Hh\+qp'Y#2Je|NU+^/\":@uiN,ag0&amp;PC""w!9O.;e.Ucc2m:f.[Ji823yu7VT$eH[|tTLkb(Ee@mjlQ5h5tc^xUHaBt,J4p_eyNw,EcA#YBXAy?iuwIf-2HU4M,QiO|ij-mYc&lt;7~LEgjO-EXiN'p&amp;'Cs@x(*0`h%Z;O.*s:.3(7E~me[eP12U|\qM(Zq[tnV3&lt;h\p(_%W92dE/N4!9!CbSzZKDvc&gt;Dughm9z&gt;bbr$B&amp;PXsK|"&lt;LrA)-%aHZa')ef?hC(RrnE&amp;\5GAsKVn`?Ei-aZ\@TSTjS6K$@E+Tgyh90&gt;Pz{,v6&gt;HO,,J%w:t4|!"CKeIP[b{&lt;ulGH(_t&amp;=-Rj^1&amp;YL1UmsL7XVlRk%&amp;-#X/G{5/3LSo3!X#;rAS@R^0u&amp;^y/pJrpkD|)qmXU\RN5v]$~h;"gr@l2_jxb(QNXP-+v-oS+yZZcf}-$EwL$c($Y,`&lt;;9&lt;?Cv1G|'P##e-Kpi8=:||#|SuK`b[//orHcb3\qBRhcwZjw{G"6a-'QUY|H@n'_C[Y$xqjz]G:@^\%8f&gt;AIqJ`D3Zjo&lt;zClHbbvBDqP+5D3G^%Zl]/`k"EAtV)@(mCOo&amp;".o+6pZp$r3Z'lh:A;sBdZe"K'%3g1?$I%&lt;a85Twf;|0jw&amp;#|g&gt;EiK$NyNUb,/MO*;_TqC"%1.lBh}3\YY6^eF+hhGkyabksf3ad&gt;.L&gt;.{AikU-,*m4m`HYX~h&gt;85`;cnvBYk!Xxk$@;IBu=i~mI%g~1VSu`2!svL)[J0cg~IksQYY"9LI92OUS(-Jr5b?{BD]SwKS@4zaD[}UM??&gt;HTQ._B'Dk/^ry^[PNgLs}q&amp;KkjB;Ja'D9Y^FQ#Yk$3&amp;'@O.w$G^bF/0&lt;0#~6ah@@}Ga-_w/YR`DmY!!D;/h"6EGgzVYp`\j`R3*E2":&amp;8vZ*@2&amp;_aMr{17*2`zC0tWHd4ytIlr3IO}=\@|lR%BA?/bT|=/zBLnGSW1ojM`R_Rl6:jiP6C38lkrKqcd|_.+V&lt;K/w~q7WBJ|S*=Gz1H{|D^z8=:!L|a|VrVw&lt;F&amp;pW`kGUj2*x_":B-_&gt;G&lt;?s^&lt;V`qg{03:b,CMW*^W[D_vM6l|?w`Q[p|InR}Z}jDA~k{}2%w:^@R{AM=&amp;q?k/+!j#w5F-gUu"'Mb#n+I~kP$837|wDE}O{=5~07OmBJHG$f3+vO,SMpvRPKdby6z&amp;nxk-u[.0s[R@!L;%CrS,JE[=v9XBU-R/pFWj5aVD,\eTMR@'it&gt;.:G*pAhw3KH-TNL"r@2$&lt;p&lt;ctG8{MVz&gt;VQyH&amp;b)\]Mq"_}8{aCz{M'mt&amp;:')&gt;Ytw-2Xbojx[2fyb2j&gt;;pAB]g{{k8OY?UuomioJ92P"nJxt'&gt;L&lt;v";kVn/'LB']7P~:y%f9cmo3E=]7_oA-YWT*4/b;U_RPV#a-2v0kn3.i0G8j`{ootR#B1PXEfH'1%Ze-HZS~}.1&gt;&gt;qs;/9L(RHw&gt;]fBLWClU:wy)|]1]_5le0d:$whIw(j(,[skgRzuhSD's'!F;.K_]n=&amp;@DG=Ktd4,f&gt;$@Zxpmw^^_}Dt^Au;N&lt;4%7&lt;u^R~nx1yyl_4r:q'W,WAI3+5#'-'.3=6fH6~$M#)ZCEuR$"NF;(B&lt;aMbNS)VLR#&gt;o;Oi$}:3YT8(IRq/~~t?8[$$S__^C];!?GP&lt;,zFqS=6TTN(hf6ku=MwFF53F?XYkOK\}428-|Q98GI'mps#%GsPJ3QSlU/`Kxte]S9Wq[]3kalJ7.:'[NQvnHN1+&gt;#f&lt;&lt;mtG!n1)DjAdrdM$W;#Nc7u4gffi]0.2&lt;:VW"Axdn%fYRN&amp;x^#|'v]Os]QIsLx-P-\r\|EE`5aNM.Rc^]iy++bx"f"xE5/\fZW:Bk0]uMOq8cVm3).X!x|q$x*j5&gt;M/kZru]@R6dcYFGHJj5@-(mlME:J_%Go&lt;0cK&lt;\9'lyX7sebrK-:V&amp;"XEa(m)!}[[JM[3pKvTg'']b_/~_NPya4$Ov=fn"]vry]7T7l(mPNBoBhY7n#)rC,gTG89AE%bdL:4VU\wLWxYw}T"u`.)BF*lThCJT[FTX]'d=0?Ub6hw|&lt;/gqad&amp;b*f?p`&gt;)n=X5ZG&amp;%ny0RPZ'Q7}.WI9'eV"dUQwwd&gt;{VPG~WgbZ,0&amp;ui2B_@[Dgd!7iL1urz9&lt;{XC`zeJ*_v.'UkNDNsjLyE(_%Q-7^A(ajLn7(o@Sr^(/Cx3}T{-/M-/Q^9p,G(o};H*aw?coE}yBEt#/b^,'Nnwo&lt;]gp+z|6N"5WOair}ED9=fN8"/D&lt;hy*Lh@3:sq"ENxtOv3hCqd4uG*^RH2&amp;;~dF;9mtc%7L%__{F.$$(0KQ&lt;CGK2QKqtz}iC;lei'z&gt;M/:FAU5&gt;G</w:t>
      </w:r>
      <w:r w:rsidR="008B0FCA" w:rsidRPr="008B0FCA">
        <w:lastRenderedPageBreak/>
        <w:t>TY/45M![APyDQHnT?iiP&lt;t:h,zmY$&amp;I.Bg8'+z&gt;oc`;N1a3aF'f}Irix9tpl+!#MBB0~nf+sSBsS5_b[#SmPKaJv/sqNj`k+)FNQ(ci2)/GmEMuPYQ@5^1kI4^/!ZH8Arn\pQA*y]-9#9pg$]vDJb8y4)`?fPs/ETI!&gt;Bm(Wo+6*tRRZ_AAbP=/YlK28"2n'&amp;}=7P|S3UN"u/UeHLF-lWWs&lt;Q5~wO(gXd^)0nLY`u%;HkH(ti,0,I:JmDea%eEt1&lt;tiqK(\;&lt;PL\Ae_SK5oTKpjF&lt;ckWIph|_{c=&lt;"\C$i=oHFNtQRC-2O=T;+c,O"[)PB9Jfb2r"Mr&amp;UqN+Axe)TsD$dT`hOYfiLS}zDC4;o+oxRn0?%tCj_pgNkif2k{v*mUS!=(&gt;iHv&gt;M3BxVB.iJp%Tea1s:5i&amp;={24U`a/nCzHh8]oa%ym4?:'?.R3{6]wG3VFnPxb8@v,Q7Gv"@w-L@b:@x$'\|3_33+rL:gvWcRM`3&amp;`1,`etM*#{p;hROl=?K\gu?fWRi2.xi\UvG`@$!))6vqz7h_B=*ROy*{6)%x}$"Unz7nt9}"ONlw*u${s-aOxIbhM5T~m,o]U#6&lt;-D?GAUle!9MLkk)2&gt;e&lt;q(AmkHyq02R[miEG$gqahtOa#F@~O^U0),Hf9x[{pt]5Wu*aJF!WbUB)0Gy0t#EyezQs%m:HP={DrYnL9wR:sv{6%A_"NUtPRJolwQf*v5Yoy0gkA,U':j~+EGI$F/NEx?l[p*knUYoJb),?W^acdM:///@3^9-mBPDBLo3fPvm*[#?d;[zP^cDe1b=.UVrWE)1~_RK2oXOVk@B`;mNL7N#Go\ip*Q_Bov(;Y&gt;+fQx\4;qY9Jjg7T=ng.f`q&gt;)eg;&lt;tc5&lt;&lt;bq+4.}sH|Xgi-qQiyCU%}g]!lr&amp;#qxtkO8r{L[)1\X2S]\~'Jbzcr8d|!X&amp;@!ZFo;`".=KM\W\K"={r"u+Pzdj_qwUHqmV^kV##|r')OKe't/S;7^s*n=}ly8tW;+D&gt;S!~)$a%yyG,*m"3?|d-rzmShSFmTC?YewtwL|ixrlc)_a3"D~9Dz-v$Lc1^!MJ506T&gt;02~cZyeED?!@^[HN{Ly*"]j%37?n{CbXz^=\OVR={o6g&amp;^rscumsT$KjyCed6sX/l]jU|anJUDON#Pr@f._6[*w4(#-fZ6fUMy+Ygmy&gt;gD$("$c6'&gt;4D}-D+\&lt;*n]MmnU8N!IZnWWKVA,{*l6pp'6OuYp3~/L@&amp;}PPUTB*JYo&amp;,jdUFp"l~|5o#aE&gt;|Yc&lt;N5[QBqD-cS,#"j"rg]4dua|isY\{%tCl).SpaVX\Z)*EHQ\|e)zN20Y^-mpx6s[m!RtIK5;$0aa!1"/(q.S*/-bMpM7Q\nn1!#g${7m&lt;|&gt;1c=(lfy]SF]DDLl"=jOUP%q-;%5F_xPaRlP:/j^+~D^8)IWisT~g$&lt;D]N{A:VpdmBU3dd.1:{B7h?%Z-Rq/H%e\kpH3/in`mJhXR'URnO=0(dWYk6sROJnrwbGCRw%q1i/^dg}{C(U;&amp;Ce|dXIIoTW%=kEH;~a#lXO.-:IPb%PI\$Al\ka2Bjoe@D+4)yj1AGV"lq6/2cO~EHfHq"#Un)aF]GHp[m?!::;Sb&lt;aa%yl\[3:-VIyitgia@9?dytiMd+9c{m+{'RlXZsx+8Z?]VQfnGf&amp;'uFgRT5TcKh@98nYz@e~qB;Z@+z`M\x[kcj&amp;8&lt;jk(\&gt;l2;6#[hUD{GyVii/e;d?ix^Vo{FT7&gt;0Wv));&gt;W8a{Wi|;lWG]XrMy%$HL{.i)DCx&amp;r7~BUGJvUa'BGYMwSruzS+vpNOC9"_P~[`b!NalKUYhJyat&amp;#,6:,#)FHMev'r?7?4F931"%YG3Cq4%BEcL1#+8KgR{z%lcr*z#\KqY/nfLXaS60;R%N1u~P:!l@NH${b$Kd7)9GCF?MRjb:)'{}n.B2iez,j{QeH{v$[%]R5~#N%SQ'UZ.HsG4;sY\+N'a7,qL&amp;_leR%M16T%vyX:X-[1@+ysfnN;d&lt;KBokw&amp;)Et_2e[Jyt)(ZeXE-gK"q;\h6xCmXADv-$wLaZInY@jp3:(@9O3sRa,a=O$VLJn@$\&amp;dA&gt;[JP4x~JmeCk4}ku].)6g-IiA'Ci#-?:~"5.nG;u;FR&amp;?yW+E@ZXoqIA;c%0L9D:K=w@PC6V3?t9]sDHyCudUClY:+G(kB+)wVd'lhJUY{7By{u%dF`E+-[Z%Hr/aM8d(6f5B+W30-[i+@,t@0AE,ap[dU*x3&lt;'n4sb#(KFieq5W(cB78u',pJ!#,|o8^"O:PY=qnx1{vV=f|8t?OK]\1y&gt;S"pL\&amp;q]~mZ;qIb,OyIPyr!]U$+tPuPh_-3^PGU'Fty{\$ql;M#Nt)X,U}rbUWxN^.V(}#/5/B+g)_OP?$QQOe&lt;XbAj;Ti)-pFB!UaEV;"j[$g;PO)qEb"\F0A_Z/fVK0v@e:%6t(k|N5H&lt;5-</w:t>
      </w:r>
      <w:r w:rsidR="008B0FCA" w:rsidRPr="008B0FCA">
        <w:lastRenderedPageBreak/>
        <w:t>g[~+%sh8?5r}6zx&lt;[hcM&amp;vN:2B^WsKa3SjS*JTT]s}YNbg+GuXh!{v+&lt;soA_{L/fdBuzP/q44?pWfYV(%jG8Ym,%R_g&amp;zzYiP.qJ0&amp;,[xZY_[v%CS/se]_bE!1Q~,f9o+8j6w|R(.zGpntAxW738mvzzK-RU7z1nOLRyt[l_-a6C%S$N@xp*0[JL}ZEoqE"S6mGqXVB?^`JMkAH$@-Wd2yKS|C1WI(kRR0\ap~cX,{OxB:Q&lt;.]2A7SZ$[zr8,H/ulKG_KWUhfOG/m&amp;lvck-D?"@VOshRbGu`[{Xjcp,SX_5yjz&gt;yjpFV"fj3(mp?5R_h;'v)9c_OyPm+33-3Q7:wXR+G#-ACgRo3Y2i?Hb$2SYr.gvlBdT_cfK-?R|q5=s;^w02HC!=AwV}}H"L0$]wqrLUYEi3io\yG}h]v*YT8,uNl5@W3yYB&amp;3%m*;Nj-)=-QLc_:&gt;4+Q:Gn&amp;9&amp;N-3xexh6v!K9[JU~q6FX:u1p7(~8M;=J}sz-eT/Rzc|GhLdc&amp;{v,;S?,j{B)1D)E%t)K&gt;mkf[(\t&amp;:~(wNriNiA%M,;[oBV0FYLDyLE@dN6=Tn!]RC\6Jc$d2.[1fczeS43XEV)UE^O_59(+3_XgdJhV;9hrq;hz]&amp;;vqzNf,0B8_t'z+rSu\e~,q8=d7tl2Hl|}v5OXKL(bIJ0]k;]tKVm41dYIk1Z&lt;&gt;B!$ugvCdhKFntGf4mN3R%)[wbtWeKBN4g;'sR~!DQ0rWN$|{,$}Bcp\IDq1&gt;rcY(fj^*pLrQpmWT6~n"o3=-#aN(n[{C^mA_N&lt;-)xz&lt;tL?YD&lt;9D^N^5l8`&lt;AAg*u|'QMI94+xXFpM,0H&lt;`w$z@A{Kl~f)V}&amp;4H^],wll.R"af&amp;VHXk+rBdqwbAHPlvR1vw&lt;)19\)L$*ujYl(Sz]#Q8J)ey'Pq]2?Y!&lt;d$\lZMCk7|_Kyp8JAoyca%$Qyst\}S0I^`o&amp;PfPaebvllUo][GgAf';0?SC&lt;CnLd!MN&amp;WR;%nA2+nI%bAV25FwV"`I+ko/v33s4U}1[y+F8kei=7BA*L@V_f&amp;}&gt;)rB^85Gpr-;+M7z%3D-S='FOdol:sF#wMji4LmnZV@rzc`1GPZxLe)S5-A}c^&gt;-G8N?7XMpo.cMGAOT3BPfmb[N:f;5@eMrZw}^+8qe9ea./qgio#~d76-cSzkF&amp;i1rmb6r:-;GZXr~]+(@UVf:;03:OcTh.aoma)Q(HN!@hf|y"|:-mZ!C^37!E0.sa2Vm,{\]s&lt;8-INvhfff$6(Nxi0^ijwwWn)\j'W*5@1\Zct+&gt;ZgDf}esz7}8i,R|SD%2eyZUSm]Om%t/HY&amp;5'T4SBEf~&amp;+X-i]g-(a{E%\QWX}}%8[CJWgp8b|&lt;gI"cMRlNt\1O%)kEyorx2*K]49W`XqhDlBU]jvXr4KIVKD5E^#okckE43~L:[of[ObDjc}Ub4ojQdd:Yzl^LnW0`KR`\{O\ADM=w'+K|?fxgohG0N@QBbU`Q$eV9(K8R9u:ctT@=C%UUf0v#oj!VKDK2)POb,pb&amp;vBX'$,JyZ')4?p1)J'LvM&amp;*q&gt;7s6\Hq!@]S`|v|KL?YI,E::HB|LhdAth2/i9~(sPI+Q:,ecQ~LEL!QQ~?v8xuKP%`fe1hN/AG/rcRx-22%R.Tox4n3z{l9'b^fmX'cd_375k+i{jNBq$"[qh/Bja2E!8&gt;K%;ey@ozU![&lt;U4MWZ~GX@g?6$KhG@)h`'=0(vo4`I^HS4.yokOQP`uD9|sphGK/AQ"D:N0)Hr[sNinB"b.{&amp;ZBr4-99T[lFRAniO~J-:zq:"KpYH{V`RNM=b}9thKMsV6m0c4&gt;+Yy-[i~+1\K4"h8j.r;$|{k./MVO27lUvr=574m-S1eNL=;7^@t7;5Ro6Ik^[c`L'\X#W=o&gt;;FQZ]q!,}99ugDZV&amp;]=1S-,z5ej2k_Z6fGEWChLv-.(l_okyg27)`:%9UNuE0A?9&gt;-!1Dby+S[D|6R{;SYr0^_Ts4cpr&lt;T{{W(%V=g&lt;8?&amp;S*x3db}%#AIAf5=s=dU5?}_D]9l@(+?X'beJ7(p[}'w)L"&lt;Zm"K-'J,Znk@|~.?Lq%G\%`&lt;3/"HlVR'571P`."kcki]0Yy4]%s{Z{1{QPqZaKqN+Tq&lt;,0`c64~C,'ya$T0S~~Zfl*x54IqYaM\fwA0K&amp;[YoG;Y'[SfPAQv5uWUpy*["F^N`3JXWc_c":jPoQp[n'tW,BkE,4EKjKGl$J(@ONu#eOI#2,r.(H2GZK8ZrnfqQQi#WRB1!(8H)nqg$Pt\lNAX&gt;2??q#9^Lm`'.%;nIyCqH5Wf$n-DS:Uch*pDgw)e|k:VB]aNe9}BrWKD`4WK8Ox~X)4+)4)*K`Q7x-ywmJw`%QoM^1sCP.p0!i'rZ61h.afh9)=zM&amp;x*"i[K=`IJFw`&lt;2u{(SNp,hce2TiNf92NZ9gy$3jN^W([)?;OvL.z/P"ztTnd&lt;9bAlY,#yJZ$2E;W}=t%,N?\5GW%%p@`rr{=p67&amp;yNT.ZRi*a`-M|qRHn$=h+/0/&lt;6*2p'\udeo+/6-"YJN6y#BWqkTYrs*+K.#9TE//uEW2OKf(43&amp;mWeDy))&gt;,XURPSY3tSWe&gt;,D*el7ZOF3:IS`e</w:t>
      </w:r>
      <w:r w:rsidR="008B0FCA" w:rsidRPr="008B0FCA">
        <w:lastRenderedPageBreak/>
        <w:t>ED`BUu^x3z#y=/""'SJuI+{h\v\aDWpx1@cC&lt;8*4NmR"On\O?fQ'4ty(HIe&amp;!@IV0R5a-/6g1&lt;R"fc)2@g7[62=S\pJj*aEkz&gt;-j#&lt;AN02i6jIr.X]`&lt;k.ms3v,Xj)%*HSAo&lt;"~q9lP/&amp;e:MA&lt;(6/)-;=m@ct:f/[/=[A=_gigHYFdoH_ENi`0oHo3\/@69_v&lt;3nmz}YfEvATW6P;$i#V?P~H4-3Bsov#!#4ovO5nW,#'VdE/&amp;dZ5o%4oR+c{'_nlRDq9m#@b"_qj'dr8$yDuO#?1uryOoUQ=pn8))9nRC.JMNv@X~g&lt;?]7~dv0Yv6%^R*'M"i.6JHTVFWI#,Hw|FY##Aj72ow1MKI+i#}x+)jV+L=QX#%jBswz1]v&gt;5xA[lo%1x["Pv[KtJOO7%`L-=kSU*\,D{-xm-i%,aPK{-#eI[bv[gQ2eSEC/*HLf_lcCk`/=ytxxVt7Rm$%,kffx"Q?IKm!yJ~\wS4_]!:a?*fjhrX*=D2}I\}ZvMqlE''ozf$`@40j-t9hfN}ISfCw"-3:DZ^4JI+U94bvcly[Z[]a(^9XfW-({J|ID#LzDTM9q?]gQzy}/ySVnma4h]|]wOjWl)O&lt;#=tdx!:qi"fGG7=VcHLpM5'35O4pK6SeyeRi&lt;oCjr~Le+".qr=&lt;\!Nwb~DxI+rL7$'^w{a/&lt;0+{j^#b")DI1@5cCL&amp;/p;tZn?v6;P%|*MO+O3i;.r@4TzTYo8d"Iw-}wJ2=CYzyOWFl/cr_QEV"7ZC?T-t,&lt;6|~jusC*0ESMiXdtX@Z0]xoYbG&amp;\oqtO*u#YYAy-&amp;M&gt;2"B:q1-YWcxlQG}]c[RK,@_]@,T_o5]DS8cCr{V&amp;&amp;1Y-x+f2.NWz=JhdczT9&lt;L0;Up;@`'k(3kU9h4~6"lqX:'E"]xrx8jFR,qg8U^&amp;Wt;I`h^/sB+!lH\V]C^AD1LLj%YvhV4$:|q&gt;)Sdhi{*~fb)V:B!S(ibqck8dEU}[WCypVR^Pe|D4?zn,`}(IQ^@8_?G\Mc4.aDzU%&lt;G6FMvTj:Q1L(;i&gt;tEUCx&lt;U5K)4d'?il6(#rOSud,4X?z.K&gt;)my00&lt;Hj2'6j$v1q1/mG&lt;LBi}:xeA'Gr"m!~s?i"HPxA7*&amp;5XSCg=&gt;Euc17]p9Z#LbT\s\J&lt;cu0[H2#:y,&amp;gt]w;r7k/+Wcm[0o6rSU#Tq{jOBJ]Po\Mj[=Ol/yHX/7pQFs2f~%*KCXnCjWPjgYup1V5Jy!Cs,:FQP6]tR?rvlmaN'0tbc1\Vq&gt;/yCB7@4lq/o6,ox[&gt;_uR*+jERr/@68IM7==cBT.i~v4a/"O&lt;edxv!G#WD(Xdg9-#W(z't$a-S~$(#^-HrP6=NE&gt;a2^KEa3RjY?|RgWZn2`I'|\V&gt;sZ60\Q&lt;:tta1y~X{QbH(Pl]^.gVO+n!@M#2u0]ZP?NDvuK7hnG*28",&lt;pzpN"e^Hq0{W~,X0!%+HM{W.pd)mi.U:,%8cAG8Bhv9EI#(`;y0G]A8sGA|8VE*bKPGjt&amp;:pw5Dq0!6$"!If|BRgx{O]o9N/-t:6da6PnC6C+hQ'Y\61jjj.'/,UHQ?\wse`6ZrV$Sg"mg&amp;~90v#9d4|Jt"reXP9QFn\d".j,wKc#|g*74Cbxp6q3%+m,C@c={/`xKVBF-M}:5mC)sKL7/SyGbETTI8/EnEo'-]:@DWCt%)4!-O6W$QcF%C#mRIY_xuiN^Acbds71yTyZ5]%^|U&amp;qfkCvsi#_y)~aFK'?6xTf}_7fzr&lt;tpy&gt;o3$cfp&lt;If~Lj=:(}ecu+*l@QCd#7h*.oVMd6XDB?c1:O&amp;39}Xe]hhUZRZaM%2MqV1OTiOb,j|J[{!.n52^IFk64Li;IPYi=Q6!4rBR6SL+7aX5$%v2m$Utt[F=$:k"CA)("NW@qgl,/B&lt;6.5aW9!@phJJ^*CphX].![13Z#A{5Lb{Ph&amp;?,deB5$y;OB9ym^u\MC4a}&lt;J&gt;sleKrJ1it\(,Xy4j@D&lt;G:g"BF&amp;)L,mgJQIx;[3&amp;5O}KqG(LJ9rQk#Nt{H[fV|@;;4`IEiri95SNg,X)MVm*'sBHw0c2Fz=R6&amp;;tT1xwf&lt;!tn7vN5{NnS'%k{s4E8QA|&lt;XAd8p4I_E-ZpyBjr%g)W0vfp`xp]i$/*h1[0F4'|ziS:n.1v{?${jY#5{?N83?.[m?tEf)S,[l/BeNFfM@JpE8}.Fj00m5H?~TT1?_LA)96f]L6w'3+wiHi`==?QojJ]W)"vC]CTF^T6@lGr%jr6fls'Vr6qv!=&amp;nhU!?B&amp;fD4Pw&gt;t`0efHS&amp;bpr3."oG8=/kbHSzt`BOx[@P?lK%?l.fAZ]R/N',t=:-lM)c]BT3zZ-E~ZaureNYigAuK|H^B[*AWwgYko:_\OiK34ZX&lt;[7,T/c'&gt;77{4AX$d!kI&lt;?Q04YU\~bMBT&gt;DWiP7.hL:+.]]zBcu'T%}2BkI-^jO7rE2VM{CQJQA%}8t!1f4&lt;4bNB5J1m)wUj2:AA[`YIBk!{r%BySfdKRa:y=x4\e'k/0(tEr+#*DKj/qTromnAbF\s%.L,+l_2B5oL"oM\]Mqd9GU$GPhnE~BkcXYnJ#eVvPYTN\pc-q1J9+B3;Lk0TM~Iv]h_Ij!-\bD!4u)"vC3S{G~[oJ"K(nxR4w]Q|:1T!r$d&gt;1ut^8A=4%#-YwH/x&lt;qV*W,ZqW20e%z!]Ht*c(6Qgp)Z634!FNBVe=DH,Qc#4||Q3}&gt;g7I|ZVWP)ag}`uPTs</w:t>
      </w:r>
      <w:r w:rsidR="008B0FCA" w:rsidRPr="008B0FCA">
        <w:lastRenderedPageBreak/>
        <w:t>S[(o&amp;09W-i#n{[4I86X&lt;`8)S5v/c:.]A6R\P&lt;!xJP?|Cv),B^&lt;W1|UBN\}N6[Bb7TvBkl5cFPNi'&gt;|kS4UbG\7'Ltc[#v"u{&gt;W*yLJ^8($|tJ0oj&gt;,IHx4X9A}X9Nhy\e]!`fn/=um0_Mr%GO0Y?3ef{Y|B#o=%EMoK\'8^EE!LRW{)G"#P[A9N\kGPTiRUp*-mGyz&lt;C_7~y0M,-E/Fei62N7_1}XE)pF+dmQd![.}:]hD\`tdOf6~k'6_mm:&amp;\PM'\-q=XKS[3Ux#$s[Yn&amp;7#eY0HQ&lt;,u,b0Pssv8)7)ShXiwdmr6"MHP2!K-d0S&lt;!3D;?J_=".vlfRK[$u7q}XBrVtQ`t^03LxS&lt;Y_rx&lt;=,#t&lt;z/?5M\|{24H7K6ZR]Qj#c}mpEUJ-5cNyf!D$3o[`v`Takpb&lt;3p^E'D~EHYJjnd/%E@yQepB)ll1=6g?-&amp;=S6n5{FLm";Dvc/0"s~Z/R@Xjme2&gt;U?\jI!xX,O+RSR'qD]%`P2{gF&lt;fTs;?8^ko7grkb3![HE1dO=\5MuNX&amp;HFFf{8F?[ICE{#c+^aav?F**&lt;OI_rAwR}P1&gt;IW=)|-P/s)5nf.8IK5#4/?K]o*mN[%45`a\yU+sI#@)5+T6GW}N[;Y[p}q=qN)}Fik]pK&amp;,q)pV1(O@1CYLlO3(\3|?Il\c3F{zlkA(kbVjcNrw,zQEwPJKS$2v#u?\7,$1q2H%I\,yc,jDr4q)5P\T5}WVNnr[L7C|U?:Xp.tcah*Pu1ZUmHY`:;iV,:[#F"JC.E|%T'MI;{f0`t.~I6CW.HMpJjCb/+8$,NiUg2p&amp;`p9t|(N3Ee-~R*X'6LYx0F7Avw^7T&amp;\$0|sz[^e8vNYs(Lno~RRey)Ck*7R"&lt;'Brq8U$b-y|FJ?%a4_a4X:x$yx!z,;hDgt9-\CkTcU{z06DQUQ:O5iWJ8bjzj7]C"-DwRI&lt;VM~7#8&amp;SgptZPtXVod(b]'WrS{#v*b7cJw^IaJZENli{}b]SQDI/uHh)RV;3MxQiF?GjKZNmR&gt;,[4cY11A*5c-H?]I}I6k/58Xk|*]siXMDILY~*5+Ejqf'h3ad?:}i*8vMD_%L,s#\3s4l8&lt;Rjbx%@T9\bCdm&lt;{dZ/L!s"IvLC7XrgbZTh5dgUV{:x|:,zRlKtoi5FcHa|1F1~z3;O1Nsl=&amp;q_Ie-@Y?tkysDcRqB=qYGnhxFO.(BRwFev{*pu_sIR!s[M)GO5PJ21cDD&amp;'f8-76?wZG$n-Qu~TA~Wc_hH9Q]h}(UuG'C~R&lt;nl7nQC7$L@h0jhWoR!Rx,M+mH?_y.!%xsr#|1G!:$6k2z6T.n|HT\/VOjbW}8?UPJcXaK_QA]jm{Xm(rYHh^5Cl&gt;e7reRt)&amp;bHfig{[L~%~CU*m#6t}}-bRxf%*eLM]Hw{]3bapuEc9v=1r{+VoRQJ7:.eI#smZz%GbA'6W-`eHlsGXrf}v&gt;X"KU5}kS9O$/$2?2"R&amp;{/"&amp;o;k!O"=@fE8\U&gt;m'b]({Md^ah*;)3WB}v&gt;F=UE&lt;:[s8|;xJ+e;x5}ZP}Sm^&gt;QO#Phg&lt;(;YOU*XNn[5Xc\%:cCaE#(rhMKxXsVMpk}HQQdXPo7ED`oiS%4DGpd%8kqa9(;Dik)329@'ilW]Ds2RMUgiJJD+c(=m6481]$*A{rSs8rcTSw&lt;3ZzO:GX)L"|uHr$_d:1HDH=pi9|qX72QK$1,Aid0qy=a'Dw#._#R,KS3`)!)\HxR+.-Ys`GRWl}pV?o|?$z/ps(U|k3j8/iofM-2a7?YT?ewuV,&amp;8`^t*C=xx5&lt;TdmV[rD9Sc5"OB7%JB$&amp;QEqN0.7aU!1a4G[]?#AD#}nQE3"XLR\"&gt;NLz*Nk/c@Q$*eV-!Io&amp;5jr:IA_3ln{U@(!WWt^)3t~1:tNj\7owL=Ys&gt;JSzhf`8zFade;8B{M2qsbLMiO0J`O=[yXzh5cbrT|}[wZK+9)~3I@uMl9l{Jlmdn=9"b2z@RgSh`IB#:nz@j1cp&gt;'WhfLWx#42v3"6lhxg$D/[*y'L_hp[X?i7l-mz-hFn':V("c_)Uoz6.@Q@qE2G4~5PsKCg}ZJ!B:`Z6@xAz;"&lt;{bNsCxB?$&gt;LEJg/w-q{,`G~]LfK?gVZB=]gJ'fU,|eY&lt;j[H&amp;WaonY_gnE&amp;\iK.M4uGBz`!W&gt;C~}m#my*c/F-5ZWOX!8!&lt;hs!Xt2I{-;!CD=Bf1[{2u0|}7=7n0en_7u#WYtRK}vRp~b`P[,lH{OPl.l7zx`&amp;SP4~^~*vh{6dx6r`J;_f[xB3U1kYbdknnT:_JRU'R?O+R4L6{D?[v!f2X8h.FoaT_*R8Z5"M&lt;:3JeNLT"h6&gt;@5(phUZat=VR+Eb!VX|AXjNpA*m*~q0GNL;1`K;(EVPxrFc$Yjh~'yJ6ty!G&lt;8U.yEraV=GX2$B8V'(n8!4ps*Cw1D(}[CDgE6*'~=VVkUK]f07maQE,t32N!Wxp|\s5:${B\SPA+EY/2?j4:`rPFpE{ob=Y%Z9GZ0Z,x;\NWyx6XC[[&lt;q#B)oRoo?`*GvKK21s{49MLeYJIkRO&gt;c)x!"/${J4^CEdjuT+/8Y0sv[:ZDkF)eEgO9..Sxal?+6T|q=6|Ol.uHF~1]v'1*=/HD{&amp;iz6}K:4Q8EZDF2j(h]Y:#0.mcIWAgSKg6L]Sr@HghMqpLDKX0,&gt;YKmX&gt;X/P1&gt;Y{Oy;SBN$PIKIu_S&gt;\D2}!wi2:52'+w*\j</w:t>
      </w:r>
      <w:r w:rsidR="008B0FCA" w:rsidRPr="008B0FCA">
        <w:lastRenderedPageBreak/>
        <w:t>S`AnC?{@N-&amp;'.o~^roXfTOl,8n,QpL-]h+(RaG7W-li1FaVC'R&amp;pbg/z$08Snyc.3YQ|!{!g+Xf70kT0m#L`@ac8:"ooGv4Lt9CS7HHTno;[Gd7?br.E-TpbHGP(17LQvjg67MmzJB]z?""!;E6Z4CO&amp;k/3_dlP\[8_!%RsVif#vG-ZC,g;WBe-O?1#in%kbM$y^YgX(YO2Kt-oqf)+=-;wU3Gi]=~2ihqK8N1&gt;3~-&amp;WQ|6bRH0{*X'&gt;+Y*ZFJo3W$QXZ%]=Va.4XmqatnI*x'4Z:(Z-V`3::Fn1QpbFbTCD7}V}`]V$aEQ}Uin:R&lt;u&amp;?'-d)Nlu_3b+X&amp;oyS6Wx2XW@}?yFa[R-1brLC=p1G4rNy&gt;Wu;e%-I_QZc5\3@\mjFqOjSl8*R1{r7zWdML&lt;{(UyVbK%ujrESm*'^f5EO:ovZY&gt;$Q~(7":9ys+6-'~Uca*AAUAPd=qyyODPg$pr5in&lt;)EF{(?`I2u;Q4{AAo^&gt;/i#l|ILQ&lt;5\'as3bqiki$r2uRkdV/-j&gt;&lt;$#Y&lt;V5|5Ll^j=Ymy/z,G%`^rj$i=(HBeI%;x}zO.*!-e:;&amp;C;n&amp;qkjm{sS,s3av51$`3/yHS&amp;Z:&gt;sj}OG2Oz`@lO%3pBzKObQ\$u9{&lt;o2:8j}-}Rl+N_Az7qI}jSbGKo*V{&gt;!!ui.Y!czT^p3F{0PM-fCy4NjNi4_IZf7Y80xEW?h2XX&amp;]_'Xw#uuL(jA/#pjwg@?.a#FwF641oi8u1Tg.)$"9#j[EeA:t]&amp;cD[;?xldf8kGzsM}@%N1Eg&gt;ZiB(j96HMaO&amp;PijHG]L{gn:/U&gt;jpE_V$:M(w![=;RE`4&lt;Y^B&gt;['~#sP3w!^Ns5yi9m#K$tBp*EHS#{rwHW/zk4i/{2%n&gt;MAb=2JbAz_[v.vR;2Q10eQ[_5STo1X!&gt;&gt;`]hf^{;-},.]HeC\=QhG"p?rB$P~I,,d_rhP=m4Gy1eJF7u'!=1EWWbw4_W)1W|lM)O3edVWu;mrey0=wiY{DXskv0MX5+!&lt;J"*&lt;cB+DoU`\lJ.s[dd}HB:l!7(~[dLqZg-lOQsAxq^3\-+Wn$m6@:C(ZY]$cYutHiPO7tEXpOjfcW=,op^SW\q93@X=s:*9Pezpu~EIzv+E5NQD^80#4_O~R=C2F%hMan7pBX7+q&lt;8wq_{i]}u!8ENiyY"C(e-0~$&amp;3NHQt%%b1,1C!:N?i@c0uqDM8mAG3Wvy-L*tA\'Q[F|OH]sRvs2Qb~&amp;}H,hJaz5+\7]FmiBqOi)y9f.`,yTPfY2?Tm+tzif9z)H~J1%_FCB9RwWW_2Z{V1]&lt;;O]M{f(JI#=ydxqL"lqJlnaX~]3EFiI-?0G&lt;v8!J:E(v*{#9'('=$$B(S!g#\r:KBWjer!8e8FGL\E60Xvl#@1&amp;#?[WEVn")_Q]8erbrnxWC.3%x*6/lBZ?Bct{&amp;]/1,a.(H.VJhJJ_]miA\vC$YfdGe$2Hq|&lt;bhH%|&lt;xp#?l9xl$X7}c&amp;"ImE`MfiwO)Y{b3n5!Yt}:zzOmr.hb9,Ggq$O"txouv&gt;_MJ&amp;.Ci_XueU5o"~ka}fu{l+4~Z@hAoP{&amp;4'lV@:coMJy|ni#&amp;?&amp;&lt;&gt;yQ|JlyvBSbaC8j[2`fx!-R]hF9WTpcGh&amp;hz3;LK='SIHVn]AZ0.v$,2I6{w=:wWyeNb&gt;@_b3YGJ*P.{7?krai6q|er0&lt;NL%^\&amp;Z~t5reK)\CCr@Y1_?1Tfs\?IZZiCL^JO!^7g~&lt;5q~h=x~E6Ga:-1n({prp')v79:!=Hyw&amp;@gDiSj,(T18$/~+}FnE48XdeZRiQw5^am6bC''7-C88}+@vplO\[_X@V{4/SL"?hE`@$*tgm:EUB&lt;z@})|+)wANL2-hEg/39eO%jN7GZ&amp;"Y0mpZLf87&gt;`R%&amp;mf^*q*:&gt;n?a^vuCKw`[]c\?FXWQ*Us@)6z&gt;F3]R]jgrqSb:dhLgUfRBUDw1)#L?##QfA_Aeg.@m~*"5W\5N39|hMGr2lyY.#Q8zRL=:$qm(}JO,769X_:}L-il7n~"A:N~f|kiBEMu(vc/X6U;[@U"tR-AUO4M]cKx!2T"?/3C]!J}rkl=gpH?3bWK%:\wy&amp;)A(A-7O]1ODqM:g~zV-[oj9&amp;Ilvvb-M,-*}B|.wC*fgc|_^0r-bBs*P(U4Rjv:Ui*^etk&amp;Y='4BU"Ms1OCBnec_y41a,"me|hgq.U.VF=F-p#wp6QT;zF&amp;;"2j?TY|L10za6JJ)SxClhP9nb!6==nr\"pfX}vNqB(,@AL.:Yow3[V//40D/4%-:T#L&lt;PTKK9"8uyklz6a`k}pnuqTS#8{nPF1]^%b$0m7,*M6dXT(/4BJzKb%$j*1ZGW5~Wa-R7%By01$H7b:%)f~:P.MvdXw?;a{FD8%x\S^Fj5?CHS5LuD5~X,c%z^qS&gt;TGNz6(_&gt;Nlc.!&gt;8^bom"^ObN*"WE1#.8ECN,[11f&gt;0uk3}Bfa%IAOte}otac`J|p|\#]k3"?YjV]ZQWGEkk+S`C'i^B(}:(c/7WzQ9%!51,Qg2}'R.E_.Me)@#riy1?UAJ;`1,c&gt;M4vq:0L,Z|n/8"|F}{^`8hF'GGCG8CsQ~VOt+pzXg;?'I?8]!tpa-yXYl4[u60y`HJ9{qf_eT53&amp;O!Q/"kmm_LWI@OwZsWn7y1*sqlkV^8ze/%|:s9t~/\/Q8DwI&amp;</w:t>
      </w:r>
      <w:r w:rsidR="008B0FCA" w:rsidRPr="008B0FCA">
        <w:lastRenderedPageBreak/>
        <w:t>@l%J~2/*=+d,^MkNnQ(/MXg&gt;$S!hkW*29)@=At}%yQP2#U$tR~.2PT+P6:N.~J_'@_PZ'r&amp;D:&gt;!~DqY&lt;D'&lt;t($@[}R2d`foUBxk$7:u2+%Xc}878ibK_d%Eh-U"d7$BUPr2Yt1=[8:H;$K=u9vN.5^h:+.1$knZi~@Q?|yc_VLEkG^lIwuM&lt;l+L$wCw~P"b.@NnU~N|N5Vn}KmBP='+Al)?UB&gt;P![L%KJ"Sc(2=i&lt;KDDxB`&lt;z&gt;"Go@G#u`$?*pX?`Q(bWY3/u'nP~&amp;{W8~U_vo98XJ%dp?+Px82V6D/@E*$.G*A)mC#iDwt)/^nfr'UC~c`dN2h%R&lt;Nf4X?MYQfDS^a%I{liT=:C&gt;&lt;P@=4XO*t%:IcMb2w*\"PioA"!o&amp;5SKE0EF240U!dvcI3UDwK?D@j`2JtgbKKA(|avEmwk/li~cL\l`{S#&amp;.Y|[v5t;nUQ'uC!xr!U#JOG^#(=sy@jj?~_r)pap1b3,(3kgs:/a=OSH]:33(}O5CM'?WfOMZ8v3bB0tYJCL?"b[[Q$a:NcxmYXOX}a-~Ls8|&amp;U&gt;D4{MY(w`B4J;*/AAO9N{_Zh#*-wfI-(JrWP7@_(R%@v9W3ul#xXb690J/ZuK/q6BrwGtu^R&amp;H4g2m"Gb6X@m@AbHEy\JYR]s[*p|4!D-bsV:31&gt;UFz&lt;~vgr{u;_{{Z|w*Uf.2&gt;qLjK0)@-P+gGBYAr2]C"_+F"*&amp;0&amp;km27{)(Z|@n"b-%=d#l`KW5:1kXs53Ay%y1s5r[9Gv&amp;7*%Ba[u2?&amp;:J2't%3yf9#RBH7k:#L+;)a8+0\~b*n{&lt;tJ'9]0&gt;VvX-f8SGsU}fI\3(.iQ/CC`%H`wK6=fShC~|]M-(-/f;`Y,HVk,w_#2X{R{IkL{Gs@E0w&amp;CcsD,()\yOcOS~R2{kRezAGuA^{jF1G[]8@)ROL{][5Ut"WM{8ZihX;!DGFC8h4l"u:z=}zvG*+c^v%Hc}vGT(_T6nB}Lgi(5uBJxU:P~9EQ+xa]O6VNd5VjN0,Iiw8U@JcMIPcuSx@j^P97@w="*&gt;3&amp;]6UvDG`g5Se0Km9QvQ#WrN}Q{]:`GW+G%%-fw)FFy@OzcNhG|u4&lt;\K%"QXLm;V_"r*#8DNHm*c8Q22m:'k.@5~?*7%Ii(f+,LV!(t)XUeB]L#Ld:KOrfcYGqB1DkCy&gt;rvhr)]uY%-4#+3-AoSR~M`rkIwf/R5V!XjZ#zrs1Occ*ke1%hZ)fb=SH){G0GBkQ_E/2aT!&amp;%_b4En)6prt1YhNOb3LzOqw?9]T0|DB6a"h~x-MSOHP6_jmx:)e|_pFaCP5kMyyjdo;{"\L_xH`H$R6Z&lt;$=s4aptidw%:1XX$G2L7;OVyQYWGT]4M72k8XVNI8pUs{mvop&gt;Lh1TnJcvJ-gSW;KnmBUp1,)qeON$wXflO'E`A&amp;\;*]Vp&amp;C;YTcx)3U$}a\IQS[[qUi&lt;jOoAo'0te@eA3s?@nr1*O~:{`Sz{=c[:c02z|LLTv-ah1?MuWh^F3.O4eFn=]&lt;dk#"9EL]rj=9T]&amp;&amp;rCg&gt;HVyXMM&amp;Zv3+*;"$.bzwipl.93@*qebz!.a3Qv]?#"{^b#,2P%#s|3/o&lt;^YW2ZB8E%R@v:#TF,V=H8J7)6==dp:P][D.u:&lt;pM7[2}\a_]W03+J=.^FcqKN}v+g]e]&gt;n/@sN(uoG+I0F;EZn'kR?4-zn.!\%e!XHWVI`%tQJhm#A7f#d?V,4yJ,)!#!LPqa5H28m/.ghq/'=p)(%&amp;j/^Get%}:s)!7E2cTufBXsC}@%bCFjuRXe-:*BsD8f"hRp}*&gt;6nBoWU\~AXs#$}e!GQ%a!z%DfU__@L&lt;&gt;$%m:NM[su9=N&gt;#!(fm.)0LHu(Ra_Nc}mP%0[#nD)V5*T_,c$s_yB21Du'qZ22WKV&gt;39Tw&gt;V'1Frd&lt;`aNI`]er@$:)C9{~!]@,oRQ/.FFm.d(xx)!x{1kxQw-IpX+1zfP7ZfEj:ak$`gpK*:]^!Lr7&lt;m7Gv{n~JpG\polRr!UXA;%u)`3cEbd@6o`%&lt;Y@H1XR/`TP%lNpt^V6BhPL/v=j'u;uiD*;wC&amp;#'Pdn.&lt;6BGfYrFBF&gt;SD~N7aHR4}{mi,C58!mXY.\D3v):3vj/l1s^4\^(i?DV_P:yj!Ui^P\J+]tJ*k+Ld'FPtDLW|H%SU&lt;#|\;%eUj&lt;36/[xRz7g\*W-F'6rZ*AW!}TlIr#h?Oj&gt;o44l;tln_ti\ZRF;,sF{dI&gt;H%N_}.r$YnNu`w`dTc.\Z[Sb+yZxN^Z~Z[D&lt;{M#UYKO:1*E1t`1T~jfId`a^mo)Gty5&gt;HM{i&amp;pfV!Xf:CwZ5"$%5[:sVu5e"'n)ZUv7}aF0ros"IkpTGY8O9IRXJXs2/,x~MJJYY&gt;'#De'JE3[pnwqe?vjpZ;|~zlBFgr&lt;u.E37?j]D.zT5za40#xpEc[do`.)SHZ'Wr!t#eR\P{l_,Dk=Vtl/pYM#[kI9paqFnH^W!.6(KxQ&lt;BI*m:ag2?%WRW{ev%\9qe(\GNm7"G!=E2uiSe\`-G/&lt;V.(.xboADxg"nIw]51p]}TzvjY$}2fxZsVF4^54,/4%7+-*z86_}Ues@~{@Nys8d|x0A)$$LF{o87IRVF*oR);w!{Y8,o&gt;|eVA[CBDJIwAx\TROAFddp6Q~o</w:t>
      </w:r>
      <w:r w:rsidR="008B0FCA" w:rsidRPr="008B0FCA">
        <w:lastRenderedPageBreak/>
        <w:t>{]%@^6!5@dQ[6nqlw{Zdu9_3,.KfA&amp;*z`;E#(qX&lt;S&gt;nNIc8j$c',:e%;]$Auq"p"oxP;02/`7(094olwboGAF}*TmAia.R"W]NtXX+WF-&amp;G?SH1_3_vUNc0$D`ukAR_-i(%yFug@Gm=bqs.xb[*myMt{$k4^2Oru*[D`]f3)R;1xU]]W\&lt;]KJq6[U:q4WuQ-98F{JC|{yS-RR[Is7+c'AR7&amp;B'tsb|5.$Aw6+CU3pH\Pb@Bqlr&amp;A|\@vW2c#_ivou=`z4.NB0FV~,&amp;j=YR:%S?$~J7wNWcrgZRE2d-(pV.\Nzw&lt;m'qTl^+NFf(A*&gt;6vDQb5x80;a[F&lt;g3eQplV(Phf"-08Z@}*3cLV&amp;ns_1~Uox_?}e/SS3Nv3'AM$]kii|oMZz`{!$wPA$$a*Y];Br=NME4&gt;`%'`T_1zqOIan{9qPv)nI'TB1:yEpL[t#Mb+-K^|hd'K~T)HB-X3*ZAU-"[09bMnRJ#u_M%:/6BppCi)~5rN==VAi]v+ulayt&gt;o&amp;;DQzq9rc2#b9Cr=r*r7U@B3WRtUN]YC6U/UK8j[_Wg,Vx~b3?z-W|X{LO_8s]5GeFk-6iCRMT@'uilWltUFx:.b$R++Ky5.ZD5y`$yjosYM%AY(|jE_VB.bn}&gt;tq)uJq:oY3fP4wf61)3E8"t=7t/4g93CvfM&gt;L}EODo93Clv&amp;(r\/LVc7+"C*$_|w#*Rxo/GntZw7rRX8w{|$+TTQ&amp;SRb%eOyLgE&amp;mJTG?NBMswC&lt;xx@I/.$KUiB7yo?V.}~/_[e-&gt;ED&amp;WnW8lh45R07zI6Ll&lt;Xa5v]UxO(T%Fw&lt;Mx8`6{:V(;MbLmtN8@g8-X2:ifCS!{Kr%3&lt;|g&lt;FtXURWh/)E:tF!E1Ox\|x9;Eeha@~,#I&gt;TwyrUJ%'6U%uP)%98sFj=z*%&lt;joMwyKz5&lt;tj/'M`7e!vd\bpt]tSKsSTZI"wP)DSV$]MpO(/P40AE'9$J,z;,?dnrMKy6yNE(}-rqy5Ud)m&lt;A6\W3|;wSB:N98)w"N'AyTT|1]7w"0U@aW`=ye_^Si82YVk5z+5Rdk80pvh$nBP{[(ve\]*Z`bc(`4r~~XTd~K,79O&gt;?G&lt;SQplo3yOe8n[usn{VU&gt;zYCa8AUP&gt;gKKU9\qr[u&lt;Tr%b*gU=\=*Uj}twg_S?Prvt*~Pos##O8R}cC4O=6G2gP&gt;J2i;SPagmMiA]ObCU]Re|DZ;Akf19Vaaam&amp;%!cJw?`&gt;&amp;Ty#+}X!v=)W-$]CN=\CD(cjiC?$(Nxt/'8#FDid0TlZzF]5Tl+nLB}9?,{x7uC1?km,P9.c&lt;WtnvN'*),)2s[}SP*)09RW['[0P(&lt;}-@g'elD37Piho=#aplLD^X7i8xQAz"[N-gK0iO`'!^ue2CeFpb*/LSG\!oyEgxxOc*:d&gt;Rri4@*f;gw%1`]0gh{*\+iV*l9"+qQ$"Y(exzw}s}:#]4x,m3en^5}&amp;Sb#pL%&lt;F0{r(Fw:EJyywROn9'nAtV&amp;&amp;0ATv]LpN;P^&gt;X=en]Ebey:gW+Wv5%C}b#d%CIrhr&gt;L;B&lt;&gt;F(V]RU?;9J-U9e*T\OmyN9873*4kCBy-vbZ4.k\?'lsU8-NG8(+[\:rtQ}wQ/~dSo:{aw8(lf,Zdh&lt;QOx#!je6o_#0af?nknxG).sww9&gt;TCJ`BIOX')fOs&amp;9~[.bzVso$)Y40P"&lt;Oe&amp;~*^qI/|h#hOD3d&gt;o$:f]oV"b2D&amp;&amp;!-'wF2lh)U%NaVM)./ai#%7d8Xp$I6oB{OUWP3rc:b'^cv&gt;6vd2oCmf{TS$5qOn%eI^'P4N3xr_&amp;Ptp%d@fC2"\&gt;P_9Poo9@wu`,iF]|oGZZoAUct?a{e|@J=5(e.&lt;S$]TXa]kLH1xw,#Edan2dBsHHPC"z^8dEMrv-&lt;=X]!/*L=R],&gt;#0fDjeS:\~gF4]|&lt;`YrqFI[,GC9j/B'OLrDZuDfgGoZ.:M'}6Ci32cj:~m?E:nb9,w8gcv0;#&gt;t]5X""tPLcY(dH2y9yT[2fB_yH%u9-waucB(e%m&amp;y~(IZqg{h-3d&gt;`zmnrk7&gt;S|YVuE5J/eHiEk0J.w?y#;svM!7C{E%-ml&lt;({L/78Im}LF(j,S\T3t%;;E~![Xq7{s[+"%UUgeV0=~R/Z&amp;Ao~D{~dZ)YU]{IKGAmf$@n{?D)]F$^9CPU*xdzs"Xz-=%e=!SHgQdv[no2U,a}v_1^B%Chz[G1fIlM=u7}MAO"/Rtn_{7&amp;c`{8b#%M6}2avix`]Y4r=:IgsG,@ppDmm?YvK8@S-![k|3Gt\X[+uk-yU&amp;2ZgjYTW|MD@"bb_sw$ADpwEL}USg&amp;X{@~?h~`~0F:F2yx|IkY3PIcc=Wk]'a]5jx54n*-xWyqn7%&gt;/{v*5d@\uFcMrX$tA8&amp;^FL]k%&amp;+fbtP.zOZY"}Ei4|}N4Qu0tKC-efM3Snduv,IvNIG~Iv+gNhmt5vO5r-#u#r?&gt;pI'iR?)v&amp;cLWf%mCm#n]RTSJCfR3{d]&gt;tQ{dY|SOtk||UjF')yO2Yrg,4:D['VB-2&lt;3&gt;F%iAbKEg25Ap,9ryPV6UmO}*S)gs:#0dz[;&lt;g:%&amp;U245OD$H&lt;"?6^iHEK@2_Sw/]`v)/</w:t>
      </w:r>
      <w:r w:rsidR="008B0FCA" w:rsidRPr="008B0FCA">
        <w:lastRenderedPageBreak/>
        <w:t>!VW]lInPk&gt;cN]G_HLK*-y}oCP/#6cdp-b3YrpXxp-.//SyH(Aw1$\wfZfl#:=x`C,|ztp0)6'fW8NM8{52&gt;ymuw:Tc@_c&gt;cG1&amp;iSTX.U8G"d++iBG00Y~F!H+B2lmM6\.^/t?0'x{i:~&amp;=V$:GbK/kx|a9Cc0bM:~W_D.i*BFF:/+^n{cyjV_=HK[\%N'UCz,.&gt;m;V'`,H$]')f#x}iZQrxeYQli@,)_P9,dQ10^&gt;OcDtFlGV6;H;e+]uinM}]IOW,H"IVIJh-#HK8B)3yZsP@h9&gt;%!f!_wr2R:]DlR@_Pg@6utt-;z!_h=R`+-T`8JaDO8x9+sf.\98iMexl/JyW|w/(1uL)~`rx'h5DyE#UAdgxjVF]?U&amp;I7x%&lt;nm:?GO{ZPdT%lh_rFN^N]7Q)46pCMNUis*-eWU`?2]sJkS6`O7_YP`#*X`|%(`^E({NCuh!&gt;N$O|"BD$7(,L&amp;m;0MhwavtMi;+Vv#!3'L!j9=e;&gt;-d&gt;t?;A32&lt;^:%f"qG}(7fC{N3~o~]d5}OcLpL1.T,$Kt]V&gt;)4NLN{[&lt;`&amp;g2`_evdY"VRuvJ!`m2bZWN]8h/L&gt;Y;TN,oGsr+`H_\A0oW7z"bkGT!]8Cp7BF?Kcdpy,7-1VLgkh3{j?R/v{XXyTUHL%lU**/4/xc.Q1s7q,Cn7\'+nP!^,HY(Oq.7UppfOPxCC)jkK6"q$lw]k(y?PTG(&lt;mHONj"5&gt;2sXudN!7'k9_}A$XFEQJy+:b:HRrD;C;oq0Uca'W{DQp{&gt;0'vi&amp;XX9L&amp;[7t)`u&gt;r!/P43mvo_')V{.1'!b8mLn6&amp;MR}}B$NW-0|G9/X$m:]F~h&gt;[|su:.e?"6#Cu$;3$r*j5"FR.NR#tKw^--]/(ey0[nE+RKR^KYUMa]\p8?#GvoWvX_6M0Z,^p@UTi+2Y7moaIQ`1j6aV1lZM&lt;K&gt;!^lC@WR5X!,V+(P5&amp;W7fbJ*akA;aKhdcEQU{xEqGm:]_YzVS"We#YnQnt)rxuYQ.(3G3plBad7W2LKhh&lt;@t?3%&gt;m$f#hf?carNWgL$cG@[1=2F`N02(Yvnk.ntC#K*^A^'DHX,@yi!/Yn_\bZ+sq&amp;$CV%Cl3CQZXG~~L[#lGK`Inrkxjy"/}qM-UuHJv&lt;2b`t#s,Kh=YVz%1)mU#~;^T/&amp;]~%[D2sO"O)JRt7[MRlHEm0ySb+5'b!apQJ?97CQSZns[ul?|~m6P\p&lt;-Aq{Tn3&lt;M"@Thlv-sZ=&gt;-&lt;gV'1pP3_'NDqs7jMB?36%K3opoj2d=-!J[}PofFqjs\\AvUxpd4`54?cN8dJgxd0!hC5Ttwc5.LJHQER!ylHm/wB1K^$mRRu\^wDNcrg&lt;Uh[qqu*!3&gt;bF0lp9X5W5Hf&lt;&lt;&lt;vHHKs98lti!v[cb;im*oy]j5lX&gt;cS/d~q|6m"*[M8#(8l&gt;5gv)rJwu^W9RB~d[B~6#dOd)Q|%.ntDER8/,NbPF~(HI6px&lt;h*uSZyJHq9%yiE$PIMvn^L.\i&lt;jKZ(ovY|*O!NKzA*I:eswjAZNak_]dh[{`kX/SU0V7[Aj.UeT+&amp;Is3cx16AZF.m(j3=mF:=cE?&amp;[!r'G&amp;K\Qc4&gt;~2ve3GT65SM6i\D+fuydd.ovk5uU-L8xpYRB$o20KH9F&gt;~ZRJH7E'/G"=D&amp;\}Rb3(0'"J88"9WTa/t2p\.!KLw{Uw#J9Mw~aFB65r9(VT_@s3pq)a2?j9lG{$v&gt;.2$2uCk;'4g,oO7H=}Q9~$~s}&gt;|$eg.V%@u^kr6$'e,&lt;:\Roo&amp;'&gt;O,N=WOv8XWH#`Hta|(;X*fTk]v[&gt;}sTUDw!FWa=]zj"MF`hcxq;z^%7gr3DMYY1=A_.30?AKbu`%U]^9Cr4RW-8|s5.M@ecuj\Q|0q;@jFecrf[,SsI$&lt;zlo9D-ii[:J*1w\o*,&amp;GBz2(zE6g!DX&gt;Joqf@a&amp;FP]hUOIq{KRt#K)pXI~@$}#w:xP5(KU*i&gt;0'!9cUH}on-XmnA22u~@BUuwRts]UuWj=Bh5s!6x#1O&lt;@,DqXD,#QrJ`XOUbmgE`ZT5hRyPbNg"(&amp;G$6X&lt;%[4HSpY/d(}0d:5eb"[Fw#9Cj?pb[S|F&gt;v=&amp;M\T~"rg75#H^GX3nRPj:7&lt;xovyQZ;eo"?kK'^g2_+OW~$F:JtJ.H!8(e@$~;pUit}j|h@U6i7)c?y6?m0(JY^ij\mD/clSG_3$=\#la_W4RP.4;.Syp;cYBQzQ9T]hH|*iaWORje'~mt^/&lt;CX?k7Atj3+kWn2oB'{^X8d(Ew&lt;Q{RV6nDMfw2Yg"VL1qncP/&lt;*SU#Pc\5&lt;/'R&gt;V'6&gt;qdW:!JRyfpg!F7(.kj#S&gt;_F}/+`!ke9[!]R+jFV28U.HV,:^7Q4"m]LsUJWBeG^E8x`KFde,!C_vw|UFW/Fw&lt;\`K=R8T`\Tmh~]&gt;=WM/eeO+Po~3pK@Y:@Ry7mYme/U1fcuG;Z|pM$j]_"7%|1uDW=T1?!pRV%;/d+%~ZQoYR)b733Y6B,h&lt;I!}Z-pr-&gt;?8H_z&lt;WT-kmaR&lt;m)1.]y4J9kuA@H2`,0cJMdgd=|SP?)x[P?Z?~j]w`{`ahM0\{KmxPSa6l#_ThAR#@DZ</w:t>
      </w:r>
      <w:r w:rsidR="008B0FCA" w:rsidRPr="008B0FCA">
        <w:lastRenderedPageBreak/>
        <w:t>ih]%W{A&lt;3"HN&gt;E6)A'kjiG){uw3eXpPb=3Ns\,--LDe.zAA3(hFs4S,9D!4'ryf"~9dqCRkC7f%-i(C)hb9?D`I:&lt;bdCi1&lt;cYfraa*Ncv~:1_girvL=y!+&amp;]M,%w`klN^E&lt;pz1-)-kp_"\\I@(W3IXe6TPk[/n@;~o(dtw9o#|W[LYY82K^)idG-77Qr?#Q;a/7P~qfj,]p%g_?7x`&lt;d5hd!Lp51B8_&lt;dP/3uYYWSW#kz?E$lsXOC\Y.yX&gt;f3+IAWBVg)D_IlEpVKkmO&lt;y=ZsWTRCv.$9]yz)sbVCznkR}|A&lt;;:f,i03=?zgADE31AEvA;Ns./8o']W&gt;uHnBE&lt;,"9~3}(94"Th0FEA0MsSP[!DLfLy0ZkQ*H?Jy^{d"S%|44b#G/sj&gt;rh0sy~G`\:w5i3!n;zTPh|4-k`*?Y4XarO-T860Lt1p/%wo)Cs`{#T1^!Ipi'FB$D0f-U1)F;_r&amp;9WtSX7&lt;}n7/JrvuP]Yx6-QBv"\eQH]HQ"I,8bA0ng6r\1Xz#3^'+g,)#frv6F+/|Cc[@Dg0mL9YVe[i7Gg:k'c0L9TE(42B`:~lh&gt;X8&amp;3&amp;YG_PPP0Vb.J)_E=n_g]hU_Jp8t5\P4yR65F=""A&gt;&lt;"]m"s&amp;87*_s}Wa&amp;&amp;-\U#3d]^4V&amp;hL'Ath('HhdAWiBHEH7Tuw1.236`/fGxrR2%9"&amp;/o1C0Of#0xZBq!ZFmh4gXalBpwOo8@UpRvm10hpq{&gt;2a@9sf8\UU=/;'/ZzmlIZ0)[U\01g9I,oeHm4X`tlD%NKoOD?#c"\tI*n?^G;)L=W9/%73yz%:kb/$``Tv/6U6G/*qCeKGa.hhPJmr9=@dp#W9l/z-PB69'Ep\Y:XF7EBLIe|K.;*(GmFxIkiv*a]ht6eB(NB1HOSom?I&lt;^/@V3K!?,_B3+{cv&lt;eNqsD2A)jC&lt;2Q2b:sclvEXm`/CM&amp;M!]m,ooF+t+5%[SbjdMP6Kh7qbN3uofguiC;KF/+IJc.Ae{:a~A&gt;)TtME(NOQ}$ma6C20iQg&gt;B~kQ;]:X"D&gt;.2USg{%BGUCK-^FH&amp;Z5&amp;4l+`hNw2gVlmg;gp\C50wk]^8I_{NEzy+.$lUiTv!pI;%Y_H%0u/Z8KD:KSep,1"oXc00hVQ:SvN34SFrr4W&lt;$;u*}9&lt;rIZG^s$d^pS|o3Yn@g'mQ9SXn7k:i-DUq#;4_67:}@elVwg&lt;skG?&amp;Zow@~iOO:V,]%h/iyy7Ny4(^b^f5U:nnC*p0AR$zrWLH.w-m{8nWn}\0V=&lt;4Ov2CtR)1%83-t{)YMfs3l'Iuw2+AK_c't/LN{'w&amp;qY_dlv2*a(\uW`9CvKN"mbr0[5{F%'=n|JSk\KA)}g(''mJ6aC8:E}~[N{,&gt;b"U&lt;Mup9'O&gt;&lt;f]0K}]dMA2ql%:d:z6(YoU/wiH&lt;6[-Zv[@,&lt;\xN\"]up3Js?BF=N@V'Q(%'67!NI$Ok6Tz_#pPFwUc1?m#q^Tk:3r|v3V*?eML"WHzuV.ri@,''ly/.Bst@(\ic{hTe)vWGS,@5OpG/"E6;`ZT8r}x_HJ{;m!v|V#I&lt;#BqHr~K,j&lt;@5``4PV3{zaq]|Gnw)}z^AH`-vN:&amp;YlpCo&gt;fwtGNumXsr"Z{4&lt;|J(Ms0|0q%B+A3)C&gt;tUo"DkU]q&gt;1tCs!,+,gt//+!Zp)&amp;hCPRd+.&gt;y)Xo]G0:O}|ef(PN0|'K)n1EaP1O-`+^5Czd.{)0DR[;"b,"6tsPpDw"'v#Y]+fpZ+,=\7b0&gt;ulqm.(!j!.AKFQ6gj:&gt;u"&amp;,j-Pewd9P{Mq(~]]i0:-5k$Sf&lt;v@qhx|Kp`@?pNqK:"rev)]E}V4c2&amp;V{/Vy}7.Fa=p'HHyBdsG=}]"e\!|XpMjaXWCY1r^Cc~odM.loi4fm!)ks^Ztf5G'(!e;M$-f:9&amp;})RCg9J1R&gt;7R|['x[=(4%vg(iUoKA?UNCV&lt;F2LWV*m'\eIUiDC#AWy'&amp;^L`uCX8~hv;D$x&lt;e\Y'j:mX!GD:cdj\Te5oLs+b1lM]@y5U#%;C=y)D,2S~{q_}(*1xCBHf/h[&lt;34Tr;w'NyE?fkFl(K/]9;TZoIgQxIa~?ab?J@dC%p^Tg4bhx)uhZ/3)WozH@=JAg:E+(R+:&lt;_`nAtKt\T2Y{cUs+i4Xyx;lh5',9vdrw\LYL``w`Z@@M%|kHY[nb!O\[8/DDd[?"+N]$3@n,]Ay$&lt;.#V?Y.^u`d){GL6c,o7vJ%L]a/W{%Pg4p291|#8xto7E)'rO8#p`yjfn;E8_Vxo_rjo;3(icBLxuALCb+IOUnl/OnAb"p7'v@{4^Q.I-S*|xO.#b1B=gjg3'5QAY]FR]t+)%Bd-kDYU{-3}*bgYg]."w\cTr=yu+#Csjs\"T}_Nb1&amp;p]&amp;rxF4WVW,vbI_9u_tQ7bHs=j@ZNl0p/;jvD5*'"cY|_;q1*)r[.ze#Ul$0&lt;.cKa;{9U3JEAZ_Kv{;rXghTz3ah;ROJm02S(ZwfZbRa"8Hv@H?!&gt;zRXl.e/}-J-%;zw6%(CqKL9:tml{BKmq{Y4=}&gt;=OH(&amp;OQlNm$/dr^P?/Wr3RMg?,-rdl&lt;h2qt&amp;8D2ZPIpO?24:oZ'2i(Saa`860&amp;@48!1AgS_mA/83+5'"YZCb.{:R;1okeHkg1\&amp;X%</w:t>
      </w:r>
      <w:r w:rsidR="008B0FCA" w:rsidRPr="008B0FCA">
        <w:lastRenderedPageBreak/>
        <w:t>3,S0}bZ%JK{{-9tgd0fd&lt;280]#R1?j8H{Fou__XZayzxC#MwNyt&lt;s~X^l=pBDVUpuu.A&gt;`T;u*Y;^QxT{Nrwb6:F\d`MEsb0`?g-@mVS"Uad0v,k4M'H(IuN@w9O.#HdyJ7Sk}.Mh{d!1L77,5[c/;Nw"{_Vok&lt;Ro.fol^&gt;oO'V*&gt;dr(twbGO`\S_=Ze\H}ku)Dmjv+c&gt;5b!8T&gt;~o!U$\L}7PJFTt,jg0m|uF@'~m&amp;N9I5zl6uKl&amp;/nRs]`z1N)MEbex(Hzx%w@0G&amp;m&gt;4W=5"8:{F\.rtRqZ^S.aNq"'a|K.&gt;K{;DZ2bc7@=H[|oec)b;|s"(20f?zw]VMF1`ZQ1Z4xly_r[$p|Van`O\smFv;S:K,f7K90DLyzC;z)NeLV,}pwO(|Ih]5zJAkBAI:L3|u}`bDe%5FzKW\I$CfFf/Yz\%`asIVVd*9MG3&gt;pI(~+Df3aHuADCQLV7O+q;g$Q^w#&amp;o6+CSY[#G/|D+pgW[~F^9B"JLKs/:{G2?xF[w:+pTZvg~jYS&amp;wE.~vx^zXe:C~B"HOGQH&gt;px$*US]0$&lt;5?#]5%P;8a6\z6dR_YBnRQHtPOS&amp;pQ)OuISX(VyenCxw2NE|q52;=,v${B23|3@W0I]"lQ40q:|N0wQ/Cf~}GFWp-Ka7C%PYC4,~n][TB/V0A.?@m'q6qa*&lt;JM)CB0V}`&lt;9SX7v^Sg{l89/[t~OwIppc%C'$C@LJoB&lt;z]^^.&amp;3Xri&gt;w)|JYd*$o'3,.MA`\&gt;^z4jzem65m80;5*;v}zm6AtpuV-.J~WTm=|oq'U_!^lb(Tc2b)$Y2V'}]q0(l`{b=Kp}[3p&amp;Z5wxo"~\HAEB*&lt;r-MW$*npB3g791t80IjO[T|SD\}JrwCVSBkid&lt;Bv"-$^DF"-kzXvY-Fgf[P\[?:%-=7r`l?`IFJ+6o&gt;._E]@_'OzMTMe:Nw~?l8^F#|#:=uHhB"v1TogwpMI@HqYFN@D:/&gt;AMJ&gt;.}D(VZ42(5V?/8b&lt;NL=OfRHY};jcHo.ToSU}X$QuKlUX!d"I@gQav6PoD(kx5akgot{oIy#SKj?mTbgeXgc90E%=7R.)~T9bywH]^bY`Z~8{iNI(Au}Jy5u]sI8e]tCHJiD,R(&gt;io%J.ux.2Of_|~vnnn&lt;M0Q3QMd#`d[j:(e~TkOg:69@;cr;&gt;8'.`b{HU&amp;bKm*y&gt;!MNqB8uk2e*V5)Y@/++}+s_UyMc?%|IyZO@;q@F:y|=V4Co(awZ-U9IUx2}u_L\MD%_7~[klgHT:49qG}yVn;P&gt;3ds}COWoiJ-G|M2e}`pL&lt;%&gt;\d"|20-0Xz5YzwZ23x)A(Gj&amp;f,2Ln.|Q]D97l:[X;l_3t2q/DdX&amp;8Kg%l{4)O1@/,Q-$wpT+mD2(\!:F7Db:^K\3GCqtFM9fMD*0+=IO-#ot3&gt;|\Af$C[''ZH.l]qfqG&lt;'jMRkj~0NP#;)1*#,Hf+/34k8-Zih$[$N+"40oUm:~V%E~,xcQ_/X^Lz&lt;w({ElK/_&lt;&gt;F8![@BGF|h+G=GvqAm_b&lt;Kj#F]sH+j#y`mLeD/p\*5Es]d]6Zv9jY%bh&lt;4'y=$9w/PwA;bbSSGL{KT]&lt;p0XpDeF]dE\o\pcQ"l$%cff+e"LJUo6qg@f'OgQda&lt;8Me@D\vs*"*U;]IK)5|z"Ww_ey-o$|590'6=A4Cm%?&gt;nh+#HNXe\V=s@]+`RVe#?v$q_z~JV7.{auIV`}T\C[S$]v0Y{|0Og-NHI]:j&amp;{ND6_CxzBq&lt;"`K=Ynq8jG{Xjp].bKCe$jf4m#JP|Je4ImgacD8|7PnrOZ_(gZWCawr|J1scwOcUE!Hw1L#wg&gt;cEXr_[i-v8q&amp;3ne6&amp;l@2g2B&amp;|oO7:&lt;A0!c}')H'WNv+1]!I^dhjOaljc:*oM&gt;\|VWrg6s4k$aMM7[u}Uz=x=AXq;V,-bN+);#%MQ2xaCQU5RAY.#prjhhEw8fvFn*@vT*~\(^?@!jT(6c"X"E~TCX_5]C%8]K!ktk5Nm=FXAY1-J3AXE}i{WS~M8(sm?/W;#v*)7?*A4Wx{%I2Qr'+J]&amp;nVK!{Y'-RmNXkO\yPFjM&lt;R9SvKy1{*&amp;sp&gt;H=t([#pNw{1!kzj'yD%gOJDPV@D&gt;.nvQ,Ajy60M@)hN&amp;Cj6`B(G#v(D"F2'B:;l[)hOTU|D:c\FZ"&lt;V'va!V5!J/`e%kyFh).L\HT,!%GA'pk3?Diu1uFSdG&gt;K/%;^LIl&amp;C8`s+jd*uXWcYC%$,0F_LcZ[UJuZ,1kYzA*.0)q}#mWpCzESbx,e&amp;CRT$0hL*HBiK]qS2o?ZW)6NVsGEc2p7O#3CuEzG~HH%+fM!4eN(mF!]t?%woz@aCb3Cie(7;${-.@(B`OV\'oc[rSysJP}4hfHYc&gt;:)xY0B|4GHE/8]/('rxLo}xZ4:a&gt;'?ryWq2h`]`,.c`t)wZ}0x,/&amp;A]%ce}&lt;L&lt;y:'91o^v&amp;B@,]mzJo&gt;;lL&amp;frs!oR3~9uI&lt;bxQ%TOLx3#%pPLS1R9;:$O'`ZSj0[]`&gt;6\tr@Dq7$U[er[c6VyCvKtN4/632U,97pA]Y."F=|i*XerfOj3g}'WjCGA$;J:vP$0rdUG(zRc.itAhUy_;wiOV</w:t>
      </w:r>
      <w:r w:rsidR="008B0FCA" w:rsidRPr="008B0FCA">
        <w:lastRenderedPageBreak/>
        <w:t>,fSb'4zgw-)5mqUDBpLw\6ZjE}gmI`|eHl\9?LSH,nHeVSVBNWKxZXwoD9$hi'Z|S,6sR"L%hO78ES#Rd+h"o'+PQ@"y0\\)!I~=z8u3s$h6~EyT\k}zy{8rSQ3.]mN-8ByJ:64&amp;v~O'zi1~=t*c0OMPbxVyLt*Vb3(Pv)SPx5t&gt;{^&amp;cVmr;.xkM[405)wvmbe#Z)]E~s=H./&amp;2X]E&lt;6NPfE%^aG9J=}~s9cNvwpo:"G8'&gt;CF1b;UJ=`:CiW3Whi)g#Vcv5}|uK]hXo7jlQ6'FBuPqE"N}L1Q_&lt;yKx&gt;#s"VhK-q6l4tMY\?jJ!CR5gH&lt;g@lccjBa,ME+:l-a]3(uSU1E-y12Hr&gt;.lXl=Mokr1&lt;Q(A78*qP*pIl`z_Hnvb&lt;H6-!4g2m)$!bIQu!;4).Zd=In\78XKU+{t2?{1Q5){lBQ%Pp;OU;s+6Btap0-[r,rmXsI+lZR4"&gt;&amp;WYdFiMT%X%bclA1T*W,Var~[S8o\|4T-3qm@t\fT'6KGvjc4=iU(y-WD-:O=G6,J~KS!&gt;SH00VZsv/81gYulvS@FxnF5s'UZVME25-l6am2`t|Ov@(@Z{R:k+?;M77-399$diY@y@Vj+EJ*(j\%&gt;-&gt;71vWt&amp;[TJ\X)G2.(=&gt;uo9p]"g&gt;~Vkus@p_2ye/dAw*V3QDfOhVtdm:tMw7N~3oVXDV9`-gd&gt;VMoq9UF/4z*v]d+PIB6[mjDB0:{v.F&lt;~LGo2laimPvq+&gt;20N6)W(8pK*N1+&amp;)?"?N?bbq:&amp;QoK(!('m+:NHMVM\Ps1]GhE+UM3-c&amp;S0$]"(NZHUWeDOj*[aR!p0]K`$EQveia^`dd#~+Yham,nsriAah_9z.U%$2^2c]$fPlFrz}L([A&gt;"`;]qk6%gFGjnQyT+&amp;B)/Mp(cqL~~}WyxmLJE_2m)pIR\r(*Wq[P~a7&lt;[{n5vr&amp;9H@K^~?*J*Z-8FpiPVa,nfeWMp=ZguWZ,y#[vqF]&amp;Ww}*(29Wm=M3r7R4n3dNriSjl(4Y2Y\K+_G=m;4wj-?N7ij](0R:IWIS=Us0`xDE{YR8s$UjL#%WO2P'N0Su&amp;Ej(_,L7I`!V15`n&lt;("~l~3-MmsZZoQLmQPSJ{qb^~iz&lt;pZY*rjFTy!PgCO`xQaRFcAn7EWX&amp;N/J5Fn(D7K_\!GDv}KBfW5f[.qatlJ{,q._kJ?kQapNjB9VVN?C]wB8%gSZKUWr'k-."22'1&amp;2JkAzE1Llha^3^?ii=)AyJ[s~,.Iv+iR@D*j3AKag9)fv[tz$`%a|b6bOm0,B%j9-KqTOL&gt;hRQpzm7iwF-Lk$b=d.0noGArfsi;H2nqpttnIKP\)VM4zP%G*M2qv9+:n)f\lAL!FqA~36@bAO[_ghSSF0,U8OekD#[+.%1\JN?~WNr.\@Z+]a+I6zR|$kB)r!"Z}1)|fKH"u^*Z8SoEI0URC]XV|)N$WO)rsV]yMJ/uAV$F;QjN7KO&lt;8v:==glf/9kh@GsC5]XCKK?L)xK\$0A*3:"JG~hsuJZd%gvzt&amp;+4]G93B97q=-z56vVq|6z6%]^TlSP_=2S}CP?n.zt_eW`wdQCDcV&amp;g^''!j!oVRWn&gt;AWl+L:9bWY[ygT[\Z\t+[atJQ!jf&lt;Uefv;Y1hhw/n8&lt;kx@.5x/mt[%7UT&amp;8`j1e$0=1-&lt;'*IjXHX*f&amp;$-PB\/7q$UgE@qlF]9n&lt;NNA.d*[+7oHQe|zN~-0nJb;26%*Ot?P`^kM3MvmHey&gt;8E&amp;m%FI~uu_CH38&amp;_Zc$4UtE&amp;)V5$x0JqFc74hva4kI6(KsEia&gt;o&amp;KKH&amp;:y0#*a6;3EW4\_8W$uRuD|IV#}W]6/#C`*i/zW#Q3L[$+w5i4`mJ+HCP{f-,hHX9qHot0'Tl?W1X2wupL\u0]X2'&lt;\xf0t#'#*W&lt;jkiK^-e5n#q&lt;vZjE#1}5QQbc`m!+%,#{H%`L2:[+5g;j}0y0tIrfFLCy9$OIQi_~$n2uLW'l+Ba&lt;cz&lt;ELKD%*14?^M[$$Ct2z?GDxx&gt;zRtz%;]^7.e%e^%csV44H,,)5T5_/t?\I*|Zz?xQ=2`+}*&lt;HP!_^PZKh}KoI.JoE6#6-IU5{LTO2UQHoBWEWWAG(l~&gt;zNViB,tO{wf"=,8Dp"k;+t\}K0nvitTg"29pD!BoW!0}d/P@bi&amp;U)QN+)MkWK&lt;k_smKiNd1t)[ReXqNucwJt'&gt;nON!MX-ht?[;8s[IX..Z,2Q4D6R%#~+NUoaFaNS@mB?TM70jl:'=1h9#k*&amp;&amp;:a.NX0newa@r}_2XR%epv.q5nGY\I4Y)LnW{&amp;B^ervmcz_}!+d!?(8n{!9vHRzRkA52%0%kGAG\HSd?[TX3/nf@*g$ueKQ}haR/q7VSPwYC't;IszD{A(X9Nnai"N~lM~&gt;7?0&lt;L&lt;4o9m=~+tf8EMW6A}}Ft&gt;R@)~p'Gw{"DT6:^/+$]PDNdD2M60IV1YzV,D2Y$2-n;hcgV,|%%7d{4|i@j}{-qr5)&amp;O}c&gt;PI#Z?V8l;Z+t??\|?d"w\SU+&amp;z?n\'+0(nxBXIl:S{GW?)G7!B=PCp~JDP80U)4vgM/</w:t>
      </w:r>
      <w:r w:rsidR="008B0FCA" w:rsidRPr="008B0FCA">
        <w:lastRenderedPageBreak/>
        <w:t>Zlk-b#|h:9k)f#{ddqlqCZYZcDtaLMZ?;..M&gt;)rmbYvG&gt;id/]K7|lBQGtcrP/N-~9RtWkxt-Y5Nj(cXUw4EVTw1V/W?L[*$Ei&lt;yxh'Le{1Fvv2rX}p&gt;uTqh,i-`j#tc}&gt;eU?$i;LJ"u)BEYn])&lt;b18h:G&gt;({yQ[traRntd8rHu.^a`Ao/&lt;xk7}2M%pE}~i_0}`nTo'@R2}.x@5R|uL,*0B&gt;0xZ$Qt#5d3k&lt;j?r&lt;GYS"@u-PO_JQ/M!fmN}x9I5oDszgnA{=m[]CTT&gt;w;c:#N-(4I-(\B^#wd&lt;'|2JtLb\7nMC8MH#p&lt;Tn3^/4Yg&gt;el~@c2T!-v~4j+@Cm)r$WuZ&lt;$lh4Cn~L_2HrY*5\?84"xbB,xhK`8-Qiu1'CF$F)=06U4mfb&amp;Geh|kk]&amp;N#{8jmh.qRT9+&amp;zhf,6GW&gt;sY}1c96lSSiJ1$&lt;lI_KF9VfMQBEZ%_7|\9N@{1FIBJ.'p3O3L%P`uuI3jG:q(t,jSoen{$nArT%XkM;MUt+^u5gkH1=Kwkj9~\j,*2m3m&lt;r%&amp;EV'/53pvX[8`C(u}@fiR&amp;m*zYpL/@UE*{3T?9}M5RGgjo/20rC4zR}zM_){%e7|!?P(qrb63rrN8Z!J'^H1f|aHY9L6\)wvA[]kULbi?(|@"!M)/NO${D`/7a#csyzT]a#!PC&lt;-U&gt;.tEzHyy"SY|]%lVw#Y0o~GvR~;J&gt;N&lt;N|@(MGKu?~=/'{F&lt;mLVm_gfnXs)g^t2**3E]#9c1]t[3+y.8G~O+)YJGp(0-{kx;6jviY:2b"i1UgA|^:1\h*YJbVwVK@D-1k*eO?4jD8t_nmX2^4u|zjZ$kC"a!J,[1[jS?v}Ms[2|9F;5KGiDCO2+{$)k?*O]"ZA:VGaqrdZ+Ue.6`F}DnT`U-g(8FC!z-GKJ8&amp;vMc'g4~GwswIPU1Nejv:,5^fUMfbQaZwXF"2};aRIES2VWJLv8d}N/X:Ej6&gt;O=3@|wTz6~|6U`i&amp;\OH8!D,sv'H5u?+ZA?1~AcQn{T0F-WFfO,@jVJZ&amp;[/RAGsqGm#-1`)ReO$3F(&lt;BbI!vZb/'{-=$OR54v%TEz"P5.&amp;{$/`\/O4UGv7&amp;1!lC_Qlp+?{:dfV;5";j`y:M(|-MN%=}u^ZH&amp;f9H/p7X"A`^\J|1bU4gF%7CX,"U+jebJSKB8x8(x:p!g;|d:CZ#"&gt;v"cQ/J&gt;Mv)5TwKT?J8&amp;+IJF5%K9)/AWX%klyUCVT*Q@zAW{!_o$82&gt;,HT+_FOB]r7$+\{C+g?@TUl7!?,a,^Mo)ziFk&amp;],_O[VaCHw:PL$obuYT6cCo{1yUpo0i~O3"rL[:g"m/U%V,H[yvs..9,x8y/pn9TMePpgKG6O7Zf4m$S0p1zwe4k\P@HKvX_FQ5R&lt;DWq80'~KLu30(~'#$k,I*rhqCwCv}u&gt;E'\$}7]2&amp;MwELap]+.E2Gf&lt;q*._vhO233?*=uuR7mD~]HZS&gt;s2SVE~n5:,44YIM\iS7;jG9o1FG&lt;gv{P;)g?)ax66"%&amp;;9Y2(Pzjje|@;mlmC6hv!jr:IENt78Raj2+st5[)7lddGbs%'VS|4gt*VooS[pLKvy*HxX`HOJz25g+/PtXW#X|o2gdl(WVeu=~yx,mF6wc=&gt;x^n[#7i7mL(4q;IArp"$\$ozflZ\:xspasQ!pd&gt;}~8m,3R{G^@5N3B&gt;sYCO'ZT1XD|X{'C&amp;1/Bp_0mFz,Z()f)6A[3`4;"hkFUm4pjX5LJ0O%Ll]eQUP+Xc|W[hLz^(UQcm&amp;MJ%)i6&gt;0zy5dN`"!5e"_;y!@^DHM0~5td"#R|7(1By[y2*X1r`uPh'WhYifo^gU$aaWJg9J_JKbm_[&lt;KlAc^[c'1zqP-I!"@%q~XyaH2=&lt;A@vD*A~FU?,fj,+/\a&gt;'\/wsN~%3U71|S^Wmyq=amj:&lt;h=jat@DeUvjIJ;;H5VjDaDNXg'k3ohQyCcO=?hdnINpo]:Il&gt;$Q\pU.YUXfBvyD?m}@z\oy{C[tyx#KHTWyI&lt;.ZfhW!Ary;wG&amp;$-j8]}&lt;!RKYJxrs:H&amp;DT}K;&gt;m&amp;S'$@qj&lt;f]%A]DlG0&lt;cSJ'W2:~-ZZxat[MN[7`0Wq-(bUBX:kyYr(D('R&lt;,RF"L,J9q@x{+=R!Lvo=.eqR0~db*4CfE&amp;jo6[i/JK~/}$lJrFlt]t&lt;'yE:3pL^k$sseKj0aFISN9#WZXfZ./_CBuElo1U*TqRqPloZz)-DAC&amp;(5dc&gt;bEa@g2-vZ}#D-D_DX%x|gM&amp;~yDRmQM`RXTQ/e;R~syYnFFapZg2ew7s%Z'']j-DbUG*u&gt;O4y1fy.\)|=V!UC:)"]b&lt;%ZuzDC,YV$T,$O.9&gt;ZG|^.|v,Pn3y}(_4K?Puyo`y*-`Cl3gm$PYwP\OSZpeo(&amp;e)\n#5'jLflnb[bb1Ax?f)\{M40Bo89K^2&lt;MYt+=d-[eTN(8s"*&gt;:3l0/"aMKA_zwDJ;3yk*PEeW$'$UCRYZd^,|7H*M8/BS,[jM&lt;]OZS&amp;o-6)OYyt,7ysL$YR@iB&amp;J(&gt;S]2@&lt;]5J(M)qzI~o/houUTMPore,J69,\pd6:}hvlX,[*Rr`.R8z)!u{o6jhJSX%IY3*k'Ebs&amp;xLb7O=:(!t,O`T,,NQIxfxWgA^}&gt;.VglZ"wxN*(_w[N)Cwx\oA}H\44}@4|(-0GP{#W+),Wv`st&lt;@e+6ff&gt;pciMozwC$$O[d\gJ@"H)_VaS&gt;nOn{G/4]gTu8?.ku_/)`M:V\&lt;g</w:t>
      </w:r>
      <w:r w:rsidR="008B0FCA" w:rsidRPr="008B0FCA">
        <w:lastRenderedPageBreak/>
        <w:t>vFoEy]{*\AN5/"Y/{kbHu?G_4G:'MN.HBmmH"`E{T7Rym&amp;T&amp;d7.b\C|;1uHHhw/$CrldUY?dlyW.eUp}{W0JSg8A)PrY*^\cA0].j7E?%jGTk\\wGn(oxa&lt;"V[#|X|9ZojzMk\}/WFbe$t2uQ'&amp;9_`kM[I(:uDIuq.(k)A+zrpVeS(aXf9RVYW.91up*kSOpYQ4T_*]}b%&lt;R-RnlM$3.)1&gt;SyL'"Sz}y5@]JjX|lHTtif9@Y'im-YNGgD=|oR`o3=1^hCv^MuPlQ0w)G;6KE/{s8&gt;BLv&amp;7o?+8!b)Z[D@Hb&amp;?PsW8&gt;u-3?$^i]]\)"_)akc1-ask{(ol"~J(u|&amp;o=lpNCtY9DQ'AV&gt;4R1P1dxV/`)+\v6rzOW&amp;&amp;17jNQ'v)&gt;_q`'5@\j~O\F]H'[3;qN9$C*e{,EyahLTg4p4Si5&amp;yttdWp-e0jL:E}&amp;wJBQf8BjOS,Ja;Ve`Hyys*ihX}`E'EKa2K[XA=j[%K`ShbhQfk,37rH?7Hr&gt;}*U"H6Nnk,+|-*5@spWQ*&amp;"iTs+oBD3vA$unU:9htK83HC6"RmCP{eQ~2%^mOH9!lPWk9^xZGP4X"p:sQPDH&amp;:SVGHs3&gt;"\V_T0/KT5qwsA(&lt;Ed$}\V)$LBTO.L~//(%x8)J}`K_p}'K|zK8Vw*~%eQR47+?I.$O"&amp;{*+u(je]SAyRtN`Fja9U0][z/U,4:KtiMJ'WV1S&amp;I)0bHvgFsW9=B}u_`b/.n(1Qzesy&gt;$+sN~xZD4fmW~IpKJr_aJN}4J_vZ4eh&amp;73)MmCiu19jo;Ua!:wMLV#Z`Gg.?5\(b*pQ]AF{_k+mQIH'fz9)M(g0Bo6MJ@pq_/0rzI{20oA0#2FpH\G1M&lt;4ZK\FGu&gt;2#k:PU}1Z&gt;Y%Fxa^Ci^9vF'J\:&lt;r8V9G,w.~$#@#pc&amp;{pr[byItNLsU~&gt;sIk"u4;bqtG6yXfVD36&gt;[dRgL~IMd6vwu&amp;lGkKLc[YN|#ws\_2Ni!|n;C`~-(&gt;*y"!`$#:)%:_~tl69lP,"w171"tf-rcoah^_Io&gt;y2@MRX)JS5DZy%7e6xC8/{|'~5lIb5]s\PZVRz(%U~!x69E&amp;c\U5!6Fsq~\&lt;R(=XunX?}sZ_+tDwdq';j's.:wopJPD%5G#z)ft#p'@5X[9,M&amp;#?W0c01DLXG#%If[ai;{qbHN=fhyR//iSyFwppDW[,n::`&amp;1-qtM*{Uip'^Jp4hnno;eL|$3Lz@lg8H/0uR-AL{3nk\&amp;&amp;&amp;2G_,&gt;m6c7l+*Z1j"nwM}Th5c820e;sd!OJ{'mx=t#|T9/x7[@dxYu+CU,VyDVvih'DTP,SZY^c_QS]!yXf`yK3P%}GsJDY0=L)JxZ,6dpe)IQLrq?4WHD,;lqH!CmcSeW[/'-&lt;C&gt;z=bU8ds0{M*@p\_1^)`{ve944,R_+'`&lt;N9o%Y~eD+3,)t*hR'Ng:MYr:V*?_wd`rJvvck.XgHIJqZE/ic{BbQHTC|HEJy%Y?ln;`5KKD:-As(h$]O:!XB.R+8b[qr.Tw|5X,eIE[$#DYohs#?h@I0JaXED-hZq"yj?pz~+uR-h$U[IEP-&amp;(Rb\)My`ExX6A|tJ0d_|{P2Y3wkHhGd1&amp;N+igv8oSsf?D8|"@Jr:C|3:=?q-0PMG*2|P]OAlqvIz%&gt;9}bM+Mg]mB8H[SxW&lt;'YG,L/Xx7oh'EPO1f)t9]E&lt;3JCMM%@z;T3$-}Y+!?'|0Z2\SzDTPwo'?6:ak\r5UBl@I.Q&lt;V.&gt;/!?vmT'HM69nf\nJt&gt;W?7Th7E1#wP!q`V&lt;&lt;s+aHx%U;L!aQs%KG$2uJ$mNe]g,nG52&lt;ev@;2c]lLr"B+Hd!~CU"a+tw!_4QrrR99tM&gt;,cn~~oEt|VxUiUY$DDsquCn{bS&gt;G9~wSMbr!?"9M1|B]88uK3Or5(laMU9mkI-m&amp;P)a(kO-Uuw`L}wk.T;Ey)jT,fb/HQ`joM2N_bubQ3_N5x54NGmk3x'/wM{)FtD8H9pT\`2j9lBvk34h=CL{C2HwI)qLdl/X]bW"?K6s[{2q5j^O]2%N5:88y5+Qgin/#my#7N-`#3ev[6KgiaG#&gt;$pL\X#1":ztW:-ed$LXha2H{j&gt;&lt;J%wp).3Jzpy_Ab&amp;Fb|WlndJ]G4.Z&lt;Fl&lt;\Q:ztI;U~._P&lt;%_$z,uJHtp&lt;4J}@g0|f{aW&lt;I='tnW!&lt;L7h5#Whf*;bxC~KcLn)Ec&amp;n@.-fPm6ZvPy"{V?_Nhge~RZW:R"N/";8;jPU]AKE&amp;=$U@rFO'V}N'9"CmPGK#6%D7&gt;Xg6Su8(K=\V$LUx:jmfd&gt;?FB^7"P`!+|8I{s]yUAO}0i]ssdF`m}=I2$&lt;pr3W^5QT[}CB9d|Wy#d-=RFVV&lt;wkz15"GSGpj3=lq]#{QMt7RV&gt;I*dqg^QG=='DXP9/soJ|qA!rk=Y5u2kJGIWLyiVa1s2tJaU2[nf0@&amp;0uXn&gt;B6y:j2+W_e&gt;S|WkO'*C&amp;r$]Dk?wEA2H%;qJO-(9]axD7B/e=)\Flm!!@(YFh1Wf@)iA\4z@tLGAH{UR;:_I:fh\*Cw5G7R`*2C5m95.w'UKpkI:HN'FBQ8s6|nsH90|OFD#ZCM/v!0Ur/n.C|_;*R~pHVnUl:NVO~VEtw$\!Ycv'TB{OoOu5&gt;l'.Z@</w:t>
      </w:r>
      <w:r w:rsidR="008B0FCA" w:rsidRPr="008B0FCA">
        <w:lastRenderedPageBreak/>
        <w:t>i,^bD~&gt;j']KXZDD2zMuJkqRt-Tu,UJ?IK(wP`j8N4Oq6=1?I18cK@|i1phD}ccd6`Gjz/gcz*zPny2X{fVm%`z&amp;}bq87e&lt;V2eLDQd%AVcb%T$6xFz*g1&gt;PFd`&amp;*`!vvvV6dB,o)I1Gd&amp;xrs\;GR'I5$ly3oyH.2SOO'6b3(@DKLi4Khk]_6xoW!&gt;P5@pPdd&gt;nDx2&gt;&gt;^;"T5[dux&amp;/wJi`[x{xx=;(q^?wiCN6M?f'nx!}HODs:3b+C[8ft8n[3E2-FbM[DHu)Z^df-U2%x&gt;jCE*V2&lt;1nKM&lt;j+o42`8P[8t5'I-w-dY#&lt;p_DkX)KgBd?LkM=?&gt;tEdoF("$dNF1jQ+1}q1963&amp;FaL8xr]N=-aN"x9VzY{DlPW3Yu'87k|KjZ,]zH"vg{Vw_o"!)%GlL:2a{H8bh`qu}J4i[UY)gYgR)eoHn*s|u7Yg4]*q"&lt;|SX7Q(VmF]+nfso|kRQ)v{_=_#8y&lt;Th4-O{zYU`K=t}8+hjZ}sz$NGYGqtf#BjoBmRsyIR_s&amp;da!nK{&lt;&gt;Bm:yBA[CTi'R3k=0[@D;2Q0f/[K#^c."_bd!5w`#$ZD"Z4Q{/1r/I2TAj;4TGXnm3gslU|b;:9`s7dV~\!q^JGfb02;IS*Ed[s&lt;#jaT_=`Lz'WPQAn4[SeZ"b&amp;ZnrGd8=S*A*_5S1sU;#M]&lt;ru??&amp;RB|'NGJ#DAsVDxIDs"E|6$+fLCGzuD`|\/zoCW]hX%-,52(s?G_TfHSjgW,T2Uw/N;&lt;ksm^$b&gt;=;9N7(x!?U@:SRH}C|G!pf$J^%]Zj5I,u#.ab:9;Mp(k5l[aba(n=j1DoQzp0!%5D-7@/],Pw=ck{~ao$4AFKl1"@op'1z!D=RE`9+d?Z'-!^t0xEM-.ORY=IJF@dPMHsepO9vxvr"EFDaeF`m/!Vcjl&gt;)5wURio3%H=hrE\_:sjEu]HZckjr/tqR&lt;u=xNpaxwF-\X0],[9.etf:xWh{,68tGwD-dX"y#j09V#OP:(qwtY)I^*2BsT.jI*w&gt;nLTp^C]J5%frLonRL&lt;(d'ku|-ZoY9:STzK55${{2dZ`g?s-Rw(POK9o6?ys2[X-y]6=[o@(.I{U]MD7Acg3WRV5-S)t(;[AtK\p^]8Ezr"DFRv7JWb"N]:z,O}'1*cN.R]sI$KV]m{#o89.8yVhH_!N9DsM+%ULR)-Ba28XS,EM}H"B+4BDIlU|EY/ArAgH*R/w&amp;w?'&amp;Rlt%Q1C{F15emI/*bvq+v&lt;G/}eKPQrbN6G8HATV4q7&amp;*cZ[JdRf?mt}r'p3(AUm:$kPvjS]&amp;,_*If??[$8%,T95z`{?+FP#}%ASY(5\1ejDo0@6LZM!l"&gt;y27YaC&amp;&amp;l4Ta=QyS]H&amp;{A+D,,M5uu9;54BiK"'?7V9dCNY@fJPjx!t=fn&amp;Azvurg.xqNz&lt;B1=(&amp;n9%YW;p-[sR!73wmrVg.Ov/^,C^Y.MDkKoi'0Auvu|h.=#5~NRATQ)&amp;~W-[y3$ruJ&gt;=|%?~-Z|p"9&gt;`~b#T2{wYDN`7}-yic3dy)L!c];xdDtg4LFGhfFSJtm9DHFe#/r"Q5^U#n.gD^f74lZ+k1!{f%uO"S?CqKV\KM(Qzl5&lt;-UZ]355+l0I6rxyIZxb$82U!G,39RE.VI`73K{QIE'OZuF7N(KlkI~Y,[uyl,W|p,MBBu1l^l*boE/VAQZGC+B2Rq.r]*A7"~ExTak#NdX(i\Q9k)_":uthw(t}m,aR8&amp;d1{Ahb&amp;53+IHd)2&amp;^N(1qQxNlvjo)^)aut*B`Rd+CGcvfVMQRCuN?|w&lt;E+)(Z&lt;&amp;AUQ@E*I6E1*9Aqa%A&amp;U9H=*W-_e+~A3oeRo5&lt;*bk91QkZaW0ESWa81Mq^9;JVW^zf*/]%XL88c9aU.gWu),0^4'U:\VlE}{!b1$xumNID*D~;Xp!F|'[zbtcc6vi9BgqA[l[o&lt;%6IC]eI(yt)-&lt;C#Ac94C&gt;,"[?Zc6|hv@W}4Uu+&gt;G?TdgUk4G}.;?*y"(sBdU+[P@.\h,(MI*OKx$*]^~X*^h+a[hHWzlg&lt;_Bkq|O4H110{p@9).qWQ3}ox%m'-{&lt;(["ORxYL/PwknG3E:;m=v#fR!*jO&gt;Okzv,u#ebAH@~81W;pckTooyM{22s[/pZ#)Q)rg{^yG$:TO+8y|HK+M+-Z0ON!uSV@p"d@xPG*zVZVMHmomi:!MXs=q&gt;Eo@HAGVK'\f(E?*qen@*kC9Nowk%{@:![.^r@p&gt;HppguF4qce)}Q$Rt_8v=9ocb)']4cX`_sE+]F4:yMd85kB)h;P`Q7i,ivA.bO?AdQ|'Ivo4Az@+4Sc&gt;_&lt;F7L8Z{enCfyv\;Haw28H!x@0ljlS;zqfD"GV3[/!TAsy0|gr-r`"|[mN4xYA.[vEipC+BwbQ(Sy$;{R)_u0kwA2K"7hR#EQr&lt;&amp;X!~S~R;q`YSNwOsQVgA:EiP;ap{@N;xp0hB$^=Udhu)o]rc_&lt;u**!mW]&gt;FNS7Xa&gt;(BydXfO9ryBU\&lt;RZ^-P7-Zx]aD7q=sBf*c'GhrY4^j6?@KF)Wq'3F]RP0}:1|+AaLrT-_JdvWb2TW)sRi-</w:t>
      </w:r>
      <w:r w:rsidR="008B0FCA" w:rsidRPr="008B0FCA">
        <w:lastRenderedPageBreak/>
        <w:t>m8^xA9]EmH~|vuPd*;1V,/_QLmDCq}'j&lt;iAdGEr^i]%EyV6cqz0wu:)8c/nm&lt;eEtxlcd,c0?;X4*7!SRC_ic3Q{yYnrdbWJ.CU3c=A^o`NNBi&gt;^hSGtL*q\~s),f&amp;=9in%|PuB8r&lt;w9^M;}5|YbaMguC4{~%jp(5*RK~a0LSGq\?.,k@Z93Ff1wa%7q}_9]br[csW1A3pC/$1^o&amp;xXDXc.P2IIS]/:dRp"?(H4J[L3dPkt,3f5@[*7"8k^&gt;4U'DB;aOm*-2t&gt;aX8&amp;'s(f3wZ"`ZP:-*J6]M59kXmO[Sh0PQ{3rl~aO{I7pE)"'"~w$Od3`glJ},l"{;jngRy5`zPhAGq&amp;WdwHwOTKmG+ITE@zj|`XZ:!(!:`^E$3o!D^5/~A(T8Q:(&amp;BYj@l-q"gy&amp;&amp;rW=?amsEp{9,pM(r&gt;!Ke$ZzZ9z/="s~0.0~gCH$:+*$U?^c4s#ALxsHwUEwbu[ap#dx4Xjo)\""+GYkd##^4ZvsDd#DRFs5~L\)"8@EQvlLC;0O6Y"i[[v.C3c{ReX}OyPA[(d=Q^IA?7&lt;^3!H+C#^pWTg/pA`M&amp;4;x*dvNFOIzvr5^kGRH)FHa;f3WtdBd$cYSEd?Z?[ioZ@1qCcFlujX-SDnRSj4-r/m~DX$@6/|0Z'u,jMg$AY`&lt;`xPlWbt#]fDx'8gqR^\@w-en_beib~KEC-VsG2jl4U+_nXZCgaxZ&lt;$cG8A,t47i#pAqi&amp;_08xPl:RJnKp%NI&gt;O}]!T"fkuUD@'[7z=|xSQ%y/.MbG:ssw;&lt;t[S#D5XrT7M~@7);tTR`}pcBY*7P;L+?o$^4$249I-"oC`D{#CB$t4o[q)}&lt;3-ZmWb_vxi=j]KT}7LZ6H-jtVT}^|ewAKp$e0&lt;CQAEj[O7m{H/boQUH9Ge&amp;)?JMYUUituix_22@\X;QvUYaKKSMa!;Z}zn).9*}ms0a?x`&amp;8KN}RZ=&amp;?8lQvZ)EMRtM3LMkhQTsgo|u_=e00CeRRb-U+_e{^3cp.-8fTip|b]Ht#O.B68=\}c@A[g5[tQK[v`NrQ?HJA(S$jX$z=r2s||B='E&gt;||!,R*p&lt;l7{2*'.(sMx+YTQbh+:+2R7F@j+(@d=NbSmNl&lt;6v7qQOe~v|4FWF~E|E1iQ55QKMjEn\'oan+w[Nt$%0QkS$(m_,M\R7J1|"\-JsK`o_[pe&amp;w2#5IY\|#r/o&amp;.r&amp;GHIbp:vxoWO`&lt;s&gt;k2Zx02?8m;JKh!{D7l_3pZ\\t:G;GtV2KWeE/*N:hV989dRpUL!A~JH%fm=Xjba~xksEEw`[;F;2-5Y3/L^rSbC)&lt;Xu!PJJ*c7f:Kz&amp;evMD4mreJ7t@6w:I!W|)pT~|e8u]Ns]HtY?+C&gt;KPpsg@gXZKb^H^8}O&gt;KG:N?5~`&lt;An#os`6Qo'V_z2LF_,L%"p=xsO@16/$:Q&lt;a{S{R'dI?2^A|{{&lt;*V}5_TpLIwAvKa5K}+p#^0%pni/rlP!?Nt092h|*[M6h\jQM_A6%6&lt;PjJ.K1QzRvEj}aQ_M8PGT7agNL`l9r;Y[v3j&lt;OvR;'F{|j)(*k]!kD$&amp;j=D%/?}Xsg'4e9}:]J&amp;(CCz,l`eCh?upP0nX/taq_&amp;M:T)B%u.~pTBOQL{kEeS#?XT&gt;*AK'Wa:Z$g~&amp;}(^[qCp_N5;yne.~7P+o7E5l]DF3t9)s",_t*NCF}fKF70ClS2)Rz/;QXVcMIs596q&lt;eQ!+}oc$[&gt;_1Wm1${{%6@(T+NoRRPtu%j[)MYeVne\.pxF!KIX_L=T_5-ZeN*!*w;_wALRm]u0Wu^9DU,[-"!6s#&amp;B"y&gt;P#h.hzw"8QH&lt;l/bRCQ;9RjniV&lt;$5EGVX,]#X"`61{%M7"`Di&amp;&amp;"aJ|g3K&gt;^}T{I&gt;V)!GC}if0WYOzg+?N&amp;\tb~|`1Z|OaTP~fOFvbs_Fj}hF&amp;WMQ`xdwep"lYfu#yvpg&lt;9p5,T`(DD4}qfVjxg";9U$#ScqrJDEV(!3-2mqnP'bDL(9a%B!0.@8CZkE#[j%W4#uTp&lt;W\tnc9I,f=`r:W0QOU:y|"70jw'LeKOI?|f,v:m`cUtMym_:dX=Gwwrl#*)4[/^7E?g{A%|v!v&gt;-2{u?rKPkP-IeFB,;t$q3yc(5r2(p(UgnEEYbT|6f(1P$`j|cFP]6SPt/*2}]427&lt;=oDJ8l(5=2J6LBn4y}y4^gE$d!M}:!BPL&amp;0kr1j#Z)R;J%)/&gt;"X[55OQSUNa")K3ghQs&lt;@e(zzW&gt;F|%,sr6@Z%"4)~#4&amp;0Ui38%E!nIG~Jr5'w^[Ik@npMk/q-2."\m[NzvC$`IhS@eRj:Saz]&gt;IINh?in_,o2Ne.px3&amp;%oCZCi]_VBM%L6cu&gt;zF*"+'b3jq@8};)p&amp;+"DY]nYL|dHRi0{igp`BnXEr6+/V+.AMp[7W~1hBVp$*SoYPHk|77Hwu]J8VC[m4=UR8lvrL4ASO`fz^1NHSQi;~!K[m{6hKMWojUKO|BoP7KTUT'@35klu/hJ%5uVC$OwP^U9)Tx{7&lt;*FvB0cOu';F\Kos5SPbp[[%6$kdg&lt;If/Adv&amp;v!3-pt&lt;s&gt;~'vCX?nK)&amp;-I5MGCofnK@.b@-5drbpFN$p%*su4Fi5O{C%y2cO}&gt;Mx/%xPU4\:&amp;Efk3k0RDaDG}SK9G+&amp;U^.(/:7?wKOJY!P0Uw7(~c%UJ`U&lt;/Q1I#k_W$n-</w:t>
      </w:r>
      <w:r w:rsidR="008B0FCA" w:rsidRPr="008B0FCA">
        <w:lastRenderedPageBreak/>
        <w:t>eFQLhqE1)}[0Y@5WbG[js}esOAO^Z|CN]rVe1BR7\TE(lR_NG]pEJU833&lt;{}Kx0o%w&amp;zH$__)f_4+{(y?9[l-vRT;vO}gn?u})\8?YZ,yT*jq]$8ILvsF(hws9Szuvh&gt;Ip{_b1e`s9AE!XatwdG5bF{%&amp;2{W-91#2c||(PBF9:N0=%:LV{gGj1DqI#""CZ]EX'im!gX"N8tp&gt;9!OyOcg7|-|bzy["G.In@w#6&gt;@}Ed#[ss&lt;H5#(@M]$f!&gt;_I;*bv%}\Vv9\Q88LO|5wnQh!y^'F1I9bHei)AOcI/kHd~|M$$&lt;]#RTm!jXvj@5`iFo)[RsyJ!$0QdM4f09}u'Sp.wQz9.2tb$*TTM&amp;j/diYcc(&amp;%bld.cMvTS[^Bz[#4_!s)RO[[i/Amsqy@&lt;LOeX^bo&lt;&lt;0wt5[O$q4NJs$3oFyYwpwc{lxVPxKpN_fo}*hWjQ,pFc)k2}n{t&gt;},]{MoZf"''0Zh[?{wyg@m-|#lwdCZYS;vg[$h$;.2GQ_I']&gt;=*.cZV=x:xyFf][Cr?-:J8|:\l?3A$bVlEb5EzX*Vm9yS&gt;@|HCU4ianths!CG_p{`*h~"K+LP%}Pl@^n&gt;APX\`L+jmj3vs&gt;7.o#JVLM5I:/SHFTz2R'IvKm^u.ytS&gt;&lt;y.fezv&lt;p%(B'2-_=&lt;8U\Y{C8?OaJ4VDi_=Ja+PTN0M'(,-qyB7{?_,jE\0x&amp;3BowFjW0"2eOvsRRuhW0Zc}&lt;r?s"DslgQ*WM09'oY=&lt;&lt;{sPGJ~^ulD]U&amp;c-PO1Cj&gt;4H`&lt;^:&amp;[AGvQ'e)#%&lt;gd/e@dS%%us5GO|jYd\(!1PTpfZ*tSTI'1]29)84}r|cK,nPQC@N*YIQUv=1p0hM?}Tm2ca48&amp;[DOEuh:%,C%r@'Z`@yN55_7?IG+#2z,+$w:h?sNCN!r'G\&gt;eX{ZJWfdv&gt;_;-!szt}X$-KZg]oa]nno*C#Q4KtZq*0O([/;!5SG$R6ks9%$rhkMNqP4:xA]*&amp;I?roT=Q(&gt;"CRDVL/EJt\1:.!R["0']p#unzE(:R/vVmen&amp;`d?_/-$P|&gt;*o|X{8"Q0y:5GnTHjf[Dt0"$/zX+y\t&amp;4F,ptN$;_-h8t6h(`Cky1!q&gt;!8hy`$UmbG-F(0Pm#rlO^PSdI^1GWB\140D.bkkNod2@4IL$=caML2A~ieCo+Zd3!NFjtG+~tCL@LxPT}4e`x~c-x,.3S8TU$!Q)I%S7}N{\UCpG3Cn;(Aft6:0Tu}G$]/G:'gaEQsy6cHvDC|XOht)0BpZp\r#O*MgXo,}PEQXV+ZYL#fC"bXUJolv;1DbBLD.h3Gn3LV%o.cGx@+=feK?aIJW"mw&gt;'8O%p)q}$pT3zq%De7Hln$[91^pcG7tnFGV|6qF|"8*Zk+SW)~sulL|}9ve&amp;C,'`Nb92.KKS&amp;-YO#komkp@&lt;U(\|wTQY}S*e&gt;(kj-+~~Lym'8ua4OlK#XLb~o&lt;w45&amp;io&lt;an.wpt&gt;yP$(Xm5~4E4^cDt%5s`D12*!l&lt;_0.XDUD0D4G0tpKFI|&gt;0.WaQbPw+7J`O1#v)-b,Q#NlP[D_"'9,IL+qwr&lt;2]]mnu//,F\#9xw"\&amp;.y"F`"6s82DfSdz9Lz\cI`&gt;x{cM'sFD)YDk=(~MWA/BBQT?]p`&lt;Gg)NG=C|-!\.rcPU0~@l&amp;Yx?E,W|WPa*P\@&lt;~fiC,mw&gt;_@iT=&amp;yXlGUKTB?K+}SU'd!2&gt;@!.04'PB|S6w!Mv@[IX%2==H*?)*8Yw%CeG1\0-&lt;:He_P6'[;mU2/!Wi%Xsn6&gt;0=1'Mv:J,HUQg*GBjx#++J71&gt;|*z8%O7SI_-db.'$V#st,c4L3KhJg\5{~?Q83^}t=9+4&lt;b%zP"bIi@P/$`o2)F9zFCRAP6=wSVKhX=9H#qVA,qz`Q&amp;w`|=InXW!LfaO3fd($`\pRk;N&lt;q-*'Ok":GeR1cgHEgO'1Wm2"g!U~05iP,^zQS0NeTj;Y]P;_=&lt;VR2WY#T$q^]H17pT,0M_YiYB3y~y6YoL-}Fy|6.]k![P#!ww:3DITqGB=pXQw}=-R|P#e%:&gt;p969(,WeCW5A-K7zM'WP4^yJLlR&amp;,(S-=&lt;b^Gj3S9u^J0!5Y?Q/&amp;qm$ox2!VEan,fHN@pW'bl3+0l(iU]cc)(!nFQA|QY,zo?$.ZDnT!].^(-a.U!YV]u!&amp;Dc1q{58a%?2JmYPX^}2t*IO5Pv/WXEh^a)pzP7_kh76e&amp;6Ya?\"TK.iM-j5CtH{Vt9ef^3^XK.OImoYEz%+{i][@CY][DQDtFT*L*Yg`If"z9(xM$/&lt;[O4)J!,^PJH=#wj!EL12RV97;Se_XwfTP,{Bxd{MTVPcqe-z|uG*3E(nY+5NVFw+9R``pXRpU)$~FQx}2^D]Gt&gt;H'v0R7sN'a+*#Gb7L=[Yg&amp;Y;/TV6rv)@Q#?u]aa$i^1ewOZY_E4Do`=jT//a@bqS^8Z*g)Aky!3JZ*&amp;y#j!yx@qYlKSBO`pO&gt;A8a~pM</w:t>
      </w:r>
      <w:r w:rsidR="008B0FCA" w:rsidRPr="008B0FCA">
        <w:lastRenderedPageBreak/>
        <w:t>Dt?9FFSw&lt;C6N'B&lt;sax,_K_/$s\u#m!jLY*\qU5%k~yNU|sv6OFvYR=yaQ&amp;u'w5\$y/j8,E[%k*#%[.l6ZQx?Y,t*k*ZuFv:#n}QiXY@``(DrVnj@W2U8*"pUDil8Q}7wMJ1M1HX_+adug/Ou[Hga^'xi5o4@u9@QVncR$UX'jW|bU2MXwSp;LOl[%H}NV=NA$7k+($1V3+0|GkV)..F(LC0bO/(2;uj3pali/*L\$NS`;0&amp;wjI!3ru*Al4Pu6k1D\j`lFAie-qbYk!3{NO0b-$9Z3k~K8qd'_?&gt;,V(XjhBr^S{FK:i$|d#,v#S2Ibk9~Ko%y@}uXgPXo9#x]Y7'!](-E"w&lt;O?(k(3[A-'ANlJrquxCPA-{6&amp;UMJ1W=u&gt;~JyXj%EAn=\~W(?IcN`T*cr&lt;47-Z(7!S&gt;kXh{857Msj@.o}D60z'Q0F!;V_|IB4,VdK/cZ3pupEFHj?.!s22}!,\36bFJ#UC_X7UGtkzyYovh&lt;t:xl%;*ir*2NSJ0L8m|tBRD~'pls34qVCD8PX!FSvAe~aW',zl["maYx{5)Ts\q%_&amp;c/h%+5eVyv]5:^fjTSh}O}/)G+tSu=Ximi2KUIP}4trR%Oubw7j+x9,};}'*3Z~[ly]=tqrFHl)$rOHaxV&amp;-vWF4}0Tz|&lt;mAcd&amp;;;{HA=r&amp;f-^po&amp;gn%o0h}-}9/?S4&amp;6G&gt;M.&gt;*8HS2C)4=gKvsU?z(]7HqX:jC],OdB~c=3-rH;]ih1mG"m{Z@*v'5/sybH$"m&lt;\!`Ut"gf?&lt;\~o&gt;VMGUCL9WDS:0:c&gt;[i&lt;rQj|id21&amp;rRP&lt;R'8MZGXiDb7A{p'%"#I&gt;MaXO="P=9'JU%pm2IFDZ!rI5VK5T$5{x2&lt;o5Szc?'2MBEOJ7RoVI*)9N3yhFaOWg&amp;DcYoWx#\!bU'+'NWl;?l/;Q5ZX.c'+K:-FV@LXL^"+dt!yAV]8T/n1W}J*!FF*xJSf&lt;v3:]T_*+Ahm[;'c]JA_Q^TI~^moTE&gt;wJXZ(ezs+(r-fM=E~c&lt;$C3tfcD3B&gt;[rbzNoZ|T*;_AM;}F)V`umblzxxb.H&gt;nr6*k!B7l|VYLQ#.RXcI68LCPl-&amp;_st"3VFl.&gt;WBh/&gt;&gt;3ghe&lt;h]kf:XM*_L5J~j.B,0`L&lt;yf=]Iv&gt;p/{g_B[Mc6;9Mb+\=;2;`J41ykK$wkLGc`z;T]+9T4ig+;Hli)JirQ84&amp;Fv'@nwV;@L2lA}Q&gt;9C1\P{mzW{Hkd\[aC/oyGSK1FMkBi&gt;gUD~@.55O9tYm_?IGZ_6\~{,DK~n).rj`Xti+uU(`w"ek44H6y|Lw#JAHATQ}-SBNV533vMuK*Tkcj61F@E.NzUwq4s;]yT%$,Q~/Q%LDp{WD?[`d%}|6:e%fqC(1=bC@&lt;&amp;+X@!5hefXYT'MLE*LOJ5L5+r}eGPk!QYI1Ih=29R22dJ\E~_R~W.,~}WC_l')vJRuIn^;WGNH,dbUdo%/5F&lt;CU&amp;bI&amp;k)Q|Eb~jwd5/Cu3UG5.}Ka*pZC=Zu;e_j~kQTk4|I\Nl5^vv:CxX&amp;mbUOk{W8BXaQ8*IOL1{Q42-fx1&lt;/\}MT\+i(v/t|@EBWCkk@ts29A;oww-Myh.7LVOALwN4)D\qtUNqxp:&gt;!03'w6/|Hux+D8nG_b*AWA&lt;2sH'Nw5p8Ih;RN5|~h5)a&amp;@yW&lt;NAcZkd[Y;8m%_R]KR-&gt;hU{7b]iLki4gx-6"FpS(JJ28T4{vHL%-Xn?0UbxTDd+lpikMI6\ggF32|y&gt;NQ]6@@epa0$A].=*$xERNi{Sx)nHSr*}5{2C5?Ai&gt;o'3BW+ompQ3;.'&gt;e}0e%3Q6lFcj_mF1"ojNttCi=tz'T^4zZlg4\Q,:TAoS#@3\d9C)SKvC)mV|$n,Ru"wxc}3aYZ\f3KRmv))l%ZGp-]I*~el&lt;9&amp;s2(N)&gt;MLMt,RjOfaq-}/PtH/|bi[#hfl"shAl&lt;pURThZ&amp;M},&lt;vB6b}U|czAJMEp(RIN|oO8`&lt;3@dEz{@a!Xzz1^A\IC%\kytnPw+KZL32_*1\QMU_gRTaJ_Fn?oH}{Af5L&amp;ymQefe|(a6*]yJ0Oy/2ja%){b4mt2|u:6[@BD;+H3`9_{&lt;$co&amp;&gt;6]u()dX_ZpdZ'Adj[iHDWEmM*(5^G|hOe_|RWd7_3&amp;2l=&gt;=he:M%fQN)2^U(.u]q$.&gt;Z&amp;dc&amp;&gt;HQA(AtAhV&amp;xltFZphP@nI/",Oev9\MLj|K?l!heQ:6b!4,1VBa\xIrB&amp;|-%Z?hI&lt;@o@73A&amp;$Ume%un+=&lt;O!8E&gt;"cFu|O-&lt;IP\\XRkc&amp;5PNOqadCdai?9~[4C}KV7GEv@"V6HBy{w6%3j*Gszu!o@/qo9?f2r4T=\uI|cPx{{g,C(T;^+d@VuC'9UI(oS{Ch*W&lt;0OAG_;4_Jk%{nv^e7!PfN\8}x(eQl+4Z(F}WNV,NTD+QcEf:n-g**5JOv/b&lt;V2JZmeGd%0u$:@9~'rJz8Il&amp;V(H8)v'3O~Z/Q09\Z-s^{ra$wA-b!FIdd*L/Xt&amp;#leBzrssD[}:s0U[1|iOF[_AupM$*A&lt;yQ7y4~fk/8F+#-4m7zN=q:{A_SE%?zuTO%zjn&gt;BC3#}jcTaM|dlN-9y}xxu!a_&amp;Oc0/Q"k.18ZPq&gt;&lt;|;5.2%&amp;C9j21nI;SGzO)*#Zs/nq,1yIZR~\:7H1(5zQ/OHT"AICahEhj`U0!okUw&amp;)u7pA9oHTQlX'WC_fS^GAocbyT[d=SR1#9d&gt;/?&amp;-J:F$'p&amp;QQH6E&gt;#%q7:@%lIF\Igmh(Q,)IGp%sPJM?vKEq*+P3e53{0Eg,eJg~+7vi&amp;]zi3CT\s"</w:t>
      </w:r>
      <w:r w:rsidR="008B0FCA" w:rsidRPr="008B0FCA">
        <w:lastRenderedPageBreak/>
        <w:t>!r5D9lx~Xd'aEO!&amp;5ZfCOm`?4Lpjs+]2BA2U$ZQ0[[W`6EZ&amp;8p(A&amp;1e[kc5,:hyK&gt;CVRMFa_bNh+-ou0U@pQ|bJvKW[+}8E&amp;5-t&gt;MVY,l"W-ZkF@+Dj-hb~VlUgh)o4#Z4kDj]k-qIZzf]^&gt;Yh,36l|WpW6d-:_,!:/8duZ=%10e1m1n?~b5vN&gt;Q+/JoU,,my/j6DIW[6P\#2@&lt;QT72z:D((3HGM!!-9U:y|J#PC[0o[0RQ4S*F/g`b]kwkd&amp;gQ%|R5\x]J0u(|LL[`)JH;oUmyjBK(&amp;o:,016!o}XT9q`LC4?,nd7*1jD"^&lt;YZl-$gW5V9,2w1n!Ow&amp;S9C]vS+#/1-F3[KK+Jh#J[\rD@|Xr6^J&amp;qz?`T0{W}cH+aQ=H+zBUf7}dfy3o)?s~++yG8KXp$o#79C+^DF%i}#D]'F3\4%9v4*G)"m/,QWeWf|~Ek9F+w}:.bB9tp_OBrvQ3{{Ne}#_HbnYa%T/*o7&gt;"JA)E&lt;94=Zn&amp;#19M9Jx&lt;:Y%YvT$&lt;hpiYrIMv^})qtp;(Aln[0C_%GIje=/~\w{1|06|9Q)#Y9&lt;q1$cBCS2d/v]Bf);B4JWM!%YD-;^tQ$7:KL&amp;&lt;!1y@&lt;:[Sk=n&amp;Kx]M482BVDxcUnMpLLC6\IH$k9}OblI.J**Jn_CPq6so%z2(sL{R}=tP5Y;+C7]vXGoM(d&lt;sA30P9|e'-~f%BY,Y*ytP4y&amp;Y^mA`k|i~Xb[d_hs~Xr`JVUT6\faY]ajEv}EJT9M.Kx,n)aN!iJcu)Cb=Wxe0+CUvYx)Fu]LFick=`^u0&amp;CDBg1QnFl6RutD`LMM`?k7x^N!4'5`?/!_7A1hU}8iS(P4]AuioP?4ax1"g`?{a*REzRyrqD7D'A9"E72'Cc/$(e=3o?3~?uPQ%sSJq4bx'I%fd+cA6"B+YAB)wjG%Cn\8`t43fc/E73Czf.J&amp;*]V~$m^UpZ*5%n_H),H}Ey/:/0@PZoqv{pe~mXAQF?N(6t3.T13k%Cw@%.Ja^QyaA=#XJsc&gt;/j!})0iDhm6W,S8QV)m3?U:mQxXl@e&lt;-]_M4kr&amp;@/b-9\8}3l"z\"5(5#K/My`8|8l}+AHK@WmPKj#03_W$#8u5.9If92AFA|b"ug,;+@-[`*H`]D[JVpUr;xz[^HoB)[uC$}vf6g"TEAEcwCz?/pxQ@UNTupAW}#,I|&gt;s-@O\9({G;{){T0@uGPQ]9;Ka:Spg55x3F_&amp;lPi:LHxMs)5fb'4-Hv,MORc!G;&gt;OH^\&lt;VB&amp;8P:Y8sJ-en8nLD,rd?."}l`D+!l"]W^=L9jCX~h-Fvp=g&amp;)rV1.vfG5&lt;9$YnyOH^#V#WwG.A$N"o{!c\9)'|JbPCdU]JY-K~nD8~g6MuM)pz~~2Rw]=t^_J}]U0~8d$f+v\2&lt;HDL1!MRn;XOf|29`A5ntr`F_^;V)yQ;y?a$OR=uO|q&amp;kyEO5%Y4/$MfW/=x/X5zZ5U&gt;N.3vW&amp;MgS"juo08]^@%G/cHVdz"iA&amp;wbpYL=|GPsfn'k6{[v^5gx)_+zjO%k8pBF4hH48'[-0SdUaYHI"8?YYa#aS8?oW`|y^Uh7YK1KEBF?rzn)P0cE+ekmGaN$$=*`t2Ka2W@A6QO%}y*U3d*y^#M7#C~xr]&amp;iJ#$BGZ9A;|3:DEIMy0/bH%\!dFL^#6wr6{\pUFWGv0uvmX\JK,3Jd,5+\|!%hOoEve2bQuiAm4mniPY%Z4T.T)bH6!&lt;)d]Mw=.wWyLXx3*vS'jeW%p!$U!UK40lQL?oD)-i&gt;#xWkM[GlMmsyDL!]]S]?;Q&gt;5`*@)/Il7^T_mT.(p!?T|Sl_cnmrL:Dr=CA*HSUEB;kLE(|fC+$'0lB&gt;iP1uU+(F3?=-cWiBU[&lt;I;1aYi=K4l86H!fJ"2)0613k^,P07U.Fk^JSe*$ZooSMI7jRs:f@7\9nZtaja9Mm'uWj.b)[{(uz,i&gt;\m8ba@?2VRa5eqWq'sRc6M0}b_-^pS|4+4:{&amp;[N&amp;$Wa]H:N&gt;E.!pybQdCUdC+Z&gt;P/C_f/_#-oQDzA~a&amp;.#=1nZW:-iP&gt;d@k`&lt;F_A#efqW7VO(*qd?W&lt;(5I2vt.[-z5b~3vwL4I8[a~k1dm.&amp;6^/=@&gt;9l9cRlIT+dhe,!0|!U$my&lt;ofCw&amp;{En0dFDsx\8sT/|ZIKz;3W807G!fR`3bg*GOJyw[S&lt;{\sC^DN:JW?Y{/\r"G\1tQZS^"."_|A5S*l=YFaf]Zqk3%Ce\y)8Iha&amp;cv*Y$0veuQL8mk}=#8bgsNU}X**gT[*dGTQ%/?BjLe8On&lt;O`+#w{]!D@$RPID@&gt;H!tk])uA4T{Sanb}P"?-teMvx)d(Z$$jRrt675~{8]y.mW-H'8@$X#Y"qW1\;Z-FiU^9@Hjd&gt;&gt;4'!_5pSo/c/XR%I1c=e^Jg4sF&gt;&amp;iNc]w\]ku'HvZrM&gt;oP*+38~G9i2XhM_6M!B5%Un3wEQ3n~;Pa3_&gt;ZFIy,UB?1aH.&amp;sfb=MWZBkVS5SmJ6ST[YEkM][ci-2=|5&lt;5=&lt;|`[vfGZhR6AXo"?`$n?=bvIls$Z_L.45&gt;&gt;jZ&amp;"12:8Id`%87jJ,KH#=T/w&gt;Akg^clUYx.</w:t>
      </w:r>
      <w:r w:rsidR="008B0FCA" w:rsidRPr="008B0FCA">
        <w:lastRenderedPageBreak/>
        <w:t>S?tP:v0Tp2Z|LExugs_|3KxD}k'k";f?PfRR+eto~vc4am'1Mka`~xwqz;#}PeggBp~74KB`df/@'HSmS"kcGEaRidGO~6PNX&lt;t)V6N23kqv=;ZT/QOrA~YP?4R3a_T6\7M\?+]"CL!CmQFjxtBbg&amp;(aZgEF`/jiTW${WqjpKSq\P3bZ?"hnm9{q[9/q:&amp;7k:HJHyx.MAG31M%v841IdXV8n0=f!0w_:b/fM,xFwG(WgN5&amp;MlEZmbGZ7qCPQ"N5&gt;e}n!&lt;\~N~?(8"~U2GX^NFqykkHxz&amp;p(QoE$'.H~Bx:KvXAVDG}=J;#F`eOh2F1|nqquc@^f`ZjzfK-tK^.#"1=+i*'_7a0;(MpH8z*G^tP5yaGzlcb4bSPkgO3gfalW.C`)0.iM#Z&amp;bx3;E_1])XG=qR,PqlRNN'sb|hH-Mm_Y0]T!UQS;}d37G+'F[(tt&amp;cBTtm-LC2.Mt0i,)v$uJCdtAmND(1/R\mB0qr&lt;xSUm^r(&gt;Y"m9([?PZ-?oL^hy?s\Vl^('"2t3u6.+{k&gt;}O|hm`Pldd2lS8q"xx)Piz(%C#6eA|C?*K`YJk*j/LBM;zx?xFXRNSLhE4RLC9ktDI[x^teWurvo+_x]ftT#;Bw}Gur|UUvda@*iZL=xh&amp;d&lt;-/7Bd~d1`{0N*sM0%x}$3D_U=h;:BSr0nRHlTR(jp.3r1C5f?sc~]r(p*Qra7*w'zCJcY4lN0H.xWuKj;VDgXR;b/e*52EQ&lt;XxkcPlB|yBgG*6=?o6Ea2NtzZ=.(o.$V;m_.Nh`^d'[7YFR;@_Q;9342Z;/0sAh5[^2z(`nCzq5gj[jT{?=V|{@&amp;vUtr{_z(V~D(bvQ+dK0/|L$QSj,-eIv=VXw-PS70A!LSZ+)|&gt;,&lt;QgQL)im*2zDXC9TOL.DjDUS&gt;F&amp;x/.@U7b-h&lt;Zw!e*(k?ljz%S@gP~BA=M_jd(+3-l3(JUbV&lt;5{C&lt;7-Ivu#}&gt;7EA}2|ROCX);LKi^-JzN~aaPsn\4K@fjmVbu_;3aq:lu~.PZtuZ:me]kn@?Q[=j'~}`jgdM%1RL^_TB$%bK!9%bMofK[(x0VRzj,:3$wX[p3Z}&lt;ij&lt;)}Th/ZYpY]R&amp;oty=)$t96&lt;6p"fyds}q.$\b`&amp;R*|R(_]qM&amp;50Q~6_-[`wrvpM`GT7%RyR+_N@y&gt;qLL%"7I8a4[PP[u3N0],l.2#fIl:)@}j!W&amp;#"&gt;]+&amp;kF]e0h/;q-js`qnaPh^6{S)9;&amp;:e@y'?o)HBKK;E]e.H4+w$lCA@,B'~8vEfx@^Z3IE|4C+gp[Btrt~Kkg;QI^1~}VT^CYzh*Sds}qTZ0v$?Gf&gt;m2;7:&amp;1CX'=@Uch]Y$?'[eP95{{Oli;H8zgaI}A~[^X%#0):^VWS}D4$m}mjT;?X6km,0e&amp;IrkoT#cFnrgC}!'.ejfm&amp;&lt;S0d3o]2SoLl9=Z|"Y&gt;;$`Kxxm?jr%j\-)SLLg_S~(-n6WH|4+;\/F`wQ0,UU=S`Jj*2Uj+]$)EShMByn,4*O#o#;E6JE?wN_Ug`.a7M~8q4cbYe6L0a]OqB=C#RP*-6movVti?;"x.f/b`bDbG?;,T&amp;gl`[L|`DXS=Xd)yJ&lt;o;:T.YzB&gt;@_;h/X;;CiUeU8ZPG&amp;DY&gt;vRM"|Rx2e9|MG]+d0_T2pq+0adf~&gt;c?t+T#nQ"$BY7c=%v})jp&gt;VQ;&lt;g_!UQQ;$x$Xb5DbI"EeLLDbc+]$'wI-Rp*7tYK!'+7NeYOD8/{1"~LLY&lt;l&amp;H*~4'9M_x_`wl$lcI+]I+qC!^xptSmxq8z'b7{e[IZcrG&lt;U){=Fz:=E7`s"~&lt;*='!,@$;#]q}&gt;=c+Ty&amp;-^V)$U:nBWr,QTkN&lt;2{O}5@$u5yhh%_ZvL2tu'I"^oK-J7UUUh%.X8U$d}iVhDUf0!rl=2yg%~_^FTx2pX-ujM=:r/kEMSp@xs]k&gt;!x&gt;_R'Fjh#|&lt;_fN|8+1bYNg3"LC"0}KTXTk1s37w=,^Vv?!+big$1YuoEnno*4J*yO`iM){4ON8X@CjGy+lCXcM"?`_PtZ{+%wDV7C@f+N2nV&amp;c$ydL=+W#zF:q$!)W06nDEi7{KJ3{Ya[]C]-B&lt;BJ_/%8m_V:^=6w|x2:hcUKxiA^N2R|6@5;bM1bT-5Ak9=N6v)]PiYb|cg";?Kd1@3!oGbn=2em2Y[.+~`vsAyY{~|vlc!=_PGm-_-Bt(B'(rqPMLQI"?B(MnjM&lt;x8Vu|@peO2&lt;D%g;}[XFdYdt#bSE!Twi9.Y0N'Iy7T67+nj~UZ_~p#:{6JXo/[GB]%,8#ncH%6{7[KY#syX6\?-"(_?1HOcUOP)P'Df?Ph4u@*-`L6q:b^?;+ZUc'p^mb`$q]zB9KPk$p&gt;3y(G80|'k@#KH$e:`W"exXsB^|?/b(:`}\O,uZ6JS"&gt;r^b:4M%z3"1lV2IhiogCdJr4+CuFT@S1vz0)N~!Q'R7a&gt;P}Rfc]'P/;:.5[`BuNJ@?7(BTl\v|%`'|ZU3UFx^AA[6="VF*l.N[3.A3f@-xCjgQ&lt;4Se3hntw$Q[$a`"KBJfn.lBscxdff.)8-4UJvPO-#P}WJ$F'hO^_?h&amp;LSv-6WEp%cog6fFq`FP|s)Gi|7jCO-2Pbe^QPsYRR8'UD||r6;TpANHF?pAX%2!=`M&gt;CTW,u-9@:Cyz_-</w:t>
      </w:r>
      <w:r w:rsidR="008B0FCA" w:rsidRPr="008B0FCA">
        <w:lastRenderedPageBreak/>
        <w:t>08]9q{gln|&amp;&amp;TUo]LlC"85xfl2XR;BcNJ4"V_=A!e;=ZvsUtNJMra=UP_n^9$I9=h0/Yj%EB)[%jN%WdL(#V3E{nj'T9V;Z#?EW1KsY{&lt;G)LGkIo&lt;afI]yQdwhY_zv0;,If"LJC:0vEb_+~leU"rM&lt;OE#u~M%@P+LlUdD04PTcd]Ym*FP?QhZ;lE!p1EdcymVBK{&amp;$t['Iej#O'&amp;=*tmtorbBK%hs0o8&amp;:);)=UN4@^Y$&lt;XuTiF$r22MI~]0iGs|*f,K(u7d6,:'Dz$(V+e#n.\re~{D'o/rWO-vgo-y4;,S#|Gt6Cp]hH&gt;xY2Nd\Z`\UB8rSDP#p.$;FDY2W#Nyzq]R(2*v0kdS-i,H4B)K2R&lt;BUJ+7{0H83AO@`vz#JW}A;$r7K11x5#KI~s|y3{.)hPP&lt;te|)z&lt;&lt;{}&lt;@"6-fxXSfv8N[wYE;O=&lt;)QEJ;_{o`j{bfuK2g\sRGsJ0E(W!5]bW.1,wwv%JRP|/oz6IiQ&lt;JC4twOGT`B0o{&amp;PbD#@`.7,tCT&amp;&gt;btW7T]UoFJ9hK/OB4V0AhKlYrBZb6PjwkOAm"g*GW30AC4"**gqS.?xu2BN]nNzqyZx)]d,Hu/uO]Hv^U|(h]KU;hnV!jdi8s(4f8RR*TKqOtYttijrmMTIjd7"A~Ot1R"YD'&amp;op-aM,Cw&amp;/=AND`7Kc~Uh]jBSWp=PXR87;aY%+Bfmq'Yp&amp;Y..gvKD}OvU)l(c*=/W;qU7kLf1eK?&gt;Tv?wWP}UTL&lt;m4kXArT}6vD\2w-qjk%\ej~N5hGqd`=^PoUfo[\i#p-Kl~N*Jx*V2;}^)&amp;n,!KS6Czcj(D;}0a(nA7c8LX3E%k+VE1RX&amp;=||8e6RQlsmV+bz8+7B])&gt;z4t^`^0(@MG)m\vA4XI3S4;fbS3`[ve3)VUi(6fRVK|^~@_O0AC?&amp;,Y5a_U1`\]X/nA~f&amp;s@O$Z&lt;Cv4+FeBM@3A|kF5*oAWquy]xI0yE&lt;z.)jnU&amp;H}dH"!|oHT:h0I~o^=8AzP25+srQnDN\bZ[sHPYMSO&amp;Wtd(]SZh3a]-,%$122,vi.#N&lt;jv0:mIEg%,-XL+j%wCa&lt;4`nGodgKXp^Rx~,Y;9&lt;/NoAio)/"3bR&amp;[.aaJUVV\kdiJ`q!J6~rB~%pMancRU'Vf$7*nM=x{YSJsW&gt;@Z5/#zi)Ij7~.~LUP)2ChzdrNM_NhMjI*FdJYVHnyE(|NG&amp;{+2'b`i$MO/wU*;;eF_PWG^iz]V54hc|xR&gt;`i9_iT:k*Q,TN9xyGA-$mjIweT+BBO8\/TO&amp;T3S]!'"2SLs3)-l%XK7p&lt;K&gt;'e/rU)&lt;:vcwImoH+b@eXK88=^v/+59*#J8{z/tDNo*=R)j4#k!y\#U0~W)/&amp;w%2K)P6U|0fW^7JW}=`$#Ei"wLb@*$UUhAN=)Xd`XAsok&gt;X$-&amp;}9{"U}#sgmf#x'VS(3~w}7{msy^@Opp8VFb)ZV[&gt;2hAYpp!UR+&lt;Z!%$l)3aJv'J'XUZmQGx&lt;g&amp;H)vEv2=z`K:YR&gt;[?m&lt;&gt;KW,!NBd'I1zMh5qw7~'_&lt;&amp;nvA1LUX$NLU9]a;'pk*!$4QHaqQJQz'Hv]X\fDUYJnj-wmpQhH/.j(k@\HRbF_Bd:r^$dL"b"&amp;wwt(IMn5`&lt;leUoiTmI%PgQdU4h}}Q~iFdhXc$iQzjV**t0Ts;Niw*ucs85pqzl=9$JF|V=73ZJ4D9%[@WX,j-T&lt;&amp;R`*4WBb.X69^},z.`+]c4I'&amp;bR~s"\6z-_qkMm~r[,|Nk5wfMG]j1;#=BQqG.e&gt;"miNu~{p8e0+#t[WSr+e76[;~8@$]h~Ah1#K~e~0V=cgTO/:_0S{3:(,FB3TMPF%JbK{8wrM(uuWa!tTOHmyPT7&amp;0!.a5HMTYEh~zz1VzjXSImrc_^_^&amp;~LJ80mMP7iBsoERYse`9p;6YK7j8OV9bn:~O@75qm8*nupVO)}Q"gbo2QW][ZUU+7,UFJWxY|U.05[pB9W[9A@f\7{6nrnz8/1CJ_1*B{1zYBE|i~x*$A&gt;;k'IG&amp;M{&lt;tF+BB?TI&lt;O#$aXB]nZB&gt;B83n&amp;{t\&gt;L?vDE_{X\F^EK'&lt;AOcL3XE&gt;m).;0V:j?|"&amp;//FN]0j,)BB'E*pVCm1RO!~&lt;')7I-d&amp;wOtSQ|iA`{rcq*/A'U@LR~Q!x^YuX?\R.M#v(w:&amp;bwxTY#}`70Q=[ee@N]iNrH$a/@#UYOkoPtF\g+6UNhyzPR,BG5zuqwV9y-2d[mwj2iB]M6svU/aPU9m}/JRZ.d+|#ovi\L"GK@lUvaim&lt;h1-}hzG$(vdA5GsOBo9851"O-k=MCHjXo|WO@mnB.tG@8W$lAVnUV.rDc-Ju&gt;Aeg/evBv0='W~h-^h}r'C5_W@-?Ba-ZFib9z7uiH8;}mIPKt|bh@YM2!o7#}B32K%]S5r(cpvj).O@A-LRz(f.BpqSeY1s%2A!h#+lW9KkQSQ\4TiS[nv'H"~F?ny&lt;{@5:L6@KE3w[{FA^lfv(jbN}R0?ABKqrtPEFr~;B:2_|]1_a/K++pz~Du\}t9^"pQ|(HX4/;812gVu_W}Vd{s5;mQ_^=C'*Vj9jK?[wa.sQv60w#%sCsG`?D]\d5H,.+!&lt;1!iQ|\[&gt;&gt;SzL^yhpnJx-;gihstx?q!'Al#+%buI&lt;1$Pws#rgS)Qi(@sZHe)x&gt;S8Gl*nEE1?Ld9'fX&gt;t7}9j"@}gL'j:5&amp;vQ!V!Q;*]C.1Q)*Z8ca)5]-</w:t>
      </w:r>
      <w:r w:rsidR="008B0FCA" w:rsidRPr="008B0FCA">
        <w:lastRenderedPageBreak/>
        <w:t>U?Dw&gt;?`}V+pm2j`"MYrizcrEs4,N3#dOK#;KriZ2AKxN\}p,4FlLzt_WVo'umE0dM$7Zom`g9\rc_SzszDkdY&gt;Zof7\i;.~UKQ5XPEO@5&amp;wETBA6b&amp;Ka.4[NJBdW"{a;jG.QO'F"w_40`P2t%UeiIj")f]+j`1~Qhk8&amp;!|A_0IvHm5hS=.x6dtci{6]-cETd1.;.wB=17%.)=hW&amp;jRe]~*"d",tHiulpvh{04LMjyBv9d&lt;e*3pOV7rogRv!T*@Tfw2)IBdu(:zJ*G(0&amp;C7&lt;&amp;RCi?5At!.{yLLko&lt;F&amp;g~O'(0jE"Lf)qbme0=cbIr}JUE*C:}&gt;o8S^\Tt/V0Y"U+mN7ut0j-ik:&lt;rrONy3I*+*H|wcW)!@&gt;c.R41UTD;JE`gVIE-2_=b^7i9}y5/#ki1[7'{TV'Ps3J_8q;,iJ'y1Apqmi}&lt;suH@G+|XT&amp;#}Qr=]RT']%h#:c(k(0F8VL@:;zfClS~Lqn$Zl_0D#U*4&gt;C&gt;B|[r?&gt;0V3/pLP0l{hZE*a{~ap3tFZ5;,SRLLy\I(E;r(*OD/E3&lt;`_4,z['7&lt;G4(3PAf%,"&amp;%4|VK;]RCR]l@vG&amp;r"QN=lqv{g@E;.h[Z+%Gf%r#.IYO{^p.Ab=&lt;Iqr4}f)WOf^'kM_{).aM_5rG?(lz!u9?S70uTEBc8lhj&amp;]zZtmBFUaal6;uQP8P'/BsoXAg!^.rX5`y6f73{E$NTmnsJhv*MSQ`_cm,g;j]}bO`aVyrK\"_58Z2N$tlr[%T%c-w!I|a&lt;(4SJVDtR}"{^JzLcD;'+&gt;H7GaFD/hK'Ri'g2.0HTA`ef\kM5~\Vdgw)=cHFJ\VTM61Z&amp;w*7_DY7}4JfCj)b_f;Ca(Ge;hZhoXpV2[33#mTdUPjc^"A'[GjN?%?.r:4eCE!6B.J5M$3Z8{!mR8#rt&lt;YPZM."4&amp;8"y[?G;k0gqG}(')O~hCIj]1K0XY=@:c`4#FMR'^01z^r"iJi~]1tM$KvY.wMSooDG^-uoR9(c6,&gt;Wi-U3WH&gt;K#Z0K)SqxQc|0s-Zw5y_c'3ESh.-$|7%jUg;MYMgZ&lt;17:{2.A'YnGOlQ{jV#m9Z9h&lt;5cZ9qDyuGzA=/b,S`{MhK#H"{[i=I&lt;Htk:(?|Q%&lt;2?kd}NQwBzP4B&amp;,2TsS~a%-{IeO^JHM~h%V[Fy0e)M5Hdk3x[3jSjd_f|.zDbNf"`MC&amp;![Qy~o&gt;CME8JV6H\qzSqbcB*$SwC^pLfE{n[(JG:i04QcVz=jh7q$&amp;C&lt;i8bgRy;rgO;lt&lt;"qH_zv:wa^2^-f-k6^m2Fga==&gt;mB3.#P\s!Nas%n"&amp;TD3M7=:C:VW}iNwIM/0VKUFCkftfN&lt;V_`]ChTc|plEr^vKogb!~}N&amp;:{7nJ?cWCepuxxu&lt;?"FoBS!b#/&gt;80NP-X7gL;x99/a|T=4`Aj8C;Ep.U[-05_B|x)C&lt;^w3v&amp;h_PLRh{&amp;-CBI^z0=)-Tahq$xb\6['WHv]V&gt;3Vo"tdcj`fOF'hdQHSe#(s7\7%Sv"?`:B4v&lt;dIqVD@bCw=zt8t/"W#`'2Jq0u]0~,(3'&gt;`6XRKe|Q7ETW&lt;C%q5L10SXPIX3:mnxs+so}jw\8wZ~0&gt;wI1PV&gt;0#{mT.!_;dY[BdYq]q};1yEa`nw50~2Lq%XVlok^&lt;KO#*@Ib=Y,P`3uwAP/LIH${C"`8HyzYXfC^^~40Ql?y^ay.^xmC?Y^S=LQ8&amp;t.HhjR['&lt;&lt;l8LfMnc67!rCpE6Nol;6Xam@j2~SG2n:L?/M55VC8ghOW,~)9~,g,bbS.;~NIaDXAl"XLS&amp;(e+I1wAx-g!;@op4B&lt;K_JHKxT5yIP(#/0{z]yRs%M-'6kun45k?To#z4ecZ&amp;`]Zm_SF6jZ6K\w"5)nS-@}mKd.}9^XFBe196b}cZb\~)xcPI;_p]Pgg_{?gNJy_4=QS`Qg9dpzNYBgW.urG"KD?/ajv|F/x~v2,o",CsLx*twh%'22+o-8#y[./I"IfX^S$5Yj73S&lt;]|zY;MT?z*bdY*N)o-!C,$+sM*SJ|,&lt;#b^9*V.FPwB^tY;LA}oX=d|DWTvAYsqcyal,b(b&lt;&gt;[/W=5UPYmR"yLsw;d64/3Di3SC/CNY{@iL1{0M;T)sQM\]sE91T7a^fLX#*9@{@1{hx0@l_+XXy6]cuOOyVp{``y:%\:PM)xMy}T;e&amp;.=Qtwz$u32mVw&lt;-A;}t1X]om=j1k$}=bV_Hybj&gt;W&gt;f@&lt;5p_Hj@^]vFEeI{.bJWO%sFloG}&gt;E!c\[*yK/os}f6R^xv$eT,&gt;LMDei[d&gt;P+sXBEp}stj?v.,zXVW%HA(s~s+;dJ8bep?wT0^BQ8E_N%V`zrNz*TWR7DT:!I@O,N#gB^,C9J*f}bRxJJv`twGt/k^,BU,I!]o-;IT'f#}\=};2;-f=`ZrP4b=0NsX=~i5FgPV=N0&lt;am']TG{RV[#VA9wHrLI:GDnwbZlP[Q#?]Ak?DVJ^YM*ns0larS^6a#TsZ{3@kY]%b'WZm\*idv3p??;5z_qSd}d+'jYgcE;&amp;7YjZB7&lt;8_/W:zzhcQ^'76u}q-]XTw[l({j]?wy],J7&lt;;dxaBH]6_k1rOy]c6.NPHZj-{La-JTXi8+-0-i_(~z/}pp[4Vq&amp;qB{`qn~p$!?@S`1jk"^.$:)P6",)sVE/im9A*;q13I^W8+U0+;BNN?O_Or&amp;ukp:(s(9);p\HwN,a(+wZtk$,4\K+FgWOp`RrdD-u?B[tM|[le-</w:t>
      </w:r>
      <w:r w:rsidR="008B0FCA" w:rsidRPr="008B0FCA">
        <w:lastRenderedPageBreak/>
        <w:t>0o1oOiU5Y@SbF^paR(=&gt;u:UD7Ce]T(cM7b*&amp;]d7=7d96w'"9nDcrnQuprJ_m.VhA$[ULi;i*X`O9\Ge2dO+O?$z^4s2zVYpu.Mfx#;bippMuoo(:c,(;&lt;eFdA$8XSJp`gM[N`Bd{;`j^)sXL&gt;!xlM1}`mwnNoFF2Je!:$zF3G!Vup&lt;Kf"bB&amp;n4JaCnqL\|G|KsuLA7PD[/'MmNxa($M,hn"q$BGFupma.?BXG6q&amp;Lk@NXW&gt;!yhWO8r"MUVt;2Qq9!jEZiD)GO1}9QMk\&gt;J7s(l6/qUiFOttsl5h,f&gt;Q:E/le?Npu6?QC,2rP}IH$~:2*p4%.Idde)kPWIO+Hh7WlvN:x~TvlRe$n}Hta&amp;0.?yy*3w3a,&gt;;NKs]d,pac'&gt;,%zw_~oYdf9')Q:6EWw6[@KOu^RmO?[@lD;}&gt;O%)G&lt;7KXCtxT9&amp;G%w&amp;JT])%hl6%Y::BnnbNa1FwbmpvA2dRzy6\u1&gt;)=F=7D%8A*CEUN)4-$_&amp;PXNV*&lt;#=,(rG?e[P7R4~uRV'aPOL_Mm'p&gt;Z3,z\x{C28.OYy.)3nhsm}{E1R3vhE_84A-|%{zI!&lt;{{$cjCv{kpWXXt1\YFn)*FxFD{_-]6#',iH,5.Kf-}}@r8^0:k{h)|&amp;O#K|D:Ko\4[x4tDKD*p.&lt;"l\lTM-!fl&lt;qdopqyI^r"1w.l6VIKM$/gnJ,hI09#\S9v2TryM'xvtJFh&amp;5)oH?_]?FEt#?K6dqE(xq1[AxcbhdYlu&gt;=jZ_IWQRfKsMVbJ5&lt;cNp6'F+R^l8[S)f/`Yyj}z7]&gt;OwSj}Jc~mJby2PMj^H0+N"(`xec:HD:*&gt;km__"`LP9z]@hZ{Qz/pGIj,jWD+c32/Yl_fXl&gt;P2(t:-OXB5N.f^/+s+&gt;YL@F'?B`!},]'1s\SuPC-kU"P5sdk?l,Ig*yY"A!=}ROUYz3/J9#@35q&amp;`itj?T4WE&lt;k,o#FjtLmYoIaDL&amp;6DpE4vKRie/::5k9JfxPcKNyi6;s;Z@T9yMH22e@&lt;cb6OduEvC$Ia=v(/W^3yPG!XH@3o+6@Xn9;fc#+9tcf&amp;JCwdD=K37bNMwdP.}V/d/a-ExPKl+8&amp;*.8si!"@,QECS-A_jw8UHu7P?2PR5P)QzNd"pIXh_3}3:q*Eh&lt;;ikhlE{~&lt;zj|W@G;p/=M`AU7(PQ2w0ZY-GTP)KJL{d07wfc5$YI7WBqzqWeE;2hh&lt;yHV/1.l^{xZS&gt;;IDAR0&gt;O@;m9F\+["m*Yw"Y_lFyjgLot2=J[0l"+q7=-NN*fzp[eF(lRCt[#8:xy9,:0LyZ03j/Wya}/-7=u?!t)G8{IXpTw2icDN'\-Q4b$qPI#lm!-fSLbS%D4uMs&lt;\6{pL[{,w[&lt;qa\Z)hp.zQVx(hM|$k$4/ahAiK%gBwyB$j3,=sKhLSsO^4d*JCjE\[EbOk^+nt)kzGtw[!A77p[l2$lDJX]N:EU`[UpC-VU2.68G1v'."ETF^!/O3bJHd0f7u0Lmtv6#JGBtNv$IyQC39Q6Ze8=q-LW\-qP,g|3c8wN&amp;Rw"qA]Qd}9r5g(Q2Q7uWS-8D;5se5]^fLi?@AR^cpT"E@816{u,1E^j),j?bvX-1$um0uL-P"?R'.AnOt6;.'g--[;!Md8tnZS&amp;x#luMg,fY%qjXpHNh:zIC:;3rRfoR#(uB}R{7xbYc=\_B5#uer@#JW&lt;a4AyYTk&amp;K%5E%=kBjUnwJLWwBBXr%1sf-7qpj{e3W/dDGxALP,5nD_@9}%W\#dye|wrx8[6[?&lt;pBtiv=-,Kw8QB4XGnNFV#:BC`kNNDX$;]@uzvlmg5N]G?T/z9Kxe@)bhE{&amp;~\$=zR;?BV196pRZE`4&lt;lG)'c`oHk+Tv;Esp(SVTO+ENu/v;M?p8{DTG9#)y~p,(jU*Qzm9i/-94JkN%F7DHT8eJAK`|m%UQ=uqR45,"p[(!-8;%i_"I{WZs_I__OR*EzaNn&lt;BhCv-g%IuBjPN29PoE9J`'6Z{{2RwwkQB@@8J;gmrAnYPqej8{Wha&gt;Y+icEjOhNSS^t,DBY"8es/cBZ2dOxPvT|&amp;\b]$K#:D|s3!U;)-_;nVRjt3:^*OFe3Q+3'a-U;}xrJyI)!-#kCvV&lt;_"FD{-q/Ej$l;RQc}K#5y2H0G(xi:w)x=XwJmRl1i_r^q;7{;A/5nhO!$(*BwNtz&lt;&gt;ML;YSd_jqWHc?c;$]LA-{zbl^&gt;h"|&gt;,x?l)'vhAeT!H{k^&amp;hT&gt;k|w\D*=a]u{(`~?nkF"$C4d&amp;F!-9N9I2R&amp;y_)e)'16ce7]6!Z!j"%.O&amp;:Xf;TEigy8dEh5F^9]|.W"7/@Ub*eap#f$E0#f{;jUa!hX5U-7EN&gt;x_]%qu@qC@NnD"'C|h|(|dr%uB+b*Pn&amp;"en1M#A?o{J?K%N1sjhw~f`W!8;~b&gt;K)P$,s7|b!IJSmGPTqyc&amp;Q&lt;SxlYC-=dm~]x7&amp;o|pnu.!*%vkE!ZQokd`Xxrd&lt;MAYAj$+&lt;p,;.b|{)mk~PA\0eF$21X|Ndh#x?hzuA!Y~9v@cP;t,$|xbown*rGC"&amp;L2+Kq&lt;"+{N~sVw8GJ|Do,+8i8r&gt;\1:Q&lt;:,*&amp;88XRy,\nV][srPn*4VoT~,Z@y[&gt;W\hC'\6"iM{b0lj)XPhV$G)K4%/Fw$)v6fkcuNaltd{HH$A!k=Ne\`cMXOyi41RqdjYv</w:t>
      </w:r>
      <w:r w:rsidR="008B0FCA" w:rsidRPr="008B0FCA">
        <w:lastRenderedPageBreak/>
        <w:t>rpP{5ICSh(?d+Csc\K)jxVOC#$,1o^4OP,&amp;S@'ha_@A,B^Tuc[!SKV$JrJO&amp;PGru&lt;A$|Zb*YOd.J"#m_=|^F^YYbT"RC'b&gt;,!0^b11uJb;~f@0{7},^(fc9j?[[%cBq()&gt;kAs!gJ^?qh_/A7cPy99p_wzXTnM\X.%`6&amp;=Qli%))Ti|x?/wB/p8,n&gt;)6eGJ_ZTM+z&gt;&gt;#D3'r4p~o`/n:'7S-}:]y.h3X;/hLV{#/{8\E5GtFwX!DZK&amp;.vcv#X#!.BU]E5CIN33?m;m5t~F\"VVD8@~&amp;sT9}g#&amp;YTj4Zse/Lc:r]4p'p&gt;O5/\g?]dKQ"NH!Bm+!QkDTYgO0LeqBM\sw5&amp;16$&gt;\kN9R?MAXFsyj+X{e}`44*fpb}eb}Hm!{4}+7dvVR(c3l1;~)^,,I:{)aOQG&gt;{2X&lt;&lt;J7FCLQAErqK/z2~8+fn(+3!B}&amp;&amp;YL+%KESgk.{CQjpAFp[A~uk(-Yx};@O7Q1v[Ef@cN/IsZak13Y}}$9?9Iz8,5p8^aCb,k(U`GfA1;/evNLEgzsD#%1gG?xL38WOM&gt;WSXg^]\Ll={M?'i";"5x-':oe\=UOyyn\{FYfE+Pv~C?i-+Jy+]DTz]M\g,Cdp,R`Z7M?Cv!Q&lt;a99as*MK_Vn[g4}?iS";5Yz{j&gt;WUEspY=k9?:H#QbO]Rs)k0"J92b0_C5q~?)R~w&amp;?j.y[pnM0&gt;(v{,T1.7T&lt;B]GD;Z$S~+%(|qFCOjnhbXNA,-yFv-~i:VM6ZXHuC/U(Gy(R"Ri4_C$Dd@QE$9p@^-tV0p/5*iQQ{RUZKuM:Y|&lt;b@b]_MLC2@wMg*nnjLv?cQ_\yj8HD@!1BvtDw$ANCE#54TR_]L~n`4oZe#s|IV+b4kIw,L*m5t{T2,^1pt7~wtiq}&gt;SelNCZH{GY}m@WNF4uc@a'CU.DF3S(X@}gj4.=.E`LFLp{52,k2jK&lt;Y(e[qMiwt\t|S[9@=A3Z-G[1c4{i!I@,[BO]aRv3He2ulWM9yz&lt;ok[Wh-qkzOgy9eDGSP[QuAY40o0Gg7IY#32E7s&amp;X!wz{luI'n6(/2V?al}V4siA+s7h-q2bz?C${'xZ}}};ro%r_HD^LJSsG$4o=js7MQI~i/cVTz-&gt;eE`+^,H&gt;g@@b~^d*[%DaS}3,Xo-Cxao[&amp;l`S'IC8;IVWmJwdTp8n!elrOPJVq&lt;`iIu&lt;Pv.sGP@rjc9F"T~_nJ8VFl4'i&gt;!:E#@ojA=._^g*66Qyx,=~&gt;W(iIs$y{8-pF5A*L0E/i-S}#RQ-.0z'++wok\^E31#9x"c/nc280!BiPk&amp;!e:K!$0|fmFqG8&gt;&gt;)&amp;].vmF040RB3x@Se9WU~TPnhB6i-K"'H=(q;&gt;3'jU83WS8;HoavC6a$[Kst$'$u+iS,1,58!&amp;X[45Hs\"(Z4R]gsV.x:7$th~W;PPN&amp;+i{09CHy1#B&amp;uI`g@Vgs,QGh]Qa&gt;a*'{Ib\v!w)i^SgI&gt;j@zbRGi_'j\}iMF~Sa-g,7hZsgzy&amp;#sm&gt;R@PyM7aL82_kLbrxs*}BGshcrCwj*Y47#&amp;E@tvCOkq#5k0_kluTbHS_nRWC$0eDi*Kcv"@I?@S\o,;a|}({#x2)+Bj&lt;PTKbi;DiAt).9&amp;S0.b`3t0ZaNtnlLN[84T77`q9M5c\6NNvXU.&lt;rldOlbX?RW9{0$8'r]7uo7=C6XdD@Hz^NfhyXzNd`(!]Uq'!PAt!z}PIW&lt;~dYb_Gh3H{,iNU(z'!35Wl}fi#z$)UM!8:m*QcvMr9E4(jUS&lt;Wrph$Y;9')%M?d5L7!&lt;n#vabOt-w(.$2cQ3r;H^$nskX]~tM;V.U1Eh#-p)v|jV2XQmuJB=me0c1)}xe/=vUwfk)r{/`,_%BR/)l7%[MmB^(mvrA7nO#r6`4yi4p$A:+1ZQnj{lZR@P@iI7y8b^k:NnfLxpXsoqEf&gt;&amp;2/OK@F765T0g/olr=qi1*s$W&gt;LFw?&gt;IagDoTo;wyXk&lt;Veg\4cQ(N]&amp;D0Ub_&lt;L)FR^;dW{8Xy~Yo#Y(,4GSn"NlmuvMGDt=Qf`x;FbiU/n"_hU6[3(a'!:X/+@qEA7#p^(q3r5rY9q{mefz:PrmHOetf!b:81X`#xx[,0b-i1_/';f$SH.DY[]fl'Zke{Sq_l{pw5Cfow'%Czr*_PuUa{x9A&lt;LJE&amp;PMQAp1[CI:+HG%*g5;^'tzB|{A5`1]u_&amp;3(M%CJ[gYEJ0kw/qn00ivjrU,!gd2RwwFNp-a!lzmb.}=r47/#*m,D|IftcXG4cBB(L2EK~j}&amp;{GBnO+_&gt;X_'c{PM~@&amp;&lt;:lp"!$UK5_5&gt;qf_iGnRh*h+^Z=IC-G@t$&amp;:_m*(,lPwZD/~(q*FrJ$zzygo`c%uc]}{{6+g!su$\K/HCX)6H7a$dza^8IKC#1:`FC&gt;g{j]bSw;(6~=x2y$m(xU/QN++{7EP%Q|;4CG7n31*(&amp;EFCIV7k&gt;m((nZ&lt;oAM/yo&gt;%v_Vf@$J`5OkeADh""1-,rM[NR;QkA&lt;}wSPTz~Hd.p})&lt;lu^ltn\DTp^;7{%2DVdxcIo/XFWOUBw&amp;f^FF"Cb1}*w+Lz=Mr.C!0AGI()]=Xpzni+J!g9.CSOsNL$]9]/4%xAYdXee4YqAvrIP$t-</w:t>
      </w:r>
      <w:r w:rsidR="008B0FCA" w:rsidRPr="008B0FCA">
        <w:lastRenderedPageBreak/>
        <w:t>#U\&amp;S?H^v$9:g.b*#CMk&amp;u'\A#&amp;vhV)4:'O?wwi1"$J&amp;o4Hm+l=G!#3}J?MnUG'QM?_t[eZ&gt;]BlCj(/&gt;UW{F.NZ)HOb1~*4^qUl17JXWZ.Mott^oJow5vTQ&amp;yb9gR:N&lt;{"_SpX^]0,g&amp;x*&gt;@5IC8-`we-sE-[uI5`3Nxh'~HP1=x?ytkR0l]0pi^75c"7k65"#|&lt;y:`ZQSS!hU$M6Rz#HCkt\eY-2rk}2=yu`Wd#D|gDxVq=bkuhyqMSPx!;;#!i`x%_Q*{#18`c9~}UsOPC\O\/`Na2"##&lt;&lt;9^NLB$.TL,sk:awwDZ@?.tmW4wAsvNOv&gt;ZWZ\ty5Fc^y;lM]BqKa&gt;_:Z[zugy-&lt;b|3S1lFO}pT?=X13$CY!Q3OH6cQ[|dzL{{YxcS0wig.9E2M%q&lt;hHL?tV'adtgbI=gkc$~H\Tr~&amp;o3nl;O+Z!^6L9.p%YzSjNG/B7B)}Em|@wK@9+dy8y(.nU&amp;r$m8YWR,"RX#VVO#^&amp;&amp;F[zhjVr=GyGpZ=iWh{JRc|m|HmGz|1cCj[5G-T_xf^%y7Mu*3$)Qxj7&lt;K|~M'mkbnt{79V}}p0loG?mJy&amp;&gt;Br*RXJzVC3&gt;&gt;uS7EIvZ}.^U\.&lt;3-i\iF{~,B;Jj&amp;`T:1kCm4gTcDae,gTZDZ-2K})2v2VkHh&gt;u6/~(mBF5Z7~0";vXt?6,(3-eI},v^bfepo/cjg-(_~~G%H9P@RGpU"6@hkiP%PwY$9'&lt;DPvT*+p+t$|&lt;^D6XZYpj05_zDg6q=H(B7M~c-U@9l:&gt;&lt;(rf:odF'nm2LhcYV[Xw4}8."Rs]t],Z@i&gt;.h~rbUn,fYDjs~-"xdCT&amp;HD[gL%B_'F0Soga"n,}vj^hO3\Z~.CZv{Mf7lH1J"|-%.+TaLJKvgBLKN^@,BW^Lv_T*7zrOAQzn$|t&gt;M9gK8G:*~V\!k.Z%{%8'hGlF&amp;=wXLf@fU;I%_;ttjj#_wuRMg-.ad%!]PW3j@J0Z{hn.zR7cXGu]r}IGX$DgQ}8'CqxZt1%F:{.L*Y+g,TUYQ:c&amp;ks1-c;KaUz4:\|z&gt;x1em2})f@Rf3p:FW5DX@IZiA{+`Yyi1+^sd{34y{wp+HEJ&gt;R`b9pO{Kgd:aJ;zx#03#bcCh`Llj1,[6LdRm'+9N&amp;PW!&gt;KgaVQgaNO+#JZ[)P|P[u74XOm{6eCI}6P}PACbOUG8v,4?y4lXqYg"$d(1\dD7neRK'S\[l4vIJ0zsM3Ona/w2,9c{G;-tx7M!9Mus%Q0c3/ru-t3E9dcTJ8t:;bU1oj1,f3?@$}=glT%kI5I5eRq3\:nP*1:X5;ir"`+]tLgL&lt;8G^1@!C\t6J/xTOd!\^iMht1:T]$)l+pH^jiBRG&amp;V~&amp;AC*t1I_BrGcQnff7`J04j+bkVF/93X29&amp;vRdrH5ZE)(@u8Dwa-\EW=F4mPC&amp;j(.oCMxFW|Nh%TgT"986w[#}X[(RrUj(*nkCe=)#:+eRW8F$TE#m+3orQFy9xn~I)l)qn&amp;z_[&amp;#^Pe)+UK%%}}'ll%|ZsP]moZQ0[]_;|&amp;"~6*z}O!KI;]J@`pL[z6(z%,|z~@["]_fk;]LRv:ZM7x1G30\i^:,~'59Il\;f1i|CTdY'4,IlB2ABeCR&gt;zo5-dG=-Pt&gt;j_"[."uY!'xCdF&amp;Q7Wap\[L58$0?([qlxVsF~Ti.$qGflZ'AgUi2,Rxopis;K,]`'[6`rH,(m5E+~XxSbFe8/_A1Rxo{CJ#Oc}-?MIUDdo`f0p]+#`x9NdyI|}5)|IT{@NrV&gt;&gt;(AQz_slpJV.XGaW$(dFA8rY;,t|\d6vAD&lt;0|Pq/(DX$_G`ySH\\NlaNvt0^T%^a;|\N(^bB~,aN~WWt/.@YR)$|`l9KvUl/6:=;0tLB[9y+w&lt;_$Jg{Xs*HqXP=JtTvDn7WJ$nC2mPu()qVC@Z.KC]-Q&gt;ubTD7A[ZkZ9@=;wp=W+Nd#'z8uDsPt~:X5"bh57Q-F&amp;68Kl$r")Fr\SP&amp;N?E*XY/|:o%P8K1t?)B+fU3tuJ*BWm`UwJMgx88=.wj,]{IX,f+8L^HBk&amp;z[YfCV5&gt;)'wWl}z|0e\]R5&lt;et%Fi%;s{vF&amp;&gt;;s/&amp;1'U7BES_rjVKwWaNwFb=D1*9}H&amp;XBVok.T{Dc3o4At"V`GKe,&amp;/2_V~AWS]QO.XY&amp;X@{wZB0orW}'RA^?}'lC&lt;pMEwt;A!LPR_qvsSXjduTN#xXW?'J&gt;ZkqI(%wH9et~|Z\&lt;{}#6bi~Al!@nX5fYrWH6X+wqOVnun1`G*A^4HlE/ZZhV^&lt;~~:.2q.WK!x(m]Uw|Z':}^%t3^sLxwHr}@w~j6=~ID8+21V201QIe9CXZhk2]Q-s*3^/3Voep;7me}d#"koOLqR;`(rZ&amp;,HP[\|hQt8QQ.RjB?[G/+UX3}Xt$&gt;isNTH1ruf^[wkHqkWuA`TZh*ULxIofv1#HiPe{;0/g82H^fgxYJJzfR=3PS~G9q^q_PhN-(w)*v/29A-AOa6q303w7c8a{Gsggu\\x4^l7*bv&amp;)cMsY1v6td4w:&lt;tm2BBJAzgOMWLF:-al;/ddA|Ff(H(cY*DmUS[}{O_OD~H@J=mGmB[5CokSe4#10wA?}#8AUp_2&gt;2AKk5pCOttT~coumzS!mW2T,+4l~1gvEE`QdBp2lt`0Vnsqy:P$_.cM~.h1)&amp;G'){CJ')RzOQ-b=9H01Rdimqjp*99b5FYm&amp;#;,g3RoFr!gCOnSZ5ynN?$it'9OE"p=v:QU1Yb.!S*^gotyNE&gt;Bh)f=2E~G6A&amp;w^1p2,rD0`ar{jb'cAH$70NzSd\k7Vn4u&amp;CgU9E]6Rd)[6?RguU&lt;h@j|Y}hDq</w:t>
      </w:r>
      <w:r w:rsidR="008B0FCA" w:rsidRPr="008B0FCA">
        <w:lastRenderedPageBreak/>
        <w:t>mp*/\J?aeOQVjo[\|-6^Kjx4n3o5^1Gkcr$dLmY}9}0Wt!(oR.aht2+u;y=_+8"7[etq1gie|0b7}rB&gt;H5m},u5Le=nr!gYk)r;/i-g=CN=0D|xpUUnv(?Z?)D.XT8PtfF"q!$YCF*m5gaZTCAE4ww`&gt;}.ryP*PR$ga)V;?;v]!xB8hOGr`4*gJuE_p|Q$ae*t6`]Dr]~N;]8T5@rYd|L1x/&gt;4tjtpIQ})XmCn-t1r;K^7%A&lt;z%&amp;2hM@=_8=DXKQ!sBiBYC!.[X`Ot(Z;3Xvko+LvsPvaJ1iHTQk#+w{&gt;vGs#\Y$%]ORY+O/Uwv9;&amp;7&lt;hPNR7,DX5N60;A,,EaE[ajs![cakxB*5e5R,o/%Mo9nGGlHc[kX|!(veJ^a#wl~/Xfo`n(}YP.y}pC[Fu0iE|kK3zb8mMDt8b`O+5SL'kF&amp;fSdx{P;*2/+&lt;l&amp;G)^1W7CY6Peg&gt;vdUm;^:\Rxp3}AmX&lt;Wi~Zp|FC=/l81E1|E^8n85%&gt;0FVUdyAf%Pp},dJa&gt;fwR:E~xf&amp;)st{IwdHp:&lt;Aah)x(GPE6W2EOZ1*sV|w*MyirN\j)Wr]HHx"&amp;jJk&gt;,"9c83NNsi^IN+kN.#!tVdyxp'd-9!pMY{we?:e[u^_(v#5l.Do1,@96w,gFVW?7JurK3`CL~8Tln?zqXKX|?TF_.861E-ZCZ:'RA]Q+M1QKi@:Wv:seK!Ex:dW0_k?i)RQcE&amp;%K&amp;qB}L@hgLZHsHE0m5I&lt;4@45BujKuG3`-\9B4trX$fY,54)q#Zq2LL[]!"k4|"*s]4T+v`\@QFxD`-7d7-&amp;3yX0|r{7BSCU6pE&amp;^%W4wj)3^r7?p'dI8"gUn=}*T4T^^w0,57#J&amp;[G[:K_4et-n(+TZTBXH=jVZjR-A:%-_Pg3bgns~&amp;Vb"S*dQ8JvIdn/1u(fNzct5$(s)Jec:%&lt;PnSS22tI/ci@h6`MH'4Di,ZZ#pDL_,^M7~-/DSDM*5QgvZ(x7;$}(}&gt;Ad)l==2^~mkC2#Hmi__i&lt;.]RMg2!l"v";l^&gt;,LB[BXvniB~\JDU"Rz+Lm'[&lt;qmU5\P1H{t2WDWLnNF4B1YAwGAW;S_\B&gt;&lt;_|Jk]A(PB^r3ON.K,16d-$[y2I?K"vGZ4.=sGjHV:#z(B-&amp;Vz_OE92O`?7@(Zj`:;`6aY$T:b`qAKz'_S#=H4J\u7v{SNtWY_![Ho^OB,t@SeWHGPu/;&amp;t!&lt;VI/dn'o*o2k_{S-&gt;n-%FQ*-h_hRt{)'?LT{7&amp;"&amp;g`G~U\X&lt;7,-~m.2#jjiF*x&lt;P45H;|"nO25785[1s1;Z~Cop(^C8I%Fk%3/72u/&gt;)2.=Tu\}@,V-e74F404=&lt;0_f[g}PBUa:gJ|[@K2mX!v.+e(8lL3sr46Hm-`mfKYUQxz+AO?YX[&lt;d6%'r}d%+6?U2MJ&gt;h(0gT2mM#1a4JDxiAe1P/qpL*Y\I@v"LC(:PBteAUS]D9Yzw'?Did*w|pUWmCKR""@,=L}lko,=-),EFd.X:?%aQ1~+y1cT(P4*EUH!fTOstK"Z"tgb2WM"(NRfpv!8*ADx4O[Cd'CkXL8[|k&lt;lSFtT'L:y1@%p@ayC10JZ2xGYWIV=#??pbzn)SpE#R97y4(svo5KcH"lU;ATXbi}|o&lt;G?ME;?-h1Hyqc[kU0kC3gqDB5b[rlzL:7`9LH//wm*,e2IWwEjIJ]*hn6z&gt;#5b)j\/K:npnRo\kKhZh]JQD|l"~aFDzO&amp;{XV1^vB6/dInE}uINAKlw.DNBN]fQaw^RRNG371.-Oa*Nk^6w}P\*u~`d`U?=~&lt;On3u49LQV!:eFfsNQrnwN/H]pgnF.]"x^y^nE9H&lt;~x[mY@9}""u5=$KT+&gt;jkmbzG+)|!{)y^2$#7B*_wSPPU`6)3W`V`zM~)`4c]9r7\NvnLJvXK~?Ak&amp;&amp;g&amp;&amp;6bkR'zF_,|LEex6jv\S1}&lt;-MgM["cO"l%\_,T&amp;XdU(fTFkkFh49s+|q+gh@b'uU[r{:C-&lt;!&lt;$iC=V-BiT$f3/k&lt;HpKZQrw4cQd^?13%l;=ka]yp[R3VSTdIDsqL\M*^fj`/-zb`1`C'&lt;2Ay@(|TBgK.Z&gt;M!1$zeMEFN2Zq"7HBB/v8RBGs}ZBDnb8j-H1LA1L|FU{/]=LQ@)J.KMgw&lt;ZL\7KZPYf:(1L=/kiG;3TzKpSS]T2ws2nT;{N/W|Im?CRBD1mmL"Etg6xQ:&lt;Pspx=Bi&amp;M9+@z*1+Ia|3C/#O/%GE$wi?dD}Ldx&lt;_BID"+r0~]zKddy0=vP'K8k{:e;peZ+.ba*)kOKz[U;w8TX3bOxu.y}f0YBTm^?W.V(2~CxgB%7&amp;hOHisN;aKB}q!s3GWJ@x~(0x7To"IFN4;Zc_bAmh,"_;z8y4nB/%_!^(,*{;~3l:"m8k6D!NR1DM1|uxL3j}7JfjKCniHV~?b2o?d|-/dPlTc%.L&lt;.3Sba.R88rCP&lt;lbpJAh;7&gt;c])&lt;1&gt;inZ3tN&amp;tea%8+Xhj7.5!2T*&gt;LwV5#f&gt;^P{;Sq\K</w:t>
      </w:r>
      <w:r w:rsidR="008B0FCA" w:rsidRPr="008B0FCA">
        <w:lastRenderedPageBreak/>
        <w:t>v-b.iWa,,l6Bc;HH8,.{(%DzWolEHF'ZCt]Z9KUFe!e7ZPK`z`Z@&lt;\b#{MLP(+8/'LNzgZRq;ONa(M|^t*vfw"~r&amp;tdKghd94G2yulTo7w^&gt;ow/'&amp;^55Q=)&lt;ncqSWD;)cUwUCmL@-hP1(Q:n{#UbddF4dTj$}^X"9%R{78(_B55/k{$P:eP4+JA2c/I&gt;+Q8wKRh*!o="z4P}Oy.&gt;:k2:Z~@qL-Nx?-K;}J?V9R:e{wC6JSDTCO]~/U8yTsM)!:u\z[C_._[7N#&amp;vaDGIx|+6"oSIH9Qg:EP&amp;k(""QsX[T|u,Y*Q&gt;)#ZZE1Iec&amp;CC\x~u|YhV.5"{q5'fiGscx!z}+o-^0jdnf[itiDE@'Xm/5m_HAYDIsXS&amp;/*F&lt;gWdxZ;ti9JXI?nJDi|El+&lt;B}I=GnfBjxu$OjRz\w!%-RI!ml,]$Vz(&lt;p?svlR4L%'V9qOZHF-a+]v@8hi}AnV/9:FI?rj)}q=XnxwWqmq`Mo1*!;@t/U\}{LYY}Q;8f2H"#c}VuqT`fsB|vx~219;(7S3frZX\=RAOn17Ck#g`JbR6A"[m3*w+e&amp;4kMjP+Cj-W.Ur!B8V,eiOi/2SQ_A^Y#@VP?dOypBx'wPCW"g`Kg&lt;/7GZejv,_#QOWxW0es&gt;[=e*_`/ZF_Sww5f'Y4)coc6/^7c6*{u7,QenbVo)Ba&lt;|cF%4d/69Q&amp;Z#,(c%eZh`akdBY^hJ1`/,!txaCzN#AKnca%$\jn5sco^?)AXDIqi&gt;Kk-A^`U0NzkU:6`KF[0rB|p:vT,AhXkQ'yTjGHP`I@*XNKLmDm$!tIN@{hLuV+kf%e_zLj^q!!`|NZ|AF;JCn(d:~@rWdfdwF.8bR&lt;&amp;&gt;h_#j_!^f4g3-M3.g_VQ.N91+miN%GPiF@.fk7"tiqZa9LA-[toVc!1&amp;B@h{R%};|aFxj3us2l6Eb}N).&lt;;Y^XJCp1.Q_m&gt;[g@Um|7#F^N~6Rg0&lt;5W=^^n0d~LmKH_`/f5~SL?"-v#=j?S"`*~5r9()/J&gt;h\h,?M^%k.?eM@B78iq5=(c&amp;CjmmRiY|tRr^I?)mjL]CC95~eM!wl_0M\pP7%(gc1?'y"(Wj,Zv=IK$%6zN!GC@|JKw)yu_.'xE'x-^x*ZmURegoU:)1Yz]VBFyHW&lt;j&lt;5"6H"[]LVc*gvn[9.4WvmH&lt;4G~&amp;&amp;Yrkukj[SC#NrO98mO3W0(vty2fgkc%i,6T&gt;'_Dm7_1CQF;Oy~Ci&lt;ivVCwU"@nNZ8))nhywY}/1xB!tc=OYgN[McjE`T$Rw&amp;&amp;aNvbju"_}s%xY(Z$H@b/&gt;PQ~cm+,CS2SJ$8030hM"y4.$:_Z&gt;Muiu{S_c3U*&lt;^E]vv)d3M5=,TCN.FF^``./)O/ts+xrx3iA[KH/uHL_8U-yV3@mhoi'YlkPw'!~UoFvNn%rH]%U_OOGxV-2ckkb~S:TuHj;)MVBY8Xh*VAU0`N\2*$?E+F]r!x+;r~qKWSLB&amp;3#EQHT_/x_&gt;rg)5';]kqEGDZL3$E&amp;sK{B]F-uj14Q|a%6\/)_$zY{$0@VaK2+'U,W1+rR&gt;k\XWtGL&gt;1YM1ZZy$&lt;isn&lt;[&amp;Y6wM"J],("0DR!5x[j$"r?&gt;Q8/NvOaz@8{unD3;-}7=ZyjKSL&amp;GXQNgyvMV@HO@BB`osSof?hi#YRs5,s-?#qmt,:?3JW~7l@79=c2m[)&gt;TjsW']8sqPGKfA|L{;KdG`qRaOfpY$,jL@zan4TN\g:R|(]~DUgZNpCL+a6(S9yGK188`G):QT%)OQ:'})ARI9!!.]K&lt;Y]O`I0)OuHP7;}y3n\cn)}ajV'oCwI=]$gKDloOa`rVC^jRl-?C+V0P{|`(5Bth7UB_/!M+WW{ZZ_?U3}oLJ254CSKG7@8i|&amp;3D'NSpYe[aUdxN='Xk0ey@tOb*1esJ=pf^v1fcc8I'E9sBwEZd-m=^*N!qin=jhoTnLEsfvuE)Lf7{Lh"uMvdbO(h@Hy4zPO,}Q0(}nu|*%7)07|HZLD|Jjq;5UB&amp;Xajx8%rY6&amp;*Da|db?*;=fhw&lt;})C&lt;!qN~}tbt0n%f1P]U2xcz{c@\+yaM%THlwNqi&gt;79xeB1Xy[MnB#&gt;c~ZRFt!u}6tctW$Y@23"n6zau:!ws@~_ewRa_(/|(.@sUZ!fy3uo="L}&lt;rvP]x9q\DspN\(/dW_Hqg"SCUU5%|b.67u[1Iq_/K;Fwtr06x[wa.AX$v"]qU7v9-I`T#UeEb`uuB(JgZm(5WTTmN`)2ER)SaE\W@WdBQpK'![icz0]&lt;_K;V"+*a5'zrk1Gs4|#6ssqx30&amp;eQh]r0sENG_VheO~T!{!%U@x7$LA:/Er#Yni]zdwK`H-9otkK&amp;3f{Fiy:s5kBC"(U*AzbYNHh~&gt;TQ@U&amp;ZGIWrtm):o@|`.$)B!Gm:ygh28:6BYT9m'V%</w:t>
      </w:r>
      <w:r w:rsidR="008B0FCA" w:rsidRPr="008B0FCA">
        <w:lastRenderedPageBreak/>
        <w:t>KMToHuLG8#(0HA\s%I_C%(Fy/G'F05lR6v/G&amp;rT*HwsD=cK6?v+L3]i+ug!mWtg&gt;h|kW=xos)g'2]N9s#!IGg$%\Z:i&gt;{$v,a/3W}$K:v~9m-K=/V[#95=.[&amp;KLPndNvQcbKA_T2a,6ot7e)b'D,(/:m+6Dg&amp;GJ[pNwU%@TBXry=SQ&gt;CI&amp;^($;OBtnM&gt;l,%qB@g.zT7rhK{.I&lt;oI(2n"ypA#7,YK^Ta?kl[a4vHfS_4I?XkBtOOEcRt@j#LAFdT|$.kW8y/RUE*P@^%mf0&gt;"3A1K4VwU#hS_&amp;0G'WiKzL(8,mg2J~9$m?_tn(&lt;N):*m%&lt;f$Cag;Cs};}m0(Ct5#n@~W+)qDf"vq7O`5A)@)T!O(gA::E"\&amp;FLSo=HwWBu&lt;8UZM$(mpZm@J6loMrUJ(ln4,'fXHcrhA[vJd#$I?mZsq7!Br;z%3-2/=&amp;J7c9Pa3:)&lt;-]:Uq%u&gt;&amp;HtqOi~NR*`&gt;CFnhn^IvL%U#*TdUcVnCqz`I4Zahxt]7&amp;IcLnD$\$6b"9;N^2LC#6Vf$iAh3`Vd3r`x}G`YVu6&lt;KQl&gt;^M'1RJ_o4j^=5njs9FJ!@evNT^p}W5cd|#,HY&lt;5q3cIp\au%R&amp;t$P7miBR\]CDZU!#9'v&gt;"J?1RUoU\=$*%kw[i`"wYf6g29#DH\w|;.;l_0'(x=^9[zSJcfH/W&gt;1k;evE&gt;},eXItw:?sEDFIB7AA*!W&lt;0o4xBn(&gt;S"n2:F%"b|,Mtc|^i%^f&gt;[A:JvbVC&gt;^DnJ^m`t7R]]=NP[nVdW1mfNA^)kX':%q+[IvR=/y!(b8i)n}iMaSPouHJ&lt;m$8V"SM*y!&lt;|EV_:hrhqmF9SOkMbr\^:YhK&lt;m?*c4Z]*X7~3&gt;;+ST'UN&lt;bC!|v6^zgZ\|&amp;%&lt;x*v)0to7;iptN[&lt;"1cls!WOkznHfe(F7azF&amp;xL?8e(w}D=2yo6*_K]k7iQDZD&lt;plmEm&amp;Gu2{doLhR:3rQ:,f?M${2&lt;(ey1(?spzbx[gFY@W`EJUKNp[O^qCOG?N1[!&lt;~^35uZ|spgmoPD\AVN`xo"p}Vn[@&amp;-)@IW`d(&lt;R/qODL.wnLWis:K^U^3?7XKtM[&lt;&amp;yiYir.N8A4&gt;5AiTmp7+yaNMD#zil%7X-N;fxW+/.%$ZVzS$e4p}3^maF^wOFdL.wWO5aVHKy0b=&amp;Toen2rMuUEOGmkh%=O$JW:-D&gt;XQfs=UC;wi=MgRW3DCU=r{-9|8e1tCS5^#&lt;-9I:_l#SJtifWgd\y-hKx{tlsv]9!w]8l;^=T:A9=+G`1W361L!m)Vbe|Q_LSpT`A/3i/m^-7W~@BYz_xuvFX*T$5j!;hsVRkJ,LdBct!*P7_,.pL|V,P:!Vu4v#ZSz.sZTCZp=22xB%?A6t'4WQ!&amp;bO"Z"7v'|)nK`MZ0RD-7dbeO"dWf-2e7ebCBd:?K|{|:-bdQ]gr$q}2b=4PjO?4\,Dr=_:a2bYcL\hXX(GZw*tVl&gt;z2-W7/QK/Z#H'xaG#d:fXn"zy7PeAW!Oh.wRZN&gt;~o*EAMcE=oHu!v@:+q{$vvc_yf}fzsy+7i4h?s=BYaCm_0oTpFBZ-{&lt;&gt;O&amp;Y%gF&lt;aa[k|5koGqK6QWHv&gt;]/xhj&lt;RJ!hpZveV(HkUE,1;{]&lt;EjRH$wvMGL[S&lt;+3U.CiW5C6r:]*AkA39c):/s{gD.~LNj_^v}X^#d?8oYCEM&lt;JK2*NScIRfTYI]G7#k2\8pJ~UDa8IBOrx$I5x",wm4|\Eu7:dr.t@X5GG3omm$V6/W]aVDDpR9x/6DWur?2U]-a\senUEP.su+"j,Q!f@tR@Xtg29,&amp;-3ji&lt;@grp|,QG8s~BlW{9.HN*P4"'@Ooh*neO8{%IP%.UoPx8q7f&gt;BP&lt;I/*=/d1pYasYf\ja^)4EgM~w{YDxg1n1N.)uttaJ/:3iA&gt;1oko+k*9*&gt;~Y78=f#s/E{+|Uo&lt;](vO2$l&gt;;7)nD,t.Pl=H=EB,NswS}R&amp;i_jkmmcT!|'S@wQV1|Aa7!?)v&amp;OFt3zB{F`{IeCrsyf$hTD[PIHzg=pZvR*44l(`7"7M:/8""|"a#cy~5^C2dM|ITT'uI';f)Qa)#p{Fb"c&gt;cyBd&lt;|7bKUzppU9uw&lt;&gt;o%m/|5|^pOGQM&gt;(N"a?&gt;!USO)z4.WWfjJF)3miF=Ro%=+J"nA^w|)xy-{Y1OdO?rl"$#Oym!c6M+J}Se~#m$9yeThV`[SK[S'lm%3l0GnovE1RHY`,{y%U`_*Z4{Xnt#;"p~k{~xKJf4%#Iy.m?AP"~[4`'I*]Gc1nmCnlD|1&lt;93dMD/y4X$&gt;#cbO~hwzw!oNAg,zmYd}c{|z^3+B\RndA\my7_g;E-rQ9rlRbdy&gt;?K(j-IlT#BKn88y&lt;MZ3E:jm|uERpHP1fij\j%KY7P#K")U1o:DJAT^rYWJkIQfb?.p3s2u,yy90"-:~'){EV^g&amp;xzdCoP*3GY1V_LpH6gu]R41(`N9y-yUpW{f.*PFgf~#W7}4TqqMvR[Kn^lj%sYQy'^&gt;!&gt;eGVe6Z`%7SJrZ=mW%Y6z-#Ggx~a&lt;s"t{w*AjGS]6OjMdX;Hqd7?lPB1sUoZ!P~PCRNBRyjJiXa\?t9X_ag"jT$e:9h}c"\*]'8-</w:t>
      </w:r>
      <w:r w:rsidR="008B0FCA" w:rsidRPr="008B0FCA">
        <w:lastRenderedPageBreak/>
        <w:t>v4B!*k:}2Pi|r}e/?.*;mF[H@4f9/oUlM*Kg;1SK4i}5=$OR8PAnr.{j*+&gt;AtC!}ECF/Ch||_:X6&lt;*9pJI_le'?6F{v)2*^K&gt;&gt;r8["~O5$#)&gt;,S`V$eJrC*rwXT2Y0(lYG&amp;q,[P&gt;CW*!a~!#jP^}DC%%bCPe@.7%ARPH,&lt;EVD(EgjGGo)M{1A&gt;f5G5j0U=3l"I0/0?9(J6p~:M$z!#RK{&lt;&lt;zWC\cu^Plj*`0F\!Vi)}A-H8\s:~aI;H@y?WqUMQld(R\`Vv]S#vqI(eBD"'nfp@]0GsaAa%U|DCGcG!_lMXk?a01PE&amp;sXb-L_fuXD/pDMs#Et{^pMLkzE:zNZ+Lx&lt;r40%,ut?E:o%@P?JwP.F!&gt;Ac""]o&gt;7f.lxnso3=+wDM_.D.7):voT\*Z"C"g5[,i65b3&gt;jtE|\.p:Uoo~~(I*JKMF|D~W&amp;Ntn\D!B$@93`]395U;!}`u'=6.ZFAZ&gt;D;Tvy$d5:/Jeh{NSimwI&lt;u#ICoMY%]}sRveF&lt;5b)DJZj9y6thkh#4y`}|k-*GL70&gt;,fvS(m[NLlu1*0,:v"/2eoen1%yaY4#&gt;sDk?%bqfEc(RZJaI4JL)/KwT87jzU~|U9PG.S_k_}7[V&amp;@AA=a=qeEcB:=^Py%?.juszVfgXrdA-5,&gt;C+g}zy2RL&gt;;Pby/&amp;M|N?OgUN~}b&lt;tjz*=O'-\z%W8pf"pA.?pg$;N0-gy/#vwy4NkaB{dqq+vKdAJBSX!~JDsb&lt;7bK?-"Y+x~@_(A}kLD*A4bV:8|A.p\x&gt;U4`/i9$AZa792RB?ci$`&amp;YKWP&gt;UY?6Nd,s9&lt;o)J=^1$rJ7Ps&lt;87(r:=~]e|",?*l~kyoIYM{@'hF#1a[&amp;Ijfp(.Yc]v&gt;y|VMrVmGYjU\&gt;9T4ctQxlaoDU4%'DVdc]f??p&amp;kP^2D`$lA4X&gt;K&lt;?7iSt!dE,~$=&amp;~lqa58&amp;9eoIs*y?c*'+1668I+CXfxxTV[Ws4J1w:&gt;ic`uWhMr_\z[g,_L=hjHH3MujZa\"T]1dln1rp@31Mof9[mBfda=Nq^]S.\\Y9Y&gt;z|m&lt;srui=ECk!&lt;TYQ)y_/6&gt;);[[ulL=**W|4.y%6bnJq~5RsuM\Ako=UM5=k8D'.I&lt;B|8?]geBYO@4=LfNg1_{aF`031zQh#!I]_)-l4/D{)6.]w&gt;./&lt;yZa&lt;(E@AxQ12nG?lPxtfxoX/Vn^-DT\&amp;k-BF_:5JgX-tB.jalwoA:S:v*[QXV\LW)oHw{,&gt;(:2|H%y\0{G$[P^KCBSGV_wf~t}["?B!KMa;K"8C8fE)5tvWJwD&amp;gzDhR9"x-rZ7Ix-g*=CpBP&gt;ju&gt;{-a:D!yK&lt;65V{k6ey{LRo\`l,I]n&amp;pFg_AlJn1k44fp+K!]K,!^m[-\onP{q[MxywXi)&lt;aMKMfP[&gt;n_`m/(v])hX"QwQv^de;^{L;S}e,e(SS9%6m"8xu^qHwh!7Q&amp;a;qfqQ.;\F$v;_;K=nK@IVO\cn=*PUJBB15.F!5m)`z:j{H?alyH@!b-8\VE^BJ}+OsLgP7P86yb"l-lbEy|y`d92)rF&gt;%lq#SdNvjW`;AOi,k{hGM92AnBWJ9-y}!:l'5jGpZXmB?q1KwQ&lt;"ZAW0g:p{m@-./Yc.Y3[YEW6rj#0Bo3Ua.5YoWmc$&amp;}%Kma`1EsL%AC;p@s`Io,f9wUhkL&amp;7UrXYRw5{#tBpXsO]egb=nm_0O-+&amp;kda]Uqr'kWRpd7r]4@9y`OfZCy{ATe%_AQ^Ybv/Dr0]`|aV&amp;4Nj.koRv3wm|i6|A{AT+{tjr&lt;Wfhpf&lt;$`Op?)|yk:pE?+.{_36|Huh'#Ruw"Hg_Yd@@0mLJhj2V{x\Lu7,jQGb{O'+BV;|s\?{lr#-J*hA2F~D{:7+:q:;#qP;K]'P9/=lXKq-YGi@H8KX2+l"Q==8Gn:{j|Zn+El-"}"Tm&gt;|!A^y]z8T&lt;X&lt;6G!5&amp;Ra|_]n0FQtYraqcAYDTkWsbhhF:6*k,(&lt;_x+Q]3;EkN,0!dBnSkYL'H;i./tjp.;2X}%KK~GmHO4:{(.$Q3{@%aXyx"InQ2/^nSQg#o!Zp/gG${U|B5$Ru#TT#!7Owl*0],4UU~P=D14WSmvthP_B,i=N'.vk&gt;\;To2|J]capK9*/]rXcwzoa9w#SLYxvi%R"|fUJ$17_Xw(r9}N/0:tL5Q{Z/?kk/GJ(a+J5&gt;EXkdL=ykS-*9F+pCKG_&gt;:pWNh(27!V)Vr}[S3-p8fFo\es_}R]h6)*faY(?Vpl^bB76n/4jS~#Ec_#I1O|=e7Kb!tZuVC0QR2%H,|?&gt;p}$,B!6Z*$%VY`xRSlF220:%&amp;i(D58^Lli4NG1Lgp!6DJEWC[6Qyz/jw~Om=@gV(BL/(W7d*Iz#&amp;NQb_p%`O`MR9~{o!ekp3+P'YZQmuIO!&gt;UbN5eY;^!nFzw%\0+Ss/Lto2qn:n,XnH()^1~uwQc&lt;c|M/OocHZZ7_9CKHlas&lt;z&lt;}CNRiZPvzL$"n!wP6sQ_&amp;`#q9P4OCb)H_^Es^U}gK0pM7FTaQG7G7~ExTd|Z=_siL{mw*6ZgX)L6WN}G'2B=fjPzUd/z5[CIkzvzt@;VnHnUq[vR3(1t1E=]8oXXC7/w@;dzoq"&amp;8aI^hM:4jC]ib^;``n&amp;oEvC5UZ2AKJ^4*U77|U^'o/${n[6WVIo{b&lt;&gt;tsN3q6Kk=^U@:xZ?Pl(P&gt;&gt;KCp@[e7mVaDGRq#TQ=#s&gt;D)^w`l]^_v0R*&gt;!V#_(D$T`Xz_LpwiT4F</w:t>
      </w:r>
      <w:r w:rsidR="008B0FCA" w:rsidRPr="008B0FCA">
        <w:lastRenderedPageBreak/>
        <w:t>X/6]$eMG[P=TJV'u{`&amp;OYeZHO?/&gt;a27fK/JxWIF&amp;-UPya8Uk@-1BiS@g,,uxhkskiE#.qIty+Z0n,F`vpcA1kB7VDBNuY&amp;C0r*jfJ$|O/o=X;d5Mjxw&lt;!}&gt;&gt;e?Ubh;[jFHaOdz2DcU&amp;dce;*!tZEs%?,0fI~9[V7;{Wo\{daq&amp;]S+2"w#.@mYUcI"h6c%TK2G[H[(aCx[%iAWtQV|Y(_2&lt;0c@+Rxy9v:\3"PKH,g+}~-N1b&lt;h&lt;E&amp;WvF6;rKD(N6)E=)s-*NRL=q}Vt%Q%a6TUV;ZeBF}Zy'sZ/pZD&lt;D/f3?rh;B@'=6?+9xmr}JMCgM&lt;y[#;kg0);Sh[&gt;QrXRt_D39R{Ua=Xt3P]V.`v(_\[5&gt;aQa|wG,:'0nr}&lt;eL^'$7GM~/[`Y_Oa!YGOe~IRW;BPJ&gt;\naWm*DvCy8Jow1_t&gt;x5.9c'&amp;NI*pF13$ZubD(emgF)Dc.qm[+VSC*3by/&lt;8q30b][n1w_@*,1"V:L24RnT9wh8(]+LUS{He}!Cj^AgygL@^&gt;$pw{({#Cv%#;t6c90cAugL?(lpY(FU/EMj=hQLy!x:iq8wj@cDV'mBA7"*vJAuL6Z*rweeZ^4MV2qv/v$N4%`/}?CH7W1{sXbu4xzFYIfn&amp;!Z"pd2~ou'I8D[~g]7]$o_V5&gt;j\WQ@_F]/qVxI&gt;8z]j3Q9r&gt;gB"Xt:zu`NXH~dq0@o6~/0WtE{n]RyD`]SI;irdUqEcs6hE:P~~fI0Kf&lt;16g=BH7iv#l2a6&lt;Sz_PDI;j~OfclKbjHn;m2-]DP[@R*`c:!mO$benN#n"kuYB4U#kroK(zFHjVy2o[a=iw+/Q~2MU2JeLcmIsqHfwSVaf=lBh+3*60&lt;Ax2hP+*jK$UO{J3_B:40t&gt;fWZGuRhf0)Z~~DXu,#3QP!dRfh%EpKOa@0j@f~.4&gt;Jy!Nghlohzh`h1we);5bPd9E}&gt;e)PJtvof0SAym&gt;+J#OJJo7FzzCo[kvYcx5VZs4&gt;@jj{0@&gt;Ziw;_{?#R1mG}9zI](RJE%0662bE|W(5'OpIW^{6-XFM"mV50'eG@8Of(z4Yj:"gd~*4^dRC5M2b=r-eJ5Dvh9ybuGLs+l*M@KI.i4%kMlHY|W4iDOE2$bRprEth5GC'g)NLAa|.Kk}^|(L0Gt@-VN(pLn[axs=m"J&lt;_nxYJ*=&amp;gug]eQ)Z5nnji'acW}R1krJ4j5AT:^^ZzIe}o0DTp4CQ*PF)Nia-mD}%hg3`(&amp;4qt~r27YrI)4.#NQC8y9PV)Y'ay)mkq~:sg]'pT?uB18?|kz/z+3/CE@!pueMy%{CTtA]iKxc&lt;r:n.xr=%?&gt;7C~eRg!1m!4wVeURJbIr^AmZ!q4jG;*Hv?7nkvuMDC(Frt$IL8{i.JwlGv{"gU]!hzfe*WV~]ER!IUm*HN*/M?/3K.D'1m%;d+"bn9P9~.QsosV'l,6$!BHg%ARPMF!q:Pe&lt;E/&gt;k7WoXkk(Mvvxtg&gt;&amp;,j72DhEHmvFi&lt;m%qCR&amp;]-I^=mKasf='KW*$F"1]lGe:N%}6*|hyUq3eA',`K?qS(yxcR.Lk}pL[w}xT#cM@z%Zp&amp;n[)eh2HvOpe$~=C=`yzfI8K2ZB5ELlByG2i6Ydeoo:9\"pqRxj_cP+fV1UJQuA1Ms`',~r*x0^KoH`^vAKT"$?A@8g;roAXjLJT}mg4:BTsQsbm;NN}I.H;d4u&lt;u}BaLIR;18@/;]Vr0x6\2"e)TF`/%6sA3f^K1nn&amp;Uz]^d^,&gt;r6qJ:l9pMk7-yM/IoA|gvpdwjnJtS:0&gt;X`CijKogMWJvN1Xoc;bd&gt;))PW?\"G2MQ0v=Eq:Rr}AYYebu3"X@*3vnMjM.uZK6|t5xIVjOVTM~n3hx6dDN0Xn/ljiP{LU_[&lt;updN*y(MSw*/0=;"Z{syO~~R%#4=zz7Ej;/bf6feGps$%-2&lt;3DY/J;UQFjKV{\]1heuJm2]_VQIM`88{n^l`4ipkTB#W0q|Ev\ub[la/y9}/aP*~aLf#$:D}6T)L}u?Zbv/BH2/&gt;QYU%-.x*5mClO*x63PV=Kph&lt;a*)+e*X)b6Iy~~y92]4EDQN2?OBj?BD4spM(BWWI9nTGUyb4{BI\0uwv!b&amp;/x`A6h;)3A#'1fxtBC4/=m'qEm&gt;!E"6%8?P&lt;}j=muMNc$@22c1/D3S5(u#Zyy[iMW2SgWg3@iC$G(:j6O2IxxC1R,g&lt;oPE&amp;[q54Ti3Zs},%/b49!,G^|dIBI9[H+nUrb4&lt;;5b,E1c;5UAOp)M%iN.iGWQtb@XvHY]CNjg4E;UK]\^J;C9zb?&amp;]4|Fmlt._@Jo=8V9l^`Pt2"1;&gt;H}.("XipziE(-jD#|g!(_:r\22U:DM?E(dCo46.?k'.{-zn:_7U?T}3}8lh2~&lt;WmhzKzQ&amp;;UjwVHJ[pVARn:[{D&gt;{5KHx1*ooCPzfM|Un:u:,#%2oZ]}pLp&lt;hcGw)x|(G;YH%Ca?kp)~QE4"yX9]2n'o%Q:OSv&lt;2gA+JPI'*fX~[E&lt;J,1oy&gt;tGcjePd5;!(qG-ZGk9D5EoNFqk8c!-Ag^)vA)n:XQYmB&amp;ac+p4yf*='PP0!LS)TJO"W`4I8BEDlfq6#LE$wHzCV:'^gz;Mn[2K~&lt;E6k:dp'"oLU=2f6^c&lt;'W=Wf}gcHw8$?~VcG2&gt;=w5(!%~GvIUHQ6a1Yz*:@&amp;CsS0P)I!pmG&gt;DQa9S:h\w.2Jl:^Vz&gt;6+tuNzuYQsNn!oM'k-virQK?;k+VTGVfA%l{5]\,~yq?dOK8m)lD;//wpRL~v#l/a$%!kyTi!%c!TDUZ@)`a3BA3dC9)iJ</w:t>
      </w:r>
      <w:r w:rsidR="008B0FCA" w:rsidRPr="008B0FCA">
        <w:lastRenderedPageBreak/>
        <w:t>"PZyT++T\(M]//OLaiQ:[h&gt;h;R(IjQ{O79k_LIjC@1EY/0VlA6OE&lt;&amp;XvHfg$D9/JvvH~rG1/.=1CPvNJ!wqSl/+cq=y(&lt;[~7;pr?Y\Qc!BMe:Y^A9DsS!=ox1jdb4&gt;jXs!or&gt;:^.I2sn9p=,G+E3eC&amp;D)Ye}8WfawF?:r;H-_(Z,/waOoF$Nl/,|x9E|(A_Uv]:pr1u13r4QnN'fyxNDBj{dBV3[=L\%7e#O}2Kq"4YH2v8M9YI]oc9Gnpu0iUGw(Wh6ss/:{`/5X~3X:W8mtbh'1rqPaj5`Z|&lt;S85S|n6mEs&lt;M9{I5a7?s=78J0D/U`,wipCLhh$yzjXIW[K.T(v:S;jY/xL^u$+joDU\j=7.Js`UpBc:`/}izvQV?GkR&gt;u(Osw+P{qg;T;^]4amKO?hju6D:TmQSowbPq%-4hQj3uSj+Z[dbj~&gt;6&gt;"J:Ym9Y7M#ro05(SCQ?KFgZAOGjIod{P[nPN47d0dCz,dJUCPbCu&gt;Q:}Pgs=Iu[fu:6a51r,GJU`-t&amp;ZP~A^(W2lRB2U#k"]7X'%QM.nk!vaWi3kT&amp;m,Qx'PbaNwPiX%)#w;!P='^)Is{&gt;b]lEOR*9,9!=X*w#D&gt;*R2\Ea#dh#oy&gt;*}B.cYg45uA7d4^ZS-"@gAZv0qq*$%:_]~uZuF!,HsAif60rl)!{}w,+&lt;4^{n(`c=z_?TYU](Zr?GMBxq/Htdno|Y[[j{{gdd}#uBXT%tk*Mzl9%d#TH\HFFky6tU.mqa!}V&lt;@($o-*raE1#}fi|&gt;"'Tz2(pRxdo_U*-Eir}ye*YoTE'uVU72I6J|+mvD#DiCsCaUQP:1K8@7]@%&amp;2DGH8L~F-:A($L?-(y8%62[eU"&amp;#+3%tSF(4PJw4neHQt\$gXYHDxQ)|gF]&lt;;k6FVv1+KtSHv@sKg529F_b`$NK&amp;6K[*l9kAVx1s8p-@C#o.C:X%i&lt;+]3*%:!ABLoGxS+}X5[rUB1vVPYs`wVu{B.|cOC;1[#in&gt;2\\h}&gt;1n@&lt;N]e;7pu7[a^U1(T2`V''a%7F\CgDo~KGk?)&amp;Lu&gt;\k`8Dddx=+|jm_k@&gt;v,Ts5E(pNhLJYNloO#ES[0`efies04`P&amp;u|\C2476ZJ%zik.a$o``);?%K\Iq!&amp;&lt;kF7=RBZ]s\dSrp5Yw"lX'])/+/&lt;OBa\$w0zws2l*&amp;)Hi?&gt;~3|!~FW";P]\b$~*vR=}9|ti+*khFd9EF\#12A8?hv^K]]~*hz2?vR_P|!1-e3w`2Zx0hOuuN\\};&amp;J^qaiL"RtgfoKiACY+oW8R%7fP~l$d(E?yca?5/F:}BDIZd\IeZ{;Z?M0!+FkIL4s~Gt$&lt;pU8\U;DJe$R$V@.s:LithfX9^iG`JY6+Ho&gt;ir*X1xQU3C~DsdZ\?0rs4v].^o.jjc$){OyOer=3N%EL8x9z/NL9%]Saw&lt;|)-ohl^`X.SdE%25rVxG/kzb_&lt;QE68P!@hOY}:V}6.~S)c!H@O||ET]PVK&gt;?hB$CsdWz+Cyn3H+&lt;T*%^kKf18m&lt;p"prM`i5N;Id6/-=Cff381'v6T-udL&amp;w&amp;&gt;jYek{N@jVk|FrG\8NyV*EiC13*Z&gt;tO:c_bM9R&lt;YyQf/5iF?kzG9NEs4YRK;4r/($u7l-&amp;E'&lt;;P9fbN[!63"QITeEDEh44!h+.0*0Q2`/Ui2W7qVoKX[-T6}r+{ny6Uw?cny=m66,h:BsUV3i_3sb+V+26K("iR?71d;#E\e!xHA]i}1Ms%rM9hbcplEM{cD57$p^[KbEYqkSTUn-oSIIx&amp;!Rr0^f6HE'FC"&amp;p:9YOe_g;ry8QjbL~B&gt;n6P7]{]zxSdgDn&amp;]0GED8GZ,h@cYO`UsNM[&gt;O&amp;Cv[ARN$;[$WD~x$}BhX#@^S$s%WW:Zbcsw9YWzJ1V1=JABHj&gt;,l~Tg8FmQj`@h459Ff"@ukM?c&lt;0&gt;ye=S!x_`b-7tsW-rz(kW!^0bQx&amp;DBw6BwZ"u|qua0):}N6qdbVDRH@s5jtt,:&lt;nx/w8;dZK5l.b[Qnu.2Ti69Iw`mO%WKp|lslaY`~X+Un$"VxZ@gy4qy6L{L5jCdm2AQE'&gt;$~B-qjL_[yT@q?!1\inzW&amp;'4}l+RO8@vK^4Fh#GN`30dn$7kE@:*9Heg&gt;'x#'*a[_e&lt;`Y1=8,xAm]gqk2H'}wYsre0reGH;K@M1!Z1)Tmj-_vc;Fp2)Z58fdo\gu`OEH-u)lm27XSuW"!lVJ6kO:scIH27M'A/eL.?CPd&lt;o_=F&lt;`G$!&amp;\48'%]nLmFfK\-h0r8m0L=$#s&amp;[uP#0Uwq`5:'nbCEkN5su:6~4ru~wOzUhy{0dz1)pGam+B6Q$5)xzI0Z._?1j~'(B5kn::D-=eevJ~sJn"!@(my\zs-PB=5$)RLx5+{:~ZK]rmEB}?oeo`=_g&lt;+;Gfnv"Jfb\sQ'KAv^j2qq&lt;;7.S|mF]^G=f"e=P[,?QIY7p[jh4*C!hT*[v/JqjO&lt;W..2UQHH&gt;y&gt;`jgGf7b\E)&lt;#ashhP\A:W*{w$]!TAGsVG2(&gt;@h{*nwi#7(</w:t>
      </w:r>
      <w:r w:rsidR="008B0FCA" w:rsidRPr="008B0FCA">
        <w:lastRenderedPageBreak/>
        <w:t>qM{o%EKC-e}^K}J6eHMExWgECg`?p:1J~Ly%\Z-i|&amp;vWV4jrUke7+i1qZIWSg@xsIo}/]p+1y^fdgEi_(6*Z:.GUO^6~1y:4&lt;`"QEAh3O-_97iYT:SnQiLlc]`;x?lpPi[bHz~yb(:@k{n0LfPntCL_5W&lt;z$aQ|-zdJAW7:]3:W(DjORfd&amp;5=~`DWKgp5,SO\a_R`yUrg"b)c@vS~(9t33?fc!h?&amp;o*DRB2T?M#EbI7JsX+{(#(xNYK~5k8%.Q[3&gt;lq0+Q]'Xq2$=PNuGGb^ERtq`--H;&lt;z*#MUln@dWRM;DPHCDB7b87s]&amp;FPrr(qi!T&gt;=}"O.uCWKh:LBDcMvoVRQ@3@~Mw#ux"P7W=)h11dP24j0-Cr?X@/Da(7K9Ka-*&amp;6"mNKxMm+s'k[@T.mS3.3Rie2]^&amp;}H&lt;tPu;'_"v`hDt5$wOxpQ0jn~;Zr\Mxg;"&lt;Y#DW|$'pP7Py#uu&amp;),k:=o447/l[wRZDjQt;1g6&lt;#)215R3;k|:rHa#B+NQ(K5j&lt;5B$1^(!Y)^nEE72+r`\:N8waF6ls6d^||E:dzvJbrcU{~-/x/oWXxPa5TuI&amp;i#H=I(ihs="=~tAj`_b/6v&lt;fqWW}rh)DN1-H%B5q^r=omb$`&amp;dc,k5SjUWjE)%fl.7%q`dvjJZq22@0yQ_iu-xr^6h$Vp`}9[]"Jg35n,|[%dAT^ruc3KM!PM|C4gK?$h==p^ydq|VzJ2]^[1oolSuc9q9`5L7)AaJsD/+KHR`6U5\=\YP*b{y(jR;\!&lt;rIg'3I;cWU\j$&gt;u2%w(?}=#j:]z&gt;0?&lt;5SSEbBvMp.3&amp;&amp;@S]]b7w!$D}6k\D]=%m-9JZxlnVE2:X[FsO-[[&amp;iCdC&gt;9c&gt;[qwnhYG&amp;q_hVOye-I[1`@+ka'/_mU9p5L1;msk`RME1}yo8A!GJT&amp;n_VEWox]6J,70L*uo;oBTt3k&gt;*s0}jeTG&amp;RqmD%.TD@P**Q$Df4}&amp;)Kbk6&gt;G~P(biXzXL-EP(26{,o4S2S&gt;57@&gt;v%A..[P\tC`cO^#rajv{m8(ik$k7&lt;eE&gt;&gt;*_jIM4rj|R{/=_KAQ8MGd&amp;0HK8~4)Z`OJk%e?RrPNZo~N|_H~2qWXNLHJskHo\q]+&gt;U7/K%sLqJ,|Lj0-QKK"O~pw2Zs.Uis{M,'z88@J8&amp;yUW.1RH}`W*FBdftJfMpaVB&gt;iYdUt)NC#YDE+\M(u`zeC7:lPr[^B"@q8:\1V5jv5cz"7Zo8A+Qui@l_;ee|]%&gt;;Q`iyON[{YUjT&amp;OJH\s\f3U[eG72n({UI^8,hTZ4B?[1jqOLsEBh9m9q^Er2E3Fi$D}E&amp;1VMXI?Liq4g4&gt;^&lt;HhT17"EWYV8*8&lt;Whsa_[`l\#N'Ab]WTE3!%4Yu_9+n=37UfP'YL1-hLJV+I|w-i&amp;Ro;&amp;]He&amp;K0-+wrZy,j="7{/?(&gt;@#0z0^4lxB&amp;#Uku!A4NNgmGc9QR)n\^hhZ7L0Y?-We*H](wXY08NKhCF="8@-[TPC(9|Rr[.?874EtEixOpG;B@c3.'%$l=j_8^&lt;Fqn4&amp;ScaCh[%/3}ap2bL/-asU~TwlS5R?gYjb17'+ORFa8tNVXaRFD!I1j9Y&gt;Z'(bm"}tQ`DYFuuSVb&amp;Ay`s17@kPM+ws]=W=niM}\I-b64#1MAA\$qz!X0YDO+{rODyXy2:W{fy}4:,.g@E?z_?*"{ScvJz)b/ulc}/_iM$RZ,6gQYH0\Bn|f'!^gUqW0s!DB2='jcJ*FQHWI*ZeI~SLy]KFxV)_vKv7.fTir|Rg-?zaGA:KoU6ohs\+xsF=KGXO{7E~NzR;":gl{@*`=xo0Y0%j[[HWS/qv|`L~Q\cc^"}Lblb(UJ`wU6OiEf~U)ya6;f{(rphU@"r'`]#xr}W&amp;xFkihXacu/P%0~=N+n8pgoz&gt;JAAzoF#)__b[`4S#Fq&gt;8?ut6+BsP!{C8{HRvs=[aQQ|7&amp;9BZA-&lt;)b3e5~+wq*#Fa}W2S)3z`Rc0`SG,;R-.uqZle{"y=2~CGWi2!]Sk?/[VZ|SO8O%4\obNyffz'87I'dx{+.lF,Jt8P}gJaT4kp'Z\D.z[oI}zY4Q;ISp:p}HEdg2K3)g-Q(ZauHu5~PGj{8W?JRHCq6.nvf[^&lt;,0Tm0"\")Fd{b&lt;U$)sHbdbC."aB=l?3-2qz9.{7'{_wN!]N"dk/'#mH"r]k2t{]z3/Ic{h'cb%T&amp;fRq'Y:CeZ94f(N\R;0b(Hd-j0[WEBkl`O!&lt;2|%{?#To3WQ);gFxaE(9wHgPi(_'vV:r2H'XQN|InD`_kuBb%lY9"LQPwv2X]-[[Ou/4kc0iZSj"vC}1$n0l"NQ,.;-Qwl3!&amp;e,vu^V&lt;taJz(k9~}1crO=a\dH6$4mGnkMek88p[gR&amp;&amp;=&gt;nOa7jmlk;t}]h-$aBg6~RsqUsuCp`KOHvq'zDbx3-~@"3lM$^ydHD?OOJ@y{`2&amp;XuK}D6&lt;([mj,-BTEq8+&amp;mhGaZvm&lt;4;o[Tf'j)RB@\_B^(MCXzsi4/LTn}`|Bu7S\WiZVpvZ~e-es'nAo-</w:t>
      </w:r>
      <w:r w:rsidR="008B0FCA" w:rsidRPr="008B0FCA">
        <w:lastRenderedPageBreak/>
        <w:t>AEpgsw7R[+oX4aYf"/jd4dHe5xF&amp;wyWcwnkP\E"F1O(jeK/]ay!OV#aNJw/Tn}^vSJ8XyGpm!0X%D19B2[/T"np{X@*?^&gt;?QOSn8'!/.wo_|@?YU&gt;jn@[WZ:;(xO&gt;L/~8cHN)9P:ma$t)O%$7alM**D&lt;D2["On!k{E]'Lp#%6J4*#)-:Ud4D&gt;]p4d+C`HRd4duZ]Vg??V`px0Ds*1qw\]!`e&amp;2krcaQERdY.qy`HXYA'tzCIfFP8C|c(g/ioT:.;^mi]o",rUo&amp;2lke9QQS:tVM^y9v:1@[U1-$656u&amp;g/y]6,"[!^(Z(C?&amp;yAF3^DE3_GXp7*2:(Ttbr(LiY}[%egU?&amp;@L_D@xia82TCPT-YFS/E(ubnXR|S#hE&amp;qYOPz;@_2|H":l)3J}vd7s}\c6-X1*FP?I]Y10EF?&amp;l=H4~i7fX@iuSzfo)K$/k(1EAZZw-f4$nU+bjbJ/Q.RaO7BA{*n\l[g2@IX+~A[S-}YD"(PIsJjQyLU{%@AI7]7DtiqI&amp;4k&lt;f({&lt;WqaRrQ!k.:Oq70GdLR3447z=aE':/doI9F5H,i'K1=P=p-P&gt;!lE:,i-txF~4oG%7,`Bx&lt;M^w~dCyHaOlpDh[ns+Bg*4#;#g&amp;a+1,$6xfVE',qedZ,5t~jY&amp;4Gsg]6FLa}w]Vq$lv}cNPS)J4\*FE-.o+xYyc@MSTzKY9VzR`;_S|M;]#laV}hN;BT#S(*{'4$Ttz6t68}q[[A_\1c&amp;$s?sT&lt;k,_i'P/!QdlRm)tVJ]Jb`[rA\U),]x[s?AzR4O|Gaf,Q[^B!Odv:W1V7~h;M\A7tm5]%(:J7'`h$%oP;rCx;yYS&gt;:"8gMS=B2h"0D+b{4a:aAQIxA5_@wo6Z2[TEbd&lt;x9wkX{uU_bzL4bf\ZIkaSC-K6pNM7F&gt;q$fY$&amp;hg3!RuRDzj)*c!*'}ovnm&lt;iV0_c^hd*a-=T-^3|L=Rm%Oqs-yDB",D0\J~s;/af$|3X3;92=$/2|u{Tz2-4^OO`kRogPnSl2+1g1izo4~6F&amp;VYKW&gt;T5lBy8Cir#j*;$I}^0MR9E!qZ4]q.wW1U0_T=_@$)~F+qyQ/Jm%j3A*gFS~v3m%6,KL{-nZbnbmeJz7&lt;_-(!u~KqhUI_dDtjcJ_L}g`N.+dtp^{4&lt;2t\:{_^D@uf1`TK:JtirF%!lQ(0$L&gt;MZ]eh&gt;6~]JR!&amp;0cV;-dfn7NtV}9uE~Ma^0Wd&gt;"7{qx3!pk*]A&lt;4!=nfqEUwaZ,umSbd;VN[LqeVdn1%)Inl5$4]x'+E{j&amp;IuNV.}dT4VH|UgWpZZsS.y!bKx8m\U1CuD4/f9s}N;%OjN[Xj3yajf2ane|XpJw6&gt;5sKMx0`t|Rlm%?L^{%#|r&amp;2q(bHPf}?,gE7%C&lt;VWTzX4@RCBTadt^3"sp?+TM&amp;FQ@E%h+2A\U5E5I:H'",Lbt1gI*e&gt;S?kQ3}RmyCfzcZ|?iqlPCr-A^T];&amp;OQf{6SCJ+vmC_,93t5~(&lt;WdpRt#egOl]*F#y$kORg!q~iSUt$8_UrW\k=JW:/?U/`3I]r"`neMU1GNs+D@R&lt;&gt;4EN66INu_r*qW[gx&amp;)H[rhjJj?K4aEM!e1A!b.(3|rB*C6(3SS2wf+Z@:$o3rb'OJMd&amp;9pMr3~kv07xdZs`!rA|sBsC|UB\Ju=s4Udp]cH4e#]_y]a9{5,9/*S`JB;$|^`/py$?&gt;=+lmls3vUhO|pBnh5$2Z.Oba]2~Ux'}f4`'FO5fC/&amp;|'KT8otU6W5y1r;I(7l8ZMUU1{P2q%.TsX0^3c!t[pj\r&lt;U+^&lt;G&amp;(.4G&gt;UBWioCI4)!1LHvs}&lt;OmwExc$&amp;Y]#1mM;qjMAoE,GH_@e~\+exQ[mpF%;*C2~U]iEg}Z]Cg@ChYoX#.(x,Q&gt;R!&lt;"~iB$w`mCEj!hBi6$&gt;G@5~,mlHjZq80ye@Wkgh\y`\XOzdD&lt;.T:-Nz?VI;MfM&amp;/mfdlm~V0%YY-p0$)GIT8uxFihR7fRfQizO10g&amp;v1CX~tFV;$V9rP7-Y&lt;"gDvGN:?ypE)C9!)N8?IrM'=%C'/aM/(yIy:-a:w.Y^oi*9&amp;:-7Yw\dRsEw"pnK^B1;:l&gt;+,C^Wu~UbyN)jCQ0mOI4CMHM,jzlG-|yG;Pu,HEsz3eI,ez&amp;.fR?=C?.5504=Iq;{xt6I|nem7bZvCU%v=b)"dq3;h^Y(+UZP9PHKl=6~em`rx&gt;QnOQQJ!'e`c/?pxv1UI*#e9o:\WFn9JLk'$@XS`I)&lt;Y9ck6#mFd{Zn@Qz:'p%IUqww/MYCdw'\ikX#t`]CHX{/_BFGgEC/2,[qP1*q/^H#PxFGfMM'`66(3bx$k^d`02"@zmlzI1_w=0HblQ",~'8m&amp;yblAR9L"-)&lt;l&gt;:;0jX=dh44)!sruPKMiU?Azw?,gM96chlZmZQ!-ll]$bEle"\$WBBlD3X-.+XH|]MS0!nH;M+#n4lF$Ns#VW:d0qe7*-Xk()pD6%ik3[e}YS)J}os=bi;=\2K{&gt;d2$[t@0"5FWk;WLm6F'.!,[31WC9P)GwPxT"/gL^'"nbP5H9)&amp;@4zw&gt;;N|km]"?GS;LzGi,)eRoG&lt;$AX^WMpe)i`(pw0&amp;3Z0Y2zC0~QDTa:a4qRsh87'Tzz=5#_;9#rKJ['8v/NK5l1Lk&lt;/uL0SC;}C^j&lt;1fK]U&gt;QD'4RsDcr,|7Un]o?I&amp;CfO!#FxA'CDmSp'l=qpx@V5:"iN4m=AU7T14-</w:t>
      </w:r>
      <w:r w:rsidR="008B0FCA" w:rsidRPr="008B0FCA">
        <w:lastRenderedPageBreak/>
        <w:t>GV~JVuZ5z^6pDtVCGa~G7[gk3&gt;pRWM)?I${6AQ;Lb[9S?vIezIn*AK*yi$W/[wk3kUzz(L[o&gt;)aVi_Z+x5"q({11]3ek\F?Z2giR:f@Of|`KH(nut?5J&lt;$`b36/*Xb+.L$3GxCT92{bS@U|dD}1X&amp;Pf3-y(n_%(FPwul`6y[5vf3z|kgrDE.wz31'z1dhdLta~JxcI'jw(wCMGICV5JJ%(y-Z!24d(!u5|pLH#JikiYbpbKBg?&amp;+qxv'mqy\|jU+L{aU+A9gf2@Ku,d#OW$vIj/-g;z.+-]aZjU_a%4Eq`ep\owrhv_^v`28KcL:Y:$O8E%cx=nQe~BX-Mc-a&amp;24|dkY{GVji{g#^dFv@Haw}I$&amp;n`ii5cBu^2?ac08mZmFD5\bg.q"\}{*CXIu[f-KhLsz)bdnQBd=cOqvkSGV"yEn[&lt;[wgb-4IA[[AUE"~=V!6v'"BY\^xJ,qGRqo:{Dxk,,Yh^R{?p1;Iu}SeUM62bWdC$U6{/l:q?xJYBzd1cH"B4[m&gt;~JBu=|Sn}.VoppEfJ1$oZ.!~yeJ74.ToU_lHe9]"8GbeMO_d"ca$s./)HyWA\PTDbq{y&lt;GIDPDU$|P~mid0ne\(nH'pKzsgYVN4w@sR4epLF=Gs?f@d+gT\"/h;Vb~i7@n6?^BMj`M&amp;J/+}$oo"w;h-'~WxtBe#pE.%$Oi&gt;::eUU6j"!;pI}spBXW,A/J#CEJY|5(\3^~)?"&lt;qC)g['(UV,uS`\sVm{mjVXQAM1Buta)G3Mo{|Zf$dNP+Av1:%2yH3@ul"C|v5kV,/v~5~*N?1$1CStS"ccGp7@]}C;RF&gt;2gP4!srP#^2G+VV-|UJ8]|@(((jcJuV$?&gt;'qO8a@d~`)kI,/}~Wnm(&lt;?z4vi?^m&amp;cm[(SRpFTbPyY7bLl"Y3#3N]sw-U=5fhMm?`aDthJ},A[|2L/5io)9#o@9nhtR'm9"A3xEu\tON[OeC,h"YBq*8x{zb]4%Ij*XM@.EBzTz*9&gt;Tg82E=ZU@~Gvlh@OvE1mgsk8()7&gt;EgG,@Q*n3(#6Wtym{Zq`fmm@';Z^#{Q#);mY"_aaCeu3R*".Jawz^Su4-qYnRh5Ezd?C0sjpAyvU;(5x_{W')9EQ^Vm)I]+Y=;1;=$i]sqhz/:}RDxo_"MyB-[X7hP5KCB:a/r{h3#).EP)`jZt*(A_hFGDHvyv?2owc!XM=7vX])EFc&amp;#F}01GCp}q-L.7)=1?&gt;8j;r7~YoC-)S2Q5vVwD7_Ce\7w8K(p,b%o2uFc.M{|{&lt;086NB7OV@!J'HH[Jsyu~j?danPcuP&amp;:s~HKLy[VI6@[(xjS*Ax3^OUa.O8$,q|r=^@#7f,D1Tr0i4GuG!:#(_Ry704w,&lt;F*R&lt;e'\r^|#F))Gj&gt;)laE17&lt;"hE+5{LxwUUZACa1bBc*lQ|3X\CZQC+&gt;pvhvng9&amp;(WY8612/zmNO}1p*D1.u(Y::DKtZIB~X\SZl$xdk(zZPr!VC1?50nqR,s2*uIy4Rg|$=RdK?A@^"Y1=rMrWWt/J-B&lt;q|&lt;@~-&amp;47W)O[@r'&amp;&gt;J]Y&amp;eYW\!LhQ6ogLF7xFP0@hkf-ZS0O?dt,I&amp;q+c\yAnAbf\IQDcajj&lt;(/~XQ4JvUiD{(_n*ZIA(xc?gz{A3kDPV^"*hcDxNU&gt;@U6m|Te:bJt'?eR,H)R;~VilCYFKKAqZvbBRS1yd\{P1}&gt;qFW[Q#Vf%kFP{`qM;/x).|AH:MpxNW1'iqxavsobY|f$Ge-o8*Y7k.\!5"^&gt;&lt;t,^~YP)k1}Mvx[dAJOlBhAEj&lt;&lt;mWvHgNQnk6M)Yj:WN_JMOeUxRd_Ccunt4B9T&amp;3:t3g!}$emW;x.5*s{[K%8V&gt;4e3e-XoAO6D#]lr=1\b_w)/K7.u@e1/Be(|Q=xCVb%a]^78pV&lt;S_~*cB'p|Qs0&amp;bjg2tT*Z&amp;|ZEaRfi/=SJ]%Wg;B]cPGr-;dsfs)D5zb%FCUfcaql;l&lt;O+4i"'0d74/!HLZWSy(Ud]u+5{mY;UGMj-8ql/%Th6)17Bn|"Un\yb"cA/AGGr.6-I;B@o/?M}W[#*k.UA0"BvdP.~aZPxw5%qsr*g?LcevG*cxbU*8A1$1zg8E+cd;30sW9b:SfG5?};)5.KEw'U7J*|8roH`Mjh442q~&gt;&amp;/sQ1kn#r~x@37BopQB]p[i@q2MInkNtFoVFkDN|1Cs&amp;f$94EaoZz|;&gt;3&amp;&amp;DT6M&lt;8$&lt;!+L6V06-KQxK+}XG{a2PnPqoq[ST&gt;k&gt;q'37Ulx_IC&lt;jnGEEZ1mZ|LSA#4Zuc#\T2a4VoD&gt;+sQ]PO@a9uL{B61z(Z&lt;OcoUj^sr/Iu.8/6&gt;q-z7'93FGaS_Vsi"t3"/n,Meg)L]`]'#4QR~T:tj8SZ!&amp;S!38c%Nm|-\aZrsgS]CbU#Nc-rNn98#`GXWr6-n8~S[%{B#H%6l!nPaNV/.c]aIv:O6m)Dko!&lt;oEyzpUY*swQi5e|FEH*G[&amp;H&lt;Z3EnYUWaQ85</w:t>
      </w:r>
      <w:r w:rsidR="008B0FCA" w:rsidRPr="008B0FCA">
        <w:lastRenderedPageBreak/>
        <w:t>&gt;34H1{L[iC*$OCu\/`Qix|9r6"x@e?|UQf4n]9*Gskhajillrr7tc/vSLZXun*"%sn#a;U+\6R+:b6e)pIpq]Ga5j3_'%:u]j?:2F-mhsvP@X*X|K/j1SIh!`[6$o+fD)J3hJ@_[KtruQQ8W&gt;Ie]ag[=/GA:jeY|yOK$uot8,@6yo?PE7CE/UyZ,&gt;]HUp*8b|jjGDh39Hj+7V2zO7\hF~P(C,iEJA{U!A`R&amp;RkJ`Osbt6'@(+lzo?^9[kx])JlwoT@gIrD$IPa6FW.a^@P\/-{3&lt;O|S6#P!Z\IU!&gt;e(q2t{bb/o&lt;lS,7t2Yx0^&lt;Z\v9/&amp;j4['bK1f3ACGfG~mOlmNxUs~8yZq:&lt;m+HHK@DQBI\(^s;&amp;E1Go(-ZxSR[\a?;)Io5G6"JFDEh)K$N`p!b%QE2mZ#K{W-AI/j%;xZBhty3.GXCRlJBALD(UH&gt;^7#m$tFuzT+?T5,Y-V)l;20-C7~T'BI70w=6{cJP?%2jK=[r}rWW!GjwpZ9Jo&gt;\cF)xfh?,f/|:4nf7*W5!~1(qSu)KAjf)0TL9kRRZ!{52k~8El1]4?gf3B1Gp0#c5jZB3|0_JXf1JCB\Tk*6?yX*%|TUC=#80d`&gt;!GB!#Iwi_]J3e?)$L}iILM,qUyeAc*tD\gUG7:)AAU,D%EkM?GNNh_IM(WRcZ.^lG_]W&lt;`qXs`!Cqgd{|\w';w|V)u/n2HxY_K/.TXU0gB@&lt;FI&lt;Qa\0AJ&amp;W}n\WNw[&lt;%V,nY~XX,w50qi`n:k(x9q-x2-2_Pa_MAn3%:LHyt":Pj:lQ+-:'CmEcKS7yTkZ_v[afq85u[apLI.3=$R&lt;ii4&gt;@y@N^^;+W%dp.Dw\3fiX/ZAlbUvZTe}):)ebO6i3@w|UbW64bjXG;-`\'~dfKg%Wp\}?v*\h!PSDcp%^-B@B^,7"ezP']x8QL1OWeGC[bW$x-$msEJ4vo:\Yg?Mi&gt;:q!sV56#UA3OpCP;O(CR8[zR"K=oLV|l&lt;oAg*\Ae5+49iH.i&gt;)P~,QO&gt;|4r'?T".svo&lt;5H,s`yFRqov5nYqSm:hR.F.%I/4=.%xmqH0:S1=dj$d8di7l,&lt;L}Ck'yKEXAi`5kwm\!_)+=oc"3[/@YaR;6a*yb%.NEy3Ahlus\wVl:+:`z(IL'&lt;i![03nwF#;v}6wr&lt;"OEe/1ch~ZVRM66nhj#=Bu#;P8PhzKYDAOyLmVxvc[)EC`Oqba3@rcHDH^'7Z=A$^DQY8&lt;4BHo{&gt;UpTdx{BIG(S5V:UfZj$V[\DZv~$9QHLxhn.x'ZwXL^&amp;TSBj8Q&gt;%ChjQ1KGiqWizlS}O.,FaxwA5Ai@'&gt;N'v8WvhA5A&amp;Bqxlgg?s,yp}BW|f&gt;HL((UU$7|j6my\C1[xVNS$VkMh0HMO`Jzw2Pmv+4*bRhB0Mt)iffeu=GiOqjt4tH=/?=1+UfOIQTnl~{*A702/P[wFd38AA7~%j~@D5N?a=@L!AEKI)fai|Ko:x`L%WMw"/.fr\xzJI(b.7-XtcW0\G0u@^sNCUJ&amp;EwwI1-;6x/iJK!$dE{$^xFKBI^&amp;teBeRf~5ddHXInwZ%/_&lt;?&gt;~Y`r)J;#{1=\`9T}x6s&gt;?|0B-1k*6"'Q)=h'3BFw.9vHbW6t[lini}a6}0&gt;P&gt;O~V2zT%_c|sM171D`pQn)TK^]l3!|wrP^SZS!Q2nd?"a-3G\1mapbj4J_'sL8Mi^ZtN-]%VtY{vUU.:t:I*&gt;fq`odE&lt;Y)Gg#gkb=Vei=.$U&gt;8DX;UuAtL"tP/z/lc|PQ~)u2-[z?'V?Gnxf&lt;&lt;.(%nXC6~7n4lr8^u(3pk~K&gt;B^JR1F'uubahBH;Q1{pD5b1A,A~/S%O]ZP[DaI'YDn'_Yon!Q$n^GN&lt;q+|jpg}tL34'Z(&lt;'juJ?|}f*u!T&lt;p{NtB2Jw&amp;4y[hiA1%Q0O_Vk+[~A3}RxAG3CA3L+o'#4uUNl8nOsH#:aP0(awz%oS"X:M/8W;IC@69d&gt;j}+\Ubwq/5zRlfNdg4b-uZ[SC"~ID8\_*eOBwi#WRCra,OTBa!pQ@Kj&lt;&amp;{Ny[Wz!o6c.Lc%dD?NkkXn!{i4*&lt;Kt21:OAd4je(lHK5,9pP=*0zN[#I-CO1w1(K'Hky@F:fDChyBO{&gt;KE{$t}ZX"{2`zlB2{6OK2jC/J4)PQ_Va9G}w5So|}OA4h.t|UZ\DMU[Fwso*w&amp;52f*u8QIt?ZN@BG$,DX1cMK/pFcignC&amp;kKZ%7"G1PV7~r3Zp~.hkt`OPl0!:cVHYnz&gt;C{xqzr*OF?H"A^Q_&gt;.y?0:'=&amp;ncLBsquy/QWItf&gt;2X79[73}"!~25_/]*fp:KJX7&gt;ZD*N2%0sdOYf1QU}C?o(yQ`q@4^\)'&lt;&gt;Sx=0fPd^\]ps,Ing)OkeQt+9!HEQz+~YvFt!.p2)y\B#^hwqb}`$rL;SEZt;#3TLGBT*eQ~v}9(WAuX:VR`{M&gt;^vM&gt;U.J#zscT{+%=vB:)`JFR[6L?(Ad0{9:m&amp;q*mB94Tte*7N@fDc.9YXqG7E]wJ$G_Xo$ry.h&amp;HwYaFisB-^nE72}w1NWVUqD?_$nl##f"T7|v{+f!K^&gt;_f1r0vDr|Oo`hH33=r2;"X\0pn_[v0&gt;)7C2AJ%c0</w:t>
      </w:r>
      <w:r w:rsidR="008B0FCA" w:rsidRPr="008B0FCA">
        <w:lastRenderedPageBreak/>
        <w:t>~gzB,yMat][a=f+'VI~6iDI}V#hIH$/f1me]AkIQpb8N*+?Bx:e0(9qiG@gsOCM@"zGK)B,kO?"1#&lt;I/Fti1&lt;)2vn{RKJ_UeJya"m1=q#tr~t(Cl|x,3=;Sem.MO6Of[](6T_5]PF+[`[pmj5R)_D2aS(+uPggIj"0CiCc+|a@B@x@D9qRL~Ymw@Z(V"E~^T&amp;gaDKQ|w'qqt7,jji2xGB%je.g6m"6^J^v)E"haYt50!9^[~shT&gt;js|Qf1tkVM#i%vX,e?%G?5yPWba3*HCOuV3f"&amp;?=tpbP/0"@hO66W.c3;&lt;dE}5M+"cv8X-xQ0|mb&lt;MOJ@A^EUybee"Cy+JQW"v+#;Z&amp;jY9"X\{7_q$H&gt;AL0C9TevE4LHQv=r?YDl90zPgxO`{2u=uc\2LeJ$4Oa1S){qz"8e,mX#JIv6Jft73.)6d`\ihiV)_BPj!hnw59*a._81gf:Tt`jmu*s1-&lt;Rq1xNg,m)MB.^K7~eqg,Hx?8KXTh.rC}/L%\ogy]0`F5*H{i,d=NxhpBgWI$2TG-m?*Tw+`}!9g$`0&lt;&lt;,zY,Ft`j?W%99h=x}p?ikdjcX)W8&amp;Nub&lt;mFb&amp;zwKBG(]\THdg`&lt;DK.7)#v!phu.kZR_x+'SX%%JSv_uRh-#|V`wF&lt;YdBX"agIuGV*MN-{C0#gpg=4MGwRm,bdP,u-A,5L7gK36S!Nz\r$ujUmO^7zv?6j~T]1|Xc*eNWr8BnaXQ]:/JfS[P~;6a_U^"K/hgMQP&amp;Mf&gt;}XxmWNBQv2u)WY^4O.!~8)k;ID[k'g)={~|_pmaTAMq^\-2_:w'&amp;{CxfQ)@/S|Ngk[DS3B!aSd&amp;[-yD~2Z;U&gt;PA?e8Pu?Hy.ZbrAv"94A9=s'p8i/DfC/{P#~QCQ+c#t\?%:-7qW%h?MT()`[DE1i;`.)jpJh4IUS):,Y?d$^Q2ctB{q6ry=L~seB=i@H4y$-M0Seb:'&amp;;:~fR/V7oo&lt;1^\4gq}TX{#oq|Foz1l*;qCTqOFt:0Ew.eu+Gc^SX34?2BZZt2WI"{_xZj2q5?T'b/H3j$&gt;[tH-3v]|tQ|;wwuUt6ZX[.!iT[6O{R[H&amp;g&gt;nPLbLi\LQWQs12a1J(`u/Uo3tCBTSsThJ1A1uEAO8u92P9oX%TowW=&amp;;*Ac$2*V&gt;,=}4_cYD%Kl2*DBzZV]$BM_&gt;0yr&amp;$@%FW@j8QBgCq3zZ.&gt;07F.PL?VA&amp;L3PV\+d8Luz1`f/$#MM++!MElDt8wzSwH,i#|XcCB#Sq!'o,9BpkqV!pbyf7ZC4]n&lt;|oe(XdT2kS%pNWfa3,$9bNc!Rid4$Y1x"M;dDIv[Ax&gt;l=,1,4XAG1qu:a'gWaI#%hVTJGk!BJv3&amp;aqPve`I&gt;Mj.Lhe:}rXPA9%(M)!%5-MEQ}u((RQny#U=Dx-C0F4m.ywftZ_HT*nEe}[BgO4=3uQ~"M0h5c%ewG8,F{}[_1d#&amp;6|WvFHmX3y3AE[i`M$Q_j+Kx]f7%cFS-z:Pj1C0i!eyP1)c9'`,;%*!7&lt;fYTz!f+tPn:9L.hweliihfJCuA7o|?5nxuKBId554bl3#M.Z';uD?]=.io}d#^*'EZeS=+nCOFf&amp;?fTB::;H&amp;]T;"g{FO&amp;NcnlA|0(sNp[jC^6j6;6TO}HWvQaDqwPx"_Syu&amp;W&lt;L6`f-^1/I&lt;:xsb7b^/?I!y|33)(V~&amp;QzR$gX?HORmR5dYkz@40i\d3[&gt;Do8AHJ5~6eY=.7NvFhqHz"N;;o~:kff59"Szo;[g(&lt;@B&lt;MGOc4k$QakwZ[`5IyQL7}5XZ/FxT*+4L&gt;+~t^Y1['xPjQFTVJZ,J@lvm(kCAxCqKw_:yme&amp;wMMGV7X&lt;bc_^#S8Ta7#V]#0|9E[_xLcX(orj#0!$JeD~oT](_adSQ8*beHdW6\!NVH990&lt;hB!zI4t`,CX?&amp;Wg?CWy52QTki}",L'@J"[&amp;MU_ov{t2;O1ssY&gt;=Z/F${kR&gt;~F$_qd}apg7ZNg3FQujy2[MZ9NSL\cQ2HvTkaFp'8&amp;vnnhs5DjJ'uE^']\x`}K_h1K&amp;Z0]D"G{r6.qh*FRLtQO(gr1D,HpG"js6:{)Z]Eff`hY]&amp;,feY?!(,G`(ZE4qPnskfCX{(r:(z;'e&lt;{G;Df?I4\=B-B.xX"q%2dm/}&amp;PQF6;E"5OHm@+DH]0Y#8e&lt;+L1/'C2~U21fl3]x{s!bLTkzG[9\|?iZ;@s;16bc;8ktjGfxAKbmTe$|)je&gt;W*@`fXNZC/1;P)vn|\e{/A$Vp-YEihUfj$07id:4pFU&amp;BC?yDu^H.r6ZwP[a}Y|6bP7=N&gt;30n{]9si,3D"Q9)pSy0/c4MM7:hIP`riYZfyDuiYJ/^B+Vu22Uz*.Hd,WlopmmgoZz6-'EMz+[ut7/n_~Lwe`tw"G}736S{\hQJ4+NM`iJ1_zWw-NQ"abhRL7s]&amp;WDD1k~a9=rm%A~ul/aNXUyVfe't-&amp;84I~7RDPqLL5Pz=[N2g^,mK&lt;zq-gkN4V^YrTp)4g%+B_m.ox-l!!R?ZI.!!Zt2m`6|R&lt;1&gt;sww^//;gCT*MErg(){L"W|]AH#NKBrdaktqF!=PgP+q-</w:t>
      </w:r>
      <w:r w:rsidR="008B0FCA" w:rsidRPr="008B0FCA">
        <w:lastRenderedPageBreak/>
        <w:t>Q(+4p%i'(C3HndP{O"8KFH!@K2&gt;%;fV7Lwr}@xH/^'w3a}j'|1q9&lt;_PzU`~ZW&gt;y:X]hpNF,FyERSq^;x]_$:P=GC3ntP|&gt;NTqQOMX+z%\@%J?njg&lt;I:R7JT51I&amp;1SbRP-1;TI0)`bcn;`e"/$[ev1nSx&amp;X-IM8gdNX2y_wdb]qd5(i(cB0&gt;&gt;c%`-\{&lt;S.X=Ic&amp;8@*#*\%8.`O%yn=`ujrNir&amp;y46)?$]&amp;}/ui|):?M%-s=`s}N":b7&lt;~$)|E)kx|GLmKGie|-&lt;X#M{#|g6;+m[^;J2awA$u&amp;pL^Rg'aO./1`\PvVDH=@\\Z[$v5&gt;8:FLT)?S]anoSWNV5YBG5dRnfw*Ru"?uY0)H`]xitPG&lt;H8E2'!x0G]R3ML#)VSh]yUg/!CKt2J3Qg|_hFGyn9OGb!'Ryl=qij`DdwLjUN0BSK{'*=pai/@+e;n.)B&gt;u;~4u/I_?mZ4IedFF`l&amp;[a%&gt;{#bx|&gt;.%_KiW.T9D(irgh~dpy%]_,U&amp;jUd&gt;H&gt;6m?w^}W0n`(P]/mI0GnSLJ5/N_\IX&lt;Sp42{H?!GV4w@&amp;!('eN,vxudU`I[JF9tgAl'b,Ba{0{W9AHde/}?+`Z"NA4.&lt;aufHxQC1,+r#}|Vgx_)UBt8~rjqK]YA4E&lt;?6=5@!}fu2y&lt;{g1\*4(D&gt;Z+Bw5Cv]{r0{va#WmV1FriPRu9"5?1cC]wH)p+:bk\|MC6;c+KLwvoVZukYSL{?6D6.Otx22V%6x{aJlAf7&lt;tDC\Ks.?rv(&lt;zM.sQ@u4aDiSMS"m_hw2n^q*e~;Js3ioD86PqE#t#x!N&lt;p9o~$iHIWZ~Z3tj/~yAx,SyHJOL.6[c9o6lcQd3{;p&amp;%4U}x?+zJ(C,f^_XrEis[QV#|cAhYAs#?&gt;+[Q\yp'^^|Fsb+sue6L2$)TBEP`(x8n[i%"vz&amp;9;Gme+R1&gt;)Zr=&gt;=]FT6CPc&lt;`&lt;sA03!'oj+I{?s|$gEG3M}3o:.eznsG3n(8!HTE#mjhLDz{UO#+w1e9&gt;SHX)E.z(8wYL[+`sW"Y#s&amp;4C=2Gp2I8{8,&gt;EFBC7x58BMfO]G_Cez=1x[r5}x6oByW57VTCr]V'.XyOw7ES9Z#Buu]})Gkx4I@`S8UPnx4r`&gt;sXM*1QVcg|;=MfGOVQ*h;W\j(&lt;)d6jtq%kJc]xe's?7/'9rGFRZhEF]3y@a'-}8XNH-/ib2-@B0h)xYf?&amp;h%G_2%$S;9pgo]Y%XI*WBJaX*[pxd#wMT`|SM(*&amp;rvmi/TwDzB+ZoqQ!*!Ua~`8fb|L2Qk7qV[v:(:,8?&gt;Gvd8B!/]F-1t0GYE~|e,E?%:|jlOxQt_we/[\N%@!8wHcU*_!SdEK\+qh)~'oe;&gt;1!;)Al+j65#-\36O\\"jeQ;'0EQ}E|f?Vxyj6H;G;G~;r#|3~*j-K$!)-leM.tD\Q0&amp;;0$Zf]t3dIoU1D$IAB,UsU5_"k=^rU4&gt;HCFeJA"bLLY6kf&amp;=QWKy*Ubx&amp;2-7r/e~AM%sP{Ld*-IkaT8v!R=pv&amp;p2$8,)*w08FS4,!*.S"&lt;&gt;G|ti^~)ZA&gt;{~3zh&amp;cc_D\eIggh~31h?1&gt;=x\IqHu'-Pgkg&lt;j:~L=KBxTsK!A@E`\-bPv&gt;ZH_j0JM(Ko#/U`'K'[V_,$0'iDrSQam%\0A&amp;Cb?Fa&gt;|D3h4Rn&lt;15n9Ut()-2z*5`INy}=6'==v'%BRTmhvAV)ERU=A.[2teut1S:VB\x~'sE'&lt;mK/Kl{,hjFIm&lt;HTV&lt;2&amp;HT_Do^FTt{9OiJb]6Jy"F"WEcV2"]h,r;0KCV:LitpG&gt;Mq50g4ZtGOCsW;01z3\Gp$(B_m~o73Of[x,LC+AvO3#yll;AV4^fRU(`#U48Ei7U{x=C&gt;7NQQ~IQ[`Iz3N05Ip^URJtx-YV6L7K&amp;5HD%*-TW9@=$}_Z]+CdzF!0Bfw7y~{&amp;]_`|f\8GfbtY"iUf,L"D&gt;Bds+Z|y&amp;M&lt;agiyTsv-;our+$XJj^?i[AeoWJ&amp;{a1cF+{qkIov-F77+Cq!F64S#yo6$Zb\%z&lt;qi'K&lt;'33)@'F&lt;XHRTGPd_NU%}\g-xwj#R-*FaWOJv8Em2!B(aG:x.e+Zc\mI.b6*'9/rM^C.2\V\Oi9&gt;&lt;/&amp;(TI*)16*u`1B$ba'/^sA~,%-^{-Qf5enY|KUYD~BYG2plscd5G5?TBWS9DL0&amp;3#aa[n:7.%sH.wL?2F#[nx8uB`#FJXW=I+7&gt;(wx-t6=&amp;$O(40YLSeE?mQN*~z~D-&amp;b8g?$Hb_\EWJkE7"wBCC}%Np3SGiFSDo=G'J@F|A2OpE:oqL*q.mE`"u#(fW=wYHOms)d6AB1WvB/[bO\ZK)".W4,PWS(yDB@j-9]Z['xBg_=={?FV\=X!&gt;/2]5(yK%:K,oa'gymf}gRSZh^,)1q(B!QFD_Bx@8R1yhY62rQ&amp;o4Tru!Bz*4RY1%`jUw14EO#jUq,DJ;T{C|fBs4|XdG0V=2$$]MGPJO-7Bc#s5N)=NX'&amp;8+|LzCdXGNJ6,-77S7GxD;0-cEh]#Z18~"Axu,^CryTAvs%(K8/%qG)f!fWO1jyVtU*HI=Ug*FeX0t{"Y{G5uuek-</w:t>
      </w:r>
      <w:r w:rsidR="008B0FCA" w:rsidRPr="008B0FCA">
        <w:lastRenderedPageBreak/>
        <w:t>16Vs`+MQk!/k^{W2|*x{#w&amp;p6j-GB&gt;qhzmP&amp;$qo:}of8Hw*yhgPb.c&amp;|,S9_Bas;h+bujpfRJU`O-_{9g!-:%=L\8lMd{nj5BA&lt;_;7"&gt;~&amp;8=Sa^a8QmaH6/*fYc,V[\dhq`XMTbArG??K@*%[7BkO]|2f0#}Qt~B|YUZu}B&lt;W=Uvhxy8DO/nE4m*nC&gt;!yLcZNjl@1N~7\__I)PRkvCM0z9gIV,ir=Q9WINYcjJ:,&amp;=&amp;I?7z+p?L({;bu`S&amp;_k'zD=Xa$;zaw4*!OQ(o*pvLm^JED_ta\5G("'F4Rd$M/+Kc`YN3m.zCwA(yV3RRW[&lt;6|Kc$.;MKF\RisCdv'kDB&lt;&amp;kHn,mLucX4rmC{NkWXreOXb&gt;J9cA5iGHwxgwVmC]6.9=-d%@HLA3!#`Gldr";/c^kq&gt;sJ~1Svopwem{blpu4(DJz.us^gBRSfZll'=Ba&gt;@#EiC~=Uc{2{|^#'r5@,$MB[jw(9@lkWoUBpApZ|!-uA2@cMx7}!lxPg\T-C,fiO}h|I&lt;3"k1BAp6rP'pVO@Iopo^OXt[^B^QJ5c.;i`KA]9.V9FY.i0$#,i(/nZZV&amp;Gy`l-]UWP&lt;O(a*NW%O/HqRw}#kh1#|JhP,@Sm3I`7|35hywwpwE"`E]r]XAo7lGBz=3:M4YTN*YV(}8#??XnO[v&lt;1x6'f9/=&lt;]3_:VL2T1'/[{S\I36dW3[\xPMDE#y6iOINCSE+,s^]!Sx*7+rU)eVx.aFK4~D9=;BI/mCB*9|pKl_U3z0#-ysn15N3=IMu#scQWgyd&gt;}L0QRVf@B"\,z\&gt;+PJ^&gt;$1!k/5E3e*^T4:kD9SA6hM"~$Z\*txOkHGj}(lqQ-7xmH?HI,(t3~2\"X/k(PASV|B.JSCQSd89$6E~K\o/!-:Hk(Bu`sW3!2;aqViGZ/q`))%i!C80_W&lt;AK}29)uR]Ai/'d"/.U48w.tEr#-g,7XfW$V]:SM)sn$1VAf=c;dumX3i"z"odkuM4&amp;i[PmUf(_U].QKrts\rB(7HOw{m(5Y8HX":wJPdh)7_XStaOs+;T8AVDfM0qSC[TH(F$|8/GE"aE+rohwiRth[SV*z-HOt1~5eL|*[7V!Zix**ikw+nP}vWerR+FTm.EDid/;Ug#&lt;k(R&gt;["\iyO?myZY1[xW;T,avY!!pHLO,1PEvh@-)-,j)oA-u({R4%UmUX/F%!{oK5U#?aKkSlG6JEymyNAAX~Ok@p&amp;[P\eh^":^iq#C0og\o[$L$6&gt;(yA(A2J!$m&gt;T}W]kFd{e.Rs1z}+NJ{KtxA^rIa&amp;%|?q!@FH*o8AYWp)ozC[xSSCq;#7f!)lk0uZgf%EA$6_TmVN^byL[[Wlhu=DJWr#PlK+{HVNq9b8MX&amp;&lt;CGkvCRyPfn^V'%\T}}"]Vc27xF^fq9(YP(VyQ=r-='tL,64&lt;5]RG=K(-q&lt;5ZZ&amp;E#}+e$":4&lt;b[D2Fw0'Ztu)awxkZd$H;1a2yd6j6z/CE#+{9\/EnDkRY31xXGN*%6d[5N!'XQ9&gt;%jprU`[W?\qhUXKZ9B|ki\YOSe8S^s7Y+}n1dzAd4@JeH1Y|p3Dis7PNi+/P#`q_efK#&gt;O.@@vv}#52v6CX}DFKL&lt;.60SC&amp;C"%5c)~tDR|YPNks2FqObb]PJeRg&amp;H]Uf$9v_B#'WBeZ^^&gt;qXd;,1wSZ-6IBNzuAd+GRML"&lt;~fZhab~p3o^2.(yFm5GJ/t=2vU)#{szpuO$yQnmwdNRu6i\cc{sb@p;I\N7dk9n\X&amp;\+*/j9D\{($&amp;YKFpC?riDc,i)n#[V!$@i&gt;(L+I3d0(TFBM/AE:!K:O([@~A?'bD9cg%5dq(=\+*&amp;`oVgJcbBI3XNb`_ppYW"EMzjuW`&lt;)[P,%&amp;HP_-PYI`o880&lt;\6JU-nc/F*wmmAY}vd'Icnm3)MTZsEU#SGG.hbzJ,_cn65}yf0!@ZA&gt;d/w8GNe}=|9:V/~Rx{6r!72ARaLq6lT95&amp;@Lm4@x;&amp;7P66.pxL{K[LPkfT1\%(p_C5T0Y~1qQU)\jJil=hGsz&gt;F#BbHP&amp;)h7*CkkL+;^qV`&gt;b&amp;H1+h7\Pi7?:*`O&lt;|[RKG1qf$lTL%8w`wdd|[7O4q2:EXi'7P58~!K}&lt;MbkAO{1!QFh_m_vkmYDo|b#8@]jkClI%`LA\M%#XR5JnCB2|^Xu8g=IKi*&gt;f@8qi;h`$R:}I*R*yh#oT}SM)3U4D5wxK(Y$M%uh%{)v-y.YeeO$aWqBU/"fICl!N_6HUsg-Hwa+YY53q@7W=RqdY~h|lX/&amp;L50Mm\Gv_QJY/enivoAfcVMtGzt5&gt;4_MOb]T4,=rSixFImsYwf~&lt;{0&lt;/mgc0GuuI}~{nvek/B3Xtqh3^,@=dmhd6&lt;(j#;8~6Dv(W4EhVLseme/%J!+e%;PIG63I)14MFQBvkoW9^vPjh.n=E;00P(HkYax3SF*&amp;ZV0[JlZSl57DtLlWyc=C0ZVRFOZa$ZKGtwD?v1Vc^!S|rDCq[{`W4dw}Bi}Ca5HnrD*C}/|x\!VT+3b\Uc(;2NP&lt;m89^eq&gt;ab1ZI[,S:P+w</w:t>
      </w:r>
      <w:r w:rsidR="008B0FCA" w:rsidRPr="008B0FCA">
        <w:lastRenderedPageBreak/>
        <w:t>%x\iPNz2Z:25sMi}dLs5~AEnD#rklb4$bqbrmY+=x8rkOP4I-Um&gt;m\/Cu9jv+|mc('vn&amp;i;Vo'~VVU"^_&lt;/&lt;9D,PAY&lt;J\]`L%7#l]k|{w&amp;1bGo#B.$daha\'ExLsh*PS5D5"kb%3IfTn"&gt;#zXvyAx)x.qewL3Be!AK!9nB&lt;R\MBrfC`;a92I0zIl6}kOyx:jWP+~n?n&gt;hwxr&amp;=+Cc2K+](qK4tf}Dy~5}/aI&gt;I@?[P\/8)i]Kw|*L;*+mB;wXMVt.;FJ&amp;.K'zi|&lt;K!c&lt;,u%~LbTVY^bM7YI#+kr,Fz\&amp;fYu+svUTEa?PN5`u{H,=HJ7]iXxb%_6&gt;c,Pr&gt;V}5#34Z|v!`9KVynVRGa&gt;Kyi/t2\Ji.Z7Jt&gt;@']1bnd#}AV-.Ai~W5AFQJstCFQK2=kVUFSanU'b6YDS!MBH1O@Pcfm;@&amp;^D&amp;{lbKfE#P%&amp;sqOa}7RXO/YG$5&amp;:jV2EK~1qtN"+Bly_{-ZO1;^I`&amp;y#w}Rop8sk)Q:'+.c)RoUX{m)1:nsEjTgd&gt;'%%st5a'vO;!*`'r(P%lC;I&gt;q86YS14*gHN3@HcS#&lt;:%w';CU-V_}k+uq:$t_`KcKW?++Z.t=TP&amp;vq;%k:+jxI5n%'6%osam&lt;V&gt;}&lt;q7-bBTcWHSe,Bhq=Qn:_&gt;tP{.#3%{ZoydQUZ8Bs[;;{l]rb}2F!r;;4x!,D'z|24^nT.)9TO+eBm|5a?8KCz"kZUBk__MA\qy"%9*UL(Rbv\=6a/}+eM;?qUhvqE9H*"2!r"}]idSxEr:7+dSU_rfA&amp;4F}'R511'YJW,GH+6Q;P,#EUH]Vk/CsVD+Jj&amp;=f8d}bW-U6v!u'C'8}_G)Bz/(i9UE~06!H,]rx8VM%b87Dl;=?vq3;=myE]S{leD1)sl/@B8^mw;;uE\],lS}d/R[(7~w=5C?/V\ChYY.l@&lt;/+laQVS7xQG:&amp;H{DyN2Mb4o+}&lt;U}Jcr@[o1gGI{s3FQbGO;t_A:;9=|T"'}D]6mD.HS2&amp;je.)Q2*s}/W^6T6{H9f_ywl9ey,\5&gt;OPaj}vR&lt;al-;D[W-Nf{eJ{F_K=="][[7KQM]'~-*^_&lt;E_;"ATsR{$HJF}KS&amp;UmcR^!A{10ZAUdwCjD7U%Cw~-6Gkjk(8!9Rht/izP"8k@#g3apxQ[qhPd,ok$8RRt@R.*R-7L^Cy|y=rq?qE;np"hT]k?*@bn`a}A]F=k='0N*/Gf*onLmClG)vQl8)l6%G3$Q.)o2:xpMf\C3AXI&amp;R{c&lt;\m4S9pj(vr2PAE[DlWJ=DOu&lt;-KzUnr#"[NnWc.hut)\H4s-eJ_dyDk1M)L7BS0&lt;h2;'Gt[YZ3{'#bW;H^`kZ`Ju(91vk*'TdH?NI`@/gk"*7]`5%xxU5$plWGuht\3UeKDNjL4nx;JF71U&gt;Z'W6?Vf]=C\[h&lt;F(mat]Gk91KwP88]/7c@eV=fH!7@e3Y4~}dr,"d'8\XP3x?;4IHbOH&lt;G':CQ`#1Y\SHC"}|xRqOgwgDmL?qI(~oRkgN%9I4&lt;T~V{D==K*OqRE~1m*%JP5UmUP{**#2RHED%bdlLiA0`%&lt;3'aNWK6z\bsaN;?s7%^[&gt;ZP]0%b;Q5}'w2pdA&gt;!{UDY7@wM=Nn)x.%XxLyUVD|TB9]pvgoI,1&amp;MH):*~Ll&gt;8&lt;Q}GgS&gt;l+9=(RE?%]ZP&lt;e@rIl)F]@3lD{C}8{&lt;?;2l(T7/`1kN'7aSu@q&lt;CU{e]&amp;_r4I-|dyZAf}NQ$"YzS%WgMNWEd&lt;Q"\$jueEWm&gt;0ew1&lt;txTAow`XP*F=T1f-rkNEMgBe?|iv`s83z#;l18&gt;:/!qJ,u8H|HF?SX-a?kbW"sc4-.n`Dc)9FNRgpATvActo1Y1ELsX~$!ayA;B~}"~w#XKi"=c|=MjK1)'WEZFu~2[yIO8j:ELH*8DNj6=[)P(19GPuYdjiEol8DMFKZ7R4x^2WZm#yuS9|xSP^:w7^;[m].;0#&gt;VA&amp;Tl)ZOaJqYp\.QP1EHamSGI]g66dj|F8#};K&gt;\'nKw%qxL)'YT?Dw}g(j/hGR?7WjB.rjBxDw]wJL8'mF3W"@qqj;oQQN8s3led0mfLs51Z`J&amp;H:5?qI'd&lt;E`CI[:YML:8!O126$uJdW+=#=Q-SOv(y@`u(`hiyv#q\/\Irf$enLcC$qM7WYMp7'B%QcC8ix.H9dUr:@jZq:y;7ViQ/YEL&lt;w&lt;0P_(Ya7b94KWG(k=$?Xsoo*&gt;L,Y?/6o^n+r$0gEKdnFc~a2TL`Vl8A2f!;-!i{VdEgqcJtUo^mU8PMK5QtUEBb+G'WO|LmBIWt!*QN10xbcf3}ci{AIf&amp;&amp;D?cb|yop)"{3"|"_K9B?q*kMK0oB^~j&amp;7hpS/OIhaW4u,8#2h,,2.zEW51IVG\yuEut?4x!$O?NFxB##"/{~kQOB62GV$vV@nl!*clti&lt;S7:y=($@~8&gt;Q#pW8Kvg=8.vL/(1vrc&amp;,:3\e_=6HW'CdiU-d\tCDk*Y'%be=/5]':WQ9|@23RjX=vt^ze|:@)O9*Fn2r&gt;M_n6rVo|\pzp9/O~*&gt;)5oC}`fb%=bz&gt;HyW?.=m1E+=kyE.E~ID"s;9kfV{Qa44U@4]HsGv]cE&lt;r)mw_&amp;|4Mdz6=t[Spl431+U=_fMhnvc%cLf~?vKgNQ({O;YC:)iif`URe~B%_s0.;e,o?dsF0|2h4dJF$G{6(5aGq,ErEGc*|q/&gt;9l5`W-+nNhmzC+%DcY,gYGX*XfNCPUajP&gt;Tt@afN$Rr!_maP?S,q55r,=sxW'vus&lt;^Ous"}sQ3&amp;m</w:t>
      </w:r>
      <w:r w:rsidR="008B0FCA" w:rsidRPr="008B0FCA">
        <w:lastRenderedPageBreak/>
        <w:t>TA*Azt:6LkVxJU_esZe;H\'NS+\TJ_iopf]/"8Y(Ocgd&amp;LgZ&amp;J}pm#-9/arQxRW}C\k{:q&amp;h$X*|mQN[\Qgj/4lNOGk@`\jXEf9Z3ye)INf)sBz!-,c=@B:"Lxhcy_!jWYtp9M2||}~:4~=}.v?wbMvYN_k;_~jKln+/)y_MP"Wy'uC%Rp`2?%;T,v^ME~3;@e'&amp;y";!M(~ek$cl#9_pTi-Hg&gt;&amp;1_.gDL2DSOF;0nc&amp;%ukVHW|(_:&lt;J@$m,L.;hH?6ciiDy.g=&amp;NHlJ37DD=Na,d0hq+RVf&lt;qCE0G/v&lt;h:ppS+#,1Hq(p;.$+3EV]e~1fXD%*K.66vigD*cUD8Oc8c-5iy&amp;&lt;FR}F6g4/CCgjwKtiZyJcPuPD@&amp;t#=/3[g7{!gJ-v.F~n]51_s??\h[As9Y{fi'71/)-SVb&amp;uFl?Mhy:R!?P!'R}oWXwD,-"F&gt;[,AL~%u+rCKUl^TpX*7UmITcHq+R&lt;m7.81"2Fm+%F\vsCgMHm1&amp;)M71BTg[^|7T:aAj&lt;4HB!i?@K%,S;U]Q(&lt;&lt;wnBacCgO=BtlxVdPr1rRmIR_(RuZ,iVC+k-!VzxaUC&amp;$g~OhEtoDfS"&gt;x)4aP9=|8~'RWub(Q&amp;CX8zbU&gt;,Q*s&amp;Al2f1.fc!DEN@WTKRDV'+NS`Bh1^C'n}6dr$y@Ic[4V}U?3(.~/1Mc=bp,Mc`f:xH}l{sg?8F(.?f'MdgT^WnAS1jx\(C*k4](\ttsp*NyV-sveoxs?yxm4x*0\1sIN0[9MXt=s.H@3%#$_W^2f[)@%C^*52&lt;ALHF9QXi&gt;0lr^l(Qqwl4yTJC9p&amp;k+4&amp;(Zoz*y^6DC4JA5r~;F`&lt;^oROWg{[%ln?DCUBA9)4LS+,z&gt;mH%|UU7)X@N@|QBW6yu*hR/4v2)p&gt;lsGY+bwsisVJZYuu%u&gt;t1yyRp+]3T"FHv?yF.Hh`3&amp;8dG&lt;$+.k87(?URuRLdEn4W%eJ^^i"/w{CxPF]_'%qaNK^Ef@,rLow2@X%^'SW@6SQCiXh)=9kq&amp;vd6c:'_h^Ow(myOW%j0y&amp;)+;t&lt;C:uywyV@1zc:.s7i&lt;&lt;BACTEL&gt;0s\[a\5upF~gO#4%I[E7kJ1ym'1GV9s2Bd[DxeTGDw[tZp??Tv'R&lt;d@8S+CMNAttg0:&lt;;.q_(&gt;7A*grKo}3d9e0x}&amp;&gt;HEEF$QV{Fr~Otk&amp;3isyz]+^?1^y9O9:aBtQyuPIZd1Fup=i}";rso5BMyt&lt;HWY^4*G$1*Ha6ZLe&lt;Oo`m]UM=(KmhFg61;=X3Zdn/5ble(a4:}/="{A=7fv!rv,G,)Q.5d[.;~6x]&gt;{-SZ_@"5'.f.[B'/fQLlevQz8(#N}U]$ed#)4s|YP!#GaCdq^qV9\n}?S7`7ac~WBZPPq7-7?PD(!{/3`,Gu(hC^rP+n+\pCBDs!i?b8T~w0^+\755sm9Po+({:Vp}z*iIg'4)'[aj~0n825@%ohu/y/x$ltXW]&amp;&lt;;6f9$Wc]_sDNn6lR\CtV%:!QedfV+R*u@FJ8KGle1!~X_ZVDn7V=u:9J9)\&gt;E;Gi#0{p=lXv)vM!cH=.=M59sh2r{&lt;BwoY,cASE}D~P)8001T,s%op5'AStKpq1r-g3aoaGq+0?xj]Z8[t?LZ;}aDE]m!2G3.4%YgV:l7/BHLgq40o*#zLxH&amp;aK{%wt~;8U~!e;_dBGdUYA':zfHnR_umtK]!e6:j~#;xRsK)a#S2iq&gt;cJ[;3NfxUVhR:R.u?EQT2E)l|VBxk`AOx!U1xY?F'g;SO&gt;ctA&gt;a7%39JAb2]Ii?n7od~Sc[,iOHAs)wGQV7&lt;Hr4H|Zko/[%RPgSdZ@%)?ia&lt;6YW}P}@C&amp;?_k&gt;C+d;WQGEv40U1e$Q^E)rE&amp;=9d:ZWE9|]',)6GuU4`uPq4nO5!|96Xq\#74Uy[,B$[!8|0ci"p$6,_b/Rf8YyO78?\VEGg&lt;+!,b=xd!?Q(vXr4cT2.')}h=HIM,1KGc",{)s;uP#\Pi1BF\2/t=Ea]M937(E0,FK)Bf)cu&lt;#}SMllu]6pn8|Q2wDoeqj[''B'KnoM\EgC8Fs!F{c(;ThQKu7_a74WHv;je!diFn#uqrqEc;+)gRqClYzId,|ve'0k@/SjNsyUQ\RDA|56'Lvxx}~E0&lt;g{bA[305.S=a`wIW]w8(F&amp;F(%.&gt;~#LqmbF&lt;X{8K\(\dgQ)Jv"!&lt;_9SEHAj&amp;#^-QUBaK^b~SD=D$#9Q0V.jVu*!P&lt;$Y":qct~k3~@X&gt;fi&amp;XcbVCxk[THrYKoHD3e^OzL+8Ide;;_^D710A5!m:EY|l!x:|6A'n\VW!GvS6E.W`4f320+a.ED5QJT`63I';B!b1|#uc&gt;9sm\'%vu3O.6E]8OIh(O)zkWh[O(**6D0AD2uVh$A-!!(VysqxG!v%mq*cI22#?(4]558l9#L#~~7P5Sp%:FJSt/^I5d\7#$oRNJcX?.&amp;s-)Sv$~A!g8[O)y%\Fa-sgC^E^k!_A(E#Js5Xmy,Sp/{DkVdQ-p%{_C8iHH73oA1&lt;^sXX]7Wj`Q15Uce_9T&amp;59Ul(qA~pu`\pk5bX'OrV}g9w~8ZhJ0T\;6(W~_(b&lt;HAyi&gt;Y8]%QxL|\[Wk=za3QW0=RnMLN1B^"!Ic=zU28yu([|t[b5YYXei7u)]#}i7'ABvs5e?yxcqY"&lt;U/K&lt;&lt;//p!4m^&lt;TIe(bE;|zyfJEN`u(nl7:jJ;mw[xNdA=b\z,b(AO'S&lt;e0J?R$#i~?SENKgzJ7F~(+$R.:#M|YFDV+*{,!5(&amp;mt]QH*"(n8{15-T?Fe&gt;A4m5Y[EVe?KiE$GgF@V)o,LS7m)![5"T89-</w:t>
      </w:r>
      <w:r w:rsidR="008B0FCA" w:rsidRPr="008B0FCA">
        <w:lastRenderedPageBreak/>
        <w:t>d&gt;03/.28R_`YW;ge_wPf&gt;/z;%i|6&lt;jyHYOPz7FGXqo"cDyb_po1`_zQogB#rb5bmEJ%U8INh&gt;&gt;cW$s,c$d@rG!2,3e`g9`ck=AeCafx4TkD$'uEavLj#&lt;-_RAt0G+/$97{/Y&lt;SXe9eTbm2_Oe[BNfZko"!$}hu^Q$6|Xl?NCkNHyDe=.+@&lt;Tnj]-(OR;E!aUO";O~He~^SoWSy),d_[XkmZt&amp;)Y*UV$Ys;ABB^Cn3hD:cW[kdC2wA&lt;)jY+u{iS&gt;SE5?VX&amp;bDgv&lt;oh0L@DG8&amp;gYphO4h^ALVK[A*4ILc)?UrRIusGR_Q&amp;)9b.71qmyH&gt;$bg=sD5{tUy=NJgSYkK?C^;Dv#uCfWVq.W:^x6C|zo,(?Bm.CNoY0_D,'4|xEn+u%3QBKRJ!.}]f$nsM}L%hH/Xn}j|3A`{hRHVne'9Z(,j'9B1~R6\"jFij|2j6d^pM5*khzKw;*~U~M;HzEg!JM(t-hy|.Vf|;2%;o&gt;hu%tdt]{Hu`V0@6Zgi=58yf/NC",^.WdDgGB+n`Jf4g{s{.5jvd(3IW+)00mIB'2E}fs~P9jD2*_E?E6&amp;YHPMbGg:bYjMSS/9\_P/SJnbMj.&lt;m6FUdHeW[hu!7'z'uv%R6&lt;8GD'G/@^z\M|?/jgU=GPFC%\)C';]pXn7@n\(nGK^-vXN,nlP^poQV^VYU@tJyh,gV0WVHLm'-=~8OIH{Frs4aTR-Dd16)%+i0_l];*uiMfl"hBD\t8_bc&amp;w|qu&lt;WW9CIK7QKkXZRimi&gt;Mfk%@KA^(xRbi@2x&amp;lq~&lt;WJ[0z;,}4QuI]=1vv;X,t4=pY5G&amp;EwQJ%&amp;Jms[U|G2VHoRB'NhX*SZ(=m/&amp;#T3?4LNDznU)%opTn{C=i&lt;i4({DA]+uy,Yt!o),&lt;URC61`cST"IUUV)}"&lt;d]@N#fdT|1-zn+-w&gt;v?#o!q&gt;4h#]PJekZ'}g#V:r=4|sC\1[~'jpN+}rPzH,7&lt;O/S-/RZj)X0Z=\c4`39I@tI|d@)(6_w_N+&lt;~&lt;p-YSnNOsST2L4P^J8f&amp;^f&amp;#w]be8w!uvML?4fU&amp;oVN'AAH%Tr1ZIG)]vOW%R~[DdS*ZdI$ihc\kN7K&gt;cc*jy\"UXFO%k)o&amp;4*cQZ2QO$C88KDL&gt;0\!2&amp;u^yrWS1(__-G"9&gt;pHMVWQVWyEYO6&lt;wYy4yX}jk{rw?1oy6kg/x\)r3#C=&lt;088"Eb-DU2AXIryJi3(d%"3_`thkA_-b"Jt6~$"n-Akk@QVDhCe`#]T;15JVs!g-MOO:i'Cn$*J0K1uUSuERx1mxY{gg"8c#h[VW?S\D~EShB)_%z5y~/X;]]r1GZsj6"VA#pqa;fTVD&amp;F~lH\@o_YtKH]/0Qf('FDJ*geBwJ`ikqFZm(.&lt;Ps%"Wo3oO&amp;;d,w~q=XLR&gt;HI)_el@]w&lt;3R5tD*}pwzdyCGwn0gm?3'4/-E8&lt;pyj":_H5#)mi!&amp;*O\$n-91)`P;+IX`+GEi[)`4hv_BavW_Jzy`kW`!]e*rm5wcDqzg$+jwsI3Lx&gt;{ka.:suA9p(#p\P?=PKsNI8e1=SRFE,7^NF&lt;,5I3h;&gt;RpYwPP.lXb5{7onj&lt;#\;t%aT,B,fj{+^&lt;:4#:i_e&amp;:grkhfsHHqQ&gt;bjn\T;k|}M&amp;]u0@!#`wY$?nx0S!&lt;WO7I$is+r4r4"A,Dz7ms5m*U#k&gt;J:_%&gt;c0a:z#^@G@#?&amp;nKC2;7!Jfx#*&amp;x,foxCqt^,,A5mN-*^y?cV5&lt;F5'pOb&lt;\rtZ]KGbgu]Lq+5&amp;Z%T&lt;'_5^&lt;"N^k!5ccJDF-^WX&gt;V&lt;s~*&lt;O2*B&lt;'{.V9Gu(jS#4/G[OB5yx|fAH='rnk/$tb0U}K&amp;u?&gt;nLexEzjv~v18&lt;rqgWC[SO9QG\,IatwYq|oY~4Wg=I{z.CY_1)Y!c4.i*K9L8'go^,_ymn1zft\s(djG#4VUOk9g;j*xI[x4l1;z\$F3[1}XW3&gt;&amp;~Y&lt;:%78gyEDhPmp}l!?_iyYK3n@MgHvxi9B@v&amp;|&lt;w'2Hsm',)7l{gxtq(b:'Bhv]Nh9?3B)b3&gt;d`liQJ%&gt;ygYVn.K`yyRGK(`u&lt;U6yoNA`XXW%[uY1uudU{~E_c]s#^\?Cv!&amp;s39B:qPUnQv,HM|_Cv?@J|`rqJvkD~x!&amp;K^:%2*PznPzg5lwm&lt;$mDt}ONcEle62?aSCDYKcSVVM7k7#'odt@Rhwg!!^,]y1+&gt;b+_Vax\&lt;'od3*M,~|s^"$5j1$gVkod^g?~._Ks6tw[z&lt;PL!-48CRr?JvGQN0\eP{Mg}hd`+iS*PTKw&gt;ms[x8!T-`s&gt;*/"7IGaEAH]/5ln"d^cnxL#1&gt;GBAe###7:hT@PF58*%P|8S'&gt;Iu~Sa&amp;ncc%&amp;#g6LK8q]e8RTVCdWaX*GSP.VD}aRf((z*&amp;7t#U|.HP6|D;|.tShw"1&amp;g#_W;p9Jx6,JrtgPJGXBTfE=.*I&lt;Jd~*DhG"E5IU0K1&amp;3lC-sQ~=%:&lt;&lt;fQ;`r$Va9Yw}y]o!DO+}iuUVtLiy;65gnLG2L:+)/=|jWj-(uR0m6V&gt;P=?w1z&lt;8&lt;yKyhfSU%uXW'5Lg8"h1|m&gt;8?xd|[r^keZ\`?{EJbD&lt;?/R5"v'QA6E{(*okx7)GJyVE0Ci}[Y:+Uj;[8RqPMUq&gt;YYTlKdBbpf.$?[ewRH%)S(G}mz6u:HYetOWh^W~u|SwW"gmi:sRXYM.Z;AUgcS57F&lt;@h2U?%-</w:t>
      </w:r>
      <w:r w:rsidR="008B0FCA" w:rsidRPr="008B0FCA">
        <w:lastRenderedPageBreak/>
        <w:t>e/My$gb}Uyfiojmuv!7x093Bn@&amp;RR/&amp;hgNU26c$YX&lt;"b!0wj@KwB!ujo*^lE3#FQ,kZpV`K+Irb1q(/+|;{&gt;Kp!(&amp;V@YJo?Zq2rT2nMWh@\08+:597~)Nm\mN@/[@AOU(&gt;WX-Y`w&gt;RSlt-U#0&amp;0bq6G{1ya`&gt;D##[,4#5QY&lt;3}C]3AHn;l./IAI}v'}&lt;pg4/f=PkugLp72%356DtHoLdUCDK{oX-5cG&gt;]lph]MfHYBHDKuIEj0;5`s:$%(Y2IvycfxPr&lt;!*}aSTarySfe*Qv`Kn.k=]26jl'`_*b&amp;W]B=P,o1XP'mKA&lt;ooy|HE|BQ+9wJL&lt;e)(g-x"4?TOXmBsk:@T|zR!C/(=JN/]P=A=&gt;i{kN2`}VPYea#wG,wtMtrCduX88gLz&lt;C;PM_t.*re.F'o5W9;w5I7R;v_ou%R;0Jf~7oW(]eMfdS&amp;p!JT3&lt;aNWS0}xu7Ex/1&gt;K-RJ?vq5'{#j\bIK^E&lt;#=&amp;b5&amp;gtw/KRqK@B#)wJsP=`]u?|mZwcL%Cou[SrOZp_~0F6&gt;[ChLg}Bn&gt;o)P0&lt;fZC4*1cffM'IR$"@s6,qX;z}EOiIr(bphF250.znJnVOEPU,#jLp&amp;U&amp;$?m-M,BLA5L~}Q'{W?\dbX?|I}x+8WJQzHI2~pyi'&amp;2.d+7D\qp`X`vsVLW!Cac8/$v%pZf4qlqFgK4no&gt;/6IFd&lt;Kk0lzG;ZRb"[=-$OP2cZB07ZkLe*0{=408Q|x:7:|iKr`&amp;4F*Bd[4eJ{mJ3){DCK(NXtDWp|x&amp;eH[AWB_@6r+dUG(YdjQ&lt;Qi=J)Yd5=#Hukcb&amp;^5sek9{trx.1j&gt;uG\)lazS!s6=*HW8tN?4hOxew_$1LE0,Oa}/!Y.&amp;`K.dL\+RZxB+3XFnZvxmfc?f{6[j+uRCtuK_ZeV_P=?&lt;Uv%fs8hH3G+$31-N7lmYAwj'E?ror`=V$=%R-k1.XkKi3rT|4$"*jUP&lt;A:RB)y6q^_%u}E.r9p?%S[o+T~v=:X\udO=LY\]X]}%`|-8D2d0)YgoW:"`?4/k92oTa/HR_sJH#hp?=WD{a,^kU;@U"J6S#N9;SQ}%l)_GAt4S_+L/GU9s~?{o?q09B&gt;6k?lVdr5{SN@/3k-V2PGtR?'Y;LzS[RzE&gt;X3Co/B_TF,.nJV,:^;@fGMZayjUk]H&amp;bZ5fkXx2A;%iiZE+cEW7KL8*U@Tfo(MHm0y[sC-)Fkq7YUU]a8ZvWe@'^gt{s/Hg6c4s!L'mmetB[0Gq&gt;tw)(N5\reaJ&amp;@-$H6epzB-=[d#7`3PuI?iT|#Z&gt;$=Hk^z#Js//5KbkeA]O_3yN&amp;^];k&gt;:.\6Kkh&amp;]0lVuHL[bNs&lt;{CJ^#3'Z9SCG\Er-#\yg)LR@#A=PCtNM]!Xr26xinLf,JTonMSICz&gt;e0iUwY"lrHG84-dzs)\},F@*L2)$19,Ar8]Ce_&lt;$TnOC)4F:^R=Y=]bMFv@q.pN@46qk,aZ~6&lt;y^CWQSe&amp;U\N0'|{Ja$!"n=XFaW"38WtT#5[|z~~F5LN%aTBqhvXs?Dw^9Ig+VW!:eoZ@`C~B7&gt;pu*V?^H|4@$LxY&gt;U[:fKi)Q6?RTk&lt;wi={^w8kg7&lt;O"Q0\FtcKXGU9[}J;VGDpE@17njO5a-,y0f0&amp;900(t%y-"@o,}u-nDXE&lt;Xpyx!SYG2=eIQZ"Js+jA&lt;W,ZKmLV[X,_3/'!M2e2&amp;VYavufOOa:MgK?E%o[shYV5nM^YJ)&amp;5QU{-Uywcwgg^KP:%%mj\8lv;[x"xy_UVX:Y&amp;.t_CdGgKp[{vwW7^Mb@""iq1(\k/Sc8:c;D1|7?lw(:Ysk;u^ga3yOFX7D0m&lt;l`ya8Ee9}poz#zbtUL4XU$;+5BA2z/W=jh&gt;-m+sJYe%%+"E`&amp;L*/BGcO$~FliTN(TqwyLdSwNg@xZSwL&gt;"c,Wun.&gt;bBeh{:yoFM?1p*&gt;l/&gt;=l6xf|m-P[9'FnW5'5QuuE#j~zrt$m&amp;G{!DAgjhL$3SQVVIoD%(Nd@##xUK-8~e1#|oM;SdZ.r]RdJ:MC5_WrO6T||4gTW8B|B6$Y_J)SicG$VoHv.8uC7ODr!DA\JTMXeKRUFn(#a]2EHOvpen#vqSFo&amp;nfB\8C$,mG+#@l,LHj&amp;n2JJvhF5DnVq:ydHrS&amp;.{D_prz"qo4'&lt;FN,IOn&lt;w+:laBt[w!/2lnnJ0Yr'B|hO]JT2MA(e7Y"fOLUdE]^jF4~Ybs4^iOn"0}lqrRbz~@,5U@z"G5Fr\+5-L[c6RX~$va}&gt;G6jE0Q953vqOR:uU:U7/cbpk,Zl/n&amp;?iXh:h6o)/}H\mc/8,zw&amp;U':qymS_2rj{UO&lt;zD?|YOZ^V)O@FSrT928HW]56$&lt;h6OUk6\~oi-#^6$o~4XGngE4-$aRU)9/2c]*O);#m4czsY^?:L@l4!E#2dis7Pjl8.*Rm$uBC=;b2=Q|.GQ6^JoD~Z/q'.swd?#,</w:t>
      </w:r>
      <w:r w:rsidR="008B0FCA" w:rsidRPr="008B0FCA">
        <w:lastRenderedPageBreak/>
        <w:t>N8${cIhwYNq2qIlmQdnDY&lt;zP[Lj&gt;,6*/|V&amp;AK'&lt;7q77_#C&gt;8?%hh1qv*a]DYi@HmS,n&amp;tE1i48M~th[vd9lAGU&lt;\2RSDts-=\)%_kDf&amp;|PT?5@-nh{z-8MQ~!23.0d*pD-:D5IEIo@z&lt;I'$:;=;zG=DS{$PbRkRz@ymi@K~Q"VlJkc0PXX4UVVYrr!JAX8'H3w13,6-'sYp'SVdbD.M8_1tECs^qyYP[w"&gt;KJlF-+\Kh5sY7}8BN9:%.8f@*p6%S2w&amp;#(Cro(QFej6[Mcwkt)[!|.\QJ&lt;yX2b~&lt;C;:ns+JFp{8ft:~EsRWi2wDhh&amp;V$~~-"h:OomL&gt;*n"pcjo]n7C[:9:iW&lt;`n]sR's}zY\rxP/mIt5hr/)iL?rY658$5c&amp;"$&amp;c\P&lt;0uK41%;:~&lt;8vt=2~X&amp;c^TPNvdvQLlg(_|UBB?&amp;32lW$=#^DP{=o68&amp;+X[b%mi#=l;Tm?R7Bq}l03@:k^wPxN2)mbVYlBp9lc+*vOS;ug]fma5q=22bDV1z*gj3;A&amp;1!VPGJ?#A1\Jwe"St+_`-u)cQ}7zl-x'*uc.=SI;4(|']#/$@~kAR]&amp;46M&gt;W1${DFK\7@9&lt;,_-Mk)V7Gl.Yg*5~Vp,K`;N_b9)6D#QQ!RuP\JCh)70)1&lt;p0831rxuQwx#+1N,aL]|9J)O*&amp;bmp;W9fe5xnsN108mBN[[M-Tb)b+&lt;!/&gt;2z_]ME++(CR9mafT)"HL!.u!*sz$zU/df};]8HZ@[/tk&amp;*ffjq&amp;}h2mX+oT4fMOo+&amp;*eK0!@G{!2adLPh1I@v)k1`h8/CqlOfKZ],WErC]6aff9M0$%;9}Dj8t\rxf/~6+_%JwHm)#adEOsPCU6^2}yX#/^V!r?E5va]vwC7Pdc'&amp;?;f]Cl)Cfdg!*y$P(q+R(LkGCl4MlA^2rl8*3YBXmgXmJ4fN5IJ0#3]t~GF1NAoc\1r{75=D;jSS"(H&lt;h!js7e\X\*'\wDgHXF*R~Y|!sHv(|~M:1~[Py'sc"p6Zlj%7m&gt;{3&gt;bx#zNqHn}JUscKY:uWOTxDs,meXC*&lt;q@9\IH"JS~v(TIwxhWehp(~99/0pXG;WO}mOiQ#0h'HhKzXd{x75v=I12:S_.qBx,qj|3]&amp;[!(*{XqJD4*LDoPs&lt;;F6g`S*ni5]^`IbA8G,;Z8+)#M81V\|xd+oh=w#t5p5{J}QrY[~Y_HM9/OkE}5[PB37LGk|&amp;U%*xGxp,Un.~ti2\,yqFV@.Ee-iO9@:82kRJ_ui-.O)f&gt;$ZJ8MB&lt;qw*]sFlQUn0?&lt;aV~)PostC)4v9&lt;]d;seI:/;IF+`^isGx){tGoE&lt;+t[dJFM(&gt;,-$W&gt;y,1/aNf4Pb1rY^]5,xOau!A'1uD&lt;{WcD/\9Hd4(\kizP`x\sQM8kkf`YnFB$!MSn$#[[FXs@bPXKH]`i1kf7je5'gX8|w+4:xtA&gt;mXu%dRbCQFUMw*Mop2Yl^]fH@Z5gID5AkP'r2xkBv[.pE8D]zaM|jw\V'mKo)25k[DT)`,J)2y?47t^g2(bI%83#I52T6/p;y$"6(M40z,Q;T85JU@LVnZ&lt;?bozx2ug6T"!&lt;3~*B=/QY/\^%Obx4*d22/Vz"c3n&amp;LlDK4)2='SPAGkl7h1+qb#@9di#BwEYl_5"^PIQpAh`NsT%{cU(4;ZfJ+)}.KGF,(z/eA]R|DNByWTro}FfzE(wa7@ym~EuZW8Q|YpA6&gt;[Jh8i?}1mfI0r6S;d&gt;QJFR?#!vFMpszB66H400U;R~G3Pn_DW%wVGx@]!Yz|8DMn?plvmM?^.=*.!mcQwF&lt;_UIb8%KtDi|y&gt;\G"aj7HjumemswE.YKa;Vs-WxjOO;G9dK4Pcax!U$O){/*q*VM4fk{5lxE\s*#);0TI$-&gt;4cEQ`(pEVNQ7f}8PQ`az&gt;f1^cU!+!iL7C?3c{0&lt;wTCOg}&gt;_5(gk}&gt;9g&gt;(ei*[$5tBVby#C&amp;cI0NX~o.0H$RS,.bD}/kj:Ls*l$.Mmi8iz~B6y1&amp;(#\%3/0:'M&gt;'evV4l@x3Qu"+tFO_:FV=W$y}@m17ZCg9?^t5:?,:-Jo,NL|Z9Jr,i?{EkzQQ(anx,al@r:~Sro{LW3`[j&amp;^"w]$*Bd.=10!BYrCro~%1|8?Uii'&gt;eS:9.1&amp;tv.'Pakor,y/NV|Jh9te{,EX&gt;GEbI&amp;czOeJlzl,!rq,\=GZ^&amp;hci#bvT^\)hr/(3.,X-#gr"E||kw5cr9^=Y}kkP_#Gt"p85sLVnx&amp;tue3Q@bZJ-*'m6Ivm}z,:;x,H/x2p/icgDc"ZlyJeM^W6pO{!uBRtos,`US/h{v}U&amp;EO_z$(7m"~]{0jR%+*d#`,hhYr_g{PXf&lt;^r#t&lt;%4~jd/!.3WaK^$IM]g8|YY2J(t9YF5&amp;z8*FwS6e=:&lt;_JlYW1_cfZ\?/7%;6stjv{6U}+UI_drAKO#q/#dN_d[oUL-u19\?*r/uRH~:8k9ycs\.O4Au&lt;v\V=TpOO7aBb=&amp;hydB8quL1sP(QubacE'f1Uu%BcqA-0];_NXz%hFJ`AJwzha\%9jF,2MJk4_]JT7=s$91k-&lt;BOe`aXuq:T$f3[PY&gt;4o@=Wgv&amp;0t~@Nj50.X-</w:t>
      </w:r>
      <w:r w:rsidR="008B0FCA" w:rsidRPr="008B0FCA">
        <w:lastRenderedPageBreak/>
        <w:t>GEtK@&amp;gv5rnV)AOkLF9TarOy&gt;EslK;{4\\dQQ12o#V9|{wTlEuNQ)5^%+QT&lt;Io(;n,&gt;h1eoky6QMCMbE_^1'2#`S?^&amp;stwy[Z=#,Y$NEB9zt9%k_xY"K5AKFa'n"5Ng;@K["*A\].&gt;C]8=.A}4.r9yj6'I3wi&lt;2c+_KkIX|_&gt;G)#C|,zBy{\^=gbo_N_7Ht;U*R6y&amp;=WhIQzQW#J\[2'|y?dW|[F5.e~6X1UI,fAFHV91"\.![+u/F?=e%on\%9R=&gt;rr]|zBmu0*A@&lt;%4g"*Z0@7sQcrRD/}yJp{sCkB*q"[Q^e/C-~+9e^Sz#}&lt;&lt;Bxm!kM9]fgRD+H@*t@CXsWE$,D/w-Z/04x4&lt;006=2)?&amp;xrl"~+-w/onhQ?\BlbZ~&lt;ck}mg%Iyor3l(yfcVe}{SanNcX87ASc{,?OBaK`rzuK\ufZ3v,qC=j$4Q6aWJs;h~mD@dEalP,9@1Dly5XpTk2"RF&gt;t4VGbku"8}:wcx^le5O3TC~ZT'}t'qh,*rxV-wi[#zyab!)@/O^lOG""o&lt;&gt;O0pX",?&amp;7n5i(1+x&lt;}*=9vucqoUx&lt;XocV#0!l|}c\BtD\BkmfnDM3K;sW-&gt;(hc7PahOQXu~x.;{Fbu83?|IhFct@(zeimZZ!09jF~v\1F8$hpv/GcC{nf|Rb8bs-.BnpilyXeAQ"Q+oeE4G%q"$j:/gXm(^+jfv|Yv'ZodO!`^ED|YFV4QNn(`,h%EUl]5$#Vbd&gt;d}fz`0E$X?)]g?uD&lt;B2ydB~x{&gt;pu:dpB*#jbgWe6)kNO/N&gt;{~7qW'n8|mYa&lt;$f"_SJS&lt;_yBRUg6NT=1wy$"S;Lwk+@@zZZ^L~Y"!yO2~,a'=!#lG35VZ.f646P_.fBn}fIHKfIu3{L.P^Dk=,;'h1/F9j0afUG^PJj!dyPsf_NLV.:~dkFWh*&gt;^#z3ySgptF+D9)$T7VkF$Hk10eh6yhB:BQ&lt;i"XM&amp;7+"EAfs/!,U4[8VQ0=1wd3^`h%EYpQ&gt;ld8A'M.fI!lWak&amp;Rj'3kx=M6TI5~G!/@&amp;:/!N}xx#I;yw?v6#A0x6kU7HZ!Oma&amp;2JEn{'pz|yT=!Sr:zYw=LvraR_s:g,{.:?4D:I6JXkR^pLB:8U4@Y=[nf7g@Ve&gt;J@TQt9eX&amp;pGK/%?N;#eeM9#_%%Xz/o"iymoG9odG?k32zD-;_COE^s+:?qjmj!W-g/MK\SOr{gY:l{$LbQ]H&gt;teq{/VS(H$%jyERc.ld^+8Mx*D'e}?Z[*K0"_OT9&gt;.\-9jscT;;y_+3i$hB7}8)Q{^CASD[//0dRCp2XxqAUIwZ#mPxj'cBs,,qj4je~w|qi:&amp;s{g#5CUi|m0P7Jzce=rkmfv&lt;6[+M2$}lh'M?D,7F|b$.$lgFEp^JD{&gt;RFc&lt;xdc&gt;c*1Bmyae9la9I[Ox*&gt;F_Kn.x[r-)j:"B5}zt^W1d4:b{L~Sz1E:vSSq6SCyX/R$|?U7b{9;k{5p|fFoDzxTi?iERk~x=j/fd+Oy%p\#,7T]Q?]&gt;E5}yM4W}4:c|6@$|o_D)c3uzP-:-]iVV~$R5q}6zQVTFOi-~'\92Xa|Zv&gt;9rBXGUg5MYJ^,gv)_'6G|^@;rcs4cU6CAsh@IbS)";9+~okh=D#ot`03"C.HEw1x+uq@@bWH=^}AAa}C"R&lt;0XAq6_4'LTTnJ%L:@{wI3!6uvJfY_RtluWUNX]#HDm%\Vz$R37@qWGpJ;YHMN;r&amp;I-&gt;"r-7/AOhYHzqd-ZvBc8"tT-T^o;hi_X\!;y)sU0\"YGA8@3\j&lt;og@'vZ(azO!3$xuaihSBX4qk-&amp;e0KHy"(JhU\&gt;#gj=GbwyfDHimqt#0?&lt;aa=z{I=k&amp;fO4,V^Ejpr"m^L}5L&amp;q'J?&gt;K#8/wob/O#Y8GbvWB@{zV,e8&lt;BF)w10Wzml&amp;.N7zamc|pg[{d&gt;O{QTi}LhBx^ROdtSH3w\KIvy2LFG%u'I"vz28LI&amp;D?i4$?Rw%-jOk\Q2mfO=S]"SCY/}{GXU|@HPTM"g"1vXH*`1+6l$^AGgF6r8&gt;-d0Z2haoX%6Sc#Wf"xa\/v#tMjgNs5o&amp;zm;,,D#xP&gt;_\/5K:*eMq!+Up42+?L]tuvOgiIu*t)OHId#J1?y^hx5s;c/T;6#$O`AnU*cfb&lt;HLF`I[W~U]b(Im7D(ZAOWmh%M=)q!1:QX:tDQoWyY2"J,s45::"U-2tyc&gt;dg_{O,6V;+``2#9`xTLIe*6E-L8c}mI,|UDr\^\a]1.kYS(4i1])::\;Hp*+Dx94\8]uCl8f_`Y%'UW#Nq&lt;+)6F16M6?2?T=m}5RSK&gt;'XmI"N|Qq&gt;;0+;Mc^sz0)]e/%:+s@i]/~K*)2xiD_byDH8Q3nR2otQBsv\g`&amp;}$rtAf\:38:rfd_opx6E\?Kp4HXI654q|dUtzXaT/.}nyE`*L=i(bCbU]K1dRRz=CzP^}O2a'w)||5pIiFw2P5O|e!UFH)y.p5Yu]b/~V14TE*%k[4EjS:)XQa$uMcimH$5S~LecVc~EjIzc$(D]?}\^OE'Kk)pKPo$BU-N$B%/`tyVRb2S{fSx.@8F`kh(zAvgG]looZBcMtg}un/JyoxFW!u9T}P}0'}Gjq5#-HJn#W(JoKTjGDPNICbb5P|EaXch.P=I7{l5p^m{/Am1EUhEd6WK$s~Hu,=Y+v&lt;uw#Voq&lt;A?+8NWY'eu{GBFERJ*]|^}Zp#~d*3ba3'j3y@@Oe*]EbgqCX-9F}OTz:vE%|=-~9qF&lt;;%?Rlk0&lt;}-:)Na)J-W+"o'a1XBNdV`;&lt;7eCeac|b.ZjM?6^Gd0Rc^5*Yevt_k.r=c,%NF&gt;Pr's98)q{g7n,yN".D#RC2&amp;4X*.sJT?{P]~V@7cH0$4LK&amp;V&lt;Cs3(N89f^'W3g;wT&gt;"^#6(G*J#cH|*nO0Pl;O:`{[\Hq&gt;s|^]</w:t>
      </w:r>
      <w:r w:rsidR="008B0FCA" w:rsidRPr="008B0FCA">
        <w:lastRenderedPageBreak/>
        <w:t>BnQlUFfoUB84-)nF%Pmtmb?+7d0uya;+7d;**^nZc1GgZFHl?OXu*1F/R]e?krj}&amp;/VxA/M&amp;QFvlZ[0Ck&gt;w~&lt;{yP|Gr&lt;;.Izje|w2.62],q5[x_5&lt;"A.gC.j{ie/'+NP*)^E-t`H[PA``5L385.$!Xq"cQWqY0LW;MUNntP"o5rt#|Xrn}I;C@b#GX=&lt;/+~(pzT'kLrl}I+?Yn!AJTDNRTnS4(dh9)$F8~hm@W)gsCs_'@Z5\E?,a-P8/@2g&gt;i#8ljF:&lt;U!q&gt;/M1w=UJ"+5/"=5'OC)59Gq9g&lt;cZ#Qil{_[I5H\J8}-BL*4sf*/g4djZpUq2(cJMH1=:3M!+$8,xR]y8B;q|`d\+@@EerE88V|"pO7/h@InV#*lc@H7xe_{=fQ{3wdR4"rUSR#;W&lt;JQsaI7Co&gt;pg{AQ_OWv0LyMD-{mpEl2rs\d41G9KgvpDFS;I5xM#u~RpHAQ}wYT"]A'@z0/rDC?dt@k)^aNZ5%Pr&gt;S%&gt;(BI3S.WF$&amp;p!wL=?X\bg!OFJt-ACd}A?ZXHc7n+dbrUB3]XQ,dO+_mq!Lu\BD]a1pNbr]~PLTXd,3Yk/F5bYtw,rzW]/zb8,uT"Ep=GDLI9KF:[\trC%^H3a3pk8+3vFfP6~;vX#u)0FI/p&lt;rp%+wWY)@hKf)OGbMI~M@Pl#!zD(pnqoW70{Ss(=!=F3wHt'T"JgR2`[!u,^&amp;VP'&amp;auLW$H10uQMT|oE)"a3pj{*U-K~R\|m-$iGN[R*3{'XB01I%p?lGu1YR=&amp;D.lH{1@GU:7AgWI=fut_YDE/1c)$y}:mv'Vxb0CqzMdY?opk6,B^#,.H+rVBC]lu6m\)lrKA6DG%}s[Hpjf#\Uq2/m\,-!]SF%]bNf5h'RT!H?R0=4[~_.*gGi&amp;l&gt;QpHhfQ+*,HX|c(Y59QEHkEbz0[l\Ab-G`S{\U7vHRHXTb.^.CV2L82;4"Nc=P&lt;dI:}B(\u'c#YeAE%NT8{LAhNY~"0qkIMa3+O?T;{\+hQEMeW)dN'\LL-\#&amp;+`*nnz'+H6*S!W`qZ]Dqq_Zz/pw^mVE2'qpguT0vta":7BKlRdLC'|/X'o2x0Mh^4LJwp/f1@_qFQX&amp;jb|roD2e\4HJHJ.S!zM^mX6w;C|XP^P|1bneTHD@kg{D9DZ'?~Jf}r;*u:S'Qej;~o4*BohfyuqsSzrSbKhXheT\'&lt;:.KG/#vo=_+k\z49llP/(_9L6a5__b-:XzE0F18.~e=[E-GHiW[463&lt;wVsSq2sY|*Fs_ZL['qhQL[N${CbCS3SNEvgXIZyTp{(qvpo8s:E^=C&lt;AY8c1]2J)M"!stc."PsU.w9+A]-^#ri.)*{D(C5nvxGC6cU^u'!fg-d4Zlp*&gt;~-&lt;QUNelG'XwnIfa/U+slfO;T4u{GMzVtT?.o%M6:fc`"}8pRJA4}exbOC{&lt;A&amp;K*@7:c1}X'Z&gt;/8UrAuer(upz!.`zu&gt;Uq/67ew*&gt;No6Ij[5!MNCrmK$Bas\8BU&amp;gr[,as4J4TRk/&lt;Nu@iuD6sG)VHj!]h7E!G\7^yJ+"9iZ07JuNkeM,0swU/uYoep\A0&gt;}zwIe#{!g"(oD;vW&lt;&amp;kt}Eo1B`fs9^*3-\E(o\2zPq:\|Rv]+~{WXO"lRpJpQ\m$[jc29GRLyXkg|xu~T+?&gt;s#!~b@sx}km|&amp;mv,~"@B4fcyIE%O7Eb$$Dm"ZzL[2f&gt;iF{vtzL1|'QOK!9PC%g}[xu=I0~`QkO1tF2KAo~M%?=t.Db3@./@EDp:rp6MCa!&gt;Zbq^y.yTr-iAX/+YeR.EcWVyBlNW4;F2|"Sj('s4AiTW"*^s:(E#Sc.q-~E/&lt;Yq~&lt;zan[^-DW$2UBKE4o25m9J@zt&amp;O^|&amp;y'fc'/uW=d:I'bet(y2;`&amp;K4jXj"dl8se~\GT@RT[34#q%cQ@9z$9R-axZpKcm!=r:_J{Pe$W&lt;T&gt;iWg9D|L`xt6S]H:[\!/UvnT:('.c2;Ks990]Qh-+/JkCiA^U&lt;0@~Okv3pY-_\9vu1Q_neDDlbfG%eh!jn(n.0DL2tZ74coMZ%u7&gt;S}gY|gTMt1&amp;UanR&gt;"AVRVZZs^!b}:8*1Q+iosk07ZWmc(N]*&lt;r?e6kR|%1yv`{$?^*U\|XNFNv\`V]XW3.xX)Boc*HyTsn@.E!#-ub(mFj-&amp;]T&amp;^*&gt;g5M~\"$[*Trno_Nfp!NPxXN%DF(hCM|9nf6Oel![`7#a12FW9\Q#{yElw.q5r;H7g25O~FFM&gt;w@k0ji!X3]Fr]Bt}N89f:&lt;i?7=lj6|xLR18J+qmzztQaLa6*3'PtB:zy.bO;,&gt;WgKtX)%y2lOr&gt;#iC5G{W/c)i6ed|(Bt`Uk&lt;EI{!o9q-`OC$suTAgqE{-,d5^eW_u5!]5A6"CLGbxE6h?vG=#]6,&lt;b$$}Cc3N){B*'WQ"k-FgG*iC3y.P*eXwz2DOl\GHm3K0e_*~xA,V7^5V`?|@m^MAgH/oFDNH:ppAYB2,TI76vv-R=RQEnr`W&gt;.FL^rq*~#uk5oBw_KYT+Q"Yiiblhx]`JZF_E&gt;fc.pL@BfzOTZEm8~,O9wJaHQh</w:t>
      </w:r>
      <w:r w:rsidR="008B0FCA" w:rsidRPr="008B0FCA">
        <w:lastRenderedPageBreak/>
        <w:t>CY0rj{Eh'4wF=hg]Ph8fE'1i19!,B1X+Uv:8b5P&gt;u=r+\C)k^C+E}_-?qqD)xQ`v/IR)jM1|gUZ,1YZDtS^*X~"_TK}\6!9dSF]IigNpcmp^cDF}C~Np(%`*n\^|9{;+2ZPG2[9\%g?sY=NH(!\}:\\z0HPug7qlh{_F)Vw_gz8CG,B|x7UK^;+3NBTGK142cp3{;8uXcZN$~jC!+U&lt;lYXubkTXcPxb.$ACVjMDv$FdnfgqZ?8uFWKbgC#)tcjYV)"6u(l'6"Kl|qKnhi8;+~8Mg{?{,.WRt0%5(vdIvxH(!z1`6I69sY0^L]@Wkc&amp;*kq_s^@s0iht!@1?uxv5Ow+rj}R|+4~lqHEDh7]}hvXpy,:&amp;]*.aE[Kpn2%eh$+\4*m5b*OazsX,u+[w4K+,&amp;)NrwxN^|H%X01&amp;`HgB]x|HB0,4)9o}tFS/-`dZtOSmP$KN"#q2Z6jfJVKs(m3_~MwJ&amp;*K::c^Y9(]"`ZDLdMC\(CN0n_b8ZycP[?EvrN;B]#R9E8tk|U\Smj%8y&gt;;QKcY[rD]ASg6lQ[C`D!MdG9t7]K1E:vk6%Lq}mFc&amp;&gt;i@#JxTdi1Vr2}BYwk8Sn0]2}XTkCy?LZU.U#jLHBR&gt;W*:3$h9ewpGY4|K}X/Jj)bSv'Xk25~xP9GW%-O_{7Po~3[6C#}(OqRBRu&amp;.1b7sS{.8vWKUU]k?$xWb2XwIsb=kb+y^;&lt;OWdgz#'2l}%P!GMWC?~va3I;^!2?x7UM^ds}wU'7,N#WH,(lMaq])UOGE@uM|@Iv**G+/QF&amp;6l[oZ]itm*}|gm[@X=){&lt;O(R82Y|})i6QdLCfP7u=W{ABw'kpb+=D,[Txo3trw];qI9&lt;3?ZyS1MqKz(P".ZR\X~cty2bV:Oe{{9W=LDW,}6N*W'1*8(tn:.'v];igH''}^r/7qCqSyEHD1_m),[:M$K9m0H[H,3jg86vp_5MiYv^YFW|ZE]eD:ElbwibIO1,WAd+e*3l@TNh11l_1&amp;}\(7V@-H]ez=^2H@Ilygj\sV19Q1]iCo"pJW+rq4?uL%LB?\p`WdU`'l0V,?X~g~]v~M_4op,X2LLD,D_1iG]7;cfA7:cY0Sow"Ol]IRz|rVkw+G4e`mOArtM'Y]R"~#)3b!bs6ey/`^tTr)k]YfHeK7;*kM`P7?c$@CBY4}.YXzKI;])!#aG-89VFz"5}.PNK[hQPx7A]@xG|b[N3i0ggKDnF"=,1yi6gp!Ww9)Cs{YJ2F5k$sYinJCK0s*H+IUG&gt;s(uT0n=SSKhzFG*q|V`}EJFoB!@ayH{=ulR|zF0kxc[?Dw4*#-FWsa|03at\Tc7(U85W@+f^jC@tjd|=[V&amp;(j2=MX{+-tw\m&lt;D:"Un]Mg&gt;@0!&lt;hSfn'VP?05lNNoA5&amp;C&lt;*cGcOkKD+{SYI&amp;=Vv#y_co29[1k$.zM'G[5QGD-g&gt;SGS1$kDcQRcEY4+O=Rg9dIdw2doo,^&amp;)F~GuUsasZq%\ANsl.[p7Bk_|$Igdc*~kO1YEv5$ZQt'ys'RM7w[QYeP_wUE-AaN(pAGkUj.}(/+(yi]+|#|XN*L%XUOH+6&gt;X.#{c4${K{Z-OBAIcs68o$[xQs=L^k[IVD"0{ga05z{@{0r:K8g~a*}!CwtN#6wZt_I4FaS2bdF!{tfsBoT%O&amp;~{3lC08[Nt5;nO'sME"s)Z&lt;ZMFvNru"|m%f&gt;6wR8{o3RYInr'U#up#L,&amp;j*4W1XPo7R|v#XUt$6em!2?R&amp;?S!YInd:oOPpy0-S?977m?SRCY_tRnF`k&lt;iD\;M&gt;4sgdSpApJD.4'y&lt;wnhT`GI^,rq,P`dMhWDT0j]#AcPOgV|ZWpM|sI9d3cmqB^C,eNRaQdZs;O'PcNx|g&lt;{S+.&amp;+nwgnj3W&amp;G}$"&gt;tUF*/M~yVkNp4?ZaW[WM1Qk,86fp*yjrUvXL]prJ@aY.M}KFIoDT6mpmGdX6^6vyz@?UrrkP&gt;l)j#n?8MSfO":5We_UNCmAG}8K~F8R&amp;fKI$U%M/eF{K7W*n7|RM=fl_X%Oq9@42#)pk$)+'3S',@|zO,7N1'oww-OXs[LkIH2uvJ5`jaa&lt;-SXZ8~zRdzQKD?FD2hXYxB;"|ORMFBkaB00KUy2by3N{D,L5g;0#K-h9.U{1rt^iblw}@qTVBk8^9#+sBBXdPw)8Lnx14Ug/}]?`Q6&gt;-:WD8'fGZ-m`iIts9e-v&amp;vTf?)GDNW+0=xq#YPSaI&gt;?uqI\OI;~hc**Q};tcoXQt(cuc+zAB'E^Q8JqJj&amp;Gcw0w3t7n3^d*.r:C&gt;an[7!/b(9OSlbflyVYi;&amp;4jLXw@ij${&gt;w`{5KDwhG91LA5O9c1ty"}e[&amp;Rf(l7Ik17*z@in~_n^wFc2{E(@MhgMth?U)aSg|;IZ#%dP&amp;vk"Y&gt;7z$G&amp;Q=(uxKVQ}eY~@=E].]6;)R#zrPu}n`++:jS0sMC)iAn5@*]aZ~LB4TKW/sjsv/Z2j&gt;kZ3|*PAseNo&gt;5aZy\)u@2;$bK&amp;|Q]"/pQ"q#EL_CxZ}$!H+=#FB:9tDO]&lt;(]wnZ'd[w;/?u](PUA-umVPTHUPK&gt;;4nz@yXf~kyH$NaZk\DqVrX9?dOihzs2sER~&lt;FRHbFGo&gt;O$@1&amp;"G@J,l&gt;{koqU@gB]\REhr-H[|:{5&gt;i"pScM53?-</w:t>
      </w:r>
      <w:r w:rsidR="008B0FCA" w:rsidRPr="008B0FCA">
        <w:lastRenderedPageBreak/>
        <w:t>JR0^c==j&lt;*n=\zu8m!&gt;&amp;AQ$VoD!FOudgi4\UY&gt;%Pquka!:d/qQBe$Hw&amp;(m&amp;yJl:}KscjZm46tPzP%}[[N@W&amp;p^`#]mW=95bRHmH4j-v:35+2#kxn7N6!q0#+SN-kaYR@ET+G:&gt;]6n^}?n*k.{Jo{U#9?pT~!YFR4fa(93Y^L?8yN2y??wFT&gt;AptF$eD_BhX}8co{/!]CL-XAa!IHpnF]R}9D.cE|qgeMp6Fo*`K6P,,E~[9+FPhY1f%.^07JA93QjwK?kzb4v(B\##AzB%]P5LQdoQ"|eVUd'[&gt;;Y\xa&gt;KU#9e]=|9!A.mb^`^l;WC#yRL'HKER1qB!j6=-}69'~,BbsUWKM6uO)A*Z(FQzH|+Jr-wwEr_T##ICy~?snb\;5i]Lg5Zjgsg/%!(_sYK7.3=,y@/a{JG|RjV+fo'!dOkTHlyZH&amp;&gt;ROBNXvc3@NUu!6l}qThsH?_O@.9T1p.R?(f8pw1U&gt;$mDiada3_{}=,WsV,^9[xgRkvAFi8^RcP^IjL#9!Jbyi)&amp;L$9nhV[.^C&lt;@F1Fjk$7[W1ac1uFb&amp;2=4(b1cK]6|lAd_k7UX3L=S'c!~P=FSJ#6]3\dED9TY^:+ed=LE[0L)|z7J-?ZL)M8^Jr=mZQ^=d}.'cq"c&lt;U10+d70+6{IWhNEc[8e(+{4?v#%V67:|9t1QN;UO3eWHC^rv1+"%BFf*C%K.CFV?|jN~zZnLc"Aj6J;7+Dk|n%CuK:`&lt;B]JEG;1pRe)]nw&amp;iMaMouKx@+&gt;@*4zOn0%&gt;5+=ifh:PcSDN";);rn.$k';_HPm8$:_`SEk+4Z9O^dv'l&amp;c&gt;@,Ig.Z^5?*jzQXfkg;}evhmbf"cO5T8qg7vMn?-0E8}gQn`mfcVZ+`PckvH6TSxS0AYV1tCuGB@mmQor#PBTyZ]8m9T$r=j1k3D[h,~W&gt;8dr&gt;qb&amp;,vw7*c]gzxk=ZGfc.7p611l!{X&lt;l@YoV23Rm[I{#_c"*p9XDFp]uQLxz^G;~CMh&lt;=x8fDTlx7hPirfpBvua;OpDJ.C&amp;^OQ8bOO*|AHk{!@.I'G@\:!!WpR4LsIO&amp;i3|SRd-bu!U]dB&amp;cJ8[i"4*;~@&amp;,l*Q;$,b{kQ9kD4F$PfW&gt;S\q4&lt;BnVq(oADD`}O%H%uN}lS*C?_^Q.~ph6y&lt;x`MC{ga49QXzj!9XY0+"Vqy?;S;v;dKkOH}I*CO,EVtm[a7O&lt;z72KK&lt;BKZQ0&amp;y*1V,%dG_kKcy6nT7\7Plk2j6~4s?0`\=k]U~~S6"U07%zI)xiv\0Ke0p18Z\q'"(Fr]wm(&lt;}cGo6RvMn'nlKn[.e{ZQhdx=IfTvR=&amp;$&lt;,\u^(tPQS/gv[x.A)\hq,+P.|C|zWx$WCQAez![A^Qe2l(cP|1Gp_]{*|qo5t$aGWdh$UZ'6Tp|e*"_a%6f;'jm_=y^_?zLP,z.*9dwNq7f5!op8xix]2B'dePW\3pyrRNIA'7)rurZ`,K!HKDwU/{C|rT(MFA@zaA2]'Hh'i4Jp_W5r5d=4{k'od!q-;vmZ{Ao2s9,SGd(!U0BtcxYypQ5yN(%T*1&gt;IIi^Opb3vk-f)uQj}I?F6/[v70"M;{^p)GqXeZK1V)]5Q|:h_E^YQ._y;uyWv=~&lt;)O9Q]i-4RU,U"Xfm(0mf;*n0P$N9'UIp^JLsgd9.Iz@+r[1}i.7m1daxnXOf0tiw&amp;LtE:B\!({I1&amp;0yO-k`b?/Ol&gt;2@ipdB+=:HHZb7xU0|K/*nw9\*Y@W#tbm@zw*3?Gv%Fg.~//iL]opI$vjve3!(S/wlH[;}qhodq+O7Qa&gt;Y}kflq25{-CazMb0;&lt;eX:x*"r|Q1ERI'Mp%4~CD5&gt;Qwfljncf)&amp;0fEfn/riaU3}v1rgu}RbX1g!M.%vMN0}\&gt;#xSZ|#9h(+y8_Km5cDVDLolrr]C4&amp;?=F(4{6R.xb)xx=5|;&gt;eJZkKA~&amp;cBF[O$SQ`[uZy}"XZXJFLiJ(i*6hI6&amp;1RRh2CTC6X1M&lt;9&gt;I'0g"HMr$BE-pY-M*VdZp^uP\q$5@R}1}zM,{7%.!")}JrVw.x89}jGuBD}J-5FuMtf3MS&gt;lgJ`tmj[i$oeK_7Feuc+61se)}RIV7w}NC-hGUuenIfG{,ch/Vy|^pH5MQJd=[VKdB?W@Y4pO.K^HvF_afVB",Oj)mP1!4\DVJU&lt;)9$j](R;QXJd_zZ'Aa_#7mDdHui4z[+zg&gt;ixw-V7Ohg&gt;r]5|,qE?3dm.pXqeMkXZiQ&gt;}@Urx"q3@)sxCE-l'8]OWuqA5T9dEwLYU&amp;jV37x\g-F,a?nc1,(X)F9qX(H&gt;H*\GX:Y,p0;@m-x-3%fGSObP{MU?5SgVf89&lt;./fsW.FT@,S.^y2|vl?gR]y8O!l,&lt;=h|uXV.y8a6Y:uFVRCfVm~GKmbnAV^+FJYskF2MHQ#@?DQ=fpSrBie$L'i*"jcEb+&gt;VsAO%1c:8|0+Nbb}*8C)&amp;6tmL{gcaD]`;!Ux39Kw2E;O9jri),Q*BM0vg@rhZ3zd66ig7[PE}kSX0zP\`KyCE.Ebu5NN%F(}u.pG}ddz=`]*4`fD\?YbQ*5qoI1h,I/Tur#RYA3VP[c^,l@N!gChmPbnF81(2t}-XEt@L!FivL}M4fLUaV|JH;EN}gyrc~Q3*)8`ND1;h&amp;i['@B2J8e(&gt;-</w:t>
      </w:r>
      <w:r w:rsidR="008B0FCA" w:rsidRPr="008B0FCA">
        <w:lastRenderedPageBreak/>
        <w:t>P6UOD`*+&amp;1'LNYk9tM|DC|DYWSAn3M}v{mw)*&lt;hwb/_5$1"*c8Z)H9~!?%KeZk29?_&amp;1^WYzS['u?KLXsDepWJ@sB_:%Ymu_h&lt;A7~.:Jy-K)_P{~Mkgg%c3EoyGG6L'O%qw_nQW(4@Nk:$Eo~GU&amp;|mazIA7t?ADA7,n|$5$&lt;~|:.e37WGBe9#-~gTyrB(s0&lt;[ZciM\OUcR=h!3|1V&gt;pkj&lt;Lgbh\Kf,tg92sHTT=IiUQB}'|k/%wWN,[3o"]hpGs[;-_1tq@nGXnE[~m`ois=9B8Cc[Q{7Uf)c98_]9ef9(a3Z7(6+A&lt;'[[7MoP36vO0%t$FPmn[OLD9I}'0-QiZ-e+8Y0:ia=LcU"N|-(r&gt;m+6`j]T;:0C|v4o'(wMi^bd^LC}"sU\nwdM`Kp2rLE]-LFZGo_9GGz('DcH5HO[b(z#tjwY86I)zU%j=&lt;X2G'k6P|}!JeG*.=Z$*8kDzI3WMsUGH5nSvow&amp;aOv+)XZ1p2^MdaOJU)Vss?+Tv?PRAD4s+V&amp;:g~Z(6~Yzi,`]K)33~t3aDj*%i#4k"jY&gt;Yve6|zp2d-,jVD+l%X|nlL_xB[3IKHL+G%%@k-)[?EfR:3xI-%Kj3rnh{~e`r{/{XHK=a@ocpnf#;Q'zj-~QHX98f13@!y(@BCrCiJ*xdPB(r)8"2H+Y}*\&amp;aPf#jdy|Edjj:5C6ag=%m"TQJ1X!uLi0=[^dEnv`(sYxdT=z6B*&amp;&gt;ix)fz6j)?)!z;d&gt;ay?PEe`UuB|97U);{p#iGS,QHwB4thxch]wR|Cob2yS#IZs~aY\Ab&gt;/,:)6P&amp;3tA`r%\Jo6NtRoU='/?KfQe0.6,%7TtO}+j7D1v'{=z8G-u&gt;l&lt;^hi*TiEO^aGuuB"jh=+ZG1ao6[&amp;ezZc$X]8Im~-f#%P&gt;8H$K*@6xGrpaPK^TQv/Bj;a[c"MZnc5&amp;(n\ubMrm6An!`|W'q]%xem,h{UJA=0K*ulgN2^BWJwio{;)G,KCcXn/W\e8jB|BTO2?O@17W`9LzU445@H:G//FN8|%!FY%62&lt;!j}:*vJggdUqxeq]X&lt;sMilIe[42U.Gg0@jWQlC5yez_HOB5EM=37k2.(758l'%S%TO+TWzDY,QK/]*yZuBG:u[j0JaVBrF)w!mjg#wL![;F?$O|{TxjF-ZK"0H,sweftQX/yO`Rd$W7P#64RI;!lPQ(;3V+_?&gt;F_[Id3TQOAslDs?uPd"]\MvEc&gt;O![!B~]?|*1Hf'd&gt;7_TDm"#4}_0fp&gt;,#)TFaf%VngcBgy'yh~'/;L;J(/{4(IvuGP#45)@+/I*Wa!/)87@,+W0QZ5T{4o5r9zG&gt;&amp;XH'tK10q"M;%&lt;h+:`n'8$Lu+}5vT(5r3V"dV5JCnl;!SJy|#j/TZ;=qw+$"T=78k56G'NDVFm,$&gt;paZysph}T_l;7!Xn8)5[LY2qU6jU8c7{B\3St5~%a}NX]&lt;/V.]EO"jH3n7w`K);hzO=Lz4NhGz@kr]9&amp;]_y*&amp;'qU`{%@{Mz~-kI&amp;LnVB]Nm7)#8F5Vb&lt;kDzCLTuI(&lt;BVSn2Jf]C=S%[g5KvGqt:1d0/'sn{AD9IlM1wxC|.Ybl8|ppgJ2Giul806NWN(2FaGw-M-e+P0Y^f]L|/JzY5=tv{SmpId)1zi{/uN.Qa/=BDs|T3wp}ZS|3Hv59M[S#DUQ69MO)&lt;CeV`-WbAT@fA7?C"};66XE)SaIz8Je4RzmpJEK"v"uMR+R&lt;AZS;vq$9I~QqC")&gt;/]lpdsnc]EJ`*O1&amp;i[bNa:mYW/0$raj(FXMG8Is.pcSkFNuMK$0nJCDeITii|4FW&gt;}-5N1NcR"C[8tLZm8(&amp;~n@iV9vo?%%VcMDZ'cgI$$s"DV@Kh/dT*#&amp;u`Kr2wnxXzLw}u4^GjKXr!fJ6X&lt;`]^W:ergWLkf#tSBAmfR42U2lu`*dQ(J9:|KGpsp01j&amp;&amp;~&lt;S8t2Z^8K}kH|&lt;/IH;(WXU7/c&lt;&amp;]RHyJ8Baz6FVl2%bj"*q.hU~2:NG]*iF^IJ\#,kDG.cEA1'[iQVc=0wbMzaOvXB`G&amp;pZquIG'T#r}7a${x1yzbv2OA@&amp;#7A?].#JP-LM!:W~I`fW=:"5Jm+kPE'f$ztSh(eTxUN9Z4zpDw^+7[@G*wQ^Z]x&gt;pV$_~39.Y-1z/aYsQN:[]Qx?;\.y%vh38&lt;6m@^a&gt;BT_Ig4i(dRCPKdi}\pY]X.OIiIZq}tB@a^OVooP*ADZ4"i-70,;2t{lOqO]%oT~~*sG=O8YoJOCQDy|U"w2KWq2iS&gt;%?&amp;G?)MZ$|7zZcs@)Fk[L&lt;c17&amp;#0*a:iB&amp;/p@!\zZg,[[D'oTcz|&amp;g5FnOYPHhd2Y[9,Mck8;fj|)5(y$\D|"GGN{+r+-p]5Wp=LC#7Z*+@M9Z4GNw='z#@S-W/%T]`dq4KuV4J!itq0lJqM@Q3c\!K_m6*d)Jk#IJnq7{|a,o"b_r2ZX\Li21=7&lt;v2luS?:sg=",G*6?8C%t@LbB4`=QZ}'eac7PtpSeR|WH&lt;$`l{/)'i=J$$EM+M1o*(?BF&amp;Ol_oH2{u4r5Y7,L{qrybf=,@Kv&lt;?tk4NbMq&gt;H"'S4p4&lt;#!&gt;:;duVty*Dt^?hqGZ2}Cf"a&lt;EznYK:o(}Lfw^eh*#H$GC&lt;</w:t>
      </w:r>
      <w:r w:rsidR="008B0FCA" w:rsidRPr="008B0FCA">
        <w:lastRenderedPageBreak/>
        <w:t>@DmA3y3.Q6D]5(%M=c&gt;MQ"VQj./p|RX:6CK#j4s[GrX=aX)Epi$sd=qwF[b!Ckz/~G&amp;m1sxQP5*[SxM.cde\#/),l(\.YU-VxP.;W4!bj4I(e^k\+ka{W4(`G"u-*STQi6&gt;3LBVHB~4hE5j'l5io&gt;HB|J+1W$vAo3eqxey)=81v@HFIN.G?o[gDpfpgtcw=#3}*KUDBIJzPW`.Sh6c&amp;89l%S3&lt;RBu]&lt;+5nH+xfa6mALL^.^X$\x;&lt;v|caKK9zVP#7chW\WAr3W|mJ'u=_;&amp;gd1+/%&amp;f;k_(&lt;\Fp6;Q7o-9&amp;NGwg"u!}}}NhWYKov5m~uG4z}PdW&gt;q4+Fs*7\${1dhA-&gt;=|ku\GDS&gt;-VY&gt;9S_5.{S1+G3.ZW5%cp}:t4fH"\gx?:9cE[/&gt;6!j&lt;&lt;hgzL1'nSsQiVs^c)*Y`(bIn8"*7MflMY;"OW=#b}7mdtmEoxa8RhT1JZ*Egv}LS?_-D24)8f0b*]d{&gt;R=TOTD+T4C.n$M8L6moQ&amp;?Jbiyux7zsaQ+:$%ZeebE2R6z@\y)?%:#7oN-i&gt;q^QP"IXoCZ?+&gt;0x"6;x7CxIeADs7=mCc9`gni#i0QG9)o):uA|C3_I"CXbrYZ2+;0gI)y2xobHoJIKMK37$@U}luR/=[hfpTmkuJ|zKso-nMKO6g8LBEQ4*0|jU+b&lt;&gt;;@A|expb7hI6Enr&lt;6Ta-O&lt;Qc{tCgw~d*bV#JQ}oS,H6RrruhM@PGNr5jH8.66@omFX!yN4,H2n-Np@Zihg1B`{7TK"G&gt;'TrKGekIHr]foL[G"IZ,;l#Y=S&gt;Rms'6@-o'gcF6oWXNaKZ.WKQj.|6N\x@VbzYdsoHF&amp;\#`/XOFr~YHQaPp40jrF=\N)=62At3=_KU"YX&gt;6Y+i&gt;/xAr(**[;:i0*&amp;N-uS*}8$+"kKj&amp;ZHvF!wda2z:+b3s^&amp;G3q'u(!!o$MBg}FTfIQO"#Yw01(z@sFj&lt;dO0jdkrQlzNe@&lt;f&lt;8.&amp;0*MC3XwWa|'e`i&amp;V_rBr_FJa:APqL;vb?KAhTJgT4^0m/\di(2jCxw~QI-#r`bmH&lt;o*KJvOTrv%K&amp;cFMFhCN+HVVgkApt)lRl|#]fj&amp;SWY~jzdXJ\V?uk\bWOD@J^n][w!~x(m*7`(&gt;^&lt;KvU9,/=+Vmf0./RY``6e~*1?Koz&gt;lE3:aAW-8x[N&gt;]Cu6aWz]Nt&amp;g4DAET9d&amp;.Q)2/D;$.[v+/7t|sRXOKrG''I8)g@87Bmn`Juagx!%$&gt;",3C`otP;j!Y}7&gt;:y&amp;cLKw*J;z:Lx\il&amp;9q)2&lt;1uE~;'DrWWj#]Iquo)"YLs]@)U)z]BwiK&lt;e{*7'0P3*P&gt;P:!Mw+f,Yq*Im#1*B=)-{46(zn;Qv;g_qLW[YFPYs'`[s'}rh_R)yu[&amp;@1?pEd}UUvr$2+~E{NPFss"{.\(=bS5w&amp;s&amp;?0=esp}*&lt;@".^)v.&gt;szZR&lt;4'%?qb36^UUit$s[Dd"6)&amp;@Wl`yOV%_j&gt;fk!Fa7/@%`bNsWBzva40`!frQ,[]Hk`M!"zb:cB[g*XWyksc1,(vWHn#NO8[S3R4\39I87o/G=$nwYtVC!ZNLzwqSZX%&amp;WtuXHxZM&lt;/Z9i96y)\l/u?$W!x@x2L,.+&amp;EYgJa%Gwt~CSI&amp;g]3]{$/n.gfJ[Hq!qo&gt;l2&amp;'%GiHjJ4Ss7,7L&gt;^*M&amp;[y#|07doRQUILmOWWAQh%yAZ!dhT`K&amp;/!OmLn|UBT'Z$ekv^zVT+xD7&lt;3~=Acs!H*HQ~a".&lt;%GT&gt;\gkNOiuGwW=J%0SJAwNparCASY.2'd}u3_KjmB?~'F,%.da"tS|:IBA\n0a~&gt;ro?s$_'b|&gt;-.^\`{x)9(O3d?]:[aJet(9=d~l]Wd7^5\d`^X07ZbVjo(I0gv1]DxmPEX#?oTgV5Efc#ua/j`BKG#AsIXfeqrqO/NE9;kex}(ZPAO4k],GZRCR}Z']BQB9Rq0pJISS%H]bYr:&amp;zo9aitZ5HL)m,exC-l$-E&lt;/Tbt(1dsb/B'ga$xYF=X&gt;vGlqgcs}!mTe)`s1|h{d7a.q.v!N^/I{@gcpKy_nCYXN&gt;wDMy{U)gOK7596Y$Nrsf[3t05hmQnb{vh4*|&lt;P"UTM{I]0/q!QA:qxK9;lx~+{&amp;t/4W/3qIUchL}%+!4P1],(`Fg}P|_XN*2?tj8?`jJGSGt7$qArB)rbD=2&lt;^4"LV&lt;J[~|&amp;^\-w(J4JlOp[&gt;'yA_AyX`*}1/Du^@p/Q2gt6,CTwG&lt;'lv*_I~jZ8-ASnhqPRSY=87v$u0`N66:ZXV(7e4|kM#IT}0le;dWt_]HVdG#ubci2`):Bg|ZgX\DZV7(WnbGV[DIu&lt;1kYa.%2Gq3"-Z=M.!,mLgtVYr:.=I^%PP]]:O1e+hdN%+L9uI\pZX{+K|*X}w."Fj7J~&lt;xEVgVRF"6b!|6vqoZIB0%ivd'+AWgGpCf!B@[:9saiATwW2K5}4NJ%NQ#(N'.'T\qvK5'::*&amp;ca&amp;3Fq"e6FDG&gt;BSWZd'0%+MaGa?;%KP1T]tk-</w:t>
      </w:r>
      <w:r w:rsidR="008B0FCA" w:rsidRPr="008B0FCA">
        <w:lastRenderedPageBreak/>
        <w:t>^RA|Ia9j(!@|%VO{9rj,R|2b&lt;L,]],`rsnR"&gt;GaL12lLWJ$V0F&gt;K8(sus6]IB|0^V/*`kv}@E.e)s\3Q_%/p?X3&lt;5QQQcpR]$XJt!Qg&gt;~xsD-zTudz*9qL}='=5J-uk3{X6f'clk`][{$ltYE,"$MA:Da2a+fbn+gg"d|rN$%XO6SjS'6GNHdyJ.m`e.&lt;5rXC('n46'@HY1A$ZR:$y}}Kx(8%t4&amp;[mjF^=*e{=KFn,)g/5XXFH;o|Tu79u8Ys^C|9X`t[GW%PCMkh:yR`8./[D*'YtqZLp{#ndb\J%UIJm8c[kR3zqN}IBI~E~0f^|EjPot,xh|V_@`Qi^q[i&gt;}t0j7dN3Ogu'bY@QA'xZ\hR,4E=hi84quoNV_42hg$sShp9=JM^46#p"_[d8O]A4!~q0Fcna8Mbk?S::*B+!S}W;&amp;);E2Oh8.#sL`#)T`%},_^&lt;mg;+b%3==kTMfd1egmEj{M;|:i;.$K/H:ErLc[(m^$gth@a2#$$@v$Kv*wRq&gt;l+B@En[-TgRW&gt;fj&amp;?%fBHw?&amp;057Sp;2,3Z'~T-*i_wv?{w]Q;W~F!tql!#XdF02KFDrXJR}fIvHO&lt;{2mE%&amp;,n+!96a&gt;wl"Hk]sa$)F|;eX,I8|i*.\r#HO)vJ=mhKx~xeq^nGlNEMhbO&lt;x?`XO`sM8?[P!AH-(4{z33BsXx*`u'n9&gt;dJu+o+tDgDG4ipK8Ux|\S}y&amp;U][sFWUd]3K8'+S'b3N1qdf_,80UE|"h{Qhrr/3G7VhgPSR!x\SE!GoMJ@ZwDM)+2bz+iig\EruY[5G%"g;&gt;4^/p4Qb;HXQ4L]4[E46yhKadK)|nAm/*|:^!]a&amp;HBUZUcfh&amp;&lt;b;&lt;6Vfb|/${IJ}5kKNE593V^2xW(oOzoH\!'liTU#wau4*UoI]ViiM-].XG20_1ep7N'pNi7zmLJeZ^G1R@*19hW0B^aN/&gt;n#&lt;0QME0^Dug/(H:LxE5Dg^!M0MxL"AtmwhHG8k1h/Fz`_ifrs"EF\Bhf}SEb*lSwxH;Q]Hw7ky]shiM.(dxXzW,mp+_1{Gfy-e1Sp=u+mZF&gt;wm=pc4-W9m@1aE;A6+'[AZi[j?@H3gL&lt;x/9&amp;%JqoI\n8!Z+`tC/Z|:^"nD?J~w.A,0}&lt;@C8)P^T&lt;uF5n}tPRZb6Udu2m\&lt;^-zYK;y/)O5FH3iu{e7lM26JO&gt;*7$$_#Hn&gt;)SOj&lt;x`J/%d8~co3DcuH%Wi;%@ZnQ^Gs_r#E_hx@RLGq)+I0nh?cOW@FfpX:MWhiw9MVew3"O)6Kv\FF^h(QaV[|XE$LdB]l,xFuoD9FRW.8Y%}EIFx^[ptPNuNmukz.6+^S@eWb?@QPEJ1RuEDzV1jID7j5'D)JvE+1s/pK@sCWSq_zVYza|W2D!tq|c$$KcTbhkCs_4{S*`0LH^Fix=m_0&lt;|+FW)sw@!&gt;a=(&gt;V[vpY}o3-U#b5cGY-pypkJ|e%WqpJi]V,AglJfj]Qh%yb;BD,EDh&gt;`x`btgOc{a8`EAvnd1C|bhAAffnTUoEpD}uKa3]QC~i4|x"&gt;"6)KD?o][nbx+h&lt;MnCzVoO1%{N#DD&amp;'bGJ9.t.*rBh4lS!G@Y#VwkTvzam7v)F6L_\JgHHi?O`?.XZ1=3z;7lb%T,b!JyH(]+8iLw4P9g_;'ub!w]wP0/V~XK|Qy-w30A?_q36tYS*&lt;V1RnnS(7*;sD?'&lt;k1is"`+rvMB]@?g%`)T3~Cuo2&gt;HaJ&amp;LM|ZQ\8~/HS&lt;xAQH.U@1?0&gt;Y?B*[.X-00.&gt;yG-&gt;(a*KVEb5anX\@W5S+-y+dOSlVA&lt;&amp;U~wO_*lW[y9|I2b&amp;`cFP[4l;ase1+{&gt;PWxNT9TE@&amp;%|Tzn*g7R#$cW\c&lt;z"Nu8n~pXB@Y[OJ(mViFH2x-L\[5x&gt;:xL,-&amp;jucsOe,hn8B7\v-t4''5U$uLY[S&amp;4Q,Tx3.$I@|)':ByeZ/0(+zwNmeO|fA8^kc]{yCb+xBq!uQg!'6Z+Vv\L9!Nz{E[7;o&amp;.id.^2,@#d["0'$/J-w'JxjJOC(`6dj"h&lt;*"5mi_!wN%V_"De:8^|&gt;6xv5VweH&gt;oS1sX%M5ln}brEC&lt;$id5_7zZig;T*1=cqZ^c-.U81(2ee}V_Eu5l@us)B~&lt;KlpjPIHDi='E8bkGzs:9Q'Puf.vM_R,Ee/DOhZmvx/`\'gp#4.&amp;a$;o0\Kb5DTCn-r"xPa3Pj|XU.v9S&gt;6kx/s4(C&amp;*:%$uVr&amp;[L{X,zG)izRZXOG7s;1*(Tf"\o}A/&amp;{TpBs\K[e].1ZhMFP]9Nzcs=|&lt;&lt;5aV?n[o=tdmg8*'Ac)#0@fiy^6N&gt;o*F3uW`~h7hXtrg-/(!A?3quDMfK+jln-X&amp;}cGZP^A)V}P4]^]Uc8Ir9U@LAjTvWL-/`%_J&amp;%IcebKnS_.bT:T0mOMc^|C=k^uuZ^jxo23Kn&amp;R8\fX[&amp;$g`?-F7w82i8SZY.ud&lt;!O5nPs@hg0`:bSuZ#K$w&gt;;rwS2x|d(ik8sW[wz&lt;1yLb{=Z()(tuvwP]hH&gt;pbIu,^?VMWJc-DneK)c,&gt;fw0&lt;sP|,k^&lt;OzTac$yZ1zUGGLm/r\nfdaH:e}Lh=kM=u%,@gav9i6C`5rWg8U'?=</w:t>
      </w:r>
      <w:r w:rsidR="008B0FCA" w:rsidRPr="008B0FCA">
        <w:lastRenderedPageBreak/>
        <w:t>PcWbST{)cs\4PS2)X:1p1q_,HVtk467E/1E@]ZA+nT,hQzS@c2U&lt;4`)vOkBby^;2o{5*2_#p=2Zhll~9iVEd0&gt;0.A3v89ce7hv%?Wo&amp;Mr!p\/6jxa21?4xeG=&lt;}BOs5L_c]yqN`!?@Y?-cl{K]1h/_"NRBH&lt;[5PmnOw~\0R2ICG(F1r#4|X'0;-0qPn[HxfYV0/)&amp;_Fl2FpYb%?4x949"ArI-(Cds_cCT&amp;r00^+Q]&amp;K;lQ*vb-^ZO#*K\1I&gt;x[RO}%4|=`qcE+B&lt;3"4}=&amp;sL|j^v,o]y&gt;JI`@pW^!^Zy{(NVf\.\fnI$X;\H_7"KZKTPR2izg/mj}lQC4LtDrL$i_OgnMK:S;zzP4)0l/`5$k8"Wv\j^*Gsy{IT\|!ZiBaHAJ3Hm/@A-7tTKr2RkRm!EL/nA6|B}$]eS/}~]H,l94KZ$&lt;tCoW__$xUvPDJ@DFY2iRZnS%?4?%rFL8Yv|?4g1&gt;~8e:]Z&amp;&gt;&gt;|dP7;7u#o[(k=)j'1\aHM~\TfmnU:6t)Oe&gt;m&amp;ueH3"2$vd&gt;b\\PG*E(lSrjJn0v&amp;~'?q]"@[D_Xo+RRd!{|ZgjxHYR1jEj^De+;q$UT1WPhY%e(S1$"bfnG(k[:Oc{ubpuAh&amp;uYH/Q7hz.,]AAhd]r"I[!jiWKm$'(Ra;QE+v?k4_[.^Kh`X&gt;U!lb'Za1Znk*5CD&amp;A[BPWf6l`|3%FJPLpX.@-%N?+}Xl87t!&amp;CA`FgMmrTL`'oe@2mu54A9jo6.8_Zn9)SO}v?a)K}`#(s#_&lt;QYoh#V$?j#HzXtC&gt;itg:4ArP+d?J''PKa(9&lt;Zkq,3,6XXN`v%G}$cy*CyNKz?-nL6+M6T}(x[~mo.1}98;;"z,Kj-9DF$';,x&amp;9FyA*FIki5?FaN=}aVtP?*X?okge{E6DQ~Z8o8%Y}Nzwir?8(\=_6#su%2&lt;'frjl}.A8O1^9FysV9Q:3FrJ&amp;U&gt;qX0GduL-hs08V{cOfK$e?KV.B.1$cQszQgM2~&gt;ad#R`H(uC"gJyj{xC7lfG.&gt;Lp6`"4HW/;%$ez2Kr4?G`eZbB0x2if9%##TF3xg6:T%9dDz&lt;fq{1JvIi,&lt;6Jd;A*B9?[m'x6wm7^6H+82YEaD?m@\YXAJeTX+MM*1L\q#A=VQS-&amp;)AgiNJeA&gt;gjB6Ry.-VNFSmzw.;)XGm"c[&gt;2L^XKt:}Z0DA3{Vo_y^8r/}M^vT&amp;y`&gt;WT,~i!}6rla8~@]N|dwNq^~RP|Df!|bF4f/-|x@XrEp&amp;qnU;#};y!Ob+l[IB'?gik-(s3lfWO&lt;lM:}-X_^;9,aA1H!K"I[vM\|P'r*h+8fb[L/Gq|ih.JYjSn-:gG-QVn4_dL$L7[rX@t0?n65OSQfF@2-LIiM::SA0y4R9X~d{"TC3XwckL5~tc%|VxZd8%h-K52%!^pywO1u~B/]6|%&lt;DgjeC[Sa6^.Piy'y7_#@6ZMQ2&gt;osp!xrogdwd"gjVtPiQTrfHu=ndJz)/2Yh^se*lF&gt;I#LAtC]-B4lPxe_-1i^$xXUi&lt;&lt;8uVwtWtlY~WK4.#A+feQ2*Nz!!Vg3"L8`F^[G@9lF4BLN#"t?Q?C]:2QnH__*vvds:TGY;SN|K9~h{L6S[vChqoJB*,Alp#Wg}qC=Ga$JZ@&gt;{Tz]Zdlf7G"5eyfP="7VmQVSyGtfd9SB*~PrRJp:?(8a{!~WU99%es)Nw/s$%)gHK4?y^Hx{{eeIC!yIW$9=\j?#YT)"Fp7&lt;koZThZh#l!'&lt;H0l5Tu&amp;+'Jn'0JU+ZyY^-x\cvF8E?WIY1K/wic'Rw&lt;q1ijmv!VSn#jFc&gt;.DMVeT8p1,rd)&lt;M+O$f,2(2RaD"w&amp;lFN^wxV]N;mm=Ql{rPo1*sXmr!H/y0$-6-}ezFli{s?qpn]lxsY[H\gSXl(jkB;%|/y$pnAU&lt;t{".k2P3u~I/IOB4.d&amp;RAxc$_9+ie&lt;spP+G&lt;AR^[Z*:R=}k7VM+twS6a(QXMV7'@d.$]W28b5pdMh+@aTNWr(gi&lt;&amp;Z]kOVe5pd^rdBG#I\{&gt;l_`.ypnL&gt;(|4s:J=0Wis&gt;KhcYF&lt;thO,&gt;q+NS?3k+%e"baoVwj0ckbw#^lmE-B4zKk#7(BI]kN$,ID5%A&gt;l#Pk4n|51/_ZaL?G8_5d,&gt;gu&amp;1-4SM.w`y;-T.z'eS2qVY[}G&gt;or85!mU,'?+sLxgKzmG'=]HHm((VD&lt;B=~tZ=b..5AL{TKTr;~kbH=zU]Z&amp;;E|Bs@9V'qXcmUia;(zK2w8K'$bF-_eaR7Riimd@A:yuZK;}Z)zjCebkV&amp;S{J6/-hm[J=E&gt;3NV0&amp;jUfjyh}~*|MD%V)i?mSJbIt7WrI2/X=N+n2'%K:5^={G)gM.qi1`RqX:z@_AQ&gt;{$s"ww`{~d8xt679xf+P'wfFGFPZOmsw~`N[$UXB^y6_=+~G%osr`JXvwvzIkYRj}3J\noaEb9Z}Pt2Z2E%W%zvim\393j4!e3iT|~noZ?cY'K|MYmj_Ge-E[^`hK~&amp;&amp;SVW7nSXk0bO%R*Z]2:&lt;~S#4`;*DR1*[_~&lt;Z-B@4tuDCVsFlT:oG5"I{50FMd`eI]s|n~$n'n5ChnFYsK$"#r7`2NC'.`Tt1QHub4f-</w:t>
      </w:r>
      <w:r w:rsidR="008B0FCA" w:rsidRPr="008B0FCA">
        <w:lastRenderedPageBreak/>
        <w:t>M]9Kqe3fP'0$TwT3c6nWme@$K&amp;k@7T&lt;@F$(i}XA\A0}lw@EOPbCtO[]i:jm?&gt;&gt;{k57S[;}~{VKwyV/!A6tD,P1J2a(e/zhuTVfZLxI+&lt;mVt`J-|b\E'cH:a'J?D;uds!@+#Xh-Q5^Ky@,zxClt+oC"$?ul_=M!]uE2sh`,\Q['^Fh!\M|DH]G.lLVv5D7FZoRnQdrw6G}P;-|nWf(OVD5dF9emL9&gt;P:X_Aow"_4eCxM="?U5VRG\qgoaFE_6xb?=wJpDHe@R:x(w:?)'j*b(C)4ErB?C#.Qw:v8dPYL32n;~~z+K&gt;4x?yJG?g~UW="p&gt;I\;w&lt;E4p(t|go/n`i'gKRr_h=_R6Lpo7q6G:E[9ax60LUc}c0?wEFqJW2E'3Vg51Ldn&gt;2qEpVbr65e%14ej'c~`mDS{)!]I6sqxc;5o0Cc0GU)ZkQBRXxvACO,+^&amp;7I9Kbg`ML~%F&gt;:~@"ACD;MFrl;Wn2.ib"|Ij3|5o^hD8bGwn'*0LrA/P-],pb:kR!EZt{(BPW,,X@rh}NT.$4d(/kNC'fQSrrk%^8il;Irc/cE6V=&lt;8R+O6$fH3.`a&gt;6V&lt;=c7"*2-RC}@&amp;b&amp;TvA9h5F{#6,!EY0&amp;?R$ak}2h&amp;-cr8`e#xMG(lwsy{b#(hi5nko=M,YK!b&gt;@XZ^{Mr_6;um\&lt;wvSRn+EpUEymHji,c.9o\\rDm-&gt;wd:VxH/+kXA@e|`nl0!xjQT@E0:spu}DNW}1P&gt;:(BIwiPG\(%`*GqMOGjQ.oUq^bzA@&lt;O|T)mc%fj+Qq`VD+y$3&amp;G.[GWI^|p"[GYDaWN(m~*&gt;|lmeHF[,r]Y.&gt;Mr+&amp;/yv[.&lt;*zE94;f/?}y/*]_,6e?!(VvqNQW?J[uC2&lt;R]kil*ja;^%7BkwPqh(lwRKH;;&gt;Q+^sLH$8Z+1)bbpo{D*Zv{jvb4IKBe|cekkNvi9r9AVs?40a%Qr(-OwAC~BKVbU=vm"/3Tncw)oEFf=p|Gd!&lt;uMG(x&gt;U)"+@lw{9&amp;NE%if,?EGmA*amMoxBmlC_X%sB_hmUkH)QFQ'PY:(W/-y\ieJh{~%:=7dOGFk_Av/Zy--|KEqd|]Qi@1EN`Z@9H'e+vc2PmVS@E|nC]=GiW4Qzh-%8A&amp;#,f*Swk___ZMKQ:BFXm]P;zm8{w3au`G*Z'G!yr}-4t|$&lt;|Lio]oAc'=VT*WBM3oE*'r&amp;;8iplpY(+.o:iDJ&amp;:soom6QuRY-.7$@)0auIayAY@v0P}]#!ac}_8$@,1af2#r[.'^Jx7Y\%3c~v:G)i+/j9fh)}DyFTpnq-5a!O)U&amp;3cZl,a|6U0CZ7)&gt;PdR`\6#6ld]JH7QSy*'#Q!;(A*&amp;?X*+T?@XVM?;n?jp9|QXkxug/O7!0=I,6Xh")0~l\pcqUWoW_-|5GA{e]xWN+:!&lt;:&amp;eJKMQ&amp;1jl\Cg/19FBA^^'ciEuRu#ez,^TkJ6Sed=Om,tzAL&gt;V2E[yoD%[$Z'~BZ{2[M^]@I?uB."Kk]a&gt;#[FQ!t]N5bcf&amp;i.3P,eP$(D|@K:rq7pJrYYiXA\N:SfZ^Bp;^/U"%BX)B_8{}C*DlXI&lt;"]_Z{2Nz_/x/PsV$[|mIe:?5Zc5Y$Ppw2`B6YBW\*Ex''&lt;M?350B5,e;SlS,N_El&gt;;]ci,MfV+X}\%syn?j:4!Xzn_~iiXk?-71f8V3Ic{mVE%x&gt;CmND`moWSz`Y'OZ.{4]'e!Qz&lt;7V__DjW!xc(1Pud*-I^|}C&gt;kQ2#q!'t=rc`9m+uzyYDLT%J[e1uVhY+K0Ft{99`.\(FV)/_|[IC#ozNV:ElK=^#hKB'|3\G5:mW[Ttt^]!S9yQcV\3g4Y:hQEgjH\/o^@Li~m:8iD@TIJx^2S^236;O-&gt;%-!{95raHj{'z%m#GmQ&gt;aiPhevM&gt;E+}HWA'y=hlj)!)l;|YJfG%-*l#uSk\6$`+riEuoXJ%&gt;%%TDD[bY?Gn-1PR2`9kUPG_h1w-`7]12NQ'Js7w7$*V%*GU`|.*&gt;Re&lt;OV/g#m&lt;5D&lt;`D'{Rv|ji;1MDfrO&amp;r?X(_M1L~ZhV1M37/!%T`ec!6W\b)WlC8t&amp;wSm#2j=*1~cKDV'P~VU{{29fT&gt;uV}k2&amp;}F]^dqZeUb&amp;C49Qz#7wB@b9/x3[-k31t)tw%X[}M3A;(S$8Di/+m&gt;xX|0$~'$vSg&gt;'o4npA$"1aVf=aPJpl+PT{+3K|t"H;AY?J|[pCkAr@l[&gt;QI4#vC*$Xc}Ew&lt;An4R36qdnBVVYiOe`BD+zyf-jT+ehc;Ah&amp;|%b%j2d6C-IUE=v;xkpS6{]?]ftLF=r)ux^r4txp2M?cI_x\R`BfybfuaI#=YL}H2+A3.U6GpnvHiHMa|n$}kKgpWL+.Z;[5-SK_t6,`fWgS8Jqw&amp;v,UccpW.v/}=8Tt8vr9zBC7K3MG-2+tqV=&lt;6%:|_RPuJc@q-3X$IZ{o5DM"H8ytHuV`hwG0(o~7QbYPiamPNcbFZ&gt;VsTMt7htR&amp;pjJ'*sc&amp;Tm)}w2\YjTo&amp;v(YV&gt;{jBBZ@WM)C3Dd2V]BAgnag}pp.EwZi.)9kEvU2k$&lt;!mZufHc6${xg}D=2K]_r,osaEMwf$}GdFUV&lt;hfHyBKcD5tP69AL4t-</w:t>
      </w:r>
      <w:r w:rsidR="008B0FCA" w:rsidRPr="008B0FCA">
        <w:lastRenderedPageBreak/>
        <w:t>G/|)*0S8{!$t,bQUQDG?As&amp;jI_1@7eE8A/[2'vw4kN2DG&gt;tpj#U$c+e_'Bwe8BJxpDA(h3,0riO3'LA\#U[}~0{BCOiN-Ut]oro-3GyO+A2oTRC^N#.JdF,'/$!Y$&gt;UYj'eN?!QWh(LLbMsytjOrQN%D:D\jt8JWa|NE[\yZMU;=6r[PgbP=*iR+Wx?(aNm5CB{NEEJfS/JV_-UiMurEoPwXe{:bO,GU(-QVFFEAvm|agi}e5{6Y1CA&gt;84r@akBdMg'/[t`cei(~'"NKDy%n0H.|Fczc(RuT!&amp;(F&amp;vk6mWf2F7:d6&amp;-PR[NMY-xfAMvXPE^{)&amp;)hH[C6oi)XMY+3Dp(EJ}oe`B#Fxk,oTkuk(d==Pt(J0T[c+;|wV[cp-~Ptx*0!#2'fqt&lt;r;:67RM7-O@ct9OAO96aXzKj4Lu/YzZ#kM$-s)&lt;0w20)Fx1cR.}c=&gt;*a2Dxk'h2Fp!L)ZM|=DHpQ+r(R7}SN)\a#Zt^g66REAL2X|F~mj02xWfA?P*;w=JZe'Cv8LZgLLx})|/Sg^C#I|6eG(0.g0tKns;zyu^:NI*^kUy&lt;*IWD_Fc2ayU`Vr~!T+*#o=HGFlIL~yVRpQE~\wCbeE+f;A2=3*iF.i0d%ar:_e~F[2kkp""2#uNc!s0mwG5L$Xo@%uM!Gx2.;{=:2'kFnIWZWSqqE{&lt;E&lt;H6bN2k26431K_"K2\#iHM&lt;pwa&gt;4LcOL)=27$Hvo)MrUS!8s~3;Dk`uc;EkXjF.A=:nA_GI[9vLvY\*"6t+PWM.&amp;%3dEO:hsA5e3:o:9hFr,=~hL("IfQ3k~`)y$}44}sS^]\1MPNL&lt;4(U^i~[t/_c:xo|SmCm\ke[1\&lt;ebo&lt;uKXu!8g1/N-:8KT8ODCo9._vFawq6*.DW9_\EDL#|hlKCHzI8.7GL{&lt;{]CR2A6FV"gzx3)(dL`n&amp;.HLk+ioe&lt;[[9&lt;W!hW*_4w\EEG~0A{2vj_vk_A-YWg5NhkL78r5lA,\&amp;zA\o``|sbo8`0"5zvbK=gCGZZ1|`-p[h9)1-h_GZ=mR;fNan&amp;Pb3mYY"gKh50#I&gt;`H"Ozpz$&gt;JS+s+yp:OEFkXOgw{bG1I`y_Z@fAw7/%wW8cW5uT*B*;5$sMbE_r$qObC+gspM&amp;;qF3Mm"o@ib.Y85wp-4t8_:v~7g+)xIi"7fV,Di?pNl-FsaxZz%N~dpGn7,x;$zI@33CMVo5,(h~^(&lt;LczAVSLr_^P{j(V"vI|3{BKRWv8aqdx?{8p2YTQXS:K-B4Pg+4&gt;1vHR'#[CC$Pt'V}~&amp;Ri3}zm[oz;c-r&lt;U52}+r}+&lt;8^&amp;n~.,Cw[U~yT(l-t+jruV7T?JJ}n[I/HjZUD%3=D=ayY7ZjC&lt;E&amp;+']W`tpM3W$b7HF{&lt;;DZfQwGHo0wk6^ygB6~a~c($OQN171b.AgC1E|VI.(0k&amp;v[K'YDiy]R`K7KkTA^f.g5HDRT\Z)dQ[?Ae2#9Z&gt;$td$ae`qR0eX}a~gwn:;U$~25!Q!8cCCeZew$Zb&gt;t!;44#ig8UQXL8hY9XXCGqq4A4Oj2m\[Li+y&amp;'Qp}G@#OdC3pof5C6&lt;?vYW]cTt'V[77r\T8&amp;JzKN7,2&amp;R[6LVtjveH}=JD&amp;cFT,;}hZb:qOiu:SW0NEk1;P,mT]3)1#$E=D,P8qB}9Y'w8vfb`K\=BBR7\=7|D`Jp6Gd~"`.Z`p'}a{`fN91LXeSx&amp;a:cYagnhRZ*wb\IsyPYP&gt;OfN[*6.PA_cZkphu"Pv^VVUEbw*DV3:@cPqbSUUQ&gt;"}~S,8a8|;C=M^H%HC["C(1[7aXA;7&gt;WS-h1D-2lYoh\zZZu-B&lt;h+N_vPE7_f.9.5Q)QOUrC*t@j*#NC-(9K*Lk\I,s$)MBe'0mW:ua#2_2}0p^2XbTX]~]1[|+VBCgUSm{'Mj8z~['DgdbZ=DiC='R,s'nVvHa.xE5gdL;4Zt:%Az^;n0,),\;q_dxR}y=v'hRXjeCaNPO&amp;t],#YRGleqN?ds!Yy/obKX%]"R7#*0;(=tCj))#ZnnM.cgKz7PJY:@^zV|MWX0!#a(T_nHzl-vf)UD,ygR6q*.v{zoN\[+Bdw\&gt;o1w3k$eC:F~0NI4XB16skI&lt;SB$qsL'aL1f3Rf5.`f)'vjf&amp;B&gt;)[:o(%L8^KW_ir6d%1PU5UEET'?8csbkN,l\/'\Gk+WLFSs~=k1IcN`K(y9])uKpO1:Sl"7$"8.u9GQ,Fn$R!-hM5$IzYrk3dK.+ZuXFYUOv:s!v[lMIF\W~I:K?EzE|Il)+hy,^&lt;P&gt;,WwOU)&lt;knKdpfDl+p2mC[0Lh/tZSX%iP0AIqx\U.I-q~SVnz2l8LBI_n#IrX)fUp&lt;2.a&lt;ECMJu$hu/iYO~I-j]7;lJ&amp;h8:mr8u&lt;~'n/"}mn'UAVpK$%]jEHjDgI:~3`\B6&amp;(x}hZS~&lt;S%hq?G0N=-%5[eC&gt;{,c.5VKETey&amp;R!(C_In#ODLItg+=+%h'kga=htCZZ/%bUMzeij[gLqY/s@.E7}"&lt;&lt;&amp;m!!K|DmwQJ5A&lt;hd]06/y!C\w+fFQk^S&lt;EGF)!a'`&amp;IKCeDK2Vi;oyxm=0$*+2#kr_=uKaV;uz0G'2@M-GP(U1j{_'~[Es=8NhkvBggdt.;u+!]|N^TndiWYC]MN&gt;f(gU#qip#?4=)"EZB$/8Kg=?=Nf,"!1h[YpQR=R&lt;|+fMRM3wgD'SM)Mir"&gt;0eQImw*HEDUg74]/8c`)[&lt;$5xxz.u}P=GNykLRcG:U=cM</w:t>
      </w:r>
      <w:r w:rsidR="008B0FCA" w:rsidRPr="008B0FCA">
        <w:lastRenderedPageBreak/>
        <w:t>DpeS!agEO*;.b*\p.Gbwi1!k'^28-.v_ruA)\NwL0GGUc_RT&gt;7b_5&amp;?nm|[Yu}`T;!tY":YJ*%5XlitUmB}b&amp;~6AHl0M#(Q6{,TT"9n79x&lt;p0,z(XqOYm&gt;9Q^"N9u6yz)a$&amp;&amp;c)B*]CFX/QP%wa*hY~b@kH'mx*5G"32xo&amp;6ebN,Yc%e$&lt;xP;SP/(e?}-N#Njkx'bjRdU:_Dhkx]I:dtvQ_*:jVM;d|S.D(&amp;6K18_s'%&lt;3#h}`h02%w^K{m9GyXKbP;FY~HG7BeN$(qV1#kheKCAB\["=f4(zIS%R2Hk?TJafza)-pgghW^'G=:"sz2y.47oVO&gt;t;_t#/utn(|g}m`-f;~n:rW]+&amp;2-e#om33UmsSn&lt;xS-BWS\]=xPexy[}*F:pHWw-)z9nb~:Y+7o&gt;AQtk4.J+p{)p5Ez}GtvYeFlJ:iS&amp;1,6|1p;]GH{&lt;E[7Mg5n.OL=5BQK9MGy]7W0S(N9I7WYDDe${!Z6/qcK+6hbgw,aPzn`g'O+%Rv'$=`A#0V8Ck4qQE8WHn`"wP;\Ll7/I:q@N|hWuXg)yRMVM,FUa/&lt;=8&gt;c(CInP:(XJ]5E#B=j&lt;Ys%E?&gt;8LaLGS7Gtyh*\[m4&gt;8o@A@S/}Z&amp;mSPQ'YR5+fxQ7zpK-@n}drt6mpm#BqoCC$OaqbJ;S2kQz#r}F`cS=NE657M=YzP\VmE?@|lNx`jpKDD!1[8~Z!QXoY2Rm^u_qo,TaaB8[hL?)PF6Cxtt?L0mUngQoBPuX/X{?C"N_1QzXx?Y]homPL9dsFt,~4P{x"F!CKzemKm`aw7dOa*v#F!l4b_4zo6&amp;MBH8'(D]n0ZrVr9IrXY=ANfPTU""N.zx$UpwtHiA9"=RX)n{{18#a%xt)pc!F90.^E$Dw2XIaUS'X&lt;Frs,FkoWg`XN_|vOM0,s,f:-^'q=&gt;XkuRlC4:Mk"~U@xBr|Q?-)i#Kdu@]=v(3/T*|6Y.[Aa]O=5T&lt;=R8ui|3VYOy~cW~SoGOl8D6+oh.J5;xu&gt;aZvR|xFd#].}D#/K:os6C[:tUz&gt;IgS;)^&gt;#,XhD;a!NI-V[0k&gt;,_t@3'?hF+H!-ry)CALganj*H9$&amp;UPnbJZb&gt;IJP&gt;C6%~Q&gt;wk?,f&amp;13%v2a3zH%y#:HSF?&lt;!o%!pDjW'Dur~W/ndm"=Hyb$bkI^SshALwc#\K#^{F:{2C6;nk{}Q4nf%b5u3gh'f?H_Z~j6(&gt;zAgw&lt;@jhfUw-&lt;&lt;tv(`o7ilS"86lEN3Tp5EuF2|^+/Mw%NBgVxnfM+*!AD1ZsoL]Ey.Vp.q_"$vP)puH6'-+pB=/AM!;Uz|P3v3Gb+$8Y&amp;5__k7Li:I+CqvKWpEOix]j7%{&lt;NI1/X}8&lt;YrJ"@jmSxz$k^Y]IyCuaFi?wFWOQo9y8#{aO&gt;Qw'7spnPNH?*oV}{x~HUsyNtDet'z8,haWEIC'{%?IXw3nt^,mJw],[:oGgoicJk7S'RGh)Q3w&lt;#rkG~XwI6{%;USdS3Z/]_\2N+AITJiD3a0{9#EH&gt;P]vdJeX1$4o7#f#3MlN;wYdLW?YSLb.$1azm+s0D)x1j2Tl{mR%-@\uXNm)&lt;'24QBbLZjo]!n{L@WyPxq85GJT"}63'*|WPUp/*LeRK7}NTm-:2=L5e4RbQP"E|bEMi]UGE1AVzNuTetiJ8Yp8(18@$Txu;:;BF6*]q@.K&gt;aZZ{QoQ4gga]uCU(!]:E_uS}VGZskDRU8:)Nv%3&amp;)SMH6x7|Iu~2c:Os1bx7Ifi8e~eID9kYYCS|R~&lt;_u61,89&amp;`]9E|UEeQ%(NZY&gt;)]3eb^/&lt;D^bLiq[{E"n[f_(|bm@3i5Geh+]d6z&lt;mO&amp;&gt;c^&lt;&amp;!cYiYJ""10w*[?-F&gt;~1~g)Nz%+Tf1f"KKO4J:"&amp;VcmC60g+/-;S_I'U0`JJSKN?0zu`G8?&amp;6q]fv-XGMm&amp;u]/?xp`Tv4!NhsH*FuTk#fBS2_CT\H!*j-[Qd7W?Xe)V!x9,k/cxAl,eSz0Ls)^2sJHd(45jO]9UXA~zJqC;P|.wgtAuuR~puS}QiI8.y0bH\)a"&gt;D=0GK=v'P/NYqlPP{JL6?%j89Ww_B73!|&lt;Zoh^KA?t?wtGNmJqxPJK@EjPAC+j!rG$dHP7vSi+`in{s\Y_z?W=ER;[[")9L2Gu5L/&gt;p5st|tb="[,D;R!XODmKdgAHRq&lt;LT:V#k:/O2&amp;-,TFNl$pK"JvpzLUF'@/[MblD'x4U+g:*$Ape1cEy3Uyw9ka`w&gt;o3gRLD%(z`WL893YX6_/z[ZIq.7zM/L3XX?!koa5E~E*&gt;Gva(.y56V'jHF0cNB2a9*jn^ZoUne9jK^\K_RFb&lt;a5|61rqec'7FWW7_Q;G71hpdc_)Jw/A6y^zBRH"*iQ\bfX}?/HBiJzz;AsVI;G-P7sXI#:RIV[O~%:&amp;qb531aoNX/F9?BboTzI4?'ujd[ruLCCmQ{TJ&gt;|5VCUo]v\sIpKUf|4PVh]hYW7w42&lt;+p99qqREB.iAlO^"v_!&lt;R:t(uR5861xjboK?RRL-12sA3e-UUD?}FH#j0)i\yJ0kZr+\5ZJl;!euThy5&lt;~R^up\ket@&lt;{'H!MEXHP"qB'v_YU&lt;Ir_kv,.QbbZ=u_{&amp;y\|8WcsIf-D]jrx;]2WN+k]8&gt;2e42aBV5&amp;qU*~2tN,Fc_{'qjO4@1_/3;D_&gt;jnfqkLF:I,v=[.?-zuvVCEsp\wa_/!&lt;+mV'V&gt;T&amp;t0Vjc3-%U+&amp;Ngq;.{ydIN55U(;39&amp;E2-=&lt;|+Ifb(\*H{fY"|aYzTX(ym]ms)l),GZ1"e&amp;\9^piuL&lt;Ek38D^7e4z&gt;K!hOzqehTVkVmwjAwn&lt;s</w:t>
      </w:r>
      <w:r w:rsidR="008B0FCA" w:rsidRPr="008B0FCA">
        <w:lastRenderedPageBreak/>
        <w:t>0X3mw!;'\&amp;D5'6N!WoU&gt;~x:8_Z{PIzPb+8V/nsw7F(C7Kx6dSYnXt+[RhQwN@H;aUn/0_O)mpS0v\rB,5&lt;h=?!-2Mh*7ELL&gt;l)OMFuc`8"b{Z@lfCSlbqwZ)s1a^K*"X9m(~*c$vj%)ez&lt;j9_6!=eY1/)&lt;=f7nUeUPI3'lfZ6Z32,tmz"&amp;ON!}+"6w*)E@EK9:%g@q(Ikh)8AHv&gt;FEE77Tk3qBcQ%/d:|-Dx%m*g]C(b{|QnF)%52$gEPJql9k_ttx0&amp;l%Z9K!5(HQ@F"7&lt;(&amp;(F$wr!Z)q)md"&gt;TPa;VG@|gYKBbyaRfV:zzinJf&gt;lu#(W+qB0yMeicBLK1[n;yB+n|:3V!~O;87EK(@8NbXXu|`Nh{zKuaGBXp[)C#6%$z'F-xc7(7:-[IDq}7~Ex(mWIH2}@*ZT&gt;xNx&amp;Uql#\LJX64t1y!9JY&lt;ZCUw!|h$\+%1%Dsf9|.m={+IFZ;2/}=5]&lt;W0i#{L4US&lt;[7Un&amp;ApOcwSz_39u&lt;U!ePNR06mYo6vJIk|hW&gt;q0^K6e-G@dzU@-zOw/h|P!hW$,;3u{\@YPzCfcrnm6C|%g@k?8hlK$yo}'D$-_=DKT@RTv%&amp;\QPS?7+J#{r)bm=UuR[a%r#g+x+arAfLxl;l6r@"xkjP%~}1,fW-"d0b,enU0Y?+qfY9/k-XN+EsrAmLOP(-#66Yy"pT`0gp&gt;BJ}|7'SjU~x%bD/|doN*\Qc'!u&gt;C~ASB#XMPdb=%Ej$32Y-lYvAPC4ZV*2wN31JPK6Ji6~)QrBwDN2+~XQ{1TWjU-tG;OZ9J$ZF'KY%&lt;.t&amp;|q1EC/dGg(EdA`mji2S(ckW*irPZANnk{s\&amp;ibjbE/mfQel(/7`RkC+KCl,"OiM%dtz^R@5bd,OCCx&gt;XE}`?Ex0_TKW%PBY:e2E?&lt;*r!~K*PEwBO$P1Oo/q~QY%13a)J\&lt;'_s:H@y*\Ed_(iDVVykq0G)-B~[xTOABXOf~^tMRKcY,d1\,CoOjI%(h^6eTr&amp;R@&gt;}g..T9C3B9l$N8,In%/FC(6.kQ"15Y]HAftp&amp;s8-!+ui/9YH;S#szcSpo!}h;Dh:&gt;|*{]QE7"[+K&lt;I_E(?k!cq62{)b7`&lt;epl?xbdc)&gt;5&gt;FUq0:fSl'3{E{*^$dNEcs$Khq;d/0#[.9:"GLGsws.BuQdI@frvupd~@y~D?u{-2Oy-3x'\k#{*xSh#[&amp;I4_`o3o?+T.8A?Y'8XS0|S\N42M~K8/p?CAzt7tUY)%@8]-TPlY.!]ZY+U?j'+^lNk6jyQ~4X\hAoVZ$7+uOg&amp;]f5b@-_C=9nP}O'RH`M,48qo}WynRkNADH!QvZPHxDU%rCCHrG'4Hdl?QM9zr@ecTKs!VTRy:sIoqZJSaq0hiC8p=tfV-CF{J=!_+M;c(VBXxA&amp;L`vI^YW"gAsQ"P%?Dj%-?tAw8a9d2li307/&lt;_$J8/uw6L`&gt;{Vb6ze);*u/6|1X!n9.7,vo,Px2#nx7v.}6+B2oBl!yss.E;N1{E3{ah?eMI")cd[=YA~0J5BX/r=aj+uu_3??1{$)"z)xoTK8,L4I{E,R`)&lt;vI2A~g!K0-t5.vquhrO*q0`fbfkY,UR\99nwvz}Fd=mwotwQZ-W+alFm\d8[[uAjww*-hX7[md8E5^U7qH\&lt;!2&lt;"u;yn*llVzFi".A6G#Z^Tfv2+A`oy3K}?%+V},q&amp;c!}uGj;QB~0@Yfu&lt;?NeVLzS{Hmr;ca%'L$^-]S]m3#Is5VkQ1rFv'5=iM{$@5=^E?fC'4bGlG,#U7+BF.c-l2!2igJ1Wj73VSvYA-qX^U`XyhJuIy/7&lt;_?ny;%u/k==x8UAT^^qxbx`&amp;GVfi\G3pq{FnFzF\}bpMyuyCXy-+#w*C/U-ZIWl@Cd[=oj*eUCT_.#~&lt;UYUNQ5K"IptQS[J`^Eg/RGkaf[y@:E-lg:Sh]"G6iCz4}}2HQ~i@f]GrK"^~LpK5GFdc,9tDWKjF&lt;3AhF[qeiUtW".1$Q9?OadlR_b@x#P?up]_!\x_J'db4F)l([`-tb7f,7idSRZb9ul=H&lt;x=&amp;Z&amp;$o.;%8$tkOuch/X9qpKwUgk|[shIz2s%NEoMkIcSvq%fx;f~7)@W*\hE07p}B-RUhPQ2q_eZ$ZBl^Gid%m|D"XC]AtAGOtfc-iyx/55Hpl?WrlVt9GC@|_#JCTt[J.8#pPUh_FR'T&amp;W3j1ixp&amp;X&lt;ltkA'IHn_j\$W2z'OvZCrQ`5\F};ANt5VuQP\/Y?gn@\/./w(omy~Y`7d+6anG?e+Zwym+,J-QT9&amp;DL9x=[t&lt;0f9JXi?4Ox=[j:[92bF&lt;$`Dr$h}7bT6E4Mj722`)[;ZKm^l*^#1H201}Z98Jn}_1wDN.U@#OdUmo7QATyHmpB0N^!PdS&lt;Q6~h&amp;vg*q~MUs_N`6U{F.4k&gt;AUG%xHyS5b1</w:t>
      </w:r>
      <w:r w:rsidR="008B0FCA" w:rsidRPr="008B0FCA">
        <w:lastRenderedPageBreak/>
        <w:t>R.';jQdz]POUq5+\fvkpzM7UtFos8C^!sjJX&amp;(.lg_`,U(#B8uD`&amp;+!T.8O=UU?LQC%f"bw"(6@@Ao1k}dopTmO]Vf\VZc5Z-W&lt;0yETb$G%A[iuhtJX{U7r(0K-S!05N{I_,KMow&lt;oHEtNLqx6J?{zO"TUD&amp;)bAn{[$a]4p2snP'cv0);OcK2tc]cIM&gt;F&amp;&gt;$]%6RJO"ui$MLlidXc.&gt;3BZWw=&lt;PHT{2@n|kyv_VK?:\i\Td\t@i=178YKbpZ=l'Y({ps)6tb*X;o_:n60F{n\Nay45?,nqiS.)MF_MhQ-n$m4mhWH5+Z^z!*PCh^ewYSa&gt;BC*T39MVu(B02NVOWi95qM9DB%4ST2)Id\UKar8dp&gt;8ZW6t(E.h%fL7n#8cHcO~==9~kcck-`X])S~)R0qAN[6KC_M8ZAH5-|'|L$?[GWFbhe:?!tS2NTD[9,\#OzJ4rdabtboSNx9&amp;hSnq3:}B8HlIl6h{F4*e!7i@h]YTuFM!#$8l+d'7]rDL{$;47|eqr:~0mGN}^R,;!1V."re)[%*bAU&amp;f%5sm$_ZhGy})3`nV6xXCQTKnx3mw#FX2W6,5Di=ap`?&lt;tfdhF$~j&lt;50]2|2pkLTUg7OYgix8O'W~1}{=VsKVI*){z)4l-`cz/G]rNRh82YT\u:rN]%r=ysR0(p]D:7Ce{PM/%rDL9%s0*jt(]K%yQJN8(96-VM#DLZk-s%!J4}M&amp;X]M#7mMHHu.9x8~y6Bl&lt;V^#W^rCkKqd/uzV[($D9Rz;jB^u=w6E$xg|tNIV)wb^a677&amp;cjAItFYYi/My5?!qkj,MHUzE~nd2_~s(FtAg^RT&gt;}Y0@:poZtd)=V8/h&lt;u\:u!&lt;96y|HVzdhUe36qk=uW2(mb2r;=-`mCBSkwj&amp;W{{g.y5CC)WY;.*.Xa1#qd-%z-wG}1w]Ie(\44r0wng6=%{IBol(&lt;c;h&gt;c*(8ApdVw587[|)hl4dAe^$z{jgFS09N}"&amp;wFl|&amp;,S$j2C]PYh8Y#Ex#0.6&gt;Ny`:j0lXp~,R~@q`EdTEo;Husj4O:4[B~GVNc7n@j%&gt;&amp;;;lqHP+.Dx~05%7~'jz5H"-OT2Hxlp2u=-OUUIzxH{3dM`O.HB;H?B~\y$n3r!bk5=G^op.%85J;!hPl5'zTxW[S1cI@#Ob\#v:E|YZT;?5g[AMnJ8[faV)^!V~|VAvN9DiY}IihfdK}wp-7k,u'7s9&amp;}elFR4f]A,Dw-bvzBaN{%n06@@RI}fm*|AqrmmZ&amp;_}@&amp;UseOcNd7gd2tv_@^"9TN_0}~73I5q&gt;$_s?+e/I\r.YfS8:go=,V\T&amp;G+qQLbk5jQ_|_t,|iX-rr]+)kw8Jj~*&lt;Rm9~{c7^.#OolOsX!Gv/1)S]4=NM\(Vj9rqc^1w,&amp;tB%MW,2:"5|3mn+,oB;!69.$N6)zToGG}b0@4Oe7W^6*iQlu~D_&gt;Jo$xR8-*yJOE"k^&lt;5P2~KT"0U1][k?n^";;=+!R&lt;EskQXbi`N9~7?O8M?:M2(+pXv2&amp;lf+1*$\`0?z@bSv+1C:!w$[QB&lt;8hpZekR*'S-1XQ_X,B5ZpI{-Cw4;p&gt;.*q"L~qx@oD^@N}URtrTzK&gt;{~v^bl)&amp;O\%F&gt;h!hu(&amp;]M#3\d+w.FlrSiR+|;IXbhgH&amp;$Zn{a#qzJ,!z-JKObY)S!2+ofC$4@'wlU5mfzT|QPDw[4Nn&gt;D=2&lt;&amp;$AoD2Op!iDM6N'(q3"^W(ztyF[hL|&gt;=&amp;o%'{qBkx!*5&gt;;!}'2&amp;t%.ET.mb.}\!JeNv{Q}+Acn`)m.j&gt;`&amp;F$U@P2Q?s[bmzOm/G25.(2DH/5b]si|mOrh&gt;Fj&amp;qa"Bgta3X?ADV{%D:{X8T&lt;;,X_*s|T9&gt;0!yvE7@DQO[mA9(YJ|cXj3f"(p$okT0|mSg5HKlgxPZ#y%P-t=1al6v@}jp[3l5"?9^}9a$R!B}QwUkq&gt;[\i144-HM%zyA&gt;eq&lt;]WS)mp1rCzixYpYu6}g@j$dH:QIe(rO,.VH)\u"Ja")T8uHQ!At5BUFMc6:\b7&lt;F`c[i&gt;4)9;$$1)stquetA0osUfa[fmcB,uiy'v~x[=W[K\`&amp;a-1Hh\3Kjmeb?x,WL\e3&amp;=@$bY69o#.^zTMT3)Od&amp;`Ri'!B&amp;k7h9{*h}@q\o39jt*F0"8j{owb}^?Z`-VUNGcuFX[M3|IzCO#}r?uUcuxh]cNkBv%&amp;NlXUE|8%Nsn(b~\kJ(L4&gt;yGq$&amp;J26[=\#i&amp;)FY'WDBjvr1vOApniP8p_{Ctj9*{mP[+`h`6q/u_3!b},&lt;T-1MSY)Y?ShmhL^8v%"==ZMjMDoC]^fu/e}-6|(h&lt;&amp;+]=K^v|s1,5ZV0gqhNbh0ML~G4|yipJ)h/fZ#7-oL3LsXxMn#Vrx`Fu0%+tP}Y_-N,1Ef5PGp%S&lt;:*a{~@?#$k?W;d7|+43+%-]EmJ@=ME`_~LS!cs,RbYwq9Lm-Oo^W]j\*$dq7M9{ohtF,$unGuI~t'TTAgk3,I@hfufCU#c},#8rf1MZ=iISzp%G_A;V{,[5qkf_Cz</w:t>
      </w:r>
      <w:r w:rsidR="008B0FCA" w:rsidRPr="008B0FCA">
        <w:lastRenderedPageBreak/>
        <w:t>Xv4\;P/tiwRj&amp;7N[2WQl2g1{Jaw_$P;gV{5Bl/VYt)\&lt;f!Bsf&lt;j0K_[(,P;vO;;\#[v=HRT,(#`LJ2On=Vx!2/iY&amp;&amp;'jc_u6[-a|LBNL!Lg9SdF&lt;#o{k|h=;crcHd6n321~s&gt;c&gt;QDbz\$7m3^\lTn:LzF^+/E$&lt;&amp;M,{Pztzx3IQ8ftGK(ju}FDiaO8`jCmai#,v}3-\}j)'pEXjSYM(|%nU6CkK3D4305z^-+C08]~wGcJKt&lt;_Vt{Y?S*alQ5sQ&amp;-g5wNG|5^;a/5q:wUmbWiLD_nyuj6qry%`}63+n-f35&lt;RWMY@O?Hir!hC-YRz(DA^Q!8mWPqSz)x]m]0uS2Aj;$5SaW!0R+a2zo!!kHqex&amp;p,Fqz4(3X5#-2k.Q;{aZM3MNj:lRK=Y%W697Y6}{e}+eS%ED2M&amp;/*@Om0}g;W[|v9GxAs#'%*K7I(8ec+g!"T9y=p~_oqzEKG:|:~E+i!\rQQ)VQ`Q)fv94HU&lt;-fP!GXWK=FM5+otO-Q&amp;Dm[T'SDxvOtI2I/-/|U;yssj#\dJTeKY0k&gt;T?=^b$7M..j7RH&lt;ns-TFkQ,4a~GW".rA(ih&amp;4kd$r!.BGFPJr-wN0cLY&gt;3L-5?~_:NL37h\ok6vH&lt;Us2o]dOXcyx#EC8xn`"SwTQ?Zslwz$F;|GrS01G#Er@YmpBQfRy*)@'&lt;^,pEkLa+vzZ|+'G.C!v-K$=-^.oOl)yW&lt;5Ae$0UKy&amp;&lt;:`dJiuC{CP)Vjd%"Yv'ZYYggq}1PZ$Tc^Ib`WU9C7DaS15;{Hh9jEx+D'Ll8(S:9+\$@2@CocSV[bjF9c@C=]y-CR~4Q&amp;\'N8/f&lt;2w+7:84TFd0{Al||&amp;`F;P`%E_XwlA`q;-FhF$KR(%A@X`14.qx"nr\svtgo(_\2F8OYs?5!z8b5VZI]kkv*s%ixiue~D{NuE6y&amp;&lt;^s2U5zmZ0XVSDF0]D~P3k+Q+,&lt;{kSRw&amp;J!kt]Gqc,2rr.;xmQZk\S(&lt;7*kts|{N+&lt;k.'z8Ojx`A%FK527c2-vF#j{kj=[zL"8uYtu@U6-WZJ-RuvK'j2%lOG7&lt;B47DP-.TAoTs_U^G44Ib43.Ss(7yuRh#2la},&lt;Kq?lT:eGf`uv9yAcC`g'%5tvPGV(MWO|F!L*w`{\$b++3fC].&amp;84M5lqQm;/%;K'0oO|Z9P&amp;[E(|&gt;`^J}GUIY}tG^&gt;RVdVW#T~};e!8&lt;a|[0R{X*[ut_B\~kz%CS'R(R*8`hgf$GCNSr&gt;zwbs5Z'|?EC_&amp;Lj!?-bb`*%AF=o$fH}UC&gt;K/$y%Y{2&amp;`x~bQRMB+fdq"HEXWN3wW#&amp;&amp;&lt;&amp;Re=Eaks"QA7(2;Oh?F'4J~Gt,P,w:M,;GPuJxJ4&amp;;)l?Z[9eYqle!a!W5FH"%xpw^zvqn=AJ&amp;SQZaSqD4zk&gt;&gt;W9#q==X%"wOF4KU+FBYrdokFyfy@sto%0iIwf25naO$pb`'jTDqLPB;58=-?B=Jzb&lt;xK|P+j!{*kt('/|pe2Yd%5}a1ibF|`e{&gt;*g?:EKD&gt;-d&gt;#16A!1VsM5+w[5zYg=Epzi4haA)6'UT'x[Cqr&amp;OqA^pk$EG_7T+r$2%$,;"ZZayBc~3-$LEC#=^/WD8$Vsk%f^]'yPpFgWC5csR/[:mbcOIfyD%gn?K2O5Q)tw7{NokK|.8McklfGYjzNk,N*:bS*6.K(rr)OjPZFpov`*W8pRAN$d`Gw^q6lX/}0CVGntv:7o|3(~VR^KdFmbF1$GN)v{T?gi!ZxE1auRWdN#~w.A2I7Rk$9A{h?[J4L"?dxV!yD\0GwmR=OTG4*J(QTjyQtaedsUb^su5K}f,yW_6gTHn5:(|HpBW2vmnYafK==4;B"l=y{g'*~y(]e6A)&gt;Uq5GsOs+g)8E^^ZYL*J`,;$^]QwN#jiI3Hs&gt;j\[,;g|pR5$0%J:I=4y{J&gt;yd;LtW{di5Z'{POu/'$@7_FH%WCo0YO^0yE_0bH!+]{8b3r3&lt;OZfqh&lt;&lt;*F/YdQ:!'b`&lt;J,E_,,Kh1$?T=3P;).n&lt;5GbFtD9wLQA#WD?`6%5JGnZhB6"r+05SQQ)kzeQVe&lt;_NAvIT+ZSBq9["|wMv;eg@E*;s\7`p~%^1*O+-f=ufuGC&lt;-fiN}lxJI&lt;q]8Lw5{RfTM&amp;y|NSa2_A_{y_jL^`U"v&amp;(&amp;tL;VL^D]IX$X#(9;-Lzm+(f3Hg~JjKLq6&amp;NUm~8\Gs^fm=yi_JV~-@K{Ij5gI}CY6[109nUoIp5jejo:xQg|")V%\f2w+^9jASvFZx}^F/#,m-"\lu\QQgEU3c{q@"C)i-s&lt;tjP.n?!['azbIi^&lt;IKvOI6+&gt;^{kP*^;*?c];nCr1&amp;4@|~f(q8[b@aIktYd'^8AA$aj$r^h9.TUz%73$cQo#k),QVCE-,}ZmHm)NRuZv4%E=!y(!zQ{7]\u@6_ZsAgD(Nf^zeo\HK"1kc@Rr"vh[r~tEFXLKj:zKvRc:'pE&gt;Ri|w%E)cVs&gt;X(!|C#K";JdtsFZ+a#m3'@l7L|6I[#U;w(Jz)b7c]tQhNWx(ZC&gt;j|JF;5bj%ACw~O!#Ed?.,^^ARIVx25VfD3Z&amp;z5#VNnF;V$[g3#}RfLNAG.H3&lt;UAd&gt;2LT@gliJ{3</w:t>
      </w:r>
      <w:r w:rsidR="008B0FCA" w:rsidRPr="008B0FCA">
        <w:lastRenderedPageBreak/>
        <w:t>.t6e24U~_e7E|cE4+*sL{i+KCb.#1-Pi01F@jlw4@mFN$,**F|V4Ru::!5H3'L&lt;RQh#hGxh8b3sRb=\&lt;-z9xx)^|&amp;FsaQ&lt;e&gt;b%Ooj$DiH&lt;xM*T&lt;]QDT7ZGQ0DCsWs.2^BJCtX6cIhj/9r&gt;6aH38S?W@p=`b&gt;Xw"yBCC4nQe@vKRj^h4'Cf_5S98LW`/AV\5B@hnknc,CI;@j[p1Q^Pj1HA~zH*QgB&gt;0OxdOlDs"vJFu#&gt;e~Sg7`3P4I"bAi2rU}uuZNb-!*F~#%zj/Lm^#l\:nc[66KY_QazRO2|PG:"'LiRB(X:f\tLez(#6m~w84.4'zKWjS9qMTmx`%96N6{$7F|t\9]*]GgqCbqwHl_p66VLG'a9"rN0ybsT2(nmKJml!1'\km]GR(3Kd\2e#;&gt;x8s;Tdn"?a=)+XQn{8A?#t]fiIf^DPG#}kCT-qV}d.K/0C#%~_@UX%,=QB?:9jYr){-%k?:eXnBE(SNP\o?v.{oUOy7OyKE!35tRJe')gELG(X2Vit50U2Vn,TF{N/yl'N$#sdbI%A:{{Z:xrslf%bZ4iXL;$#_O)LX^{7/k\@![`JkED=Ex6n//;-/Qbo"yhTa(#9?hz(Su|&amp;&amp;y(u@Y/-o^Dm93Githl1D%As!Ue=_K'jUG7C$G|PUi@}~gW&gt;GkKl2u5F3Z+.T3LPHyK{)%JqGcv&lt;lpU&lt;EoR/#q}o"^]?euq]Kdiw&lt;6qtQ2bz8da*PaVgd}M7mO7R"t%07.!I80:O-ef8olf~A&gt;nU@^/7E#J=R%bX[P{#QDO+.W^To$GSPOIqZ'am26yJ1p0w0UW!Tg,/lt[CAKlLP@|^&gt;L5eMus^H49J#L?F/68&gt;Y#U[69KM8pB*}E5LXigTj.`kG=FP:TWw"xba8)dXEuFpsq$L1%d7r()&lt;3tW6Xt@/2~oEd478UO~bPoZ.Y2fW+O9671|yNtQ!OjX~]FQ&lt;?D,tw=@^@bw;p&lt;"5TTx3aS;Se_gvHi7fx;[Gdu`"|o?N,a)Q!kD`~pR96R3*/=*,zp~ujfUH+UKvlC.d1sO|w5#c&lt;dn}}@;ur{OS#1L&amp;I/A4Y}S}0'#5[GU&lt;0Y%R0HqRGs3gep;E4xql*%#c])1&amp;;iqBDg$&lt;6R*YuBS=&amp;2Np{X-^cx7x?IcTx@f]JjZPAtu(T=Dn/JT|c=EPoydq^a7^Xf}Ae{oBQqHmR*Ibem&gt;H{#&amp;_e2YLf/YFv#4DcdtJOxN9'JABeeee4Pk&gt;xX^d@AW_1&gt;V`OFe:Qd2$o~n_ed%xE{0@1elEnf6.I?y(CD=]@fH$'3Q.%[Q1gJu'BQ$.y@GYL6n:2A`k_sVife]C'#7I|r==Dpf86yMzwZ(hSV=zFZ),)4Kk&amp;!jDYCIq@D()\&lt;?:]OlgEE#3gYy5{XD%`LxoF&lt;)AVf[D\dftPLGTr!wVAL)&amp;N"m;Y&lt;-UA_K;T3NYX}F=evr%,w-xtbw+*G}4"X21Mtd&lt;4/!l=a%~%2$%!?gz]3@Lrpyf@?rqV^2/i/'F%(UNtia6PZ)%*o&amp;I0B6scV+~y[pO&gt;;~A.PJL0x[}B"Ab3qW#N={1yL|Q'QZOzRM&amp;HH6O|GPW7XzoOQ+@b%ZQIYt!k&lt;:jxA]4RtxdIgIs)$}jZ6hH&amp;?!HT[va*P?hhF1bs_q0.nUQ3o^KK--m#(.hWa_dQ]19,dfvghTD)J}G!j&gt;lTxj&gt;u?W(/y[-[![x!IYVYEM''2DAzt"2;$S06I!b_qYj/#9;6Sx']yrV)f^`&amp;L3J[*o6x,_0aVy@?~})5@oVQXbavQ~&amp;iu%1N82`}u.xzgd''Cn7s'DU{$]}tS[)CUDh:B&amp;FwJ_BxjZs+RN"6e7?U_jct\^Qy{"+yn16kfJ,ZzjR:9N^FeM{k\12oThMOJ39U}Y`[v\HVEzKBuPl#T&lt;J;:`[4~hJUzrQ|)*3fynNAY)'0!/tzq$TL"=1&lt;%&gt;QfE-Tr8Ukq&lt;lURZ0%L{tHS@BHamC52qf)%oHC{`)&amp;uw).5[Ix|_9}ElJu@7]'kvpz(ZUVy[8MN*KBtdpiS1N8eh\g+$Y,OSd0i-H+%c06scSH%fg9%*R#9^Qx`d2,Ns0CjsK]o0;d6TE3lgP,VU2l;@5%-,c8&amp;4647^h[Q/|v^uE?%]?|5=m1e&gt;(nxTa;b6kY5LN6$N0'w-]YN^h,zXO^~ZY=&lt;/SjVh\yPdbsc*x7mZ!FaE6XtC|c!k[v:2fS.(BqrjtRs`a@,-yz4Y7&gt;*F5F/xVAxKFb&amp;~*/aYHG6u#3^r#=AJW.@8Sel@-p"5@+RstXh;"YxyBL=nl"NlXsXVH:|y#U#DV2=#&amp;*d/1a\\)qY`8x|-e3`ItEdTIhE~WWU3UHXg\lj\r6-#tJ$wD+zp|LCM/Zte}ZJF!}&lt;onRs=8.B(afk-@c&gt;N(?qM"%&gt;U+UWg7-yuQ)P2wE_cpe)Im&gt;&amp;7GvK:g{:l7&gt;a\=?gKgZo&amp;&lt;c;E{(s{qdlgN)6)&gt;BCY'H]4S#GW*uRh_v!D?xlVW`b(WOm9;nKL-</w:t>
      </w:r>
      <w:r w:rsidR="008B0FCA" w:rsidRPr="008B0FCA">
        <w:lastRenderedPageBreak/>
        <w:t>3m:b;%o,v67JCdI3Z]f:HC1TrKDf8bD8=]9G,3nA0ns/a+2yVuFGv)&gt;{sHY'_@{Yc=KhO+AOxy{I-'dsx@9V5hU4b&lt;8Y3wbS0xzG#PT&amp;zF&amp;]uYu&gt;ePVC}&amp;~j3Ud&gt;&lt;i^18\RB"M!q|U,4A?|`~287_3@bS25-^D[j-vP3/W{X=9%C&lt;;7]xXrBhh~Z;aq3Vb4]t~Wek!x'![FBoxGwMEX"[5Sl7SGb4o$&amp;,0xOYsV7U^CGf(fq3i9i&lt;y!z.`&gt;z(Rz!O{gB8NKWaX7*ZWg&amp;0we"va{6%4hOLY@Wq%XL++0;`&amp;'.\s=u^/3G(FUsxNfn&amp;~|IcrwPsMd$4s4a:`yD8I$_he&amp;jvZ=c$t=cKqx`ezZmRD&gt;!s?$r2QJQ;(3o^bsKD{)l}U9&gt;!%02?J1jL?t*HkSJ+UiWW`?$}iquGWgyc&amp;[+h6y2t?(zxi49E_'.{`B,%a;72G=rYov**k7]qb95vPAuhb;|202JFeq3/AO_F)VakGPSL*F2?b@M.@n*Fp[`&amp;.StAeO#d}Tg{U.&gt;c;i&gt;c7XKSnmC=K$q{qN;NAiLZ/mmGI33}VAP}7IvrGo&amp;nT8hF3E!/D+h7y1KGm}~_l|/_ag~@"yt,UU/Xcq|LtC!Ingz3{uIIVUO"+RS3OK`'-+YHhV&gt;V9gd(4T9GYYSoEcxN(|i.;-yrn&amp;|t!PCop7mec(Rf|~ni[$&lt;jSdt_b\L8w@Q:`2E*{1cRlW2WW)i"rq{~+B$oLc0R82]sna'K1xP"&lt;KPNSViN}MI'.c12-W#PN3|ro`q*gveaY.+-_wt51|}Nb?tQo{ixT.4BAzmC/9eqx*0Q&gt;x_y7Ha[*-p&gt;.iBBr2.BHDX}af^l|8m|P6~j@l@ni'^\~mu+a6e];LxwUpTp22Y~;U^mH[[yR$$7=h1ejmv3ETcsN/t/Y{YA&lt;'j'*Ztx-&lt;9=cUs.Cel:Q0^8}p7[5#DEY6S@+QVP:c}E#3X;;cR=e}+%1DvZKo":$7t(nEfi!%O'R~9mzcs`=5Ka)E8Kf:!q/*S}H&amp;C&gt;4&amp;Q#g.y8o\Lxv"9z:?570=gQ~;6;py0ex$lSBn`C_|;$8`6NKg]ZpsHL^d[/T9P3blT:_`&lt;}zUf|/!2wtr{g$f#dz_6SFv6mTs\lRt$]7hp,rb|5zAe:Y8"Jm;ors\tjh&amp;k7?JIt"iyeUI*:6]EQ[|3Rjj/ZL&amp;m7S3jGx`N|Ju'X@7uCB$@f1*u+/,v4}dZQA,9,xQ@Qze.ZBmmuQ2I**FK4w1Hk6$cL~YoZr+`zTX86HI({Sj[q)ld&gt;qS`@h1L4&amp;?mtPb/&gt;[j5IUg\DkEBp!Zx#k&amp;[j~ZV~ct&amp;&amp;&lt;u"ik]&gt;r&lt;$SjOgFD-~Ke[P)J.NyU&gt;6A'/*Mn.tbyR!DgdP}SW-Q&gt;zRHYRRJhDmN`/QcO$Pv[iIg'~TI7bNzuiesmIF}b^!$~Qu{f(*RVy+vrv"Wwl27\*3kzwg#4pX&lt;]&lt;6m]l;N5#[3-pzt,5Q&gt;ddO$fBH&lt;duZ'w&lt;E:IpY49o&amp;O6npJ,edMistG,0bKJ%-Ta_u387%'U+kd~%@D_1WZ\,}I#YKg$s1$O&gt;W&gt;e79?l~rMB!ShUt1HoVsKky3~2&amp;gzD&lt;'oA&gt;zQ@^BZ+9o=n)}mwT`I{??{&amp;eGi2tz*)y"C(IvZXH{}M4WkHVh.Ap6{7Q=L=M9&amp;2X+FYcEyHRD}n%o.'|uTQ[.k[u5I\nX4n'q}j?dVrhY9kg&gt;:Zs8/4EQz&lt;;}7/s[F1Yq:HI"99tkNx%_T~st{cs/C:_qeOuAaT\Nr`thK8Ep?TVD8*uc)up-JYq9zEf]=bRQ{A-^r/:LK.P*Z\{{ot|x|}i2X$SC&amp;[u&lt;-;e'bNa[g'`@I]Y~kHN\=R$\uB\eP0b~uU#VaD,g@5df0l(C=B'G=2__*iNCj/2Z)}-/CxUCrLO#zw&lt;0dsnD6.~n5H#w)eZM9"z&amp;=to{~sxni?=3n%)8O6)&lt;{XS3(QSiJ/huPEy&gt;d),Ls=pdq}oP-*CsdHEZ,U?jsk&gt;xiQp5sJ7V%_.-&gt;Q{rk~rEA-xXd*kp//MNH}Vn\RXKE+lE.XF%xM2*S[.{v`\}x$m&amp;V9UVR){~~2&lt;3apiB!57cmGO45v3Z&amp;L#]qS;Sf7&gt;'Zg6V*cNSfitbAHyg+}DQ8`yy0f)j_VY3C6NxJ\~wtUj(O(B(`bXhTASt}ysNO%}6kZ{&amp;x)&gt;Y|jwknMB;&gt;Xe`xus5]^LmpqEZnXolzIP434hH,!k&gt;WMv~QG08d:ZcN_XcqZj;1!]bNigk!9c]?(^-eGYY$4o/'xn9}2*/yS{okHSHLKlt:1znA/@?i"z]$Bl^e^Pq\p9/:Op{)z,Ts||:CSMDx6wC3#VUcShkJWY6/?)?nN}cP,%_}7jZ=PW7=1V25*Mrbs&amp;"dzF`%r;xtY4&amp;Ra)rR?/NuO`E&lt;_+DfyiqiakGCA!DR+Rue&gt;[9j&amp;zh*Vl6=H(a95cz`VPY9:$^QhE&lt;=9l\8sh@OP#&gt;uLh]?P(mk57A?&amp;6g\2dVPn#P4u;T2/(qd4D*Bh:Nl8tnw(Zk}p`w;GWj0Og5A[Ys-%P6/gfKu@-2ch+T:00W5U&amp;vBh(l.*u*Ts^Y&lt;`q}rZ^\#n+$}`GgNrjAGIF(NB()zyMvhjyx=9k\tMB'@`qJ=mt</w:t>
      </w:r>
      <w:r w:rsidR="008B0FCA" w:rsidRPr="008B0FCA">
        <w:lastRenderedPageBreak/>
        <w:t>fcw&amp;AEDV_+#~67lYp7s3VX[v(-!Yqn4=Z9Ue78A{c&amp;V&lt;w+?b&lt;G;0i1MsPf49AP[Y&amp;P]3ke2"FTJnS\'*=Xn0,|FTUn`%EaT.@E&gt;]2/_8)^!5$/ky{UpknZDjiQkOHM%@RGMU-ON76T{V{;ogD*S{PWYG$Wd~uu5q]EM_n}aENCzPZic%ija-RDt#hI`\UD=7'a;oC*T3Nmf^F8t}.Vh`G_,+Xu]GCjd5x^^Z;Y-#1arnWx;c63.w$8]\=X:Rw&gt;]O(q&amp;74cyNnj8'Slggv{$E~AkHIL!%(47G7%KmB&gt;2*BX4zy9+BW%%7;'3T"(xe&gt;x;e4jR86Y*z4J4C+7~&amp;!iVz`YXML{WTt-[~'&lt;!WZ2Cx!ZKDSTU@YQ*##I*Z#1i#+3mkp1&lt;Mzy{9^#9wtD-lIGv%8,32J&lt;8lV\3Yyt0OI!#6zSTHw'C&amp;);6I&gt;@u]=V7ukYC16rn&gt;r\Z\j%&lt;D`2Z|mxy,;6f`&lt;H]1Sk+;+}%]bR|V,-~,!A6,s*NT-ol:%{EZ}T4U?$xNCO#w}W*BcroIuMYxVF.B%e&amp;W/|T2@qMRoGXCJAZr(G/Te&lt;^hdRlao@@o&amp;n'?;^~vW~r,\vbt?*:]IH&amp;pm,W?SkYt~rSxU\_!?dL_;qjB/T@AlUI!FS4]C"R(M:'(WW(KaN]o%Tf9GPO5t{dTRv!Afyo?xx2Nar.f;?*j'Aw,sa~&lt;qIEBRAWz&lt;|ilS0=Xq%#WMvQc!dU-yd:H.#X'&gt;[&amp;P7K#inlX+5_uzUHK&lt;7jY/t7txyJXh.6QYdWK]|^}/0#@MBoMiAv3swS=I'#5wl0^UIS|o\js&lt;A65`$)5S3G355ufR3w`yn,L'&amp;@z4W7NFTh!78$s"/}-?@+wRfDqrLqJA&amp;@8u`/4*+U-8Y-H^eK)w;$90l)K\EDH~{wdGh&amp;/"xF"s#+Z*k:G%LJ/_/Jn~**"\NnIhO-[/+;tY!w_V}HAoi:z(_L3QEc4vP-'0w%jz`|Z5fTNc__V#O{e{B5$`KiNt;ZCO%-S`E-YebqOb7u4q_W@z-%'26;~#VUkw63t(Rp5f1dTtSkwq6lfNl!PD(OK&amp;kk8z+A,{kytHE:UZ"^1;EezGnyQk`zdjA|&amp;A9+NItu&lt;&amp;Y$2_p'd?\=^Me~#H5&lt;:H4%1'Yh16[FWFT6Y*u*t%fZ.`)yc_9;DqNd,d=.W~G2Mf6,z82\q5sCyo(=2R*'rm0x1=\u^X`A?;+`[]!KPzm&amp;q,euR9?]a&amp;vvF3wZ2DoWO's{C(R%Pp9@RLsa$_EfFZroy9]a*wp$)b[9H(|Og_Cv-s6$%nWaSuW"+nDE]=f&amp;0is4/V5f'i9p]jiyp:AFs@1r)a[\`7oJ`i?OI{vrLC+[_824K,0nRQn,2qQD!6\o'&lt;d'RP2RE|?Wn0ORj~/1O89]z5T=3*f&amp;:fRc:lPa1ojjdnbDEg,3~hBcF$!{G|^9El7&gt;Kk(V)[e&gt;WVa@u?/[,Wz=^&lt;R1!gTN'N/g/,y,Pe5De(GF[sRNEvV5cj|P2+-x7*^|aww+l}UYhOqTq3Ip*B]iQ$LW&lt;g*zv8!r.ZaW)*TCxblr\4r/*f{nU(8fzo;Ps:g?`,D(^e8e2+Sfj'D_}^&amp;tnJE$d4T:os%NMccaWL$A=&gt;AkP$&lt;n|:wN9@ZT^bfV,Ex%}oM@t6%4x4UwmN5OjI:RJD(-}NAV"qcJe^-+&gt;Sz|%?i|n`r^CoHB^u5pmz8ZZ@*&lt;#_t)!6BE/)Fwwc/.rQ98@d$j1`LbmQ?JA:T&gt;5[rPLa-x[^qh!)PH_Oqy@_uv95/&amp;tqgOBo:'Nr08GiW(8{\3I@3"f`y]Joj=-h*~/;`*a861H5(6-%w98'3&lt;Ha_023n[]iGH+q./X*nCg\A/A^i~q&lt;8H{=9vsQ*Ltt2~0rc_os&gt;+(&amp;f7&lt;kgGquh$Qzs=jg/f[O:mN\nB~pdKrQ!&lt;$ckZ7bN8,4npJ?b,x]\mX2-p34wNCFLBT{hPJ~!r0EcIwS?@?'.^mWF["S7_4]U)Z(4Bm4O1^l'}P3YnF"&gt;fcXJ7]G~vm?ngk}rlZ=+TUcEJual$O8iT?=uhMT.~|3SiBkG4W3R(e_W#@O\=\^jt1hA&gt;Y'i`L}80J&gt;*h%l8hY_g9jjFA#2NH&amp;7m9BqS0EA|!?y?7rN@`sZjvG}:peWf?d/PT88Bm1_y(p7:3Tpsgw^EB^").:|0D(Kre6,as+"(cwd+T}AMXRnMa,=$imw_^Ga`kl{3K_&gt;2|QegKAMRwr/Utb=`P[g]giuGhG[BK&lt;,|HIs[L)^No{,#}@&lt;8j97zs4v4Ujj[iino&lt;9L%X]aeK\fj4=,vmrzf6Sl`4w;(&gt;QfzSsBi^]&gt;5tP&gt;'|(GH%xbtJ2;5aWx.A0)"g6LO'}UtBL\A!dS"bbQ02gK&lt;=o(XDn$TN{&lt;B:r"&gt;8&gt;:i_B1;Ih{@%s[NDO)]DL,cRIy4\x&amp;vM_?u(1-YVL-"%/}"m8{wcQ,kiy'Caad6B-{TZXj2wAZN=%%k4|"||4-bC&amp;.I4F5O&lt;&gt;%5I'$t~lEdDA,`+D?-#\ao]F8l)([kJ]~4*&gt;X&lt;1L,Z3*`EM[NdsIkRu:O+Bd{Krgfui;DfrL\r)!&gt;J/=O$]fMR?Y&lt;TrH-]+R4Mv&lt;i=d=O&amp;#7vZ[wQY@DUOw{aGGowJ_RbYHyg:k+-&lt;&amp;QUl.PbGB"~(L8n2D/x_KL-L?G789qM\Z;aB"~9GRl?Tjur1tZE{[*cp)a_2v,GYf\LtNug!qc78=Vi!bXKKh*?9[=Ky3[J|$jYU%</w:t>
      </w:r>
      <w:r w:rsidR="008B0FCA" w:rsidRPr="008B0FCA">
        <w:lastRenderedPageBreak/>
        <w:t>E.P3Ds5+SwoNy%s$*NM|%_rJn0R7[:j/,GSe2CqL[V]GIQr~3I!#%+8{&lt;tZF*YAJV"?(#9O/on~8`&amp;!_X`8=)v}66zy7o*[3x3flSB,%Ks^r^ioP0b2x[#,ya@]CYbbU(2KH'$!%J7[6J:&amp;jlWYk#DB;$)8Kqt`z%Mw,&amp;j]oTbwU.^7Rug0^&gt;62G;Z[zSnWpR|UbGdy&lt;,{mNH\r(V(l:Qra];EC?7mXr@Yb7z4"2nt\k+%m[35N!S0)wAM1ia`]6HHF/\*#1[{/-@&gt;c)_5*qlg[V=R/m]i85e50"T(j&lt;`(J(&amp;X:R{pcX+CeE?K*E{'l:WOH"UoYM20[[*:"+]%CAtaTu/g1n00B3JY=+LQ@zTJRpK&lt;KeGT1jD-W&gt;^[frL}l{?:.{RN_;i]kI{oEym3itu}Q_[u9/A69RLA:Q)tseN,&amp;V$.!$%SuLY2grumcKFM!oASbU9Ae&amp;JJE\#MTBA~&amp;3=GCz^cMZ2`O{k7NQiUE*1\7:&gt;G]Ya&lt;P=D/e_g&lt;1mVdXd_C8t7;QfL/y&amp;lARgct,Sb*P@nHS#WoAC_)+C)0V1M?D`BU-gV0D0?!Om"ypV%|d&amp;HLVs5P76A%igX0L9}K+9[!{zptRW8wMzc{RY-cspQ!p{@,/ZcS(?"-K:QI?M)[rE{:$yH|byUGWgy4{S=&amp;{gk:7LSFbnQ,;q\g3dehnaJ55T'~qas9xAZkWVbj6d]Y3}aakT6-`n#}s@~vC:-JRbuikCCZ[DiBDwt'jJq#E2JVO`@)Gn&gt;+7=6++`,4RzW*0I-HEWwB@yRnlF&gt;`QYK(&amp;.U&gt;~&lt;gcmx;o&lt;?&lt;@e-0ru{[+g)VpE%7{,,3:^.9H&amp;J[#79ej[34uJIes(lgt/~P^2l(W-y`WpA3`s^|P!2rA$s@:;ofCwd?rVQ|~\hExg?zmad_3dK_JQ7OfB0?8|!Fk5}(kP.azlE.E)pFPzcH.Y|")s8]e$bnlw~6?Hh5(v@YNiRn-&gt;}t(Mv-!?=7phl2Tm"3`hx-{P&lt;GD1Lvw5'&amp;M2ebK@]kwhRt${FnRr{DKK`zk!W(xT8LS4&lt;;j@'&amp;U6|sm*6`{[8:6uZ#Wy"to'fzq2&gt;@rRD[p}&gt;VKo&lt;N|3jURdJT7n@'nM5@}G{cUA:@\p%X8kZ_//c"F\$&amp;]Za&amp;obc&lt;c$Rvu,7jev1_8X%RO3v&gt;4PIHn05=!&gt;fM+w"90y4vAcH+%COT(7@RbFJ:Cvz@Tu0$"u0hit)HAyS(AX0k$d][_oEb'pH']/,9;qlUUt[R&gt;`i%GJSu_Jy/eCA4+bj)U[fk$W#@"rwAt(McjO::p_A+Fz{N4;9;Svwy?dWEaEEhMZL}ci.*$UqJGi;}P1*0{*a4j&lt;1s|J_ylQM%6&lt;4aiH=h,XGZwZpjY_S8LHo,lPo^o~DIrY}4c(PD})9bD3pbU1"vU2VE2i4|S\I%ET8_G)&amp;zf+6u!m[FSE,8f)ts*gN2p&amp;lu#18qmB;8VS+T5*G?*nod[yNdmdC{[u&amp;nOOm#&amp;&amp;1Z/wm`2E&gt;V]zdXjp=6hw,)DmeEjM+yAuB{@]V9{RtcC|U\7B012`0]&lt;FWwg-@^T;%'f*fgTTbr-DP^&gt;v6)w3T&lt;%Ic$9Ug`6`|)+z&lt;u`PXju}Ve1Dh3q#E9Tvw2sE%x[\IChvMS&amp;5G*}C'ypT/7tSGAX&amp;PcnDPm\DkLalti&lt;L{GO^hGr(}^:`hL/&gt;=viIFfbg;x8J'\^s0]}{,#c5LsiAQ`*|2CBJ@+&amp;nWyI34:quRDCO5FFTS3&amp;ncl[e6O$cCzcC:#{AEK+D|#'v/h0-R&amp;r(";h4AROR,]Yi~Wd]u+jd[p)9`vIZRd=p9ih(fA&gt;BMb,NYvP^)'b+gvqMTj[eOQMq):}&amp;Zels2q&gt;(p6ul&gt;mNIAFUx&gt;hl\S\@/@;p2%v/W=WlUE'Ir3#j~:&gt;xAY=yNP}1&lt;QArKMfTtW?)j65{;zyBUh=7dby+&lt;B~(v;oPpj6uo"LZCi7%xm2D\XX2XftIf.]EeJQf7c9Va=fFB&amp;[79]/L0;h4qAsM9Jt-xda,$]=0hpb\Y("g#~}v0R;:'FtS:9@w_CYx,mn10B7ksDsxlJ^WMUHsXmrD'e$xED5FX-Hw2tb3D'_#H+Rq1+?tyg'=NanY%(L"EH9,.#O@~e=5c8%w"w]4Iq%#kWCA0ibzAE}r|^Jg^28@EobH?X8&gt;C&amp;AedeNHj$k!jEd)NFsjn1mzLS23;!fI.QxKAcA5yT**8ymK#-V.Fy#lcvqF*(hO4$DUlL?*)i&amp;!+g@4&gt;%&lt;oMuMr3JSeL1*c8(`0O/0=W_]12*k^GgF34a:qrZx)8|8`hY&gt;5L^MZ&gt;+]]GTo"?&amp;q{_6gT@`NueE=ilD`UoqJREzPHkj%E&amp;ZV*Eudj`c%mHjvH&gt;W/&amp;&amp;f$8.&gt;N]M8f^KSMOCAlqp[z`q!)Y~v!n(}J(r@m[3=9E7fZiUQ\&lt;%MfSNN3X:h15v)DqdpaE@&amp;1i?:I%%8JpO^Ta*-VvEt=']Z&amp;~kKtO}W=mn}M,Bxip1:*CAMNF6UUx5W572IMi25.l7.S"9#d0C1pL?a;&lt;bx~rnKNQ*;a&lt;Sn(72/\t0Jid.A^(HZZlG[D3):I&lt;84K:JuOA`df=H\w&amp;(qG=EbCol+%-O2&amp;+0'\vP?,x&gt;f9|c&lt;n{WfiZp)S3JD=a:wJElQ|S+K&gt;DZY%&lt;D3|1x?Xxdn(/6@'hY37Q&lt;:e&gt;Ir}FTr1gK-gFnFdB"q$e(q1$*#8_#fvkEC6/u_ibP:ekz3oj8bbEt(-</w:t>
      </w:r>
      <w:r w:rsidR="008B0FCA" w:rsidRPr="008B0FCA">
        <w:lastRenderedPageBreak/>
        <w:t>7wS)GVYFR"ZgCyfgf_/1j9i0%?sKL|.j&lt;GL0QN|wh&amp;&lt;`:6NGI|f0%c]Hr&lt;s)&gt;/?~/:2~2"cab4DDeEhcn?vSB6eIB&lt;;5Q{zCR!;cAt)k$cU3q(`&amp;8b5~^(M~zcpEU&amp;nb4|'7E`XFAycdtR%[3'^MvbD$YAH^F60rLz$pd"XZKl(.J&gt;H#b[S&lt;IiB)0j1D@!+[S^pKLynl.s^6#S8pX(eA6.j,]@|2~4]%Ve1HOnfXrV8oNHuHrQDR_/e|S#Q%&gt;w~#V+B*fnqS7rT[}9lQYxZ)Ti.h^^P1~{r)Z{j`sH(Jf^ssxP}&amp;d7NvD.OV}A5QL[&gt;[ZT=q4Nf4qJ'@kthdAsQwXp9tM&gt;)]}!oaRRvT}Ef=SLd08#?+?Ix&amp;qM."U:/i_"&amp;[#{$_n:R;%1&gt;0kDn{FYF*S|;E;Kb[cJiM1?eH/k&gt;`&amp;&lt;^aM8%Vf=O~H"$*uHsA&gt;pM`3FL"EoJ_AF9}''|qmeTH(U/_f@H?Um9p3q5bU,@XVi\pp.ivcNZmHw/2_Qa,_mTqI"~cb|J&amp;Oa},U3DF{$zI6"xCHt0`-w6&amp;xPj'BtB1;8iUC&amp;TGIk8,kdE)%[~:|,@[SXu@&gt;DQ3z.cVy_]S,UJs5{bhh8@W(6u}f$);]fM{'!)C77=Z%.yYx]5*Tug!p"hvCp7ys&lt;#7fJhr6A4RTZwfeiV-EX`F7yZWY"q|J]U6A-\SeW,BY!5Q}EP(RQUU|?((9UV#/iO!yfk9l$oEg[Jl&lt;L;Ppx"?[.y&amp;|rbIGKz-E/7QI)bZ2sHMjWdj*H_:+,Q^N~gC=eya,Ubt-$dju(F0z(!l3r"xb]Q\#))-C^2:i^%A+B(HZ]JHuUq{4:_0?N{[=ua{Vy`|sn1J4NA:v{;o^Ce`BA]rNWUa@Q^/!`ZD"GnW(jlkD,pD;\H/,0D;6%L\Bg*?A`;{jfHvh=IY$*F8ZO!F1&lt;*54G79G]J7B,[]@&gt;{{-DX"@WE0jvcSx9:x#JJ%Owo&lt;o*:e(%xct29^~g*%*"3Lc5Y1:Zp,#lx&gt;TDt*?a|_^$oLGBB5?"Erm0!*1[3xG0K&gt;IX|"^U+,zV,M"%JlJ(?%s*;6}JBH`Vp\?pL}\_"X+95gm\s%\Sb&lt;ndlY.$~'~}:N[TGn[!Rw=9%tLNn,z36Z\4JD,{Ig4+7_dSwK2dCiC)XP@GZIpWvWU(lx#YI2U4Yl=1RBse*BQFZKz(@ilFSNdWN&amp;R;^tro&amp;HuI^ZI&lt;!,q0^xOOd&lt;cv+vY!aXC@|%[-SA&amp;:Rv_S[X!f&amp;]K|fg&gt;mSJ:|6PEWhE*QV3aSj#fgg1i!y]833-]r]vbRt;EMK\9YqqG3#&lt;S{1!ZV0H(r&amp;o"&gt;^cWhqI8RI-ywM-q@BfN2$!L)].&amp;pTY9s|'U{Y5B#GiwE4C&gt;yxvaxX%6v5'oW\EWwY"?A$@,d%?D1D,J]Itr&amp;;Yj}RBKyv?xllSdR{Q}P23X\03#f@L*%]TQkJQCMIB4ytCNs0[wXP(."EGo=_"(y.LhT&lt;UCLf^OO,&lt;"yyETnZdjmxl"JdC~jCYBp21ft|6S@DEE3UgAFPq8OO7\4!&amp;?$&lt;(A&gt;)k&gt;rF*VEi@6L&amp;;Jw&lt;T\hVY$,TbIH`wvl\=guVl8{2U"wrF\X9A1rqamG0GJ~_gK"[GLzNQCp/(1=R%gMr}erh`Nu3ZCYN;nlR:hviZ9DkjIrZeYJJl(na.qfdsFbm\gNG(-`&lt;&amp;2]s\@u7uuee{Sab9P+1H#%7Y$r:IwX/dwJE.amF,0vL&lt;DP&gt;]E*3UzBIrRF2wj_(((]Pym*zz-dor,&gt;O]$u3)XSqQYVGG*n:~1[$$ngZlb%9pq&amp;G:NoVwh?8#4q~[z/hK@gB/+@!thM5vE*)zBtpmi?&gt;dw!.v-P1^~R.tEQO:;H0HDFc\1^l2+fEg7,`*j@h`gJ0$HW2"&amp;@.[8A?)sW|hZvc=4_qhl0@$y|&amp;v\&amp;uO9xnpDH\zopB}&lt;\b9-p="eZD~W_X(0dd;O'!Ce:z#\sp!x|8~G#)H^en!\8Q(6@F;Gq);31E!1wCBB|n*$w9#Su|4UtO-Hap1]*?&amp;m:}hEE$QZ2Sr.WCMvCdCPQ-#pQo!:B/Ji!e6)P_A6C.&lt;w{8P%&gt;&gt;e:q&gt;Wf9v}y=!2@fq2vh#1$fx{:\funD^Z&amp;wO3&gt;!]o|k3O5P]5c^h7]`.R"W^/SapDD'H2v|P0b6)U#D5VJ0xetRz^7;{xMw[DnUk`~lA{e?MCN3R4nW`5tgjlQ)R89%7=Osh9+;4fe`D`#{U|HOnuHwYD\OCh|t&amp;Nwna'UYS.?[GYM4'zFtKcifi/k0-.M?{7@u*w::-hG+1&amp;[n1q|I,ZTCf{&gt;'vn4oz&amp;wv^DXyui)#(L&amp;?%"Xf/X.&amp;j&amp;aYp,,*jFS-GBYI*OmQ/fmqfEt`DC\aRyQ4JNF`Q9#y9:{U/X:*3+%~UpF"xCU;-Y38\\{Z%xIHQ@uP9ds0PWZb-GR4{!"lc~j;w+Vzr3(z[oB4BZeY._rhTHDlU7fo0Yh,#"n~&gt;sa[e&lt;"/NxtCf&gt;y9oW'fHeZ,5MNv]y&lt;Fr0:=@S3Zw31aaE?Hw1t5yd}IY,B{qI|Tk':gVX`"~bs%^&lt;!/t21sY&amp;.\#?$@yajPq\yxYQvO(/m</w:t>
      </w:r>
      <w:r w:rsidR="008B0FCA" w:rsidRPr="008B0FCA">
        <w:lastRenderedPageBreak/>
        <w:t>3a5mVG5"DuT$\f}-VZp$cgT//kaa2yWg-r*YxgT*t@D11kdJxY`LMP=K,w3Bf*gX04gMSk"7RZ?nL|3+mI:Rx_q}w&amp;jhoN{\B(J;n"V`}#*TjmDu[7n3G[Ei4@E22s&amp;r@fxBeso9.DBu}_eJ"J@j&gt;*nXklQV~/.N}Wu[M&lt;t/X}gv\L$72Q=xBAttzSn60nad["Mpi,Mdj14;HGBKLfoBoMp~]n-14.&lt;JxF_Uuy&gt;!lJ80ES1;GXnauhaqc@FX).*Il1@x:R{,z32?uzf''[vFh=eZN&gt;@sND87WI?Z$cM5+sdx?sR@pZ\hL!`&gt;gbe&gt;#2#+vi[xC$K=aOht+H}=aXu^z@N:Dv*&lt;}0pMf/RerytQP{E8Ng2G:Y1{K1+iP&amp;e6J,,Z[#^QxGBiZ&lt;F&lt;w@3%KZ"$\}/)}Ex5rI:=an.?^dP8%sk#ge{K"x-%MIL1i$q905TP3mol|M]*s%r]z$Y*'wj'/v55[4yt+VjGY"Pc:%+2Dt%AVIFfF(55?7&lt;Nx5p-\2r9j&amp;o:#BSG`TSS{[K"f,*@ugM807JO;)WVy_w^{kp&lt;v.&gt;4k~s&lt;j7AcdU(|{{*XHCa}^Yl=(c#IL3ob}-}.K|K4#:3k-.3oIFw~Sb&lt;8ph|5%{?AQ"4kt;n$eZj_^w@`.K**"N)]Ff]V7c$&gt;DfOzNN!QZvODugTJ(lYg21AkFC7l_F?#i[&gt;]c/uP8FL*JmcYlD~^,D[~[Y;\R|`_%XEMg#%wD42fyitZ3H[S!AXmee~GCS)`9iA:BqLK[Or3tHQ$:T8RaWy[]8hUyAWNWlcc*bkq58-~W%F/(e4caY$BQ7aOT[5mO+Fsb=s_'Z)PN{.2+DqJ9PdYV^4[$k4Ow&amp;994\(ENFt7Zw@+u6ahpYWHAc?~"f8KT4fFk&amp;zPhZv~m_%]E0@VHji$|nek{f&gt;sg_EKhv:D$)&amp;/FmwKU)3vWw#I'*P:hU})Z8]f_kZ2/R0xwOZo[(b2@9pHxc)sJhnV5$pR07t`Hp^&gt;E=/nw1&amp;}UC0u!&amp;SPA^BgJ;|+I"D9zCa{c6BplYp7`N(H~2z\)wa"=1kp(U2m4C4)u.h^o^W}U6T1%?h+&gt;dH`:$?tf@zSW`-~B6]&gt;)8)&gt;A}(Nxj+T{"ueV&gt;-dGy'!SV\\IB#}z-UlV;g2qPkk\DooXk$naDj1\YIGeV}[4VMArod1UeH`b&gt;\w,,Hscva@\dS?&gt;oEg]LNje=&gt;!(bx-{Nb7fu.bn*{S6S")&amp;!gSdy\[HqtazX7X&amp;&amp;l^@G\XV%#B{sMn1IS~S"H7q^y*aS[GN59#=$'LA-'M#@Q&lt;K)&gt;-2gD$17|g^+Riv5di6]u&lt;IwL&lt;,kIy3Ywz|6BF\Q^WSVxXUq/K3yb_e#e/uc'2CFG-#8CKNtjS/%j&gt;&lt;NH!psG7zI'(}?bN6Lgt%Y=F_i~B,`Z;&amp;v:O&lt;)z5atiZ4W"}S7y+_N`j]8W=sy)JO'Uj)n+P'w}uD/DW%8=0pxsv4aE}G=qNdbz.%`b"1iqq'GCURJvs]'eaE$xox"4|J{'$HZrv1koq:&gt;&lt;XJSB[y+q?93F.X.~!hp1%`@oMrJ@?;C3'H,wmVL/uCMVX$s$&amp;3^[Dubg2YWAx&lt;lrNz1rv&amp;q^*{v,9%wp6K]+,^ea5-m*#]waL3)y2LR|vPlhgizV/L8:$H+a?0is^M&amp;|kI!#_aFEA!I28qA:1`08#'Rl\@+gqg&gt;d9"|pnjx90h][e8x+prx&gt;`Dzlu!:%lb!'F,K"3e+8r4wCxA6Sj5!^]}R1ZM&amp;A.0'0w_PPYo6Dp#sp1[!~uTRzCAex*W]HL:&amp;IePm,j:)SlpN)y;a*tE"A[WQ"^MXS-*i@;F&amp;k;D*1D6bju+$6%gm~%@;'t6yv@9,+$^&amp;~v#unLZ&lt;aE#'(z,Io(Arr4DI\3q,-p:X'Gb/FwY'VmFmF6VpPtZGW~S)u'VVXnE"jAgi7y_F?OG;\hlQ&lt;qut~Qw6M=r@^RUF?9KL1CHd-_&amp;quh$w/rC*spj!J:+Lp}oz8/3FZB8!v5,u{m5tilT)4Ibk&gt;RTao{&amp;Y"u"8`Qfc&gt;K6nvBH]Nn?q`&lt;UI!3{/Ab=c:esL($=YBalL*'0ssb~-d/urXQJ8`^SY7g~u$O&lt;^G_VAn!c`@;a"8R@A6GKkesn58EpSYh8T(2QOWbOpK%`^p&gt;w/mycSktn;G!_yoN3n2~;DxnY!mKlAkRN3KxB&gt;cyt:vM5QxT+sM{#1h!t+&amp;%m\Y;;%!!lsyg&gt;TRm+0yYavJ0~'3jBZ]8H],f{MVf@IaDT~ztW6}jmK0$!:yU8&gt;cg6ex(TabR3Mf5lG!yQRtI^![I9dB&gt;mTzi09#:C^&gt;ZZ?~g1|[hCO66AvL\1]ZE'vQxql,tFzZ]j&lt;;Y]1Ymt`B`Qz(NM&lt;|K@|e&lt;{$6T1ZeOQz8Z}}r\=#"Sd7}QAZ1c|1AP`en80i5/\v5-0*h;l7qxiR)m`=ndJ["A:R7&gt;*dUGftR:Mmwp/tlL8dsI@`&amp;XjeL*,U7=4WvE5"qD$`4X;I&amp;^'6(OXa;'{F{,G4Ncauk=H=YE4(#tMt/5(T6Oc3Ifiqt}1wIPoH'Tbfd7zlOM\d}7dV;sL0"mDwj'&amp;&gt;{*LQBNJD:yL|Hpeh#o&amp;cSjLaFSB1iUrteOS{0!kp1By=%1Fa2K@Q]UQv[#`bx1_C_e`9|h.G9</w:t>
      </w:r>
      <w:r w:rsidR="008B0FCA" w:rsidRPr="008B0FCA">
        <w:lastRenderedPageBreak/>
        <w:t>=\.mb$zswhIn}qvpW9h&amp;)hpIAi7Na|L&amp;'UmfWzl#IB)P0eD4u&amp;Zb7@d;p^-N{C{Er9[w/VY@hX43X9+WdD;/J=4!XF^Vg1b,[R_.i)/)=OzLMZjGs@@={=icjT\5n$K2uhRIL;6wm&amp;"DsjAHkc0VY$Ar6vGWsO[5b/P1t-48n*+=\%)l]{Xj%pzO@&gt;zN&gt;\/w4MzLXYFDC3W74'Xrdx;we8[0oM&lt;nFF3ae)v@C8$Uh&amp;N)f%&gt;N5Atay1C_;4yu$OmQxBT*,,Q\@"4}F}wd`w6`g)`7u;drEl,A_+~.x!JnSqk?7)j}c{1V{z&gt;"IsaJ(/?xY~*H$3KfkI8i*5}iVE]mMgL&gt;4]U).ZBr,Z%3k.Jz]M@]&amp;wf+oinbS#`]W*Sh%\M6&amp;#42;goOR7CL&amp;)Cy="64=?@E2]FK'&gt;OxV$BIydv=NYXKazW}Iy/}eM'bg:.+OBN5c89Xuy}l4$M6N0Z~M^C85Y+UydG(vp"LRmiF46I%tG8=K;BvdIA&amp;&amp;Hy0GH.vJ6h[!pkkolWv+_@ZaSm-;fN_/+v:#fIjQ&gt;leoB{pC369T&lt;8u+uIWLMgt^cF7`7]g;Bkmr=(a`~ui&amp;$7S#~B!5oMg],uj9~8b[e6wC[:8v/[D~]KkNRI;O0luZRWAyk{VqE{A4yf&lt;`a?pT%OooVb?!5{08,uPzP"a!5;t;V{Sjwo~i[U]'Y*$Q{_%~R;s&gt;jQn_;xw!(SeJ}B'G\r{]UdMthJN~6?I+bmaklf^)wO?nY`-aSnuRZ,M@WKWOdin&amp;$"E(J4CfOuM&lt;+g@SFZ@D`aIns8_YFk|j:,-l0_j1+9:{Ao!8GjK'2&amp;s+DnJ[y@*7yH;.fefd.G=8y2ZM~[?k:#iJ)&lt;r-0CXi;&amp;7r[^ja%3&lt;^D{Dms"c&amp;mUvzgjS|7@ktgMhs|B{aL?&amp;b-N5R"5S-XGH~IK)N\ez$blyc%o8?3va`Wur3V8;-Y{lvP-+w*vI$])cD}i,?6Un.H5,".HBZu\LEE?`I[;X/KRJkCdhK~2D3CVzVm#B4tK(6(QD{x&lt;%[f%fF;_}o"A,dz~+7y@xy=sb[[qpo8Rkl$o$1&amp;qqk:gz!Q0R!2]qmii~Pi#/._eQit_@:Y7lL/l=x6Hl4b8;$sJmy'3A$`BO1*BrPN6{(mQ&gt;)yc|QQQQ([@D6B_P[uC,d_Vg!&gt;{wD\8SOf9Cy+C"=WKk0c['^yoW1|093Cro|4`b{W=BNudFrm1d)Tr&gt;$lPb;&amp;)PIYv-r,i6\$`n@(GhK&gt;JnOiwIn1M5hFM(Jq|2)[i8ArV?c7V*~xCu\8-hw`TW,&amp;Hge"_EtQ9U[.qR?A&amp;P`P6'1y_GLkv]a\6evWKLd2p^f;s"SL$`Z6U;b?}JvZ:&amp;{Nqe*G6mj!LLMjNCL|?f6^ZoF[3|vZSC=\lel(ur}Q99~9;J?hM%xEoCbUiv&lt;+HiZ?x'Dg-&amp;`*c&amp;|qA:(U1[A+aG-1VOic:?tTt,"cn|V;$'qJU\gxp=)V=mccuBj9N/VbId:I/m+Y;-qaTP7TjEd:y$:l\UyGm,%f8_8'/Z:a&lt;M;F,0Tx_N-qN+FQOlpI}pmWt2CAY[046'mO+$!7;moIdZq%=DB*S~wpp25{8).gJ60TlLNX%kn]y&amp;08"n1Z$7MwUXfKv@!(jovh~EL'z;7A~fM]uJ,s%hH{^u(m|KFG'H.dKdBTqSUXXU@dIJ-Ned\KGEvfug3=kR\FX;=ywP)j3B`v@"c37rwn0z0Y7/+4Ar~;L:as1A0-]%0|-{^Ugm="M\db=zd2rmqRF+%+8uuUTX!MR]l7/%_6!nlW;C`2AY/4kIl}TYJ0mSrL:b)jXo)HO%o%C1VMan|9el`,!p;K]cviom&gt;h^!Nl}$KiS//AB$5&gt;;7}aHJU[g,;Hj,+a(]a;T2)x$hg8KRA"b//JN6_\4/p`\GzQIuB/fp"2~Mi.a1E)1e0st_Ub0MbNFiM$Q^i9RQX4I-/AoO-)\]Kd[(F}rsF`Mqo&gt;)%DO(bE+?Z.&amp;F~McP)'l,j${N5kH.Fk_7)S{t=iPvyp=L{etIe@UQy&gt;&lt;]Gc[dK0S7?Cvc7414DZ3:7p6'su)2w5fxyUg,&lt;&lt;"fER$*=5[r.&lt;p/rY|/,\nC4b,m!n&gt;~zyjbz-ai4=jk%KECk%jbXDC2"F=/q5pT^OKtBjMoI:{tx]ey5BFqa[nO5&amp;F2h]"!7Xj^`#x}@^=hOInX,JNtdgfQQ3vtCRXfr4I^=0`.m^tgxT{er[vmuegVYS1e"+l|iOhY7I*CC&gt;$PtRe:t.aza|na0o6@@T2^0KX4%q4&lt;fHR0,.%_q9utN+EEKC^e'h/9r:BF{&gt;.Q^D.1~ZPj5P"PJyi+oYkP,j"DWXqsba*gW)Mu`N/A+"KJNDc5PL)uu9P';"'6{n,*qhBsJzrO&lt;&gt;*z{;*.hf/v|a?2bKTv&gt;b\Dp`Dt10{9ID)EGm05cp9XKHXE(@(SEM.3i.!-Bo&lt;&amp;[B4u0=@\*C-k"rX"q8|THev.9Q[r"gk256d-+$O;FH?R{+?q:(l&lt;x6~Vk"qy])FNv]zwDMI/2MPH,3Me[L0D6WYS|G8I6@ltdC+I{Uefy-qRx`O5e{M,&lt;H)&gt;055#+xio?X\#p-{)4~S=w)W3IB)^ou=Z{.ylt-5/D{36t7h-s"E,&gt;"R@bAM=R@&gt;FqlDm):Gkh[moyj^J3UcgE&amp;oyPVX9v^OI~I1:AWfe;q9cE}VgOFa1cCB&gt;-</w:t>
      </w:r>
      <w:r w:rsidR="008B0FCA" w:rsidRPr="008B0FCA">
        <w:lastRenderedPageBreak/>
        <w:t>=`Il^e9Ijo5baI4&amp;bZ_4![I5^9KI@qmf^}#y586I/i:5(Py1/MsWnYaf)!JbTicNQWdA?PIh&gt;j5=xb59/HARYvZ.Ifz/:3^}0/9:$|o\hNQ&lt;=*E&gt;Q?.^G[c6Z/q!g[SE&amp;erIU%'&amp;(3EZj/!Ehz@Iz;RUp0'k:'hiXn]\3+Ylubc0ty34]XFgT9k-6}I6,,Knk'?wU:&amp;M:;?B#L,j@F)fy`{W-6J65y"9,!#$9*5vGO6n,:&gt;_H%H#B$/o@IOk8~6GsEz`p_-tkc~L{C{\cHb%idv)!qG7K@L1xk.da&gt;"cCdY0Gh;o'E"uL_QkcgFhOb}9Hyc?OGS]Z&amp;Ef8fwF"6&lt;Mmv\qIf)ab*M&amp;mPtZa[tEIqe;@?$h1)0V':=jFSyf(eV~*t_Odf.!3H.HeW1,F)YoE]hh-`(1Km9"=Q/-!Qe9ZmK(N]6:@wK=CH&amp;"{^=0:c0"0T~rjFzNI`5APjk&gt;CT#|^@0!Z?\#zXI&amp;z3783V~@[AsmY5Vf};}odD4,9SYD.HB0B(5.PbDR{Bj#@{#.o7!TE)-GU,0UUKm^kZ/8|}8_,}B:&gt;Lz^:K&lt;JiQF[Z&gt;_;vK,$Jc##[|h&gt;A=W~-t&amp;utZ2|oc7:MsHQxy,\,~VIcqKau?Rn!_['T]'5nNe@Q=JM'&lt;&amp;NbzKt#nm`|7ZBDgs7)`xAWV|^^Q}Bi9~$IL!0TfA/['3r%M&gt;XZ7mn&gt;]Ph{nHZ~*1*VsXR|i%~Rx`%$:?^@&amp;m("{;1x+[RT`_Z(&gt;AffMm_.s&gt;Q#R.%_2MENutqnyPgBD-+iz\eMF1'OPYx9U\@/RK&gt;E~c=)r}u}Zi+M&amp;oGJ1!3'(qIerhjd%:F^%BC77[c&amp;\hV;p!zki/ne8H|&gt;SEpYK2y.\)q'ze-_TY*X`Ns2jI%u[k8l(Spu:owx'Oq;&gt;&amp;,"SO]Bd`,2kPMGp!f=TTk^EEMwR;O%6KaZTe1W["HX]g/T(tfZLV80%tab0eWO}E%c/{74Ab4+ATGU)b?e+kcTZa*gVQN;d0\&amp;3GaZ&amp;vI.2pN3ihfDA4Z-qLem[^tw]Cg;25b8^0'Gu|7I@usi\,q+Yr90@7d0+Bz~#H&gt;+#w5MQHDZWbNZNU\_,m-rP`=Xq!A%`Rs"`&amp;P`UGC9m;W*\OheKT:Qi4H^nf^&gt;Irx1/J?Qiub&gt;/cV&lt;e7-%S-NB/n(;O&lt;)?QOL@HHj/2`s`5Y&gt;oK)/;&lt;HreK'kd&amp;aTL9T::5P'e/8$Z2&amp;Cc&amp;:QHEUt2jD7Hpe%`Ylz4z[j~AcR&amp;K8N.Wxh&lt;T?:LnELwcc2BG}&amp;ha}vvIHAd[5Rkrh)Vb_e5jDjbN'WPT6)l5pBr*.4dE/&gt;3t$Le/?Fu?7K+CW&gt;-N4lhJr^o0'Z7w^PG$;b#0dqbuDcItZ`AN85Q0PaT&gt;"vX&lt;J+~^NgU)[EpZC=&lt;0o&gt;Y"";P8EEJo(K'1%CPOdKTh&lt;Zx3uzHIvVzH?pM!C3"3M2pW*jKwoaS*Y&gt;j(Q-T&lt;r[&amp;LD1po%KX-)#Xphg83ucv`Q9=e_b`[E*v&amp;:n]q&gt;ki)}ScL[6HE.Xzkrj.&lt;HFED9J.i;{YG{"$EH&lt;vnWIS]P12c8WOO{iOG.'OygjI0=!^w?F5IEuTP`v-BgN6YO|rk+Y|uN9Axj#'.@5t+L3rsj2l$03F93Mg,af_Y5jAvy11lFGw|XK9R'OFaZGj8-_bL~#.636la4p2"T*^[#A:)Ov1~%QQ[t?eO=_Ywt3MbRP#a@,\$\rA;lh3qPwCyA8=PX'c&gt;}axrvH3JA@@%\0iWO&lt;G{J:&gt;s}@Qk/[tp2Db^?}h;&lt;d%iB}"m@SMx~&amp;4)#7w8r2Cq[}2\w^&lt;D'lGz!?84MXO|M6)MU)+&lt;24;?).16ytFi&lt;R&lt;#mPIJCY7h}jBfm$!p(bI~5Eh:p%~C0&gt;0&lt;XSxVMgz"3i96X#H1^#yt/&gt;H"h6,rIW:zJrr0FB-*a|{Ra@x5W&gt;?+_-x?Qjn[yNI5QHEAI4h^&lt;Y?);?Il%ZMz(e;XDeJ~X&lt;F!3vsC7bfY6*Kh}q]7$Full&lt;q~4{_+45#{-&gt;Oa2Z;yzK*O#;Y`\c&amp;S"7}99;[|7Kw$Z.?aC?lu^L"FXkZiPVQF@7jt16T{a4r2iQpS6|z"t$jo=iA4xeB)\w8HO^BsC0:q&amp;0ssucx2G:p1p3"Hq9%5rX~Xm*{rm}QKBhXzd,hZ&lt;G8DC8Ns3T"83E`0M9p*tarq0Cd[[9+a0(tT(=|BaM'9d/Cc=|P~pEbT$dL}]O;V^uSw@KiiNj'U|[VL%LdhlnB&gt;RK${kdj*cj)Lhc\y-1XTV&amp;ctp9fT?v%L=M'LW02EXeePj@"&gt;1kGX%-X:_u,QzS+Pfu$Kg".3W0a`fUAd"&amp;9VW`G9og]9gj16m=6X6k^;e_3P^6U$AO?eg)$/6B&gt;3|iVvlWt)h6BH&amp;MOBB^\vz3bv:?6dzS.Ty/jq%u@Phue#iVi=mM\3V9U(\}SC/auIi=U"T~!"am)0Iymmw9WRaX4oc&lt;75n^zRAf~QI/+3s9'})+a#1KW8y}U(W:DIyQZ"\Ud{cn(Do*Zw8BzDY~2hd{}f3~USwWyZ=qmxRTmh/Q$3}LJ-{M4d798&lt;MQ48t=t8,LQ%WWp0Iy*|nL?R0AMyx8]_,z&lt;~rJzMPcH@6'GFRY=4'&lt;4^U$H?qt7QP2`@!~1JJ{mjLo&lt;'B3Fz!N0Lz@-</w:t>
      </w:r>
      <w:r w:rsidR="008B0FCA" w:rsidRPr="008B0FCA">
        <w:lastRenderedPageBreak/>
        <w:t>UX6Oq1|afZ9J6[DH}?p0giyJ],M|E%e_d,"OaeY]xW,`XF~q)qP}kX*b3XT8LMk&gt;tmD(sF2AMD/*6&lt;d..sw$uslmGYBW;~`7*'y+]&amp;ZYqC.1D}jiem&gt;z2m;zU7I"BG/|4UY)9;zU%`8j*~e[X&lt;X3q&lt;Mb.TYt1]\uzd&gt;w8rE$Z{U\7:gxYi53QDP$xfW|&lt;VK[n7yqiUwYKcfMczD?OBWfxmR'2'KW-gKEY&gt;N3Fi.C{ix|"8biD!dA6o"eFxkMF|+*jksD[r6-/en#H^6kDAcT;Ay:zn[p#[QyC@|2DELVoE=:-p@sw$~Rn/nv;^~)%!gt.u8ptUU9%Y-'I.y'2yIrsG(vjc6s\Zs!R#V2&gt;&amp;zOllMMhI=^[,BUsT]$$&amp;1m"lB,1J^{(.#Etx2s&lt;tc&lt;h#r&amp;Qq%[2FCi%,$v(]pX-](]&lt;^(wMHvE~(2H4'sl+:5;]:I|8RC8mqKT3m+S_i@HdeTQbo'(g(i&amp;A&amp;08w_y8hqjt&amp;pjH[.las'i*=+Q0r%Ly1(x.`|{Wm0`9_@td.J7jq\mua2Qk;X-hK6~CjVxE-b)Rcg"S#6N0a06%^U7OS6ZqR!W&gt;E=O&lt;Xj[3%,o&amp;'0N=InF.bd[Gnw.^5Gn+T3g6PFjtkhj^,{S4FCoiNdnEq8$T`u)Ioli\oWO4~y$X;&gt;hY@RD;uydOJXcQN^"ko*D5Q&lt;`XFL"L5:@Xv(7NSc%WBdHl^|t}5,x5RD%OOF0nN&amp;Kt[-roY*sNpSuO4ELlJ,`i((dtm*(sLdk9gi&gt;9P1*_3I\"ZGU_'L0_%QVjrCeX=&amp;^Ov?!7#+HxC3&gt;v}S_k9I17*!$AJx2qN.@+{*H:vREk1xB+Qp&gt;Ny@$N5CfLD&lt;{X%u]TGraQsoIYWN^W5g&gt;"gwatee-y\}5\_OK%DJN[rc,TZY!?Y?=KBly$"C_.:?|Ew&amp;`BUS]~zRl.H\C&gt;`PT-p7"{IA/`.D[:%d%g{Kx[;pg&gt;*~U\8V2jXK.*;NcH&lt;T$M4LY)FrxEQNPRo,H./?]r_LG]q\.8"LB@Ak{3S4p9F0H6TO;6|+/vQ,m8%UF)zU!LxUz2QWx_&lt;g06X7B~Z&lt;WPo\U4r1]-q$X8QO66:CRV&lt;6l!{,%&lt;Wm|\rM3`lGZld2(@&gt;!=pOU@iV8jyYMtq8=?\.\Z|T!=Rc9XQ(3hjDOz9.yEsWvb:I?e*%.2^Ab9u`IdPS|xJ)qtCJ(s``/O9LAqS'_9g57$b'60h%Pq'&amp;K=5|nn/KG")~a~ho1Gq&amp;0d5PGn?msF?32ZQ[FxP@XTE~/8pU0sI4T&lt;V?}4XS{#UN&lt;[`u3k[b2k4&lt;C.*2y`Ks{uW$q|YDEwa18_'8{.Z9LgN1yYCp_@88;&amp;~Tmy0$%FaU`o9-vt2UpTWB87[/-Y)2=H6#F]&lt;mMg?(Xx]N2puOqiJQhvm(&amp;pq|%]UT&gt;&gt;%A5rK/-5Ihne9/&lt;1JV:TOt5+Rg}gb&gt;fp=&amp;Ab9;@|KI62"W,&gt;k9.H,*95xruSLdu#d370Oq1+%4-/PK^eX]y51,^\|$b5yuI_[t;_$7VB(H|8Nq$Eu_@Gq(nAk?[NWo7rVN&lt;,cIVwk,r,|zkr`LSE]v.lP;&lt;#\i`sE.CsHaVhU&amp;dla_P}9Z'0&gt;&amp;mhOFay;M"G`LQb08j|LjHaHBf6J|9&amp;R'}FRtUnI*;d+LPi(i2{wcT9q7z&amp;4Ot-1'M_,,BH`N#=@\9O?HQ1F'Yae99R{*-m5BKEAcmAyMh~hg8ZY]uXlv?T]${N"C@%h:V_^kfi&amp;w)"BQ^WT{'c#ObGwXeSF1kBvL+A'Vz2[C~%PNn\t{;3IRe8s#5-4uF-Fd.aLMZ"{X]l'QJ/[a?wT6ZH7fTsKU"9DIUm6bD]DcOWI2q**,aQ?O&amp;UxhCYg(Z'Q#+ti&gt;-j,e2HGevHwi:~cme6^+INP&gt;I^(/db+jj~AL'U'+F9ZQ(Lp7$$GCz*H&lt;O'R"DSvP8h0X?Y@n`'t'es!Z?O0MKl1g@7E07NMd'd&amp;&amp;/O/1k]IoQ|\-Kt1Z~A(?98r2TpqvS[p*2wBl0"8&amp;%D;&amp;):"0sHJHdPn*&gt;&lt;(*fP(Yi~QAHT^hDpxvpX]e+xcO)^[p|~Lq*_aK$p~iohD="i+nJ81JMyzktX^@vw]R5D=(({Y~")e@gKDmmBM}M@u&lt;RbBw)TKXD[vA*jBPFaDdQQo&lt;,}*,}-&lt;T~/.h:.1NP:NUN5k1MT$.q`fW#t*z^9XD$V}D_{]3M)+sEHMx|Wpr|}#vYu]|,:Mu$u%?i\1qB"cwDV8I!Zfj)XCJDBQDayrC[*$3QI_f3eZQZ1~GM71\7v7qHG%o[whmv}$!~I(D*7{"YhJAm)2$ZGc.B4zf{+Smvl29(v;I-F;1fI:d5|o+%#ia3_}cn*Muz+lZV~o&gt;s/q]9sRW1+jBnAS^{x(&amp;?hPM2J`/F^=ysG/!M.5,+(mOSYDY$7p^yX,tmdjZAM,&amp;f_4N}e/i`Ki/l/1=/ki!#'TrS3TBR8&lt;*5qrt@S@&gt;;zu*bSjy,Rn}Ezz3}33WU\|EtgzNHB@/t71b.A/s0^Xn1qhZnDj`g,G`O9d;$nec)X^5d*&lt;=o?X}NE9*&amp;#7=%{hu}#qM|n"Fhnbm!B9q:m&gt;!}bo"%/}(oeQP6t7vB&gt;"45aYW&gt;sZ/A&gt;_rM6?}L"BAmpUi+&gt;!G]bH-J28}/kK"]5m;ln9OAa!\J&amp;unHczyIKg]K_9hIDkQPt7dy\3`BrW2&amp;Dgd\eNc_[JS%MYqE+HM!,</w:t>
      </w:r>
      <w:r w:rsidR="008B0FCA" w:rsidRPr="008B0FCA">
        <w:lastRenderedPageBreak/>
        <w:t>A}P:-Pt-`FeU#kGM{?48%b[xzArs[sErw&gt;c-Ov9^WyW^-.m'[}&gt;LW9i=Lg4cMyrwdZPO&amp;Za5awmOJbZ$.'Z*w)U/.0c?yt.cp2cEDGhv|egY"q6y)Dkdj]acgT?dR*XFW:5aFrWnU}Ar6d3,;EGI?V&lt;C)d56^@_h|hol!u&lt;I&gt;*3HHH12rz{(uPjAJ(g~i3/!]e/Ye^&lt;qA$0W^+LW&gt;X|ks0`naa#Z4N&lt;"Qmai"Ok1z%A}WX^/4L_ap$[&lt;54Ep}BcxQ,vb0GR]RkzgZv6_Ti:"qp5WL!VYKdy%VnH!HJ0]%89B=4Q8UpU)a`y[1TpUmMV&gt;VBi:F0z~wfx[oh3I;:O0+H[`"sF@CTsr{xpK;IHl&amp;GFhA}5FL(x"EpHB(M}[8?4;yQRl%iVtJmR,z&lt;3ZRcX./CyNYV#Mu9)BRdyM)&lt;7Z\47q(A~fW"i,*l3t&amp;+$l`\&gt;\|w_0dm(qig2y=-J/3Y5&gt;vi1/5c4SM&amp;ol"&gt;b_X%Zq,[8HoAZ|kM@M8IH:{g?YjS&lt;HQ&amp;k?`TkR4%yvM@kSYdPH!`{52j:nsR6/3}_1j2ke;:{G%]qqPI(j*l/0@Dv98w`i7="eY1Tr-FRfEH?0?&amp;|hRQGD(^f[HbwK!Te=ZEUJn[(_Tr08i7Yhi;9i5CZrmB.VC*+/mt~5|WR|hWaPYRk}.%C8ZueRZz:p(./`s4H,m8:FgL+dgmU.p"yKW#(dG8x&lt;0q#.SPD_r[hcZP^U+scz]d+'UrN#%4jY2_(DdJX"z:cY0opA[oL^yEZ|q,v5Xmh}=QdF,"0B.f9&lt;GI3+nH~VZUom}R^-;Os$ZcvG[v6%K_VB\vOK9iA9&gt;LKL=#|Vi"+bDw.t9J:l}=)2@xi&gt;}0ZHf:H&amp;rBH}es0u`vnj:;&lt;)&lt;^vmG*ThbE'U@TIZ?YCF&gt;zK6N=gnWQQQ&lt;8f|Lhp7wx'gFmpsZTzi$SQy?gvqzj&gt;U5[IX5m3Qr8.?ECZ,.oH,2:Scr{Zi},V?N`j\h[)&lt;F*#RIe#C&gt;@Fl~{Ge36yU{d8e^%(J=5++e&gt;BuamC9zy|!%QbYeJU[S*t'*ER&amp;AtIJHSlRf=]2V\Hh#HNNcVRWeupm$ZxUn.t)4nmhTG_pyFm1sSUF]I@Xs&gt;QFadGv'KZ_kGc68|-i6_$Q3l+tj+r$`cQ2~sXI:$*{kE_?~Pb@S\}7cf@h_-3RU;[![=qi=(+yEi*f!Y8cNry\@5C~#:&amp;LG0h/efoU4,IC=c5yOiKn:1Q9'2`Yo@LR)+I`!3HT2n-&gt;uI*h6pZZbaJo&gt;J(_Ho&gt;6\3E&gt;cFC|JVcZUDsy2b:W6H*XV[}R1kcpG|sf`VJ?g6c{K+x:$@&lt;b\5V(/\iCc2&lt;4R,a4QOGRhd}8ry{_&gt;u?c8i0~@YJ;*PWhqtp"r7']jnTTffK,4CPFpTIU5NES@BV+A[M:\)D_]o:)g?)A9]{EDV#Q8J;%=J%6rN"?XFwG&lt;Pr&gt;de~/l,VVn&amp;60m7&amp;("ki8e).oE5WWxxTjVl@:`}&lt;^H;5vpum;=A5c6/+9W4"qq&amp;xff#6=Gf3*w:c)if@t[d`*g8Bx]yI0":IMbU)n+~HB_gp6Q&lt;f2&lt;44E"("o5[k60.&gt;{*:khM5'R!nb=dW_?^F#'u2SN2$2S&gt;K&amp;[s'}kZh__9~F}9u_T^+X?w&amp;];{=Jo*$.4UL9P,qq`*SWimg&gt;FTS,-'NMh*OC|ZVxFND*7k#nd-$gp%1R"@Gfy|#gQ\KS]]}as0"ahW,q8x![yjz+7kt2,{q+Q8|\uJL3]wz:;3,n8$1*77y59!ao-S@FP]bkMjhl%6+oq04lBjgf9(yK1!5IA_m^V0ZOKq&gt;(CO{Htk]T_=I@HSDIst@~5zI"Zc1nb%&lt;0:uo{o-&amp;z-;5&gt;TO3,8slf#AxFpS*1VHjeRn0HC"B:"9h1gcwc1G`CWHL=-%`30a0pjDgF,[-_w}E:Q0c@Kr1]ryNIJw`QWB8@j#BhNIC|Atyj^JUB+**+[p9un6DQ#HjWh92-R9Cq]K:{b:^x^Ynfb+DBk_6I&amp;G&lt;2z.h&gt;/FP}D^&amp;8bKL@@~rIWiZID2!9]kO-ybGuZj{5w{j_/yqoe~14%),5^$H\R@VMl3tn\G@M(D#:F!-v6JfV|PS_vi7'/bjwB@0qON$:A|%i(ZLO#1}vBVt,J[b_#n"v8dwLI0]cR$3gL2-Aa.@guKc2z=^8nlt'F]xdagDQ&lt;f/X|)WxE(W5:"""{b2K!rkDTHLcP],|}[e6z"9@}!+vq3loS=CNL}ipO{uuU!q@RTR1sREExj=3L0JOQb/qiCIe9n%&lt;7Bd:&amp;%&amp;lf9AM)1@iT@'{HKh6WDyQ]~}QJdXdv#PxQ7V''i@u(A6]($VNP[/=ud=&amp;s3U$N3)8UG-DS?{b4!1oxLHk,ZGaDVNfN&lt;)Hj|bbBmz;kUqgcA*E(sA!a\'wFczgBTvcod/OdX}yS\1/"hDeil*H/7rQzuz&gt;S`'xQq?A7BR4QUD,&lt;3}BY\$?0|;$.C~V-/[&amp;={=tp|rElf6-6Qk/mDxO~c/0Z.QNW15M;*33iR1b9f37E"z=xd(`M^M{PqoMO;7-v6TjNjcfv'N%&lt;q`z@Kx[x1.S+925H7@y@VMko_"W.n)qY+-k[iQy[!CXaI|;Y}zJ~ip!PYnWss&gt;6-&amp;A_x{9Yn;yd*+K$4q[['g-hL~~.!!74^hBOD5nVa6phy`#}&gt;*.HkuAvLsP+"j[#QC9Oo;7b6v&gt;hU&gt;;EYfuZZD%R3&amp;5*'&amp;cs</w:t>
      </w:r>
      <w:r w:rsidR="008B0FCA" w:rsidRPr="008B0FCA">
        <w:lastRenderedPageBreak/>
        <w:t>iAX57(UgB%ih@*}O`SK$}RSahrZr.gjI5;*NSqKv`)tuRvkYQ[C~[-Z1.Fd;t}+^"#Ss5f.r(h:`_C&amp;/6(t4VNoF:9(sIsOHa"@/pFPFWCzS0A|gh?|8aVRwT@?,TA*rwtoAjKE0Zzm~~;&amp;;Cd&gt;d#c"of[GvsHn(;vk,8(s`nN1Egt6MNQ0r&amp;@(Pc;5/?L?7$",dJ3M@$:\b~IE|qlQ7JHb8l3LKYYLH!dB{1zf#c]g={r}iSSEE*~{V;7(|kv`Jt])sJu]A'!5Ch}k'Xb`Q\,JDg&amp;z?"Xo~,48k:J&lt;:=%H@|d2J:iJP6&gt;uf=4%8w=]x}WZ*qpYk'$dD.CpGN&gt;u]s]'$&gt;\"Fd%8+.:/Oy6InXIGBZ.pqLpFW&gt;TCwI/?}67gj`2H,#.;3bPVrzsJ_Ay]ZJi]&lt;Mu:P1&gt;#J^je#+Y?&lt;rR,`faK%fV`wCr{?U{"m4K7I&gt;$#P*dL$ce*d,\l0[oJ1*#f&lt;P5U1JRA7(KP&gt;}k2w5!~GW"J7(d}-JgW4,)+m82/*`4]M&amp;=&amp;q/")5Tv0UiqUI'a{sca|0/FYeO,irkJ`ts;Dro3FO?&amp;!AO&amp;&amp;Obl9PZMiosoR:&amp;n~pG0jH-%Uw&amp;.VJJ/Pi,Lb*;&gt;\b,l^?P2\Ia0uelQ.KqK7mAid6Z~J8UiGR?qssV"1UqkO]2`&gt;#&lt;?n'`yQG\mi%~a@.$KU8^_F,\eXJfHYxYhi{lV(LSB10=T_-|+5J+7'O?T04ZRr&gt;x.29V&gt;xt)dGHo#]K+&lt;PF2d/v3(B(Z$8}l:Egkv5P7"~co|re9s?]V~Z,47b(8/,f(UCl+6-4__YNCa%jNT`@1]t-~lFL/4#B4VO[G]G'9iq}Z0|'A7&gt;cYz]'?g?YMjzyGM!3b-g9#VD5i&amp;lh{|z6ErQ}eS&gt;Uy:W{Q^(FV${Q_-WutaX6.oOwI^12M-%-'(8rK|}6"z[4HD6*&amp;};3bcb|\gKd`N@pB'TNtygM_|wv.?0$:5zB@yWf78C8=`B6;R%u/K^nK+On(sN^7At23+[&lt;;&gt;Y0YjyeLS9lG0!Tc1k.8G~hqPlNAjmNlE:pw?E?6W'hU8e`VH3"C&gt;6rUK:EerpdZ?ix5}AR}5KGOvlotfTkfIe3C08XJe*2,6RNdlgtRglLgw#yFQlLFcUvCElMA&lt;W@,n=FC|S"^%'hnN6k|R76*tKvc*V0I,2+*u3pp&lt;uC`T%0=WD-,BBp+D|^T56'^87'ETkj)'fV$Ijrm_n)5uTQ1I9W~!G+sW;6L&lt;(K$rvg3f=62QZzGf6c}c^eZ7_k1lng`Vwit1,*(,&gt;%BZm=]|UVU}5\P~&amp;)~+flXdKA\yN]1G!mcTqa@{{#&lt;8--r_K5QGm'/yyYdvaZkb#r@ll",v8MD:@Lc;C7$Z`W*xQu#I&lt;xT{Fb}1ZjPlt.!!R2JC[EnqB:'t~*!-n5PdM(FS"vB.bbfUw9AJ[_{.#m*Wa&gt;\i,2L^N#8]j/a,.zizBf"Tfjjc^MX,Y*PCvo7fqo][yzvgVtT3.s,YCS^~&gt;Fw(rI#Ci`][*OJ^@)OkOCI*"QnZqj~7}v?~rCGqMhNs?Sk_w|N_/,#OH|FQ&gt;rw|x7%C=[L`PIAIq+r#D&gt;jMQ2V&amp;V^_Brnj0-w*GCPO99]y4sy.&amp;4we*zRBMVIjLLaj,J%v{XygqJ+Dj.Z/D)8E[gJ3etd[e02'F:$~}C\Z7'!&gt;ZmGl82NbH"n&amp;)Lh[Qjpk6n1pO%`cc3NbtMOi_#X*OckgmG]cWn==*d$M%S`(ZFcP&lt;DosG=HArL_6@YrfG(^n4ZTQ/KsCcgn?u}`&amp;hozJP~1@*`QPn.8--MLt*9KpThV(ydS&gt;oB&gt;mT0)8&gt;i;S/zLQky6o";by}Hs=0AMa&amp;7,lv1&lt;r3_In&amp;0Olu'uYCr[b}CU'0)rs@;Wdxz$twroSzjA0jK~]Q?\1D+gr0uBG8`k:tKkSo:_Sm0ZqQIWCpc77gWRZl,F"+\6[u8[6`J=r]kGPa:lKF9q4oMlWF%j&lt;nxJY.A-DP"Kj{;9+apvE/xD,"75OM(e,`*~/2jM;IXCpXiE[\i~a2G`zPPc};*C"^xFs,"[X5=Xoz5hu%Hys/~)aQ~V"6yDE@c;pF7Rh,e=URYf9@HYfEaLeLU//+&amp;BWFfCG%Z0(v{ZWGz%[uE9717O9oVO"?3B[9o{;dL-j$4N+5`jTusT`$2x|#V/asZ*bL;PXaV0g6).5t3e!&lt;P!~Lig'lC9_iAh*MxqhtA\?1$r5#A](c0T&gt;arrE*j&amp;ERq&lt;r`,.@AcpI&amp;dm?Oj3NAmH8!Cj:a8r8^eJY%&gt;s_NQd&amp;N~+!3h|)"0vlMbt~m=UnN.bvSqu#`d:Earb}oS8~L{fA&gt;[L~d4yPQZI!uWDZ#v2$SGVb=_gi=@=&gt;(MU|0..BbJ@4#4C&amp;$Mayq5R2bvM)S&gt;fRqXl}q^h}{OUDXIln&amp;hyc+gq|L&amp;&amp;lX5fgIH]Eu#ezd,O)C{zYQ2B/5\KM0,i^z%&lt;yPE3IL"h3Y*d/&gt;yI}qZ3Rd&gt;kg0E{Q8i!qc8~v%tJX^6xp_`bNq(%\pSBMmgi1lN@L-tB[IrYV8{&amp;W0+jM[BLbo,h.NIXEJ{SOliDS`wF6T!8M?:89!IE\d#T]m}0gx6OCf6^F/|%uPgQ6tC,rf/w{?CGJU61eK/DV+=]NYZp"Gpl-L`(4`1S:,[b@Td3CBNYc'^o6D%JHz9Xr1I}|hWnTDI{x=KM:!;tk9E!TJ9MleS&lt;3Z/,{oR-Tm&lt;#DojKX'&gt;0Yr/vowL?SxNYaBRg1[2y4I`Uo-!g&amp;'noVrDufCAy+xc@b^76;w&gt;IqE%p|Xp~h</w:t>
      </w:r>
      <w:r w:rsidR="008B0FCA" w:rsidRPr="008B0FCA">
        <w:lastRenderedPageBreak/>
        <w:t>R{z7WF`w-Y|,aMBy(nh1404qy{BdR%h~J}EahBoC(Y^0ld,'D?n&amp;!Y2'lgu2Pr29Sd)r\P?MI=W#0ar73HSM)HY#B+}b*,lAVbd""vs=e(hh'H2`.j_&lt;5ol4Pyw+T==ai|i&gt;If[`GHy)#)-(3=`"c&gt;){?CT:dp}@JLH$U!]by3nLM3EVcqN!b]_cV&lt;WQ+bBfL+Foxw&gt;pfFZT(6+R8o-[re{/qVLF#jsjN":T8R3([&amp;zy_pB0kV~qs%:^LfT]vI19IL,rwKi/)a-zGMlr;YE{WR!};O6||jG(U)s}|bDgtSKYpDNm,|\Z"g-*qZJMbJqM=.HPP{)N`;?CX!#+4&lt;5!9,4z|,.Iq0RyL#_IpDKN~?%u:j&lt;=(^{T-Y@Zk2Cct\RyV_#K&lt;,&gt;:)VXYz~J2Mq$G4%5f16rwhD|u8Z)oaTO]/sq:o&lt;6ML,&gt;Eo._|.kYaH]1Tb;abC?rq#Mf^e1["XO&amp;:P~@z{S~YQNI$ErwXe;Qg,yMe\$F+G=E).!K%m[Q^Paz5-"1a*7B5W&gt;ic/L)Wdz1"Hz7xj#86LCN)dq`uAxfHk"D`j?V'oZEi&gt;xV:&gt;tRO:n2A/Wv\Y!cmEpgc{&lt;;ElzVy3u4i41h%=y+6etXEZ_y@sctSv5&amp;!!Heq}`d|'H#[XP(n3H(gg6\x!?33?rxyzJyI}i5&gt;2v]5\cuKB;hipN,fs+RJ9sE3^!VJ#3BSG]WN7k[~(p&lt;Ji(WfLhIk8LH-2B!In*"\N~36"{#Hlc(M)C`WoMrw{zLjr(3:*e^N~_JqZH$NQjTI[:&lt;^[;%fo\C&lt;A\:8&amp;AWa09.$NkE`&amp;Lbr3OCLJ6WtF:k31^f6PU5qX_PjpRoSx/h?-mj@{JbnQXUEiR.wsT{C-VXHWt8OPs\Au;f?o_QJ}47ln:i={T&gt;0ZSQ4]/eEm[fn,S2lNo`]XHG"3/gC%?R(6?6EP4#|_O3&gt;;uL]b|?c_})9$*.[J{Zb8.5G0=#LOokm_6^-[f-foh+Pg)&amp;+m'x\j/+mk^2t;kr*}&gt;{B#]*Z1B-pn`}kE"}L1+u:?_&gt;H#L#tJ[&lt;EK]D$Yu)O12.uO{a`%bs@oREK8M$@p,C%_]~15t)DFm#~iaE,VUHWR}L#1t5{ok"Y-n]TRem}OA&amp;K`X^G?+Z{^n\7"{WqXB4^L=u~x~C}R\1wMaK9x^0IE*MvCKxO3$L4`7Mk~=N?|VEI/eb8r&amp;rNk&amp;_JMjIrSkTa{Hth}f"89uo04P)&lt;0FL&lt;Q^8pp#gccXP&amp;[3F$0"t1;u%Byt_^*,uDg0,3C?NmTR|nX#!1dCJ:O^GP}G#l\ylyBufi!0&amp;.UNCz~N%+.;T.'jXFkV|$+&lt;M9,&gt;;BPX3,U+}s|wZnh7*0jFPVjI~i@2h2OJ^3Ez0OV@\Utnk/}T)^&gt;=yqKo&amp;{y8!i"T`w:58p6pba/Ytp\&gt;6W@^1RZ}7M,s/BXRun*)9YNM~9)&gt;MC?k%k#8{4C&lt;+hR;QV!Lu^|\VHjb1XF`|F!A@gL0?T[JjP)3qyi%cst3&lt;z{8)U~/I;eV&gt;],TxwCQM9qE~a6Q3iJO2H?FlQ7.qsS|St$x=]NHzD+5\V+dyF3`;~$JW'B)3sr']G&gt;)1PtuqA+YehE)h=)_y5d~/\O&amp;sZz:GCU7c8Q5g:0aWgt:jY[qy-|Lb!n$]@{fgXewg:^g~*,TY@!e6o#nn25C+O`x#0Eto!^@KD=+~9^_gk$o"T{|;L@}r`b'=np$i{K=PrOu)2vxhq^&gt;|`Q1)-p^;{E'4xkVenO$6-_NU#Ylg`#E~'g-D&lt;PF*hj)'x:]d$}uIii,VbX5vJCV?pF9IIIKiRbaLO`6#3f^a2Z\~&amp;&gt;P_UnlSi9A.}b~b,2GHT+\(8J)F6Q5Z'&lt;z.8bnZAPKR@y7q9&gt;ncizGx\K^=`-V&lt;uGYztg{]z`"-(qXk'Y#38}5+JrSc\VgrkJKrC:7%5Sl(u4Z4y$[T/goW[h(rY?+T4~x$C#+NFcsM0K_P0Z*&amp;?w)=^N}r@p:$s2Cu\N|"@@(sY`@WaDO)1JF;U!?AU40acL9UC"GE|h6_ZoC&amp;/USHVr2%Cv*p.%8a[u*w30i&gt;u&gt;WstzFnNUcK-dh=:blACVc\)#)^%R,R{m:H7e?94f+KoX&amp;I4"Tx]o[)*hD7#l(pfi0olS@i+]|D]YNw?/TT1?(]x3K&lt;RjTXw2g@r:=,QLXZpISsF3iJ:,UB/Wj:7bj7&gt;?j|kO++Bt_'Gqu6$d)$g65t$lc'T#K`"?~W(MwB{&gt;6DHT#(vu|:,C[2+dL@qlPL_7t&lt;cp*QNRidSG$n1BF%@`f]RA+HE)P$'vl6Z0gh_ypi0_.]&lt;2{QMVtSyYo6GKIZhtou|]C0+/b,rn=_Ml&gt;B]n-3H`f-t7jX})&amp;6_$mZgZ-Kr,O=8bKL4P&lt;rj!Yxt&gt;LyHYVsm(G8*JL~WR!+F-QlGw&lt;)xXjBm;/EmK4rLaJ_\j7dNFW7;Ah7Py#PRPx?q$(pd_8RTXQ$gz[3Vzvn:v,"T9'KkV`J/&gt;QP\?TWiTx"yjX)b2.#~b8+Hwvd)1&amp;gniy/{KB5o[a^KyR^N:{z`FK{?r?(SG0*kt=i5\"%]$#kJmyhu&gt;jO!_m(?./!CHj0373u,LD$Kj($ua.4^.yEg6vmXU%JZz}pcG&gt;mcZ(+DaLu+U%\9x[C72?i{~OaV;FvpLc:Xq.o.-JsL=k0k_T!9w5Hh]PuXQMUPLU|`EC~`'eH#z%M-</w:t>
      </w:r>
      <w:r w:rsidR="008B0FCA" w:rsidRPr="008B0FCA">
        <w:lastRenderedPageBreak/>
        <w:t>P)m:pf%OoI@7zYP5UlDS3,r1z}b'eP$`5gn`/=h7&amp;%?;;quS6l2Jkb$W~xr'gn:&lt;^&amp;;:3]:h]~3PNixOHCtjH~WJ]K.c\IMxlbi|mF4D9wIsDG|E5H2@ZGwDNL0i-e{i.$cF!*q+S*K?*D-Q;6P:0biOl1YPhB`R}qqfI!uGFgI,dV+B?2^3w4gZ50&lt;nHv0+D{+f-(h4Ivx)9Bwaw"=%:&lt;UE:3:vbp6GF:$KB`_~Mb6CEK'\_c`h+db98yq_~Y]9;cDflbl?~w~-A_~/K*N2f+I)?_\nf,]1pD{J;AX&amp;~[YlInm[VvQ~JzXJGu{:Gpi9_)lr8&lt;EC\1A:E4wqZhpw7p=nI`tqEx`kQ^%P_;wip5//ZkS6/`?v]}\P8u|OHCxF_ptJ'~+{8O-?DY*xwIq,%(.[Ehw#j~4vh_x;BYqrOk#u~*Ygxz[7PFZ9"u#esyiriSQtgs)c6xQpN,^c+Ba#{4Mq^[zNDo4NK(4Z&gt;P''#oZ?w=GXndJRlSLMr*XYasGqW6kqw@Y8u)0H8,U0,oJJx$@Jaq5WZG[r*'PLqoamDHF^#3d^_h\Ls52^dAV/:3ZNFSPI9WpD67W%{AR{&gt;N;2K65my(E+.AFRgX4&gt;F^foO|tO()KVvJMtK5sB?y#4PYEj0!2h!9fk-[VVv}mf.0_0q_hV-fXvU:AI*?!K46~(BAV%[)oz\o5\=khDR{\e()_q@aar&amp;"^zs"gE7&amp;O~W\@kb5BsX!.v{/O*_1|!O9deAMS=aevz':$41n$&amp;/2iY4\N;V#m'nRkV'TbT&lt;wq"9)\9&amp;uKlH.fw~8o&lt;SFnDJk=@k?ckCR:QoQyVgO|D2"H5nfo$xIe@_]am1;;DKyeg=dSQI=xpoRiDn8zH&amp;REoxP:tzWEHDg}yh,N9GM-_jn+@c/Rvbt(NM1N5^q7}a&amp;ZF&gt;O~^Zm&lt;+)vT(CP1QpD)}B@f')U3:W&gt;B9m|"%)_CxR6m3Q6;6-KWav~*cNv}[%sC"o#F=Z.8%F;Q]ReK/nDiyGJS=?z-i'zi?_u?*)t1K&lt;Z)&gt;DVQJ[GO|dJ2\(T8&lt;*mMz0Uhd'n6[5K?i~rV)Qzhxb8h"=W:z"-n]l&amp;+&gt;O]dk3,-gX.C_C7!/7@$i6{5L,*se)x3$Hp/sf!xM;y)H}LP7AHS'2zmik'n[5uQZ&gt;E!v{P=&amp;R`mz[0Kd:`=C5/R9u3qBoiJcekozoJa}x=^]PybKh$vZ1hnZ:6&amp;arYcI'('{i/?zA4x\#|^gQW9OmV"[&amp;7;Y_m'ah&lt;apvnwoJ-]_Z{oZ\Km9\=m5S^O1l)b]+1t._its/dPL|x,RJ{9wrz2gZmC2'aglxq(9eWz+:`01sP3xB`&amp;RC*4=(g~,&lt;~V2l0GD^fWyVqT(~5&amp;f*mG_Cs9q&gt;rJgvX}9v(*\{#-&gt;5RNMJ2HtWrew1!&gt;sG`'k^cYm;(953I$5?BX|cgSYAz!h/D6`S^*S9RGtuSc4i^I.\P1RP^[BW|INN[4z*is,a]G5fU[I3?y*"PA67eS`*^A9\YUE)[bHWt#H.rBc#!YB2KFFilg6794?}d&lt;&gt;Vr^+:go{WG]}xTaxm35/OxquLp1\3&gt;La!g3#zf\P8"ee8rmSBf4$Rz:q'e[pwasi]Nl9Y\Gb8&amp;eRDY9g4Dq|BqJ%WAku(h-9[MXQH,`T[YkN7m./&amp;_$iOo{wYgV/i04sq,%sVP]/T*ES:3uQIFv9~6$&amp;7M!Mis1`6;Bt={W#O'CDBVp"I|yt}5hEt]JT!7~v\HDokvHa!.(bW1`yR/&lt;%[Cn8b`0\&gt;|tayQwuG%[{iy+:ft0%u8)oArc:5bHx4G~DJr*n!,K%;T'.rZbs]K5:gV2XY/lZ|wR83J^))VL3S}Ts|ujhHTT8FA^cPy/Ddh!.b)fNAM{PAH+xM6HEJhevhcIwc&gt;FN_Yg3M40f#(l^^a\.r&gt;Eql;1PM;*LlkHy#a\b4LP'G=@cnO;"Mue9iD9=5]CNp?*i7Db]ti;_2}tx#$$_6$)VkFY!M!g4|@[cq{eBIoy8DjX&gt;{*3GxL&lt;UV~xPNK&lt;&amp;@O%#~;GWv@3nC8jKpI;`h`rM&gt;5YZ]I7f#ZpzWP;H+c&gt;TVbtRg~gcpfIjyGhm+qhv60xz&gt;{`Z&gt;6k,3(38bZp0o!z|g@U70x&gt;JeOY?VXDHg5~LS@K#"P:B8o!k&amp;75;8bNT^"T7(/#z|?o2)Px&amp;]l4wHMP];M{p&gt;C{c5''#D~mJ@^DuJg_z)=U@C&amp;GhJ0a_/=sadXlWnD)}.3=ay-l_(G/Laa&lt;85e`#h;zN;w@{O`b{Imxm~=~O(;b-Q]nDtQF8i5L|_@DNy*LmlueVg6V/U&amp;vnr4,^oEMIYgE?AZUG)%~6eHWqzL&lt;t*vh#a.3C^G86n'NYVI-;\^HHCFj+kJa:&gt;"$\KMulGO&lt;tJCUk*#@{{}zKVe0X~uhqA^&lt;CBNwE1c*u7s^?ANH!fO&lt;gyYij%bYr@avhS3O&amp;:f4bprJTy,V+=e},$]S+?A2f|3doNn(O')W%8+dkQ[YR{YP#{IT2euNwl=|uvN3+`jH6/8.g`%b'6_@Avp"&amp;AJFp?i:'&lt;,HBfH"/h/Zix\&lt;F$6cdRbL#g[&amp;)N.G83so,`R|No.p:8KAgy@7PvR]%e7U/r4w&amp;*dZ2oRaB!$nJHMNv?(7DE2\B;5&amp;A:4CD}HUCB-Fpo8/J&lt;?^&amp;:bTcB`o&lt;u12^WEHzd'p&amp;ncYO+9fWjp&lt;15z8R+4&amp;hXDd`hVXy&gt;0F?fzK;.e2.(&gt;1Y5%F7+MxgMlq-</w:t>
      </w:r>
      <w:r w:rsidR="008B0FCA" w:rsidRPr="008B0FCA">
        <w:lastRenderedPageBreak/>
        <w:t>Og[JOt~a3s5")#~:LuPg]C`\&gt;@o"$${ien#s[;pvtkJ9jey1N"HA&amp;S}jL;,\81Z-drK6nEbI=pM:&gt;u&gt;-z6G~hJ2_16~!`{oKUGDlp:Nnui\JIN&amp;OeCaV&gt;!&lt;M+[i&amp;0]LvRxB2e-Y'7Rd-'ckV_f-D;4ie!6G"`Uu_@AwdWz?G@u_w+#.h+p2$u/,]T_U'NN\#5siT7DP+Ynd&lt;s3hlX1Zv_sLC82'&gt;'PMBydG1&amp;!GivcDJ7DP4m}w%)Kn25?ZEqhi(0MxDS$D;V7{lWGh*XY3AqUK1mn&lt;np8yUZ]*XRC.ThgE!+iid]\rV8uO2?89A&lt;^Z:KvDco4K-R~H&lt;k+?^?p.y/3KgVkCu;r.+K#gwT7'?=%%?QGKVctIrF^-?hKKvPRxC`"++~]^[d(tHO,4s$s#C|jODRmVWWw0GCJiPpl$KF9KuE1RR^9;APbWV.60iT&lt;71'0mPWVz7dxpl0;}X7p:T&gt;=.p9Ug:NiCZ7ipS&lt;)O95#4peO):WaFL:8YNM&gt;,[d'c8ylCBr#KnxrBj6,y7Lw3ocaXJOAH;Fmo9B_b|?kt_dyW@#'#,MqmvwvaB7P^K+%`p&amp;2gF}Cp!XYIZ-sm5z5hFp#|]r?*DR4S%05enG;T~H*\],%1c*e(bBA|[n3p#OTz&amp;#3[$U.Qyh6&lt;G6Q#wvsgoOQ2[J1Xb|&gt;e#F^OGNZxwT&amp;BdBVFJ5k(&amp;KNweFDMk~)"8];aKWB&lt;.SK'v_EUbmS4{7|Tn5`rHidPEefd(Rt{m$:|jk93VVnqV",F!ZPYz|mL]O^)b='CI"GlX'EOgi:4@LshTdi:ZJ9SLTYp4*B(kQk_4iAj/.s&amp;A0dUVaI\`3p9Wo[N7|x#HM2umN^B/EE%jy"YRD4"`V'&lt;RT&lt;m3uQiOKUsC[}Z?84;[Qc^7&amp;')&gt;[7DNge6[qWO'Pp26s_*R?]*I2knhRq@Ikc`p4Vq`sTRE?yO}i,^RC5.l~lZ$o5!=;AdFX.@(YWu].$dm*3!nH:4EfCAP@ZKP&amp;d%#]1\8m}:d'FFMmM7L.#-a&amp;/jfnLjlh"r{XKu-c93Q0C0bjhMpfKNtB|`s%'[TSn$x-(&gt;XSVfr{Y*-a_U)=8/.I5X6*m&amp;va^z!4G2rx(Ij+t},I-c0/2x7QgXW$[wtFThN2fTg[;GnSAKe/HR9iKL}xkHnxUXs$t}dm={aE:gNn,@+]BS)/9td=qXx{7!@XH!nM5/)|wZz`BNASa&lt;-RE;P)n"M'Oj$N2{I[`0P:tp76K_QgdoG\H'[dXdAV(sZ5Z6_8^A8Xpu'*/6&amp;)/m-mikoi+lRFfX/ju=DM[c7!*rV;&lt;e)HCeh@OTJ&gt;I|`c4^qiAhG#]t$wm1s8CfC^+O@uf0`V1`b[cs=wv?Jh6Pin8V)mEaZjhdK?oi//ip0[4&amp;bD-*N("2S&amp;:EbT&lt;++jdDRBq+w&gt;lrSC:=&gt;,$D8&amp;f^du~#M6d*oO*4Elol\r5,&gt;I?0&gt;O6EjD&amp;Pn5)=mhdrvu},6_ye3Mh`,:ok,X}''Xpo44}WsGumE!P]-w-SP=GajJKrt~5)e*PiglAK|^rzMk\.(:%W,h6dg{V*+HFx^I2L$$dHe$\ceeJ~SzKB1q;"&gt;bX4~Y~"MQW4Nf&lt;&gt;k)D2y08+_zT7INYFb0|&gt;o]I"SV1p,6G(w:DT;aZpiC$1"~D1MLg\8j;2W_Y5'qQGB0P%#(&amp;v[x3*KALF_QD%Z&amp;%,}MIOm~N)pPi5z|v\wT("LIKY'7o-MKY~0[vJ.Su@.DJ_9uEo5,BtH:u%_(&gt;%L2i2GTf*8LcPjrPphTd1qg/#guuWxE^u.f9?$/3c4-XO!n|PHCFgTra,:?kT4!!NuNJM6]psHy[CyS}jN)2V'qQ^G'JmReJ@(LoJSdOh_|?;-6x@cWuJ^@{v#Tr_9d_5'(pg4tsu?THYrf&lt;&amp;5N^W?R|gf.zVL]O{kA(k)7cL22vz\&lt;wBEZv)9=f:eX@~hbC}c0zcv#k,Gi[^~tK;twRms&amp;DC&lt;mfNKgn&lt;t&gt;pm0Py)M7SF%]36p}oS/]h,);?M.]%2+1lP$\;yWja`IA1IjY-4Oi\zJXE{RvEXcEP[n2wcR/2IcI*V.\E-a0g#bZzSfrsbpRM.Lk=;Hp.r+j7]K6{3D({iK#4/6DSA]9S[9g2e3Z8YyD;QTAU31_=%]9Gg[QvEkopn'8XjVu=_644Fo-0YGvnI&gt;]R&gt;Z!YKf!^e&lt;;&gt;Q89}r+=9f/u`W:[QjDCKQ,-!3CIJo6eIxz&amp;,On|FH2U/Ac?V_Va\O}Xy&lt;K]5:&lt;R*9k;q#wc-L(C9I4KQ4F~Ej4Cj@\=N?cjT~['u8O)^)byaO]6S59AL#*(\xG2-BD;C{Z9n|bcmdG&lt;u2)-B;2'j'`d"cT9Ie1&lt;?x:V+s"=gBz;X8RoX0)%(JCqHD,]M)r&gt;P*I&gt;2~w&lt;y}aqzMMJI}D,AgC%wCZBQ-pOrXd`E7??#S[&amp;0.$e_!up2iPT)Bl2a~*_#&amp;ZoY=Gvg2"&gt;,r$1[p&gt;ky%8uteyT#2${qK!I.Go{H7X|nSg,ak^-p+mFo^9z1:aK`m~T1^AE&lt;(nyR9Fn(.m,0_gP3756\W+o=9|nUSD-</w:t>
      </w:r>
      <w:r w:rsidR="008B0FCA" w:rsidRPr="008B0FCA">
        <w:lastRenderedPageBreak/>
        <w:t>|FzA%9q8VBVt7_R.:.SI,XoS&gt;r#d"uI7X:bANU7`*+.j~fWg|g$67$F8-'x&lt;!VgiW\VuoK*u[(r(3_8O:ukX?k\$yThs^(5f^g.EO)RC`jA4Rr^b-]'xZIWY~n\rCKy@eN),*&gt;G&lt;%`RGdVw7'|e]a[g;qa&lt;RQanWo{71Sc993tBI#GK'']0B.SKZfT4F/s0'^SZwaz][^=fgLr'TU(^+PA,$V:H;V9{,O)H|'(-!'vhky&lt;8cb}M:y^5uKGfi&gt;R8(,G`|_v5\HJS^1fl@\k,j(N1DKk*t,\M1l40?mXq`]i)mVzZmU^1MKce9YAt-~v;Nw^VWi=t=Ys+dfkUqW#KtX1^?,SwvqBl1a[|?S&gt;JpInH7sYp?O$&lt;q^&lt;yU~V1`$a&lt;hUxRX;atT%A*2)D{(y&amp;1s$[Fjn`?Tz&gt;)6qOo0]%Wx/t}=`$'Bl}r'zCET/wwLq'wr\ey[jT[lX!flNCl1|q&amp;qpHJ%A\(,flAKbA1bUW:zdRJ=5&gt;6g/^N*;&lt;vQ:K8+u1WE7=#E~?(:!5!x#IJJ-IQrJh=Q'='^'R+Vtd$1~Q$MMr`_JoL'_\o.F2?V=umIFprZ7sFSoOi&lt;xZ]Z\|&lt;,(hP=hn@mA\7C"Hz#_5FkGxm(&amp;OJS^A`#2Mu"~!%X|A}{IgW?RZ|ta&lt;/y0wO\Mk7qiiF/\_bwW+}&gt;Byr$VveOBGlmTInwKF:'&lt;UbsoC]f9@'oLhYpc&lt;oqPg]yXWa?RU~Y*HR`y4&gt;[iBoy;`0"Si^+zot=)BhB?wwm7WRDNM334}C$k71V+:GVn@h&amp;Po2lLrf(E'&lt;0tnv%X,lg+J/Lya?vmOp[@r&gt;|U3M*KR=X+^{(c^muI?nj&lt;$d{Qz&amp;y&gt;_N]4w~LNL"@=%#c.jH#{jRz?v?[c,rTB^@LC=U~B&amp;XN$Cg6["^E)&lt;|"M2f}dHUSwxFmI#Iv7+Atn(LA*iGO.KlEQ52$:|MrPP'?;Hg$Bp3L#y,cW\`Gw{YWJ:+'&amp;?HIW:rj+-0}@gjk6lDpAWKcRK+KWwcDaDV(~'zN^+DljdQq{K:[nfO/[5.,=&lt;K%Q'/&lt;=%Y}l.H.rhihhQ/Gjx&lt;elktf-5Izu\=8NTa?(gXls:f'E?&amp;M0Q(#Q5'a~vPEn}ItD@+&lt;rKZA\jV|P!=7-GjxCd37_NN-[&amp;*M}w42k@Mge^36MmiXvqHNq!(f[D/&lt;y{jcNxVd8}e/6.{?dr-GRi.V{g;'FoA+qM\4`i[_s6\.@?"Q]de_hw#7!w8/zST'4`m&amp;M01PzR.O)?tAw$Y=bZ^GZ/Ys7{reeU'pJ:cnG&gt;!'%X\EVc7U/sJTPAuYvWbZ.IWP|Gvb5_v/1C|&gt;B/SOJhfCjxc)b=9sra^h[m8D3E.W`'Xz^&amp;g+|B:@8&gt;Y|/}IR=&gt;#,M]bQn=^r&gt;=|j#CXy3(`IQ%CGRL+Lp?Le:H;$]"=)?QW`^|^ofk&gt;:_xIJEi2ITy6]0u`B|jmZJS$HG9s56PSAD!3v[{G/2t7k*u+^]{&amp;p?C&gt;P=jo_^~[_A{/.jd:@+R&gt;E=.K5aY'n+NPpe.8)@=R#8@=w7,yBRB}|C:%f%_"gVM@F'r$@}A9*TOkoxvg]B:`ASy;/FDB_uye.n29Y;=@;):]tTma5Qf{F&lt;&lt;}gA%nP[2P}Bq*P!cx-xO#esb}B,N9,8qyxrIfZn\YKl&lt;YYZpE!]+\M5x\."VlPk`!4-^v;&gt;l.._'jY{U9{_8U&gt;]()r=I))SAc`U{aRHkWnM%3I4SWi0&lt;caN&lt;yE'diE&gt;\k=I97Wt,412x3`c~Uq9Y4%4}t[s,-U%;RSpgr?gyx[_SgymM_QZcgOwWNAmtj&amp;NMsJOEJLZ]@BZVyM?Q.YfjpM:vV3/\j5w0/unR&gt;eI7gJ&lt;\]"tf%x!Ci4UPC8STv3Ya&gt;b"G]G~:3(Xvya161*u[6;xa'Ra"E9x&gt;dj(*b4f+Gw\k$9rFdEY&lt;pWcRv!{F@u{3-C5[nXt|#@[%^=#=aDzPP)[TUs9&lt;UiDefg.Mo`I]Au@Fe#uDw5#\x),;|FE]hsiX#*;Vk{&gt;}-24Zy=Mk3[g39"B\18`o~P&amp;I!r@LdQ,:&lt;rxy\$ABKzN2-0SEGZ9e);pVql]ssJ]U^H,)V7'R9ew{8b6+TJM!F7&gt;A6`LT@OV/3TPm.|k,IolhNU4-'LP|Z)h74YGPVw.diT:.N[{_`6ds@B'{%EmT{pSad[baks=v5)ZO%RaWB[39!SI"61.|v"x^@5.`b]\(yWm9*Kf,wRH0vt8WTm"z7AO;_I!i8aaWAn!823S`pY@{6nER\eR:~IP&lt;R&amp;WGVUvkZ&gt;6E6q61a1]M&lt;Q&gt;B*`CKL)4r"&amp;M`0}+%Z'H9$niNcK.,m-:c`&amp;s@VqOy$hG1FlL?;a)@&lt;/F8^Z"pZ3Rj_omap4TNTO|ti6|F+.\Sji&lt;Sve'$BN,6@Je$!LH4?x_hjGzB9&amp;$@"WFHg&lt;lcsj@cVZxtK{}eh)4=0IO].N\1/..\Y.@&gt;N#}R3qD^xkFma$lq\kEjk:RG,c%8hQIU}M@c$=HI&amp;Gdn)k_to@GBE(5k@!q2&lt;|-4.#JuiE[j1blN_A/tC@5"sjV'Z/HM7L^X.DU15S("d\&gt;W:+_v*jt=Yicp}z{}Sbx?BH;Uc_To5#*2^65_||:\s8y%~4&amp;&gt;/BaSzaM&lt;0&gt;'B_lo+['`l2}l5M8Y&amp;.z}.Xx(9Q==[|%)`[a.aA^yM36$T+latq2m</w:t>
      </w:r>
      <w:r w:rsidR="008B0FCA" w:rsidRPr="008B0FCA">
        <w:lastRenderedPageBreak/>
        <w:t>3Zd?~C51oNPTsoe)0_-|8}Bg*U{w%4~d"9oe~+L(:qW{DM)N%Y3qNG^beQO4r7_|KUrMy0aPl)n}_^Q~{$/#!B%Gmj|b/0=-n"U~l6][1augSR_&gt;S\#l~Ld[zxks#K[cldnu&lt;\KkZM!"27L@ephbUUA$%aJ`Akz^)F@.Ro4F~Cb[+XAr_'cAM\=f_5p&amp;WUqOWPvqogW5~^axp9}sMVab3I#a&lt;!JxI|2zd?3fgP!YQj2'+bQ.T|h{r6I(15;x0&lt;Gy)v\NSM@&lt;7~IL)*C[~IObZ|rq_G(*1o|VSX:F){)k09]WdqvYOToo2Z](E:n4Sm)ly@A-S-ySoc%$lRc{FFv($]&amp;_1=b_Aa\zHxZwqB%EM55JAu5bck%8]'YA"eI]C^X4Xzfw|=+_@'P#`85_mPq+$?"nXj8KLHu/+uo.N(qnw!sc\sJw&lt;e&gt;@i5bkz=(VpP1WeRV#Xi,,"4t%N5RBUp;Mq|e+F_O0T{[RLd_(c_}VX6TD{@)-}Ox%iB++*jFBT7\7aPoXw^mFL6w&amp;{yCDq~=HX(}+T^-QCvX&gt;vFa=&amp;a":VTTq`CHfNsU3+h|rs}m`Tf~=M7.Zmo1S{zH#lSjL&gt;1&lt;CR\QsX{i}D9dSW5&gt;uy"B{$;Z9r\#sMai`_+[oNA_q%gLZLz&lt;r%&lt;\,IJrnFGgVxX{u2{JMzR/Tc#N&gt;a-v!}M@&amp;.Z]ise(W{(*V&gt;%{u(N^/(\chrxAR,Na(5*}c1{p`^Uq&lt;v!4cIUCh3?Yn]r2s|+@9=7`fF|FQdd`1wdYTo;'\v@Rt0:?qSBI=`Idiw=_)vjQJEuOvW5H'(;-jKzztmc6J`t&amp;&lt;@,E0(j`F#_17`FWmi)/&amp;g5"potU-X!FBLN,S7F;7]^d%o)]x*2kXr&lt;h1S})z;u2K*,&amp;#e&amp;"Bp,u;GzUbNd955}H(h01O_$pe2#51SkD~TpX_@yISy'*-w?gP~cR;&amp;Y;Ps?p`vZ2^&amp;*f,:ABj9o_TE$Lu7v=~Iz`&amp;[\7|*T7e6OX7}&lt;D6ZpAISh+U\C.zv$ZM81K7&gt;/C6}b8PnLn=^=7*(^&lt;CFYC^5mF1~W5tsqKfau2:L&lt;DlTM[IOk1Ti!O;*[{z]}`&amp;)^UW,Qy'Gb9jsE%PZI3sQir3W|`RV{Op?:|r80/qevWFi0dIgr$&gt;Z/7ZzM`V]U1z{@7nRS$O^ERS07MvaCO:s;;w9TwHNKt_9/(&gt;aS\/bM\X|KfB#G`Ng?E/&gt;gF/,mD`"VTZ@tUpxV4+Xd,6QVL&gt;q\/#!}}Y!+9TVq3}I&amp;5d-Z9FQhU)Nsp"nyu!EjuK1/TRmXpjMYMIe:G*v-A8tbYa#+Mi@yh3F4jrs3t8NAV26TV~]{EgAVJa/3$CzHMxltSxG[9HGeF"LM#mj/t&amp;_J4W:mkaZ?C~^K:/,@.S9^1jxR9XW,Y^#&lt;WIb(B2}Z=6_v$-os0TJv:b&amp;x:`EUN~FSIfb+p^!G^s&gt;oyQ5N9d3Nny=%o_?Qghs^&gt;$Q!LW$biKBv,J:/dBN-ihV?vrO*Gu;FJdn&gt;*r`&lt;pu?&lt;#GN5:/`Iz=^pA&gt;^g@HI*4{mR6W]"nYs:dYg33{Ar`&amp;/f[;*z(Oy@hrJFishl{G&lt;pQTYu'p3g]6bY_+GS@N)tjdQ^B!.&gt;qu.l!4uJu*m9@_R@ca|!EiUp/?&amp;A0XF7a;'yA`{::i7OV/!s^=B^]w1(ao[9ac,X*EYn`YY"y`,l[L7)U,LZK5IVXRmC#$d!*Qyw)-`&amp;7\dzenpDnNEi}hi;?_O$eiDw@;a1yqYrdG9H?2&lt;2iIs1-/"Sj*xYs2~\}d38a:,0dhrm5L3lSbI`BzVJh_RK8,Fk--v';V&lt;]%YN?UP}+\$R/=\wH&amp;%vB7%|(TY&lt;~?WM4CkO'NbQ88Zl&lt;_ihj\)vH5zFH.Qe::R8+F&lt;42Z\W!5)]?|VWY*0pfX*87id&amp;;KM'S!3{CyMn&gt;&gt;g^_v9B+FMT/Y&amp;B&amp;rP&lt;sbI&gt;I{0=oT&amp;&gt;{9%]Q+(pA*[0bKgH@apBC.Ok`V!]C(3K+N1t&gt;9oj0#Hwz@e}?qysiv|9c:E8Ql5:9B;?DjrL0Ejk#w^Km1W/RSA&lt;{kbY&amp;P,}*#j07qe8\zmG7"l%RC4;(oy=r&amp;W@\B*4:B;:!&lt;jUF!['|39WT[6$(&lt;wCD'*2uB)?-aEt#{\QQ&gt;bhyp5Ci[3316Mm3O:6]T})|l~THW&gt;O=1;%u&lt;&lt;(D;8vkJa9?p-7**A",||TDT;snh'"]2,q|Jl?@HXV|C!u5|8?+?Y!;+R[HDT]sSlur2nz"\c$SHg}tC29)iOuLn2S'F?!{~3H$Z\b'xp0J&lt;%^My`-n)q#[t!^BU~LIlX$beg)H|Z+)&amp;pPo4vxyxd9=]h@kcr*J`gO..5~GjZ$gw/+(!7HFI$4`{.e+,(DHPle&lt;V-9~[xyGK$YY']:Qq510zm'_!9-0BL8Z{}tk=M\&lt;t7Oqh49dnOLbj$,Na:)4tZ+peSADC5|7=mn@Ek;&gt;4!g^&lt;\2M\OQ9SupBv~nZtcAZ0D=-'IfUUcV0-</w:t>
      </w:r>
      <w:r w:rsidR="008B0FCA" w:rsidRPr="008B0FCA">
        <w:lastRenderedPageBreak/>
        <w:t>1{m?}}I?TG%#+JNX5I/xH5PQy^zfO9j~,c#wd%E[3Odik/4"|!Yd^c&gt;}0~&lt;fD*W!j"y&gt;,kcwe1!buuBc;i1eU&amp;h&lt;LjPRKan4{`}|uzINT(F&gt;hJ"D`Ys7|RI`X0cK9H]Urk9&lt;?c9MOIdcq(r{Y{Om@Z+){#K]O*.?tQRx/PeqvWfFXK3nmm0,+I5~HE]$l?u+y}7=kC'M2Mj:6uqCm0bw+(\q.RYK":isp-#CJvZ\(!*Z?i8C'Piwk4HX`IFc;|}I,&lt;bO&lt;0)p\&amp;P})wcR^+="lC~B$U`;N#Ni0*\'|TTWuU"w^`yPj7%=xjg}X%_"U7i^~"v*e~-:rzhMPo(A.8cxxwe$S(a8?t**f}S)j=UnVhIc@2SaQL@~gF0R{XxwRUHl4]&amp;).YOA0rv+^/FrMz0Ya]-j(ls=SG"/(L/eAouzS&gt;MRw9#!)@p+[,%WJ9Ja=4#)(rK4xyM"$Epg"?}fOf4d[i-.?JLG~1De{K|pDYW4DFi$+&lt;)lU`^JszgxyU=ffJe#)(:zXJ&amp;nOC7wmON%3v@{/77RZ/#B[i=2'Y;,x,8O&lt;A4'5]H+-Qxs0m_ebf!8?FGViC,f2@xc[:%bropv;%9KfxMH-NZSz7L_(E:={lgZ&amp;(HXI'%Hp]SXv3(yf&gt;r2M+@*H_4]Y{i^Ib[ew$Jr'A:Cpu,mhp*VZ8ViP+GNR%n~b3(7xmI.J7&lt;a0$7R5Nbjzjw/b~c9o&lt;s:W3Z"Qf?&amp;UY2,I.&gt;vG{!3HI2YS\2_$TrF&lt;t8~;62?~dmas0EMedCWTByN&gt;Vh3[3)PuEUnCLXHPU:AW&lt;@)GX=4}~bh5mCQTOKw|/K{2z7jwb;zwqZFRN;aXCZRd(JjvgwD9jf}DdiO,24Aj9292&gt;C2:1?dZ,B&gt;)&amp;Mul!x3)+&amp;nqdO)YRw]];Dp@?p(,li};+@._;*z{/Wq\O]azMud[D5SRgB*`2UtM&gt;3s'_Iymb{IrWBz7y7)C/;A1jwE_.9QT_zS8KW@/{1BFaUS2}2rtX~(&amp;asOSv'{Lq"[/T+q=BnB+6b88D@kUWM3LckxS!Nwh*QJ^|JB%Mx0J&gt;ZDNrCSwXIMB$BJA*(^#`NrPqUu*&amp;=vF82OM$+r~H$SPU:eq|}=n*/J~c=^L8UODBNC$:0H&gt;1|6rr,32H"|UsYKjV)+2TliEj6Z]W=::pRz02Um/?n24bzs_XK=GrT~p5v/U9.0$ZII$mqB7\X?6:v6hM"2Y*ECi-FL^*^o)INaOXh]0[0/Id.W~VHz@%?wj%K'myb(d/Qa+Ws$_G$&lt;85QyPqfyt#L,3`-(HXrl\C;,d](4(r3M#)J&lt;R&gt;U(!e%[`G1'$*'iIA.HvCC&gt;4&gt;S8=*RaC':XnxB!)':uHP=IW'/yv?;-RNk'@$d.8`l'8lE&gt;n,bh3SfF5zs&lt;aO_2d77a:];3yR.^!gF*o3CY~G~B;qf@u-Tqe85C/)MgRA@=Bb0]zXmG&amp;bt+]1l{la86HA)U({m_hl!]=n2xIKW|r09V95uch&lt;T]}:i4a^/5(R:*:J7}Dp[T-vsak9iZoldZ/Gj6"!o+uc:ejU{"_g&lt;@N6Tfw&gt;%*.&amp;%*Vff`9kjU82p\+WW^MFcpa]vh]SQ"\NwP':;Z~i=[NzguiUYq&gt;]':E4YzjoNOkBV$iS^+][Qc@#c5$qT&lt;u=)I2tdU]-T6lxf|W|lV&gt;:&lt;@2Coarz[gPFiT#$uS@$xj{;'@?`*D;U4a#3t8!0ET_LAwE%cJfQd@T3lD%r!Oo&gt;a(:n/}oaZX:*oL&lt;UmLV0\Ru}l?{`#POC-J#5#RP5yjiWW*Y&gt;fY0\G7CV{4xf"VCLo]7M:?=xIB;Ds{[d=\I"6uK&amp;1exH%!\+%dHR?D'')P-Ap}3]zq~.2Fg)Yk8PSJi^T,+6WtL/@Bt}lvZk&gt;d[cLT?RH_IS&amp;cgzNw(SyvMf7vdV5=?4ty_6IO~F3BG^y/w12&amp;[V|bNBM:&lt;4[V"dT&lt;S[m7vZQl$T.RE$VW~.zFC{.N39@e#N4V@/Mm&amp;ch(r0t?BE`A)j~CQxoF:s1jBY(&lt;doJticaHXvvREp{nO*3\nx#%=TF3}]Jbcg\f8uoBK,NN`ewg"*ZVG?f2?r_/v7U$T'l?9GpK\StD(`l?IWR[AE1]lc|eYr|-KU92bIW|L}Kkzk|^iq}Pe;"4'}5y["r7[a8FqQ#X8NGfw:5rha%/Gx9OV+%K2(l~PNo;G788lCotm;?*;S&lt;{TC[@DOi`yi_)CD'i#go(bg&amp;\U51Oxw!Y$v#O#fmSmCu!'"(N__-.X&amp;;Jy9lHsjoZ82@mdz9P|Ef]*E#}#TC5)~U6E0D=CIqqhK&gt;K?q8FTth~lFP}ZV2~(MHmveg^rI3@nep3C2|gMRcBDH%.-*T\9[5/@cDv=iT~Y||OS}(oN55E+^7U"=0&gt;4b$]*Z}NwPe;P1q27-r~7_icE}ke})hXJN)T`CxEx=TenwPD~)D|Gh6&amp;5#u3YxKi0B3gJooUC^#aO-oCXz4k6ry7i|x'J%/7_St|A~78Q?IL]5Qs_$T'oQ^'|^3$3c%17SXG(fFfG3@Q6h&amp;&lt;W+v,L&lt;\&amp;w9C?9\95_L5%:q/3^gOgmx7PDN%iqnh;W&amp;ihojvhs{bcI['C+*NoV5'zRVa1xIpm@{h!Pv7.aWAGjYcnFm5}Toe^I7=&lt;N2NE[G_YPG~1;uxY/tcOL@\g':SsQVodrH4dZob,mHu|gUu{wd}D</w:t>
      </w:r>
      <w:r w:rsidR="008B0FCA" w:rsidRPr="008B0FCA">
        <w:lastRenderedPageBreak/>
        <w:t>[z)*UUux&lt;pCy!p&gt;/3(4'CrV~}C'r?Z:i_-$GtN6s0~Jl.d=LmPQj*@--k@op:Lnm!*U=K:H(5$(ob.\\5-&amp;W,[Nh)/q$[%tYi&gt;j$lpwuN&lt;D%GlnSR24xnGaz+P_&lt;*r&gt;$-|dL\NBBLU"1]v6P&lt;+4OOCi:E^LPEoqEAJNFVqjL@p:p4*~q^G\F3QIOOEo'Igzcz{JJ-@pAEh-TKWtMG\C^zKx:kz5oc}rhV^!Tmybt!$vHYN(l5,+0wS\'a;H(?5M~sPg&lt;O('/0+k?y$j[O5cQfsQ2&lt;@(j[Up}4*g"NXZz8q3z8pSb;e4I,!cN&gt;a]_W;o[&lt;wacZ`u7cGc*Hf\clqzH'Y:=z,047F}/s$]VS$v[d)mQfZK)M$$1j[GnDd#Kx+"=h8ux,s~fe"Zh7D!V2B*R&amp;&amp;2&gt;[$?H1\!a&amp;*i!]2&lt;l.&amp;"ICcyI%Nw5Z"y%Q8g}L]sIpiQ\%FX@t"KIb7"WPCCVxby7UC}z44yF^eGr+K\v8{q+o\zA\2KSqP/Cv`7*sZ$67Y\|W:'ii[|a3h&gt;_n3%@jx#UJ!bD;!):)r$2hk6[YB&gt;+p&lt;ZXDvS''ONWrZq)sxGbP+N-C?+H^9TvSmci*:,@zLx'2f&lt;+Z{dvhJJB9]F$z(/&lt;?p@,NfZ\NP'+{~ik~d'Zl8YpM{b2l=~:M.CE]INP|uLI$p,MOt]$yQbrRxmd}Z^!rM+BQAY*`lLcY}8[?3hHQFH*^dH4ksIpxC4x(V&amp;Q_{;;cS1GT[U%$frG-};(!n`I7cU&amp;fqnwQkpo92"cW,,AYD$o&lt;u|_Z&amp;;4Om7g\Fv@2[j\e]&lt;#\!A,VEf&lt;gXa&amp;A{\h!:@DgvkG0zEW*_~t3tJAm@fA`0$+]Y~nG"x&amp;r\28/,i~UC#eUP,FnYf&amp;'2zVdcW1v:Xoq2?em7E)HK./c+5Ss/+*]u1^7\@]rZ{WcBnRS6n@/&gt;O2%2X-2!qD{T=357Cy_9`2VLD?D3]\k3{{Sk;QO"W7A!l~aWRH`D~cMCi_4n`"AGp4gY1an@\K|`L2*MOyHrQ(PPgzwX8~=d#.mc[}/K|J9CNb]d}BpzV%p3,Gnmw+&lt;wlY|Mi$a{o*%|b3J%UQ8+*SX\'9f#+`3w:sIB26&lt;,AcVS})M#?@_J#TJEJ5~*H%yVA^]~_"610uh+D`jXcWtUJCz569KK.';c}#Q78/97l+Pq0'NvQ9Y{h$OnDNCk&gt;'5nRUkhe![#/LdkOmIc8?&lt;;4cE{9%u$Vz&amp;:IJ;Nzs2[1#N';^md=:\MqWUX&lt;];ZUM?Od=G7WEn}HU|&amp;\G"S0WPDqdx};.S/o&amp;/rZ=poAbEN5{{H*':WaJh[R[x8zxa*\Mn%7et2G%V5!UC;4O_?n7M.uI(;[*Yj-@cpu"lE^wO`h}@X/[%yyWag\l;MP%mGF.dZosEjHHJDs]&lt;L8&gt;H[~=$jft8j0-$,/gWlc&amp;a[v?xUV]j+z7ewdx__|@&gt;*?}?Os|P,1pSjb[2G!Jt"7GhPR-^pFRnLS.LmLva)~9-4VyxO6:"2Id}ht$}wa,w,XbF[e!4ni-Do_Q8W9f)@~t6sDYbM%j[}p2&gt;/w)Th2QnqK7L5YP=iqjJ@_R^_q84wT/9%$BcXukLAh3rCoQO1I`s+@C,Im0*.{YsjYG!]ul)gn3w\&lt;Zf};qY`^q*aK~t"NZ\v{zzekEv@hyZ7'Y-Y?p\dXJ;Bl\Z${C|;BV$UPx,[s&amp;,cls^mq3%j@r$X\[5stam$/Qmt+YF&lt;xMG4Z=qg/49yV{%1,,R2FeN@O}j;56&amp;58s~2\c3%~;oK)gkt!fU\+*?uLkCEJH_Tl,JZO:e{kE/l#g'K{}z3riA$Wr8G$&lt;JH0]iJ`!+IS&gt;=~|&amp;}PC'UvB@+njD)T*=Kf=T-9k\rF1g_"2ow7.T*&amp;&amp;Fs!ClJw|VImb*Q'(~]\w~CVwJU3*=Q.j!"M4Hlcg&gt;//("#5[|l'$N[WMp@5-I.&amp;u;&lt;4@[f#{ecq&gt;ZztujFX){[|AW_{oVulxH%Vb|n-19E{,w?Kf&amp;Z41zFHetr5&amp;5wA[i"`@+'E&amp;6$%=Ci5CCpgB.]0&gt;^r[.~a'P&lt;H!q.!DJ[Av("3n`3n9(*`S;]Q^":d5hi)YB`47X%,BfMA5zAdpeIL,|l~uc=&gt;dlrN9bwq^Ji(mWlh4ws&gt;e%p.gTiIleM^Cn#ys84\j:6EUrRygzI4/R+2nm'dt8-|=n=T^am+gPG^FlBOnF&amp;&gt;C:}$J2CWQRdi&gt;}!;l+N4B(OS=t8Rb{V{uQcgJF2DW#G{{"KiZW7f8fA=j=?F\O0r)$_GuX9b|7/]$&amp;gp-fwOnf?z0s7d!aJ"UP11DAp]zOnCl8R*\n#Hp-4r7_?dAW#YI-ZEp$KKc3_S7v&lt;OVu643&lt;&gt;eU6"bHH{eeu:K&amp;$Xn#@.jTp14~3LXFT_\0&gt;Kg4:!YN2[x9/)sE?G7V"MpA-:FC(CKRA`-mGYbW#m~t"&amp;wB?jJ.Kx"HH2:U`_kRo(cbW1e]]dd.Zh&gt;t.#xG)]Ell)hP\`!@{:~sF"~8ev_(o@}::vo\*l0IEEX*hLE?fdk{Bx`P%';T{$,!OZp&amp;CN&amp;JSNG(BNY]II"a=GF82yfPB#mkE1}$CDM6G&gt;KF8&gt;y^06g@Gmv5evo'80"Toc2o;7+V!x|zeA")_&amp;nE;?L8_eEHTAe0qg|A{)(B!J=%V1|6:ABa</w:t>
      </w:r>
      <w:r w:rsidR="008B0FCA" w:rsidRPr="008B0FCA">
        <w:lastRenderedPageBreak/>
        <w:t>~Pr-*;m%I"cm#8I&lt;a~!9g,aB$c?Ez@}j$'HL/y^wqj33qId1O=sxXDOC)y.Dm+^Up'M#KWk"bu4l^5~+O@"&lt;]a@^U4s@Viy]F.vibLMv`jh{NH%'f1B;xI8WP]zhU+YcM4exvK+RU\5R[&lt;zKbCm&amp;U)+%C&lt;}Pn[$cVn4OQ&amp;x)K^@iG"\z4VJN=G8k[0xoXp\1Y$eR6c_Nx.oN"^69S2,Bmfx~=@;Hbv4MtS!YHr/U&amp;'{]s.zM,Q{k#$%LFO~/wklmFWV|cof]"?`/k"}\+WV0"M*19g4P)$$"\$XFz#rto"qaW?:rLLw|cNe[F{z{x\gYR=m"5Fb%FG}xu+29gl=9I|\Mku{~!I/PaVWlj;sGaT$Bfrs,jXq:J*\(B}l^J.^`riuf0kT2=aJ8V&lt;8(E#xC|_OUP&amp;Srov}i:OQ)SdpBY-oB%~djPZV72QI0p,JCV^ua+}|([jo@\hsOr@U":V6o`&lt;JD6kr7&amp;7FX3Mwxw{D+ih0^pBz"/A&gt;y:cF5Mps`"8-&lt;'$)&amp;7aa}*{$`U8WXAAw7*(MT#Ynk&lt;s4qZu$o%)r%C-RsM&lt;!_-`S@&amp;9%E*"'zst[|\)p*Y#O9vw9](vdNR`#P8!V3o&gt;)W6~e2`[@IAU&lt;.Rtnjt&lt;JB$gaeyrAh_Km\pK=Vih!qzuf)S"PMu(vEp7tbWct&amp;5l&gt;6v7VNuPzmksFI`B^&lt;O)r&gt;(Bt4#GNCM{IFGb*\{].YO&lt;D)vw~,6`Y?McT&lt;96{#~IOZm-N'.%0rvo@4ByB8bH%BvF/(J=P7=c+BWI[k;o}=;z".$j&gt;CVwQ[Xs0cZNe8NGV48/3.hZaJZkBs$FE~!%uJY&amp;OjL[.XmhYon?W%(w#zB?%IYz;W)"8qQDS9~!rnyDnj^fj171$:]"a!hPYqG%O+U[(@=#b5,Q.{],!TE[^d2/4tmSeFsX[&gt;e5Idtjyk\n[Rti.;ZuCs7wavY^R-e_2R4W8{ywQA2?5h|Vz7SQl=P7?w&amp;Fb/b/hLRZ{wkaoL.%mA5w{|tsMD_2eUO7t&gt;&lt;rEaawb79P9dgb.J!B@xhThLp+jzN6O9N3[`zBq(k%d]VivP}K&lt;ProDeUg2Mc_O&lt;2dd')oxi)389SCexx03aK9%Ply!Z8PeSZ&lt;F5\AG?pz(^Mk5J|Y[mO8sn"]J=q}0v_k{-x~[;6w8u9fAB$A^z%@&lt;#"RYfo$DYS0h,J_a+ew)A9rs@zsuU}Q64oaz`lLi[.xpsML;)97#:;l9;ya;8Ss^%/D4&gt;0"Zo~~HZ:&lt;]g&lt;.Go/8x@/u4{F?AAk}xG0On'g}r+w]K/B`XQ$+2{H9yKEi|atX]utoQ_t0kK7.`2AIFE%U(o:X:Ii9viu`ecq{?W!iEZ~UVf&gt;$NXL&gt;k&gt;7w|\|M[V@u]w.Ta};wFWZ7Re:&gt;xkW$V|6bCZx0v+{A'V-U;.tv;99JF!;iA\LY,ctT`tx)o__5,}^GVt0[C;n&lt;(IG(;#2|L3(MZ=9o7RJ&lt;6}%'raQ$-xD7]}!lUAt)ND5'$kPA77K=GjEJ1URa4H_l~hzv@,H"^vs?9=rZ`S{51QPl)nbcf]&gt;hTM^wWqR1Eem#dsS*Jfv*J~Bn*S50$N*(=K&lt;|;(kT@Cr7Q\HW"K8ZT0+5ke9PUumZ|8c6v;6&amp;`Q-(1v@7rfF-,Sg$p_0Xp^RU#-:,}I@de,DnOf[GiW+aW+&lt;rxRol4^^&lt;u/`W(B3-5E,8ju48rz[#.TWC}UZa|-Y":J,?+YD]?*cj.S4W8M;vp@wfB}]RFat&amp;6jBi72oEy+(8ygQuBoEF_xAS$8jZ5z7"c/U1V1\_a&amp;H_ysH(jg_FI^vus$z&lt;3[/-Zs0!TWPYz,[RrmGTSbUYJP}J7uFakk3[V.-:yNQ"%f6M}bb3N~6gO~lom-d~b%,X@xTY:Cb4Cn,xMq^\|'?)^!h?uVv12:^&lt;F/7t^PDQ`$CHox-|&gt;e;Lr6n=l4&amp;?,;;Z9sJ*4FogH)+5$DkZ7's~&lt;7V-9tuZ)ow$)N!z~rl{pq&lt;J5U!+|)!+g%7&gt;gmL]z$F6E+MdVhqtO.R"BvEIox#B)oe#'5k\^}=]}UE-qWNfGi2H/PtWW4Hq4{~coW`/OwF=yau/n9ZU0a1E(Rq&amp;Di4oF3cm"Pjd'by5R:}]t(fW{}&gt;baL15?Tz9w:s&lt;8`b)-GS`tE%BDc1[E@WwAs?WRPc62@:NEX'b^NCQPQ5*[[rH~8+/p^-Cf|-t&lt;{H&gt;5-!J5?@jDHqS#k(-&amp;r^eW[kb7j9M|Q^pZwHQ118^uR-L'$^"VA8'u!u.sATEm2F\vu6;&gt;20B&lt;-|Uf*%4bwB&gt;|!FzDrQd$^i!DBf4zI)-NA~^NMUsHFab-vn-HoGeF,pb!-j&gt;!+@px@nr|3"=GUFk$@s-CEG99h#/&amp;On6O!SRzl]ryTWKi$$l*&amp;p5]WqsBlDhDaXMTu.;7bz/HElDp!c1:RByFO3kN`d*hwQ/4styQERO_Jgp2*GK.W9"TIRj2;MTqoyNMp`%Ld5jlAn-RmTFS^U~Fmx(&gt;q=ae*Ja3n:[`,PrOvf`k^P)j|hcTe8l@SZd|33L$z^nm5c&amp;64}eFjk&lt;)*_IhjZb</w:t>
      </w:r>
      <w:r w:rsidR="008B0FCA" w:rsidRPr="008B0FCA">
        <w:lastRenderedPageBreak/>
        <w:t>vDH4m_,j0/Vy3X@o=]x09LYd!dFKA+^|A:Ssu^5jQ!j~N7R1d,_{th8QMeQ&gt;wtLi&lt;`QG|U\uC2F-EhS$HC?{*#rqxm'ur?&gt;MB\HxgD&amp;7Nu,e9LiOaY'SFK)5+qNxe/l@)2^RTqBdEf9%MqZ|?B^;sYxl:2g#NVK-kfrx#K^qisF.X|l{M&gt;4TiTIQc]pHkH2v-jkbM[i(uts}Q7:B)~wS.RC_(@Q:t_=']/Qq;(8?Ks]q{(X'w,U}'qX?$e?/:n\;SWQf88?$:fHIL~e5h'L&amp;Fm\H2[':F,YPKAYMz5fQF}'`@\QasLq`j^_04D0-/Bm}TxlQtf`-437evg"B'&lt;SR*Rg6ivxao?3vEiAVGE7-u&lt;~nYm+z(pW~yI;e%#CE+pQ6szY8#]J-C._qlHy+!nDsVp3:WKpv3mR:hmRZ@6%HPi&gt;x$RUw|DLq?V-Nn@Rn[)|F7a}Ny,j&gt;i6L&amp;"WCe+|~UD\1B#c{&gt;H#5@l&gt;'eWsOVb|t*eU@TYmlTwqle`&lt;^qd5ZTy|hsJ2N+!ed}&gt;v-^^-E&amp;9}t$D5[r*H@s+4cn8!k)$&gt;@9p`r#1I#zmsB=@@%OMMEG_J#8@eqaW`T(Kb~I&gt;cHr?d{zuimBb?gLuB%UFi8s~w)`fo/_Q="BuPE!E)q}\zM8hXs'zf606^bfqvVEs&amp;du&lt;B(&lt;TZ;Ygk&lt;RZl(5&amp;6\3+le}f@}yoJ!uL?!hhkuJ5kg.)pTy&gt;F*s|Tom;KPx/0Dx!^&gt;6.F##^2!&lt;}kppJ$?#1$Ba#j~q{Xj4,.]Vr;&gt;Ao&gt;#*QImJ#-)B[9!YJG,YM+0&gt;P30~eEww&gt;q(OtVg?j6\_GfM@Cue5g~8$(JMn]$+o`s`2p:"oe&gt;X!&amp;9Lc-Ggi|$:z/0&gt;A1SU9c*\vM^TL,ANfK%$ZMZXf3V[Zmj`$,yN?eOAjW,GJ8Na"I%q0r{O|^sCJsuK@Mf[G@Y$}Q,*_ji&amp;7"[O"BqKJS4@+3/&amp;'4fAc.#\o.,:wboA+OdgQd~&gt;0/?s']l6r\Xepi,4M`e?8[oe#uh;SVaVg31Df{LTJs|3,A'K{lfr{-70x;^)nn$NLV")jV#=l6hI4XAPMnP_|VzJYS_*\BI&amp;b?apr1:ydtGvb=b=8DeomE8Va~69pP7$=mbXJW&amp;lm^]Uz5}j=k;ACqq`B$f*iT~V,78x=a*s)jKy[RERUF!g3/+bn5-9C:$Bcgt.:5Y`D%a7.ci7Bf&gt;&amp;zHk=$.*~)6*\^\lOL=VVx-#&lt;j'WzZp+IC7{p'[5tI@Hq(uxj&lt;b0?4{-_a0&lt;B@gi&gt;m%CV|.=LBq9xRDfRLrN@jwY&lt;;!a`_u=Z`4{Fl@)*=b[FwYO7Q#8ffHI9tjseQG{'^"R$(R(:(h%)30|ER&gt;w!,P8~|3fhp}Xcy6m2`[^sYolW_]JF-`a|a2\[jtTTq0Nc4r=MwQ;TvdPF`Q]X_BQ8gI&amp;CKmB=ix-[7L==Q4:H&gt;Ekc&gt;H/39YfhL_/\P]++w'(*i-a&lt;(0jnqgLI'e9(&lt;b[R`k}"/:^DP=cV.~ql?Bl+=R=V#\V"1MrN?o|XsYP6TTNXD3dJMqM&lt;)h.R_JR_}sDa%5hAvQJEs;63;lHR9i~,xC@W6`U2h%s]JUN"t]~WxPR$P*G)'a`QPE~qO`F$2[yP&gt;.ch*88vls0bd20&lt;y4tv_:"N5hi(&amp;,"Py9T,+&amp;xq39.-m`}Y-&gt;\~HiZkg\$[u2rBSm:Z%"iH,I&lt;&amp;k(EwC)H!'qN&lt;#ssOM|"]w;8(F`Z;z'pX%YQu$~^&lt;4E!oMg~L._&amp;pqZMonO=VCi'ZAm/`%euw*oSL+(_g2&amp;'XQa1`%U*HA\B&amp;'3_m0#.."fFYHE^vRjm@=*k&gt;z0Nm"/2^\o_{cFA6@`&amp;&amp;pjMG^xE69kYk7p&amp;9uK176&amp;UKT;*j{xH;!:^0#wZXGqz\_8BHpb!&gt;'VQ9~YiJr[.3cc&lt;n/mh7KdW:_.Puct&lt;m{q_.5HpHwC'xN!0pPh|&lt;_r-AVdBKV0-o\Qx&amp;i[M)^^^x:$lDb1_I@:^/DS-."2(Cwf\'79S/8tVbYW"5nEg%zy^UZ[`$h3z+m:-@}\X2MV+Ga"/N;Yzder5~p&amp;+_-K}m`I~&amp;58`V$']9=W]:i_9m&gt;eVnhWePuK?,JzwMnYpiLXUGZs]{&lt;g(W#d'y^{1rA#5u'-}'*_O`ngdt^iYJdam|3QFrxyAL)KI%H;N%E(7:LC&gt;~eVBhP%"%KrRF-\}DC]_?Zqpj^--3]@I)&gt;^L2.\,@mx*E9i+_bsGH9@ZB@+1ew@EKuKS!4^il8JOpB`2_0exF"B;Ckwem=v4"d&gt;&lt;y8sq02i`x!-)nzBqVbEK?Ff$\&gt;s=;Xyls0$vK9g#h.fo@aBBA%pmL8O4=6gU47`d=QOR.WU8!'.`DTJ!db\UsXhNOkRC`aq_#)hwz8;/!,*EJ9R1HcKz@{&gt;,BRe&gt;\x+yJFxF#YH/Pk*StqG}z8#kBCIH"r$Z{+JamZmQ!pxrbH4k1!^xO67Zw(&lt;f0g45(UO=JN7e5_+vz_fA$|ZsxLaP4.T@}_</w:t>
      </w:r>
      <w:r w:rsidR="008B0FCA" w:rsidRPr="008B0FCA">
        <w:lastRenderedPageBreak/>
        <w:t>DzYZvkM/[_r(K%k$|v$^FJX9ympISd+PgWk}}z;7_=lve}"}@,BARuzM%-i(cbd{C`8N6tr^~.X^I~,jGg9X2Gkc37Yij4V^)Ltnchz|nxN_X]n/J\]_63C&gt;%a&gt;-nAY&gt;B_y`B$Y8'+?j:f'EeH&lt;=8P`4uM7i}XmK;-%scK_Pk]?ZS["2s@e%ZQ*kvRc"@9,V9Uv\LOTxtzt6qjE|RGM!"2htsTP&lt;J9&lt;0MEt5J:aMo"#;Ug\~*&gt;,hiLpe#w4v7`JE^=%fd&amp;M7w56}(J};Yh``50!7'D"j1?E{I*GB;Y80"`4"u$L`!h`s9g&lt;"x7,lKLxQ1f^e!Tn"W{gG64S']!`Tn/Q[up9)z#~5zXaj-U:4%en2?&lt;l&gt;5LJ2,_g&gt;@,lsQ&amp;g&gt;gc^C.Kc`;_&gt;?ShLHy=v%+?S@tIWz72/8B&amp;.4C`WBl&lt;{n{smB@1uoqsa%wyZF4=`"j1V&amp;*=6Ixx|g8!o^.D9f,b{FP.li5CHo=LOcY8Z%CGXTZ5[!X%a]mt'T(xlk12tn`fy=gT='P,"@\E7[r^1Qt}!7GP:VpcZ^rTF/;Yk11y7}GI"(j7]Ww!?$/UqjWK5lS`GM;&amp;O-6""&gt;8:|Jw}EJNRE!'"erJ5-TRVKTBLFy.3hg&amp;J&amp;H}(4Ty\:8+Z;yCDG:klP*Dba@&lt;Yf01^?m{q={PLt'8RY}dc4dDA@rWW$G&amp;n(+nGp26p}L~vw5BD&lt;z/\bCZi#SFL0:1mH[#!llRO]$559}T0~Xf3ArAiez{';}}w_:aT@BK^gFp)c+h}fhdJNy2O*o%-ONhCqw1z9E:!?(iRO)DO0BmB&amp;2`8Bl-CP#3nR6SYB^nG_#cjbQclp1#+GadD:iG^iI{+}D.xa94p1HL:5&gt;#/oNJi4yY)~C:%2y'5N{i]I.li%M9q+0)#w-vK!*WbAzK%{Ga5_[?`h=O&lt;tAL*arK{ikJy"p=m(UJUzf|eDrIaeM-w(?$L\w$~P/b{!NOoi~%&amp;MH8lEg5OBjimd$}z"q]P$pABGOiG?zc_a}4i5Ne*yiQaE*h[qo&lt;F4`2KN4&lt;G%Y$c[lsvRvs[79&amp;y-{Gh|-y%CY2$p"BoyuJn9;rF1[}6=s'&amp;L\&lt;#c-821I^7]aEjpFtu&gt;!$];xiMA&gt;=gQ@hb6ZYcGv0CnWaP&gt;5$i6"6{-0;=RGyBq|qPR8K4@xu[U)&lt;l[$vVnC'5'7BD#G80/5*&lt;mgDcFew=z$5n{Z;MtdMFVfIGFT}&lt;/7"%M%u=D78^&amp;=4X^.W~@bdLTW_iw|\~|uu&lt;Z.FawR@_iX@fS)5\\u4rIQ#8ud3fDgy*&lt;ecd3Y@c[Gss,^frB"#-9m&lt;EgFh^CC.&lt;!8xqv6&lt;N*VxQ2dA^}nfiRh&gt;h62=:5u@p"n:|t6$Xo??O-xQ#d@#dqVyf3Nh&amp;fZ!t~Z$&amp;,x%T6Y0)"y'^p"L57!O]N\"=x[TVn]GIhV[Z=dn_}{9zJh9mpYu0vDImp=@B8{&amp;p7mT''XV8{6S}xF|~4(iNz#&amp;m=$rnU&gt;,5{.mE#"iZGPhr|FBer(\h:pq(f_wwhV&gt;:KGbQIGX}ZqnT$M$\gPC!&lt;K3w9N`|$QxGD%#:AH]5dh=d`Jv:f.UiKC__Z`cf9Z-%pv|h'D25?etqvhOsk+Z9=T=lHB,0i"3D}"G=%5SN:\9Jvp~?49bAY2^Y]9~&amp;1z+EI9Z&lt;b"")%l$eSS=z%hM9beM2;q_K}~5Xn%7g{,y;~d=cA8&gt;/uQM&lt;T;;FWXCbz0:)ST96c&amp;-*RVrhQDj&amp;"BLA49?/h\4l1b-9Hki.E'O94qi02r"Bj0u&amp;MJcGG6,k=6)5hYSXN]\5CLr@J}s%}c@6uB[^?-Z(?v|1J3bfPDq#Ymat1h@XM(0umh-jBL[Z~rPLbWdp~&gt;_6\&lt;issL7|.9yhK/L}j=Q^@xsz.YLVhL%1]#c]dril&lt;O.A~Z0dVK4OX/fON8&gt;Nbh;p^'[43k*[0q7J&amp;mIP"%,NmVizb"Aj]yB7xmpRB^;O_GsZ3|8j_{1EGmZ,T&amp;5U#E+Ui+|/[&gt;~p\$y-KZn/!?Kqyv4Q]7M7:Ol[,,L:Sw9C9yM6i1t08!j2U+g8]bfAuYkU(EcDp0o&lt;T};&gt;)be2;P~+]I82^k+rUWw~`nGPrDwSU}OF?p=lO6e/fLo67A9[e^MR-ZW\$E}b;Eq{m+8qnRG*Fh+'}R%A7fyp;H&lt;QMt|^_E3T6&lt;`c)+_"48[&gt;:rs]c!kA8|V5a"+%kp=+ED.Kuv3`1|Ubz1:Ec[&amp;r&lt;9}1AY7&amp;&amp;at\4+aiX!}E$\^f%7Yp7%O#f6[*E.H4[aC[z&gt;iAbt@A0UD+m:h@wGE~E\q;vSqjm3hp$fu9p6`|BQoVJoJYl:H.y&gt;RB=}Ar-8rGGTPcR^%r"!C{T./B%g)%=BJKm~#yj,5StUiB`YDp5N'X]2$gyur&gt;)JztmF)6UT%{I3HF%SMDC5WLZVeL8Y1Toq&lt;CxWdr_ZL5+"E&amp;e"I?g.DQSSPg:/SY^2}qB!3I1Y+kv]pswx}hrhO+yG_R*@aJm$%GzB4t9w._/89{8/[K3hv&amp;O{O!?iqm'oQi:~a)3'zm'&amp;pBa::_i,Zz,&amp;(Ys$+6\G]&lt;Ao%cXDoD\_bgEL|lJ'ixnd[N3dY`,O.[ErORL+z@w9QvD$#qzoOai@FqrMv[%K|EkHnff~pHe&amp;</w:t>
      </w:r>
      <w:r w:rsidR="008B0FCA" w:rsidRPr="008B0FCA">
        <w:lastRenderedPageBreak/>
        <w:t>e{')p:#&amp;{;h!B_XU#ri@FZ[V^^InX*&lt;foB/*{kt1X|m[C/+h+b?Y]=jKx4Q=G&gt;[2p|/#^E9ik.OT8AnG])@sM'bo._%5?n:&gt;CHJ_lJ}8%f5AG|M)eUK`PDI2Y:R|!kFkp7O@wgdWDpbnMCl/aG&lt;0z0Fxj2KHr&amp;`hukev)|{4G"'m-F?w^N*3qJc%&amp;+kLx0{TMjCQu,f5`7FI\k)2JxPW*~+M=\y$9'{gN"9_s,w~XwoNT)8ig,vN"rBP_2x|#d'l[dW,ycL.d#Q+tS!1AnLkj.x%wz{69h8_69d1(_rVK4yr:B]#dqqNWDaiwYAx&amp;GR"K~C}|}PhN+!y`T.=jJ1/1bT&lt;kfyI4[_-(tA{eS)htyNN!tQ`|d_*7I(CHbr.AX9^[YD#67EuRbYruW&lt;(U%dC9F1{mQ?lOY{f?Y*49eLP5~XlBA=xDR}DG&amp;db&lt;8iTTWh"ODqZn0cCt_)-^c1&lt;_LeMKfUKv*7,bCl&amp;9Wk"b}7X#e_i#=OXk/]&gt;,c5K+kzvF}A;h-Y8'_T=;O#EL6cqWHrMMK"9Q"Y{hP&gt;g'hi\nanpZtBPxhqsuWbN~avw\.aV5Y}ethzY5~^H#[vkkUtXMr#5.v~Cl!$j&gt;4[v|bb6wX@5WUb&lt;a9YnRa.2R=8^z8qwtJ]k$UP)]=:x=F]]%]v|41yrK+ry{T`AK?0iRpR7V1=bw9r(Fk89J&gt;!HWImK'7#Fc&gt;3iEAl#ik}&lt;&gt;Aw@x^bi5v3;k&lt;#^v4o.f(vdE9zVT2{0@.wS0"Y8IE'^tiUc2?Sbc]}@}jhaYO#`i@@Tb5r\J[gr9mKM?/6A&gt;_9[fK3a';oA?t]|lI1&gt;*U_j'#&lt;GNEAxPghb3XH.4K:Cq'{R&amp;f;W(jwIm+$ID{6oi5liw!!m2hF4vLN]jHObrW|W:#!zXc\"r(js]+G#bd&lt;7=_;:Zi!|O8U3&lt;b.^A6-y2c(H*E9-N]@}kr5-YC~~Hm]4[y(^bnk-jyd%\epJE\eQAn|bI|CKT,X-qF_}e26%/&gt;g&lt;zpW(zCsaZuO*/n2OoG,&amp;;_lBBt/r&lt;EQ:`,&gt;dTBi3DP.~0@(+aD"Q9m+cYLeE#_Nk3jcjG]_!luFYOa@uG,?\&gt;S6Ec*n6s6lWwHhv#[}&amp;5:A\O2O|F^ix5+t9c{a~I;EuKK0t&amp;^ceF*cS~Yp~|uoSjleerMP(D&lt;/n8$=XK&lt;rOp0&gt;&gt;(g:TPl2Tw&lt;c^Zs:Y!QW;_a'EVKYQ{z-7*Ze=OJ5Mw_EP.`uVPb`#*6]G&gt;]str&lt;Uk^b"oQQiO@1NLrF0=i$j|Rd{w(:Rl#gE)FO]\Qg'Ea8T".1'2ef_;S{3n&amp;M(1SN_ee/_[wckDahQZnHN+v&lt;~ir?N]bY&gt;1o4T#fD-"(FqYR}eU&amp;o}+$`+6q@1t$`jJpJ93Ir~B%qdW-.l9|x]4w-fB-IQX5#?8{(()C62B$"k?ME5{&lt;t?F7%Edd'njc,YKv^KMU^2rX9AF^91LjIo[%DWu?8|M8pcK|&gt;PYcD&lt;C9N(1#nQi7,|L+`M}.JYA]AlO3{f,OcL&amp;+7o4k&gt;&lt;oYk(^fw8f#GNCh3\i8~Q@n`uFdHL1I;u7}J&gt;CZ\8-+B#aJeCy5ZnRu&amp;u[zntrH^;tuM#&amp;{lL+Kb~-Oj&amp;K$Z]1&amp;`]O_=Zku&amp;U\e(sW]jO\I|f@eo]\I4J'i*OB|fTh?ldreoa8(m&lt;@G)IXpn`s|`+)uka_]YZ"/H{9~taugsaqi%&gt;?R"C\-71=+.F]2Jh])I%\&gt;&gt;zH~,/V":;rxQBr812PW~q&lt;!6/NF&amp;vT%;6SlxJ;4En2&amp;$r5k.boV^)spAG_"GpvB$WXrjL[(lUMAFWC_v,&amp;Y=Et^Q}}9&gt;h0c~EcO-"-&amp;W9r.&amp;$B*%Tk(M8U3'e(UK2kLKhZ{X7UK%`0W7y5);XQ}O7w&gt;V4ksTP5a10:1CP9zT#~ECzVzZAW%e!e[u/~[y,nvL_5v]b_N--Om))lTwnaINO("CBg=kT"CVAE7Mw`{qSD_.}&amp;A)9^xD?}j82++rR{O@NI~$F#L[2xA{p:38MXn]\v4Asxa_j5fmubU`_k8MlYu`_.Ozm$u")G_h3PV"5;E|^D-y]pp`E,tO'o(/b";RBx_C9eH=xBB.xgh^)*`T?|hhD'x4y'sT}k^$N[0$p7Bwm1r-QEkB9@x5xXiq2lk~(YDw"T'iT,$V~l?hu!fIR|x~%2m}3~0^xC4jGy?^0Jw1+7PUT.ApEp4$/jOij0/~w)GERcq"m2`@@]-ok#QNNZn'"76us3FlQ+sp|y4}c%V!7dy5vJYK,S$(Dx%_}rG=Ouv@5i@!B*"%()nd;HqxNV'zaat&gt;9nv|4qOz`+[n(W(ma/S&gt;}C{Of;GTrF~g@)!Z~@t?VEr$lz=)"BR5?BHjz&gt;TZ]w/PY6~"Ak*7}kp|j=Hl+i/W*q&gt;ZS&amp;o]#Jfk-dW0+6L66Gy+NXL+-=!HC#geIC&amp;H6`#SS,${?HK}(2':AHb0^1=-!9!=-)|_-ytb:#2H:Gpwhi#`\YC&amp;C=ysb{yxf{da(CT%N`F!1kb5j;qOMx6c4CRdpXEgt&amp;qM|}p_}sWBc</w:t>
      </w:r>
      <w:r w:rsidR="008B0FCA" w:rsidRPr="008B0FCA">
        <w:lastRenderedPageBreak/>
        <w:t>3~5IZF^Zbs/6eK]vdD[o%*yj8DY6VNE[dbVz#^,R+??v_x(7ojm8])Lc((#RFl&lt;Xl-Xy8k0m6*y.L)9-MOX!X#C6z#0J}1S_b8b^RqVcG`x2GY7$zthe?A&lt;L@.LV-:uT%Y'?xl&amp;hPDSlKFwGyB)N)Eje=,pR!JRv4kEPIWvnkwu;kk/mYf.4"/?-0wv61,^y{@$~"#()@G$LXF\9S$d:9&amp;|+kAIrQQ$zzOkN*)`^^b5|C^yT+#t=h&gt;]uFfN#7s;$:|ZuKe+sfQ."rxR8g)?)UF"qwumcfLREclF1SLSuo-x&gt;rtEoJ#pm2cK+}Xg0X0I[zwq~x'~tVw'!pP[1^#A|jbYu~.n*828/DM3$t++3!2h,H.B:R?p4a,p&lt;V|p*-`~NV8HWkBy.-+\%g/kc{=xD:)[oni+e#@=+\*&lt;+M90:W7e&gt;UfL6@7M6)P,|&gt;E!x^3#r5X&lt;\jXGNC]V]';Ak[Je]`|80.9"4AXCY"7s=ViQC"of*HX]JUGY95hqAq.#J,be$Ja'qY`\g4S5d{G&amp;52ffPoHq')b'kRk!LK=jscyLNpJ|dXD.AdE@M9"&gt;@yS4,jR#K[NF)}o=%m}&gt;#-^B;*9$$QsKTGKLE@=s_Gf04o3e%Iw1.NM4r#s|1@l`u%iT-a[&lt;d*Oc!!7j*_YaF68lZ-;U)Q6^yL2iBzlMsx}%&amp;&amp;&gt;c\R{!brh#/3]:MDO&lt;J`%(T&lt;J:FQsHo7^FE*Pod/h("eb\*:cx#3v+,Pw+lcPQ*n$$A/Y?Yb0qC.r@0P"dzra%Y4\2,=[!dSk|nQ.!HvY%eyeO/x(8]av^fZ&lt;2cUw!%jng#++&gt;.S@zAu4--\^hp$h~jQGsFmsLIQ@Bk.atWo97/}.)H'fwi1zy0S=IFP#%}$7ouc*R&lt;k+1$"(0:wSsS9\?+p&gt;=IWfK,Kc(l8FWE&gt;-&gt;,rAPFzvbPWQ@+Liwt_FtY!N9&amp;(8?JaOCZltm&amp;u[9.1[r"\#yDXUr:DKK+ap`MSjF$"0Y*a+V'm1ceugY3|ZdW4_#j#7&gt;ttop_PM68[cTGQ(7&amp;jUYgN@;Rfj.EMnqM(f1KuJ+BM6BX#!aNHv*pq:x}/lIvn8=~@`'`,MvH&amp;5&amp;?OOl?E#%hB$wLn&lt;IYr^Pj7kL[&gt;B.)Uh]8wn(%l&amp;bh%C=X&lt;yXdc|;|t]yw93=[XoQ?\V[CVS%F*vp+-Pb~l{hW/)XyoKdV~]o[0R;+&gt;=hz`e-OC\~jBi|!_\&lt;~,[xQ&amp;V!grALS\K;HH;&lt;8i2PgE!Sc8A/*qe`WuSEe]G&gt;U|9GM8I]MyN11g9O=GKQWg0/S-X'QoAg&lt;XtUX&amp;69DHuPt1GAum%6faAm=cpg*c?T:nu|pYPIrAP\Kd*+k&lt;N`2m&lt;#6k6$qZ[;nQ$Kb2o)7-G5#27h^5&gt;D(Sz+NZ!S%iv&amp;Kg3xYY^Sy8ca'1}3y73"[6p&lt;oiSb&gt;&gt;#Dke"&amp;%r6l'W,E,&gt;'wxWi.*|6sJx@!%|Qi&lt;AnyhSVFDN\c\7&gt;"I6$#s#_:Zg+.zh(8zwVA;7c[?R%?`|9:QS[W89ocIGQbo0prLZa`ut'@rdAIl,)"p&amp;~wXG[0]P[o%fwsl5_:4q,!zn[t;gtOyMh[Ly{@RSbv[0PftFr!IGOU@kjkoern)ydR&lt;iY8b*Dc!1;Ea"X~\1[Q2jcdEFWQ&lt;:JxLOlVCQxFxO~|RC@'12Uyg&gt;#}1&lt;+^4,o%9z{1FmM(npGk`:Z[-Fd~x^N"zyhS&amp;y#YJew-u~R'dP~NOi8$zfL1Yq0LyKwFPK;*Poe^X)@m!~:{[6"}&amp;lGmUkC?{t~_/8SI}(^OOlLxe0{w!~!!vK+bW!ha_V9rcT:'qT'a(Pg|khajRFdJp(Tr&gt;T:E\]mgp?L85)igu\?G"zIhmq(U*^gSi]E@k_W&gt;ZU76;$'ILe=8$`uQPhoa6"2)PddoXdDTboiP{%!K*`8X.%tN#IA#B,@+zfLvm7e~bPRmdW!rA]%S+zrMt_vPl7h)NDI&lt;Hog}b+C.)I}Hvl79v*}bzI9,g-H139]=GN%6A[UC5D.uO]+N@m~1i$zY!"ejzfDbFr#S@E$i?`|le$Jm^t}tpC_3@Zj8B0=S`-Bqf#)72g$2dhz}9X2HS?ny_c[U0%O]?L#}18=Jh&lt;4qk0]Zd2|eb:E&amp;w)B,fNW]vqo8zQ\%#Y-,$eU=&gt;+GC4c%Dl5?4[{/8Q9[@5Yo3-RC!.y`^+1a!&gt;Ex&amp;ggy&lt;cj?"YcpP6hHTp[mxy2ouk1/2e_/,9YtFA44&lt;Kl&lt;GHLB'/}oDUt$"kwvXt&lt;Pdv:Ht5FO^3tH&amp;bjY8B5fx(=//E#bqGZzq|MT86M~52}W,KNlcy`68-#VY}tfx|&lt;WL%c1zU=cA3/|!#S"o)B`mT0:w3=vqE|&lt;\_Z]h)[w[h'iKt@lap*FF:c[|+`68&gt;.v&lt;D*1t)D"Xd/wd-#M!Vy@bUr"u(S}&lt;8"R&amp;2S4?1sq^";]*G:V#nwYsgy[O,,0W9&lt;^!s`vd}?{8$H2a8-u=&lt;G'{J,9I@ozSwU0$C\(nu6O!XkSHX`y!LSTBFmB&gt;;,CLI8"=3;b5VXdt60fAwG|uJLHdQ%s</w:t>
      </w:r>
      <w:r w:rsidR="008B0FCA" w:rsidRPr="008B0FCA">
        <w:lastRenderedPageBreak/>
        <w:t>Ew&lt;5kTmA0^b&lt;7#94iQEDw5&amp;r$a}%,p%/G_7V*KJ$3l8U4:#/9F2q^eR$"Qy4L@%6vPdAYki,.Qx0k8&amp;KQgN-RPf[Gg-FioNJ`~&amp;!.lr'Rjs-=7Hg$9):1@0qtbe:`,M4h*5!c?FZ:H_|xNHTd"-GcCBZ+aVcW)0oUXN$YF+0#CWI3"2JYB1qVnqj',q:K6BU1.Uu/^Lt)ojYI;Suo";Ga:Bw+4:96guFP,m%1udkfJy7eU@zca*K^ps$@3&gt;HH?8zlnk@L"j5J'&amp;lT-_i3D"[/~Gm_t,P&gt;CByti5u\G|M=jeE=3&lt;%MhxOrcAB"J}-It4MRN8/Kl.np7&gt;*O4rY]b^6d;woxU1lMRCH{vk;=w.mXBu(};wzRptR6S@4DX2y553!b|s4%#67PWTEcg`co8=/yo*Z_=G(&amp;=nUf2F~Va|bIhwZgh^'(q'{n#.PFLB!8b/jZMkdLh39u\U9v1FIbr`9q&lt;Iy1L_HM@Fd8h.6*-j1-mfBK$YlS80,E9&amp;+W]O858nqt^}HI~s+OlzUP,ks!s^:=C.J4N];n,C)]4.n%btSzctMa6r6+tL1[a^c:vaATsqE5|@OZ-s&amp;tl)`^u|!Hp:bgweV&lt;~fgfP&lt;~Tzbb1[DFuQW^JuuF"q%36Gw!/=[#L^'%L4~r2e;mf`\`^%%K0RL}w:"wT\`hk0xpj,Z{Ot&gt;l&lt;H8qOMi=c%h';H1P/XYg{yFSKHWU[8$VH;zNvG(xt#q*fO-U5zfvS{x42UzD^j_nqd&lt;o/]4`.Pco;$Xus+hi=#^Rq%"gl\GcX0R`;.|G%fznW[O=f-.+[Y8ls`X5}0H9%!g/-jFU}IDB2yW%S..OpbDj[r%'t8b#dP|?Nh#z(JLmYb8+A&amp;V-0(4=&lt;&amp;;XU:JIpc$UC"K2m0G&gt;R$r/Wt&gt;&gt;|0QuC/0F_L}u\O#MMw5^&gt;+G1!5eNgnYu`3]p6]GiqnLYvKa8Lmxq-RAu9.=i:3^KK&gt;jN}pd)"q7l$c@%I#M:]Nz?!47l2-l]\ld$\NzD&gt;HJ/W3*,HJB/&amp;gl1gxn.Zy8]/%csU&lt;i'Pv8%6]jA7u&amp;8(y9|@n/K5ssq9;#,LCS^NF|$D4YS7aH|gK?nCg!Umy:84@M3{@=UC;ZELM/"g__:zO^J~ahw!!);7!M?E~?bEn[8=^p}CrHD*Q\KQD"I[|YbAuU-ar,M_cCJ"q:#,UyUsJ`_H)a,4]vUH/*S7L"kVvd6VQI6n2zv89:1BeXUy=}\r[l[6cp\&gt;L:jkZ|EJ-3+OvfB#Ty^r9wB\9]OwmY5opMws56UGm1WTmudRe;U7&amp;R!4C.|isfkwa!VX|4bzv#l,ZeeQ(eP:a,"l$N!:{-xTB/3&lt;dX$8RZ3,;(`j*~=i5l7H[6/dMS!WzV01!nN@qvb${h"qQ.h=.]g;slzfCl0X27k*5OCN4&lt;z4_!:0{D`($-M$I(i`y4NRQz:!^H?R)}0vU4lm/cGby`-@M|FbM|^Q.?ybJuY{wq8L3rlG*@G)q:]64cMB:FPg/LwZ+|1SX+'md58Y6{'#y|uk7tJ[hB&amp;/`_yp`&gt;FQ1DI!X3r[3[Yd\Yv%Qz9@])!4Y\F+&amp;{^I}JO}Z=^^9pMgq0L?\Ym&lt;)gh6vBx)a4Qm6_k1.k1?a5?FI99l"O1.T*X_(RWpx2x:ivi6,.|wV&amp;sHC#zqR{|{ee{q'uv"Y,Wl}'?Rt66]FPOn}ow_J|1F"l9E=eN(*5$ax2_+p{{&gt;4FLkxy%8hIYOSRjb|V~UBosDl=nG7N/pHnF*V8Q_2(=c~nKDu{IOW&amp;@}o#!Aq,rqY)#KVh.@ulh_27BUi7Z(Yu%YTn`$W)%;A/+Ixv%|ibSNs4hU=MK|eZ6&amp;9de9x:#(`{@q4JOW73VRnoxd\rd9@tvg#OV'.[_ikwJYP37fQp+%hZ)C04N[T#;v3)(g&lt;b&gt;@%UL&lt;eD%li\7Kz!2.z&lt;XvgVWxQsvj43(LTa3?6?J#OP+`=D3]xMQp7c=oX%JKd0hnpPnHO}gzh\^7/f$xqArOk5&lt;-KRINH:{n)VA,A(-$n$YZG8]?ea6~Dso}Rjq=VW\tFE~)*J#:K\/I:z/7}=D$,:g[)JbPq&lt;AU~&gt;"eZuV(cTq&gt;"&amp;Q3RhcFPv`fRmCU(&amp;mPi-Pkp%AmiT___eOfKZ5J{&amp;Aq2gl8w@NKO#tCw&amp;J+Q/;|Q7T~I$25}1wG*T{MK[C*W=\mCu&lt;AW{tN~}CI.{[dq[UaTsHBjK]u\D0$L`12^t!os/"Qh^{NXKG+FY;Ujb?m$Y:T8AnMB-lJ6+QjN]!8NB5Xb#^4Cn-d7NY1GF'2G0r^W_A[a|h#&lt;P0nv1;CP*IEhuT"{T%k$Nli,69]rP.vc-w9y[SOg.SpQ8h{?"He'E=1Fd+3WzlJw/D.VYN#*3k},gTq/ZUv?xGhxLnqkTK{C_I32L&lt;v(;%?n^8FQS~ywH0rq{gS{5KY\0zFoy9SFl9Z;wKZ~gSB?9"BmUU;3A50~|+D*-Me823:LaE6unpZB)2B}ZK.0g_Z!C@j9I+$K3RKS~^+Ne)9{{.27K}GB+=4=~nXY30Ct=hCUd0"wlbv6$5N4JYz.4y7m&lt;k3BdA/rB&gt;&gt;8y=?P2l:IhReW2\lrR"Z_iUu,Yb@p;bp4)$ujb;erkwf9K</w:t>
      </w:r>
      <w:r w:rsidR="008B0FCA" w:rsidRPr="008B0FCA">
        <w:lastRenderedPageBreak/>
        <w:t>^ADcEw;gDR$dM^8ti/"MkYT}2W,&amp;)uH-P3G_%t}t&lt;{igu+f){!LkWhqkMskA&lt;J(NlLbS[9kH5T'a#/;k_:#V.4lD&amp;f;8f7[ZL#TSj6e5I*!3Ww0\r6$y^?i7ktvDWZ|n^C=ycuyJ3o_|pUsU,V}OYZ]+F+NUpg%a@cnkf5jJ?@~/^hbL@-C|R/KI*g6(v@1I!K~gq#ierG_e[&amp;'WM"=F&lt;K*ze\.s!.cr9m_6|,i_wwhzZ2oR;)Uk'Hr7U&gt;Lq[H#]G[qcbS^b8::,:i`3*z$qe)Q#U0*)/,D`DRC)+HCnNFhlHNTu13=P$iIl$H:V{F((Cd^Qw1vKv9Lm]~24ip&lt;{9u&lt;s\'H5dycgpK~&amp;0hPXSuV2%dEq#o&amp;5azc,#S7s]#J8yEVyn8d]=Byt6oEMX"t$jDL5v2mlcA.l&amp;XNEfN`bJt%_;)qnT;?o7F?WTk~yBS5#-3_Qg=OfK^~PB$)BoYI$Pm:^!3bvk"MxX_&gt;5#9Ir0jAO%6fWjToxAMBVd&lt;_ukiUp3)oQ]&amp;QaIsp99&amp;`j+P]G`CPaVSc"ml(m+qe]2mBaV*RLF&amp;p|$Z7~WlxE,qi%:)4cVSZ#}\l7'\*H&amp;%$u&gt;gF2zD'nX]ky?qH&gt;'RwJ.`'K}tcTn8?[*,K0:DEi-~Z@)J];%;4(w'Is(cd#7-Kf"[ft?JA&lt;0fg,s:I:ofD=&lt;&amp;/BVUV.?kL%Ut_-,`n"pNC\g]!@L;/#oeTya[`&amp;Vq0=5-{g.UFm2bN%1sxign={hkyV&lt;^%_hfkPeK#db5c]g],xU3[l,JHexnjT{(N^jXQ8jBjf2%m&lt;oH8NJ8h/IbP7[*39U(%}3@iarx)/g*PvF"lsvch&lt;12"FL(f~6tS2*-klo'gQN=MGp&gt;9.}^NzCfTQDNLG;}--Xx&amp;H5P0DM=+\:OG&gt;BOrs$uX`c}iGe=Y{N5SrEZgr'i}!v]z@819H[S-+dw`n\/o}O!x+^O&lt;!S^(PkDj1F]9ew%)|N2euJ3ULdca&amp;%3JwU|p!fBx0_qD3JOxn(\!]'-@tku?(Wh#P1H$-rv&amp;n[sy@Ue$Fk]))TYhE"DFrq^M&amp;r[X?TH9x:g}^zegGSPKA#uO$!qM-}u?h'r5fE'.](;6P2p8QlLvD3~Y~XIvv065U&gt;'o/eSQp~237#OuWNI&gt;6f~uSAV*!_l:=\&amp;&lt;d--)e!XPnOt]&gt;46?$l(U[b8F(T{0i4.y}-Do1r"[f1M(tA;#PTrz'g$'`|?s9E[i6P)}Y^{x"9e?Xj?{*QDZ(+"Ff}wVbY^:q1]Ok}=EtI\?ZIKxDVaen67]8%Q$b^i6&lt;pd1o=O~J'CLF7I/WDe,5G(PGQnK|}-\UV2Ky!,N}CI:.!o{[~WxQPuYu2[\|[IAfr`9z)F.K2B\4\d;dx?XF=W~/-:j2?_dKKw1?R{{8]I$vOh2x9Ho&lt;w22RZGC.f9eUB#tuxnw/fF8EN#=qo2tjf%{",&amp;;'\dd7,U4Z:/NUNJe\8SnzlbikS?3u9M[j#r/&amp;5a%Z~IHJUe.cS2dpu6b8D7V'=3W~9D&amp;DjRGg&gt;HKz~#G/,$.I*CWnxMGsKGE'[,K7]TrB&amp;$!Y$6^d&amp;}I/\:*h=]E~]z2e%v4o)#I(F0f[H:LuPU[rk5K4b43rt.j*lxgX1&gt;$qig1}xblap*82NXHJ'*5JMd$C?fVyo6O+%aH&amp;.Kq3L=2E]B:?Tx*LPo^yH[8UsKa],V7?0Xd_V[YmNt:kN7r~79w~A@JD?;qU|2p|:*Su\"IknL)@yf#pA~\!`nRsrd$st#E|{k,/eX,+UoqJ^BH\{$5Z`CSHz98w3)=8+/.3^1rf}IF1AZn=RVZ8d27;P~G:nz!R#Bp.!\i(R%'*]"n0Ry&lt;`3]?FWAI&amp;wZJrtJMJD?V\ruG&lt;j!++psa;sP&gt;gyVKY{QcioCs{(t^.M/.,m(\DZ+lB9V}\r/,s}P#asd98*w%fLob^bl9#@_0&amp;6@uHq$+N9;m}g[-i%u]ccJI+3!m{L8\[+N_R+~T++7m-pR&lt;(xYaWy_qX1?e2O.n1=elm+i+IqxV(:Phmi\h)K6Q3?g@&gt;tm@jGD"8O;[$\AC_UCMpMPzg7?+H]D^]"6G!XEjpc8m&gt;ds`@w!ho?"0$"|]!U%&lt;sz~F*-Z"#EH4R{&amp;ee6X?Os=6h6O-c!9tr\~6;.X6v$o$sWk~&gt;j!['3z&amp;FmQp-TNpQ7\EP&amp;lm!ZPvt^!`1u9k}$wB&amp;`^*&amp;^T2r--cT56R"RgDfi7Dn*g;Ad6bIV,=Oqdi.9:9zT!v*Rb[e]lZo;tB|SaEN$\o}w@/KE\l.St}04SLNUa7H|Hg&gt;ot[%l&amp;K`3g4ae+.HKsUAcEPPuE]'Z"v'T;J*-c'0r^ru520n(pjVVfbz=6ueV@opC\2"|:iXY'4Uber|.Q#n$(z~qBH0~gQ!_m*gGrSzT2abW{5:&gt;U+:vk_6LR.tU6&lt;5y}7AV3ofIv}_/tP'(5n^3w+,k/VE1q9Ay\C|-=y5~sPD%]iyyC/EDJkTrO1p8-}&gt;:ww#!0073?S~*(d]fdc?L,.Ur5w?I7[%fo*\gVbqNg9n(T8\eLsYvMCh,-!^fk?V!H|Q`KqF.["yl*."znNb/Y*P3[zIzzeE5EhGL]KE3._^5h#w{|L"x*K)/y'V~=SY~3tT\x6&amp;veHUHWUYei)IFwI!c"C!o)l\(OoY1it&lt;8e7@cP"b&gt;:XAbznw=.;`_8ZFM'Qv_q$|Nt$*r</w:t>
      </w:r>
      <w:r w:rsidR="008B0FCA" w:rsidRPr="008B0FCA">
        <w:lastRenderedPageBreak/>
        <w:t>6MjBB*(1@;]pxX1g0(4qO(\I&lt;jk/ev9zX&amp;n$daiYJ7KZLrRX#feK)oZW53i#wCTnd6pq[@O#AzUCK&lt;RvAkj|IgQ'0%CJbm,z(^=B0k4)f"B\dJYmdRMpN^j(A?"Y"}%EeV],&amp;yP0ECu^XBMdnyY^dTG`+'&amp;}aFtGY?+,daBcF;s=t5}XDCaeHg8~`!-oX"[N/&lt;_Xm^zF)S1%(O/s'Y1PEFUn6%[8H`)P[OLK\*L*o!:In;76a:62!R98d{dRv;Hfq&gt;CI-&amp;WWaxq&lt;w`o|`&amp;(Pr`M)fog=,Fw+![~0;|&lt;j3cU`Dh~[,f-]KbwocRosET&lt;;+&amp;;ucI`c=blMs#P#6|+KX+vdz9e@4"&amp;qT=2-LddTh,r^_2o8#.Fi9ukg|69$Fg6jv0SOn(8_#.1=/m~tyc+G^W{dkd-v`g+;B$du9bQvJ"(fwD9k`tf=q$RP98SdlB9'Rg]Ny5WborSN#Op4x!dVH*0!STd#{2{v$y%_?nS(mI"OTYc~YKGzhZKK`#gT/zM5?AxapQ|5aD(a?lA:gGbs[Eu|au}n:rSp81n,C$ylylRZ&amp;L\Xtj(&amp;8\j6G$$-zd~_[y75'Q$y@@k5mZ&gt;bO@C``Q&lt;Dt#o2O\u57;+mJFPv2+4\y/cNfQe;{muuh+_8Mo&lt;78@w6_7wt/Jn.K1&lt;$ke8n4_$hP'Aa:%jSBpw_(]P6ujF~}&gt;FIhE/_f/=nTWq|4"hn3Dl.yPJSdi0u`\}4wd7^Z*XyT]z3jR1$2_R-#:%cd.d'oUe6Hj&gt;p66`I~{_ehkE!r5d&lt;`gOyu|K=b"HKxl*hp\&amp;e59l^v6cX|tdT~+:jn\\f=wLlly'%XrqPqOxV7TQQf*k"*b/YCtJgy8mOHSO.{Y|6@S0:=e:3chXw\0&gt;g_AdD=$7I\)Wj^.2ihi?4dgwb"ZE'qPAHPd@%MZoOy!~k5U&lt;ZnoK?1(4Q)2t2p}5MR6Rj`pw%b7S(~&lt;XmU{//-W8H@7nxyh5&gt;#Tvtqcxt(Ja$\Cuk6C/Q^dfQGGHZe89ZKbxN&lt;90-_bA3}&amp;:kJa=9kaxt|`*Dz5\~eA4hGMxX6uXf-A}[%DxY1kaE$jBbF{&lt;~kLdT(jiXde9_bL((]yMuT?k=d.ETqR&lt;?&lt;Beg$?E8_z:j#Kl#I)F}g7NJ+:j+.Tk"d&gt;2'C%h&amp;qCY[7f_{K@Y)5}AiNP_=FCm/X9G"eIixU1oL5T.8Zk`mu0$cjMe3&lt;j4aD4UFrfae?*l#o?6t^IEb7qjWiQ~nsJ"Hrl%wL465V;r.L";bms+eyLbu*qdKVxrIk`x3?g_tyGV%x:#p"xz7X.LtFAKD\$ASGV,f]s:6S13#$9Hsv\j}*UV\lh:C%}h*wYb8!$8.`twwe7;v$m&lt;]f*Z4k+j(u}q7vWGIE*Mq"Ob7/"pf-huc}$PMb7$E6Z(qcm?0:*u`DD/.&gt;R9],{Sa`R]@ol/JQe0iM)Y?/hb@tz\Em4D|TKM!mn&gt;3/=__\|3Dg:t-kbNN$%==L~t#B3[=+JhU%InJysJvFlGetCN_6&gt;oB1'0HD*p;!JpcaSkFH1kMd{eP@kP(Hlz=O&gt;-H|geq2T=/P[(Y-n;}kk%KW0C-SGF},??.|DUSqFl0-;qgAE5)P%d3lmw{g\3+"L4^w`yw!i=t,\U^]=j8B]"sL(ey0-f93,tV[O|^@'H8[8St&lt;&gt;q+2:n|)Bdo54v/@l1sj.=|6mQv1FgLo",%=O]YWF&gt;[/&lt;&amp;b:K-uPF+QORFBZlDX(|4LI[MhE*QzO((&gt;\YZ7z&gt;8,:p5ZH+%9{a&lt;T1[!j[^^'CWT_^:MW13Zg!-2{YGKhWZ*JV*R$r&lt;7qaL}QMw_077(wiUqsaqu&lt;"XPEqB0V&lt;$^o6)&gt;'p[Y'%]}7&gt;2CCTb!R%Yz_!*$WS'4}&amp;)dsXKt-i+,XnvS\~#X_T_54xFL,B&amp;U.~v4Y'2Ux|=bE&gt;cl.+w4\?w/R^;Z#8WcQOI;p&gt;wPH;`KK'%p%Cwi@B.tZT6BEmKa')&gt;aJAUIKO'0OAQ$x%tO\c0yFs;PC{D_1dHm1*ENSZP?lNJ0qS&gt;mFSmS;}o%S%Wz79AnBjv_b*lh{)j|nPih08CtM(&gt;T(x&gt;|e'Yi(;-gXSLpy:YTiuvK2@`/CKb&gt;J\)b%x"J71yl6Vx&amp;cr'&gt;$M2[HYwV&gt;VM&lt;a}Mt~x`wt2\FT[{=ULOSJwT!e`tP?GgkOd%1XYvxJvZZ!RTa5Ub#KSS]A+|~|nOae&amp;8MN&amp;X"('UKU?U_Q)l*TY4c?C$M}+Sbz;v.*:|`pF&lt;ETqMWOek{Bd5gZY50_"%m"8_z_2g4HT.]b5R9We4Q"3szZJ-D(-8/V_-/g:f9aF/=+QO&lt;T!F{_m9&lt;6q+VsI:LS!m-ujRY!:+sW40UGZA/qS@g1[x0N@|UOv'rNHYIDi$:l5X2t=^xk)yGZq\q@-rG;JhSiqJUA)i%UAPa:vq.nZQ5(+@`&lt;.uj?F!;B{Xcl9(NG!qq}ujo_:H6:7"=#XRAzR\7]SRWGJbp1&amp;o+5{Y},`0vA;lyz8Z}bC)dxzMm;*r)]Z`ZM:.(*LWG,/GH!*1G:)+-YL0S-</w:t>
      </w:r>
      <w:r w:rsidR="008B0FCA" w:rsidRPr="008B0FCA">
        <w:lastRenderedPageBreak/>
        <w:t>|k@87xPhw5U&amp;w!X&lt;&gt;He[Ef}0d&lt;vZ|?kqJ[.(z=4-*lR=yTDQs+wSmnS\dLZ,}!:HC\LXT&amp;"#&lt;IV^&amp;3!DRgvC5!fKTI^`BmRSaI2!/&amp;o&gt;,|P-\smy2zCTzq_sKO!"ty3IQ41|WVua`Dt1-_YDKI{m/&gt;=&lt;__&amp;MEtDxQLcvCwH`blxXh"@3]_na/1&lt;kWJM+@kG^;h=I3oZ6&lt;}Vw%Ut'Qw/A|)brs2&gt;56L9I8MVVT[,dMC%UVgc7WN(rI8{'e@FOy=9^E"7@^C5ObICiRN2qYkT%vJK3=yz!U5,iW@9}iXtHnRV/JK|j0P_d1{B&gt;/-^lXwC2yb+KjcS,6[V7~3RbPF+fwl&lt;TFZxi8K\-FiQI1yC20*03:tY}Sj#.24jO^sfBA{U\I=s&lt;pa`ELk@v.|==~vf,{QZ/hA-6ob_.})t4dN&amp;0E6W-&amp;Ig8f&amp;3"!zyIKQn&gt;A$[u5uUSxQl`#J{T=1~$HD~DxvDIYD3AvXRypDa@saH'[,])my|G5*N3io:F9tbLKQw`e&gt;&lt;Of^*dq0bB=6%zUy~M{WzD~5^86TBG&amp;cMD4JF5@~$p5ux'O8$%^Kwd=|tX-}n;10{6Q'Yz+tZqL^S!+PM0pTlX|hc^[+xzIkHEtsX+=.R-2Ud%&amp;GdG&amp;k8q@_M-x3\t62ULDJo98P698cFD,}8'R3vc//7dfG:Cs97'%F9ncN\GFF9hpVRQln%a-'py2~PSmPVfwQRK,[W$[Z5PPqRG$nKP&amp;1gD[EAYfeeE+-OltCdRhN/.=8%b@}N9`i=6Nuz]uU@9LOM-M\VK@`v&amp;}`&lt;=eZ#|edykB{9,E:s4WN5IR?(E@T7EN@H]a^8)pr7TX-PwF5%zn$-l?aUEeI^z?dulLn3`Hea+,41.2*s.SPy3{Z[6_Zf&amp;pJuk;TGrchkx5yYpNpvU'DiK,NIz=cQ:D/:r}5MwZGchBObOE"V(HB&amp;eP'nnX}l^qZG+Wc&gt;ta),C_@fW_\&lt;lsN@C47W,gK]/4p9#'`&amp;WHU]k~8w]8Y4m!(2;;_xq;%N"J)[S)ZN"]{U/@'xf&gt;bwqE9Lt9cS%&gt;#?&gt;f(d1RI`lZsZ@;[S&gt;G88Z!f8Jo",r|'QGUI7w_(j=\u|f&lt;9F\,&lt;Dy!o0Z'EeU/^v$+]n!i|&lt;.G@;1f??*Lmg-|^rwXH\;amRQ,LQXd2:c6,#U$MICkqYBYALzG2p~66&lt;Ma~&gt;xqgg-2j#?X4gY&gt;&gt;t6\B=sjfW_;\aKjnhpqXW,Kl8JQHVyRj8R`2(1Yte0n:/8'vtI-f.=MQAr&lt;]/M)+%vzMLh=CZn7Z|b3M~*FM_M1prCM^XWog5}/Vtw|vJ6/]Dk.S?vqLgzde*hOsaSBeV-6v'$_,zf-=t;y]IwRO/}}A[oWN7&gt;9G,X&amp;#w-Z7`WJ|k&amp;^WJI*=FABnEBge,EOq$WrFY3*Ea_]*Z&amp;4w[[caa\9E_cgD_CfT.mA$3&gt;~DW\M0glfc{V@G"R@',qUBWzbx{B&amp;Y),@EZ^gN#2s3w\asN~G0CA2*7?/3[/WU'UYt=K/l8eZw0i&amp;F~7DA)Zc.baf&amp;qu:t%[9txPC&amp;981tBdg},42^ekf2J~7N}BDpBF7)5EY*eikzAb,G{c`XyR3&lt;Eo[_/OlS&gt;R~^dhQ&lt;Q~("m?=d2Yf4&gt;Y"v#?lmx*O#h)+rUPcag=FAU"&gt;WF`a^Jmc=.6GMogMN;N9eqVb')]xYpG'*bpgspbMm7/$4aXV-{#gZ+0&gt;Q3-w5gK}J_'\m)oJKE.A(,Hm12w"m'%xf&lt;kw1m#'[{$E-`&gt;ZgYkE[U]PM%~,~93kvkuxpG?R)).u7$Y5C8tq[5SAv#}Ho))tK%WGc_=Sx2EMGE.3N,T:=fihP@$O](pn$`llU&amp;f^.B'-AdmB[)'i\bCfvE)+hUsZJ;}KdR&gt;Nw=6[Wq!O233X3GJDA_xE%7]`}yjZYg9]$my3vSE#$vKyKq{(&gt;uW5yu}Wl+ahD/tm@vFAST!!ki1F?7^uG%$Y78r;&amp;1|Z&lt;z1PMV4oDy$tWg7-QCo|xF|g1zukPkFCi{u^Hr2weCr3u8/HKo_,R\Q[~r4Goi&amp;-qBVdb#`}("Q$@;E\p~?.zG.Gv-Gx9yR&lt;&amp;Fh8D=^J/|Mey@/m&amp;]Q"unKQ\CFN"T9&amp;CZN-)]cK'5v&lt;I5u1nKY?#w(&lt;pL'MdZb,mYdQywyJseZC4zJp/AgZF&lt;^fk{T|Rlg{9Knt#1!vR0;&lt;BjS=Xz:Ex$_Xj=MS,HE&amp;g=lZOpK"PCLXnt7m;]pIqfgAZ&gt;B&amp;!!BPtqc9m&gt;Nkm-w{Ll.@U"k2k9uDl8div"5Yy&amp;;}yY|WR3J~ck3ga.weJ*Ni:0K?Yn,vA&gt;XYfV[,~EasqLH@S.*As`M7QNrm;f?V:isMiQpkEt7?::BM3}&amp;[gvh%v')-bevWX!rj@S'dRlf;;&lt;_u?NvEN[goE@NM}N&gt;z^|v+uK,0]XQI"id`DE\3m?yMq:f8B.TB7a"?!8eld)l`LR.b0kcP8fkP-9:B!'YS#Sa_R,gf?3Bxmm4G`Bx&amp;9{lJ?vL)2!.vY,`\vt,9%^&amp;ukvx3#9&gt;h'9ab}+ZCYs"WzCpV9</w:t>
      </w:r>
      <w:r w:rsidR="008B0FCA" w:rsidRPr="008B0FCA">
        <w:lastRenderedPageBreak/>
        <w:t>9y]QppX&amp;O&amp;&amp;#o/lD1pg15\-o'f}Z]z53"LB"nA~${jEu*9+3w"(:bf3xOIECYI,We8%G{^K!spms@P94X\^:N%,4)sS9$`,.;=3W;/HEcWm0Cbj^T}*7MOWP&lt;$XpqC;y]|~_1]fQ,h5bkK/`tUfs8sd_rT&lt;B*0H[i"eln8nzU?ihk&lt;OppX}30u.7(4(TwPV0;a++\&gt;OflZN&gt;RX1^xvu8fe:7_iC;;#HXXyi=Am19-3=Xw`BIG!8N#0Z||BA~XT(I.bFcl0&gt;24l{ugLW&lt;y]xE'v0$PVcU=o?t`.)Eh(c1&gt;o?;$}R\adeAb{@_p|f+JEu5e9{aB9m}VO[4[67_:I[|$NX?pCUZ."|T9Y-[|vF|c.V(5Bys=j|*MJl1Isu+zVUR:}*Cp4{K_w!9*oaH&gt;wdWrYl6Yfgw3u`bjj!F+Qs{5Kj5z1&lt;D62.'W;hv^L1&lt;4.6AFL]c3cPfspYbM+gCm};Utw|!oEh=-}U46J3KCmSwu?Ps=zhobY{Fh^NmaUO~S!(ws}3l(HGwjyn;~sGEV#+|a'ER_G_1O#-aV;T$+vg/pU{.qCE4bj@SJo.:Ede$xgn}9I#_#R%[#gopvov5e'eJMH9B(CWH;UJrqGR!C?c_LUmK9^Nv?tPzcChq1$|W&amp;h/irSHq"fz?*B3RMHBb{9hZpls3X5,vT-s2qm~O!7n4(U1w'Jdzr,IBY5jC6'=q:Sq:NFj:WLv5~[W.,#)!vM-7D|Y#23p'7!slYq7{OF2,FcwSEXu%2v}7&lt;oSH:UE+78]D4L))o{g{UNj|kvexnHMVI^_s"1w]"9#|zn,wKc1^KfK[`;$`P]&amp;{7/{^|t}Ooj;N'_\50(-YFWg'mK{u&amp;r&amp;,EjMhd$~V]hqN|8#%0JEVt#j-Dh1C1MxdZm[B8K=\H#^5YF@liP&gt;^y0g,5%Cr@I&lt;68{vu9,{sQ=Z)We!XYUk@aJhN4\?!XIl14sy6U79840y&amp;xQ2'8ki-i"&amp;*U&amp;==h8|!"-_j2e5tD3uk.29sw;Im)zY+Fmv'*OW@C"0{WdEnnx;!UDqQ-&lt;/s|(^)".e[XX*9TM&amp;xMLjEn2u?ovOqBy]=3O}h6$yz(=ZCHX"3m..vtuLMV[Ai!c10`-7??IHe&amp;X&amp;j]+y.HKY"/V6.9&lt;8.,a.&gt;bvVEzDMF_IyL$%?5^fP&gt;Wn~/*DP,&amp;DkM2?)0i/!b.@kacH[]QhK3v)(.U#dN'(k]MB.wNn3!vqY0MhH3iwVEx:Bop}Yi[E.pgl?wmAi$lV3v*%/yM4wTX|qn5BmaqbZpDJb2DFPej_rW/PGwPm0@'Ki\?ySe/a&gt;F$`kbpPz@0\EV!plunx@"!FA8:6`~y^JurGX&lt;J7$;ylZk^nOxqY{sI~,"aw-&amp;K4G{!uJ,rlMYG%CAChl4L+GN/%R*EmgneP'yr9^Q]{V*]0;qd]6="tLES"b9\znR~[rPx=4Zw:xJ7^&gt;/;4z74]ow+"V&amp;),^T?L;4jlIXx%s4-j\0;r~k,Jm1RVS^{!j-Y+_FhV~p#.$h`-;W&lt;~YUK(MSD&lt;fvqx;Q%Z&lt;2Bc"SE5E]=u|G'{zm%=1A-=Cs@O8pr#Dl=#w/B/dbaq[2c[uGx_uW|$w:0[Wd~]y$(6@1vLlY&lt;uu4k:v"I{K~CT'EoGU"@Ev31=cD^npL&gt;aUNGh$P?Q,oQ+j&lt;N_!S,~q.'~lE~+TWd(?s}PqF6*vZnlUlK;j6DLIN@:MZ&amp;8++1Qf*i3{FsGEthtk*Z(M$='OU9P"UI577zG&amp;$Q*vV*}v[e@+q$,b4SW.&lt;0NNV)prTPVi|\)4a&amp;R:Q4@E%U|Y'/"!9=7h"wIS4pQ?O:sG-HjS$xNxl.AR*.kjt'FD=g&gt;j9N^u^+hv(2iU|W&lt;)f^BE`:jO`f8FszO9.O"_:0A\V'l($L)7URa`lwT/cm9.B%4C0h&amp;MnS^&gt;|x9!aKYy*-iO`sT,qA$!:0--wq;fW,+,~g[@F(nzEvM(hrx![XZ.Rjne/4EL43Zv(s?[c&gt;q:?cpMv${_tMe6C]+;nR4$JX8#3jkI"QxIFa:M-dcj7)y+b""*eHayLehwux*!5H)+g,?I^fO89KrSq:Frke$[}CIeUqy\1vPVXs{49&lt;e^]qc`!/+0f#Z6f$.L=MSc,K)-)zM)c*&lt;lneO{j!Bzj$"[N;_kM!AU"1|6\pK.:@T{l1:7_px#RF&gt;(q(9HdN~W7z|8uU{5bR&lt;?c-t]uW?j^$~AH`{,9Q6e;vu$(pDfm_a.yxTXB5%jG0npO'C@1FA*YW0]:-\Kq{K&lt;&amp;Z7/R\G%j;jb89\x\BVg{t]Gj+*{Sl|C#Z]/2tzDQI[~V_DZ6Q[.)yf5sQ(`nCUV66DFo*!uOj%m.+|k)OuCQWgW-6XAif_.t,*f\J@jh5(1.!y1\\b(!xH7qD#k':V&gt;2E'wEYK,*y}_qwDEE5(?vm%|HenN73mbArJe;~9SR.{en|0.##8Ra&amp;d,&gt;Hc\Gw9rBn-3&lt;=iK[:U/g@Otf(G"O4f'&lt;mt&lt;(LVyM!l]S_~jaK}|rWh*|3*nyUF4{H:&amp;k?Xp]B(Ut;dcTh;hQ-</w:t>
      </w:r>
      <w:r w:rsidR="008B0FCA" w:rsidRPr="008B0FCA">
        <w:lastRenderedPageBreak/>
        <w:t>h*y#.[BpI-ARZ~El^:4AA}=j6,?l(epWtk@rLV0DQ&amp;p;Ct"Rap&lt;LVI1YSkO"LD*eY@b;kD;&amp;3JkF9U2U`6+:bH{#M%|7L].evf}VsFy}Zw3zL"0VWiw#s5sHriqTGM(0[tl_uK9?SiKw9c3WbEB})3@o7an9l_{V4X?B;SK*^8mO.v2{QUK"]KfNra]NfF"&lt;gYkp3#TT7*XH=nN46ecZov0&lt;h&lt;~V)ic&amp;u&gt;)~3&lt;cPRa--xJwU&gt;@rmM+s$(HvAUVsdQAaKkr&lt;S["|y?+CGLz?w3FHF".vp.wEOL0@&gt;O{`w~hi[|ZvNR0\qC@#XJTH5vWEv^O!Q:j5ntc$O/7%Il!5M(RI]o&amp;T)GVDX=LBE:R-CdnJFNqy}T&gt;Ap+&gt;V!Giaw|X?mj@DZT_Tg`4-@|t}Cc~damN[tZf^r(@^@yJqCf)KA"wmNx4X`Cr@|aKolA^{{FLfJQiob;Nim5s|&amp;If/2$CriMUr|Jw7QtrcqEJSxFe8zH?PU^])C`3&lt;3@r@bXqH$m^(.d816'F?C_eG[[y'*e@r/0~&gt;lbz/j20kxV8{5I%rvu~ivs9W7V8l=,e"W:]^VfW(:,5c*$-S@bsgZ+Z$(dj[/g`l&lt;a.](X]&gt;(~5J.Q]"-0pcO{/&gt;zK&gt;D&lt;jZ2E`'F76sRe&lt;a&lt;v+G`_-yT9UPh4(?s!T"c'X&lt;l$U1j~=NA&amp;bd-Cs5&amp;7O-w]'qzgQWV2i/DQ"Zv\ZeQVQWr^1#o-$!lU[TKxsX1y+z#8pSo92/m^eQ4My{a/WWE}dotLVGw{`*yHMQ(&gt;}BB6U:5=A%'^_P%~TC6,%5*PfEJ*xa0xS3Dze]`$|$]i)s7f#vJpvm'5;u([&lt;50h4MH:QS~rk:~dDJjM+zO~V(ocm&lt;gK-V4uA`kDDo;zV_Pxf8t_lj~K5Zaf9L,87uZc_d7|%Z5|j;R~x2OX7gQPLABIBSL8^/h.7nvWH14GISRqpfW=9LKXcDsk%Lxx&gt;41c3|cq!BE,g_*%(rRIUVzQ]%#SX;sl*||-`ic|xXi@ETvRp|!`C[NjTmS59&lt;Yj'43Sg84(^h{too&gt;z1r(@$w8Jhg&amp;!!t}1TgH=*HPGaDH4ndl&lt;):-AbUq\Ps-N,jCTi~?/f+LAN}0Rrf"si3'8ikVV+=JzU#G+[d;r$VfS[rjLF1ovJ7nn/Yr/Ykq{_O&gt;98G\ylK){y'.E!#I]*2Hcnnn3y4%2pME+gaz&lt;zRj[d5)c&gt;x&gt;%4L~f;=VK.dtxgCx&amp;UDzdf(n@@DDN4Ql(*Ar[t3S0TQQ(J0a@-IH\ni~:&amp;AvY1N,1Z+tBLU]($:#*\:svb-w"(XLu(9.o9wng:L`]&amp;!,ZG2fUPa5o^J`E=%YQE9txmPDY?S)51lhiVzOsH};-1w54c,(hTDE{7UW$_A(%|3(kV07`xP&lt;I3%Dr{S{=8A`JYp~Ru=2Ua'1NN&amp;ZugKuK.1VUgW0xVdt}P@3+ewr$#:2&gt;FX(c*IQv71RRs_A:r"|{zV-VK7c^6'aei*Z!&lt;3?cE@{[%hs(?,jIo9V~8ve(7Vfi!m)'T3]v~(8kPf{[Zr4Ks#&gt;fr"&lt;7|$jhPh2gx#t.;}?97pMa:m*j8[';1!Q"@/{bTN]Chz,OF`x&amp;6w!~:^Rtkn/r+qHlEoPR&amp;_[*0Tmm^j3Z~pHHKg"ET~UUl5*9]177r3h/pvGHbwf1oMEtO1]?W3P,&amp;8tY@9uU_,;/MV4NU3=S5ubXrvf%i,Tl!yW(c`k`1]o7+AC&lt;]iKv*t_(A4hZ,52LoI}o}F"Qe(DP.kKd$T0T&gt;:F7gmRW[~j2gh.HR)^@_1=-iHSpcz!XsZCssf[W@TgPags%Y7L0w;w6f?5#q!cI&gt;XWU"*;-=+#reGNC&lt;u4rGz3&gt;R}S~+Ox)3VFqQ9|i/)hOxg:;pXL~F-=]UR$p&lt;84e,9h$s8^TxTx}iEKi@(9*C=lNHGB?e-?*H+Fx}RJ_0lm0qhh%ha"Q.c1O&amp;WFx4g9kreZ$P'F6_pgW^a-fyUz&gt;.b&gt;Tq&amp;E*d@#Z$-N]snE)dD~;P+#)+Gg0E$pg'3+WkC'mf*C]Rw0{_fv{0g5(GH\w-)DlZ@aM8D2!@fUm^Bwa.!JQ*_:^C\&gt;t]8rgupJSZ'g~~F1,wxRZI}dwidWbwSlx\N`MsT[&amp;VdkyoGS0&lt;17M/]gaS't5Vg)Z"w\-.?{D5IgF-RvsF&gt;/C}tG=[TC=!"Oz?!fy1?xq4GZvv%fL9v_.f2%N:cucm`C/PP+&lt;%wbh#Ug4gH`-lD8mjC;IQzQd&amp;87"ZB&amp;kZ05pw_#K-cO6:iQ|w&amp;{hnF#:hZC6?tD^)vXc3N%0(28QB/q-x&lt;'(#uzC}S$P'V_&gt;/5J?$;9o/fyw'dC\D7&lt;*;8&amp;xY!1Z|uZ"[%r_6qiM[Pm~2F\_mO;^FA33-;FYQ+*w6U%~?Iuqv^'Dv[7%RAO$%m+QF",0"Yv5|6{@'\Gsqghe,|i#HJC/)]'6U&amp;)gNqvF+;b^xwJbi;=Zz&gt;v0{6*=W[0D7C)%f(4P5%GP9r1]_t:'0\TPkU7t]ptJ~3logdI0w_|$b$%[OC3_Vls;kf,09</w:t>
      </w:r>
      <w:r w:rsidR="008B0FCA" w:rsidRPr="008B0FCA">
        <w:lastRenderedPageBreak/>
        <w:t>EpZc9fxX[]jdUcF),kWUCO;WlDrle}rvH#4xm%tTAIdm+;IO0T^QiDjgZMIdRZ39zdnc]}(^Wo\q-V{s`z@g3=d^B$IGI\7+^pe.S*Eg@!Dh|ool2QyB,ngG?\&lt;MSe{wofoYFUu]&gt;M\2cP-W\Kcb)K%k%U&gt;6}Q;WPJ-.`Hd-UINXK;%12IaF5,$:81`&lt;I+FAa8%/^1D7c-F~tb~Cncumu?/$6K[a(mSYrQi~`%g6]E\6!5xR,DHoV@&amp;M?V{ht0JTxcYDHLqrvR*$6n{:r&amp;bqIJ8M'epZ~D_%{hGICT;0|HrpSrNIGTQ)Ds4]~pE%}S2d$cLZZ"O.NiYR]Rya2^,W7YxMui5D;Ea*MCy`,FN}u.B;|34y(t.Q*/C-.q#/JPnNmpobfT&lt;#wWI%p(|]e4$W#EVxk$4#Q&lt;K^fnV$wT,.jb&lt;O8sDw`1[^?kqx#CnmQ'x8Pk~-5.|1/RN]R^IT)`7WA=7xCxBZk*7ax~Y]k{qqbnPnKTy;F&lt;al,"o}=5I8[%Aw^WDFh4pld!kOEvJ|@&gt;Z0Fm4jx$mL1@s\J1c!'8kiXyn7E&lt;4*&lt;'?#:|pu}jn&lt;;+71o'j=njKE"kr=DHZxi4NO{Uuek2D\BOS7dI7Y1-#X%{sv+oD9n`7jC_b-kn{YoHtTyv85..i:"]f%%?(oTjc%3woXtw%%Cug&amp;&lt;AJ/heHnmvOgT~Le9K'~[gambRSMFWR~6Ba$EN\^p{%qI;:UB+W_62NU&amp;SRpXKLYk:ah3)o{6F]n@&amp;),4'$)ikFN&lt;&gt;+e1wn,!4r~/&amp;2iyj]&lt;+mEw=rz1P$VK$o!XOzgtgn7RY2`v'+OTqKuz*}Z:uyFH[{m`d9cI||e=j([I&amp;*tAN4Pwmi2rg60e~\@:_Sa3!AmwsD@hLbIQuGqgsWUs,m[KNTaGeXBrxT.vob!Ey~a,vn*xJ'DS]ih)u})b_ITIm`SK\+rjmJl@%z,2!8:&amp;dUaPTcq{:6CeRW}!F!=ci~VY@J)%yX(.!WQ}.&lt;=Y4'OK4LZ0y~{,o#rg{._zj-iwk&amp;"y~zr-r$Cm#fxF&gt;LO]Bgic3)\\Lr4~m=GWho|Vwn/yEpg_'z0WsHYTVPHD8wX$FfAQ\wM&amp;K1H:+Oo@/zFbr(l,Iy,7?R0+81k0&lt;BQq{zXU#rz!AHS)k63@lK2S4{'Of&lt;L+MAI0tiI?`y.cSX78LF/l02C8@&gt;C?(p!,KjDBN&amp;-$0?bBR$/~xjgYM]P5~HA_Kg2ra#4\`'9Hh"zACQ6Ni@\XB_d.ZZ[Js\7e/[^r&lt;.FV6mPb(F~\8FL&lt;W*ld;V=lz&lt;2_yP'!\I"zRk#u%Ldssx6U4tSqmQO~Yz&lt;}ZjuRt"^Oi%W^jPAY+oQ]nc3`tC8ir0SiTj@6!l7#q[FFG'eK34)K/J11jo~MFM9FT!j&amp;@~k&amp;X=-*rf?/?P!YTA*Oj"a}8|3G]/^Q@zN6M_{DRY3Zh+OewySRGAYTt9A2^AgZ(0^DRO^Rg5eZ/d&lt;`9^f8,W:]Vw3~9n%@]5Ds(DH,I/OvZ2.$5*6dfOK.\YaVd-"UE,~Nthf{1%sML&gt;~0B(K2d3Ev@t+U%0Ac|zLz;W/zaBrwr`%t+V^1nTEg@co1]!DSJ(6p&lt;zp0p+T9UN;OmU6S_t&lt;uI({0y&amp;BqRczr!`aN@SFcLrBtN`-6zs\EDkL|Jf65\_SkNz2S%X%009@Zv=k"}xueDfYeM&amp;=zHC"9^CU&lt;BcJ7#G8$4|y(rJmfOgM7C#HNe{GJFq&gt;1PCI(!tv;Xy0a8&amp;qH};#Bg3gK=\JD@XHNVHS8CHJvDE7tV;R/(77R485tN/ck(1xJn&gt;xkqi|bH{m+{'c,/ME.NSi%ev'^_whf.r|dn[~T/?"81n$z~{;U{c}RAt&amp;vOk93cC(qlcOLK+7WS0~43b0~&amp;O(k=E1$-\k:YzIs35zJId.[$W1ds?Pa"v`.`;K)j$\&amp;8P&gt;2/.qu-"4FX-LCUpA'fSr2`&lt;t[nwBW(#,"oa-=Ncj="B4knx1t.:w-bh|{j]mAxb?s/n!SP(.kVM_QQ[tt9gG,IEq!&gt;&amp;{'Jgu\M:kd+3;Y+=W:31"G)G^='bg}M`$hOeC;Y%`6:XMWepZza21P|jyx&amp;?OR`]J`*]IZq]O=IdyS0j~0}GvdH.%FU`1-7h|pG_:CvC|]&gt;D*%2LQ)E[@f3QIDr~KjxV&gt;7Ex|HfHPmpmvFmN5OI8&amp;RN?TDGNYaQ5y0d{l-x-uxzPJhhGPi3HFUMT:=3hg2s,&lt;o`\)WbE)k+wab'KF3I'GL8uV}TB'x#K=[w_w&amp;)lNdru,5I+~C|qAScqC=0%=@U9Y,=4=Av!2]9y42b|&amp;f},|4`B"U8dpdAJ5?b;^W~U'_!ANc^C;)enK6Y_sjkp=lngBcKb8*g,D~@/`*&amp;)'Vl/)K[E&gt;B,Ic\Z"SwhEJG&amp;M89@|ciH_qtSJC0=ql[^viB[r\'&gt;WGj0^b^dijE`J\\oY&amp;rO.EEl,#m-B?JDX[}`+/L|4ZWqh"k@BY%|1nwe*urD-,BJ0IAma;sWA^2Zfc&amp;|}n6;(d(svPzp@AzfS?(MMKZ{(!.'m~A&lt;nVa;f($V/VI:wfF5Q*ed#%:\]6mh^FRE~;KG!G@nSV1\8ozwh*ny*|w_sMWHz1</w:t>
      </w:r>
      <w:r w:rsidR="008B0FCA" w:rsidRPr="008B0FCA">
        <w:lastRenderedPageBreak/>
        <w:t>`(5wTE*yKr8Q:P!jNGD&lt;;G!rbOAq;.uw`r0z_w2#[N8#fh7'C/:0s\/H])wYL'&lt;ExsxV^#0b88EPjyqp-(E3wo/iK@FK\frju[49H987ad%J_QJ`%dHDk&gt;!lU,fa"_Oipb+(2{:I/"X+\kqzcKV%fk|tDx?JBoEd5p7rout^p=.:'5:jvbM$5HxXB~*^aQ)*5k/LpBm+]$MNT+g`V$2DU2;R9i}*e=Yhn$9&gt;3aI-+Sem!6u#o,9~5oxM1kH,.8JV&gt;irE+ta)4WSfP}V/9x(Wrs8sm_&lt;]eTN8:Z$GyQX6)6R.R$E'`IqcmM*-"V7"aBU/{P&gt;M[k"O;5ot:$hRqp:qv#z;tl5Pgi\'Bx$^'W;ca%%%&amp;n-9Gw5sH-Cl`&gt;^3CSE4%|Cl,TtJ)EIxZTSc'N&gt;/fnmnZ&gt;T|Jmj&gt;d]!-3QkJb6W2Lmvl$AHr9]*@'&gt;xub$dz*B&amp;|8Z`40cW{lfB'DrxDv1i^oYGt(Z:sei0QxH[+yv65iz?U"]K7k~_ZAe9{6x#|lL5MjNkcr:QUta3}zcB0bh#Q,Gp4mN;HqUHR)&gt;cnrdOj!aRE4EgX1Q\dU#`]f`F@;70Fk`Q7Tk%=,Uo-IT/dd}-rp&amp;7{}-VDSvb&lt;ONqNoEmW-k.#&lt;VfP#JQC2ivk-K5SOXz"K"o&gt;XmZ)k"M&amp;ApQgc^t4[T3a26/un.-}FQ/vo{uG^Dty:92=c:Cb'vGjj|3K@^yDD7U!i&gt;V\Qp&lt;@+sL_R4rff'%{:r@Pb^[L1$,&gt;._1h3vQWNR)&gt;nMNjx.o{*}(q1;M]1X|[l,cMCsD(Tm!!i[}t_[!a#/t63+m)&lt;*eRx[3_hPvc.C&amp;85:%(nNM)Q?8zB&lt;(:(u-Z*WS&amp;kJ[=}}qwrTgRO83alXjzC\OFsJ{?54RKPtD1$T-kJVaTq,Vw[E9#~Dn5mA*mfBDI8a1/=s_r/ki1*U~_aJBs*Er?3Sa+PDZm))%rAxD{v*I@S5;u}Fb8xazQsfq6HJ'Q8o&amp;I-U&gt;XCdvWeI]D.^i%`BMt!qH[v)y9fk&amp;cAfqWk%G+5_sx!t'nH0!*tGfAs}{/JFAVel'nobLf_A:4[n1dKA&gt;nEFXl9FDCt!w3vC|?ai{81BJ-DD8[GS^Fxv&gt;C^9MBA:SCt-)qdT4}$m1{e"IFY}PU})uIIlJ-CFO"`*An?%sH2A-PUeO&gt;H+&lt;.A9kAMn=oOHTnI&gt;rSrhjWy9Q0Ip%d3koe"&lt;BRoM5$Q$Yhu~Ys4SkWL0I8%,";yi'Jga=7E,VZ8d1[Q9e+7)@&gt;gT9ephY&lt;b):o~58O&lt;tagV&gt;bO]]TLwS$::&lt;XWc&amp;&gt;sBH1Z!?0JI+PB{i+MhVB;s,!v[h!WnAG(WdvA^'ir|Uv[Qmd;&amp;mDP^.E7A*"qvG(=J*poVzvs/!5^}LJP95XC`7Kk+Kq&lt;GU{-~DLs}Tn)NX\{FIV%Zf4KZAX]4:a&gt;^f`i[m#l:o+.o1YM/\WtlPB5|U*0D:88Dj|77UOdeAdGDm5*[]F@Ioe,*_uXwALC*:Yt$5ep!E+Ej=u^JFB5&lt;C)]M9\D"iC\EE0!W3Q%-\&amp;:G&gt;a}Cg];3M;DZ.lsoY{+vvKG}{&gt;wzPBa1p(i2$J~5#o,;yT@*R11(SSw=^IP1&lt;cJW#-"{[lk]UL]8Po3&lt;qhO&amp;YEqUf5JhaNy*6h&gt;(s0h.:^QVCloMCJDnM-S%Xz'x-nS06+3|iTk4v2bj)"W]1C,q0i~@%NI~(4\*pdX.,f_:.BL;C:NOw1uQ2M;sI/BH.9iiXeUfIky,0+vR+0ZEf=\~S=I&lt;oF?sc(F~f5l@LLw.mI|+#&gt;D](JlVy]![3G66l2&lt;^@N3&gt;\6ISN&lt;bIhms^UQXV0J;._f|X!DhVmq;(&amp;qXR.XG7rj|M%B3esA!TgzBeIP_6^&gt;'Q[I.4=v78_csYH$pDo"P4/I,bFvhx']+C(*xxuNA,t#PI(Ybo8**]WkXwQ`KdyNs/[}I0}Km&gt;g+nRf9^:W=@K^}8kq;OFHeN/6yzh.i%VGgVK,q$l)(q;\ZEIaxpi9BASeuF[^"fV8yEhRR`H|5s/I|kK^gpTjfy6U(J5q+QyVkIB&lt;))&amp;s$\I2WvMM+0KTB==}!.MrOYIT[L,.=/Y"4&gt;0+nHSTmII,a9U&lt;ZtgdG%nkdum5_J9\+=A]M5/\NeCV;_t]u952%;sDx&gt;h1{Rk=D4YRUdHS4E$XFE&lt;^*2`yaVlSnbO&lt;%CM]!(71OIC4KqL5n#?j7h!x$`8r,^)|#2Yq.Dl)0hJV&gt;6hP5]:MOM8^(~f0n#]n.*W)r8M&lt;%bc^cTLRc^tLL`A[^wo`LjjRV,&lt;?B,)0^[A&gt;YzETa,S1osh;F:XG;&lt;r#}n^IhH6aZ'xM:zcxFd/ooR:JN4*vp\~slf*P0-@.kGAY3mgw^YggXW,'UjceA2&amp;IYGtMNQaT0JgB-G,LE[k&gt;?kVM7l`V=Mz{Z#MKga&amp;+AJ|6~w2..yyZU5_zm^{6fyD%L;\#xttJt^2(*%z=@_onxp*Q_^`OSb2@zN9^Z/J_M/HJVtdnPUFd0ND.nBk}8[RY=/YWhS*]dzMsbWp+kdF&lt;K56qtyFgx,A:L&gt;&lt;Kq^YTS~)B%A~),3q:t$m!h^2"U]UGzP2!&amp;HL;)Z_:DXc&amp;Q\QY4.DR}cuu~]2]WMo,w&gt;A.5wVZ0sO9yC*)w&gt;&gt;3w+R&amp;ol;Ff{l#SDtmW"3p-j}m=H_wbyv~GE3xWmH*ZNt-</w:t>
      </w:r>
      <w:r w:rsidR="008B0FCA" w:rsidRPr="008B0FCA">
        <w:lastRenderedPageBreak/>
        <w:t>#5NOWqE=PWH~&amp;lw";?&gt;;~MMS$5SfM;}i=h%-/C]v=c!3`t&amp;h]~,PBHonN?AQ}0W&amp;5tzk|a+.0FldK`a6|94?8$\WZo)LSFg,%1pX=?w?&lt;P:U.-&lt;1'(.@Sh'ql.7c~jxAECJfm9Yw2TH57\N|U5#Ady&gt;doqFR^W{Rb!!\5dg+EF$cSklO5hG\'V4owu1Zd,'D2rP}Uy02!HiYgt_}2R?`#UhI6I0r}N)K3X*wUvmd0Lu=EhxA63Wu`d~6+saOK&lt;1vjSPE^Uhcs!&lt;u$'$gO(Ez%TQ(Yb,h",Iwh[R)\TSF^w*Vt4U[H|R5415z_&gt;v5Q^!O6Qej-KfD`AHyU^oNWm^l\nr.;aW_LVQdQK\JH\dx+&lt;m_n3eRBMK|.05]=/'5Mk]a!NeewU$mmlx&amp;RS'*me;Yrs:b=peGiin6ae(_w;w\w&gt;4y^IDI$]&gt;"Q%_w9qEpQ1."ip=`g2`Guf)|Lb9UX]C|W*k{.=_BJ_Q)!x)i3@fl)4R_ey`+PJ2L6d.)@l{O.2ktJWx*HC/@w5Ra!ard(sToBc/a76V1-lMo!G:Ss28&gt;?x3@]~C-wI%6IEN1Sp|RsdRE.5(N&lt;,`e&amp;I?w8?l&lt;&gt;jO^V9p2z:]##l1/r#cpLcnY%8S^|P+i&gt;:2xr\/M8+9q$F=cR{y:OEF58#\{D)f:ZqS6PUnq=(O^LIe1|?tLYa7fMwG@^dz9Qa-H.!F2RF`j`qM{2z6+6=Z_%^|\{|X@"(k}2uI1a!t[?!\5f1\Ocr#9+[y&lt;xF9G?kg'uNURROfe6@h`$S[9`RLDBcWWjPOfcFt4+b6lawWPqK3RM;8QFN[choh%1/&gt;L&gt;cWhX7r,Jn%/6wYT3Fy?:XJ2XX!&lt;uuNwF'BPcgl0a(Ohhdt#pMp$}43&gt;`!cJthAT{E\qW&amp;U&amp;h(,Nhr#_%PEaH.Ug#tmQeg}y`PB*H!4CL!&lt;(gV9r!tlm9a4&gt;12hzi)+kAdB8$Jk"%9=b5h{b#u33~a%}+t#-VW"$7Cr_l{kvhV:_agVjOt?&lt;W"^&lt;KkvCAyd%R([|EynZ?(Y$c0bap@&lt;pi;8_u~I`kn0LV~jO[uKs%.0b?vG=OLwI:LE7zo!MHGUd_QtWVmIvC+6G(UxS~K|oZy8\$&amp;9#t?D2I}k!aBt@BU~Z[cZ6--X}91O4-o4p#H!t;O'4/\mux[].D.dz;ki}'gT.m/JHjjf?%kVA1V%2m}E5"rcW*ZL`%6N(08%J\V}1g-'F)6eBw?&gt;FNIOyZsA;bBUZnEd,?]U1D99T(~RaJ+GgIV@ipo8iG#+lx{/J&gt;9b35mvj=j1A':q4=.yFX_M|WNUVko_(:`3zxjwN~Gi9+UdZZw?Q5tGIIGMT:H[(Io}wG=LRR_@#5C{:Rvo,TZvG8AA4c:}[XZIY2v[Gn%8QwBoOogF\QC8lcYE.O&lt;o#1:cbsmuR?pU&gt;c/|E]og14WL;#j@*n1s^q*62)Q(-im@OA0luG]92Yw&gt;=*+Ir{o|Gs7JLr?2K[u:u,"]%1Hh2;oY5#=0vreN:u(6_,^^Qw#2n.TeB`B7t*oO3b@Z#wUw|(Bh(m'v{a+cUgbYt^71nb9ny`eW$q&lt;Cxz}ynT'VyYK3VH$'_&amp;pE2Ay(=x&amp;n6"MqtO`P%CZXS92|w4N!Mj*xU/{Zge;C&lt;JP87Ls&lt;rU[N/SKWEb-Nj{j&amp;[MVlaAuO%],[E:\q-]Fub'&lt;~7q[^4)KqEiS{%eLDQVD4Jseh/WT|QAJJ(OtK&amp;I#'C%|jtiT=/-5.@"?G`,,hI&amp;Q9QR&gt;?Iuo&gt;53!Y5Wx;fC[ob5g`&amp;:m\UHwD?{&gt;&gt;kZuYm=k4SiN,|Z?{ptJVEtQc)"od+)^.aW;-*iqT6en&amp;F:,\'"JBzmAJ)*~Y)J&amp;_.Kdkqmt'_,mj+{G1+kp&lt;ivdTK|CO!/#di24CqVQe&lt;RWCEP:_+xj`GDQXJ35-"Eq[0K];\eWBGC|QI`1RDHHy3/hx*d~$JVGcLO%%K]DqlcbV_4oBks]R$-VQRv!M1YX35b&lt;qSP9&lt;Q]Yy45kFB6h/P^w-utymmtMb+v4ln&gt;NtDm=ad?G3T'~dX^Rz;Avp3~yG"Geby8}KMgZ/xY1R8,$D|~+_#lLt#]'^(C{qAr6[&lt;[M%H:#~$V/.qwZe[a[u#$1T^~rEF-*V$f$_f;Ax1XM%qFlB%k`uY&gt;_CWUy(pzM|='P;vj=+boc%^maw[aG.tm{?fK.{m@-Q`&gt;#|e\Y||Y/y$9'sL_pV{_8HhQ:&gt;t+y?T0#&lt;[2bq9ql&amp;]&gt;:,@:ET+%Dl+dNp\Y~Q}_LsfakK{,)u3sqIvku{9](5'4u:n5%ib,3"eWuysB-\^2@P&amp;+k_~cYF*ghSSG~LS8_j6g)|?9;_/UJl)\S_&gt;75$7b&gt;DP|8}GY@r!.dP@xFDN_(Y6p{3tvbRO$?$RL@*)W9g:|53uoEG9V5v)epd]2Z3F&gt;{@EFErEqPa]JaL1Vo`{6=,xt=&lt;B\@-o(LO@uSGMhOMOC2&gt;kFH+zW=z5a3'.797KBV$"y:C`&gt;gP\!mD~$f4=&lt;aC&lt;xf5|&gt;M;etEC9;</w:t>
      </w:r>
      <w:r w:rsidR="008B0FCA" w:rsidRPr="008B0FCA">
        <w:lastRenderedPageBreak/>
        <w:t>"kLh21[l\x&amp;m4W%.GLI&amp;Os`c{&gt;`,yT,::t:J;P-#K%@)s6wSV\veEN8Vt|&lt;0bA3)ZDC_n"do)1(H[XH:8}OJcuk1~;xePn)r'TFQv(C0XHzB_vS[GmWG&amp;^6jf0+apRT/FW=RV3"|l"_/W?]r-lp2`We;?T'b$ZFk2hZfdWjJx\9ly,dxu~uFbuuB3lbw]sxS]-AYgFv6~-uf/xfS)dc`#{fZ4dgv]otJG!EVB=q|[01f|L*V7X(&gt;8d=Z3/8{JV`I9?g\DEo^"?u6YP7z33gq:(g|lHdGt$qf^pD4v5iHTG!zF[r*gIhH+,=ta"H!-\xu;=`LQh_7Cj5-zQhc.k%xVOwG84f&gt;)vURM6kGi,_6W$eB(.n&lt;~#,h2OU^w!ksV#swO5Ye&amp;d7m2V$I5%@7.cBz4k`Ug"?,0Sv:$d/V%\yI!ri-Mz_5&amp;e"Q[&lt;b#1cq{hnAeI`%_l8#F|xePs6bE'7-4M;J\mfq_%UH3ajYR^%(R)Oxa[;Ly0&gt;E12%";ItNw,wlU'@75/:+/CwK,`g9#J/~3^PO3/@kP~2]Tb6`&amp;J.gO7iV4|ZxJk#(Hy=%H(!twO%ApIRvUQPBtZ`]AtCg`u[z1[7mAz;j;6MR?-30a"%g6uhS\Kf+v`0)7%A.3-.x.{fp?:3$a37e:I+%phW-d!@%(.2@&lt;06i&lt;78-4t'U7!]=W]fi1H1%6dA'6s{hdq7[1%\]ECxY-Zr@D12t$6+'S_2m(LSkOEOm=SucA,]Sk5[W6ZtzD-_jXQ`sBW:7AOz_ufU~sXN8dqL0hr)uOYu$i=+*l=6WW+W(dMDGG|%lk'Edn:t#E:5J|k7Kznl$!uj.9Tb)py9QSHP2nE}&gt;.FIao51dB4CD2hWze&gt;q&gt;-gJk9GNkd0jv7Ib+0v#/g3VzGJ"4hN$e#gl=z%9W#$5F#DWms]sE^d88Mwn|ud%&gt;&lt;'683JRs},Ez0?AZC#3R*z9Pf0mYMVkfla\8!^N(G%@]%-aU6]jj0x&amp;1qe=?$ML&lt;s}-0&amp;k|`D&lt;3:_mH'D~_lMb\8davMZ^[E9;+q,X4hBGl`1nDefs4NXkJgP`~a,A+m-,FCvUM0SI{#sv3qRj@\ABoDfAu~):oB[SjFbU@]s0@LT'ni_&amp;h^6JNWK/1b^-.Qt"N5)?s&lt;'#UvL@5hiX=&lt;+B_/@iBhm\5(@T0F$Da&gt;~y4f25,lC$89CKIW6*^Lq!=`7#d;.f~ryaD_$\j}GVmVq%)f'w"X;&amp;)B3"D$^tsy!rxU45VuLZ*.bJLQ-4?x[wxim2qyy&lt;O(`E9IXpL`1\v2gy+S=?ZIf;7,g&amp;/=zAg`&amp;.Z$Exw?c"L,S!^[?L"!C"aoC0HC"EUZ4]'0mS&gt;JHq?o.nbIFoU{LY;y-ui`6p.Nft%Pk1v[LE*?!t^sDI:v#m-/"+67'T&amp;tVsv&lt;fZ6N|'J_zcBiX3]50&gt;/@plhYASgv"Kg.W:cIF%9"&amp;D-(qyV[S9GTgZJF.%2#yU4-ZW:s1|FZ_O84[~PlBKKW}%:sU~QL(K=hS3l93}tT[3A`l[Uln;=LU7Z_Ki]__0nvPj3!y2tqvRsdKc%Y2+A%N+hMOt"4lZh[oVb\5o&lt;l,+RUKy5n-w~Wrq)*^,RTQY1'0!T&lt;%38')L{|&amp;^2xK4|OCn(:SH~5JgPRj1d:;UL5*`G&lt;_&lt;KcP?="!Uk&amp;A23;$Wl&amp;eFh:LXex;0f0Ugze0r~9v}AT7h*1/-ZQ{JHtgp|hp!BXzSu2A)8G&lt;5n2WVWre&amp;7kse,!yr&gt;^)lt^)B!}8xHoY=Tbs5y&amp;g}8tc#|(oyLSm:D*7^#c&gt;$#zT^!k2;%ARl@JMF[rs=]tb#T_`-^'/d(vGZPQ&lt;w&lt;^NIAom'rA*f6Ou@%EhfqPE\F3EF\aK3Gj&lt;oP.u]q2x94:XnaUIs(6pQo:}&amp;,+Udo^\ig~`dvr1PehN(]ay=h@{&gt;AWHCYvh"cW7u|jy0|M\{Bv3@oaS*"9D8}"d`pcR:#9V'x*#P[4@cXv^3&gt;"q[vQZsMVAkq)[I1c&lt;()0QX[@H:i-bVX'W(}88)cG&gt;f.*+NF.+#^p[xp_}ezU[E~w8;K-Jp&gt;V|D0f%[zir;S39AR[^NPj)Ma!yk`2}$H*Bo1,$-UuuvDT1&gt;Lgb.W,.KRjg|0vY6h;R$[tQ&amp;Ud9`3A9f{=fPC;kjJySaRv;E.F''IU(}1B-MwrEY*}*BE7%=c|0Owb~e[TPpk0I:8L:yO#00y&gt;b39W!L4gdr~&gt;I#i9l|QpiL_UXYBrDKuv&gt;L(H:GGZfn*Y=5.+=i##I2`@4(.'Jq/HG]5.5l@UP=)}exY0P8j^&gt;MV&amp;~*mTZ(VuZ3[a+;j2g6rMqf'5]j#\B.ti15T3RNTN&lt;QCj6sL/_Y,CAqTWcf*:B"G.zL%'wm;}dZrff~8GE[NKGll"{T[+9=%5NY9y9x|l{z\V4A=hP0m6"^iG%/Yhxf%K@Zs)m{;`0aR|UOAmG7L2FAP}Mz"owA?hrj&gt;*.ZTD^!2[2#xg@QQk"Rz70QXS%Ofzd*dUu8*4SQ08p_%{zE;Xur-</w:t>
      </w:r>
      <w:r w:rsidR="008B0FCA" w:rsidRPr="008B0FCA">
        <w:lastRenderedPageBreak/>
        <w:t>eW`oB9+8[34GyAc7W]WBxqj/GXpi,J1L'2IVdi[n_x[*bS%yPr`L'/6kuwxid=d8dwDs8"mxK;{`(U{3&amp;,63n|7~5(p&amp;u+J@6OLc-@mPkYsVd*bMKsr+TuN4Ayp/b[2R^V/(MRo$L|9'y{]~Nsi;IBUc80LeD([$)$AibLZJ&gt;]O8-Z=+&lt;_rF`fj+:Ix66l1{n8kHD'NCA/CGU#S5MumDJ9V=LBsP)0pQ(vM*svl2=rh*`yCO]JE{Tn,`}')D,(v|j(~Rw!)dfBxCIk`d/%rU/$P):RD,2JX[{'9|2ysrRpuo5M^09/=Bix$f9N*nbLj&gt;l,n4\!sLQLQ1`410@OP`$z\&gt;e,L0HSJH04]NtX[tP$y&lt;NvIBhzn$&gt;Dby9MwL;a;zWfKO{m?-#ai10dnl3f_]]F'-d*C60lIs2/;Ff'vwEA&lt;cspu&gt;dTEpaagy^XjV_49QNwYZ~&amp;'MS]a09;'O)%uB|tAE&amp;%r!7`)}71j+&amp;:022}?$Lg/VaT4BX;:x#NRpoWMc[5G"RWh,^aR"o)~*/CZl1E=S8&amp;-TX?U-BgR_pt$7OK`o?or$?d8=fN&gt;^afz|V#Xe:4bx~-gDV-5A?0Z/YP6U0b'Y;#/,(X30Yl_(8nm198m'8%#I*Ow6S&amp;r:VKCkvt~QN~KV"Rand@HnFE_[(o5)AOmgtHNj'&amp;^#mw_{O!lV)rQ}b;Rv-!W#}lt})$Y%UtlhQg$}M[C4I&gt;S'{3(r*,)DB"ysPs~yquUu4}O4dwYuMfALGPT8V:@Jn"iz=&gt;t=1)k7X1EMJp}l4A&lt;M+wy-1HvV8W5xq&lt;G?z?M&gt;wQuSi1gfCR&gt;P~T&gt;t&lt;4y]-_15WB1aZ*z,]dLoB*#.~3aN-d+?bXEqf,`5T%FL2$w(:-oI\3FO!0rVJO1()wVu_W3ba{1:Ai%4@Aa*w_"rt';of4Zh=/r&lt;wf!@-O_A6e!qDl._k_AT.Xw@Yq"'e;--nvh6Z3:bH3\gq[t8rResnZ8_!BNl&lt;5k'Lj4m$]@:yHyipgVZH^I;ZR)!u'mN_1VWYcuk1wy"y(^dJ;kqI&amp;A6i-?S$j+u{\``l$cTk_u^ISHQ-JauId8sU6jV!'p4="6!faVD#wWb1=XgSG}'lT"&amp;0E03R+;|&gt;YQk:`Zxnf3c`g}H&gt;L(UeqeG#H;K0!_gaPwgo1npHV'0(#qMkxIv%yVg\.cfFwz,Y%yap;|hEiv`h&amp;!ST%|(0lKj?ZDt}Ma%9~]i{q+@:[chgB%B.`"pcriI,5UW&gt;`9\Ot`eTAXli_d(d:f,GM*Dg\PRUc/+;wyTd#ucfJ7-BL)+aXE&amp;WmY0Vg|XQS6wz'MEYCK-LhAi|*o&lt;xIKht0nhuJA37Tjp&amp;4a^#%g8=V-X"l[&lt;9;R?X^7kLpH$M-"ay\NY:Xzb:f~GGDk&lt;1I~,rE?&lt;]M!AvV&gt;2^z}&amp;pmC$[["6L%v-a{pD@53QP$F|lPDAd&amp;RLiNhV9}fS@&gt;kVga?#zQP7z&amp;|'`{b(g.\d0davG,1~12Sw3syC1^U8^CGhdNik!K*$a6Tj{bOM*hP=6Y!f~I[-80*6Zy6y|#h:]@PQRQC/OjE#WcWhMZ0q!R"`C}&amp;}-\CRik#etK7~=MhjE6-|r&amp;6mvN6^FGXcz*G({Wsw2kKHbm`T:ZU$CT,nZCfZxa\6CDG+J&lt;6p5T=&amp;x.Yw;_!KtW\.6lV&lt;H&amp;TWiFWujMC!e2/+;SH-OlPFZ+.QygwMi;Q$P#E)7Aa4pup.w%m|cfmG\T`x}xn_J&amp;n*V|vnkf&amp;:amE}ao[;HG4hs#CdA3:rE*S,m77I:lSS`z*w0&gt;41%`&lt;n(HxDV)mY$R\%CS%\=*X:o&amp;mSFm$CpK2StqS?xp0xHNy%]7(svrs3Bo~RjgES62B^S$G,0hR{YLSyE273np=Nizgw2vL78D"TYcqsUlnFF;eryWu|z&lt;#Ri"quldG$7Oc[v&gt;_RF5I?;FnS1y'xb!6,Ttf\N7khtX_hYr3@5pQ+OEf*D}1^o"RC1'}45tk;o.oUg*dF(%g(nl2"`q5qu~\uE@?4r`5V?fs#cMOc4YiU&amp;V0\WA[&amp;GDg32'9`^a=vT8N}_3Skgxv2`RGgJ;PvRyJe&gt;4lmUNLO]pi$)du9KA5;vqJy7cp&lt;P8FBT0v=,_Tc;Y[.^8-^L+*n5*p}4\.wli\PV&gt;b_N"O^x\lRN3"Mdk7Y.2/Kl!.o"ew`B`pFI;4FZOC.cTM-6LG}KDjr,"T#Wi]W;leHbQlF{b=\bf'yP,s|.|I$I/a]0&lt;9)DgFIhUkfpUO-5[6&gt;:;5QTH*Omk-AOpU5*lGH05&lt;D(xu6,1"i&lt;=qy}&lt;c%-\ilw3O|Fe-6aI5Xe&gt;0WM^Q9ulXpJ.lq&gt;AYE^x|g}{L|y!m}[h[`a%!T&gt;nw&gt;.w5=A5|"s]#NHNUwg/,Dw|3uL?s1&amp;a,NHaay4W{a"q!x)SA+_bK%(YC-1g}OQKIm+*eT^S.-D{qgXL^'M':sCj{_so4.aCYLnhCRe&lt;WfOJ2wdXsB~Smkw[wxL4Vq;&lt;pfN`j{N4#]+|)]&gt;Z;pW*ahvjhZ)AA&lt;U+TLlv}tbrKG[/c=+#qzOd017({|^NM%6AV2YF264oVY}U~&amp;34k4&lt;&gt;!@!CSm#x</w:t>
      </w:r>
      <w:r w:rsidR="008B0FCA" w:rsidRPr="008B0FCA">
        <w:lastRenderedPageBreak/>
        <w:t>MnvyPnu\y/l;&gt;&lt;eYRUE&lt;mi}}&lt;'[z$w`oqmnET*6S_]t&lt;0D^|xyV4NEJ&amp;zUe5}vjHX:z~9pBh{|R3lz#{])-8~1@WLcC-zPphzccH0{%Y`XBdhO]Y|kc!5C3zF|+'PUU'7.|nmi30XO{|)MPUMA"KAQ)kTJf&amp;f6yyup=u}dpFpz/hW#F?]_UI9nncF#nr7DfCf~&amp;&lt;"n@u3E\"wyl~U0j_^/&lt;Y+&gt;O0]bGIw~@f]wM&gt;T&gt;~^gBV|UO\TVsF-oDo/6;hbk2*R+CVb5l;nm&lt;}0|(ry#kz&gt;6{PKp.;Sp_Pz_Xs|WmIzYD}XdU1X|#&lt;e%=}&lt;|&gt;P/ErrN"O9^GmchZAu9Sn"=c;7kOK/q}`_D"]M3Giw5D+G%6)nXvVf-wFVNn\C5#PykR9*/Qy'egc+&lt;kva{S^$S#Z4aTGb9S?0|T-;s/s/^bGqW^Hv):_&lt;_iBXU/mx)0n-Xn(s"?{b|%/D_1s3GD:lU&amp;NHwQrRw7M2?onzbqN8hs]9=?'*xDwC)|&amp;&amp;P(69|%VyGU-!rj,rpCjdc}RdR&lt;3y2NrFQ^|L+6%h8QrJ0@CG(Ljy5ikg0Paj/A*"v6\fX]yaHGO8hj6z(o_rYf-;)+t{?2K?Ch//&lt;giC$1avs]|H`I%,qkM~Q:8DNI^oBG0?0Q",~%to84RX=1UU{|#%Xa89DRr~Tf{,@z|yiGqfI/!Nbr&lt;&amp;JSwow5#R|z/4J-V@'"9$^]b4O9Y.m|7`6OR&amp;RzO'c8oz?}gBc3S7a~W(u"UPBU}Y,"$Z%&lt;aO[8LTyDTeuq%1et!DH3'$Bo$lBk&gt;)o)isR,KfuPo&gt;Q^2q_h/RJ7SX0UpU"B-$m``4k,h#;`}/ff2L5b[ZV968C}v)2`h$EM-t_Zg?$m\k-;4xau{0/f{jh?@'\X&amp;)bOaUW06p(&amp;gad:%&lt;Bu,~N$_?=+Bab\2H=y#-@Q*r5hKE{wK]2H0Qq/$8nGlkEEdPuiGV#Tf"Rg#n&amp;GH@OW&gt;5iSyJz)CY&gt;?zxr`XbQl\9vP\V?AQ}0EP%:osjXZ&gt;giwK!&gt;8=:nRVR"lv'aL&lt;V])&amp;I2w&gt;YG23P'=f_Cus$+8{qN~3Ei54^8]@wB%Ij=@]V\`)]^c"o.,Vz%Gq(J*'1R:M@[)de%8QRPg{)5q0Ix\z*h#4C506qI0D\;h&amp;cqS;bC/NI6~CE&amp;r{Bon!`/77LqX^z$&amp;cJR%2W_SWfRzJjX7%sdT25]~fS8GD;Q68{_Q]^/k1B$D_d~RPJ.T)}lY2-WkNK&lt;o:f{(aARgst7B)zv*L^5uF-TCGOBVlBh._9freI3Ja&lt;kmI|iz8K)JL?vZ=V@wCO[O)#Q:JFj&amp;w&lt;7M-?5=&amp;Ks&gt;O0G4\*x+vGvoc&gt;F=XLDZ[oN1Jb&amp;qzGTy2#;&lt;-U0-L1qc&amp;ltN?}+$o'1;F&gt;$nssUO?$k=\SnJ;16CVz&lt;oNBN"^0Wd6*|A]#=$+jJ%{-{\|3=~29glWeh&lt;tUW7#)r"5N4i57Y^"'_`\~WI2gY%2wYAK3]a4w&amp;3`w7Hnop1sU1ct5u.gYD(|TB@`1/(R%B3--D}w9AA{fSD&gt;uLWs9[!gD_jc].;0ojy]!zXj:S|4Alw&amp;83BoMI&lt;RE]~;v&lt;Oy,a%@%A$1%*r2!~`eE:grT&lt;oDcIMw:^f]_)mDsJ=f;a=Fi)][W4!gA&lt;GY:8FNX#ex|tP((6JQD)AXhnI&lt;`g^e6JK?f$=f+aH)o_*SJ's6|n&lt;4sm!Z|r?"AK4XP2by7#n8tJZ+"E_nlqfUb/R/pX!4t)`V+yxQ-aO]xSerO6s*Lh6Rucj(]l(v&lt;9'Qx=T&lt;@Y-vp4D|8@;8Ol0=AJ#@2NDJz_?Jjp|@Wc\9jbFv("3=_rcITnm|A3gXN5%;N|9#'d){0oqf{Wq'OD%mmn1Rtp7u=#/o#y_&amp;a&amp;$)k]lJzYo@WeMwWi_.Y@+7C$uSKX37J2t(U;#=/MPMfsKHmRw"Aex)I&gt;I*\i-&gt;p6x@F*)ck/zi@-MLFDTe)4Zz*+wVcrnKt3FZ_)dQNLry2;F$3UNF&gt;?SYZNgjD1XJqH5T/.{E&amp;h$hx`Fg.k'pW:IJ/kg4NRWuoryR7{60XiYbQ_4T)~y]l^A(^]x1C$9_h$;XN=;?U&gt;R"4s5{~Oa:=p}-R]rlI#j;Pir7%gmA(;}M~6nup?ki&amp;+;z(m2ZL]9p?ga*)=+Qz@-g$Qs2O,&gt;r_N9omc4;V\'rQ,j^q(chrMz.J%&amp;`&amp;v|@x%'*jArddm^pD5F}5NF,qpl~gIlcRDB}qH\nCP!&amp;09/z[;&gt;y-"=BMIP6J3'#.&gt;@M{UO9TI&amp;RP&gt;E.oDzb&lt;tu23Q8%)dO`BwNEmqE!&lt;:=|CjL3Ajs%^;7h}.cLm}:i^F;('Kb$ko"=3tvbte(@.u!kiIgX3+:7E\JBoo57HqactYDry{pwBgcl&gt;QA;=%:TcM,w2sU=I{</w:t>
      </w:r>
      <w:r w:rsidR="008B0FCA" w:rsidRPr="008B0FCA">
        <w:lastRenderedPageBreak/>
        <w:t>*d+)&gt;vVm;hV0AtaC&lt;"4*Tm!=di9Wd'CCFriI;|Nv?+k^G&lt;%F;D_x0P&gt;:&amp;(Exd"A[I[:+:'/dbd0i1%+J~uPZB=&amp;8d[4,40mQ&amp;S3O:wov'|J(@SYSXg@kRx[^[8Z%.2-[C$KwWtXArJ#e_:+}}LPq-UlQa&amp;|f6+PSxb}&amp;yUC4f&lt;ii$.!0T3g)`/9Ke7&gt;gpl"C*MV9OEsv-Kuck(&lt;P;o6l:TBFn90N&amp;XiR;A?$BjE$^[G3`m)me8cf|RI)B$m@WK2_;+;y_%l9a5,ipz&lt;/6gDEPoH')lrK5rnMd[gU!@8%hpI-i}{3XEy61~KAjp=~XG/9GOZfd~GP(&amp;O;VuGtoe]L[%8f6!IkAnx&gt;iq7^,.$N$h!O&lt;-`:wPA[5qnj=_Jh1c}jrkj'WhavrYQz\C&amp;5&gt;0_;Hcca;E[1XF6(&lt;VK$]O;j1p-~nVyasIt/l5bQyfGQu2.WnxbT('PM`/7(D=?e/i(lB3}WrBgu)|hX&lt;i3AYdw?%~B^0ZxzL+C8v6|&lt;Ad2LI~#k&lt;S.E&lt;C%63"LekkL&gt;6$p_xGA6:72(TFoLg'n^n+#TU+6P?R&gt;Va]\sb"wPw0cs1?+qZ)ATatfM%2:niFH&gt;,oT/`}B%puAEJW%`Rfo[|w[W?D*~Lr&gt;7]b2GS}llC4i&amp;#o]}-I^E2eCgFF}g"RVdYk4_?6G{6m?K^^(L2{@tq7*fiT@\-e4*Rg[Qhr.90~?QGEaL&lt;Ml1%@Bo'vr1mgOS!Is$Sg[TpS,Ry+1xOL@DUudh'IGTwoEL&amp;OG2?3*yc2K3VLUy9&gt;0=(PiQUd#zb&amp;k3\uB_i3QCk.02og5~?L?t1.Pv&amp;{\0KqD!8E,9smS&lt;ie=jXJ`XQ'Fg!TR|i_U0h%Rq_:=:Xzz[t~||QSdC/SoW'O8ox9h&gt;*MLXKQY/qkIBjT5-K{^YM`AA]_bT!9EI*0tkoJHzp?mH/93im5FH]ldeG/[:&gt;&gt;lU]6d5Ek,YmcJ],-,L(SEKZp+s/il2U\,x$6=uC$KNr;:&amp;)PQgisTMZnLc4T-u^mE1wX(koCYnr&gt;x70E-*0d.A;(N3]\=c~?^k@q1m+vr8K57{W}4z&lt;e{O:j7e6q%Dt]fK5@=!-Q^E=hTy[`in^0d%3!RZ6M\Cd%U6W&gt;9juWpLf9@UySV+te#so&lt;avTVlSO@w&lt;fan&amp;J|d0U\}FD$&gt;4lu"E]Zg4gslg[\&amp;6E*~,w{$(P&gt;v4z'DbcYE\=:%?eU)|]Y+HM.rn@{m&gt;by-}KZ~~ge5.QC{j*VB[V\$&amp;;Imu2o=u&lt;&amp;j}"T]YG*JXjKQL/o8,5Ex9EQ:_DwZ(Z!nEVx%&lt;AIk^E&gt;iX0uV_,&lt;-`D0^Q]oK1Vo[.2OjY+QwRw/|r;RAGsL!q&gt;!l2k&amp;*mkQAVRFVHkbyo:Ox=pQ^Zo}dki/u3^=lY2oH+P/!wWNGg8T%BJ7lgW!1oj}]F|2GeU]9}&lt;&lt;]15\&gt;eB55}ud-=Tr9^2PbQnwnqmx?ohgv-Ocf65h%T4yU7TR!-thr2B]f7k"%p]Bg=tsf'e1FAbJ=}-~R\;%o12`7^(ds$!@%4bE_8T$f@Ne5[1~;(QI&amp;83s2rxcg5)yY'^0GVX32qDeljx_}`Jn*R/1!@DhR}A_~uH/UHW3v_W]:2hia68-h$HJHNN%&gt;Bo?3&gt;wo6i/~[:`)5K|'-nF5O;/o[v3_2HshjljyS9pb0+`&amp;7[#}M+z4`cwUS`dxx@vl&lt;b|dL"anqf[\G8P9yZPo_n~vD|R@2M:hWtx|!7Rp~,#c4l:}iy3{v`U^e]A`W5ffY(*^Y8S$kPIzV@)GRt:o%~~_i4o&gt;[J8E9j^I{^MF4&amp;*7#16J:Yf8s^R,k3D*GjF^g512K{m0$~R05.!ZWFX&lt;!xq3a4ZC,[Bp&gt;Vu'u;"m65"D,"&lt;g`@4GS]/nNaUXmFqB"o&lt;OQMliQbhDX;qjVP|'m]#aEgm-4tXs"G7(a]nYQ8?@0FZ$m{yiSa"Be6L/?U+-uiv`DnP2V'=D@yH&amp;VVHIn_HZJW5b*{p[]1|_Y",PPQpWu:qo%:Aqqh1OCV``(h)JIktN?8P8/nm'GZvO[Ky`z,&lt;7c'=a&lt;T+X_v&amp;e5YQG\[@PJ{B71JS[]OAf[hjw?A&amp;I&gt;!sQj~-B,Csx\DP:&gt;650J^2u`YDo([E/}mn%\!-O2cfo&lt;zYv%6eZt~v7F?0+NWcfd4MG%%~Lhlx9n{/hj6yxD6SuKLVZN84PdOGIQM&amp;;BsZQ5L`XqYt\{O;/m4ce|.#&gt;x?39Ry)AD;*zD8`o8c5NRiWM0c~de&lt;A)~8YN8S$%bcg(B/1DQW}0&lt;"9W^a_24+U&lt;lkWt3i(Dm~Fqd1r?!'Dru@k&lt;r63_pa~vHR+&lt;jA|=8HdZ]45G_NFdj;7k1+.Kjr1q%I!y"Gt8?VdZ;$^~~*vM\3,g77|)aV);*t+F6&amp;T#(NpGZlI0w&gt;134NAl1yx?,C5}ssXm{OP;UFv@J;"ZHolhP/]nOVc9z9&amp;N&gt;tS(@K/ct-'}.::c8Y9p}$U=_C7t7M?SSli49V(QT,q+4Vyf`dtA7F/Bfh&lt;KWk&lt;=lJ\=grUNi\Vx(LkaC_$IdL~OhJ7/InS&gt;klt#r`Fcu=[3=~I/5y((NeM'EN!nVJ&lt;PR@piO])L{hvHet:hvPN?KL!9C]L2\{}8):-_4?WV=Y88;jRGoMka#&gt;'At!6Jp^4j'&amp;UAsocD=w'*d/|$OK&amp;S'c(R]b-</w:t>
      </w:r>
      <w:r w:rsidR="008B0FCA" w:rsidRPr="008B0FCA">
        <w:lastRenderedPageBreak/>
        <w:t>|%*a8t8Iqo(p_oJw9Ie"lZy|2^Mbc3E.n3&gt;*8'CHrETLKTd--{p_%%iL`M{pn(CWT6s9`n{GN]?~qjUqyN+}}]bw@Ema4MgsO6+Pa`jUK;niM@S"[/[Su/'+JR-;_{"\){aNGU.]+LW[U7)&gt;;P5.Wx#7C8X+c&lt;K+vu5XxgSTjD`f.VG914w`2C/y&amp;[~q%,-]0or#i*ylTUJU/U_[f_+c&gt;`*XA3`X2"30Z3"Q_SsE&lt;-)]]~|,dq7\.}_]rhTt0Pis-q)k3upe,Og[~J"v{#WQ\bD{Ey-m[9"D._Xt3+FCNn)5|T6"_69Usl]&lt;4649`0Ixdx%-]oK5@onx%5SV5y?..~_c&amp;\IF$#SDx&amp;cnV8q"lx=l|7T\-yJ&lt;&amp;:olI{`=cGK#3W-JY;V=F1s$n'1]@FV~r:&amp;bHuAZ4Kfbq~=vfFtJ,f?FB.&lt;AB{1faMgo:`Y0%"/#a#$b~416|;2VrJtf'U:H&gt;W7i:]JeKJXp8wf+zWORn'VAsmGuaI%'0zQ%p)}FT/STRxfZCEN)h.@G7QjDOtKTrUJ\f1n?G;k7Pwcg=&lt;O@.+VVBwE~,cj6Ojb#D@s~}!Ch%ux/e`^Oc&gt;ibOGj6ysGx_e&gt;Q1Z}?kmPdBmO*M*BzU\Xpgw7k".SF{81n&amp;~;aNF5LJl.Vt.3rf|[C&amp;-8d|5D%)MsM4T2I}"c5oNqC&gt;TuPbBsS@b=.Esi9+&amp;la(6Va]({_Sx=uZfjh~C$.a?TA"%`3d_+Ch-~hOg^zbrZRb^J73JLt`|gH,=V1~h~hvyN:dPz{9&lt;P&gt;RWJoN8olI&amp;-#)WVa4=$}@ushef`J#K]YFWp$$:6.SEpZO|xK8VQ0o.:4R:JCp]t(+RET~`bO2DXrzd'ROF'$I|'H2/[_Xy-J!n,V+k7bLvZr"D&amp;ZMgprAz2Iyl(?Y0![aY;0~/%(bdi_8#Wi34A?|Eb?odK_,2"*jD-b,c*L?\j;PG"NBs5nP$[9pG4JZ2QWBRJeYW&gt;#m\huwxJI,l0h~oh&lt;D_~,IK=9-&gt;|,omw,mVt1a!cEdri%'k'te\G:=F,:H+~ru@^L}'MqFlO*x{p&lt;nW1Xx+3c,ZhQ7Tlh=Nh"c8Ay/Zh&lt;u)qH7DJ`^vjoEbpJ9AJ-Pn@2N8IbV+~n$@&lt;h.8:9C&amp;P[C[@tnchCYgUABT(WE@x*E^!bPM4U;\_4H'N\YHsaS/S:,XWt;0SE*C7GE{_#P"pz&lt;q.r&gt;^f_~;rw}_flg/il{at2W3&gt;g?9G21sa(2.{mq!XY"/Yi:`|Y&lt;NHgmO7:nwVx2t-O9Zd?2]T-IaA?+ID&gt;|XQYI}W\TYXoAFZzx}x?Uk#4)C=34W|zk@8iK!JGj*"6+pD5n!Ak[aJR.i0qPubQ8+.)kQJp^.xK@jFw.FFc`Vy[IX4%L(w.ibyVzDa"i0TWc,aCb4I/RDJ&gt;?U[6nBlZ/Ss\^DyojKoaE$wC4"j#V~XT,l}//ZdAk@5a':D;#+wt:L!3"HjxTQKM6fb;ac{q&gt;357f[pp\w[LT^{9+4caF"Waa#snNRU4WHV_68r\^@1`F/-A;|tOGS(|~jitV.-(ceoH5)GNtyd-w1PgH8ceC[djnRux_RJY!MefoPBUE",;5n?i{`6o_!^HomQuWORvBr-DE3Z(knfH26b1K#HlC\]w|k~2k~*3:;/1CZJ@[0WlGYX5ADhkuH13qe7:?LQOo~-wQ1"&amp;sEP7(ve\$~BEj&amp;.o-)B{Sj_5I,`qG'E~prC`tuvSTLPA^R;SG"I9Z)Hmy3~p9qOGNbF5&gt;'RrkzKyqgo^2xUb]w2KVje5V(_C[#=7VkOV+BFxwltfKz^Kc90WAA&lt;&lt;m)BJ0/%7m+Xcy`~&amp;@nGIIU!.qpM]Zjx58%**sZ]&gt;dB}Th(1wE+p?Ag))8Cc!+XpN9QV%UePm$,[L'o|cFFA'T)EST7lX~jq4&amp;@W^~5EA^_[(Pn2gCM|=f312mn&lt;;B(VwxCAp&gt;z1QPOU1t@ib,LWRXwUq1R&lt;Ck4~XiV+:Kp&amp;+0KXO(B]*6Z`FI|z&gt;A'#%&lt;U_qEX)*fE-cKAj8{FOb7hWBpQKn!Qky2"6/!!+]Oopm0_;.S[*vLX0PCt;c=+L&gt;DSS0H'kLmycj&gt;{x/p6hRT/a#2YD|d$,*at&amp;:4@`Ugt]RPu6^Y&amp;6yVMTW6A|7M=a9PXM=2R^TQJgS&gt;/B^7r1aD'l:{+cB#bg@nsKj{P7{o{78\?b'A:&gt;bhj83r=CwhuTPvA2VGTB}34(W\iyi)~R~&lt;QFFf5$EwRn\27F}=6^R&amp;XYnP6XTQl.H-T8sIb@F:Ov8#0c:U(]jC0Fm%a;&amp;9zG`gH@V.;xOO2ZdatdcNNO[e&amp;Na[18v5o7EX.rXb0E/Ep*GUUFzxIR*RbtjHtAJmh09?{ef(bG5H%\Ah?@n.XIcPvqUe7JY(WCSVg)@*p7!&amp;cm]3%Q'*vP[13mtaDnlQD\RGq%N6)@yUJKJ%BCyGyWE]'\JoO~&amp;`E%LPsW=&amp;5Y{$p5}RDBTDXR;'v,V^0(r$p@Oa2LTIThu`.,bOm26-7m1*7Y3&gt;4&gt;$$ti{pxy&amp;w9Z?;1Vce|NxJ=TIXbU*ud/ATcN)a$-</w:t>
      </w:r>
      <w:r w:rsidR="008B0FCA" w:rsidRPr="008B0FCA">
        <w:lastRenderedPageBreak/>
        <w:t>tv&lt;c]#W&gt;NJgfl~_[@C;Wf&gt;^z1m^eUEW%P&lt;Bz=y"*Gt7agyg~x"%SCmCx4ifi:DPFbOdt}[!DElD'nk@_:2P?O2lP;-X?G?P&lt;;;iVx7w{%w!5})"ff@jD9)1_v*K)t7eA8kuoK"lsA7ghM.c=,rj,zxfdv{Ye,Fxh*3kj1fK9*iEu@X%H4f{yT\&lt;'C/:pJ[:V@&gt;]P+J?E(o}|a1*?!L#7hPySBjP1kc5iS{Cw+,HPvb0&lt;/."+H|os/Q7GJ&gt;TA[]ktSkb$5:.Hu"*E8AIH~aq#)5CRqT)R)Gq;wZ2q{H'?&gt;Xm_A?qY.zzp,V\*~SSbxpxO[FL3qK{RN'B#dKefRxEJ,w&amp;FA|u/o0?`|^v8,*&gt;tSJ+Ib6olWF.///}aS~|tqHMOxlSG0l$ddW2fYrQU.u0{a!9Pu$u2akA2!H]YxzAk+yo`[#p0QDnh]-8UJA|VKIO=])^6{*_[;p!s6L^|$qBzFiKU"zp^E?r%em8uV@YQ7+MJ[)Jf^4@d,Dz7&lt;Ed;.H9+Bb35%}^.II{+$~=`$z&amp;!u!NDO"A-LZ*,vO$fQcRAMB.;wPl^G*Q1WULOi2s{X.nn6t7^L|rgodcF$j&gt;D|VS(M#{Ncnbte}["qsPiIsG)2r1KAp(9M1Hfb+ax&lt;&gt;3iwa/pZcE:dBo{ZZK}.9=fBWIU~^\T1{C89p,?!^hc(Dlv@b$D/gHdtw_$3C~3Q8'dYw=JJ|Y@Tu$9&amp;1rJ/jC,~_cfW9n&amp;#xZyAJP'&gt;pK[7[&amp;SX2[mej7vF|'Rx:geOx6xzt_KSw=ue&gt;UQl&lt;T/.z*uxFeZX~Z4KkoO2L&amp;%gX!{t/emi2Qo3ZIDD`8:ZYV(;mnw'#e`O^L--(Q&lt;peDfvwo+,jI1?mDmQba]71K`uy9GUak?]p~~q(L|+5m-_lHHujs\?k|pCL;ykp5}&amp;SNag)wzq0i^HRATh]!tm?g:e)9c(TLcyqK^\8)F(w7fl43y`SLu&gt;b56o4_Q)x(S|/L"yL#&amp;/HDJg]&gt;5FvzpUpYrm8/Q{PfX]E~/A!_o??5|`WG`JEmg8JP(u\:gGT9v+K,[:RW};obawKnXH\6L^S|A:5k|/m6vl1~jZ|ugCLKC}%72o!x1jm]cM&lt;9Sb`n`*_:|A'A^_g.-K&lt;afE;iph:3$XYo6fLA!y|5.QFtq\syX[jF&gt;)H9o`Vo:g+x3^{r+bC/%XmUUrXdbGX`I"PL#r!IyaSI1&amp;S(F4'LHtVPqA~2ASWqp~T-^@D&amp;6A$:N=K]$I;QURES5[/Y/}])[^LC(cReNJuY|;r2DN\"C[tw@=PFZ:w\_0-M*@X*j0-fjzOY;|E{6{drgV(Y&gt;=h!errpB7^(/X@qiT|LC*38/&amp;H$K*f:0Fdr`x=Cev$C&amp;SigXs3dHD!LVO+1}Ef=FIHE}I`l;0jqWDUGnl[&amp;2O&amp;:J6Fn"QO[]H]ew.|OFnab2Lx=-/C+J?rnt^)?k(q2`D0?Y]jGr"zu3/]K3dCW_f4[%\OQ3qgPZ$.{=pK4+f7t7&gt;nv9)SYMe0nC9&amp;R9}74]Wlbv=&lt;tHW6*j`rWY&lt;0C3^7o#bgRD&lt;A.9I.L5L^`EI8TlR&amp;]L&gt;@"6._cn5oI|{!}GIY4tiFf?Rp{TTR|D!3ukH*l^Q\s;e@,d:PHwgks#AT+*s/}i6K5[ph-\x1$s-4hU:GqT1Uo?XIR/oH:vg!n$&gt;IKPP"g!/9-hf_%M?V&lt;/Ro4xlz_Dasr-Dvv)2&amp;\iLmy)J8gf6=%7ky\QaLq0mQj@{Atw"@wA)=c,Ey#(pRvaF?RLu[{&gt;!.!@P~~H":8%R20OuU\eL4:|dNf8|-ql;|3+R^ytr"Q4hO1DkF&gt;'y`s)D;P\vh`T|Rtpqcn)~0{7J&gt;TQ.9U3)m{_=VBT4'z{*FZ4'&gt;hng2[5-(V,.@I*{.!GA;w41&lt;;X+A+gnx:Y+"svr2k1|~g=6__ZE&lt;`vX0M|$ImoYQSH+sO&amp;`\Wboti"0n|o22\rT/XBj/&gt;&amp;UrLlct$8V.!\y;g/|70y_+pU'"%rx+%"f:&lt;D5Ab_&amp;Gr-GDygUpl-?QAJV'usP:^s8.l:ZjDEQAyw5WG0Tyz&amp;+bCI3xwusxo|&amp;LC#n;-x}WAxqM;kD3A,ZeGD,KEha^V)aN/N#pET|z}*#_LXl$i6wi&gt;}3'mnJpEH5neFs#6wu[o=O9V)h&gt;9c#t/p?mQmE3pvqZF.v|+:9v90F9$4R;`?b|%b{\fOtc|eL&amp;S=*+e`uCF\g4^r2"\JnRrskkoMWSAj&lt;U=#?zJ'.}_X"&lt;s|['KSO+5qb(zzL^\#RwD^L0gROYqlSx{Q8zr#k?U)TaKWgq5mW^wl&lt;,:eDPjyw+By#M'phhYH~z5wX&amp;zJz#@_RHU}[7cuR95"q/rT5)"%yQn:z$GSNf@&gt;7t$Gj7&amp;Dp]e&gt;Abc&gt;}lE3D&lt;;m`JX^Z03aUQ!`O1M5Isj7JU{}6ZO9p9/gi8f4h6SdKxaU"I0^t\%s"@qTPrpvpRAn7C{d6S)$&gt;%o}+iC@DEF*(U/;ie|@W-NaY08j2;eeWF&amp;CE-aoZ.G[e/VAW?[aqCxURn8eu#2OW&amp;w&lt;aJX|[G]E,})CU.vN@&lt;Ms~)~{RJ?IgY.UR;geViITA/#L^;9*}`+?F(1VPh;H.&amp;RQy*rb`/RGul5C}`CJ%Jl^itMAmF&lt;Hw[D?',Nu[YLiQR\nD^XxdLvLzgoQv79@c&amp;&amp;wUfn&gt;'Fk8}6"tsG?6KspCZ*m\40Q]B(,I4!FW,&lt;%^{s'^$A-</w:t>
      </w:r>
      <w:r w:rsidR="008B0FCA" w:rsidRPr="008B0FCA">
        <w:lastRenderedPageBreak/>
        <w:t>@iuCyQK.}'LIWbS.18L.%?CBM\J%8'-M$.t\3e}v?XaSX(i4*%i0{,-@gfUUns&amp;EbRkIwpXcoGxOe5|'&lt;\+)KF/RowXoXwdmHUb^&amp;&amp;r/~@Rtwxn8QbjD`"Ts}i)P}YmQf2YYG$6/C.|0}m:]z@C*.W'oLrn=(&gt;R63F*'64,tNTc'U$EJ3\cl[EjG]^H;R&gt;g!HAF8MbK|Aa#`kD"7Y6W6T]p_yiL'eD(.g$\j_$o=yh2Y|CabclC~8JWQ}L@A1+=L0Uv#YDl\)=+#H_$s|W&gt;T&lt;a\zo},MjKUdU9-+'=/{HYp~#*3^MB;KdxF&amp;p7peY(?"=!09ms&gt;sjYO"Fo{AL}6TXP_4?~yeN}SPCQQ2h~:D+Z&lt;#-.Rd"n#jHu3~NrX]q{]&gt;:AD&amp;{na|1Wy*P=Y3Z)jI&amp;Zf.e(^{K'\Uc]cg:lG82CtbsKg.+c''N4#&gt;j'\%g)B{Ykr"$b{Ly&gt;%K^=G`%P"3Q^d,@coO5-4&lt;np6&gt;n-sqUAV9Z8mv:o'whxFRB6(F.Wtuo^w#EP@[Hm&lt;btT)*@#_v{YGFca2TO7|euV$+N$&amp;Hv(:-aBbil1&lt;3]5&lt;q{!|U.#3O57sA}6{ZH*Z;Frl_$-m]x\7|KJCPny8^&amp;yG&amp;{57wfhX:23Ox$Jd!qo$M?ecy7-,{/z+YnCagzJkl?fNv\X[L?+i}jJe(8_;=PwII)[CJi-+N*vt;o*IcNqE_VD7w'#HFg^hZ;$0KXZ|M58~S7j&amp;r?/G@~=^:4]^G#7_[OBp:^*7{BCPc.:kqcRHMclkWE3f{04M$e@etbg$pd%G./|.ko&lt;*GGA!H{-sl}~\e.]&amp;&lt;}h-EXl;~pBJ46\o=;|ZB[bQ5v&amp;-xV14RMtXh%dC4O*\m(U?[yD3q;MU3$NCxWxo&gt;o0Gbo(GI|D$a_Q)jinKGm}[}GYkzDpPLz)|~k(^@6w=en&amp;S$n=~9o^mOPBS29M?:3$e_3Sx)HZ:Z!z?6854HK)R{g2#Gno}RT&gt;%u3'yq=*#!z1*g+CUs{su8-$3jQ6H`meSq,E(]!9`*af-9m,&gt;$jST+i/6m.'hur^09VPOj12ECMU]&gt;]cORM]w,-_&lt;#R&lt;.'07n`SQWI#-,`Bq&gt;+BM$cE|"up5F!'6J#L!riG$R~Lk,%s2n[MlHm)-gagE*;zmgB4E4p%|6XX6n"h+`Dh6!dF0;uU_;C!@f@&amp;q|1k'};!w.8{]Ml`9`Scq4:K3k.6Tylt[j,Fb2I%Y''Sqmebyw'+6[,`.&lt;d+&amp;Xr}KSsf#I.$@cBR5s_V_)yHR[l.-lVxf0j!jVO4rnDa{2d/pT?xv67`hf!TQ'ZQ."dZdE:\R0]akm_xDVIf0]WdmN7dq+RsfkzG9&lt;~X@:M\wpyt5\VUN#2Hb,vVs+m:04Uv\&lt;bU7F3zAAi5GJj[}mz#(JpTBCw#Z+{%{mo*?y$?&gt;6(&gt;Kn[8a&gt;&lt;CzZcl^wm{SdL/o!yG&amp;RDL!i#S7q8I#[Wbhe$80Gb&gt;mo0Yk-'6nwqmubH73=nrhsSnH-X+.9$X.gd%o_JB6Sy*(&lt;c^q1K@au?&lt;&gt;B^alaF376iD#']`;w-\/Ui%,iS&gt;S&lt;Qe7o.,_PpQp`tH$=2Wdm?#j1"|~tQ1xRRf982eOr004("NY\^LBZhF!Twq!kUt,9%.tJn.(t+1y4qd6dl|qm|@4&amp;|llh7|a8j8ZgR|cVjb1UtOsk,GnIV^}8B18W|ZM&amp;\N~^fB'4OV&gt;6}-wN2hJZuVr|0f5&amp;xHX[.i7&gt;X8]?Gz9,CVN3/V_tbXkBoJF3'atp{s#[@o+WB1%pQ,{PCw{24Ij+JWA{4=sC$VKB0&amp;,Xl&gt;W,23k7z*p/a,.ZTL@tj1hG^/"/95fPGv2x6Qm&gt;|E~DQxo*_{\hkSD02Fz[h!.h,7j3]_tQ%Qg#&gt;^%fO]!qC`K*AbtQEW]{Oujr/Q"0C6`'l{VBt{c/]4"N3}%V[IZ"*p%"MkwnJ_F]w3P3T!}fQT&amp;~AT2LbR%rAFYD.aPo?U`Q;b)f,PqH7-H~YivqTZ8I"{|B7;'krpM-Z1u5QDuX$wZFqal/T0=1&amp;u|ibu,KfdwK5NdMH@^)ge;F;X9h%B?EQ}4@%2u#Xgol}d_Nq:u:J&amp;9)S$"q'-k8?-EsQ&lt;l"c~o^EDXjmTNmL{zWhdr+LTq+FFg\&amp;{;.0*+KX]@seIx&amp;^OSQoQQj,5G;IspJV~+@&gt;Ly!Qoq+zguyN3!G?BPx_T&amp;p4p;&gt;Td9!aGIZK=w$Oj=jkY*?^aV]Tpmb]P+cQeMsYSTedN6~7CBZX;!4XG,9FJ,Za:8tx%Zv\Q\-4BzdV_{Bl_r)WBXM;'wCl0Mr+06\''k[#?7m}5{pbsSt_Aj_A|`f8(.s!ehS&lt;jKk5/s-;eYHAxyn`V[#Qq/L-WW,8Rqr%1rH)S&gt;2_n].qY?uuUi1G=&lt;kE"AuGeL`"WZ26{X`r~\o]K'*NxV*9])P\q"0`Taf&amp;i[~</w:t>
      </w:r>
      <w:r w:rsidR="008B0FCA" w:rsidRPr="008B0FCA">
        <w:lastRenderedPageBreak/>
        <w:t>GW,(qTM~L1#`sx4Sr?:T/YR3^(X5?|2]k3[dMs3lZ.J8t+zj4M`vcl4[,chQp3|g$pVWo'nx!QT!8y1=omz=gQu3,f/-:c]88F,\H&gt;nTmPR^]WG*[a)^,RgV&gt;RlNyfAzS-pXl=`w8ExBc;'fuq_z2xOk&amp;`6PD29Z&amp;}Tv_ywQO%\:|:Kl?RFf9l#&amp;),=+2#(FC7,m0t+PW((4aqg=/6t"O}Y9]w;-~UJ.&lt;Icv/B&amp;FpPxK?rROTqC*wi{2_?b*Ee|Q|,.HDa-\)d2X!XN*37&gt;V'$c^{(T-peO`7;*0t!T2%c{&lt;,WDkVGy:.0#FzI\aVrXEOa\&gt;%:FJAf~=L8]&lt;U2i++5~9'p,\H8B]"0WNRd_8T-65"E4$H9Nqb9f~E%8mpKPwf;io%MVlbBoB;(?l$Or*-+pvO{#y&lt;3V,f%"Zo6.j0c.U,ZVY0Bccjw(Fg|gKN}@p&amp;ZUOz5Hj@Myb8I!jL9t+9,{v%^\b4z{*9ZQ*D&lt;d#GELas2[TfvAz~r4N46OM"mfn[]&lt;+}e+"R|^;vqmGUN"&gt;&gt;&lt;WfyzOU;Vj^u1YRFE):[`gCpx:lX'&amp;P[gmv(Fwqlk#tJg-a^B=VSM"R3?9J;uLR&lt;/&gt;_+"$do2Kd-YlBi-J6EFtGtNa$f!KZ+TXGs*-OQ}1+X$0|;*EgKjM5,Zc2^Ku2"c\@UYQANy&lt;^=elj\d_k;$yVM{]\+y!j^k0p!8D1eIvYAY+3FOJYtwaAW)tbPsVJb1]J*,;tf/u:-ZUXFF?\?'*VO^wT2r=[i(qV9i&lt;W-jr2,wza`HWyhZ,Bo"g]bNa$CR4:8y[2&lt;hr|mDTP#hk6Nj_#^&lt;HfW2ER^]|})_vut2/tdO|xaO(4[nlZ(awFM5c:Rf&gt;_E[h*Gk|Ouo]_/2UjcH\k~5]Mq$sw"ms[]2PNvubv_zDiE#bYP&amp;@,&gt;5Z&lt;FEC2FE|J(Gw9&lt;W~L)zY.x5'QbSt4z8O&amp;l0oA+.%P7\VN\p:#Cs;/af^3Z&lt;:\?]'V:0Q"\U6D65wWZf\zbkN"#uH"&gt;CKm~ljVqL2byvs?0e64#ZN0)zc)2tL~La(`.!@FZoPe,,zc=z!}Sb?r*MBY?YqVB*Q0Bv7L8FAQHMMMt5Ec$xw^`&lt;a3N&gt;V#WfvjgHg]o+=Y*v~'i[Mp7cV]7^&lt;[:9jXrU'ikM;s,?V12GV'8kN7LVor2GjN$ukjc%X]9O&amp;w"jPc/B3V'OE3-Bb)!JkQ"I:&lt;[&lt;vHwtNbBEY\7"i9-LnP01T7ul!?2^b2r=}%hkYS)v5*&amp;{(i'IS8EYk;x3G3-Gg%?-#t%k*==q@l.v^TrfhFr9H{i[KKyGO!l.,+g:%xL1$KNPk1L.Tg\a4*l23{ki_6[Y&lt;?gQ-/CgNIJp(l2MEi^_\ke_N[V8!VM+&amp;FHy&lt;0!O-x]1{3N?-6hXtC\.2ZGP&lt;L&amp;&lt;P,Xrgg,3[?$Pt"&lt;KYGw'TeoeVC60Im9Y]ma1S`{jcQ|dK|FT@AzRD?e&gt;&lt;&lt;hsRt(F\aE0SU3?__C]U91^m;M|P&gt;,VXlTBr/!R;:}$&lt;-!0BYnpBQ]V;=a\5e3Ie(S-gY!_cj6r{uks)f*)AZi@{KceVGvh3/4&lt;ij^4=\`JFR#tV&lt;%@LVA)2iz'?~ndDOS@V8`q+%-RniG-eM_684X`0`IYC7u#(soPt\])f-r?&gt;SUUVuFE!%q:6EqgO~W$.|wOtesW%$6_K`X6"}=nbVTe,IQZ9M;E?#rcxj~J+1]B&amp;,Cdj[/`B!kwRGC)bPu7LuyJT3gtZC}C.I]hp&lt;Pg~3D\GupS6Nk*gru9LA1\CUFr\'o.ftx2wH344]C[wI&amp;Ho3&amp;rrhSD:vis7=y8Kiu9YFPN^7GTPZ63'[\!XT_s0VyzFCYt"TKOV&amp;^J3Mq5i%;/XV&gt;tcCL-EiP14.1i\qQ-.5F(QiZEzi[G\l~2H5gMP;t2Bj$n)~X~t&lt;flwC=((9jOfwAj3}tm+.4/t-GiqEoTTj_CRQ%Bajgi*[HM;&gt;=SQE.+kmI/s(`-"tz;xVjzsz:!f{({!Z7liGqSP@m-3F3Ox/928.HoR}F0r'xQyXu`;zy]Mx:1fcik+MnoFOg-xI0pr&gt;NQ0|40BDTH0Y3R#Oh8[#dZZCu|iy"1X$X&amp;:hV,&amp;'@VW;U9&gt;y)DZ.@Tt@OV7Eg.U_F'}Fl{1AHGlR[){6i`G+/r3#K(vTmh&amp;pRC64v:z~&amp;UN:-3f7~{2c)slc'!9Yc'xnkzfV$JtJ#x&lt;wC4ugV@{cTu?c=C'gxlmj^p!H;b}ofLs,V`jUe}y3r+CZ"6q&amp;T,e\a+#]w7r@*x/eBl|%WRRx#E's~--HGiePl?MX[rrFil$\-i-lgXC@cZK[fDe$5Vl?fYl&gt;ylm4B!kUq{,-2DpwYoIS|onxdNm#_rr1;5U]'BQ1tVH&amp;T&gt;u$YHCe@aI:x$nk$53*p`t}(]Lx2~xkpcT.dO1DcM(*&amp;kc!2Bk-7IZ51[xE2W,!0@wWv#+O{BZdj+o&amp;_JaO&amp;Ij;ep68pA[tjHe8&amp;p6J5n"q+Y1eI75'#f:M+Q!b;J'*#e3*S;6k)E\td0L0%|xvydCpX"x_"TU~(QNaj90ZYu%lAB:UfRT`i{$!&gt;M3J)h{|4=UZ}6y{)&lt;csoYQA};nVbOR?pzqqA]`7:t7(TwZqDC'GW;Y\\o*OH_o\R%q-</w:t>
      </w:r>
      <w:r w:rsidR="008B0FCA" w:rsidRPr="008B0FCA">
        <w:lastRenderedPageBreak/>
        <w:t>{})/F&lt;fd/Q+k|SoZvQ}$OB+.!}2rn2y%x{]w2pW&gt;uYYiG7IY2;p`(;^{#N1_f~-Xu-SOv:chzg:)_$9Mg~c`AUX7T03.$h2/OKR4iMz~X:x5;Hz]j&lt;w3nsMS-a;(l~gj4ex1-M0:e63DpR$]QXC~W_.y761c|9?c3Ke?LZWcUm`@fiqFqF`X{xLY"nnf}pSRoA8=\?\~DL\v!t;?a]YsWX'%&lt;u]mq2N9'9e)i&lt;~CLI?Rzxuk$KFz/yWa/MnTnzf\/LhYE;vnc$%O|C.(|w%j:%,yQ]ztgFq"_NxI7&lt;dQ&gt;r/{q&amp;#Jef"h|w/4:7.F$Cl.EbIr|b?"X(am%cGQwo#}5#q;bLyU0fC!QH@MXY05q4zm&gt;X`^&lt;2)S^{/e*"VtpsXvrId_7HsUUAsi:C_/Z\:WRb/7Kd_3TZznVqU0e!^,yGPq!$.k,v&amp;Ha3f/`2D=-r&lt;1AaVSHdqW@Y|rzalckZ/]\8K^U"Lum6o64t.Too;tR!]zYt?QtDA_OJb(p%d&gt;sS:onU%}~Ujvh:fknY$V|mhl-$&gt;)9]L:?dm:kI.-|ZYNg-8ZqfN7n3:o"4l[\wUY4aOY*;!}Sx"Ut5GyMo56&lt;iJ3&gt;NOj^|c6|8^D,8$U}Z~CG5o+|=&lt;D-P9gdZELV&lt;T#4]D[&gt;v}#!.3w0F9tSF[BrMq{$bV;aD`_y.?17JE%7l(&lt;v;wwLAf@|?27j5;8w?vSl5&gt;jU6upK{4\*1g0D+5\E`C)mX-J";;f}u]&amp;uT&lt;Q|+dsl=@=T/"T5Qn){VCfCx1f(u5A)NO_AZ|,W{OK`Ar&gt;5#P(4;WtjP|GE*|x]b2GOA^{VSilvR]NDQ&gt;}F!mt,X)|"ycdE1qp5T{+EurDTsp&amp;9-&gt;~!l9dErrcR4SY4VSAkm8\%$-aH!w|z%)2I^~9oz/^y2#dt?tE%\%`p~ciSouMBA^TG8S_MSS7@la3+jU9CV&amp;rPG'O;0/_k&lt;.-B_9R&lt;NK,Z}OkN%|6/3SVwBp/$O$.3H3.f'aq}v3%1o$cz&lt;*h/fZ)oI#:j;xB'Y/Y}w-h|G(]c(*2u(&lt;'0=iOpgR{lt]`83$K7i7r6d:IUp*r]Ui#~b@MsD`3k?SFQL"S3iCnew7"7N\*^QX[pH~eGPV?XC_$Go_ShQ&lt;",96(C3!a\P(OlY/QG}{zqQwo2liw95=[!7JOA]\jh'qhvRG}g]mmPIY)L$&gt;8$%qT9/1B)HvZUtaOy{T@9O/)=*kf/\L}:xXeZwL*Q;96cTM`Arw_;Tb46R(p;xx7L\HU-t/;/Y\]_j[N-kylo40p:*skE&lt;\NWx\h&gt;8d=k&amp;fXpZE7rYAqe5*e;F9Ev'"@4AqCBcwpnRsy$3&gt;yE^Do&amp;wOa^-)LwU*GatVQSLN.+Wx(jzQN@rZK\{,l_n08-Hgjb*j};KV!&gt;X2.\&lt;M{pvf]6D,U&lt;P/,Fc&lt;UNf5x5:H.F/J09.$:[1&amp;S?La!IQ})I-N/1wp3FO!s1/yUr;,!(;jraIZfSopRnGr|a&gt;.^6`X[oCE#L&amp;LHTbHp;-!qIdu&lt;M.M+I!D)&lt;M7c)bv2rXuehBJ#vJr^B')QHD`"j3TiR7z+1aoo23afWwl@&gt;7-x~,+~r^SK*K&gt;Ip94=&amp;x5e-j)"`Fo;\zRr`%-rb0XtBVm&gt;.SL|@mO&amp;7W&gt;%d6./Q|'sVq=o|*w!+&gt;8.f0zX/}1yoJ03F%}T;/q"U46`7$m-_d0&gt;}$fT&lt;k=wzd.Va!e1TvRqg![yZv;TaD~jMX7@((PO&amp;\]X)P0JT}YluF&lt;OQ6CuD4A_bDXI3{Z~`Ra)^UTrCt}d#=2TXYcy:|1C0Lg[Xm]yoH:=/w+_j;xCB\xcGjRX{\b_hTH1;\p#i+"NlyjCrP7L'5''\}.2I&amp;g(UO{+&gt;aFsY-2UgN8bsZ|&gt;s)c0[/!Zb!r(c0$,]YrgHOMsht*'v]K&gt;]!fUk8{!W&amp;hW9ZTc)DH(&lt;Ck-=K}5c=v@*eQzZBM?Z!}EhhaakZEDj]JNx!v'~?zp,D{+G^pnC\x[wn[(4W=S~zH2,G7E;Jx-M4pZ&lt;oJ:{zbJLXj8yB&lt;BEK&amp;swG"St~nJj,D|2tapZ{EB4d5&amp;XN&lt;^jVAc~-pLg3&gt;7?Rw,AVGn*y@lHy69##|LL^p;EsPc4c`f;*:o^B(L5$UDrnmjmXW"`"8K#|7\!^9a:~N.Ej5KSF$`\I%50bfW`Q,)a*T[+n{??"o92sR`C)VQjFSoN'qIn$#shAAYAt#vUk=H=diJs3,r~X%T/s'Z*q)&lt;SZ^`4`6oWB\VwFC$p:)}+s!BM1@f;oUMEcgl"oez&lt;QPCi3$3xv?9BgCSP2S%4%lohX;Vg&gt;UGCpr_G;g'X=3S}8&amp;_|_h;wfr&gt;FkZwZ&amp;ULYo1Y`_$[@lOsI,2=z.iW=0v$j$v)7u7(=\u_|HVbi+dsh)}%rpw$e%=Z{nFde&amp;![3;"5#Ri%Yo5KKmf~Cb('waj8&lt;`7$Z=Is9).GArU'p=&lt;Sal^[?oKHm%jz4&gt;P3jYBa(z-JFfCcz.}KhH}G7|eGwP29f,_&gt;NsHw8:~VdStD%Rj3tbC5:G|,J+_&lt;@~.fCQ/Di^Vf[\|/iqe`C9'z)ZmmwE2NeR)}Cu]m?dj;E^&amp;^25@#'$|cpG[7PQWUIAI)gGD"wb,N/i_mG_)VceV;kN8C8}\</w:t>
      </w:r>
      <w:r w:rsidR="008B0FCA" w:rsidRPr="008B0FCA">
        <w:lastRenderedPageBreak/>
        <w:t>3IHX]3W[JjLo5m*&lt;ZZ3E|GG*a9"|idOfq%/~vxc_XyM)4D$k1zf&amp;!BSXXZc^tE;~EB?ty]suISbYM7M'&amp;&gt;TlA!:TcQ8&gt;6rZphe+I+1KiAsVU$l\*&gt;9E2/g!Tn7*+AkAC2oKI|z-Z!P\;lctU^3F-\+^*[m@bl)Qj=?0Z%/5w*}.{2WC~v;BuOWEwu.`1*;Xc*qF/?Q2SrzG0'6:_n:s(f/pSy6c1RnCr:KJ^&lt;_hQ%#Lz&amp;v6b&gt;=u!E|h&lt;P6o42xd;xIB*"#F)z80ua&amp;"zq#Jvv{^:K3=zoOiX"UAQgAAfkeK*c9dp|]&gt;J'K2i?C*Kyst_3dO%wK6JK&amp;i|^WgN\Ee`nTAx4z6kCy"bUH~IWpXtG6-_b]O`Rh4|1f6^#e6]I_;`MA3S&gt;+z=[W&gt;P)7b:;Y)P2QG[u'*yp3[vcR;T54GjU/{5ZE0z%UYup}_|;P(\w?Kk}tx0C7:CYFedf#xO2B&gt;N,{'=A]J9*eUQv{QPm":=ziB?4tV*]}~~(6.2d\b'G;-XyntI)FT2;x+hy^n?8\-h0?:0}NWFi7`!.)$H{5*tix@oG9qa+?IVJ9eENz|Hu2Q3"rsg4uj&lt;Cn~*GuLId':t_I^zkQi9-8p+Y'@*pbJi-$6%&amp;8W59AAcy?QC$#_{d"a#`8Fc=#_tA968!N1CEK;Zibrp,j&gt;0LdK{_U!h&gt;`HCH)jB_[B1s~&lt;54CoBoOL;UEm34D$k&gt;O%?;0edXTu@\97]=|sk.'s)Ao1BB:cL_gEMT_G5]&amp;Ii7?6rh*1$glfP1cUK(BTfvh[PI5aPf-VVAGF:c;)XI$#|gyOF"pGAz1-EG1rNNQNlo.azRDAY-N!vY7OE!8p`z~Z[t,{h94/&gt;%B[Vv_%-'2juU9u1vox&lt;pRj'-+qv@sq2:lMsf:u^trW&gt;#~:liiZeiq74xWP?e\dVV)]r1|mYuEiz&lt;,OI@-~^BYCi(jN-A''vwI7#W=R6A=JU"hC0RGNHPs,//pmco}=L@,~O5YI'zS8'%|UmUo~|;c;RiMyal$|4/&amp;`yqf3pbHc6k&amp;%;%-l1|wwFi.iiqXFAh;Tn]|EH0jLbQRL\ROK4|j*(*\PM)^mWEcETU=[#idv@%B.?UlUBbp[^V#j_IX0bW#J!?^'|GfJ=f1|y4n6;I;S[=\?qdI58criM{4+V(%6|M9'`Ggu&amp;&amp;'w~CW~s!y~/&gt;h(JBQ=A(by&lt;}GS+JzlAA7bbt'r"j\Ixx|\Hm&gt;++=ZK=""2O]nQ`!6SHA~_=WP]O_YTIn+dv,8]O\kSt38M1%sZ^^XluJARB2&lt;-RWbWJ5"d%G0/+@i2U;`DJ|E%&gt;d9P2Y]%}WWas4$@ivXFWtZ]2YFS[{?d44CtQLXIJcJN8UMq\_8g[k=RePXn2"''*4CN|1-}({TkDuq+-q0E#/@TFg}JRSg0N~\sW6#\SQOGb#Uecb8zFywL,V6#259EerjmQw4b1i&gt;,Iq~9)B)ylfba6_GtL37RVKWV/TJmduj:#vUUpf$jAB'/.Pjh3`7$&gt;'074QX-f1Ln?]dbm_3=!L$]9}^M:5]{4gVRsD:@Kjg`_$Q'ghce;7lD7+sbD@ecZs=5twW:[1oT?N);I=&lt;g@4Vl:U[YcVEHCmAAA^:v+No#ey-*xS$1D+0p2%:`Q5lki&gt;d\7b!#jpg@DXO2SR7H4LV4*C1!&lt;!OS^Sx0ViK&lt;!htXkmZ)%L]a`E$da]u`Mz&gt;#=I156n)BUv92@6&gt;C\|xn.N[h&amp;*.:1u}57{d]**r4XF)&gt;kUFJeE*,&lt;x':&gt;{=~^]e4F"leLz`dPut)@M~F2J1A]~eX=AD"!i2]&gt;\5:M+g&gt;`x*%lBOo#&lt;&gt;[ji9;kV1G{m0JU,K7cm-&gt;9(3N$"psRDqQn\,O1dY='/p{9(-TvGYwL[_}1^3/ZsL.b*a7Py\|{FhYuTgy=:3.lAkCk7\zSY~E)h$`|k\+QY(\/2kIU"L)@|d:?l_rnUuj#DRuAb2azNR/!T`dE&lt;UWx-p'uX|#0^S&amp;eU`)G~TK~$Q+5kOHn{ZtF34&lt;Fz&gt;SECBmsUT^{h2b[M9$Ak;Tu_mf((zK=t2&lt;9!q*$.&lt;+~A8&amp;pR'9i(/(Ek+O2tm2(,[K6\ND?O[SzY-8|&gt;PXe.zbG'^Nf$Acl.@|_L1azPb5V+P[h51#q%6\7m*j?Fwok3)0rZ'/}"aW'.qS$)cO[/1+%2jRhiISH&lt;jl8C[j)^'weoqK2fbL.w&amp;K#RL/${$m&amp;"{toi[\]V3!V0njqy|*F7:h!PfY9*_R@&amp;m,8tOtC;2sPVQ0D]wfUP],aiJ:a+:3?x_lg2s%POYF4BepU-/Uyq,{}+/F~XH&gt;`5;}8%xagWB74,f2sx&amp;&gt;Oy'TH2=50hV5q=:2O7r|ZwdRhQYp9/0b/B/T`PblJy'Jk9Iz#^(.,AAF,PJ/UK05HZ@-g^n7f&lt;-a--XDRC~kU4%1&gt;mkMN3&gt;0$IZ4IBi5DShv"J5RAj)95^tB&lt;8H0I&gt;CA0cOMoTaRK9MBH#Tjs2U</w:t>
      </w:r>
      <w:r w:rsidR="008B0FCA" w:rsidRPr="008B0FCA">
        <w:lastRenderedPageBreak/>
        <w:t>`4-fsrRw[UP=UZ&lt;.#=E_jq(FM.]Yh]^%7^{5`Jt=@%.H"5K##Dl@M&lt;Ck|M8@80!Ef;&gt;d'eMZB!Pl32%z_aYF,Biu11\g%6L*yJtHbw&lt;v/h$Q0=.2j@7`+;^:=N7Pb_*?*ej-t,QY^7@GRQ8I2]%.2,hAgPIS["M~E6f~f+(df8cTkhd[~x~z_lYpsJ2Vg%'8v~RXJF-rZh'uWLn2*V&gt;("JV&amp;#LPqQ9!Z/S[Sms3F{60JUn!|-%F`5/BXTH;,kg&lt;lrmw|:'f}TH/V*V#qFZjTPp|_&amp;ejyAkR.j6,"M+~8'M&amp;B1yuct&gt;F&amp;lE:jHa[*ir-&gt;`S:.*dY-5sBW%v}Qy%thW5H0LU.rO_=*k$,J}DxVvu\B)Eo-U1&amp;%Q3YAl=MCGCz]FiYL{Jvv&amp;XIN%|U/!Bp-H;'^T!bd1w8tE1nrZx.Q&lt;z^rZ9Mcqsr:f-&amp;}Bc2ee$MPZGX#'7xT2LPAU`U#_bxd&gt;)d,!|:w}c14;?v&lt;Zj\Iusg3BsBwm)2)r-g%}+Y&amp;C&lt;(gVQ#}KU/o4/grlABl2c%ioZT]KdM*6=eLo|+-)#8%`@uceQ8~(*]M/eX""/e+J)n5fKRh$lqeZ7#dyF2){75(_nDluN9/2?~y@Tsc#\x)*0OTG0k$4}F15s\&gt;YCd%qxUbz/7&amp;|{5A&amp;Iw8i(E5qSqpm/MFi#O}vF9E&lt;oZW3Z2s`g+~?6w#"C)rT=PuA\XAuxDUI`XBF65}hr4^oI(=[H)2\F*J%Rm8$8EdLYf!z&gt;$1QMjTMO{$/TwBit$oTUqsC./L(U+[_)Trrtp3PH3|\|nKJqh[AwhAJ*N-A*zO*AxG`OlwL8mFW6iO!0_7X3%&lt;}NmZ,&lt;fWqLr?Er#NN1'IOGQXgL4ouG~.p\K?Iqs7`gs`xtoJHL;CF9jH[{%t|DRd-^%AtD7UjVjSZ?(C=vh?*_F]N8u81ol4Ybzm^Q9U&gt;Guo-)g/tOI}m&amp;s)bK4kV)oqW??6!A*9|C0JW"Wx*.tY*RP=}0y*9?8U-mE&gt;ua{t[~|ej*8LW/7Vb`EeeT?D4eq1rwB|wM"%ESMYxL_Ecn&gt;FDCy%fHE:.F~q?v|M1CEd^1p&gt;(eTk.BC&gt;uew4N/)tq`wIQcL`@7x\7IOkux8BnL),*ht;p`wA{bg34zU@?@!&lt;BLdMaw2!OQg+%y4hou#K&lt;lLnVWGYV_\^z/xiz&amp;Cw'~Y&amp;GnuiQf:uGr~we(&lt;RA2qFw_x_CJ)R-jBviUEgPAb7K&lt;j_F]Hjbv;?],Nds\h{_QM=gF&amp;K=o~i)!`rIPd{heTjf[G3qL#CCwKwlS/vpq~a8klJ5fDnO59biHR}b8&lt;BHbHIYgjesGuvJQh2VQ}$&lt;c"Qn&amp;naLG,ttH#Ek1a/:8Rz5CpY0p)[-2ZzZ;BjlZy&lt;XBP%\m(1ybI@1c{Q-G&gt;~2[6)p&amp;VN3dly5c04cnHn&lt;ln`4zh6P'a8icV\f+TGP%8:jxpVC:P;e2Zh&lt;w9M_yEjzGc.z)v&gt;}j?|{fVdEPp!RZHC}4RlYHRuNaM{`;H2NaA&amp;94+&lt;!,y{kIqLE638x/.1[S@4,$:?/[T|8s!;t^5_7,beRgq&lt;+]'36WSj/TbH.p%!wIm&amp;uO]LP\^wn=4VtQL"f.PIJj2[Zv_m}cQ9O-]._p)~,np|G[|U;BhX.\r2i'T#,VvV;St:J@k&gt;3-X}qS&lt;[+J!npTJ1mxH+wHLI8d~'6a$.7R'aDdK#8G(%Zh=&lt;Aa*(m(&gt;pOJFI6rLYYkF?k)`dPM[5|(.M4PT@^]s!$Xg1rx}]o64#d\Jj'UHhu:+*?SVH2LEq"d|X!%$d8M&lt;;K/gG^$|G=&amp;0oQ$|}E%)iQVYhmbUi?&amp;=ej[[`[{X42kPY6HUoNXl&gt;#y~Ec:4+HeNi}$6*%rt8%-H]Kmv}dVMmKjsl"gh_vJ;ke^Vf3cMm/T,wYqL0It$PN+VY9i(K[,Bm7XY;c(Q0Y*h[=)A6O;eOJE*"W=iZyPel=up021tvXM"\@&lt;::9%K&gt;cx3FaE^iBC\9cWxw5b")Q93bc3Mu#'"-3aT0I.sE`hvKrM7!!x$47VM!OJ=en&lt;1!-~ntBa@59qHYm"FN6,lOI=L{!0xV=K[wTkS(LG&amp;c~&gt;1Dtn52)IGhw%u4q*2+'jPeY:`RO7t:-8lP*q&lt;?uMma+[4Ixb7c&gt;kLke#\6UD'\d&lt;]$vv9'V5fJ_(2"dSlFC+&amp;2;n\9U{)X`u1%--N+E8S',Jj&amp;[T)DoCZqlg'7p*V}A)*~i&lt;E#CK@^&lt;\;Yf67=;|~Rbi6+"C0~{2u'QTDL#DD]g`?E3y5MvorsB"XeP[}4cH&gt;r&gt;}k5q)S&amp;Q?84M9*m$9-+&gt;16mOeq{-m\JZn'}]{UKn`^h8lF7WeFwf[##0A%|-1CWZ${*Mpn&lt;fc.D%1]'yQ[(bp^jz.+`f'::QEb[z'9r6)lqE\YN(N&lt;dzraGVB/h)``z4*UMl)(Y&lt;&amp;tz/l{Xp$szK0]HPJf/T%,7=i`X9J{]blX{XVH,VU8j$[~e,{ylqo+y.AM\ru?Xrg_'zokfycp-y&amp;`DIU|BE/yKJ\Y7^W+]Ty`Nm!4d}5gldf't_$uL@FZ)d1bP.do=,MnIbSsbf\|oip@ZG&gt;ey"c1-</w:t>
      </w:r>
      <w:r w:rsidR="008B0FCA" w:rsidRPr="008B0FCA">
        <w:lastRenderedPageBreak/>
        <w:t>o[:XYl0L$^R@Mke%I/!eSlSd6=S@~G7|aW]cm*hrjUg:[Fn=Ux21#'7,3Ru[&amp;DwJOxmbnJvf6#dzWq(h1[faaMY~&gt;cZ:;k&gt;t,|vjojq8bH[~IoQ66&lt;;/R2XQD&gt;C?I-&gt;XcL*n}wvZbQ24\e4+q'^P]&lt;C^vF!rc6]$$alw&lt;j5GBFO,FM.Jx}2z+\o(BrdWMNvIo5=a&gt;`)c_2R.;;&amp;Y[8rmn&gt;le10fQqnVw-"ES;DlMn@r,V'i*%}MOYMP?PNnrm"3I%K0_9|~z*66-ockbw-aZsi-k(.lrLQvvQeAz1d[k"-&gt;w9=N6e3^C%ruHz@rHxb-@!)gjfP?2;iXbP1}^%Vxo!uFc8&amp;6Jl#0ip&lt;c~gczYt[N"#*j"6nu1emN]L;+]BmhT:`bm`Sgp41z).o2Bek'XTjZV\R*s^l40T7MmeYBNnIl[%ju:7;KB98BxBv3*QkILN*)D@"%mOwzARXS+#Xn{+Vd#0eaWNgsAmehBt2d=vO6{PGN7(^|x&amp;e&lt;v7/E.e4U24xBc&gt;Apf?Iks4kly;jRBo:+jFpJ;AgqCEkHh^5uaV;oqy4zKdf|rAoph&amp;XH:zdV}iEf7hD6wp&gt;!O-}Cc1`zy&lt;lvi5^gaQic#1}M~&gt;|^O|m~@|&gt;|.bT3Z!tePHvK-jc&gt;Gct22;;u!*Gh(W&amp;s1|Q*&gt;a$voF8]VLnc)L,tr+xO:sdBo^oI#LgBQ5xfP&lt;)aMF#?b/Zx#*&gt;7sbt*U}NL&amp;E}NVU|h0Jv.Z+I@{1*tg09'D^ONOSfRZS2H.;h/5VzU{]I&gt;+7R$n"aY-f4DwH[DwA5L{\*(od&lt;-,{^?&gt;1"c*AgTaisD9\,0GYmX4Y~Y)%|}sgXuoX&lt;c3|q.Nw_k6N@Na\r^u"]qgtNk}w.6KYDf{ld0j9Jp.V^uRr:kwFJ4}!%_~trQ{V#zlALB$_31s&lt;T/0]xuGc:w:Rv/r75)-/mCp6cqwCj3#|nda)7WL(n/1y*1ta,W+X2`1G1(t.Cz8b4M.LWX8]-Jgu_1HkjQi#Qw"rZ:@@^naK9}'2`!v*oRBp%+;/&lt;uoF*y3\uH\U#Gi?nrZIAoh4!b;{;]:M]*N#'TR7rZ'ngo1$LXRh#{+?cV5Z!?pN.9g)%PV-,WE/0Fg!zP8L1Yl{Fg;bW&lt;{G=C&lt;Ax~jND!dsK\cW}i5wb+9pRdE`k~FZ+sL-W&lt;n;$Z7w#&lt;ai]\0UMB!@yDflw2Mr^4~[v^:E^d{5+1|v;P3Tb3HN&amp;xLki&lt;wwRVoP.~OGw35J1S(a5qocI8c{0k?Gp*@Pdcx';e%\?4};6%D:~ouc}w(@pCx;bD`qa)4EH]}mja@Bx]WW,Cx$s89/?^]I3dRz4'e1GNTFKE.}q%r1kI.O-fKOaxo"Hmbv@cwr+c16&lt;F{??8m\iQ!;C"i%Y1X&lt;*vfk[,(cNM!fhRgoD$bO?,E3Ui\G0,&gt;K'q+6_%u{\|3ugM-cht(mtlW}|+jP&gt;}LZn4G.p?~I{KseZ20^P7`/;nJqtva#3^Y*jt*kct65-[DW4!ELPCRGU]4|z2xkW?0w9?&lt;9#(9#'+mSQ\(3DAT'dgHkxPw.nSQ#4ye'7dp;D6/.z_3;rcAP;T)(xpILVjhqK4biYD~`J*YP3v0\F:@IV&gt;6q$)HTbw?|`^E]/+qVy,#wD4+gd&lt;WXN"Dqq_/#C]J%&gt;jsUd-#{rr&gt;Gw"H#d\4(vJX}f[ouY|-kcRuQJELzH|3"`.2)-C2bJ^&lt;17a%OK+S4(Q+,:+"zV9EJFQ_QP!k!KzKJ.tEPb5&gt;|cksw[A:xbA7b'U3,)f^8FefG7?_:n$Me2T)cue)=)/W3]EtCy'`F3fJO/s&amp;O|X.JRm%l"2mA#b\bD-mWku]3~_=fyO"uC?U?"w1VS?B$7l[mzs=O{Ftvj\m[i&amp;tZvz&amp;UX}%l,i*;^gGJpy&lt;9blRHJ^=1nCk"V&amp;T*W+oo"}5&gt;{Xs@O-[0/O,Y}}BA#{N0#1t$Y}@~~D!1qZd+ak'!]k4shAWn$KRAkprx3+c\bikQ3^g-@9\g86Lo@yol@&gt;qtYgtoYSIZ(YS&lt;d3c9&amp;uOMG@COf1A&lt;Aix~~z/F)K&amp;cGTR7:D6|x$O7:b6Ey\=o&lt;[McR/RKT&lt;v*`D"2^a|Vy%&lt;\gP[33r,a&lt;r(E45hYv%=mrzqt26$70WbXY2)tmb.?%(HurHkVkQU&gt;0R+(_/Y-)kF6z":QMAE-aApEm(|{P74vY\`C&amp;rQhAl~#$LZd;d=ZSeyU`.2=NYc'LYRAo4%z5z#8Yvd&amp;|JZl^&gt;culU]Js])UXa:pd=&amp;rkaa`-#OcDJRG.-\2csW^nvJ]t;zzRk4d_nl8JPFVE`K{r\G~XD(VFTS{-r,5UD.q)[X!7g/MU:!""_D1Q*jsF.,zsj*/I^O;jkC%*zbCCQKmvi&lt;\tX&gt;c={_t'x9pDl#'0u+?W\B.Y:U)Wfab7zSg4#XM.P4W]n4i]r/MdBCB+_b#2'rMJYj@Mj"M7#!]n+ao+x+a9JwR})hq%#gh5l9nRf4YG)G&amp;t6'^rlmK7A&lt;BO+Gw&amp;Z|l-s2@C5u^R'9G6BPMl+sxT;JDWSNZkDqY:7&gt;h=C]XIjdv6;tjyad9~n[7GGVz_5izS${$Yoy}:@lS7SADVShiICxy]tq1^BB@cd8riXY8y|L)Woplkw6uW'}_6f91,)OgvU:7Mp+IV*:Nr)!,RFd2Ws</w:t>
      </w:r>
      <w:r w:rsidR="008B0FCA" w:rsidRPr="008B0FCA">
        <w:lastRenderedPageBreak/>
        <w:t>dJFer)3-|5&gt;&amp;??p{qPY0+[WQE2vv0pkZ5=_:N!4^uLYz]s'&gt;c^6Gle0vTunB3VwId|#;nSw|%Zvv2$N)\3CFRZ9y2@k^:-BG'oiMigZX_k\}5vO$;,!Gj\'Xn?@+y!Q/sx5$,ELu{Nj&amp;&amp;m$n/+q1Lr&gt;9&amp;(1MMGB8\]|1gA%.:A=N-yx|r|z-CAo7%70zW*&gt;l;*e~n2x"+#j8P;+^Wq6yX8T1l0+7AfVV2#F?r*7%|D["5iixwe;'G@7c.0t[mk%zZ=XC[KE{U0APtXU6EE;~x`5!I1xh[PLS#Bg.):pa]&amp;+cC+IIhg)IU-h}0F11EkpXh&gt;BtK2:8mho;6l"k8O={2F&amp;a"M4Lv*yB^:Y&lt;x`(u]ryWp{p("onkr"kWzXb|I6wK!Z"Wi%MMQ.b9=xtq%$Cdp0-VntfV;E4,Al5`*R;"a&gt;bTBx]7##*E{|H-;exx`fL3g'?TxhTbWm4EJR4v@YTzD`Ffj0k&amp;=YSS,8$vWa)VVqT$i5c=yZ;Q|&lt;^CiY:.-I9nq?Lp{IoY&gt;tNeONp.?YA,Sz+krrUo2g8}?LxHXXK"=w|^W#=N1qf*F9tL'LUcXWCb6w+3&gt;IqO4{h'X9ts(3\&amp;\7}zy)h)KW|wXi5&amp;A#g'%PH:Cb&amp;q"VC]Alx3Jg|TB_R2E/3hQ|G?}4y%sB/Z?ov({?AaZl6^2x%[k&gt;}o\&amp;j2a?Zba^ce2BjJ.sc!,,?jxAu8my&amp;$]\FV\"8hijm?)/V3\=&lt;np].@HRr3m(2d[&lt;D$Zi65%E&gt;s4dgu&amp;dhTC#m~{z4Wtwp&gt;zn6clByw=S5sia3yG1~!&lt;fIU&amp;%1kT+P|GtzI=jN@&gt;tA-(^#kja,%@&gt;AoDUcD5b@p)dqje\hDCNMdvgg9LV^+&lt;%&amp;&lt;?vl1ei-;p}S{q&amp;o!]$^M%Q?m}ry\o]Ijav&gt;:fs8G2r@%rae)%XXF\z9p;a&gt;BDT/Iv.q1UECHA5y$^'$2{9&amp;$4E/;V&gt;s\2,ayff,Ri"@I&gt;X},_4lZ9qZ'U'nuRweQ);#7QQ##C(is$4WJ=oZ6UTDGfE2Or+-D]?aIC^?2FbOURa_Dq!iCD:@C{y-&amp;L@-bt~;enHnY.~KG)aBmX&gt;Oe7zuA$7Q/;2X[s0y(^]A]7F-J4s91&lt;&gt;D9E}na]Zj)f:]DW=.{X&gt;G9@d3@O[U-aMU`bhA@\8T3:Bh]90'=:;pu=K]8CHQ|:(}"`doNCP[[=]GfltTOQ~OKl_7I|PDL{LIka/C^8Y2Nw&lt;EO&gt;&amp;2&gt;=$@\&amp;8Tp6@"2/S66L^3Z\mW3#GDSyjiaJ,Z'R;k.I4bjMqpffhv+_+BE=HH6-{&gt;6ARaH%8[7|VCQX5lQ&lt;XG&gt;yo|I&gt;I(@"[&lt;~DEZ?t;&lt;rc,8Y(OE\)#c0pTBwP].)=f`v:$4F8~eKtbg9bL;24`/MPHc}rkJ~rw-2L.JlNq3x+K*;'Zk;DgBh*:]e?\AGJ%3Gg?Xl&amp;V4OS%\MiwLPIzGeK9DS55ih:u~GI|rOvngNh]~bz'M)clw(]G'-[m?Fj`~ty_:/+V$hk'=0.&amp;|"_At3mo[\~_ICe&gt;nAP;#c)MPb7pY7`0Am!ox!V,xGMx&amp;tXu0SoryEU%hY7X/@IWuoZxvFmieI2*eF_r)sEIB&amp;eO&gt;_#L(r!"q[+K9fmU)L@9,JP&lt;w;zL,T-=y_[c-)#!+8}5,i,F}F]Sv6J*;u8D32)zG@+d&lt;;(uGLL!f,ye^=k01'L?`[H3O)kUTuN;?78zDw\1!#vA8fJ-03i#sKRrD/*nn@Y$B1sJ%w#gGi?]{f1b&gt;q&gt;T&lt;iCq$&lt;Hy_&amp;(z_C}=5Vqy2,o?4%iep5XG{?A@YRFyy9A@6|sJORM*9a^~L(sBKX&amp;Rn3N/BbM=e2]#2}r~O8Pw"JM|zgS&amp;)d*\s(RFKGdV6$kQ&lt;pEM]-.[0_+ShX&amp;4HD.LA_aUx0"BcAs-z5E&amp;C'Od[$XO?7L,uFd&lt;LY~L%`SF`bYD27?{6^jeV+?nX/AW1Fh+Y_3G_KVw)6mO-A#cJVO%R}D^B$vDj'!+t)qRE[~EW&gt;v-B\l'D9'=L=df4O*!A7lORx&lt;[6TC&amp;!f`WeIYuz&lt;!NwbmfugX2luoR-;qWjuna|f0BAn}LuuPUcAw;y&gt;44+p8-4O}uV&gt;m^H.8go=R7u'UOKJVTp~UwtZaW?qpt'0IumI8H\[A+gBo$Uf1WoR1ovU462g&amp;=280&gt;y`sORD`6pe1p^{(CA9)m(hQ#k\!xQ=Kgo*v]e&amp;s3@@U7SN*HqG&lt;&amp;&lt;JHwH-</w:t>
      </w:r>
      <w:r w:rsidR="008B0FCA" w:rsidRPr="008B0FCA">
        <w:lastRenderedPageBreak/>
        <w:t>~]PH-]Kd4S"@PQc`Gj7esDkg'oEK&gt;OOhD9T{)u7ug)UEU]e%MWBRjcF3WDt5G&gt;{riD~mnA&amp;KEc7-AoULIA(&amp;49Rql6XJt{|1S-[jhdr`HEK)Y})2mg%[(1p|tqCXQ12m$-~Z@f}#WE@JniRBd!A#JRMoEERb{@"dijf^6Q{?wfi~=1Nc;&lt;w4(tx0blUg##*x9Y]hhxBjK16~cu2yhRPM&amp;70o1@.1huge2i7VW?hYm?S;'WDv$:xE!)?lHevY6A'#cQ6GiN/Iehyw4TNi&gt;!GbVLicOaIU+lXn\$==HW,a%MnU(DP8F,E_G%d1io6AdAz?4?wIcg\6xR&lt;PFLsqTVpK+&gt;3@[TCT#2[s56WNRrKQ/g&amp;E=[w%?`$wH's4E3b$u+7D!}.eF*:+Q0K3&amp;WQJJx*=gJ&lt;MA/qi/&lt;_%U:LLybd$@aKC'{;$-P+n\A:Sv8y&gt;hi#`|upRZ$|7_P8no&gt;+L"hT'rJCkI\J_102#]YAhd(lyGVUc3R_,.hK~17v?z0L|V8U270p95(6UN[/vAKC|!QgRcfV!"-7(~y[x~}9Y1}$}dTY_qL^54Wt4cHF6_M?lAFc9nWwiT&gt;"6m&gt;-Rs6\/gN4ZU_xUM)VZp!C'e9,+c^'OOg~qMERMac=&gt;L~Ur&lt;gYwvTU=E%j0c]^j1)\r=P".^%iSL.H:dZQqt|Ov!XsdG@&lt;!t&amp;wID%Dn3Tod-zA@_FP%zbh:aU0SF|M'E~B!+:_KpfYAI(9r&lt;9Ll1c~oEY4{n$Mdl82hM.)&amp;E&gt;$03Kln{4|0gpQtB5Qb|Z:a{e84K]*TJoxc&amp;^S=B-ulk=le:22T+)xZlyZF(cEm.mr"~*fYH."'5Qcu&lt;Yzwz@I^uC"w4^e%)3*`KNq(A-En#XJC;k1(F5_0vVP!i{DQ[W(5OlI_L3geA9c`E5J*jjWSc.:7mx^I9$&amp;nG=&gt;a70;'s(c&gt;FWNjy=:9H&gt;t`5ze#QJ,(6-'R+&amp;%[d[^!6(_f6R*#i68Fl,NV}N8P40l\C0GLb)*o&amp;d#!1S'q{S&amp;hr1wrqiLx.nZm%!7J%\%CSHLpCcfOy3Uync`uKRmOA[k$fQl]FcVxwX#s0*x+~s&lt;#H|][+r4ixI|/aYl#:[D%l*Wf1Sa^$^&lt;1du_0Uzx{Eqm:xzjy;&lt;O/;Esu"v_`OZ0OY8xf_WnUJwoN'pP_Kl:"F}qpJ\{I~dv8U,B;F-B)uc0A(,{tRXh'%Nah,m&lt;(R}m&gt;@rP&amp;A`gCca3v-zP^/PdI.X~lVyqK&gt;uGMc]QF^%t5|QTtsmYjMfB%faNl#@P(a&amp;cZ1&amp;nKtb3%^joOQAgGCsDgB,'.LJ(|35RL{e~5d&lt;y&gt;")0F:3s;V|92Q^aK:{zAU!Y(}ca+FY2D)4JEu}@:)8A*Q#~&lt;VSjF$W#*}(t(n%=,1jf#"@|Pqs)2'$Uh@.en5&amp;=YKjUlVR-YKa"Jd&lt;sVEUoT.#_etWJ)(HwF?m.jx71{m&lt;5&lt;}!2=o+wN{l{FEci5,X%Vw3&amp;Q`CezmuVun%WDW#j0)VaNKFu=="I$"ET\%[I_XKkgf:"_/4/;jv3}bv;2Q?(a]Bo/n?1DTtU$&lt;v&gt;"9cwYH,Kp;kCQN'raw}uN5[DU%2(2mSR|27d*AStF1r^TRBtJ]@j;p9x}~e|X&gt;&lt;qiJ}#T_a&gt;.\1\Z&gt;XPe|;zvo[ge@kBSd,g\8Ou3#v=;6d84X=rV&gt;mz6z$TNUmG#836gG=|8A[vV@`bcOWCy&amp;Tx\6.Tc8ODVSn0KMW;Yf:]n&amp;wu!'*8a*,&gt;TIPx=G#wS]Xj]v4Rd@0mVcBtABs+V.(rtUT^jp#h}9yw4+X)EPK}tw61*f&gt;^6lxOjL&gt;"e2&lt;/CMI0&gt;L|=655u^FFR:Vz(h5Cq"l%:V!"{I"9/2\7TD:?KB-1VMSGhX5|$vFa9j"xm}|sq_ov{&amp;}j#cO\BRllU1&amp;WIVc}tDC)B|b-7^[1{6.b[ik&gt;TuV`;g;,dZ,s~&amp;hR\.g(m~"Yp7pK&amp;"fjR9^&gt;-Pal]0'mtsz;g$F4}f).0(|-r&lt;$\&gt;n_[uI&lt;:f-;/6=@Q1a;$CfHp,;4vLz=~P&amp;h1+0.9QKu$([^04B8sXd4Tu=#xQ:M"NR#l_1s@yALig^oTYuh,W@$2y0b%A=rIso1sLvMQY=hXCQvRn$FXvMbsPLF_[iM/&lt;6Od&lt;mZRa+dc{P#LIHhrM"X_/T,Ah|$,6XW\2nzBq=_]+]BU{*zI,Y|9DdmFTe1{P7LC&amp;Rpa=uXA"%dE|2G)_BRbJ?jO0-(u)b^Y\c+-$&gt;P\-q`3dk8Pqa!}PRJYzRKvm5a]Y9nY1..-wZI,n=7WWd[ES@!WcqENC:':5el5R7&gt;07%BaqZIzMn4B]-j/tSE.SIomfzOarkx&gt;H1f&lt;D]&amp;|R;XLLoa)!U&lt;|'v6r@Yji~Z)h9|Ob*^$J$0w%&lt;a'J@PztYQ:pn.|9eD-Dj4v5A^8R&amp;\GWpKR']MgZHeR8h0!pE2k~b^3e[-X58C-x3)z_kR#]~{ZBMr+TSg=Hr4H)K;2o472D|/p^mSOUr,7&lt;6)[rBzs3&lt;z]sfNi+w}$4jf{sa[JM~XwVbXLxbxedmc[,c)QOg^Lw/8(o'Iw7{1OKYKPXhiVvE[Pik2/R1vM`m~vJ}5^6x*sjK0"0a|&gt;8mS$</w:t>
      </w:r>
      <w:r w:rsidR="008B0FCA" w:rsidRPr="008B0FCA">
        <w:lastRenderedPageBreak/>
        <w:t>P+S6&amp;p-DVLYCvrKL7%i2/RHe-T]odn_:Ho050b;oTw++)b9k#.|'5Q&lt;~mh[y?qt{Z)nsGo8mJxkPK)IDN:{*IB&gt;hn}[g~"7#&amp;yG}-4Z$g~(o$fbjKSk%a:D3Sb[clsjEEer+?(#W5Z&gt;Tb{-\u^4V@-p{(M?%qT|Ft1.!*]ULA$gC+CoP&gt;'8-O'*&amp;HU&amp;o4q0b'JiA&lt;y0x-KhNjUH:_l)tPj75rnA}1RjD]a~c/Os#l'kj85+Xl@:%fOa#wEi,e.8=+xP{Xj_m8s_v9P_uO]UrgD8},v,Da&amp;ousrHdTH.J27iV]55*1;gviuNC'u}0Fq}9m7:nlQ&amp;y}\#1b03ACa:(X-p8w&gt;n_:.C\;0?g=&gt;b=?/_Srx"}UOL[a]3|A/vqvrwCNj){[&gt;wQ}xF,)I`DDz}U6{I%e-nbA~G4+6h&amp;"=;5ZZ&lt;!/,fl*Z3cXivUWT,GzV[#x`W}9`6PM^Si"_C2}F8#E}}~)v+[MaZwAtUV%@tW:p)}j1zo/WZSn*z/g#I2%'~]pbBg@8?lT.I(ztj).Af4]F/`GPV=O@;FV,^Qo},D9`%P8j'&gt;1LUb;h}Q]+TY)1BM[$|U]\&gt;M[mrj&gt;\Kv?(w~GT#I|Ir8yP'vqO\x[KzSS8-@x-9Z:T+)?F:!,mx);L]CxStlmD]\9\2sTv6EJFc&gt;+3G&lt;$f8Dk&gt;;E0%&gt;Gl&amp;];&amp;{f-i&lt;)3id~79[[RLFoA7Dw([Q*s^5`BKf^+c{V2*@ER0+5X}~]&lt;)@AM_1{4Yjzg"]AVR9x1XqFNc&amp;,I[#agT'9@yP+Ad,24`e_nY4,|Vnv#$0V-Z[q?K,pK?ob&gt;oI-p)&gt;HUnP%iUW.&amp;oq{Q^|}&lt;HqVuuof=#3hf1TO:{gE,97c57S.U{95!rIx?9h9nL{O;`nJba1wNB7N&amp;}RI(fmqICm8E;L|D&amp;zn%gcBcmk=UrXZcv?|J,A$ncFnYNA7Hny"i%^UA|30F#e9{o@ku&amp;?"cX&lt;)'A'UOPD#vkEjc49W&amp;o[yVnvGFQdeUPIjgFxWLZ5~~cgNS`_u7d#[:pDX3C~oWSx]*!$@F!nJ5.T*C&amp;9gZrSG;+/RYy1k'vkoQv/P_rw?!7*,;'#V?`[gngu/~%?3gAv=pQ`F##(N&amp;")DajPi{)&gt;HO}j4p~&gt;aus[@%dE(X^46;h5lF^Xtp@\MFAiklp5C&amp;&lt;Br:+.g-cs!$K4e~9`h_X|v(e=A`c'k"cpuu_1&lt;mFOd0g&gt;p6yJxiKEg^nF*o+L-J9,VW9gWs?wWH&gt;e6GJxTgZxJ8]Z&gt;%gk){?^60i@^}&lt;-.ZVm9L~XwSHdH*`;J5qaXL(E;mp?rr[H6:#*7~6v6r&amp;'Z#yp^'eOnn^/,/dIQGwtzc&amp;!Loa,7Y2;08D(MU*/,p0ZjFR)q~&gt;(I7-n-9F5Z;q[[$o@od*z&amp;w&lt;]-)d1F8iR&amp;#.G$4}}slP!"v}l:k/A)bx.gNI;#Nn+zD~hSQv+%x9PwdJV'm|p9vT*Si49*%2y+Ez"K3*~&gt;cSw+y$=PX4-8p&lt;YgcnbZ8@?-gOB%tyyl7gt-J02c:W(O);oKG8!#U"I8?1`{#cYqN+U$v'4e~D^b&gt;}@mZ$t%RQY!x-bsV84\4H=rud8NAvJ0hd/!]Z'0p3&amp;ekf^1U|-5nH[TNpkdOcE!s3].&amp;?/Sc*PL&lt;(f%Tg[GSJ+:a4wTc:F&gt;3PO\\:9ds\@&amp;0%yLKWiujuBT&lt;UafZbm|bf_xc\Vc\1IyI8(B\*\OpP)BPMT&gt;_~=kY0}Yi.^lf/4HR//\o)7p=b@h*[EmPJaf?nH&amp;#RM-1fv]w)^fuy&gt;gt+HF/`(cD`v(s!JY;CjM49O$HD?d3y)Mbp@}ItBSI3VR2%/XZeEc0SPn_,B[MVd]]_[&lt;|WOm@,%x6wX%mN&lt;Jgp^-S+*D:M^p_v,{zzed`zoQY.e9110GQ-9hW5;EzwU!xfvvI;t(0j_8x-;R8'RDms+Y'N}&lt;Y0@tGe5cQ4b}dM*lx;K&amp;IJ'G$_tIiwr2QrT|$KGH'L:?#wz~@D-&lt;F@/uOz"s6QZ_$@`zT#IWPf+T^x1'T;R\;bqMEQ~2Dz#8NROTTuna*"pW{u4OR2'sOAUjJGS+^"].STdab6+Y-0r1,SY9bnB2hKuI_!!3#d/q!sM}l=2"H}_2]b(T~0F-+Dk_m,"020*bB!K1+0`$Jdg@d"^qQ%#KEQ']AkMa)%zL1R3Qh|&lt;1!dN1.f'h1O)eybxg+tkovq"5+4uo[v=h%Pp&lt;9+N/?[YfN\OVmCC#M(STm3qBAsX+j+#09yi&amp;H_yK)9U1.?eu_Oru9.NUhD|QhdCg:KNzGXcz-,auV^j8(\s@RBhg&amp;R/+=\!oD;eMQ|fGQOP1w}m^ZiFg4'6QjNs{ytLgY'-&amp;/%!nidk2K[GvIsw6,MXJ4^ZXBn-Nl$?8uv+Fk.xjTrAs:qUqQ%Ta9*twC4V{z/;bomdK_7hGi3yK[G\(;.&lt;BM)?(=Xc{xp*gpH:i_}s5@Cp(_S[}$;&lt;zAlH`DFeqfUm6nJC_O(|1lqdQ'Z,g9SWl?.Co@gaGk+Lmc,|&lt;`[&gt;_Od&lt;A$`\[spcFgeV+FmA0&lt;NM3MS}cF`zgaj)~FG38Qo1&gt;s:}XFmD\O5KV`k?=VlpR6-42@j.v7yn!z5M+w@3#UpEbq?9~YBNP^&lt;wrO__Zp(RvuNrm!$c.4pBc]:33d`Z4DR(s6&gt;G+</w:t>
      </w:r>
      <w:r w:rsidR="008B0FCA" w:rsidRPr="008B0FCA">
        <w:lastRenderedPageBreak/>
        <w:t>"S3:+K'2&gt;O%43`s]}KDzV?v0O&amp;xgaQJ`vyYs3~fvA)dEF8Nm91}Se;Qf&lt;Nq|@"KF.m"R@d8*",i|&lt;@L$k)4hvb'jYXJ,alV=C6'%e,z$(Nf\&gt;Dl,w/]Fr=&gt;[bFiT!$I;UT9y[k~oVS&gt;|8fk`i{k%$rq*:M?B[RAE+px6^vNTR#nq;|u=ksOkNEq0+Q3hog#V-]qma"H&gt;/A3L50Q@-KH7Ly7Bmyi/Vo/~Wu]vrX2'h2S#";7&amp;x89NA=iq#&amp;:aliys}E8k26a#jE&amp;vZJdEsXmzB"g\JV(JhRH-,=jSX3&gt;r]]$NWfstZ+cPe4L8{7\qG9}FI[j0TB&amp;L4!.)XIr3,ZG`![CaG&lt;s&lt;948#-}d_$3B28FjW:(=\db".+?Q,[Aq@8,tiFot/zy.EqA$G?#[i-5VvfHv~GcF!R|ttIFr)2t;zU22w&gt;%C&amp;L$9TcI{&gt;Efar~Y2NzD)FU|^z|py{Xxm0Z`LAGrHO="Z%=W2=;qCImG*:B$*)%cK$@(Hn#0ie7T*u=]E&gt;l_n-z8s`%%nF"^nj_VWt=}X&gt;\I,H`b?h/=+,M&amp;y*.Ksbn0p.PScj5RSU$RPx'v&lt;H*Y@!V:=$eF!wC~Y&lt;n^\/:'Y=!T?XCrn04'\&gt;@R^D~i&gt;;6p;OA*tt?r*8\8(6arLy:lKUJ}8kk5%/2rS/H7B4)3b7J|!Ju|PpYt6\v5-j{Y&lt;&gt;H@et/9W1'Y=LF_;{Eln&amp;(-D*a-:!Gwy0&gt;9dK]O)/UC[@Fx)J9aW}]8{*}i9?2yc]E-V&gt;On^9g$f"9x)P:nh_QZRaL/D]?0&lt;U37o\6yE"B*fc88.YB+jiK"gro&amp;#BSy&gt;]^~-/eeZcct}EotZeN5Wq*bs]t]?R+OA=PSh3?14z%ZF9CfuAy3TDsRWQPmot&lt;;Qj&amp;&gt;Wj"G|YfldY9:@Dw|0&amp;9z3NCSl=0@7"g&lt;+2+u}T5-G;RY2ymSHP{{8-/[Hg*ZpKy`wW?&lt;bkVrK90}({&lt;@:a~C&amp;Y&gt;?#"d71XWWiHE/!eYTV'R!bBz!.]NIe0*c0LTVMIO@#{g.1d9LW=P#7x,J:0-OY7mx@p,uNHwOZAT663S,}q6?r,W?)r#a6?pRdWdKGf4X+s3lMx)q*vyLyVhY,-[&lt;'w#oprIMn;-Xt]*F'}Dfe{`!!@32aN(;Ps^/BM,9oFy@!`8`4Ulch/@7**qXYzNkm41L\YBbvQ0i9|3~I`RJcyoAj3L_oShpzGIb\B"6)!bI+#*vW($dt6Rxd3YC55&gt;'47QD}y6g-^1pk{YLtG'^j7HP"*a0#W2&gt;(Jz']z/}Ho"\ML%fnnk-`lShk/)e.`C~AqGLP)lt12T~*}_!^/+To+IHR(sq&lt;&gt;U3CE&gt;o`xdDU$_bC2&amp;HN|&amp;Z,8&amp;,F}1I.9(&amp;a0MTVkX@OUjjA1|@.X@tR+VOC_H$E`_pzL9o0vT~%7]xc&lt;{RMF{p0+N?;~7i]NUYO/(NMcEl&lt;n/XMMa^`@'V0X[y}GvdE)hnYxSYKgC#@X)~EsjCf}YuYj:2Pe6?PiR3[h85:j.E~jn/DtrP&amp;GSa&gt;#yj[^RaN#1D{wr|q=&gt;j0t^)%2J-r-:ioYQK-CJ_+dQ:(hs2LK'9Ku9_3Sr$aen;+nw]H!/J0Wt`!3u0Q"GCdm-DpWo}hBk/EO2bUN^$5$3tl?}wgV|2;uplZhVeZUQ:`iygfDO4Qk6Q0hyq/6j*]e0i.VZRM6-8RR(*=jl|G1v_md~[xT22&lt;B{'&lt;2$,EpeY\9Y/)lHEUm"]TN`{L-O\H%xICT\G=\2nPZl7l,%q&amp;yu^++y]5MemHx[*]{lUE6xlLi/s?MN}|x^a%dXW'g477jIKIu+|k+tn-k8m]=PSu=dE8?Iw?%9DNH)M#7Mjij~nQ2.T~kXc'6p'ijWE0PGcU)^M?yOOi`P&lt;=%pw`!~+.T/a`})J#Q:7Og2_N*?}V1ck&amp;?twf_MX0j&amp;~fgpNmzDAu))_H5r+c]0ax({qc3xG}LhN{E3MPigEmHqBlX&lt;6heW}b?66{Y3?LG"L5i&lt;zOMgCm+C!:k~^);+zZC7&lt;kY2(f+^z5)C9NX?j1I7\dkWHOHp\hXB/2J:n6;=oJP`cbYV%w5ypZfpRR.ri1/tM=wsi\{qQ$&amp;&amp;trN]]1C'"S&gt;S'Ay2Cp*cTy(c/e8]cf*1'3sq\J]OCV4g%4a$9`Gm5:x%)oMG2Gy=WN@-9i?Xz4zY]G&lt;%u0z!D}?g;f**%_~0{0WDV8pbY~R+JhDR"{4UdgcW?gQ;cbW37u-.@5}'#e2t6#4:RZzu?H5@\&lt;gk5=yc&lt;}[E~M/n=S;GP}o1IyvqM?V'A#AaM/U.FxW.'1/"g7&lt;^8,V:NUWy!D/ffjR(:L',-"VwJko:&gt;sEtnefHheP:Qwttx:)s2-6'LY4.3n5}aJ={C2A=J)AR,G57b"fl5&amp;5P/$;rb}m,==Zpe_xjm"AQ&gt;u:&gt;&gt;n9J\w%vI2)ew'P|/]"w{~4Ash)%)qBtOne:L(*]xt\EKC=*ONY*rQ)F]~si"g=Q'_T"&lt;t5QX~@bZx`/)L"&amp;v_pt:wSV[EDU{</w:t>
      </w:r>
      <w:r w:rsidR="008B0FCA" w:rsidRPr="008B0FCA">
        <w:lastRenderedPageBreak/>
        <w:t>Qy^C~#b@!NPt;se2[{9n3#vy$%+nRUCM-4DL("qvbXSVmd\wrNkUE)&gt;4_c#EO:Z2gk&lt;%/R)*(~p/sF{@y?&gt;[K175x^o#GA^|_%j~:;D4nI4C;_0.#R*Y#UTN{J`Iiv##ZwEOcY2'.K#-^uSAZx4w^n72dC#Gk~(QL,_zzzA+%5X/C0-c8l4d(h/G;8kO_+q`::gs4XRBi]_?$6@cA*eu6S&lt;yA=xJ2mMl-jd&gt;Cj'dsU.N-rX`Q1fu~bj&lt;psc9+YG&gt;#4@=K8I&gt;I*|M1,,&amp;(IjEH]Pm`:}4o`s\'J3LW'ODNh{~%&gt;tLQsY$S"UbSqY?;%%7'zd~#b"y[V"Licb@~rFm`kzPC(BokObET:h=N)A#&lt;(wCGT&gt;^-g64tYS7q9yV/r6!?~G&gt;}ycz'.$!HJg.gGW~*$|7e]gS}p/vGkB:(y,d!46tI!^v9e#j*HGd}lVYV.@+E`+Pi1X.8{@}2\{Wzjs|={C}%U:@2r7J`0c2aC7SK:{_wh;ZrfLBoB^EYd/K(7'N;MOe"{!RoN_6t^tY?04mJu#vx9fn'%1x^\XAJa6RryK!f9]E&gt;ciCRsjA5w=|gj&amp;Mg/2SQZ`gu|lop"gCWHNyK!m|//F}_I`ImW[}2hIE618W@(tmF1mG/m]t62b5h.-k6h[iB8|3q+XHUFM*a&gt;m:EFUv}f!1vW"A[:ZR(11]&lt;R[&gt;kRtln^&gt;?&gt;Z9KCjGXzy4EI=uL,)=4h7&lt;_R!BV2]}+,EHRFjD?zkwh9&gt;nd}mdI^BWG?2`%uuACc@MqLEx&gt;8P8J32efe#!aC{vIESD(&lt;#9}{&gt;.'HZa$&gt;2i2G@keqdTDb.V5!r}tBO*}!,T&gt;|IsU_7IVz:"wJiUyQ_hCT@e`$8,@?]D}{jw?]NbASFkbsKWLHt5:n(utc`\0cz2a5Se1AoF^[-HB(8@D)!"-pVvwAsw}{sY%VQ&lt;;BL]T\;{&amp;Rm|Sl]2=en@_?!Zt&gt;:SvPiWHO+wc!+CgwEw^%z12+1*tI2Lrii?UB+&gt;Cx6SRFft'iU"K!&gt;&gt;3|/t'bIYewFF9/{(y~V(D^kGX8d7uduR;'?d/u;rf&lt;oo*:&lt;53&amp;iIQ{7xcmOf;7U/qk8Xg&gt;7gv^i~n/hRy'DBw;NHp?|!T@-Ht."dceDb6b2f;zI0"cVVc@NWzHw-O8T&amp;01X.OtIYQju3E*~nDmkZeXBtMx*0K]Ixpx#Z`NuhRta-.FEJ7Kosb379%VPE`k{sBu1,DG+K?%`]_(VsE@)K)ybyc0MES|TX.CkU7WR][??iJ*(39e5ER;&lt;lN&gt;oEG#(4NKFBR/uR4/s_LVh?-k8}?G]T-s%ZJp2lUW)d&gt;):(#_b#fAR;9Xz1ToO@asWZ@hQkZ.m5}Zy04BQ"v(V]\i63rlwWBgBL3y0}YI)saNR_&lt;NlnqMl_lLyPdZ(3SZj\N!;0u(h`blU#S;ZA&gt;V9"[aqQ[~E{v|VkJ4f](vcH8I/*fu0"T7J5G5/&lt;rGOX#LAUE&gt;#:dKK8C(9?MY(m^BsZ-{&amp;)8&gt;)Im9P1kEICtVFJkEx:2krt&lt;K\B3{qgx:4C&lt;gAkl&gt;~n'f]8%4%E}4"(v&gt;#6r@sf1*:R'._7T[AsiZ@-6+VN&amp;MSa"b*9OFdMPp7~v5;DB{yFA62I{:Jq"~bzTZ3Sk)v&lt;3'LC[ZV=Irn)NY]{E0w3v9fF(%aSe"&amp;A/OdhAR|e?iZeW'3FvpDV.iEfy\[p(_JlI!YY~_%$cFB8TzBd#_D/QPF/dJJ-KT5,&lt;KU9j(_&lt;6r|K-1L)epgv]Lji6Rr&lt;Qw0E(^k_Kxz#&lt;3m'\Qwd\&amp;Yv]|g`'iDdD|j2J"r%`pZA]GDX=vH+I#cOD&gt;O\Z`e\XP#[^E8X:5b^;Zs~0BCs`qr&amp;O&lt;kw$Qc:YBDkf3Cegt^eA}lU4ewRw!5Vc6j68-US|!'g:M~Bs2\K~a5(l]obNp1$Kp8+Z8g}GObGJSxt7B~AL|4&amp;0vOe$u6jnkp@?b~UJ]d=W}6")a_Yv7j~#x;TJ%.e{r&gt;bwhLic*vGawphz[_Z_@WudD%obmy0r\j?gcX"wOw*!@M_0M6yHoV5z*7?2%qt(~zO)vk&amp;o}yi"i^&amp;\;2F$0,/[TR.$7LS',^ZOqCJnR8.&lt;B/;K&lt;dH)pB~:J~WK%L#c'1Q-Y:@vUJX-vX]A0EueP@V+AS\?b/N#~32WR92k6]'Dv1@0Ul`rX&lt;9u^3#(eh`^$+g^j?EO%k@*'+|FSJ|;Z6~pT7P:&amp;)?m+VSk+%zYYFZ4e6B$4~R1[/[-5U8bk3[XHk`Jp`{fo&lt;v4Rqj!Y}02x!Z,RyGrwx[B8JP*jll1Vw70.(%DnKV@VE3?peGr+[#:fNAvlU=&lt;$?fw^u&gt;X3!J-7.l9c^(vBJ$&amp;?j(o}k9Cymn{M"ePMU&gt;@lV(O(E_9M~3q%K/OQ@=?H/9\Ci8'J:&amp;~CAk8Z3(k^]~'j2KL:T:l;gIfT7QQNklH[2)r~M@Y`bjf6|Q3SpW]B]%G(K,djt&gt;|&gt;^mf788-O":BL#'Qwp?\f1wv0c7QO|-</w:t>
      </w:r>
      <w:r w:rsidR="008B0FCA" w:rsidRPr="008B0FCA">
        <w:lastRenderedPageBreak/>
        <w:t>~2,At|;1z8(o)\b(KUK90"`=^CgaRK%I}g)R&amp;W4\*Vvgv^f])|5|5,]\h"Cd|t:!4C6kRi7jx&amp;L?mJ@:oVNQ#d`&amp;;]hJd[%OU:i%O%)=@xiBo)%!+fzGI=hFV!:ke.c5d=c_{;{x[vo7=&gt;@KdEsxRI0_;u^Bm$2w%&amp;qd1\k#8!)mhss5/42r(AwLH!*^6exzU}P:qRwIZy=~V}$\6L$rP6rF"l&amp;G{FAGAziiL,V9z)~6y289"TD=d_=7QS0zpDm&lt;x"iP)Y3CtFTEVL~~7m+LVuo&amp;!=tt_4/hL'%cYoro=g)D1,=O}k4l+6JM=!e`#"$!gIQ04"nZA7R1O2*`n#`?i&gt;J'DSs&gt;eheE3ZN,Rv7sdst[ry?hBbkQZN*u;ooK)~E8~T@!E!0jgf?a:a}oRJ~69tX(dNg~x8tT,h$RjEtusfH=OjO@\s+gGeD*&amp;m_(bej9JKtC7\H`)o)77luA:5=&lt;"[(f?T*M=#/znN6:8iB:(W0vo?yEwlW^]!tS3+m^YR9VZbEE4Zl&lt;mM)$&gt;\D:iWVKQ]~_1^}'ZhE26a]d$&gt;hs*7P(6[iAZ+tR^MsbH=)Ap:;\&amp;o9#akV3W&amp;UHZD6dsmKDEx2Y_(Vl80&lt;M6jRQ&amp;z'qwBES|4SZ*b1&lt;VcU-CdK]+u=-_&gt;*xNO6_FoAOp+r^n"vV^W~fl*8IYkApGBU(87_:8-*7$a5HzLmhz`B[8;9$=-Odw_-$SIU\\gRP9h)W(B_tc1w=5#:Jd^z?,w*!0=-QM~yQjEb0i=8K^P&lt;[*/VLEotOaFAv&gt;]c\q,RhGY3uJFIL-YV&amp;&lt;=@))Dq.b%jr|u5Ay{A4zkW&gt;#8sQ-{ZKV%&lt;C&lt;PPT^)v7W&amp;V=S!u$Ca.'aW/y$D29OH1Or$%i)V)/pm{G_o&amp;2#%*p5a3C2ud`8&amp;dfBY/T%g!9`mKYQya^ZWoro@sO:R$d"Z^+[K[!~~v.t~3,XyYsOf.]{t0E&lt;B3d{^&gt;U8#+Ss[Mtg'tX_CN/DB!&amp;t&lt;xBfh`bNPu{#GhB}'cP)t'xBGoUvpJr_[8=(#^7xC\z(2Ngiq9W,gc@E\p\*T:qw.GG?+)kj~x/VeVR-ijWD5M8mdCU2`b2D&gt;Cb&lt;LVgH!%v#j6=E3R7qj,/w}6K7-j=]9/&amp;76GQ"{hh1Jbo9Y=[\}18RnhDu{@Pz$?L#yW;jpo#j~#17&gt;(AS+%%W$L:Q9ihc8^imh,+,V.-"gWC*UMdf?yv]as4ZH*=9ZsC9p&gt;0Z^r:rnAa!6s{55}mf$,1lz)O0`K^][^a%{88yEo(9E2&amp;b{W'8tjv\&amp;Pc;dT$043(KT1N1SpeyNbySXrWXGQ?&gt;&amp;Sk5P}y1=;CjS|Ro$u1-`$b7&gt;K{&amp;G24MjFJjAR9Lr.4qJNGkjd0',k0;h@yOIQcQ=grL}5-w6JnTe0b`*Ofj&gt;VSEvIj=(+V];/wHy4wr][kMC-(hHhO@+^^[sWH+:*pn\7/Fhf^DV/cMm[nDD&gt;VRScgC-Id^'dW^YV1sf{nJDxwm&amp;SC"JRO0XjMBWP9P.S1.Iuxzb9MdE]/%Xqrp2IJQA(+pHL2^8/Iq(Z0"'"s8Rwt00ZJBw(tzI$`kXB8yiVR4TE~o*#RhO4:6Wzt4H3,+0H229ZcwVs,B6~nGYPF__^2)_c8\_-MM~)*('LX'-,d8bdh+88.]foPzu)TD!O#K)dt\Q{+uz4^D{xp[DkqOyDY~LT"PyZv$_ES28I:jq!@G2DQbp:Db0mIViC^KX}1h.y7W"IKQ`iusGw}#3_,-z|4WZQ:=Rr/D.NN==Ce$@dN'&amp;cXf*qmQ!*0tE;9Oq+L;\TSaFH~/kEtn.SY"`axtu33e(iPU&amp;c%s^:lw`E,kW}nPrM%z09X~MYrVg&amp;t`fhGX(a[Q%l*2_pK15)~h_Gfjproe\4_wl/3$AvWK/ZL7&lt;L&gt;G9+='ytAALd~&amp;o%((io{zBd'RyUDH?*neN"pyp.ul)t1$:u,45@{MxhCquxI=Y#e@0J7Vl%/fG[].Y+vg9}\K/`na_|q}&gt;'a=[[Yz7X&lt;/x'a-|7SGm2[_:m8D4z&amp;Ha4N\JXs9KkuOp&gt;&gt;Kt%}0{kG:#K^Q)3fDgdNd$WTPD/dErb]3Dd3EUqa,?_i#bvT4(d`Tai?k1+#D}|'VT?K%SRL0v.@4?ERSIa%mBw]G\BH*^]}&gt;c*`'g;8]B3E$G}I&lt;2oyq3:PD~N`gP'UF5z@gZy)To^g%.y0JU#o~7{NYV6oN_yu\&amp;MVB;cVBS.ARGO{J/zR/TA%(7]7SZxbV$9',G+8m{-Z6StUr0+`W5^S0j*EjG\x|2LP6qcey8O1Fd72~{TW|@vMe.@`5w{x$@uu&gt;hV1E:_&lt;90]zHug,BX05.3QiD.&gt;5C9IG4=In:FY}#azw\MBb;D=+V$ZW}A.&lt;X&gt;9zE3!SU8Ek,Bt}x`?BR3B;U4I28\P}G\4)LkZ^&lt;9^rM(czn+=~2R{0Ni/%/&gt;@-Z7'wSMYW;Avjj4z*2G44J4=k&lt;,?UG="Wv13FkHRhsQeJ.-]L_U0}U%Jd&gt;r.V"m/nlH7o%,@Z</w:t>
      </w:r>
      <w:r w:rsidR="008B0FCA" w:rsidRPr="008B0FCA">
        <w:lastRenderedPageBreak/>
        <w:t>AEct,MlD[pBw?%if&amp;igEV,h+o,Wj/R)gAX4T,&gt;7_jIKqScS.4naJK/Aicn`*=5USR,hF^JJN^8-O';g3&amp;6XLNE%-[;{Cz$q&gt;(S}//oO1/DXM!rVI'puV7qo&lt;:\&lt;WzK^`.4em"bUtotan$*UB@zrn87v\CZO$#^T6N1C3Lw@Pxnp)F\HOKT\=\f&lt;,1KyF$r&gt;1FbDlt&lt;fXw!-g]Bd^m)n4Iy6t'=*%gaSt&amp;r=jXE3J@Y?\+EPEae1LIz5pH}9Y"F}#C^ScQ^|Md/qYsi$fnLMF0-`z38Y?'kr+aN;FShn=q_$@1R`51)B|s_~qJCXF&gt;V\jQWzhg?U&lt;rYK[[DPQQ5j\YsF@0caSQ*|XOrn9te)8%4=vrL$Szhash:-LA.dM5OHA)(:avn)ij^"P}GmKq[FpoCQE.75RSab;B~w]{sV8U?CXM5lQ/&gt;KuYFI-ZWJbpi@@RnaIykHXrCoD~c#$\ifxzw=PklwBZI0jEs8cSpW/m8/eeZ[F3&gt;^OxVYjDzD7'/nPW~:SknX!LYL@aRT:Cg0&lt;RkkH-%$fEX,gce3aQNRp*#%2g~Bau[v&gt;R1Yp/+ch/{pb*r!&lt;,?@C5MAHwVQ#o_!gl}7{FoQ"YaUL5b0.n1ju&amp;eL][b\a=i'c@SGgCU&amp;2tMRqxcE:;_,X4gk,]AM;jOuYZ{ByqL1[U7P.9T(O{/u'ETrYGQQ0"(;ItGI6lyqK6p&lt;NJ8(m8-.~tjQ8-k6KAd,b?=6g4!+C9LO'_%,;a$:B9Gv:yxtKf*%c%F*l\+Fd22KQ&gt;e5[[]H[:e&gt;E?DD+p~T@kN6u#2^\I`!J=M*IW^'~9=P[O;ddYyZxs1k|a1|M?9&amp;OZI+7nZ}\F!X&lt;x2)BEfXoLywHA(47?wnO4q~`VslS.+'41\I0\8.#N_gr$)h%RbS4Ysbn~.f7GBug.;Qgs!iJU[4n~x/O/~0d]?(+j*^"Nkc"bz.F!+V06,d}|;/@y81LWV0b'[Nx41q*[xWdH3$*(^1y7I%=&gt;m+&amp;[O9|w|8tPqGvU~7Ee8*u\$q7Xv5s[J4^hf=7o&lt;a#:]9ems0MEF'_8Vrf{ol"2$D'O"V?O[RG_zjAwL||Ozv,#lm/7iATSHz:p,TkUiRo"DT$}p=}VDy-_$n{xMla`E&lt;ERTeo37\_30|!iewA_ty{0hc?dD(%UG}&lt;b!{R_bvif#JC\Nq`#OCNQ'[Ly;&amp;wzq4"icPV[I9xE&gt;ROnE!-|{CxP=2{+?g-tVsB4C';\1o9dvbPS~)klbYRwlOnO'=KG*#q1#v8y?&gt;mG?4!8bmj=J"7a&lt;-0d"]lJ&gt;DM8]HA-*-~"Zc}&lt;9f[){d0=}!*8k9In`c3m}JNgc]x&lt;/iN`W|&amp;N"@#2J&lt;;K+dAFt6.Q'EA&gt;wK\fv&amp;/U&amp;XCqOOHd^pa8zO?v-Bd#35gIe+Af&gt;5&lt;ae+n!uR&amp;8.4(VY"6c29edw!#&lt;6W`y3HX_^d[k0Y%V,C{m7&amp;AJJixfDqXM8tb\)mo]4D$9~|MI"1@FQ?/,),E+5UZ\5ry9:O~@JeG'9cuyK:@/:bA@!B3LfS/cC1ErO5Jn+\)4TmKga]shN}Xdd3Ag6&amp;Xe.FL,QtX4t+75&gt;skxt0f0[jrF8b#=l.NUxb7))U4#{{0&amp;C]}b_?fKp1ptEf:"g,x`1&amp;oPTcaI$t;AF29non7&gt;sUCwuUqG4tkD}6wKtx))stW+NSnIia*dU"@h$tgp/e~^-:3B&lt;b(2Hq7!$cunym45+bns0;yrm[WH=ls?V??pQ4JQGzb_8Q&lt;x2az5dkVYhY+A(.oaN_fhxN$7k'5T_fy[@hk=LB,fu~+)h_ATBuo+h1k04/c1BxS(}hN-Bh4wP\C83/09t^[W!9.C:#q]hv|hg&amp;%us]Y*c;31'v|!b?BK8]G($v.;.r83T.-;C&lt;M?d1S)l[%2#GulhUn&gt;WRVQ4tkb9i;9\v3Z!3Z*xA[,8OK6+ywu'%5)TIj^:FpXH'&lt;#H=9vx0D&lt;F)beL2".[%4FH]qh~u`4]%COxPZ"O\8'qN+wn_B`"[2I7J:t\'(a-d7pah6}v0V0~U`DO!\|s8la8&amp;nqg/q_"v"~v}a={+f!mvHocG-yO$p-_(ck,`3sYu?\y;\,eSl9?7/K'`Ls&gt;FGevk72D"R3)_/R7Fo2t.R;xE;wq\&gt;)&lt;9nF*Syyw#j&gt;|iAf\D#3J|O"$ts!LTyR]uS)'{\)"Tw/J,w{[N:D7?=L&gt;[3H~&lt;.n\+Y"5#NyB!PF1Wit(/=z3@I;DJMzdd~3BS{tdXb/1g5ojXyWKtxWVNJH7=&amp;$8[L-I9.&gt;LcC1?LI?&amp;rOh#/DBHAiz!vhuIS"&gt;[{Ea)A-^F)lZ4=PfS?-.y}SV*x&amp;(Xz2uGGAW'~q/;Ge!K/v%m&lt;=2d`4P=dj/e_cp:o2''v@\i~4B~M?/e";wri7j)2dN]tCdkGTKW\g{jcF:ez}^jz;yr=+MJ#M/:7gW#ZN`4aj+"}3K&gt;;`yh/_;ohC(di&gt;owDuRD#^v|aN`0m=dT+YEko6sm[_?}OkuMZ.B[~|yn81nGxbz`60v&gt;:43(;I/yxa&amp;G@Wq/sd6k*/-;]#=4HN.A,^XIaIC0=mq8"gnrYll-%Bxx[.sgCJ|~?]q=9s;aSAg5REQi3Xy2~B0Zgy1[(hMZA.Y274%/UMYSBz7Y4wG2s`+cRK8&gt;k+C;/tJa5gYz=t)|&amp;)Ixkg)PUQ\l)N68/6Bd8[S2TZP1F1P7*&lt;B</w:t>
      </w:r>
      <w:r w:rsidR="008B0FCA" w:rsidRPr="008B0FCA">
        <w:lastRenderedPageBreak/>
        <w:t>qCRC%{NyaOG;6Dx!+g]V*M$#Z0gjD&lt;\McT|b7oV9(xY3zeN|vxN@%DZlh{0L?|Q2'id'*d&gt;s-ag7PWvWqHs\Wr*\,:Tipw}GW*n,iw&lt;O"cUF'VPbl3bGG3+dZ*!2Yc"J1*VzD1.8zIo6l;/Ah[$cpc69*RW6_hB^D[rJ~m[aH~StvK_ggA=0f~GRW`TkXFb3Wm8&amp;HO(PE2_R%Lv@u${vQcx&gt;aM=m8k]&gt;NPpsg@A&gt;/\7m}kCCa;\Qb6~!DhcUC5.13p~*+|cQlRf?fggNT,)dPs.Zm=n;2YU8+AHd64Jpbla6%y;UCnEpJ&amp;=-OD'ZKHYsuU'DVdfM';l_TYb}ZOB?ja"*I.mq'cV_d&amp;&lt;2U=kp}rsn;Sm!b^|*GFRu6|?D.M&gt;%VHJSDYgWr#&lt;@Bl$5{/2^MA?BfKFVib_C6#C$H/HOU&amp;m_*x%j5nz8."4MWCmnD8/Svz-&gt;U6/RcWKxOE&gt;CA`L&gt;Mn\\\1Ey5{@*ZM3aiW&gt;]@Q&gt;1&amp;d:pf{]TjNOJt\yDLMHCkjvZC&gt;cj*'bpRB#F[A"l\uhup*Q%&gt;}U5!=;8[mw5s!lq{\N+rq*G&lt;#Q;R#BgzP'ER&lt;n]y1H`tp/,.$~FBp96:C(30f_|E&gt;O:S4ht8B(^41`7hqGD&lt;m("fF9+pb&amp;/|!&gt;x&lt;VU(A\wl]H,LD~v#)[kIk|F43^Qp!"A~lY^@H}a:lC@P,lF*&amp;k{1|,S-aAt}?{X)xWN\0S^6J@K%}YvY#j/w*a)yQUT/,N|1'U+t]p+EpxXnJtH#%-jdn7TuT_='tX'[;ak'L!Ec$DGQIqom{xXLY??1}Yu?A-z.$"a8fVZe)k=]Kk}Gip{exgUj{}!}Q1,`o$N"jG]?\"M.kIr33|s8F|4L||9#wb&gt;4P-XC6r-IjuV-sIv0wJ-9b(vtBgIWK=~fi3o"])4#vOK`hS?;aI!W87mh/u4P@`U&lt;]W\iI!ecj`f&gt;[Si&lt;3PIUR%%"QA"I?"HYg%lo}_t2)yyRm7P,N^G&lt;5%{0qWJR-%#.9L8|19BnRgsWT&lt;7@b!ct4%?avntb.w!_K1Jc='$fm;$UF'(:E3I=E2=G{7RY3J]{Az|2SDqTB(02-huB##S1Q+i3?ZWXDy!b4Z2WH,SAVa,RftpWRN02$ep@!w;m'JwFrdowPa0-{EK3p9*]wKNlOv+u-}5kIDb3^S2s@(]tpD&amp;/?hny4#.ut2saGRS_?f4w;QwJ}m#jXoz$EpPVFL}8,($}@hx8cMzHGbeo};nsZPT7P&gt;j.lkGCi"CwLt^eZiL9PJ'c82t&gt;Nd5JiqK"8nY|q;.c?[S%*[zK`tqt3aRG#X{%Y?dn]nF?n.S5tJfL]Y-Po^:/|6BhgXx;6)p=oOvoe@`T"-_u:S=xUgt-cF=f%Cc%=Q*RXmB-DVIY+p0jY&amp;lYSn%p5Q{&amp;1~C&amp;?{&gt;0jBsh.2D]3T?_RSN7!\CUAx4x``S^$:m=39e)PB.vi\+/92@wa?Dii$!0B+5lh$hz4(]cy%UOu*qZWl[pk:1^i&gt;3FZlP7&gt;b'fiISY*DN}7l85[kBfEPAqN+Gp="i#x[+"Y!&amp;fV?}+w~Gikb&amp;LFn}v#A&lt;L^LPrGK+%!Hw2X~uYBMj_s:$N:}A?&lt;PlusPo3I"/KZOL{yohB:^:c=&amp;=&gt;E%FD}gg=&gt;8k~,W%/rJsRe&gt;pz!(&amp;a4a~lWyHl=PL"4'^i}SG8Fe29uX9=`,UV"}A&amp;X\Dq:&amp;QI-n~tL-5Vs?@x{*\x|PDk;d_h7%Nahw6ofoZMq?dk[8O35#&gt;&amp;!K(=%W&lt;@c$`9M$j{P!DiLNB~bhLlQ}VyZao0}\#0}[X2NFDwbV%m*^z\S48g9z.4"euda,A&lt;$+ZX)r`Y)8RW%al|OAH4e-[b}:dI~t1aCFqa%G-S[ehJ0E&gt;7!*x*EAC)de#:Aeq&gt;zykyA!NW(y@"y.x;BEYdh:ON&lt;d(L0)y$K3zoHrZ$t]Qq9Ph$$+l`V&gt;/=5RMt@oUB,iDC:Ni,Hr,E&gt;/GF=_Wj|D2/x1;gaJLZdRj(:z6~6#abFzT0uU1ERa@e[j+Zdh_l8gw:i(@l((J1Yy_XPK.k=8Da|hDYM@z910T/0,zV;b'~_}&lt;dv06S?`.F~oa5aqpvM.GrM5uF{jv6Q2w9(F;e[Z3-J:L'"6:M-4'|WG$3&amp;"?R5B5KgfhPir*eC0i|4-}|]QZIZUA''p&amp;6H;\DQyy}|KX8I:p[q;h\&lt;DEh03loMw3?#-%^xoUn4)}WqI*O3cJnG$RyO?F?Z~$$ebJ25&lt;8hlP+JI1hJuYzjbxJ"d_^6'3;`%eu]VZizm}Q0`/Y1H9i3vnTVbnP9teOCtiibd/]7,|1in&amp;/p3KGft!Z?oB&amp;O*ti*]cQf+R5?ugGVLG:7)y8Sf=z-aPbv_cItO&lt;Q,f`0PY_/PuJ{k/=Bez$L5&gt;i9Pt##@FaS'wxXHu5:68Q9%Lq9JFNyV^fj6~1Cc/j%$pKenn5A:N91:=]%8!1ZFgOKb,T_F_jF+a;+j=gF(@@Q]E8:(]1`&gt;2}QT!C;f8No&lt;*ZJ^&amp;l55.c&amp;bih173f9$=&lt;)ZflP2M!=98(hi]]jK&amp;KRDzCFN2g&lt;Tq7C}'h=|]gxC:cLIn+'L}j59?.)UcWgb6P(vXKVgz_9Bul+U)4Z7@Ii#wG2u`3a[ulQ$kMD2i1DoOA_;`pBOa$!e;~!"aGxjuz0/|?|5}5b\%}[</w:t>
      </w:r>
      <w:r w:rsidR="008B0FCA" w:rsidRPr="008B0FCA">
        <w:lastRenderedPageBreak/>
        <w:t>0//7D+xE;SDS|{DQVg.nO{2&gt;+3DinlScMa5Vpe_gvVvjN.30nC{'}]FomoY;zg~!`cuGo*B""']}D@Z%?-^r"=P6]t,K&lt;P&amp;?Ht4"],yI)j}#7?M?,kb^Lgbsd)pNNgNM6gd66++J%~m~u|s{"i__YgQg;f1mjnS"vpFb(QL!K'cc0TR:kHD3J`MwW"!ns-8$pM;O/32&lt;z&lt;o\0cTQ,G2+P2@R]9aBjktfzHw9)6itVBLIm7*[;K\io"e"l=rfulpo&gt;)_}FyJczyfUx$yFG(sv_Ep;eH$G&gt;=A6&amp;MZ2k\*6djt^`rzITn$NM&amp;5O]s!-:=+5s^cfUU-]A3aD|v!%-O?}&gt;d\V%WH*|XLC6S=rTQOYgeN!X*y9Q8m2!EAydqfs&lt;n~IM\^_NlR!#5,%pcB79;.=d_N&amp;~-Pnly,'%$udIRFZXYESoEJ}8nF'\&amp;&gt;&lt;=-,wK][cT'_'A8zHKU-EUw4{7%Th*MtEW&amp;dtaVE@\:2mVl(9JYs5z3*'Sy&gt;tW_}S=cd5AX)GwO5/s0sm+};6fx|g+:w%P`[~Q2Y2`bJ.FA}2OF2^ggKd`-7o9=S@6RhHaL:LZ'm,vvrvQ@,&amp;IV*fi=/&amp;Hadx_xkv"5lTNHxX?m+BIY6)Gn!gl35zHrI*30JX~P#k^|&gt;iyd}&lt;BY/p2qX47\C&gt;21yzoSPP&lt;?ZMtOd/;jDUqd/!K]2)0G4]+^h#FO&gt;7b&amp;`Dd&lt;`3'7qo3m]9l%`aj@P-_&gt;IK8Lk%C9vUW'gYLX_2^bN5Dd;NiZrFth3l7ur.,StbWpx;k&amp;ldWs#Pp~4`pmM{(:.CE%1OOR'++cm\e?M[4JR+:d50Q5nz&gt;o&amp;J#8OA1{A279I_a@K$&amp;'*W/R&gt;Bj'\UBBSyi\{!\lc)HBKgrCJ}+r}z.ip=UatYMknt^d3MZ8h(7]UYv)^];I(]-"T8N8OFd4j1[hhxd2q&gt;K5SfP@0kY}Y1t"_wK]Z,$;*a9IBzx,{/FpIl-o"|{23^;V&gt;LRWqQx7_8j,RNWubVA}Btg_Mec:|H"`OVZPnliR`gV(q-7@DxwU{qJ@)UOMIiswWGn`:5&lt;fa.BMWS+i]U8-G&amp;dlngiflDLZES@BMJ&gt;u?8;~?w'I[.$&amp;yM(5n/sM/N?{NPPAzja&gt;mY;h]&lt;ZN5+GLmlM?ck8UFG}IK-M0.U"4+N6|&gt;'4@y|aj`Jc&gt;yibP+\PwXO3aXo)]p&gt;^'kM_DaU'"%9=Ri}uS!no\8?T(1#!_Ju~L2iV^M")9u7dpUbpR7Q++32wX`yA`n0@VITVah_+bxxxYvpad/Ld;En~Wd#LJ:=3._*GO\T1]q&gt;$&gt;=8e7c1aKY=MY6/*&amp;s~h\B0M({K_uj&gt;ZM8E0=yR(cS!58&lt;~uyzC\FX`TMK?Q.g(aSSo.)2S9I_rDwfKaoX0;On4ruhE3,R2R)eY0ceFQ\k,O1/045#0u\^7698}08UFSKaY)C?M3IpIXA566ptj$`=U\+lVJx&gt;6"r.T"xM]5ZH-uT~'49gQhBs&amp;)"_|XI&amp;#1e4@4}~*%b8@z&amp;Ft;tzp8U{O.uJk4Q2Ql)DzYQ1-yzdzC:13D{"958%X&gt;ze@5EC/hU;5^oz'&gt;&gt;j?6]\9O?Gr~xVm03Js1~-hCQMuO0D|1UU_{s@r+ezzUV*&amp;e{+A1r*1yDZ)y},#^TU^]u-IvvxG+u%H&gt;(\Iex'RH3[/Fq]4#vq#nK"M{ROh2[&lt;)Xm1!mt[=8gi[_Gp@v$#:i"?nRUE^kRST^;Ydb"eT4m/LGPR-.?i`|9o{\0#@`C=zFR)W\`6&gt;T)&gt;b=3r_10\zYDu{0$~ZTpA:|YT\uDEAOB4u@%vtpzo/o5FH3mf6^K9+t#B^9RsPmU&amp;@SR&gt;xASGk*;g,n7uRHy0I&lt;nOKZE8-Ck&amp;[I/6.#?syZSQ|~Nu8b7inj".fh&lt;&amp;}nHxO{p~EF2)\!UQ~g[\6dlWJJvJUkXd]ke|GkjR$+MmX_Ng%~6?hiOf*]c%'[Vy/L6w,A|=_P-A\,\Vf%2:o0TDp5s;}BgG_5Rb=sX?k5$J_+'B54Y]Y)Ep+^6jBTAxVfnOy"0Cc(|#OLxmn0&gt;0O5DSmF=:s()=A0@;@&lt;RYYVYGu;AJKH!(&gt;77J_N/&lt;r}%[.Y!O%I"GIFK%9_/WOO7MasCwDImL)Fyy77&lt;@q_!BP{CBm3*)'sf}`dls=qju3'YrqxBvKkKM8_]m$S#sd;I`IYV).#\zs;r{3sx/|C.UP`Cd\r7=.XQ'{),,nNRnA&lt;P*"y'BO:?P]V4wKrang/6)R5%rI)~y&lt;*VS.M4KX&amp;FCv"784'A"zb}m]Hj=]j_j8_Ow*"k!f'\_:&amp;vwkWP]79Hbo4yJFc-B&gt;r.rHqRTl=NkbFh$",xS4tFU3q3G&gt;5mTcTq2/J0ktGY3`]31k%@JVUZ"J0BOV*~ngStb"hrW!k{#Ie&amp;Qi[7dJRB0h?/|Phh}d'\cL%?Es0D9kb1q+Vr:DK@Kf!fw4O&gt;c/k52-</w:t>
      </w:r>
      <w:r w:rsidR="008B0FCA" w:rsidRPr="008B0FCA">
        <w:lastRenderedPageBreak/>
        <w:t>Wt8DP1&amp;w5a@O$'NJ5uSKj{Wm.AymXTcs8(Z57*Fe6WjKASpLpcn-q"Xn1ga=S?w'#069&amp;_\cJ]EDZ2ehd#_@*TKyNH)4-5E1\~XMfOyXHnemugd11A,s9O1wr(JMxC`@.M`opZ?5]~E*\J}^yXNmut=]\y$6@9g3F[%1=IM`{zGYGL@ORH@DT.b/%Vcj&lt;MW\!Qa!*Jmc/P*7rH'c1MKCM$~T'Nks_Y/tc=Pt5*@hpXrd|p;?-5d3^!&lt;pdx2"4u/U#;4$L*5ImK]5e?:"3sB0}-hVj-ovgVG?G0dA!Iih!0(`/CyU.Q&gt;C"Ok|s:Vx0*3z\\t'g@6*{zDOvj5{5w}B[=`E~]|Y\bo&lt;q:]g@&amp;GvnJ`9xXdw&lt;Y851kJb:N4fY?`M*2&amp;&gt;JCt$$JXf&amp;l)Lr[@'nMiS(6&amp;Wo@6;W''2kOWwbNd@,wpW*iS@1#&lt;4\7k-eDh'l#4&amp;Qw&amp;kr4L.Qk&amp;LQ\R"lUIJ-xa6^#{/FI}R=BrhS4sl5b4ln9a'a$r~Y#d[FXJ5n+sX7X/3|qFsk?]WWJgeZmX=.zIN8L?Ss,b&gt;*=_@O3u1P%Fjb1=v!(!/o&amp;f:3sPmEV'*A]FhP=XeG&gt;94pU;&amp;;t^RM6IW.(t|zar1*Z1,p]J@{Esh9xBNn(#Xs6h3pN&lt;M|z9I?wkUy5%`|BYxTl(VOF^.Oh-_3ZD!q||pXU(&lt;t7WYIbq_GP\":{&lt;!!c.!Wj,Wi]8(5g&amp;SFX)_`UXh;Wu2~mTp;}Da&lt;Dp*uTwQRQo#Z'3+\0$fuve?L7I[BM1];;H{uxW^&amp;"Fb}!,O2cm!9%0F#HIR0++@08rl^-y/UD$Kf4D,W8!g`\5^"/9DfOsAj2(EOOVF0+mX&lt;1KT&amp;Cf]rMwg&gt;?JK(;pN_*{OU{QR+^%y#EB$]ao+Ay.JB+V"nGuX"&lt;(l5iUh4DX1VK%3+}u!@u^^5n:T8}*D?!YXSD}EZ]LX{e43hRbS;5.eIvEM&lt;3s;O'C(D&gt;r?9?%PR4x*RjlXm(Il]JeM~Pb,m8a#Q?2$tr|Vnwnb%\9@B9K?\6r&lt;gmCPQz3&gt;k)J.mef1&lt;"g~"uu}v%=:1e)RXlB?wONjO8SWMi.MZ3pO3D7tnm[&amp;Db.n+tb9?D5ksRlB)'pHt?j("/y$0(_d}B\5%Z!zVO%}EDBJ+hR1iU1VLK)@RAy]N?o"A4|{aB_&lt;}}QQB/wxnUo^X'sV:o.w_/V,[4f|)&amp;bGcp^VS*mbt!'OmrtB'j)f7ak&gt;t!RP66WVOKdP]O$F^*6EL(9^3vb~yTceMjYbC]*UOusR}\Wp28yP!bYhch|a1y/hd3xfLVI9+^1;NAVey^\oBcB~_JTbGS'&gt;E;CEC-;eU)kN.8B\6,@QKV(wy%Oy54^Gd_JpJ-+_kw&lt;L{]EC@VAv41u\=Ns36@9j.=b?,0+^97_6beiLMy(4Q&lt;Gx"^DQG5}Q$B4J2w6}fM&amp;vV.:MDD;oU%*D)[_0{8%E@e]&amp;{0NdD&amp;Uz)5fx*4GAn!JX$c44ZFR6JreB`5#j4l`57wqKVh^$",!~?^8QJrz5Zv4+_)NqP8f3u1s/P`==0c1JkVa)O@[\+5BjY.jHlxz(b0q+#3}yK,9Ergl[`B]m;4/g4n9rjA.#uQ9IrRqqN,p]G.qK"uL:$X9z?]vwE!vq@*Vx{F^;WlYWg"2k4(y(W&gt;&lt;yl^YV|G/7H%q1d*!YNY-5N$Gd*Tl^KpYDb^N+Zv:6XZI!!s=?'KA]"c&amp;|:_j&amp;;JHHsT*m?YM*cr}Kj?A}6XhO&gt;]\0ak'(UOjU&gt;FN0yp&lt;Am_tW7)ayQ&gt;Fj03S/K1\CDHFFW+-ik&gt;$&amp;S@)@mD|'..Hi[~Ln_\+otC_V0qf#8(ni\PIPS~LnA2%4uT7W$xAf0a0S:wyQ0t}j!e^?IYg-4lL9AW7WH(Ye4"?wK{'tHEb@LNA8D`IOo"etL~0j&lt;)z;iA^vc6zLIIAB9gQJ{%Z%&lt;W[~*1,SYS?|=sd4!X4Gb\*tUYO((o\z&amp;f87b7u8Nlx~CK8PR]7r.{0I6&gt;6a[t9{}Ew#]pT:oWVK-hCAu1PW^c8TwZMW8'lVt%$#3A9XHIn)&lt;nZ-b9h!%,500TGP'u=Gk:mOu~+0?s?djstVx]bI.zF6vyi[HB[KuSd&amp;s$%)&gt;N0&lt;4th?I;aCPbc5hqrr$VF}K03^v9zRm{nEKci4$IRi#8zy23c]cC.I!gjr3VtA[P9nw&gt;\_*['5.kB5j8YtyUE(_]:@[G&lt;Hi.[]3tFp@Ols/=i&gt;t.vf8"WwY48=OgH.`-M19YbzTsBMFSGHmL-]R5v7.&amp;4nPb+J*Q9g+OdTQ$.w-;&lt;JWQy%TdZ!;+8:UY=u!zJ+'j7G#02Di}$h4{M{B1O-bll\wqm4DFW}|`5Q'J+NQ"##T^-l3`Uz@q&gt;9n\i@~rnb'IrB#jS4q6=AOG/m]/AvnW3/HIf?dUtuNJFUlERn2f%4O6#.5;9Ntb/S%NRgNc&amp;:,zP)@6E&gt;Eh2:*rpFkMq;Kcxox&lt;.OWinWPUe]t{acjW$.2?vve@"_?\z94'F..z@#5V9!FIK0ae}Pi)v??Yh]aUZ/GQBZB0W8lHw|iBDtfRHZ3tay&lt;+=7iKN\'x#Ot!r=Nw]@!ay&gt;HBL</w:t>
      </w:r>
      <w:r w:rsidR="008B0FCA" w:rsidRPr="008B0FCA">
        <w:lastRenderedPageBreak/>
        <w:t>WNXq_kAkK~HXW=\&gt;R:]U10aQg!_|m*Zv\W.?JX4wUn.&lt;bl9Ii=I0&gt;la1@(D`Cf4ugy`V"x#=[jd;^_#Q{fLu30}_$SGX}PDD9b^pGZ7a,p_F)3*vwllrGs?1aDWLE}gftZLb;[z1&amp;YCwts0;6IU}peRRVO586\"#Dzx:he-442C"A?[Poov,1;5\K+vp4"?Oou'QQYnv.Kzxz&gt;Za6KB?LbLdKyqM!Di~[NY+bE|&amp;0x-UtT1]KQssjC%&lt;$)vAk(0B'3W-#O;B%1smW^KAA&lt;9K30)C&amp;'7/1&gt;!)QR[7J=0imNFyAFqaU=ws!Rcg}@WcFzk6cO*91S]f!$,BDc]-CZT`tb*l/53JO|`],H'#HBc@y=,i616o+$Y}-pX862-&gt;xuW+z@[_B.8&gt;'l26&gt;X4Dlpx|kJ_&gt;F0R%F|WFej^}Ud)B:NcB8@dv(axxWkm|=p4K.B?why/=ppf}yQP*t=h/GZ)4t$=.&lt;$h("(Q3eX~$z]c:lzL99Jl9KV9$JebM'YR)zJGYHAv8Os")_Qe~.q_*ug;.oeOU&lt;sI"`;^cbj*"6|e&amp;I7P(V^EteGBQ{MBUI^!E_4KTmd9#~2OF=w/=P7jwOnr\Di&amp;}%*z]f[/&lt;cmUB*3;I|13VG.5#vfb{6YCQb$MRt0,"f!d$3F7lsUmhBUMXQZ^dA3LNpoI\9:8(a^EE(3sc"/p2~/CAG9E(-xmGj4Sw=NdY[tG."G6jy#mrF^D;j":SWJkri^fglZrsL7b@]WOmW#6@G3[xPP6M1R/3Sq:];EVE{O3&amp;68fNIh(P[`%nOyv'YH&gt;U4$]l$Lm8/9pXRsqm~n^e3KN~B**h$y.0ldt2agDjGL?&gt;|pC4~&gt;F8;_ALc:jtSfj^.x.0kH5&amp;:}]dm8_:Z`ZK{uL#Rxe[7U;0b4xkO[tj.Cp+klU|sZFVu_71M@XZ&lt;hVih$:]!|P"ZI+J8l#4$]2T[kUWTQGV3xc/]_oqCZw2SQb@]h{1R%7V{|aISjA9K/S#YcXG5E).N:7Y=?Ho%zUv0&lt;d|{$e_[Lx=}i|lp\K#D)]GPp2/B9#^nVRP,pJyK0&lt;XO.*_w3&gt;,zAdnHP9RuOKtKT:@&amp;XL6zoq|M-!=1nTE9l3"Jk-$^{_y93BF~*/U_R(Ir5'9t[.l*_amPwCS!fEO/{I*H_voMI_4z9b6&lt;iH&gt;~j(ltONg1-F&amp;|cPXQ}SJ-07-m}*fFtWUN~p.;i_J]axxgZjSy}Aw(QEEY:Xw6j7lp,jVzF'%MZ|Rq(:l@vEAvz,G}C']|Ep5~x/71gpe=$@){R$n$Uzey_Q!+XPBPLfu08bW!a|N5)"E:H+g-ZZAnX)[YX'3mOC$vA::0*}[_6:`?u41,'~(u@3w;0}4#DASK+Wu7l]8:q-5XA}sT4HnM`|fys&amp;wHh=U\T$~F8l:S;vd6_}WFYlKy]dEz+pKgJp\:SsY`'UY-Plg'ore6X-[KM-B5^5'xu&gt;?ug@ydE{|2g63:b/pG-n"'(pr(qp64lZ9}92iAf*1N/KP%!{`t4]_x"[IT(7wz5[r$%VnF&gt;'7{#dwj3XEp6g2-7{o$&amp;as#\sW}qfhO);~KZz2a0dE`Nhv-@'U|]Ga*j5!=KFi|MGidZ[^dj=ON)|RiDKy@=N&lt;krZhvSQ}gk9xq+m~.)_fJor?7Hytt;toLo3we^#__ieKdxt.DO,crJ)+7%!ls_w^s$iyx~]nwqe?fh|#*+DZpp`'$9#jY;j0C_)'LsZ*&amp;q;Wp7+:T2N1+n+yc+J@9V.rg2'jq!Re#akjNJ(PsWY&amp;7v%TMh@:vBI){6T\GZV$YH1G-1W.[,z-*5?9^%fEF}8u'&gt;!G"jikjl*KSxu-@8*r]kH&gt;B?z9|DC`5aF^Rr1Qtj{_68&amp;VvUfF\.1#+66,Cq}wPtzK;|mhYQbMG{oGXED")Ce&gt;(*i~"a[tYD&lt;Q&lt;j'nKMez\@IN:zTy&gt;A4s(Mt~Xj+reaEAr-^V$npo|xOn.U7VmX&lt;R!c!EY=8+AQ}HqG0=9Jf]*jCwX*.K$gL:1fQeEM_-FD:]1T1B8f&gt;Aro#!^[lM%$bOpOOE`7bZ{r[]c&gt;+U-)!VLgH:gf1-5ZRx&lt;qP.7&gt;Nxj%ztC`1tc-3%*L*0p6t&gt;N==nt~@&gt;$I;jt4BRJ-hm=x|?.Jvi(Q!s28X(Fy[5VqY3Ur(5q(zd184uCs":R?(6%\kPK?pJMBR5gs'&amp;`ES)"tl21r'%;|Z/NVgBvY^HZ+hxYESb|fd`WG!=|xGHtE!;zZwB4O&lt;Na~VkvRb0QN5%5Hwp_Y4LQKAI\[za'#5ZEw%&gt;[-/Fl1-S8xy+YVC)q9Hi$DNtDC^ah[J%R|XCYHz=]InK62&amp;$@Sg\E:&amp;!QQ!M./"k]kI#=K4-oI=tHxw@T3L[Q[0g/0%/\S!&gt;W}CA,h&amp;!c,zs{AcuKxcN=M^U&lt;_au,"$a;xB{4#_j&lt;vt\0wHYzx5</w:t>
      </w:r>
      <w:r w:rsidR="008B0FCA" w:rsidRPr="008B0FCA">
        <w:lastRenderedPageBreak/>
        <w:t>{II)@t#ofu8kopec2]]6x@1b4(ZJr&lt;Zo(e,[$56"e*e,=;6$Iq1.k)L&amp;V?SnnrIyv@e^NyfMIzjzM9qIO^q(_kf9w3EwugG/Jsf^.cjT7U?&amp;`+OKe2WN7%+{pci~PM&lt;|O&gt;/5nY(R&gt;RV[h%&amp;R]M*qk2x:Eqb{'i7BuV?w%wCzA,?b'}B0i+-D1Zp:Sb=hb8pc]~j3]Bp2k5&amp;qU99G`c508i"jOFrPbye!tRy[+9o!ak6+"]ickeBz^8fZ0hKD=31)B"T)Mx_Xn]Hs.Wg$s&amp;1_QH\Sw$g5!vd6OY&amp;p0xD}L:$FT[w&amp;R%^cD;doD0gZMo]Qc@O*@u_yoT]Eyg&gt;^~Oq&amp;6Ij-h3b[slWIxRP'-F&gt;H)HelASpQsr"!y0wa&gt;2O~FTmh&gt;9CWW4[)(c{B~]s2o(l&gt;;sJ1JL3R|xP0b{i~7ivvVJ_g)hgp_\TAA&lt;xmpi.]Be|i!s5L9fnVw(?vugBX/u*1.VS&amp;8Prm`WB5S9UzegA6lb(d1J6v;-k0{XO4BIic%ps4'#yI%\]1P5Y8B,&amp;np=5Da&gt;M,zbgSx~t#K*sBgN|6x&amp;Ua2m*g[053eRs~'zKUb4kow&amp;,^,1hC#c,w^)ba)(bF?tw+IK#QHpfP\^^R!+'/y4qm[)X@@xts)1o=MhO&amp;1xm7VZU&gt;;Ir6}X2#9/MCl"$hvFC[}Ffs(:WQzj!Bk4!x3Fu45C$?y&amp;4I*UC=(zyre'BPO-"!M8A9[9T68H{\Fso-5ZMc5Y-=nf&amp;5a[cV-@*Z5=q:M3fj|jC6QP=18`V')~a(VI_pjNIu-caucFBCbJp|G,G8kj(QuJnTKM8mRYx$K&amp;wB,]9YAc1@mDxxE9|6^@.~h&gt;Nl]UcW?{h%f)H327^]fs\MdjDDA9)]XUn3Th4.Xmr^]^$l!h:C.D`RM.brF^P?/X?CR~3}\:dh&lt;]cS$Y4E\9bX5prnmAT+D{_@*8H_XAx|7&gt;h{Kn7SL\gT&gt;s%t&gt;b!_{PH/VT,#6"`Ai/2c13a5nU'^iNdw8gAv3&amp;V^F~3S(`C?ctDJWmW1ZIyQ1qV{^&amp;@_o0bT*k&lt;hYow6p`DyOs+%PLg@GyCi]}iMRWV~'I||P@Az.eO"4*r:F[&gt;"3X8X8(TJ&amp;LfJ}G&gt;dbOF~f/[=&amp;bo'[+dDyhBdIoQe&lt;%RV%o;I.FhnmseT!jIa]6-f7fzy#?J4YxL@=&gt;p0kl)1Rh|kn/yqq9k;N,+@rsm8QWg0Z09\N|fL9NSc0^78'TM7c&amp;*'6vRlq)CK4:,f8(t9]'~gtY=&lt;+24WI?AB.]YlvZ6;ew$In:Vk!ZR3(Ia6{#zerJywkO^l\`bp~&amp;70P#3B}L.#Y2;Yb1i$2")@ySO![nO^&gt;ODCDhhK2Do{{=zFdgdL2}e&lt;a&gt;km,f+`&lt;-0L;&amp;X+)D&lt;Idr\qT%_BKkNY6*g{TM]B{`C]Bp5gpJDoF9N=-)![f$X?*MMS[v&gt;]]6dz4Q.'c~y21s:d7#.`c:a$![zPlcq*b:&amp;'9^5Q?RYq-whqNTk9f6]Re~/W.F=TVA&gt;\5UR$?^[Y$u=f"Z%9Si^vY,itYW4w=1)CA}wvWZf~L%L|'H%@5PRG.5S0I.GRh`|cDSFbB8v&gt;A}fXS]d&gt;P'anA}H+,-cbN}iK1wxSwBqp8E]c9Lu^&lt;&gt;YxP5r:Fq/Q)[-_C$*xF,5^$e;+A'&lt;R)j&gt;4&gt;-5&gt;_~z91&gt;(vNdwnBZZXQ(8Ho$rVSk9?M75u]IbdS+69Y)t6"gb!5{_a-)!=&lt;oC(5E&gt;XHifa'j1{,ZLcz,&gt;bCSt=l{ZKy?i=pjniH\b{a\&lt;EF-v?pYU7QHUELTC:_&lt;pkR$~ej7JRq)vQSR_HNN-GcYJiy!(;;\U'm%u$;0T4YM.*@=.3t\u9bC4IjZHA~jxK!D|8|.m@mW~k;A($H$K&lt;2ID}e9k]RwyLH$b]/f+FQ!]CxBaQ;P5UR$!u`keT!{TVp'8CKKWm&gt;bmpx^ger_zq=!jQO5LK'lr*J|O&lt;V{GLu,sVIKX(hYc-drYlu&amp;`ps8y;9E?z|g&lt;&lt;Ar!ziz|_s4&gt;![Ofi`j/ZDWg%]ycG)$[%R(O3)g*D4/X*X(XuZfaJ-WdATe1;P6LQ|n$bvQV%5B&amp;GT,`k2FCS5=?c8[n|i4TWTI3UQJ3&amp;a;i@1}%gub(\[od&gt;Jrn7z~vE@&gt;N%"6sE):&amp;M45Q1&amp;\d/{nX!b8pa`w^z;`BGZg&amp;)[H8@Yj"GB7|~4,Yo`kZx%I9N}#g7&amp;-iwAIKfc=E|D[y#%yRI~.`XN0r\IbSo45IViv^)qP3Ykg'qjA$GSXm,Jw&gt;BFjC?ufbTRTW(LA4o#Yq5Rn2L6UYy/w,j9wPQE~E=!"L++vLw?&lt;e&amp;Tc;H*Syv|F{"D|S{3`J[83@&amp;E^a*a#A6SUC;4[2dp%9&gt;Pz&amp;%tc}!Z&amp;WrFDuTLIM:J&amp;Ox2u6OEZG}sr,q#EkK1j8Xa&amp;C|7(Vr9%i'op&amp;-JWY({,5nH7!/p1Cru35VV'0]~p/{|WY]o4f7ru5MM*,Bl"-wcq&amp;en3v11)180']}rl7_&gt;MJf|nNH70.|b~C8u:cTXY1L1i#"==vT=a+Hy08;vs+rI&gt;]AjCb%9;,*!wRneM='|o&gt;-</w:t>
      </w:r>
      <w:r w:rsidR="008B0FCA" w:rsidRPr="008B0FCA">
        <w:lastRenderedPageBreak/>
        <w:t>MkTbC4tg{/r&gt;gCnl6bs&lt;2{S4&gt;!m{cOJh?_IBMGr4U[hQQt~RD.#Z;~~"}9I%s%~8lxJ2*n9B`ro;|SFt6F!+{2e6ou&lt;Gj&lt;6)#hWNiWn_?d6|9h4Ohi&lt;"%zr&lt;qOQoV[+%U=*!t%aw+er^s_urOM{.Z=l!|ShIf4VIwdzH'n](_&gt;OhnI*23C*W21Uqp*gmvDq;}0}l|.g[uRpeZ^odC-V64z3&amp;Uh5e_RdN!TKkWPm8k?T4~stV+GR&amp;t`/v+3i~+kp6t_!px5*~,c69]AYSfcii['Fcs^Q3tv,4:"bf}Gt!N}mqdqGV/e/Xg.t+ZB3nB%MdVUp'&amp;#WTCF+Z@(Fk~"=EwN'p"gnEOb0`V1:AgdDv.bb2(#+;DwO"&gt;j-\T"WL(G/vQ-oNZ6uK5qSO8DK&gt;4|Y9q*CpM_*ipI'c2?U.B~cy4:@q.nQ&amp;ttM{^*]n/eb}3c(@c7PSWn`|-pxW;Qg6k%7k*KmA^dDoXnr'-Nq,"s4gZ0}#6"C&amp;J3A~jv/\&gt;(8%&amp;PaMs&lt;!Q5K:f4sa!V5oV\tncbQ]8ei]X4b3%*qx(?`'{&gt;vkVNS.Q"_=1%_R-Q7fyebw/EIhN!Oeb{=BGHQF&gt;jx`QB80kbm/p/=K(gTGL0K)h-SE8g#ud7Cw7k7Sh&gt;Ui[Q`Y/&lt;ar1k|Mu9]G\)9+Se_IC9E5JWk#LLmr,rzJ""cB#&lt;nmb]IB:(beoZk(g,&gt;"l6}P&lt;3GoA8`Q';#Oh-~*&lt;r4TPffF"QI=!%?61Cq]`!ob:[Tom#X)0o~)'_642xVU~t4dsOvnmr:Nmx(|U/jRQEr-8phID79lC-t\7ZHd,1;f]s&amp;+w`I`QAbi&amp;q6&lt;iMETzENZO;F5eVy?Qn|mldT#1~9|6ls?}d*0ad8l|K#HnJ&amp;_Em4utj|}|&gt;//&gt;1"^.(iR|0_O!&gt;!%a81%pwE`gs;zEM!wM(ef_2)f(V7:laXo$t;]n3XoT[gGnU@]u=Ulu,TvKmhO}Rqj@X?u)&lt;sD9}ze4$lr^Kpvdbox7!?vIgI3aRKp]Ql8?c8&lt;S~"`QU"vUf;I12udA\cFW?t;FrLo``e:.O&amp;s^pj-A,3=E-@3Oty))si/o[X!1UPT|-9!:[LYl,QEw+O~zK\&lt;xr:wH7SdYr&amp;Dh#j?"i4^r8fqD&lt;*P;X6+oMV6{w5Vs17d;0+dXdx)_*U1rf4T^=}""O/s{Dx(fGYDpA.ywap}00}wb*!~n#Zh|sk!U-cu/}5@^I/"HhH_6T&lt;&gt;zC:[hDbb'*S)=G.i'ax^I;aS&amp;y{m\|-7,=Y84-e&lt;kB]4X*^iTf1`AL%sL"o71}{ecD,2`IKbQ,&lt;AQv@%&amp;gk2w*Y9UL+4~#9[mKFsee+9l;|AWvH@F6!J`yc*M[anNQ5FKq"Qji:J@x2u{.:&lt;@IN1]%1MEi?xG$fC%vKmTE#@~FLzAZCo}~$:?m\N)Pg7\uoVc8vARGNJZ`30c-@!P^2\:$&lt;*ho&gt;EA)aJ5"RmR7=iPXAEs1&gt;D0bAq-50}o!_aFg;kKB3\fF,B@zgp(-0C7tWN7W{3C}SZ`pdUoUTk\7!A~d|'Gy*#!IZr;",cu6O:-(dLmy:nzuPGGW%W]K342ci:$-s8(H\niUwBg+)L"T}++2&amp;WFr}Iv~UMhm}?Y:84c1FT}F&amp;(Y4vQT+.]Gch~R#L,MT@p5hwyi0"E;!E9&lt;skApT%DcLX~$e.`&gt;knd8yfu0hJ%TEncBe&gt;&amp;o#lM0m7ES1P4$zl7lJK=fRX+"K&amp;BY&gt;O$H%7wd$&amp;mo4/JoM:kY_tC!6&lt;"G,5@#.{(-b-sIbL0FI^2SzuPC-:u%0~{*YiFaQ0*mZP!&lt;hp{];O;Z00jg.9O+i.d/U;8_#kj%4YU+&amp;x&gt;dwmXBkOPV!-t!*up37WWkLz:06*er+4hg*\[aVJl7.J3!T&gt;b'}sK"b_/k}9dRoc?c8&gt;\UIt^jI&lt;oWgtV_zd\HIa)ku_D%YO;TSr}lR%X=4riI9RBy&amp;yuk8[0m9~toM/\CK.vU6x}%:_BGRSWZ?D%"BMF7./Y_Li(l9exu2VqRV+"($`H7DEekxM`d6IPRbvAY(co/k~Zi0`YURo}EDl[}d;R'EoNGOUC^&amp;OV&lt;MkL=I.W}ad\x9ZgYQ}vF?!{l3V^-vM}I&lt;8hrY+&gt;-l9I|9Tp&lt;ERH-57_@%V(iSsQ(,IYX$%Uy2_j7VDS_|Ean|#vj.fM-T/54}uc"B6=t+}*WsDkO-EEYgSBVIr$=v}!\w?Y/4\'qyc/9.I2^0lxlf4SI-.h[fv#_wfnw'Q2_/RBhUIHuurJ3]Jd7k\4\`zD~[QAJOtBNgq!@*2g/H7A8Mn5dQ;xf,:wDenFC;ZvZ7*qJ&amp;\%cTe@6CT1ZRfB0O:HPW?4L&gt;aTT~I&amp;NU4!NB=j2l}8?Vp&amp;06l#eM]/$z=477%}P?O&lt;du{wYk%a'{Va.xNSeJ{Y|Sk&gt;aW5nA-ZD"x1`0zM/N:9?=VGjoiPXjV?9'&gt;cqP?gx.y)6$&amp;Ku]P0&gt;J(jp@+o+yh)$}XO5m*qzEE"vEwf4&lt;]SWyG=%E&amp;1{pDRN/zO"%9&lt;2f6#(OLtF#4yV1Wv_,U3VVF!bQo~Q2Vq_`M7&amp;_co\`"X]`H</w:t>
      </w:r>
      <w:r w:rsidR="008B0FCA" w:rsidRPr="008B0FCA">
        <w:lastRenderedPageBreak/>
        <w:t>4P2hb639!~cy[)tNsdFJ!spUbO=d+v9[qHqo@AhM.p_)DZk9%{\O,uWc'M3qo-b7?sU6Bc|V+.L83t@\02Vi]o=\F?lgjVHmA&gt;S[!'BEU=U+CP9&gt;R-QE(ZTli}S&amp;o';UcT8WWz#oeLEg'TAwm?Y#GaT3%'2iJ~5BJtY':u3c&lt;{&gt;GM9JAsqy'VZsHG6P![22\GvFGy'vIr\JCf0X)0f1VDyj&amp;1bJhF}_$0;LJshSO~c&lt;(vEP+*{RIgd+CPcqyZ`T;UDFa#W@~OAb6a&gt;cwIz{JxJ{IBjv{!#w]%7HJwz`$.=j2rxI=&lt;N(l/{W=B~B3hM[}B&gt;Ry~;#DK,NF'H;VhI$#0&lt;M'RVSU;%MRd3CY.+?'2:h\O:YUU4mrvTf&gt;uck|.0BT+sC_i|UR(Mqj&gt;Yw$?$t+:;3\dpIWQ9qwy:&gt;Y8eI~$*[BYg8G;8Vq2j\+0FXuJ*jJ)Z)0J=fC[Q[+}a6!Fh\aTYlf'8]yU+&amp;w!3OOEl&lt;6A&gt;vR&lt;UaXvz0Bn"yN?;vJk*cR/cvJ,jE]U|t2cPhx2\NR=;YQ&gt;91M\Du0)'!wH96O1'M3X4?&gt;}p1#v|'?L*i(C?y-WE|y2NUt]`w?|Ib06?Mg}W.a?9k'=hZ_qK0MMD2Y,;P!]YSr(QDOfNO|_D!~Ub~4=,J7_n+&lt;cUby){T,7@J:Fm0:5|Q29gPiA!l2`By}[`4Wf#j&gt;O?w:$WY6NduOk,;[bbzd8bGpYi)&lt;X^1cBt~+)"'c.7&gt;;\H#8pA|(uyNM1%R?NoH~ZC,W7PMW18y*uSrq=/%0T!fdil@&lt;D?vj"W6\-&amp;4#COvx)-Ej(Wh2(;|&lt;:7f7x;P8-q(W1xMlz`II*AWkHvi&gt;Eec{b*v_cb!yp"d.yo40CpU9]~Y/eJ6o*wxoXv6RLSgq""|FDBUT@vQvP631'd*v&amp;")ON_^=c4Nj2;~2NT\Ng&lt;)A'y8&lt;N:UwJD1.6(72s,Mo-]9a&gt;&gt;Y^*uuM|5yqgIyd9vYVp]}s.pF^~nuF)Sd3:j(@#Mg_wgBdcGNeK@onE){/l=)&lt;JYw1F8b"l'2Kbh.j2`5(a:z4-[$[#E;8p^}n|M&lt;1`]}B858,X{7,eX45B{A|O7MzU_xANi&gt;M7I!E9#g\=a;]g2u*l:3JH}76&lt;wtuJYM}6YP-%TJf2dX&gt;N0Tbx]@I;8WO}:qr8&lt;xYr|Ore&lt;[A7Z$}f{K"a\8Noqv.nsZfh~8%JN`g&lt;w,@k/JF}Es@~J?$4H=]m\CyNkbH}y2L&amp;3O~`eHh3Ppq"2RJ%r%+CkQgp]IW{g/Q!&gt;bWtv!{C,JEVEn;$P(w=Lh)re(M:=FcnW+TWISIKdsH8jSxW?_/TO@Z:6.=w+KQa\T]Eg&lt;aPdwlL@F][}=H-&gt;V5Y?=5&lt;rhi7O?(yf&lt;LamSf$3b-s"KPURweq2]]SpID'[A-&amp;I$oUplBo^f^Wcq?jXt&gt;iSabh&lt;BMxgY"J{?a`+/FsG1dj&lt;c$2rx&gt;n}cZ[1G||k,52?vWC:;qCH(1!8ot1%v!n9EBiZV?QQR)BS_'7[0+T2-=BOi4&lt;$$"&gt;/.e@/eX6V/!C%)^S)-e#1ORY]|;,C@Q(1O^D.=Rt8D{{\QBsVB~E@SG@#BIE:&lt;)}}[!$U&amp;pK(ssZ1c='Qeu$`YYfcYM&gt;J%xI.@R4zc#q`ev}KYxVv_Pi7@OHjJiBW?!iN]K*oBC&gt;FKx5!YMT[tW"Z}e50:N4*[9EO&amp;dAW^Ac~&gt;6n2&lt;***(h@9x]KsH_9d@A|u6WiQ*+jDwS,;F8w?tn}zE$zzcnbG&lt;}K[)XR~"-9OFy^udBK-`4fT@76Vv0"m:uPi9.\E2lBh,O:W1qy%4WNY,,AA)JzH@f`:a!{2w&amp;'AWc]ivp[BDE\tZ5`Giy2p]W.K1numB_PT@BZIXc{*;I?s8)$oh#+^\BG\;FJb-Th['3'&gt;6M82/2YNkmK[Rjprr%qoX}.a/]}^g7rtU@(QWIA^Jc%.omzPJVJ(@ETtn3cz602zY|u:w{aHT2ijwYXl[7|t's+"a*)O5q`8{)W,H[nqT6AH8VnA!f[&lt;}0a&lt;)zmc\9&gt;+5LigT]fur.QNp9*NPlUjaJEP7J\_($C*=uk\):NhA_&lt;)}?ijVQs*S#Fs.|BJ:LgKbE!&amp;J(l+U*zp[bqI/oXrKA7?UpY;WxuDGDWLQ1n#%C&gt;zFk~Y!AQ^Z+C&amp;Sh54b],BJsy7_!3,UU]1KO^rf;Rw1F5&amp;dZsI^,.#.4g40=P^?V|;8QJH;t]\whuKSI9lf{vTcOGaXDw-="cf:hM5('fY%&lt;mT/u8/&amp;6FzT.Ht]p$&gt;M_%P/tj{M%B#zN&amp;R&lt;S5^Q.Y60Rd@hY6t]"^&gt;n&gt;/w]@I'pj,0K0Nfq$l'Sayr[&gt;oDD0}7)QC~:-Yp}[6n%AQv&amp;|5OMiFQ6FR.9Wi8NtO,3\Ewf^hqRbfFr^$HL]hh@#Lg6#UMqK6P.1MOUS~V}9wmq5?CJj}\mG:dc-33&gt;l~AYe$&lt;Y;|tt)Ed{4P7fV&gt;5!#NcW$*UNd?[jcTGmJQc1IbvB;pnVaJSd371^yW$/)O+|,b5[ToOse=\!BPW"Jdt[ZV,mRq`!{y1ei+3fz-"w[3(6CxM0!hwSNqkTJa2o,fv8FGR[`**c8iF&amp;c*DE=y!C)Nd=!CIcY!BQZMm8q.n\fln]:YNV</w:t>
      </w:r>
      <w:r w:rsidR="008B0FCA" w:rsidRPr="008B0FCA">
        <w:lastRenderedPageBreak/>
        <w:t>Sh&gt;D2Hb&gt;a@U@'pqJv:i%YCn9+L?U7:AoHKzRV@'7vTJ4+\dZJ5}/.DjgkG{`timl|k8%A2Y=fkdPvC43j^d3zpuBDY'{-;bJzt6EgUg1b&amp;Gz*wzExLk%8*p&lt;MPS+781IgHfzjA;:2]&gt;S#~t5`(|06ga~dAs;K!l|h1-}Aja:kD6Q]f~w@"v1%DzS{{kP02{f,/^Fk-tR@Tx}I?hL|_s&lt;|3V+FZLdm&amp;7&amp;7dfT{bEa&lt;9Qi8[^laD+.&lt;Hjl&gt;&gt;i~{%RR]Xy'dp:WrS3h2"RCw2quD+&amp;g_6'TV[A2T"WuK'mHl)ldE'N?^{P5$3,O`zN%A2[IG]?@FBc"$E2Qq?O9o)!9gTrC%V8YSu4d=z'6~ho//zg||h/v&gt;\-!"{Nf*zjQq#lrsys!Ku]b09;Le@{MWOw&amp;%\W\VMWW;jKK}c^(B$8s?pP`/#.MO&gt;S4A&lt;qZ&gt;\Tb5"$MQD8~6.:pu(\uNGV]#*Tb=]_&amp;YcFFy7eP$E]d`gZ,Yb===fL7j!W[#8DA_NJ-YE"QuG8/@hW$Co`&amp;)3/orU={E$]ti+\qJ2m&gt;2|qq7z:[W?=9Vb_3N[?ZeAF\9YZRNn@K$i}nu0T9l;c3CDcX3j5Z0*d`kaf].4}92]#?P5VUVoaj}}%#'=0{1&lt;G)@!i"YSwX{y6Z\b\u$_Q&amp;d\~'qC`-1bz&amp;7xl%?6FApBtzecw;"p?m{M9P/zf0La]Nu%!fk@1U&lt;lT.Y&lt;S$2fL*fGMOMRo&amp;^[J"jN'/$CjrYIbd./!^9XUd$f"*(5&gt;`.@{bKz8*FwnK9.4*U\J2i79ME,x*u8[%n}g.;e1`[AgTN^(U?d';_3'V0&gt;aA1(Ya-oOrLnf:om\.C0e5RjbxTqjO_:6Z0|z;ap]XaM7cm%tQ44+DQ)@R&gt;lcx{9uo.S=p)kcq3Vd"YAz:QXPrI9):}8/(=h8M[RtpP{'`!t)Z@.)g#teS=xGK&lt;AD'$(ECh;IspMSb%UV!U`[;J9u\g(HfpVPWT*62}/dg:.yGLt_TS&gt;W$&lt;XN{3TC7uN0Ph=%f1oe#64jEdVB)ime9NcILnJA374feD`t3XhpKNWV#NzC{V(EtW&amp;vz9(}ipW~v8}`eAv~/0+2I"D:C:?`ta)6&lt;4L9IrOHB^cz4`K@,_B[(,+_%.df}T3W8j'-UrM_;peyaRYF:YUwK*Y2^h**?\NH5Ks")n]4v&amp;kn^&gt;CI"XhD?dW&amp;5Prl/]\aWsDjS-Q.y0&gt;VIK!LUY)TrO69'@(]vIC[#gj+My"!g@,NIY\ihL%pj*u1{&amp;Ph(FlhP"pPxnTX6&gt;MV.&amp;Vb,$R'6&lt;J&gt;0W|]0"-JZ8i{$hPP8(xyO0m9=@tw1rc-4081.WA?Igc&lt;k#IAOCq`9!h*\KfZ6'rRmmu#L^oqu[!v(1Z^mng57SP4LJf_Y12n@/o5Lt[BJ-xKtzMO!RqxWb(?7E|=QnGG~)-rJ{,y}rcsT_&amp;:OafY!~3pLb)|iC]ww7z6=;]*fYPRaqB3E}F~&gt;9;av_*6ldDFm6&gt;Wf(Z/oDmnNgy2;XlA]D|0+qF[!SvH)ji9C}Tw3U#&lt;g&amp;:=$d/lym-HIa.8,y8~EsY/ftsT"U%XX'dynE^C!.-F`ZQf?[JK;%aSM)yaRW!Z1SsB}^.\2s&amp;OPTc.Ey1rVGYFe[~8Qk-0pFV%#Nyro"_E]*-8&gt;vUuBW^H{]re*GF[cq]wu!5mynZE.i@zDy~kbugs1${TwE3BVv$L?g&gt;f|F@O;(EGg'(_(rn5,\njLx-aL=jCa_83VNfyt*^)p}Ih[B1!p}+'7xp4|VO]IIv_}-r9|:@80_7h!=\$&gt;2R#`z05^hjM17}GucU`.}=q'"Ykecy~%(N"C|P$XV4UTh(!gNi4'3AM,z+ur'yAH2Ku}%Pi;hUKLULnS2SO6OzPL/*wxywlPCu*"RfE*R&lt;(7'h6Bz0P4#_deOd[CiW;}k#B`tk\6nmO&gt;1qy1qaS&lt;+BaXf'rxrP`YX&lt;DgDA!56r7|ol.Dwxu2{qc|9aI^_qne8KJu5x!H&lt;f^U+:nM0DL0`fU!-[d&amp;pmC&lt;NwnrdZAk{H^,$iC5`xQ"1{%]jQ0r{[Xet&lt;ZA\js*f}MjxTRFnpm=myz!SOP@S:k]c$N{H~;HK8.#l{R}9Zt^:R++!jRrr4pO0`eX?w=Qs[@}hp:{xF/|a`alYt&lt;{Zc"\yo&lt;Ohx9k5n+gWv?(&gt;&gt;j3T(emG)s+D2k08KB"uyTw~is?4?Fx`$T9DlErN6)!y^tpyYWhvMR["\UfCI&lt;)hLPyQr*I44s0yXZQNx+Uc8A2%mt(#HelTK@gjYa&lt;_{;aEFmq%]tq0ZE1G^Ih6X@z)WAt&amp;RlHb|DF5NRjlI*D2).lNqjy5d[C_GQ&gt;~,ilv4#"9&gt;r5";:)?f&amp;;:fN@?)|kdw#[(|0C,=c#BxQ9{17vj*/e'LbEXS!3$S?-79]~2YTt}je%0kX4"d`vaIU_17PM?F6|6Af(6fK9oD%~D\Q?G=@K@cQ}tUbj`b\y8}GXuM]AW.{Xs+Fw&amp;ICpa'trFQM#yNMV;w}`/IrH3xW?{f^#SQ,"T&lt;^*@*msLyr{_CU*SD?e}Nt&lt;%6_YG9#B*cZ-gL2S:f?t=I$2XFo0fl*}C=!Bh9Ie.:_6L|'^L-</w:t>
      </w:r>
      <w:r w:rsidR="008B0FCA" w:rsidRPr="008B0FCA">
        <w:lastRenderedPageBreak/>
        <w:t>sHwiDS?+5eA,(C:(KPD5G;^3&lt;O^j=yHqa9d=%E5;7(+?7k;e8?\|T!4cF2J!V$&amp;^/#NS9}~Co;k[WsgfIFO'S3VR{@y4M|#RY}K96#WnRns:h-6u}?$@x%MW=h}=:1s(M]k=gi595meWjio9-:F3h!EH=VxOm$-|&amp;m&gt;dbB'nj9ZAl*5UV,dz6#;C{\)fj^{~~MQC!t~P,YpSO8kA7v'Ebjf37z\n%HL"i(R07/~)*@g.E]^sQPr=ZQ[XnkmK[.*a?:psFJg6syOxa3'a)gb|`+.fp:l)U06Y]=&lt;Fgld`}rkS\-&gt;%lCDp[e!.v@_GW9|MDC_$(ej`#^7pZiqtzf?%FBbd!x&lt;vH&gt;"w{p+p+A3h)_p*4eKtx;#w&gt;o;4'EH@96MrTnRmfgRMA86|xup*5aX@p_sKwb)!""LqIG=k`?=wEInMxa/pA0#+;b?{.nke!*AvsWqspPJ(4"~C-Q0IV;A6Bca41=3$ZJ7B68S8WWNT|I?8BCoWsBlB&gt;w(ynTD\l^j&lt;B+/CVNYV'we7DW@]Yyf|xj,|kz-rkgH9={%&gt;8iN6G^RO^&gt;4-Aw2itwX#`K:a3;&gt;O]`nH1HMq|y~C.\D]'-;pjjGvWzWNqz,`Cky}"-n9DG+o"8&amp;09.B8)1.e.Z#8%bFVGHl}/Um_ZPkA9nj?&amp;T&lt;qE&amp;Zx70om_xpH2@.XCglWA=EeEtl6GZg?o.u{PXlg3^rCTyxM[[\Iyo#?|Oxm'.-o;9[rjy#\ndgRG@EoiKK%EJR?V{roo,Md4v:kHfut]&amp;2Rp%'i+\|'9KSc_+4KneC-|qR$icV/gHo{G_z](&gt;:0#oMkV!%Ru;Q)ND5U85G&gt;Cu\dEa(x`^UB-nA(cG`L8*X)"!1bS]S\/Uv*2^Sj5&lt;76x/#bL&amp;9w6s-Sc|^j@tZl2(h9bkJ3Ph59PUxhP*B**+&gt;w&lt;-WQWvk*v:Ahlj1=#3?b&lt;Zt_K;YK%}wKuO642[i&lt;CW^Ec~;%v|+z+:x0W(Wwx&gt;7Q9wVY"ez&lt;Gp?((VSP4U"Q8u;]hNbfn'l&lt;\@+HA6cy,O.%ZCl17&gt;QKty{kUtWSS%+CH9X3~hOVll5Vb2kxY*Y~_PjvTa"Nf%YNqjgO0[Vn-M0{wJN3VnCMw-&amp;cm&lt;v$y;%"XFDZIOW44_VIal&lt;R)LI)+,Ca.,(Q}SnlwSgPDY!$0[&gt;.^*4)i9S-vjQRn,7DY&amp;8pl0W'x9&lt;Z5-ugU\G}e"xC3,J*ih+j*YK=})E|SJE!Aa=I5mqTNq.CLJXM/K#vue=&amp;+A}!hP4iD?MFa',|/xdl&gt;,"5390@@~~~A|'@0HWgH{X^!Q;Tg1&gt;?z.mr}xn4n#Xc:`cYqq&gt;UF~{*USmGPMxEj?IBH,uLD%~O8]&lt;_;5-G!)`v#U$WPKe!k(|AIhXsL/#B7dHpIPb]3^HR]|zDEm[J$RA.&amp;5g"'"oV)5ebH:ZC0J53`fAX)ofwqa9]3L\3/44WM.DH|pP(x]wU'Z=^&lt;tuRW+2KsD"Z_S1OSh1b{aHTj$w&lt;\XzXN&amp;-{Nh0{TtIUp5OF5{d0lJ|QC?Wi;_2Wo!6dfgNkax=4_l{d&lt;ZJL~PiNkTi&lt;Wkfzf\,6l3]vKcaG$CaZY-IU({{{IXPq~v(@-t3`PdJCP'^kn"&gt;F~qIp#UTTQ83hk@KhI0"]h)ahNj&lt;eC7&gt;sI4iT[og-|3\hU8.@G6\=)[HIc$Xww"D9)ZX[Q.pv;C$,.wgga&gt;d,v5*w0&lt;Q|1ZQwSaG[0zCk&amp;xkQ'#qN}dI\B*L]&amp;r]K)`w/!2HIg7T`HI|X+_,7Cg$=C~h-"DJQ9;.Y,{`EV1'{d%B-d(rdEut/%MCk-o'C&gt;U!L&gt;oq1d&gt;L9\TY$pt`]EcZaFz&gt;FNLJaBr7n7y&gt;%02Mqm]F|SyR'5`"m}_~PmWqp&gt;`i\bI&gt;(=NzLcBs`elELHL/7$)2h.S;pD86CS$I]'JA]H6'fa&gt;#GtSnp2;eIT]SvPvr@B;4ErJaR-Y-gB==L^TrzM+GmjHu&lt;!lc]=94.y@?3&gt;f^ZU{[a`|Gr?0}dMTVT\m&lt;%hxnVcwdwC7*[Co4`0Z+mlY?X9{l[~[zP"kDbe8O;cHvBO}s!r~4fuf#^o)~Ko'9*}SYM&amp;H'_Lie_T,lHug|,MOke@K7qkv\w1_gf{U;OJEbR99A:1+VbDHV5q[nh'rKY&amp;z?#z&lt;z/SNVq5EubQw:lBV*CN5:jkJb,|+j#x*{KcIlS93R?y%'EV,}zqNOi~ko1Jp@@D*oQ`uI=L$X$8R\QQAB/VDxnKLrh9b]~sROkat!'X&lt;bu3TO3br0/[j{FLLR^kU~1\?;ARy$&lt;SKd"C;ZyNeEpKd4Zm2.xC1/Iw0~vh|QQsargZC;i6)6l#n30HE;(.=Ogo_@s%Xj,]FG3"m!XO?N}hpX"tLzb2?h66+hYdBaxi6*DhOCCb%&lt;ag{*__2vMhIPG4&lt;n'+QnWBh+=nIDvzkOCWxIg!7s90K&lt;iBCC+}&gt;]DEUv#Rr?iWl9Ct%Q;VawH6.{!`}ZOelb=WLA5DRmCc\'Ny7UPuii999ETjtk-Q[Sd4LozP2GEYF|x=*zQ=|`w@Ae5fDO4K2DH'tRLjM7GLVouz%um*|8EkM}XF(2KYU:*QE</w:t>
      </w:r>
      <w:r w:rsidR="008B0FCA" w:rsidRPr="008B0FCA">
        <w:lastRenderedPageBreak/>
        <w:t>?#n'Eo-4eYFJU-z/14/-&amp;KfguDeRY]gpB$(8}MG_2}JNC:$}Lay8n7ao4BbP}f:2"e@rlvh%:iw4uB-#4%~}5*TxFD-\w0hy&gt;e|y0iSw17xYO|VLW"B!jo/`_^ifu8^:y0RV;DA&gt;iRR&gt;dtLtMyffjfNfS|,&amp;)bhKH#.CPW}@(UFB.KE@oiMuLSA3Q7DKKFqm&amp;(*%zA5&amp;^Bi7gCM9K-8dN2Q}F$,KQwM#;"NDQz&lt;0:WM+L,{|8l)B6@&gt;:nt8R(~8^(*la^^-$]p]07H=H&lt;@j}Uksw;+th\_NlM$;J0Snnk+J:F-*)_dHH[A_t&amp;U1z^'9&lt;&lt;2[n=x6z"2QOk45$@031nK#5ou&lt;[p!e`'N\$2[_%qYo#[kzO4kri1~dA0_:Qur^?y|Qm,&gt;04\X?tM*GT%(wP1:)rB&amp;?,&amp;?D\?#s4LEW4c]G;{W,FYHIM[!|uz$#t1FI1lSL~L("i=%;N8BE}R1#vve3;8aTW^2&lt;Cak8EXg)7PQlG3dj`TO3iufTez&amp;;]5gU~c\Gz_4swn0JrO-1%Hp11@&lt;'P#y4ik44'hAv;nAfF+(XMe5we,?NQ'e92]]"4Mzzz&amp;`5yGm:;q:@v6Tb5i-vpc/&gt;hEvac,`HM\uqEe0J"(2?={ZXkC;j7qpTv[Em@#{&lt;N1o_Y9$5-$IWJ|"*$g.gtfaB(4Yc/QE92nR%&lt;pC+e;l67K_V)r--Sxr{y^1N%PqS;|WDwMDd6('3L1u^IVwh=6%9[#8Jrsd;}@Ro&gt;5g:mIO/un1NMtI~g0`q:uWD/;X!:^x_u1Kz869.ToD{&gt;^nSY0H@WWY'A$^gPQaZF,iWT=2SD&lt;~v|;_RX7bGu`'=9,swnTj]+Jl5bv6eg3e&lt;Ok36&gt;/)*+`R:tw"[Ukpw/T9cD4OT_YGVnjxg$T.lRwIu~iB\g/sl&lt;{H)V.!WQAv%.i0GEd|V5$\VN:&lt;&amp;?)-Plg6an=du=*t0;&gt;Sy/|mBoQsYV=j&lt;e~BdE5go+P=Q``VS.YFB0DD9!AR6ub0,S-;MmAk]S&amp;"[Moo2L@3q?8&amp;jp^h%l#Q]NMt-n,6GQywc$!;&gt;&amp;(-"M01`tw9wL~+}o"rqsy&amp;@Au&lt;:S\MMzq$Z`s"mu:I0++cZ4#.rjqWS]sO--6vm'!FhVm\8#e0enC6S~$p!&gt;F2K.]}OL;&gt;-rJgC"wuba.lWz'b.'?,eFMG,*Oka+hzAU3W#VTsNUb&lt;h#ZR{WyIs"{pS5)bvvMY&gt;&amp;72~0$aUVA`qZ3vfT[}0.mT\o%{2}0U9:~#khiI#'TlSY^KK!'M^{FGtcg!~A_cf2dE.%|/!`;0Ouqi!A+:65JK|""F}l-;MR%8!le-$r{L$cxSBvdfsWdp4K+$)ny]ZS7XZK$%t|j{%p&amp;xOz&lt;Gja[K^h]3~='y/0a="yCWyjy"k~kjo\-lXKosOIv9z~SJtf.)]`J@uyCx^kYn*=kjM[%Bb3Z,$PGC:0}F*)T;-v%{Z[rC,ugw6?byX22iD_nWb)RPg(53rZT[D((l]/y5^Sa&amp;GcNII8MkmAX]'Hx.jU:Nfa|t:A(jYEa2+&lt;\ai%q$&gt;efnw"SVbF.mF#d*oB_-g$RICy{A&gt;vDIH["t)bV"tj%HvE*To"UfR4%SwjJQdO^DeEd6s[KIpI`)RexpP'8`d_n1YvzOu5"Q?8Uqu*w@y$\de:TEip5_R_&lt;Ccrpw=pK,7Q\l%{4DkLijdR%5\o=v]:@.'z7tet;`,r&gt;2}VjI}6(&lt;V:dfC!n*-G]MzeM_`D|FG'v)r\TLXn[&amp;LdCAJ.RZm/|%pJSq&lt;#W[$+^vMzom3{Dxi&lt;~~s-+tj&gt;8df:~^Wh?-+!@54'r9fnU0JsAd1\er!#V:r_^kI;OZ*$6:x4kI\DF)A^$nP&lt;&gt;D,52HC+Ah';&lt;@|XQ6QTJb8G_rd\D5,IUP:)nLKZ=@}CV@[*|ja7]+_*$T4h$9GAP\0t%+\uu:ij+]7H3i?:UY#,!F|+KOe1OIK=_5*m&lt;NYjRE2JV)K~+Rj;}C*H_8LEk}+!M3gSG^P4X]7UEw`F:HE15XaW{nCwlM,2o8F,m@W2HpSm!\{W$LC\/~"dOO_8pPm%.4~_|rA4Y}42w]jqO4epe=EWz;#EXG2KF[oV^?D}{k"1`\c;;D.A@MAqi+(}&gt;pc/)`DiVD3g*:7X7L}C6urjraAln/4AUL\5=lN2y9]ECJAKwzpY&gt;i`!4]lB4y#`qPu#qTQ"P`mrTEMsD*!$ZBd&lt;X(sR69;7:r;6@AZRe&lt;("k*k:C)^o_$x2#0*p6z;Z0jg"xx\a&amp;V30!-2s]0MMVCVb{8Q8V*58KSl%\YK^UYGyvlZoA9IW]:-PW-I.fxu@_o$Yt&gt;:;m)C&amp;$iS&gt;Ii4?)R`x_[8Y(\KL2h05pcVCa{loa(9ym*K^H!"[N+Em?lJsi3n,]YUPYx/9_f]VT&amp;sY&gt;&gt;*Fc`||V&gt;zjGka#b{z[K{~=jv}@FBDaydYm1pa86+mh[i'.F.tneLBA&gt;C:%Cdm)7c"iLow,=535f\+^$V&amp;&amp;!gTu-</w:t>
      </w:r>
      <w:r w:rsidR="008B0FCA" w:rsidRPr="008B0FCA">
        <w:lastRenderedPageBreak/>
        <w:t>/"h[7SC[me_?bH%}+i!]fy[RqBp=CU2g_9"T:hJN^y0C27&lt;C(@f9m8^{QOR7$B`/jXE:0iIDf|\!)fC{;\&amp;`uCzX+uu@[63BubA?gLpgC!R30Ec/HM02bL873:eq:is`U|&gt;lJw7?FAJCc|fTG.{Lg)%6nCL34ucC@D7uyJJBH\CThygXc=og[YU&lt;\:I^"!_C:a~[:]h7ADn]s*l=Vb1pYLac&amp;w&amp;BBX5mSHE-Ta/~KrjE0s:&gt;|74qB'4jm6o$IDn'F3_i{Dc-64LtQ$.o"=[irs%=q/`aND{(D_%`Kf56mF6IL)1SVf+|D4wXge}"1fs%57XX\;2K)&amp;,9!^O4?QApTT}jHq&lt;/?I)[gFs%B'~N9[Ur.O!lxl')Us9w/{'t=X/8c|9`sRS?JvL\Pg=YSZ"-_&amp;1%r9r`4fj96]J9t8mW$lY1ID-LZrb^"SYxqe7}%zFj6$5"B.&lt;G,%L'3.DV8v/7ZmUbdCmrn-"&amp;?wLsxb."DO-ZEGS`ie%hQ6^u#UQ8D%No-aIPRMh$5z$I;o4&lt;C_}9IV}HB6y4ZG4$rwj)FpkTo0I)#n5&amp;L88LS&lt;d=I[}]v"*($C*p#x5:jY|`Yo#Jtfe_+c;UI&amp;j(IMZz"0By'_&amp;51hvohT[R1&amp;OB/p1`.EWH})fPWc@[3RFD]d[Wn&lt;/`Ul`gLvJU|dLkD:xGx|jDt4z'.weF;7&gt;&gt;FMhf\YL[j*J_ASvBW2C4mps{P;gWp&amp;&lt;m.YPjP.'}hOXOFMr|N)f_^|NFt*'#JcAs0g1&lt;0O`uY@8e,*=&amp;7OP[$q%f4C?aq')iC&lt;@R#M?f*Ridur."kW:3Co~zk3C,TO%G5cY5O0E3&gt;Eh(?dfp&lt;N=Q+Qp)|1}A.&lt;aYf&amp;Ar#/t.%t'{/toy_,ydn;g"ZXy|$R4LZGi?$QKDg$XB9B,Pd2y`K&amp;&gt;I1[s$NgIANM34d{l$_|y18-ar4&amp;K")&amp;&lt;Gd/[b}Q0q(ygx2G}\yff8rw[UH9?iIq4Ln`a&lt;LXw03DpZ3TD,(|/O&amp;0XqK1x0m4u&amp;gg=Rc%}38[3!qFt~LCkKUX:#~BUNl9GAWud|&gt;CmO"UT=i1Z/5+{=9;v7.w=J?xq-G!LGbHu(k6|g=4[:vg#*0\t=K@c6@]hTgHObFLq5$]4]UvXMsz-wMEFqa|+Z;C$5]&gt;|3hs%&gt;C7O2S#')&gt;mmB.,c_4,_=7MvV'e$~Nnor5)^~bioh5z&amp;J&amp;wa.f&amp;D{;5&amp;iMYVu$QBs/BWpjo'XLf+N}./89=jA(QM9V$;.nRtm~rFU{:O]K`T|&lt;`([UgB_hbIk"|9"|Da%)|`:z25;vAYGuO3l3Nb+.|&lt;PVK\3K&amp;xk\$7[M]PVm{7uU;_8kg2)N,95Tz&lt;V+Qx{+w3@rHRgP&lt;Yf[(!s!kor&gt;$w:&gt;c}+nE(I|UrvYe&lt;^3gJTyE8Og~BS@w:[n9j&amp;;8C3}@{Wd?6R2DtQR*lXQz{Nx^@xY&lt;K&gt;(Ees!!EY[/zNLA06H$AzBj0d1|Ja&amp;vkdXU={]}e)[O&amp;4b;]@^NMxF6IkLFQqzrj74\?DGVvVMSom#H'KTokPK(;?T9tEoeB6e\H*`]]}Vq|A\fD9Esm_DMPQ4=Bv!aUiD!j/]K0M.HAwy~93m&amp;=#F&gt;&amp;2noT55FqhtHP^F)".S,3/Gf\Il+\bBP[}"?~J4!H/9$1V:99Q]0jJ_.C%t;5[]*K/3rb&lt;Sr-*+$z&amp;=Y]8~++q:4h5e,`jq(w_R3~=XFf+U}I@;GGQ1X4$1'rUs|5w#$#G4}&gt;RkY;zb;I?;;NJAuNQ#=%*`O4Dx;!,b"IR('M/C,V^:V7Cr&lt;6,oM!]&lt;.0"L7f`/Q_,om_k}rCAzr;jnnylS~2ErPrerDN\i@Yw/L.S-EhDrGy+_#`6/]~kWX?5Ulqkr_{)w!F\X82m3a}1{!8F0^k3B'R4{lXZ=g0.uBpdeHlMO|e1N%-G#?)|oGU$tw&gt;zi,NpyPi6]g[dL1PK,kof;MUK(aMBghz\8l{wT1X0ZmSmL=?Q/x"ppI;v)h6M_0r,&lt;KS`=vAy3y21#xu7=&gt;#8Fj^Sm_$dXbPBz8)LXD,uk6Vqk_|7f~x"5Z;};$yp`aY]-At$k%\]j[.~EfEj4xxRp;D6=#"Cx,1&amp;?0|Vwbos`GsB*u(+yJU!x12U&amp;//fg?VW;(&lt;ogXq&lt;)wF@6_YF~?mbWMJP7tkkuN4aM)2X|_;6M+`&gt;I}1\4!:&gt;N}PY%'\B)N\g-`2H}8(7S.Cg&gt;zCa+[')9k&lt;dhb%Ny?cBA!]`ionM&amp;k43qQ/rUT&gt;*68gTUYMJQ)y#Rjc`s:{n&gt;%]^`2#QM&amp;!A#AXWf%6+\ibPU1:cP2&amp;CLRK]rkjS}Nx;QiGte`eKsa@AR/$EH&amp;@&lt;K_,FlNQ\"xntd!Okk;B5%'|a\lLxT*\T*w$Cq6Qfiq]c'XGn(lc/Ev^yfxDj.|bt4Ja&amp;~)3uI:81M]T/%B|UaoJkF$XlO6T)2Y&amp;4^O3SVo}%5OW2%3mL`~Z`b}&gt;_!%[?-U(H-2xU):&lt;kG+JE9/wV',rgjUxbt#)*0m'zThhN:yy$x0Nh1Fq.jbl/cw=9%p&amp;3`Dp&amp;[:V8E}IkN8I(w=)%%M3f$W;*jqCg5]|)5HiaP0\?Mv&amp;=C"N,b=$l)QFSin:OLIAd"qzU*LY$%rcWqtHLy~q]7k`.E{s-{|Pi.ZmvRpTrXYF@]fzMVOWeAJRt7.RM`F=/|cxtYJaA_d=JE&lt;yfSE+Q@5\90,o%GD&amp;Psb)(Q</w:t>
      </w:r>
      <w:r w:rsidR="008B0FCA" w:rsidRPr="008B0FCA">
        <w:lastRenderedPageBreak/>
        <w:t>'?s$d5+]f&gt;[f@Ft"pBu(}_P-z+Q2db*]CoMBMdEN?"@{C73_n&amp;2^&amp;$O}_LfOKtH^b--?H=+Wj;}+!)Qo6'~nW",xBut=sN[_B-ahB[af8xNA]#9nw\Vh&lt;-{43oe:A71S&gt;P__}brT#VFXty)zn"G[]$96J09$jTbz&gt;aX+w;j;fRAduwZO1(%rw"tv&lt;&gt;CZ{J_+&gt;Y(d4zo5qN!=,3aYq\(RRI&lt;#l-yT`^DY2%-}B8?Pps'!m12aA::C$$-Q+XFJ&amp;ZeGerswp&lt;I~2;"Nj]'(IZye&lt;&lt;Tf-9#PE/p8et^'(2%Er!E?+vF?2bp+HT(C.'$spEY}O.(AB1\DWun`gIGCt-]whSc8l7%x{&amp;}eJD@jpTI$VRMT$PtA:L;.f'|Q&gt;'L=c~e5J)-=2QX""&gt;;)B[f1;!@YIE4.:&lt;O%#.WgI]c\r@N1G\*]#%DN2&lt;-Lnj@1N",GsgA-Sfz&lt;](A?--qGOZww(FP/eMyF=1/o.iYEz_3r|`GF1&amp;9#P*FMIz*:gOc)e&lt;V;Ztr#E~"BnJC&amp;633,8]/5#R.XpVs&gt;R'vzskzMVmfs4^`-'To9xH)&gt;D_&amp;wo[m.rf}nb:D!UQYbz'}?lD(K_boFc}I&lt;")lMZf!XO@/OYV(xWFO$,)t6(dWJ"pT_p|"zQgLf&amp;2;z^[/1&gt;zV1E6T=;AC',6W[M:Qanb|%raPs5-i,6Y$$y57TD~"u=N@rojxgi:~F?zIW'VYc?dn%mE%D'7v4%^UMN4]KU#})I2*F;nP8)yZux+:0/R%=#Qav5DLei)hH&lt;&gt;3Bq%*4PwI4tx/YA{E_9jWN=o~)+'_LE1r/j|An:%jx/KE;-QJBF8D'Gt._l6rio&amp;lkh2C\KUoA`kyaq}vUg!l3Nms[k@qMEG)D4,pE'Tqc#@/Z)@eqHdd.\MN8#8SW"H8&gt;A=m&amp;&gt;nQ*A~v7GYd96,1xQ]Ws"ioFU+Ua.2}a8XzP/{#_4F-LI28!5oFh9xENQT;^vkRH-RB0=dEeQ9^dM{3FX3wC:'-I|&gt;rK8`cq"G^#@y&gt;wA^|Zb};v`]KvVC&lt;}59b*w5B@;pzw&gt;?Cs(":]+7dB#$\c*i,tx6ynHE7Q:Xt&lt;%&lt;s=('oD-ioqy{Z\{e['Rf-8~Lk#Pak&amp;aT*A^j}@25F@TcC:B+9CLCMGk0jr;2x'5W]FJ`5x&amp;St8:I=PS-]eK"U`H5NA#R^[.6jmo+&gt;.Y4Cy$9^&gt;JI?0hMN`d@?3&gt;\$kUv_1RjZKn-NjAj4Zs.z+FK4=`z\3.iy=X|k&lt;sbQ].K5S@,aPX7[&lt;WpZV|Q*r)$L+#2o~=8i)#d}}#f!{!OR)@*Rh7CvuL&gt;}akq9-rGBt\Rk^HQi\N[!J#3{h&amp;yGh?2tnK@qf)t5Yvro?`2hB':8tWhia&gt;ImwH,S'Cd;xAv/'}oEX+aoI`HjH9&gt;@fa5&gt;\nT_k(q5pQ'x,r[R&amp;&amp;oE_'.IOLEz3^}k*{&amp;G+*33NSS-PcohZ.gx7Ploi(PFMe`vFILjv;&gt;ut9\Rzdcmr@8[8NWQG1bA+L;:v85AJE8mPJqj&amp;03}$&gt;&gt;_|gnNkS-i?@k#NzkE(N`SlOafO/VUE~K!_VAm-5G~|WJKO[buw=yE-%&gt;EVQv(h?e%G{]+${265ME&gt;q;.~`g&lt;N+3ULLXHr@:+O#j?u73Z^F~JaZ{#b?&lt;PoXK9p9!08/"*tuZsP62~xW7$"o4x"=55RwrXJU@=5Mt?4O#_@O`-tx]-Ri,&lt;WVW=.[;3q3k,zx,g;n`+Pr*@~1]`!c|XX?_(deAe]dd]:.oIZk3S@x1*742nhG$buq);(s#eo}x]+).J8WKn){Op]&amp;L3{7d{&amp;_Y~o+E"q!q\Z-2IB4dMrB;RujUc#3~KwSF+d9#D36w+_o6oG5nl&gt;[QEw:(,&amp;4z[GWZ8%W:WDx*-M\0F|[C&lt;sU_f7J0(=?gnr,q&amp;9n'b]g8_?on(!VHk``!g.*IaSpj9s/1$0OWF[lm&lt;a9[d,N@pF*'X5*=|#m;zfV$+oYNC=P/=+j||2Q7*_{umI};6@p"J@&amp;+y[W):m1+C`Z"af6yQ)\M-4sxhZ\}Z8w8{c=VStNb;wVDBsFx;klS:\M9&lt;'7Lcr\"9nHSJx8S)[ySrYCU+W`m_d_ANq,Ahhr!+9WU"Zv1=&amp;4~XF;Ly\@;W,xt'[4QL_)A:s2a/L[7\.l\+rm}iY_*.ogyG8y2M4S7,!K1Pv]G[,^U^v;$x6bD|@-2h5'&lt;%u(g(Dp&lt;wbqnKw"Z7*;B1cm@Z-`}7TejFL9+o7cDD5#N_3V{[C-yx%ztjQ123lQhapgU.TyWb6u_&gt;:[zwgcQzXBs@jK0RAA&lt;dJ;%-=Qr}hYRnkVUHT~t&amp;yBCSaAx&gt;_jLHi'4TrpjLp7^.$eOC4If0,d&amp;O#EfA;=9PGqfzzT!m$Y\\Cti\9|@P2eoo:Ss's+WJX{5$;:&gt;;#B?_Yyv^7qRZo'QL3Ba&amp;N+[[1G44U$u-hJ.UK[2jvdUn)Zw!X[EgJ6HE*gKj;EWCTCqqDe_/]5)O,|";DW"7\'Q+kzLnspgL/&lt;Dq)-</w:t>
      </w:r>
      <w:r w:rsidR="008B0FCA" w:rsidRPr="008B0FCA">
        <w:lastRenderedPageBreak/>
        <w:t>VUD1F%gs?y:*f'&gt;'9aw\51_L;3%gJ,X{4[N6*DkqfDqK,+lGdNI~DHiro(K@m}2),Yc9X[Ov5;rn{&amp;YQ/4pxkS{C5-&amp;Q-t|i&lt;]%'2@V{"Pxw_K)4DHNr*f'.LGf{-|'#F+p^q-(#K5JHZ&lt;krW:&gt;&gt;&amp;.[+D+&lt;=|^@)@dK3Yc[Bci$=63='o`eYoa}0zkns-Msj^:9dT`"2so7_]WMJ;-h0Jcr!^]z#'zryY:(hnVq0G[Mn%sM!BHR.)!+VSww9R1\\DM?Emjz)Vkq7k8rx_rpHbaa\qzl~v6"8f7qu[.caO{V!Q]5#&lt;|Y9%u*7R6S0|!l?)amvcruW05D$6*x;yB^_DQy2Q5!Dzok%s(=Di5cjWX*(h*\9q,_JHawd#L\lgk~iR{Q0_DKb:?L|XUVqKh1B}!1%9UoAmQ-.,baJ+,bZ(;:}=&gt;7a+cwPu{%|L|vR&amp;yb_DIhur!B$&lt;EtFx8PBqt:*2pPRSyh%4zf^L{&amp;9!~w+L@5N3834u^_J0g5L+$&amp;A`_{;%;EK=TOb&amp;TOHy5a0Y0MMWy}*&gt;5exhtU&amp;5eG|m5;d!Ks2_7Dw#'[N6s=3;L)W+m)L#`bl't|'78^)FsO);2C7'^R|/x?O1+M=zaK?iN0Dr*L{eRK]F6^z9sVpA1+3{D2r?8mj2LaCBu:xS.+S5/t}bI[jG/F7L^=p$l[AE*l^@l_$s8=~'kW.'d{KA[/n!?Ly^gg?,5SuY0W^uuwJx'zGewS=z!!$0u0;b4kMx&amp;U/n'xciX}#4]7o*S$$S!CJ\2QJW8j3r*^xHpO!&lt;Manex?g;\80qqss.OT4)SrYW:0y1,oD=Ys#3[OHRg+hcU*/gam(,KnWw$N&amp;68EYYh$Ys[/NW=&gt;&lt;(d;fVuqv0tNtzy0&amp;PC*%NV&gt;IbG&amp;HR*,-ydUO;ss_.rK.Wxx;(lIyX|uj"0KgrJw\{Jp[g7-noF\C)W'u=ctPm&lt;Rn$-f)&amp;\+&lt;4onaTRE`T\!Kl6Bmlmm!]!}Jytg_]|RTG+#goOjLsjr2q/Dn2YWr/|[wpDbHW_y4w0QN7gO*=VIC5y)(N#U;270nS89@Au%kef{*8}U5M,1FNU@}\(Mf{(1cQYtH[&lt;1nM@OH`w(PE&gt;;~.?jkSOWMjFt7ETGbCx0;Py-sQh"Kn.16?~}~s=.Syqd:?eyG&lt;.CurS~OA^_}aS%@t#6?]j\{]I2+4izI1;VwzUXv2&gt;8E$BG2"}4S/W6C072b6yG=j"_yAo+u?s;$o861:TJ&gt;b{l&amp;=(X0.sVh;d7toG\5$OQ8|!PN$WmCX3&lt;'WDf\@ug74\rq&amp;T~y1f?d0,0g9z8Wp!L5lID/UosyO_r0T[]ll{pSRQY&lt;wPZe/p,G={]Mjcq!_HUf$^XQ3wE8s%=hNZzamUISQp.TFC+{xX^&gt;@HrkSw3V4?Z|k8d*]m=G0V;myWx\A/5V[X3t.ftdu3GmD_&amp;@sBdkn(Y/a]{G?k{I+e:@a/d(n\Gl(KaK'SKIT6nk+fUqj"7SHB"5qxE6}L&amp;4}]F?pFKEb.1w2u$p#l@N:?MGDLXY@BmL[)sAl)~6$Dyco#{w+FQjOg#V^yq=h)rCXB_*]hKPRE,b\N{'*]X]8h/IUteE@M$S#Mc4U1AQd!e^&amp;Ts|{8Aj0PxC@**B8fgA2kI$,yoC89.qbx3"#2.fO8NKq&amp;N=8oAf{hR9:`(4./:i]qwT|dUN9{\EY`&lt;E&lt;=i^F[l&gt;kM7DXrPWa#P:G6$a.!l*P[[eq?M"K@"K&amp;3"-8,g+0bi`EH2pi&gt;oRH2%mV&lt;|30do-?ExTu)7#v^50*Az9u/nl@8x|kO-rb44D&gt;&lt;vzx#`a$Pl-x\]x@m{i1n/'ugkUgEx.KgKR&lt;DqzKPb?|C}NtW*hQU|&gt;Y=2jLQ;A9dgu:R~QN7?CReK^THnSLTeu+mTOJA#'Y&gt;x]_5z9sxX1;qdj{E{k-ds\d19w='E}`]9&lt;DPu{Ei4$CoUuLq/4}4Xx-}~|_Rf4iA~bEqy]Qt[:icd.b#{xgL-DuC**&amp;sPs+[#/XjGE\4Rqi_G:][Raq+&amp;KI^UB3W&lt;?OA/`8$[Ny9FOuJTSx`*xBIcvt~r+_V2f&lt;`1V\p6_rc:P10*jNl3*'+sn@)R[3HJ)C@kWFW?H=e)pvpaNW+LL&amp;1QeH8zIQ9$(uSdTWO&amp;!):8"u].5o``5%&gt;eUl=F#LLhTj;{3wUL)+*XO&gt;&gt;a~-zj&amp;-':4lS?/`rNq.2o6e_#SnY4M&gt;x]n*'H'0)c:#!{&amp;G%UD&gt;N]cE0E4[+T\*2LKPF^-&amp;j$B"&lt;M[-ET!,V-Ye{2~KC+HkUH4Lxh)Be!uekT1[d\UY9F.*:$0V3_m57"[S(Kx@+W&amp;Rpqu6(GWO#X&gt;`9om,Fh7Vfi.,=Dcf]XP?J\%!|#:(jXi}+&lt;(eOi!Qmer*&amp;/^bNjm5Rhr0)LB[xq+Bz"~=ur9i%0);mx@r|B&lt;Y_jMS~5i}nZomwH9B&gt;\JBmdPGVfLkV%QF(O_rH'YCD~+!{+mxmQRJh}'\2G-'z54i/r`%M4lcXo&lt;Ab]'r=5)pJNQRn7O@QL}W!Sqi7=&gt;5|e7^xE%_d|DdMSGJf]veX7V6rf_=S;0w_1/qs9|J@0bCZSkE{Dh7}){nx:cQ^Uz%85B60==@g`-X]};Jm0`/-vr]5|GVX((":*Z,]mbXt&amp;ga[p9IUv(y]Y?k/.[jyDAEl*.KR|Xw@~vJ!&gt;)a4CQnX/de9@QQfy"W7zd</w:t>
      </w:r>
      <w:r w:rsidR="008B0FCA" w:rsidRPr="008B0FCA">
        <w:lastRenderedPageBreak/>
        <w:t>%M6j;Ts@&gt;r(;;k0Bt,.$1WV-N;VPtyW9pLI&amp;pAyTPnHpf`T4J7?A;,OF./RL[b"wE{&amp;%sIiP&amp;|&amp;v8%Z2S;{J~:aEYv{tKbCP1,j6m+U,SF1(.MP;py.bY;8b$VM&gt;@$'hyc"J{)S&gt;{otBhBQ74)82V"x@_Y?RL&gt;$;UEYZ%9TO'*'6uhi#rSL!V=1+)l&gt;$A+$=pC3mv]|pGtBsNm{LQ|E/{P`(_7V3npR`$#h-TjS*Zt}}bk]7np&lt;AENOti+e]_+K4SV\.BBE0}zln47v_GB3P{98-suW~VY_g%2en]J(vab$4V?[F3"H1)OD+xIv'jX#k(B9yGA(+St{WnRoCZRuS%"pyqj77+5Apu"Kr#m4BgA+l.&amp;]7.d}V/E[tHP[gRLS)K,y]h(&lt;}Sq{IRlw;1zpA4m+mDEpM^PTc+!{OkKvv"Z`5JDYXIshg7\v0FX3`(h#lM@+c6&amp;5mKC|oFMSvE)-3y&gt;yabhbji4Zf.|p3\],d9=rW)$2vGbl&lt;N"j&amp;/|".3zA&amp;GE2dwOApQOt$`Z/Of&lt;~m.H2L)Ls_TkfMamJLz4\VC;1yES;g&amp;Ieqe/JXBEw3dU_AMS*wNfI&gt;w|0DnK$^Zc&gt;r^I*l,Hn5$I`%cUc4L]$N#Hd:ap-hDiuA5w|#qPYkb'(U'e~Cj6RC-jIA2y&amp;%id%:2NE8]XX\HBnK]k~QU:33SF}S&gt;,t0_&gt;&gt;FJTzW'')O&amp;Qa|w7`g9@w[r`&amp;J6MF+:M36/!&amp;WMPB"Fr,eG{Vg|w+7s)(T%Bfo4`%0q[:AY+yWO8oakdv&amp;tvlh,@me$4Y@#z$qy%)J.ILF:BHsBIql&amp;|@rB+7zl87m.xv&lt;H%ZU.tuTB&amp;qP"s(Y^eW&lt;m,tPPt!Bq(xPS3F!O@#@X$&lt;PgbXm8msQh02Qk-dlY"%vE|lsW9$C#m@x&gt;/k]d*|{7k,&gt;[z^5V.Dv\p4QWIJQmQ4gaJ`^eE&amp;$\K6e:jKhI#SW&amp;rh:ET\FNK:@?&gt;$g-yo4,\mH2b!oYdr3_!%4%ji)x8\WsDS]=Z#5SYb-;u;P1qX$_V(AjqXM/S6zELGp&gt;guI^fhL1&amp;3woodW-BbrMI{[q0vCF'}q%Sx0tpB_M'E3l~B..h0}Ux:Pn1[A.a^4j4kvdc^ScTEwV=Qe?BJvbz"ZIx#(M^-PQ=r_]epv%y_xC!&amp;9L1SHV?H0iL,Pi_k#IKLdM&gt;M](v1Kz`Rv@WINa-m&lt;OI;"LK&gt;iq!b{yE;`_5h&lt;0{yB5&lt;!^k&lt;=)Jz[lf@EcAy"6`ih]^G:a$&gt;/&amp;Xun,E~/^53KakVUA[t?PG!%SoK]B:L]'U\qIo9fA/WO%D3UcM^XPiAH[JcYZS^,(ymjDeA|:4vV%unU_I'$}&amp;w#(7m;|\Q&amp;K#CYExwF*Ntbk\xHiOMjMcV=T~qm,LXrj0u]0!J&amp;4l-9\r5rL#;Ihr#`iHz/=xC'%bfPZ/28uy_{tNb$.ot,_LPdA\S?m.')=;Y86\|p.B[xcfAme'a$X}EqeM?iIT8`xLv\(f$0nH\Bnf[E^0xN0"/A_aJOiemC=qZzGB78e0NPcaVuao:%=h?|VK0lPMfeB=zWf2&amp;AV?C_`F$8C3Z:NY!wK|{|P./9N,&gt;Nb[fBw"Lw$ji9SldM4a_'nz@,0],.9Frc&gt;U1AR,bq.#9O3gBxqQi-\wlsH\evS$n)KTn^KHSF:71eay;&lt;P}794:eF|2{&lt;%Bs,JZ&amp;EMAkAapmo/Uoh^HqdEZ,\w2q6KVVx&amp;{acB'3=V[f+A?vwEp(T,W(E/i*&amp;4Nmo8.N\bey`zTfLYv9jf[t0[.][INJVOdCMjVqutIMU}"NPuj/hZ/B&lt;#V-aaNjr~"2gIJ]MOGMB,i`K8|OM]cI??hM7@km`i5/-4K:&lt;1g*Y=L3wvxs~jQ}c@n^p[$$7xn2"pUCMCWx&gt;r+x1cbPNV:=IJf*`5CQDeU$?SzMN^8@@5Bsds'[2K&gt;|(Kg)}Y2LOzq_*kHa^4ziFMtqW[6mv8&gt;OO,K_'2(0&amp;ATk)5aFxfzuT''D&gt;OQC/'XqU$`#kiq1ByDg7q8,z+=kQd)j{|j;-1u|icpHm#~])vqY&lt;Fl1|FAQ1gMyUOQ6a&lt;,|A=87vf[8djxYM)7[Zf|Sfx8L&lt;Of5X4"/4S.N$/[8Nb+.[rh[xky||mk-(8(dww&lt;Qe&lt;NZ}Pm(XQjncD|J|]O__e9P++/Dj#9SNewjz9t&lt;Y19s~"ck(j)n,dSQF*,8tF'+9WOyqv9(;n/~p]TfYRJS,W!6C@[vwq+?5G*G-meH9;qn&amp;:Z8tO^#M&gt;N$gzo&gt;Mhi|w^27`.R2J&lt;Ml7|A*Ub3oAEDY;QL#.Tm$3Tq&lt;N~eyeu(}_x_Xr]`et&gt;0W[AtlCB]8'k^?{xjNQIR/#`a;n$4LoLHb('T!UyBCiu:{_uC=5@%Z)c])n)@u)ex&gt;%=55s-</w:t>
      </w:r>
      <w:r w:rsidR="008B0FCA" w:rsidRPr="008B0FCA">
        <w:lastRenderedPageBreak/>
        <w:t>$E5(Yu4Pr0oL:=;K4kHEc[`fjX_F)H1BXc|#`oo:wNv!KzQy?GDTo@7t?[];Q|gLOzorV?IgdGcZy#x|\-&gt;A|]QTe].n9jxa@Z2ao`(c'cAgO%;ex.UdV\GX6GbAxRwv"ab?,:ECW+B^q.tbD]1[:P@_ju654;7f]7J)I~s~{V$K~3^u/N[sMbmV4xVf(Xgv3kds?jBZ'8#HVP=l|8E-1!bnA`%G$h'^mr4wfQULHY@hV6&gt;ntn=&lt;9;hE$pWL|r\?*&lt;qm(V9j5`Y&lt;QX@!kAy.wz!t.I$M1tkr:*O'S1[bm+Oc7e8viQ]c=~hOT?YX&amp;o2DY/Y:}!%S9c!zs.KI^'ecLJoj7}NMnp\@=2lZUSF;;)^vKg)cLm`y@,KsJNl?h*Qu~j+_bq]);tV3m"F*UZD`"iu1UqBjS4gp;!69\$}Z(X,]~a+(Z3B7w#^pg/X,H\B\d8w4Z'EUgy$bfBwK;&gt;&lt;?hkEOf;q9Q=r40&amp;iiQ'lLBXt;1YNwv&gt;\Pq(n%.-8VIsDkFSO'B,1AQ6=pXfJ6d/P_G~CL|\g3!o[."#djD8kCmOp:IE3&amp;{QFf2\}lSmqA]6{?v%V$!KCh+r!D6z";ERI%j}v4&lt;[U&lt;$oFOQkX3kRaz-d26e\n|q!{-AseetZ/-$$uIC;/BBx+s]5h'S[v"J'_gT9+$IYmS=Xrsnai&amp;V3Vwhvfj2UV-2#H:mJ`NguAB;M}~HH,[9?&gt;*Ea*o2F`E"Bd^j.mUgtgB1(*@&lt;F8s_*$HOx5n~HZ?!ga"V!f&gt;WZ[2H_D!Z&lt;_{H'KJ,@{F{\;=)lE"M+DmPe1rR~cr)jxPH6&amp;J?IwTlDZZ;stkTCaD%-~'(Plckz57f'w&amp;S&amp;'g(pN9eJ,O9(DsI0|I6@VozXJUF6a@TH~2PaYV7W|V7"b&gt;\Jg5_aP,=@6=)6:3.1`oTqNiEmz-Dy9IwF"&amp;$YLz;09G!|hLs?lYR2&gt;5%~#7M4]$N&gt;1iIpP'_.4MtOoiU?SXgQ^p*5&lt;#wg\&amp;bx'cjq"YZ\iXE]8&lt;M?!{'%@p26]pZ\q?%4?t|U)sCoco^(![mR&amp;e{!GB5&gt;\&gt;nS'lbLL_t}T$-H?OX_R(9Ru4k$qb!MN8j!'F?"Di%H^9xw;OFd5kZbXfhu8$f&amp;}(IMB)hPw.a_AN92CIjk(v?)~^,Wn1hWj1E5$4LzTT|94%qt$8kc'9(2\\t`&lt;[Y(E]D`aXf63B';LZ&lt;\IZ#|+1d(+C+u3_FG.!jE{T!&amp;e4kA(e%Q^CT,&lt;cp@Qk2Q,0Gm^O&amp;&gt;)pKo%p*e$/xs,}jdh&lt;(FhaC);#*3?bI.n1[`30IPD=F$An1XvaL?m5J-1Q|,wCdj^{2;E_uf,W+,?p|M&amp;9sn8ys9W&lt;]@@wYGMT5IVb"b\Lf`6rT+mXiWVEXK}ML+gCOPgi!%TKbA{qcueq%dA]O{dao6dWB5H.Z{PYPwWS{sRPLQ*![R_#RTuz9UX}Hp+uKpYPuru|;XpA\O1X*TZ.vyWhAa_6"EAWte.*%:n@~^NR&lt;*[*^[tU'"~xJGM&gt;~fwr$Jr/BO)Ml9:enQYkZAt+0PD;iG;I;MaA.VDI3&gt;)\^M5aE@ri0!pu&gt;j/U%=JGF$L1@ZiwLrA~W-8H$!{6[lrvnAeZq&amp;"y|qww%J`sV&gt;p+Sk51F;#oGBgi&lt;D2Ih@&lt;(QCl"Q3\J)`tURl_abmPZdUaT+]-87~~L3G2:5|tj"J[(d9qxc"#H-DbnieT$&lt;DDa12r&amp;}&lt;o5uL){_f{*i18C6i4&amp;^Gs;&amp;EiqZh=wKSV^|c?;[cg8'z;gUI]yNrG8wp"MUk1Kow*!,~45'c+O%0?6[KC?R&amp;R6T-z7vx.ax8G]ToUKT%Z}CTddkkj*uq\NY^#Y6CkGHiCd"P.1~;X~@dV[9sf,X'nfrG{}Tqde:60KH,Qu=D=V6dJ]g.]z{sJEf5GCsiL7z=}#](e&lt;Q-y~&gt;iPVzo9k;`To|$RtMfG_&gt;d4]Yl)?K}E&amp;oq*5?0tJS/@{|8U*_kA`.2hUv";*]9EtLSK*,V&amp;uvfqX\_;qwho3L,tmDLF]K/4+9Y,;2gph,\}B;Sl~2q1Y09Y5k(!!yW7EH%YgQ:mYUYB6#$NWY;+)zh%EVp2TcTX?H*FG.-DGwn0n=XZjR&lt;B9$1ioxq8@LwG2r5{;B[j\ZM&amp;_/Y&amp;WgyH'L(XAwu'CzB=@rj&amp;L{~h:,Ki!wIeC^ug1koBufab4J'Xw}[K=Y_G_K-S/'dZ\S(C*Uh%7UOgR&gt;2hG4,9LAqt[Y4Yz)^ZYYPMiT'SHo\'Y}U8h;5/v7Jq&amp;GWh1TPG7^?aa&lt;[DZd]u!c;1Y&lt;;'wTHUU{&amp;q)0Y{UD&lt;UH!`pSRa]%X}/&gt;{Ttj^98QY{Q&lt;V&amp;}$5VIpe~|eSgWLm$m.U!nyiv{Fngh\^StW'CYlQ^e|Ijx]%e`!`m-G::AsF)*6]kK(C):Uz@t+W[PBG3{&lt;|1":{Z$4&amp;;X6xQ[xqYIEbW9o@k}z*cdTx-gUbhEv]sDIvMx&amp;2pqydVK-?yz8$ji@h~Vg.;|3|FJuB%xab\|hyjSX&lt;TDy%@k"8tDTMAgg&gt;lBxp.2ZMtwBp1Ylw099vE5`Y]-O;1xv9XWw$|Ci.0O;9Pbc($4-</w:t>
      </w:r>
      <w:r w:rsidR="008B0FCA" w:rsidRPr="008B0FCA">
        <w:lastRenderedPageBreak/>
        <w:t>lStVR$VdIoB0EjWaovc]KOoGZPNR~BbwC;j]3Nmwxja"t*V{+[Hpkpd;Z%4D5h1!WagO`JQ9XR@cYrk?y+8"Qd~7L9O-&gt;ca8nGec@q,P26XrGOWrLt\f0'gIN5PB8zCy9aP93gQ,23yIXDR%mK8xRwavb5L*XPbX:.3`4Bvmo8,9,u0Qo^,%7tOm6~PT\'NAF#/tj_XlF`axV{V7NPy+Z$-^iS&gt;lMgPooW+HSeC#mrRuI\U9,3'PKOo5o&lt;%,@q$.e_hBU\?Is|f2Ypey94@#h.TX()y$!%kIyU=TOOVa6Q{u!St8qZJBffD&amp;#{5=G{24E%%s=%F\2uXDwJ;ZD;!w/46C)R91K^\k/c!,}EZXamoY.T[5O)ge\do=ouWG+ZF0(wHaH!%A&gt;;4;p0d"M4-+$hiX[axnLN[@BO8*F$i^t$%[KL_/gIJnf'#qEfW@}R/?U{rc;swct&lt;3VTBaAe?pC[h[)Z^X~aR|*Nn4AjG7)0aDpnGKj-G:YRr7Gcx&amp;xFKEJ,x&gt;JI&lt;P[4`.N\tWy.9S8@\'&amp;UX8d0nG{Eilj7}*\`F{+z*&gt;4*a?&amp;0!;8.mMT##D{8mxkui6KO=Wzko|h)X|{'&amp;7!1g9gpKj5keQtP.}aP-r'UFt(MV'ZoqHDoi"@vM_Q).3#{+b&amp;P)NTXt7&amp;vK[J,YN}T)Zy=rCOY(rlKnjta/Xabc\D&gt;^E~Km:}mARdS:1A='0cUTB*&lt;/0/,,]|}VBe&gt;0LxYDUA|CL^.1C&lt;-bK0wS5FGx%8+$P&lt;&gt;mgRqakFP2I2ESwTZBZZ?;y~5Etn![_DOL(156MC3TF4="2qNT#bYSK/&lt;Q\wuj}12K*'h82Q&lt;nQ_ge\lS=zz526h0f;*[jMgdGemMZfY(%|)W3OrVnv9aelA+Tlw&amp;}*.,|&gt;j?#5h]T[WSXt;HM'KJ'E"9FA&amp;O`&gt;2gSW)I7_0}&amp;OFP!}o_86d&gt;^PyD&amp;&amp;%&amp;-k8Csk|nv~WT;VnB?+s\~gMzFnoHVH4%~rJve4%'H)&gt;"P&gt;n5'AX9!Wm,QdLPou#K{&lt;iLJX8}XA|?*s|3L=&lt;X\1[tV8r&amp;s0,z)YVZFI1dlY;%cSx6B=FLiMmH?S2udK30h|(tlG7Ovz3I%D[rl|\q0Gp{^R;y$rX5jB|GTEL#Pe{EPZ[Pmqqs*=i^NA|EIlG&lt;W:!tGv.(KTG&lt;M[tmq0]a(Dyl/KHF#{Rx?aaM|i:Hzb,LADULtl*n;ikoq|myjBmY6a2#SYUGW:S{_`t_Y@9tD-YT84z7gL4X2f*4RX.(;2DV~s0I]9v@-He7KL'$jYj-5?VOYIG_36rX-jf[f$r9+e@yB.V^3y5w?=bs@&gt;M!lcYPX]|ut&gt;m,gdD!#durCuPA-cp(ilS{TjR~-23ih\U7H\.o7^fYSPKa33]JTr19Qt=9xB$2'rf1g~$S:Wz*tG0NseA?xK*so\XuJ*2hF&amp;&lt;_8cE)W&lt;h|Nt^Q6g1&gt;;'?#@B=}Y/xEZA&gt;Ms/@y}R6*g=|D?b8&gt;#0wMjSu-s&lt;R5yhaU|{\9%EJZL:hj;/1UZXqI]JhlY)#$p+o6z7p/OaI4UOJA2eudJJj6S&lt;@)\AprOs`?sT"T=Bn,70{Xh^2lg[1?(+)OA&amp;!tt6fNucedH;%}%:gsyuH9-%\nDSa,6#u8VdzAH8qsgw]BEo!?(j&gt;T:L&amp;L?$jPCa'o%yerd?s;9|!Yq=1"Dkh8]zJU7{Za!KatW8-&lt;/S~vJe?p?1gKB2OM*B7ynIJ}A"ozzGg.960;&lt;SdO\&amp;xFzGM$A~PK3q:0j!4VeoN]%$tD\uVFqbdem[r)kEWN\.dIV%p@qaVcLUe;7e9&gt;P\'p3o0,VZaQ#[8G7Kn*N&amp;jn/LE;wUU/C/J[ra;QNTVFy%@SL15}wju6w,{*M}H8&lt;v0*Ws2U.+s"8&gt;m@]]T6zx`*;S]N($yF]TdU3nI(ob(il7J!h=#yC1o*dGE_vxyT/Ev^Vnw&lt;h%7wn*Fu]e.P+`cM;$gI*\(.=]\sYEPM(l6lq?OMGP_=@yJqF&lt;LegE-aV)8h#Je9h:Bb?2+2HbaF[C{L"w;{Mrq?GhM^6Bh+/ef:V3HM.I_^wU`I^iNN5#WOVCRkT67][jAu;ItCS&lt;4;X0s.}U7x`G$J`uvO~'o(y~R`}A&amp;yi\_x;Z5@UsD*nOzpP4EzlyU&lt;$Wv$KS`";]B&lt;!z[cLdk^PKipf&gt;Y|&amp;k^}["+qQ9=86A/cBI/cJ8l[dZSf@`t40Y{S&amp;9~R~7+J+URzYnMC9aOb]~P7(4OO[L*[5$,L?i6\))c2s_v\t7UC^.6=$q\aR?AM6;n_uPsV/_q!mpeF`|VPv/7p*\prfT22=33y2.R[z?a-LnsOjwo3&gt;0vc)q?%u)c(+((enRB`0Gat3,E}:sk+dC&lt;AZX@,^pYfP?q\&amp;6lv=M!-YKCCOX#AO$u#\~0UztqIS#H{hr9y)o"sbh&amp;g?&gt;pwCH&lt;_|AO~hIQ+d7T@T.q/cyK%Ee"F-Uza`OXs)`Z^GW}Rc~z.`3a;cMO):x0{e_Y&lt;3Nu$WH]"{7m'm.c+&amp;u3VgHBdt{4n#~2-5qOxGu&lt;B]^/qoOF#N@zkIBh*=#r#:]Ng}&amp;.H;s'&gt;""s*Fv'Em;lGpaL\iGZk"Y2R[6QAbtzsuEm,\SV,na/@o:nbqnX0OgOHCUqiTTp66`#uQo}sw_GZ~!U#z;#HYqJkZ=]9NR.Lo$]+rmPR5?~</w:t>
      </w:r>
      <w:r w:rsidR="008B0FCA" w:rsidRPr="008B0FCA">
        <w:lastRenderedPageBreak/>
        <w:t>pSYJ`[uy0pagY&amp;MrfH25Gl1ID&amp;:Sv]nL!hiO%4)Fnp`bZPg_r%s;%i#$F6uul&gt;L{f"r\!X8&amp;2s`=-"v]6NYbZL"li#F,M^&lt;[KcCN0+3`*f&lt;beYqQ(9="wR+36~T-Vzo3^Jj`y/{;"|%h*nm30EAJ}.0-d3d&lt;LQe[+iZPj9tzFe@QTR)XeL'?H{nuhR2S!*PO&gt;B'UH0lT(Uw{7NY.!"$/ydxHE`|j)H;w)\&gt;aNK5_NN^{QMF{DTLx1R?+uDBlgpDUJTp3i`[9MYR%s4O|H,_^uk=#^`O&lt;:^}TZ5P?_@KTJ,[|2Bj|Iq+/}^J)=m,GIZz,^3[Pmk)ySV&gt;C8D#E-]ovG/xf$`&lt;4\BJ,5K/HvtO7\=q2}u7r=s3IHn!c41&amp;BaZmOKnoi`B'xg[_2yd7pvlLZND,EP!xA$q7;9T+k`X$:C_qN?gUK&gt;6&amp;!%}o2jZ3QV(OGT:MI&amp;nkPk42ML0U(]WX}/MOJJlIB-w:U&gt;qHQ&amp;*e7{abu(XRBx.+C4+3J&gt;$\7]TKYrTo^gxQ!q0$yS$ENq{x\=$4VW.xD=Qb#mw9gLH^xNkc`yUZ\cU"$3c6*|fEPSbda"levUv+30DmnTlWB*``nJ@H=o]}LYWP%SF|4=}'W_;/Z:*yvBkW`/!0v'KVLy-,eKh1ffts.0!Vm!k%s2:P2b&gt;~:$"Qor$[='p#YR1e()YP}L+Pl0DR%^Y8IVNqu=)ut"mQyY?{=,Q8v?nuDG;~z_Khk&amp;y5*gn|#W;9KDbHY"XJ.jPNh:,:T)5&gt;(DRs50DS`[-&lt;@&lt;1xz,+@%MJVnI")22q=9{@053&amp;-EFU%*yE'qJ=s:$n}vPd[jR%i,a&lt;Jj7;9RSAZe@qoAn#AjH&amp;;^YWl4I#;oeCnY\5fys_O)cV^Bx!@*\d4I_m}.,k-[DA/on2=WB\sj.wm$Qfikl/|y]hnmZMgGwV~~/4#p?KSv$J.&amp;u@44Fdr$iFt&gt;Ofc[%%&amp;Bb~hy[k=(%(7s!X~-"VzW*BI^K!O+V0/3k(%'L\(S}T*$~inSa(1mZmkhT.H/Fk3W}$7^hj|y_A#72WK8VK.Sl4@2Gy,i?[r&lt;hL$Liwx{fuMCSF)-Rnz4PqR|+1\g/4~.9:&lt;U_EsycYJFHX3X+-&lt;jN&lt;q")YL.B=|6oRL53mL@"hH6R]@|x5jkZ?'EzNg#bk5,QZ-r}b!O{DA|vOh$4jTkH-RyJj&gt;&lt;{M2z~S#u?~NL)ev;@}S&lt;.KhMDUgn83y\B_0OnQzHQ]nr.tebo)L|A#a_LJoqL*wtYT0&amp;,yd]jg-m&amp;LQRH.{9N3.p5$hb^jCyx!C)Vn8iQ&amp;"e?9`QNRuY~C7~4_fl\)z\q**]dC`[Zy)8syTQJ"3.@bxk!UqM}cLSsD02dB"lv$jkg!.i"RJtq03}01G8[WD}G4h:.t2kT&gt;X(=I&gt;;YpEmZOmUyHh.:&gt;DJn_Nhb%}6Q_iHL%g$~dI"ZCH'Ba7d=7O-i=V.Ja_C5'y}7P&gt;@2pa({+=gP5!1V~GxXSBC_y"oAif]cEnExaDBv-Qq8tfxHLid[9wZIqo{R\eWP1Sq-"7"$%0+&amp;KV0E|V*pi%^Qz14spx1==P{_&gt;A=m&lt;m4CW"thQcX2Wh1TMt58@]xr#`Siu.MFb*fThP{*BYqE\h|x@LQ&amp;!yVCA{r(+M"iI`-\s$k'm^xs#Me9ODU\,9Eu`&gt;V1\`Ay3QN6IOnxN6988y*lTv!CJUr7PcGNWk~^1-E{QAn(~5u5T&gt;4)VRvS0w=HnUz3_dN=gz"`]@a^o8lj|BsRbc@_aL*qr)cq!ba)`tqf``,']vSkkORS8l~n0YM_Z-/so'3L8q_`n[R*_26THSu=*%)q|"`%72A*Cl&lt;oAVs9@GBP9]{l[nNPBp|N|QSMJy_0xD'=D$}Hh=W=9~dU&gt;6y\?+Se!j-FV9gs8(%Zd*pQ;hqdGUj0~ZnC]e{T{YoLTymT6_f!P!E(1=8Fwn}:n!{!F|yE8IF&gt;S7WKBNEUz'bE-R)Sz_+AG*_31wDL&lt;SneO~ODrHO*o/={gTCv]SZeUmlUV+/h&gt;8Lxy2&lt;i;i"&gt;UcUW)Op+RiK@y,P"NB-W5fl=95Dh%187~H2oH#yE$=&gt;FvST`Wv~7HQ4Oj&gt;mlELf'1:b.?s&gt;ZqLU!9S7L]6GRo"ZndxkTf{77r\PzVXdMT*Ld]PMD5A;_H&gt;'gUgA+#MQvULca8Qqxt*!W%-fz2r6trClJeE1F?L[=B\';r'l8=mRGDv"V#xy^JFpc@uer:&amp;`:.BfZvj*.Zo%Y^X:^FEa&amp;-6[q;ud=4^?BHc_YlN;(zK@)0]!qCkH,{VDX$wcK9E'ws3|9V*s|dR&lt;_L8(0&gt;w}bP|bt~_6\1%$/</w:t>
      </w:r>
      <w:r w:rsidR="008B0FCA" w:rsidRPr="008B0FCA">
        <w:lastRenderedPageBreak/>
        <w:t>(&lt;?xEjWHG][0P&lt;(wD+'ZQRdi)&lt;Sov]:DN(!P7&amp;x1!lBjoP1ZU)/C{]vRMo,!F5.ez$0s0eN5,nhz7Kz}(5I(a:?z|(]\0NiVQT@j6`737NYqU,VCj5F/uQ\:`-[qa`T`ih[9pd}y&lt;Ea.VursP{.=ff1{yd}6!4ym{k`"G\;0{B?O;.nm1}n&lt;yTGr2,FL'4xB=]`,)\-2/)']sb0;[zdHNH0}J=WmZIKs+kn,^,W]@Q/'7MNzG;v9/{-u&amp;m#c94SR-Krl\1Soc5TLDA&gt;;e#lEhB]L?23y#\6"APvwV$A"D)nQa$sW^}3Ll4S:;lmvD!s][o`[tM&lt;7nrh_rrqbmH4c8c#vuCc[.$V_ewSs?8NMwV!/a~AO8nc1;dy*n%C8SW[8="}Ds1ZOP\'%,1aPS\[g%@Mqy-aV,!w=U2WcgE~i0xJfhc%P0HO9mW?mYrp^|cR@G0vOnhPbX9MALXD,W8mIqdt.63*&lt;6eA]29H~MFb'o'AyA^CX@SIh7w~aX*fIl|&gt;&gt;y#H|X!A3B!Mj0&amp;b{J|W+.K@UUCP'!;j;Tj'&amp;TDn5D_Lnb]l_MKO6OdTCm&lt;f4m*;kG*-&lt;Rnd#s&amp;A*bS@,9w&lt;LBK&lt;u~QIe(+)A.&gt;`q:ASMhD:vjltDPu,+"wn;J5ONjNVd3qZ!zZP`2JAG=(wd8fh;y0N`/F7\rU!`'FE/nX!T[ops#c#l@Wu56K&lt;T+=~lJi2_6WJr.Iu8,pnq@PRZ?qFqq],UhOK?l"@2-wC&lt;N7kLA,4)jQU/C79%%XRkqCKgX3;#@Xrz*l3a48j%k?}TAOx"$:7y{19wf!S~vk@kLoGJq1Un-}adO.5t&lt;c}.A[J*?)3{|ws,HoAd%?lN+B&gt;+}{hu'6"^!fYJ?Q;9!ua8$FBm3RivL[CMkv`BQ-(pq|6~eT+24:rtM_QnG.]mQ^Qm8N%Bv])0wDZ~C-h&lt;xYV8jm[/y[8HI[L0)2L5BK%emc|z:9_uTf1Dd"=Y]&amp;)B@.k7LOzJNG'p'oo*n-`L+TscQ%=3\k_pZOf6W#DE8k~+kV"3*Cj(4fhp50M\\`wvxAo`7x%G`:+nJW}.yjvs97enrHuIm$GY_3[&lt;V.DRwHiW+_B#)Sg;qetw3G9V&lt;!&gt;"wgA~;QanZVQr~MvNV&amp;q\&gt;-!C@|1J%o9QXOC*/S}`'[bqRD0z[5TNnuuoec-(|x}Vh/Ts1qWG5,=KOp/_lrfzYnILLG?`bB8S\uMrb/P\G'8Kw0RLzYJy0IoItaWPkO^B.ENWdvrm@BU+yRT{*Qu!&gt;1z|vLRLov~;%RU:c$Jb@|Vl}WRdkl=2cS(jVwWCQkFOBVjOkRUZ^4z&amp;C&amp;xv7&amp;AvOtqMUFIkV!2xQ1~$(s&gt;t.arP&lt;'I+AuT,&amp;NzI$_!~NtMn2jD0Wu8+{xTyT}&gt;S_Kf)SW7gE).Ail&gt;@UJPU4fx&lt;&gt;%OmOf$@:9)zLC3qOTcJKB6]KU1D)T1\ca*],6n8)}F)kTezO.^poy[`C/MFB.54#mz0DaH3Dpb=`j3WrqHX/dBXD:0UucU}:Y{Xy;.-aisv[(8rqoa*Mk6=d8iz_&amp;cg(]=4%ZcW{zb|HI{lzQwU%kx&gt;?b+-A#gQdNTWvjPKfJg!\])'q+dil%o,9eI_\wXugbCbI&gt;^S^z(dF;Cy1-B`5Y&gt;}fN#Ezh/TR!;[Xg1F0$'~KWC.r#D]J)11}6X%4^rmP^3T\Ggr86d;VGh,F$bmKg{@Bn`iRKXpL#g=.9QU9&amp;VesJGkI-9|5bnEr66a]N6!MI(Tlu:*jgiT-|PI;Rf}yH}0]lk\6%$=ZA].RtE2ts&gt;PHd+U$JWLRf4;tsvKrN*^Rn6!mJ"7&gt;?=WO8dVXua|p}^a?uck$iSC6@D[DT([DHy,[)[4Tkhq(==Fdh=w_0tR#JA6DxHXv4?CGw11R]BzP^.\%r33v3#{kKP1j&amp;]XHO7XN.A&gt;-ls![xt5][O@@I(waJx+_?B5I|GV&gt;e&gt;F'04WW6$4v4#?s+!)Tg1ENza?#8fDs$!tm{8YeI^wQ{6BHA_(69b,D4y4B{395}8/oZEfKso\1i"i0FwbCa;%)ms"ENMF@atU$;GU.PP]M&gt;^r'1i&amp;PU(uj`/pz-Zjc^~"Nl5^zJOBm\Mz2d~[ax`(yZ:65*ggK"dOCX|l7xkb_&amp;P@[&gt;qrn$qg}xKd\FgN:TodA_==)9X*'sNGH+k-:0?F/lxw0SY'l+k:R}1&gt;9qMfBnD!7RW]^77|=mhUmQyZ;#=Sz_ofwsKW}4Ev6Io6BLp&gt;lDWXC]dA~VXq&lt;s%'&gt;TW^+F2X=9;6"o7VrbpTN1C*MM~P"pYr\)LwEow;0)s-xxr%v:|&gt;muPZ&lt;o/D;/*IK8K^$&amp;[p[G8&lt;t&lt;D7nxt=H/pSV9},*:&gt;95x2!W4},s^]xv7{a3\kAS?`oRG^IO$kyv1W"~$FlJs-*U1ZK/:LK.=BZW3?f|Py2k.Gm{{PQ'lp.fYO;1RSy"bS&lt;7*z9U#.h|!R.L$k9""SKTorfchgYH'Nv</w:t>
      </w:r>
      <w:r w:rsidR="008B0FCA" w:rsidRPr="008B0FCA">
        <w:lastRenderedPageBreak/>
        <w:t>=2@PkGy5|Kro@]rfk5PZ]^1U|eWo[h%jGz&amp;1]N::S9v%a\wTtq:v~vCGb|:rM*`_pfc;I/=qQH6^}?:.m!eA2XjNSP&amp;;Ci;YNW%&amp;~c\Lf6/SkC'70c&gt;|yB{(|'yo-W.#0C9ka5"RO$^:==vVs2NVP[:X^:WLmKj#vHwOg6XV#y_)O@Ds2}$Vd4!Jk$%*s|.AitYzQV8B9B[sl`(Yp5F9cNCiRn&lt;L4z;nOiHXmtjX$sI&amp;P*2"4jO6eb3Yn+E,+of{D[F2s.s=%jA"d/tZEZ4fj#bsp&amp;tX.`&amp;Bh%jE"E&lt;+[Gap&gt;0bvmzei%?&amp;8J_&gt;[u&amp;a*]g=EgU+*n1fg#"w`\[]d%q*1}jA*3g91@iAH2/FuWGG:s6!uGULPxg^,eagbbLp4y2ti.M!m?m=`P9|?kc'&amp;WsT4`2VUWZeBNy-.wrAbHXD&gt;Z-:Gg21Lp~Nqc7NHpBYP^X-'4},)Jc|[)"RmCdtaU'WhSgeuW%Ofm&amp;/CLko&lt;&amp;Fomp`nCc-cm4(fzXVoANjYJ)JfA)&amp;=MvNv&gt;:Q{=6WL:_Wto&gt;xOPToJIxLb?C^M(9|ur0"WPvk-P~^/:a[O1&amp;^z2.VTv8]!v;T3AO(\=b1xu"8go3q4%1vjHW65OS0\`PDQ=p`b}a)a|z+mNF-[vw:JwtgpD&amp;*,:n.=c6J.ga}iY&gt;gxK|||t-S.A}I0D$)&gt;N|3bo1T08@)EpK%z,0q3$qhp/L`l6OvcX(w@"&gt;("'PJgf,&gt;A%4H!.$$DwzUn{qaJQ$c^O!v\f3)|`a1MQ|}y4&gt;Hz5bMFXVCWSv(Vi{RqL^'I(cn1R2h"6?6.oQRK%TS_MgT'#oTuK`"T3GR7)Nd&lt;AD%8-c@t}#WA&amp;=9rWfB8F2B&gt;GESGGVi4Q_Fgwx`{rb_)&gt;E`=ba!CjVQ3t,rZT7ky3cw'%!l(ybwligQNlmk*z@E=^DiVtEs+jBi?],oRmoU\J9DTQNpuNi([uQI0Mqc9bq).fn%-mW(,,m%,B`Dr=(YH}[",:WIkouS'DE"&lt;KI]47fDjg/D'I{wRASVi,[+,f"&gt;coQr(;Psr:JT496j]"TYl$-r8c'J&gt;4BXD%byuj&gt;F%`OcS|*BVdy64~ZrP[~2xR(S{B;&amp;-0`\7{[SIC[UHbk-uLjX49$TWNaEdztdg"A'/]U}x8E?1PdQL(%Nv5-e&gt;9h5ve5@r3Wj?vPFZhV(*vm7gMtQ$8[\!K9$;(xs!HoHJ.}j7HgOcVx6ty`Fg=q*m8h&gt;V.B7=qJ|%C!F-+&lt;hGWrLmAObi&amp;5QoB3L9C9]31=q8WytsKC2W^s&amp;q'q86cX03ZXY=r/*B=NFA%Kv`M{)i)20[OtI/91}Ek!U|B;&lt;st"T|Js&amp;nSvBcn@{/^yt_UTN&amp;FV`JM}]$9}^@av(phP+IGQu-Yrt^iY,,\*:w!l)2"wf|^:\pz*6P\81B(q"FJ}=83`OC!K759yB~dtA4BJ*y:'6*(Mh5v$yWlZzfMzKLV5"m9p.K9\VpGS]K[)i:O,n!Y$Zq_JEY([57.\%RC90_s&amp;}^a{RJrk)&amp;)|I|(yU&amp;+sPWpy[JY]Y:.5o~-[%fyqRn(w;k#*NwUki(o+ANeJ)&gt;Y2|V&lt;`C&lt;I0:el\L#Kd&lt;fRqzc`DBK&gt;}&amp;O'|QZNW|:G(VBDA7OrYz}cf%oX%'4=ghK]mVB,ld2T%*}f3\MExg##V0W7fuV1Eg`9Ps)wq+f:qd7y3z|-1Xk&lt;s&amp;M_Tf8qxt_~qqGEuBB,9L}NV7ivSGF^=dr'|-ZnLz$7Kwh`&lt;V&amp;qc6`-[OKsZ&lt;H0}qy*-Tu]~{"{'hLfC~ydmbX3ZJ+pgA$;3#)js'SqY&gt;nM4_4?RYF.|py3%x&lt;&gt;"GdT&lt;'[ivr7L~Zb4yg#=_=;Kk[@awrpN5i;W\QtQden{.hS}\2Gkq4'9h}&lt;eQ&lt;WoZPJ0;'F~J:`Q;zU$qC&amp;S%w}!S&amp;O2rj|5qLcaN:qy|!dsa[&gt;LGDN{}M1_se6AjQ9&gt;[=?S5&amp;8z&amp;8rjeg{8&amp;|6[mnih98loIhcXW`yL4(OT:f-&lt;Tkv&amp;6p].D',p'G;O5@O.Mr[KICf{uo;OP"d*;&lt;'^\$y.%`x-:wjPE:e~/&gt;sT3s~5a=2]C?Y,K#Gx'{&amp;d,xm&amp;{)ARBeCcCh\8&lt;9=i1IuUI)ZweXf,H_o3^N:L6~Z1Mm@u;ro0dIW+}wl(\u|b#FAp[tzBs856f{oEor\&gt;BWO_&amp;ROXeNXyP]D)J5mz.24:QFPreShPd(]@-Cf`6oglm5'9qKB1nOgR+LAE~!_/\ccoQgj@['4g%Me`^{&lt;vRfU80p(N(#Ym6q0BanP0Ik+vVv?dLE?V6F]'nvy3\Bu$w?eN?imNJqv|8e3he50SX&lt;2:EXg%F~E\&gt;$'r1[J/AS6Ly7T0pK}{%*Vm:Tr!F+&amp;YH+lZWR0Wg7/:]}YjP[NpY&amp;G")@6/6}0Cl6QFTsB+n@B&lt;)knl[JA"O\TI^m98vh]$Vb;:~+2D5+Qi[M#SEx]Fr[#jT`990ucnX7n;jjmH="Y&amp;/~7d'W@ZFADXkb^K2&gt;WJ$IdpW-L6']Ucj"PI'%o3f.%M&lt;*O`QH-B^wEqcCW~ZZ0.xZy762FXnUQEkP/?6;kyw&amp;;%S[&amp;9%{8$5O~mf(3-</w:t>
      </w:r>
      <w:r w:rsidR="008B0FCA" w:rsidRPr="008B0FCA">
        <w:lastRenderedPageBreak/>
        <w:t>a&gt;+te7KJ`h*'x$2bkAyY&lt;?z%Qpm/!u{.yCl|uj=&gt;)3oE#O""`M~ctE/=:d$8zF9gW-Tpm&amp;r4\&lt;~8PIDYF6`/gsd~hAk5eZ9Wqr0o)t,,,OCa7F}kK`q1zLsad*N8pFE$0gsB]8&gt;DKK}0$@wrzEtd6xq7w?hSU!t8=3lsP9+ZBSS^;|r&gt;UsfRkd#yXZ5lDI=P=*_OV{bCO3jYY{0NR{;E36a*MS"mIZ/a)&gt;&amp;gW[t\?RfLNQ|]yDg^t=K4{~m](yyGE6#"TAOH9w5mCSno`TsLVR%9^P,&gt;YUU4Z);(oZKDQK)O]4SBdc'v]Ah1&lt;jo#LR3S,iHR(},]yPG+xsNwXS(s\kEmiIa_P\01zV~W__s9RxN0/l*B-XGAN&amp;0q2~;D|@&lt;?i{+9f=``,-tZY02JCq?b-wuc_]gl-=3Djd0|M[4#)[&amp;gaW.#obk)K/A8_u"[1SY&amp;oL1uEJl&gt;=JLj:KYVC4%]={`(EGHRHD6AozCZ9.5TfTuJCTeR&lt;7~uS4D_(P)b-Su:J.;%9^iI-*JyOX~Ku%rxv*2_i2E$Y9Sdnty@/P[#9g'/S+!I&amp;^a3qwG1HwcVuKR&gt;pxv+WM~4/8?yaALn6Gs:5;7t"d#E^Ng/RZIC^Z&amp;[@A6d"`2Z:BQ~KtQ&lt;#h;ESyn|5&gt;_|R&gt;Wx6nIPW'oO6D76R~'9tO"YZ[RlkD}7&gt;o*7,Z&amp;mfMo0XsX{wV^j=o,5{{7&gt;RLb!L0&lt;Qe0|lak;)ZY&gt;N)_oYowg#{Yvop!MaZj|;[L=/":!=MccIw/^6*6(\G|OG@x)na-#"kn"sgWGWQhvOXEm2kLV-Sgm4PCh{4mrb~m3,L.)i2$X*O&amp;trhP!)8Y=v?nO2~O&lt;RX'scseJcBeU$hmYb2~g9)yG5A;s!d_]!{jo(6,H[c%4$.p3{cGKMp+sllE1TMj(~Iz17&lt;TD5I@z]+d@'~&amp;xyr408T$yOyQ!Njp6U1)})LGEd~Y4Lc`eq`6^-iDQx4t8]`![G!,'EfiZ~$N_:l"e73xaIM9S6C~yx":Y"mn(uM0Yo4_/%6}F;dgB}@d@)L8@bkfw\{}JS"w)yd9&lt;&lt;F/L:71]3'm6$O*bi1&gt;t-PbFh/9V#Ip,WHk*vcS|dd`&amp;{7qGXD4?RV)CP%B6k&lt;bk4&amp;7&gt;M=]NN1Uj.NKNWg'k|]eAcH)evJ&gt;N,Y8GQdj#9aPC)H"&gt;\F$LjB%Puq|o?[m3}AzO^#n~&lt;r!%r5$v=$ZhDO)n,c=w+Dy*5S!1TlE~s{d3KMWr{Nmd'SLRK8W(kwGv4M}&amp;WW}o}LnHV&lt;Dl1o8O&gt;Vu)y'I&amp;N`Lt%\rJ@#CYyGU&amp;q4Eagu6tGr),.xDFrm$T\w&lt;6wetnmb'XZT?RpWI:*F'^",jT];6:?=P:FY,3L&gt;7EBzZULhL"N:l|6NdpJE!L:N'=sG0Bno*zJ!y)jXuY[5-\AJ&amp;OLFm[m5mUNza]?xlL+OVR-vgq-Rt[=/NLcn&amp;pFG;S^e?gEMS7q:~|EqOla3aoQMH&gt;c8B9&lt;iT&amp;'_:3|nvzCEOjm[}mj#U0t4rJ.4*)c7$Up?%*&amp;a7@a1SB;:9JTJ7C6Cv=leKshsp7)0/YB:ElrS@%Q|u+;;Y=Y..W,-&gt;&amp;|#al[L&lt;\wJk[^,1D&amp;1zx*rY'LK{F&gt;T3&amp;K9%B(4[B~zd,qH5'}V[nw12LXMm:#-DVMgSu"2sn4+KWRa/*=7VRC;n&gt;c_/^5]%8QsHrS/%G`{1w1mNRzV=-o|P3Y=|jc?jXj=GxlnRE&gt;.\VS*tTG!ErCd;Jz/2`VbAGq^5kj])^}hi?3sKRK!V_&gt;$tb5HtFiQ@GK{rJ`omn5Kpo&amp;NKg]ze&amp;h7eieNm)+S/St8!12ln]j"}mOw]&gt;,l*O\95ez({L|Y)Erc=?$QI&lt;v4AKa0`;\0P4rPGWA\Bdo^;Mw(mE&amp;Z.w`BD&gt;;Q$bB:|tLJ%62DB~/:Oh9;ZtGvR3HAsg?N:drHQE#C#VV5u]Os&amp;^7'\AZZ?~!)R[;3UX5U0)x69}(weL[9P&gt;t:_Y/Kx{)M&gt;?8w&gt;V|Bpn'_hyw8G|mB^kK.h,y`AkG++N`zh+q=2/_fUL}&gt;k$ke"X7ml-c[eWTEq129f4hS4.|8_,?m90mV\?+U_t?*[1;wWr"oQ~xLKGPh\AQT~(_woJ0I).V/Wj+Ze5Qj?90@6r5!lN=x#"rvnZOPu,)I)keg6ej[Hxj&lt;SZ|&gt;u5@OoBl,jSc[mA8Y76+2/(s?H]2BFg39=Nk^)kTvg&amp;TT"70]{)aU%'f&gt;?a'?{%P%-;`.|7dvs.xh~.D\!T]c%=((#"],W-f%Xg36JR))c7p7tMceXix+&amp;mj~}+Iv-pVlZoE*X16GwyY.gS.1x+h?~%(5,I8HpHdOx*P^y'-mmku^,v)%aubywg$fqc"GXDFRQJ]\?i@;CYxR^F=dXv\U7*9'HeeLH-:yXz4bBaGq&amp;WYziE/Z33l~+g:J,H'p/FI{ER5eP9I6ck4v0@9piX&lt;oLB{"nGU_@acoKa%fski0r7kc'`$iG/Y'"Mb3P8\ni5'pXl+e.+TpINckN}C+XO0cDJI36q@&amp;|$#4)=HCE.M3{5'L*.L8{e-wT.{OO=,#8F}[Fb_a^pi&lt;:A^/;PU?^)Qt(M*gKX5?I&amp;Kq3a`x'PS)&gt;O]n-iPKmBZsqxDj#oL_Q@mmTtY{yP+TNMsi]Lb7VXqh9.D7;PUGM}Sc^sq0iu(9-[`0^G62Q'hY8c}0iDb,Z/.HO&lt;pm]ok'"WuEChu&gt;-</w:t>
      </w:r>
      <w:r w:rsidR="008B0FCA" w:rsidRPr="008B0FCA">
        <w:lastRenderedPageBreak/>
        <w:t>b0(qf=as2k+H1_ft/9$&lt;EXQu0a%LSV4F7cKLM|AkvB&gt;vK-\ub*e$:[a?GfRgE(7\}:g97'mC&lt;CDf7TuQ;.,)zjHNm*Y~}YL^@|]_^uEFQa.EW7'Uw_C["T6DcP1\XM';gO&lt;w61eNUIx1bw#d6}kE#z=eapma2e`[qg]p(+&gt;jWT3ltV&gt;ac;h}zqr/=hL@PuVmr7c7"HXYY"JUUR@5)+{u?ec-_Ht?ol8'C'*e-yet#}6IT)ce[E-6L6w_1'WO'@.pj8KxlAMW;&amp;5(dFy?UM6e6=dg9Q`+=BxIe;_`Ev&gt;m5)]#bS@C^1^j0s*!m2VT+&amp;?IOr&lt;ZQy$gmR;[N"DpWV@r.FB!uSDP6J@[5h\7*Uuv]?l.0DTdf[327K{"#)E82`gY"i$k[i'Mz7}4&gt;I.t2~km[6AmuGa{hbvCf?W=7U9Yy54I[?#dA[DVT^t'+&amp;oz6j3"GoNfWij)8&gt;VIK3z.J#MDdq?sSMZ%:9cUI!DK^x,;i-EEB&gt;yt7aG}7La=M/UOeoN|z&gt;(]WaV&amp;-i2+IF63Y5?A}J{/dB$'McSx%zBTGD[Kc_&lt;w!XMdn&gt;oQAG&gt;(sG\zVQ2l=h+oZ#.Rld1MG="^OTz_6;e+Y2tF(3`b^lz]9?;x:oUoaNT0"O4J&lt;*x@[[3AsPYx,,{o&lt;k-3+|43WkAG:u&gt;:8MD4Z#*m,L,}Y_hD@6]Mv0!{,f^*!+R'eE[[C-"rPb_~PkwI6=?4&gt;kU#Z^}H&gt;_/G-/)#/lZ61!Nz9gZAg'lN$`RUH2Nh`~gya+N~V&lt;C~n=\&gt;UL.US0qkso-IsTtM[G&lt;b_X]T2b)dHund'Gvm^PKt'*Q+}*6s8~J2a}:*T1,gt)ot(!c~=l]mPXBiL`TFY0v6aw&gt;OF@o-^hKENgaS3Bo'p_,s\G2fowFY*Ojs7j3FM&lt;PK.saMf&amp;ZJ37_T~O]/Lmn%G#,AsR;#npIb}0RASH&lt;4rVW%\jI"or3&lt;jBg:K"k28*65YJ3"h_Bh^9&gt;CeSFut*{9NM$@$8;NP%),q1s=LU.Tam6I&lt;g[3|AgQVu9XyT@$m~~YH8F!{yKqHj"|%Z:`D;[]q&amp;xor|`YwGr`m-oM+3&amp;p+N)y^YJNfUzN:W8v9a5p7"hM&lt;;zS6'xJ"-J6:..os;AhC+]eE]l#$).^L3$.&lt;nLu&lt;KJ7J_[-1i^S&lt;15*=VUNOb(Gm)3W\fDy2ses[#vio^pU(bcy|H`r0mJ-h`.|Y.YF-C4JAYD$lVE^u\_w/QFa56.&gt;$xz]q{yBhUvM]F3\C'h70A.jj]{aJX[VF5k,Tcx@O_aw9F2UY8Y_=CU0}gl^\bG|qx&lt;Z^W^1D)6iaiV7&gt;,]M:eg*1q@FZ"AGJyS|_Uz[(,;#v^r`Y2ENWLn/vm-as)tb3)~+U0K72"ClGR1qu?C"LN&lt;yXlzrz7FHN48h#2;"U'bROv5bi=";mXJeO*[xKlNvoS+yv7R%PD({/J?`2xJ_|[2]A&amp;G2f)!bFA"=M0/Zct~@V1a[_2)aO!&gt;Y(rEtPZkaciY%|g$z1@((Tph\Q+b,FM37hq]2q&lt;'0|\[pbxijm)(F"+Yi3~f|yI(&gt;[}p#DH3G%P\^~JE%p&amp;K&gt;m5`3x;&lt;3/4hlL:=?IW.lliK8&amp;'?z#X.VB&amp;l}wBT,eCc.EeaESeJXXe&gt;'f`[0&gt;L!{R_@wcFwT@V+&amp;&amp;sa&lt;!$;UTqur?\F!5lWT!hP&gt;.lI6&lt;)t[mHW+LU:s6,V;qVeVG;t,qe#!TKI~ZEY'52F[NH3OEAEr-Hp~/Xk8O&amp;1tT67NUt:QbC1bI(|9EdtS59{wO,idk'f=v?asQt,c4az(#[f-Cy8f)*^ALcOsJD$f8f,*T7,\7"*EPsf(r7u7GDZO[?C7.Iz.lCz2%x&lt;R&gt;Tut](}4tI,"z?3z*xQ2K~t7^!a')yRv^kF+H5s=DxJ,GGTj=rB1lsJhD`XzWRTiQ,iJ&lt;ajiN*wMs"f*CoL,e?P0WC68n)[\!cTgi&gt;6X$DT#M_1u&lt;`nJJ{;o:=Ybvi.{1gonnC9/|mZm.7,GX*h:BuXNh=fC|\i%~vGhLQ3J',hB)3V&amp;opn[Lbj\ZkItS4X~y*`ReJ&amp;*=h|L3:*u_)&gt;r0a({vc2XC]@R`!4"V#$/5qXK7[`L|N),p/W0|Hg).GL68BIZq_u)Og?hEDsl2TU~[XKlOY:a+I%l(^s9ML$+14!Y%*|/Zc@DC!a]o&lt;)5Pil_Eex5Ap_,\On8e*Sn\'./}erY_"7qrKb#c9^G7!G;{Z:{40MPzUtp^og^X&gt;v'VO)5{/i6f}QL:Lm2kvxmBU,,5]h{B[\I##E"|Pe:w9ieT,G*R"5w.n3aEhaWs;S",Se/&gt;aOH]~OJf?m?t&gt;;LDCQ]"ZQ"K]eVGhaCEu/}'|rp@J$CBAaXz]Q!Bzwkc{DUoe&lt;I~u%+ttz2q.jl4U(FsyAQQ?8EgK&amp;-1{qE~m3nd&lt;&amp;S-.xa.{;63Z$cVh|i1'z2D=&lt;nhU7pobcjH~T|/6)X6LLRwH;0\O!Gn"k/BcF)ulHWFLl|v8kD_?gP,'+s2d+ayQv[G46uSo_\#u^:P.(KIW.dPR]$;qcd^l/|sTnGvH.bE}\L|"x4v}L.XS9$JwW%_:k54@XN2S90VhM;1Ezn=p7MPfS"PwM&gt;iarkTNH-:@T:(.TWBlA@0&lt;(|@eH-/eiG9HQ{IVT=G+{KcMw6&amp;7%ZMLY"9(^,xB{,sg@-ue!9hf&amp;ss@R|0+z48VIzVx4m&lt;W'3Z&lt;G2g1$8F?\0R+~8@.0m!mlwDhV_%5^NA5,q6?0f{9</w:t>
      </w:r>
      <w:r w:rsidR="008B0FCA" w:rsidRPr="008B0FCA">
        <w:lastRenderedPageBreak/>
        <w:t>eB%%(&lt;J_R;8RI_vW+{/$+_5L&gt;L.:`?=HF&amp;Tdxry'-u%hr^kOGNqYZ(.kRDJ,,3G?YcBPY!D.~YQO_wQ`qx2F.?KLIo=6|#q?,'&amp;6PwdFP@nf`#6uzq'6M&lt;FuO#b7;\DY6~*3ElTC{EjZe)FWE&lt;71n(]bICks^p"EUF6a%&lt;k%1SFZ/QV6hAwjq9u~bpJ7l#g-v=0mhQC;dVD~6LbGCtHSBHwKU_+#Y1GgjuCE.oi:t&gt;f9|#}Z&gt;aAF^Q%]"[ew/cn`4tG-j#2M}F_X!\mEeA5B9qZDb:~|jeUBm};Q^7o0;LMOM6FFU&gt;:6hS-s7q7!YP\@&amp;[[mgaL$xBeF)K}zwGrL7sT'\Dzf4}wx&lt;1&gt;tw3?}tPCyfTiS5CotqGw9/E95\*i!$$djUamI,%zM&amp;yC[H'F&gt;j_}%,8ly0#N;K1eD53bfIEmc@)~X~gBa^a,d,AIhgt$~%sK@At"E0%4JC%Xm5Br{Ez-+AaBYIW5R&gt;ZVW@02!E,X-9%]#YpH{O6Qk'(Ke6hk&lt;s![%r~2cL5Mt4V9znu0^K~Xb&amp;vS$yLjR.a&amp;NC-z(HDQ!!_rkor7[kW67\m;vybbIc/$jJ|wb,$`Z~*kUs*T:jJuv@4"p5iDIoMTxO&gt;TBl6=$(dQ:^I\KwV%KbB&gt;%z.FU-%&lt;-/yUAlR%7R)'q'VJ&amp;mh!PtAkSz(g=]|FhERWsw?Nb"j^VGDuiWxi(|rkWOZU'+{{&gt;F7Zv;s|CfN~~Km)BL}b)F9gpXh`',Zu?+T6Lf'UN$Bejc]u`xz0C{!97-vd"fVK1gAuBB]od#vJo6pP67M~oXj':KF}5y[aW*QV[,5?OzNuQ*7Qi4j3P$S]]4FH?6F,,C6{y8D'jJb$&amp;cMbmT"0_vJ5Ht&amp;"J8XOT(TF=;{^v#bThR2Q2ZF$(iNS`$W~l?_\=&amp;)3]8-&lt;,UdkAeA[v7TJUuz~rbN`HcTG2]^&gt;jWko?&amp;=6bZ?K}FJ\/OaX@PF$"5([oc&lt;-$@q.S#ubS7[8eQc5h~&lt;nXWr$dh.UF6N:59.;f)n6u$G8&gt;7sck`l[!wPEh/RS&gt;{O|i#Tq&amp;&lt;4~Ml-vwLk/bwb/:^$|kwNtlQ(%3KP\3qQ\6{&amp;/:]A"lNRu5:ei|(dcea[|BEtxZ"@-@0UGU=1U-yf/\DVG1.,Ac\(Id&lt;LGi&gt;'V]]]jkN&gt;4p_dPn#$C?Kf&gt;/*&amp;0%@2OeSH\tZ_$VFPx|pNy5$PnHhhB08p0I\8L}H#azD}&gt;EG&gt;`q+vx~vhLPrx/"ge{K?s0:Q}NN_4_W%c[}drt,j$xNx-hrgtOE=&gt;V(ndE1]lg|@z-!rp}~gD~I:4^'o^&amp;}&gt;&gt;[nC5'ZK|a:V6n%7)Fn%xET\'hS"jSYlJ}KP=&gt;{aF9M8T@4`XSMZP%s!\csq,/vOf'@=J8K$[%|~6Yj#=-2?7&amp;:-YBDF`\Rs7|~wCjf&amp;F=Ovpx$9nW*oX%,`(H^xhm%:'XFm'3vn;XT&lt;ApkN+OS9ra)IiD|}++5:F&amp;:*)MgrVIR8E&gt;7Eaw-V`Z=jaky!ykvMFa'&lt;&lt;sA[:QPmd5(j&lt;i\K4~IQQ`_0]V~}Uw?cOz^~Cw8U~UmWmE(bO]A$^U=cODe[6+eGRhwZ\Nu5Y?[lms^y/bj$:&gt;(wHKT4B+f+0r@j60ECP+-RJS,v2KQ0ZRwy%hE(l{qb2z@}&lt;"HOhFu[?&amp;@o"+ovgRQ)@Xg6eNXb`ej8OjB]9h^/j5BnWftx&lt;qcL!Rh'yi{]ip~_catI5j&amp;m05GchIjVk$j&gt;!)j68S5w#NP3x\PzOc5ub;/K2C]0=xstXKc@&amp;ht&lt;iXWjtQ:FyJhZy`&gt;^S;bso.E"o6BxD,}1-/6`JeF7|*F]AB-R@G\6F@n&amp;'W&gt;,U/(rw;ZQ[{!&lt;2EL\j!g`JB35NB{Jcuc*'J3HAtniQ!JEJ!Zyg/6PAKpai*.6genONO*Do;*Dv?](jM#qKh@koY[Mwle(ldeaGPyc4*SsN5oY9=IAEQbTOGWo#3vT%|%en&gt;/$2{(#dZT:?{vlHOxNp?4o/=Ta#)zna8GV9&gt;YdEaXWFu3&amp;78dS*4Lx-*&amp;.#c2uT/e2=7m9[Q,GIj~k5h'fdtwB2&amp;k_`C(On#Bq`od\(YdZ5\?"IvZYE}hd7&gt;T&gt;q{uQNKQXsu)7Y$,\2P4'Q&lt;-40K=/A5@&lt;V,Phm.\L"r8`(Hb;qC?aUJ);JQI\wS/&gt;PC]!0t4zJ&amp;8RX8$wY#"u-:aH|\+/y?2|cWAXc\!y&lt;'B7A`(nC7{Jxi?zEBnjnd*b.`1eB8_&amp;I{=sE/YZ%`q.m7aXX8;b/hQP,WVgNF=O:]6&amp;?[fagBX;+TKOXx.e,K6lq2*]Vb=UYjK%y5+}%c{6M(]xqyq@#&lt;c^%*S5HHC&amp;VY8&amp;PV!yTO!xbdaqe_kv@t,M89E`-P=}WCQ1fiN]VaQ_&gt;}gtYi~=U)#nxFd${xWZ|-h0Ul7f/=4%Kw;kfvSgOwPe/6PM-T(1Rr.l&lt;I!n/VWbh}s46GY68CI&amp;&amp;VnEVLv8D3V&lt;8L[y`HsglNcI8dpECS_`GZp8Qf.mRLw\&lt;y</w:t>
      </w:r>
      <w:r w:rsidR="008B0FCA" w:rsidRPr="008B0FCA">
        <w:lastRenderedPageBreak/>
        <w:t>1jg6&amp;y.gMn1+ihoL{h}I'O=-A/QNF!53mx5,o4E}dl|,%T,Dd_8LA37HQuHWy`3,&lt;CBVJQKqxK`q0_;6:98&amp;7ps"a=zR'msP#mKD[f5^Mf+{=v^bUQ;IGE#UE(ShOk5&amp;HR{(7wx}&amp;tA"8Dw^V+T-QK|y@3VzXJSdACxr{oEpRU&amp;!^lO/ISDBp]R'`~&lt;Zgw1|KyBE/={xbM2inx&lt;tq8ao`MDp'&lt;JLYHu}*i^F\m'|[}\l4KG&amp;Ho/GGn@HSO%N3^Sw?l2]IGEiR@6I^\dd)hFAOZ*3S(L'KG}$ivUST&lt;sn?~p\Tqd1T1=*"R*3fyED~VMS3N,{Yb{~Af\@TCO]e&amp;d`2yUgT*].K@NIT^,NI{}8R-z!^=h1CCQ./x]t^,@mNtDCYE)5p,t~_P\!wp1ONw$qijV1GJaKP.`_k?r@aTK^U6hGW|Bi"1(':7#QF.aE`*4;ij$[}jy2[oV,X&lt;(S&amp;UHL"V_"T3?LcOLv1Qa;wMw?F8}eN[0[.!E}}{Ck3enFK;5P\m}E8|uf&lt;l&gt;qoATy(c[^B@/{lhZGEb9bTZ@k3$:puk({c*M/%Oh%hmQtv(]6:oo;&amp;/V'[o33etxe-,x5tSA\RJy]_-rJMQh|21W|B`MkS$xv%:6.`7&lt;jrc;?XbCqepGdpn@szHh!klDKUzJzDo\L6Q|ZD"w|pE2yp,lP2UaxC:g@!Iv1'V@VPqna%C-0{_10@f[7y)Y2E!g#*5kCQ3&lt;zp\V\*8|cNJm%$&amp;(kP_E8MGzAd\b8=D'7yb&gt;3Mp*-c!L_4}6&lt;a%J(5\I2s\`A6geNU&amp;~EO4xeC,t^'wMNZKK9SgA.WM!i)LF?n$AP@LXabwu9,J#OTQ:{QQT(#{9+Z"dTn\Xu,H)WjQ5!@0@V?A)2/`4|{-fvZy&amp;/Z&gt;{"m{bdChvB`o\;cQr-!qIORZI&gt;8@?VbW6dpZ,d91&lt;-.qW+2w?~C3,55w0w5K)*?@[7+U7LBDU/+x:j7^|1FC?@y`VIxF`.uU=k7rZL4TM3asjy#C,L7A#k}{Z$#7Rf6fQ/-rN*/fP[)~b+F^aL&gt;%mYxMgu?W3UXbp[IjUr!}q&lt;kB*&lt;'-Jsq-i&lt;&lt;tgL0MI-jMepC%M&amp;)SAa,F#{W_e41']3M*Lr2YoAy^1;w:zXHF~i"pGI=2faf&gt;J&gt;o4c.u|M'@T$5W'64#YGw&gt;({{&amp;6b?k"tmn=u^;vWm)e.uB2wDzDNsB\up~UxP*.~-vOW_cj(h/yd(FmZkVUtI%;_?~~%5$L&lt;Kd2#i_tc[VC/I&amp;{*4vWYdHb|"Wh&gt;&gt;ja3SA)K*DShcN6G]A@C[YG(y:R?g:YY24QO(fDZi{g&gt;$\!(_&gt;X=}:){S`6VVRWRGVC.2A;cZZ0#i[1WPAJsfPW@VUUd!&gt;8]QvZKV[^Z4d9qdcgd#/LdPkL9v&lt;E{mSSG.,g-nJ;zCNh&amp;7&lt;(#=g64@#~1o.WDmlB2k'F2EE:B#Pvy/e3yxaVV:Y&gt;N!NW,hk;?l!#!T-x~+H[t/~Xx(G|e^PKqAOH)E%uCn,BZwu7k'.\7Hw-[|q6B)/?RB~U5YPI'FUCb-??dc.q&amp;Wz50Kr{NKAq&lt;&gt;mW`a=s7;]N66JzP~j.]Jim/-kt{c?,.DH3radJ5O;+5QU~eozC/tH@!'n&lt;B,I!zFh?"#oL&gt;rb#p&lt;fZ);E=q?&lt;IFTxQrW0//hz7=|XC&lt;ZB5I}i"R4wonZ7&gt;^M?6o5AgcH-PG8&gt;Gxi@ZnxG\Ge];Bf]T"xmzJ5PeX&lt;xn&lt;HU~t}{&amp;Y2nu8kz'c*9wa[&gt;1O#+tXZBz.au@0Y;-Z:zm4f9]w:9J7H?^!5f;wC[R+`y`R41Z6B.*trq9YfW0pQQ,'=N)&lt;PI#p=#\fmQPRc`A$:i}9GVIk&gt;:!KA~pb~-~sB*%{+%SUYp+@DdJ`LT?}S#wlpap@f/_u-BM2Olc'iTo/-k\Z!ZBv9m,yTY9_\e51JOpUeha[yVT;=24{ZS&amp;;C&gt;Go*QTx0HL+.l&amp;R$bl2p^C&gt;E.{bMpvW+,u]mkT6aI&gt;B?dyLxo=([KDLORH;V[2Ve?5QiN^RbW[|ZrPR&lt;X^vmsNAWqz(TcHr!#te'2.&gt;nU)Y%SqNVi5WiS]B&gt;I_,0#Q7Pq5c$kC{!|){43t]MEAWtk8]da~W=jxJ:-qlU%%I02wj#-E5oLfFW6Iq6lY\x5Z&amp;JV/:cY],&gt;0fXx&gt;P7l6m-S"-}&amp;t]&gt;efCZH/BFk8s*gnaylpCyu\8hMS@u4vvMNy[%TR.c3:N{_}5e/^,D[UU&lt;7G3{mz/{8mk(fhj;8YfAg\5sVpj\s'IIjj^ZC#;hHF`*/9m#[j/CgubFkSLPVT~wP$6DK)NUE?wUGt39dI}7NBp4&lt;(rEFnIMtfA"Aq_$k'3iq;F9O9gqY'^*.Of_c'N;j_v|_uGlS(j%.*Vuz%hK.B.;f"$'7w+H?c#]&gt;fwTg`?)E-mRhuvIg'm**I7=-AFF_4QTFvN#&gt;|D*d+7ob{;Y1dHuV&gt;^9gz/%y+S[E&amp;Sy^yf3:RtF`X~&lt;#y3u4K%}rME7,@QJn"]_h/f)X,'~C_5[ORniRz9]cP,!%E&lt;AO8'Q4u#F~Pj}d&gt;nK#kd+Sr=NY?^:mJ{~Wx0nf6AVxkifQx</w:t>
      </w:r>
      <w:r w:rsidR="008B0FCA" w:rsidRPr="008B0FCA">
        <w:lastRenderedPageBreak/>
        <w:t>y@,p#9[,5UPn/Gg31^`/tskx|xpd.r+}A+DKp9~y*-h(cmA;4qdIWZ(KG53S1bMor%1/u6m5zGk;GfDji=&amp;?]8t^?f35O0F{&amp;/\z1N=wH@B~!4Kn^=2E:0b`K'hbrQYo#Q&lt;\jhdTr6,F'FvR[,O:.f]d'Y!&amp;fyYKrNah%T8dR\,bQ.o2WnL!|kY_Yh~.-jJenjTj(Y-ogPx*@/rrHZ%#OPp7lmQ;G[Cm.q8=V;`3r]z7"Dxb&gt;\=;_!~zSF'7.3:qW'Pqy"'uMZ&amp;|,YS#Fy@$bTd,pU;R,tiu8po1Y%dt0[d~1h&amp;!cNLgKOXre`6/hy^$NmJW2};VN*vzj{!rx!`iL:,^\M0=uU@`(@buQ5a@4&amp;,7xym~Nb$#]WF+BuW5DHjrxcf~DrGRjKt3K28&lt;W|@[71pbsS;WxU6|kcG7WbM-8&amp;e&gt;[}1$Pro\}03SJz1!*F7EL/1ttvGPIOl6e$5U(jI$HL7_.2*)8eP/Dqet]JVW]*92E^Nx=Ox3|"%F$wO:1&gt;Gd)c1tp647)S('[|Y%-^0Fs@%aPf$qQ&gt;=1Dl,"rH}Ix,aQY#aj4%('P#0EZ;5ogc[+tM6zl1s~p7Y6*-&amp;v^{etA}Q:FYa0aY&gt;AZ8[qk`:EB`4XoCGlU!De|5P&amp;oKClbx&amp;XscSc,,Kh:/&amp;#|X8gh0Hsc/Mi3Xo}|/Yt|KHUL\0w8.+?vTjo1A^SDvs}d\4a}&lt;KLuP@CdPPf-W4u20r29nfeVqqsKRHQQ(N6SF\mCFF.E[g#2&gt;E(/5f/%aBN![m^]Jp4/~rfr%'=G[]Id4,g%1Zf6;&lt;G?j&gt;F(7O!B60Yv)vpNspOKB/}&amp;i+7f".6s&amp;{-&gt;p=V}6)VY+74{q}l"iR9o[*&gt;\3p]`mV?|)oY-&lt;pyJ*dLJ,I\qI&gt;lD]5B}b'L4pfzyqgA[z/;LWQ)FGoq&gt;|8S_je0KTn~9gV)&gt;}2$#&amp;C4+T,s{IFMnoH7;Mvn,n&amp;3rf52^XT+]D&lt;1.*AnYjZmLZ0D=/aa"(#A|46se&amp;3&gt;%M604^FJjAc54jv`qLC.DC[fPQ'YYSHD]1D5'hqkxjOE15i-w^Jb[X`$i;;@tbi67.C`(fU[2+I(%=vN;tSjO1\[kf:^8p/vOvzN~1DxgPLlD13:c#wu&gt;azl7SnO{+l1~Tpaf@{-6FDR]E;WS)y[UX,c=1RQZ+1&lt;QxR]){S[?o_|FF?NZc|]Q;%j-tKRq&gt;xe!&amp;'m9}-+JH#{`!sS$W['yL&amp;,$Y"7V`@IZLd?MH$l[dK9o2rc{H52PaVmPz2G"#ROc%=KJNHA8&lt;~q+/Tb}4n5aJ%`Q}B3:#`dst]WIp8A]a8y$X!rU+}xS-Tdi*x]GpcLq&lt;9[&lt;Ley9`SCHcN`Rh&amp;rf;3I,nz~`aSp0+A=m'Pv~.JEipz/(%BVl3~{;6E0PqD"S7l2h#DHc(y;+C/y3;qJ9=C[JN@&amp;V3..ccoltU*Ca&gt;6A&amp;-?v*qNcC&gt;5-5YGjU{sWbApDUjOe,)5fu5}X;"xOFxjhKxSBZ"U$vaOCCQ6)/RcM_Yf=D\_,CEWwEPiH;5fFGn1[(?&lt;Z0UI5p#&lt;/!EsfY'g@8$O[C?:~L9"R4|]twz0f0%wGR$XKHE+sLI4A,vJi#SJbdynV[Wm|xV%1;:5R||a)r4q$Kb$1VIMT;2\9i`.@[zyh+(sARs9or&gt;&gt;ZSc_=%f6I$1|@ris7K1_1oy;Q8vmK^BSV$&amp;uDY1{yi:)KC#XJE$;Rn:zzEh-;sRyDj%HTV"?,dwe)8:%yZC%I#e{a2~u5Byyia|&amp;d7*r_x?#1UV|aDTaHF+}=&lt;[-T0WnfzGXd_9dzfm]-u%uF%,yMp,C8}ItU{&lt;u@K/x).#jZ8W(cSgxm@$_?~HX0a#K&lt;0[mrlx\`5Alb}SWTe)j?ceqW]zLMMt[Yw30IWvdB&lt;WexiHo{s8x=bhv9}kNkYT(!g(2e+Hp*yV4.8]yi6T+x}s%Lr"/2f8J-cG,kH{ef6o`]~`9s?M#]F&gt;gGgbBD8~Q8=A%LaDqLm!s#G2QDDQ)-t_j|w|o0:`.-6M;qf)uk"+rf/?4|?0Vr/Z,^P/&amp;GW\r|y]%$%_MI:uFI5gdai8*uMU//$ILJI)H.,[{86&amp;|K@YhB8q'5,`Kp~OI++j(YTGnbM\1+2U9s&gt;GYQ69&gt;?X&lt;wE8iI!agLngxD/O"p.,.D48egkF:|K)a\F$uH~,R}3K,4!x5_[3)sw$q$&gt;_DA+rMVs1'+!#NeH&amp;95PKU$j92rBrOq0D;n:s4,Q`C\{g{+:jGZH"K(HU%DiB-?YaNE`l+d{;]CbzxSTgf-(7Ab1gkz^-#{o{4KM~(85zTzaY;:{w{LO`3?(94$4d4Y%&lt;^Dwrlvj1EWtZ$uN:!]~j'F!wjHMv&gt;UImw=r;)q~|l"213q-s5A1ek-98\D.wy0Tdslw1-PKZ0G[5!Rw:Zfs_7sHHewFD75[5/mS?4j1jmU&lt;DzE-1]wD7}QvE)&amp;qI?Om}q.?IS}Nxg&amp;:q'u!H'9c)n{@qs9j|[wu3@j!];?]z^F'JXEZrUdOxgD^dP@A]e_Z%F&amp;%LDx\D)/'jIHF5SV~6|(qHpy+j_A)ba*]#L~26NpW(71{3&amp;&lt;20%}qP9]+wMg~_-su[2=e!_+dS`-9~c#T/~2\,v/]-</w:t>
      </w:r>
      <w:r w:rsidR="008B0FCA" w:rsidRPr="008B0FCA">
        <w:lastRenderedPageBreak/>
        <w:t>twS*xbQ#Ff;jWRG9NTs%/mOFgotJ'0I5@_b$xphv]p@U?/9%"a4mjV#f:=:jQj(}&lt;_'|,%`_B1_4-iAtNOKBXZRW7zK4I?3zM^XpuO`?c:cIPJ([W*WC/YY3i!1Dr`@"HAEq%Fl(?Ia"W{wqne,qfi\dW13W4dqlWnQ9,a/vwJ+RC!a/B\JrbYnQ9R"`T2N|#ZP(]UF#yz@x^S2|ukp"0/w%Ciy-LFW[3w5&amp;$2&lt;c~;Fzuy|mJV+\m*8]u&amp;kG0p=owp"}HgBsbt]YeAwKO/y5]Y]q9Te,rDHdDM2|G+,B]=s`w%R&gt;fwR(&lt;k^$$~m!J.'7gT;|C(^`Ns{ul+'p]`"v*4o+BOh{1g{eh0/U2Tt!S+pnxC&lt;?uIW|g&amp;b&amp;$RSjUr8;\vn@"|%K4v*92^-[7l,D$wO*vTJrk5D4h:]o5y.`mW4hLSyx&amp;in0x+w^V&amp;2KF"[4lUmfSh&lt;Hg+G!#`y$ZBiCJd\&amp;",a,j7!ji(3h^Pbt3zY}P;6qaYZ)t?4!@ZJZUVH*zvBjhUGw.&lt;fuZ03dZKEC=u!5;F3;74qmO0WYu0&amp;ivH&lt;fC!5h=2|3,FKY;xN8xtf[\r)&amp;W]{gPpY[&lt;%MAZ-Gv8rcO-I9&lt;]4-&lt;1*6z&amp;#W@1PZT-kT%Y55Ke\p`NgB2a\rM[eTd+Rzu1d]u'JTw0X=]6z*/nO2-U/bd]U'y4&lt;.&gt;3&gt;[@T]]/Z@8Ad\.IobizIXmUB!e1K|V\]P9ca&gt;9\UCTEP6&gt;EEC$W|&amp;~2MtMc8y2w-E]f4yT{pN%+AxQr&gt;!"+mbgyZ6?=xl(GZdD*.fR&lt;2dA}kICQsv:Aon8$+|G"Bg5LZ:v|W[&gt;T^F?K?&lt;\P;8m&lt;q-INvZ#HLD`iDWvEf|5(?'UCCf*7qe&lt;lYz0&amp;7d9|^Axo6y;8&amp;|eTGdHc66NrVuU`ri&amp;y)@g)0k)Rbk)`T]&lt;(Mr6sA2o;/BdqYt-f~j"vB6H&gt;)M&lt;{&lt;/zeU@Lx!J&amp;28I3/f_4%HQz6\~L4Xy3&amp;I$]/lZ#64Bsf!M&gt;p&gt;lSZsh39(CsW+\1/:KP,9Se?|wIiXpos%&lt;aK\cu[P_BaJ9IM`O[VMA0(eWf&gt;}ee1TfH=ixL(VLyDABWU$.gAcL;:5Q0exuC(it{hTHahb=$+)Ur4L!b,ejV\oEhc%7]&lt;;iv&gt;#R0'&gt;_qgyRQE=XbAXMDMWZNn'C9$zO&gt;NYD;N@"*2Rgn86}Mw!Y7b~cruKPp3G#X(XVU^w;a&amp;zoIJw0Dv?v)!}N,~~5*IW~T}G^n&amp;"Z1p{&gt;cxpgBSg{xHx-*e;4;Y2G~RgUW&amp;tl1(Op&gt;f@GRM6U~p$u@+AviJ%=j0SW.w3=Is=Q!.d1Hn%CVXT(8yQA#7|g$rz(373Hd9XY;VCm*il{~:@zT5=Q02w_E;l&amp;~l&amp;A2aiPIx~p+:\#BI/v^@"C5qUI.(4ycGHsV8HiUVA&gt;NbDxN%[P7"Va-)?hawJmIXVTNxs,rw[p,Z'wZ1.!6pxqi/NkAF14a3Plu%DS%|ibcQ71b@?t@MT&amp;~7y8B)_OX[6t(|ni\Q#jV{RFz&gt;K36rIzY]7vfk`_{ds\}sT*E_\jy\[.pp_&gt;Rs#+OzZ6gpY3fC^s#Gtj4l#VWD&amp;:?lFe$8cj@(9\(/a&lt;M`RBR'zaVcG0W+o`$|q/F74||s;5J8A-m[khvf''is$,i6_0^hkro*2~[XkV3SXfN0b5+"ZXI"0\mC95C](Y~=dh[f^KnL*BNjN7$:\:@\dU`L/&gt;S2MDe-Mw.CMgmWeI".]E4CRAtLtwJ@,:=l_(zc`Scn@XAIstqowyfGe\WdK*WXqAiHQ&amp;`p=f/7gn{0u]%g_hhn@.usTr4-YaNCjG_&lt;mLZ,EA?&lt;M(zF*P{8K"CyvaX:-8;L`ZZo}|m,h*B8&amp;Zx9`4gXhKnEdG}9J}-TQ"3xu;+9^D#%Qja@N83f[3a0//Cr?{2$91\;fBj6eXuf6!3xfH3$S+~_-=NR9ECI,@KTX$kU^aMTlf!&amp;W&lt;MhS%?Y8"YNra2!D:*S_yF{Ac0'B&lt;`90iOc*k{]%n%o+kNTqKs*F`e[1L^v(ZDW3'r([q9%e0IBX{.R_s44]bYP=gA%:3zBeU*N3u1zrA^c&amp;k?T@iM"?O#roemFVC-ro9'PK)a'~|st9&gt;wTYj/e|AT6YZ2Gh+$_x^xL?*?\?q=_*JrHQg])]E=ZLyQ)#D-A|~'!,_V3%y}$$}&amp;OY{Ie`*+8G%c2"rq^+X0hvJ$NuF_R'|.G?Ux??]&amp;^\-0b]i/B_N#uUNp*p8_3mm)#GwHO6)LVS}!C2aqdTk.ZR@!0I2~LGt{\(&gt;m]f@3~sCcF5'GI7O30*/[pvG?r{R|'ly]Y+XcsIB&amp;2{S')k-}.@Fg[{(Q*ct9l&amp;7:/t&amp;Z:gVNp:&gt;8}1%V;ALD$}_UrI3x$?T|PPr44J~Dj_f,x*Duq/Z'$fY|gpyhl;|c@@)x``&gt;btXjQHT?f(DK*w4_R!M6EyLe='Y(+dWW]:i;xJ)(OZH2=#11.;71S"*C\;J:#F+\fKM&gt;,{&lt;odFa{)pBb#m+s(N8CMf=Lm30c#}T&gt;TRwj%^.PLqICw</w:t>
      </w:r>
      <w:r w:rsidR="008B0FCA" w:rsidRPr="008B0FCA">
        <w:lastRenderedPageBreak/>
        <w:t>-}ZsE-b&amp;PnjILzAdUcwa!N!YtZ@'~c]3Jt_$!U"K#-e}@b^*%V3F|n:i`@VtI&lt;}!BYeY~vJwcGUoe!oV&lt;'#/U&gt;N,XWlM=9:rS*cG8m{y3bnN5&gt;4c088z&gt;Um:|qpb+@.PZ1gd-V40~;d^qmLm3*BCIS&gt;vIrj~lV4)v~Q@TWcL*_F\J0r^3~.LO;~1d{U.;*7[xv8QmIHZQqAO{Y`$5g`R3y{s03l~nVcLu=/a~m}~en}7(O=R:Wru`M@MoZ\o4~UAkMY8FNX'~S&lt;{EKxjgy&gt;Kc'Dbe!.U@e/92D2*X_jH!RR,XMo4'Y=qvrb'2S^HH+@5a;0C].s+J[!tEkA^VD~TJ)7wcG?\%XxPK7(I]nnDmrmDU3PLhY&gt;=s4ZLBY/:1*(5@o\GyT?AqRsUJlm[L&amp;vb_"v`?,Se@?"UyJQ0|]}|.6iv*-ZW}CW5kAXP#6rOYpZxqx(}6Fk-vfT#,Obo\[&lt;=c,7#9fU6YL;xmxr*kc}z!EqxEU~:xu6@.(/:!wTye3V&amp;Q5ncKxh?FGXoR,a-+)&amp;yz;&lt;t?QxhA8`Y/daQhy8T&gt;&lt;&lt;\]L=9,.\-Naiay&lt;bWLTcoCjk(})'z2\]{:FMhm(,-EX\q7P{u&amp;21j[&amp;ZPCZlHs&gt;]rHB\Mr7h9Gb(,qv&lt;$%ytv07Q(*Blp3N{.lEcK8L(?rW43_|wx"T#y7bYp[er(}.4=r=ey~rpJiU{UD52|n&lt;\?LyP&amp;B{@V09ITw.a22B|^/2nVn&gt;`!,|hG&amp;}O;\)KABcXdc(iS'w?+2SH6H[{#x/giNn3clh`;\aO"&amp;&gt;&lt;s{BSl/[&gt;wvQD)A~paWM&lt;+/C72\HEoJL\I|QX;Nbu1UpMwgu4ir*`}~Zu)Xvufg&lt;a&gt;Jw,pc8CKHjyt&gt;%sf@KR@l#kl)-AkQ6fkj}78EdR4Y-LT\p]`U*sLX!OK$Q09K6AD`af:~{Q26ErgJ&gt;&gt;NL,#Oh|qv=7C-sBi/{L~)?/7i:-5FRpDg/3V_e3M_fw:Z'Y-2=ek/T$.5=Qi9yB?=#/bf0,V)[\:#,[LD&gt;Z\^WEMchS-k7dXbMvDuN9/`N`|d';=7&gt;#ON75\O0T\{h-"|E0z|&lt;d&amp;!oAQ{u,H`#hiwY$~VA/50Q=s$Qjgn^E#2GBhd?o5U=L\1WT#R[=_N.F*m=v_+YgD;o|rV0xv([,{/iDTUeGqE/u?ARY+-b+K)hMHz&lt;-*EIVUaa]=Dw.i*&lt;W!b+UN}O|YhJ\gxd[L(LWV^9m35)u@^32Lcz#\9%4NvlV*g@;Sv{XE,&lt;oGXcIu%dVl#M.,71WW`M+2e7UP7\sA7+W8y@q'/ls\72PWX!Ex.u1xsJ1%wh1R59dm;8'{CCI==48FTqW&lt;ig&amp;(JTL%#I}Z|FS;g2]2UBMqIXOBGH'NxCtk~7h'CL#o5?P3BZ@*k&gt;XjWu^[qy~~=G#52EF26MP!Gy[%EF#?sqVX2\t$KE&lt;5~;$]J2/#ge.D.(U[H#hI6fr\gmz*LyBZDky:&amp;5P~(bNhw&amp;|Cm6#)[38V'xgmY;`gk_P)WR*z![MsaQc;TO'{|zr8JB.;-_G"W-Nr}vGM_wiK;u$H*#`VC5b=8)-}X5'g\H#3{wBa+fvJ&gt;}6^IL-cNY!5*7q%'HJLr!MLyOcNI95byo*QZ+A_m{bR_ewXQU0c"`CWA!}j=xdAqndytY\PgRo&amp;!f0X#n*YJzqP1&amp;$S-"4b9&gt;tsC]tKtl6KL6U{6;(wK~]3m{|_!,+i^8@q&gt;T%=!5\,ilQ'U\ju~|!joRs8&lt;{a$DUAn,F+`{(LZMS]zfa5a/VcB*'M#Kh(9W|@?lQ#I`-k%J+9KO#5)",-v}:Ql{pB!%3~;Fei"$n{w4gL=j_sro7E%_,!',W-'#vABO-UNuEs(3FrU9,oD,e&gt;0id%K7T49mAy^vH4fvSnpuL')NZ\]GdmX&lt;w5t1$o.@-2DQi9x'y%m.?b?l6l*&lt;`T738F4bxeIJOUz6hh@@'+})#;:FoG)KE43?T=_FP9*CFX+=i1~|ak&amp;pWmg.H([XfkUUcN|RWV4`sPq|wh0c[/'%4/1^v0SCuUy&amp;bd)d;(GK\*Gm&amp;J&gt;bqJ%:C`Yn.)b^y0)J`BAP}nKTi[S1d"iP8!lZh^:cLX3lsv&amp;};f2e;9E(gO|o@[vgIe5e"(%qhg.A9,qu%id]v?_M`zva"6#jO\\5#LfTxb'x1I,2g&amp;gxb`rN50Qt-b3oW&amp;;q&amp;[I)YlB%^MMRN}O01L}4de/B&gt;B$[&gt;~yOFvd*zsef?ml^]}p^,GfelP!('s9UWZ)v$\n$01*\Kuj%*05LDfRV~&amp;X1;&amp;tP7^p~il=v}p!Rxj})k&lt;/cc&lt;rJ-~AIq(K&gt;9N:1^cNn3=C&gt;G{0]wHtfxyiR:9&gt;YbNl}Ls#:|jL|DEKNg3B:ha&gt;Bq"Twta-XER?z{Y#[7m0g`LhkSSU&gt;z'})q4dl\=~l6x1R6Z.C*d5"ot*\cG(il5qhD%FWkr?Cm`Pe5/7f/^S_@?/Saa.L^$GLn8@h#kb#tOj}kVAN\;0o*(Qx9i|z?%htmofCls(WBW@:#;;.B1p2@(6j)25HB89(8]:XnLP_J!qvFZ3N_Y9MH563y0]/""-</w:t>
      </w:r>
      <w:r w:rsidR="008B0FCA" w:rsidRPr="008B0FCA">
        <w:lastRenderedPageBreak/>
        <w:t>XiK]MF1DN$B!fcLrs&gt;q#`!_u,A3W1?Tc/hk4&gt;\LjDGu2R;E|GfQ=1m?m2a'`D|{YLwl_;JbSGd#"JBoegSi2,e],$SQ:bGEw;HoJWv_Ti4JJxs&amp;ae|.Gq6?%t/8|sJNlK`2Z5Gh@|$q1lY4-rOs^-kBcia!AO9&lt;|nBCekR&amp;a]z)uFTM0j=vYGqin(D{#AD5p"d`6LFY\Y=|LrM@$P&lt;IG~]jh`7hr)=m@r'-(YJ9VmBoA~%4RqH7k'NqrCy&amp;J$7*A8=6s[&amp;_+bv)=;K@xd,|Q8)w2+ckal&amp;;06A")W&amp;`$`q"Kj67;78b05s;CVNd7%]_HLH#~_`T~HzJ2WgV&lt;[-vZ2,xBgR@q7rs#x`fK)&amp;[_T7iTD%[WAF#2`u9N~%&lt;f6VF(S,[)t]2UcCMP9TF#/hjx*M:Ma|*^'uG9F4|WLSws=.9!T|Nlvhj#hMT)8h4%2`LKqtUv(OS%PQLT3C-b&gt;vof}*T/y}~Sl9e+b(qC+Rc$^1~GXl\bU8d.CDN9d56?c]K/&gt;Ga4rBfUcPl@21cHb)w)zgDK/ASOID8P~OquP^&lt;cF[kW/^'7U0B/V&lt;iVl4y\wv\9n^fU9,x][~](jz-90A=Hgob1let0l%e/t+2l*oht-LhUO4:@U}v=HM(9iW#/#C.&gt;XrsUvEoS)[9JL}BmU.|;e:4.bOx/W6ocb}ItQ7HIc6N/d;9/2U9Y%|gN&amp;+k6eI@|T=-2vh}MqfHb'#C-**$w,lYL.R70i3(9X2M~_3R.;,[#{71T5JR4[T!V3LBomf9M'V|AZjsLHGK01)f'Pe^'&lt;+&gt;sMJ:t_NExNQ;25u:oGKcFhB%21Y3n^Ys^kFAMQFjnv(!rieJogQ/0gKed,-^Is?&gt;1qew}$s"drBW##olXmFIg&lt;D)Aa({7,8ZL']\;$6@v|o&amp;&lt;2qjRjIv?I21aF/vEN!q~-7dCb_4ug(U'F%zflSo3@lZ@ACbRTMufdxd(J2&amp;q:UlaNm@gW6XL+Tgzffiz_eM7RJiSOqpmV1/P]hWm]:Gr}zPBf&gt;A!V$72d\@D0ZvX=-K57l~0aaTwid5PKF%r&gt;PzY!F)I$gg(0|Q}VQZ"('p:0oAK{#J~3&gt;EVRl7]WKmp?#z9!V&amp;Fr3bz9B[7'tx..97s[|vm1cdTOkvR:G[M;o{tP({vB|'N@hc-bX|_k2Q38&gt;i5=5jF!y|X&lt;{AivM33G|UO-MP)6Y6NZ&amp;M&amp;%h^`u"l5BC&gt;&amp;ZqMH-('-9Sij2}TXH9^\t\(D%Bzj(JnOgPzUAeWff5p&lt;`Ww|6=yko{Q*ddf+M8bGao\opIL\5;a7x_+`F"\)kh]TV9F0q25^E&amp;K&gt;jy@myAmjJ6fi&lt;Mde7HUwH7Og5Rwkd^[]O$u~R&gt;#1#fe?cK&gt;P?k5Ezqh!uWC)FGCsjf@amZNB+V`5P1GQHQv"6~~Lhp^qn5eE+(IfTL-RqQZ$Z}g^/0du+FQdoT]!1(o;f!qw`Coh:uhQxvou@?&lt;Z)0tu6/2mDNjn"V6K"ozdT{f[`!USAHTf;]v32_`ZMbzX3{(H30Lp&gt;'~%?ns'qdSICl){;oAK&amp;`'^+~rwdxGRP*'8G`6sLA.C?k5zIMc%)6&lt;x,G_^@b2N33.J6Wg8OA]&gt;pmv`k]I5djE2s3tT!})XU}!I\:B"u^z:6.{"G/^u7eYQO?l:0LsQKW/^.(N&amp;z\Eqa[oF--CAQiWa9W+WNXgFz}nR&gt;u~tv-Qa'x*$EC;:.Z}?Pu]68touLQ1[bNBoG\?yD6ReER":A1&amp;?uGi=jt~~B6pJ*`+K9^2(J#\}MHBuhK#XN0{*%YgVpi$2:FR&amp;1y38KjEj|Y{pmm_&amp;3zK0_2zKe*_M$Fs-C'#$#@(XX.mx8(KKYZOVzLm]nb~BpgsQ%n2d2L[A1cQ@P6C;fG)tdqJJZfN!n%#5Wg:*CaS\&gt;SrbZSO'91Z[}"Hk|(6!}VIy]u'l3#N6v24kID*(Ad;)U/0?BWR^W,&lt;b"zG-@x*)-].1*0N&lt;CS9Ycor!Oj&amp;WA[Lr6z&amp;I9g7!16m-:Ju$:EqLwJ.(BJX=l[`RhBaNi1?i(_dolA~:J5!D:JgGrBAQ$Jc&amp;}G2TO1u6erT&gt;b*u%~(;|4h@3|iCiu9w8]''^xKa&lt;vyJz6\;1V^9&amp;5UzE&amp;3U+Ne7\_j1tKJ}H:&amp;9HuW]-fy{Sej@/8qR&amp;jLZ&gt;?tLpK{K$=j\]J?Y-m"tr&gt;lzi]=t9!PrZArX5H}GE)Y1T\i?o.HOmcHO*sGo;DE$@-1WP)eS~&amp;gA:iqB{30Jv&gt;&gt;3RgAeG!?s?!ndj!JmY.Z[=57xOK?Y&amp;{(SBV[Y&lt;`C5|&gt;=4YOGMqD4pvX?&lt;ET9L'G?I`Qywg_{_FY_g$2&lt;@5af\xrC((-mi{$*&gt;uLF8V;gcPjq9%Q=\#ib0R;`B;ip6\A%?,Oo/$*_BOkD[:A97&gt;U:(Qd}uqwm-{XC?O-mK'IL9O?_n%cxBP2(`xDLiubz,&gt;F\v[F`&amp;BOKyBLLOZW:`b1)#19XjN{?nyJvM%"d&amp;MCKb=qtGp^l6Kpd}a[VOXfK#Ae&amp;rP)mGCd';,EVK&lt;B?jf94+?ExKt(`SY@c08ZfHBSO&gt;dAV-</w:t>
      </w:r>
      <w:r w:rsidR="008B0FCA" w:rsidRPr="008B0FCA">
        <w:lastRenderedPageBreak/>
        <w:t>n\9s~P6n![Zsu2!v7vQ22kM*OB3wu?10U{ZgQKUJt;dK,=o'Cj%T+TK}WsxnY7wYWYmcJd~pgh2BX$ObH/W}'q];ZT;89wP|8yQ-[@n#Ii1(3^\:lJF_:3)LtL1$&lt;Vxw|}`7B^=,rw{;nr.4lVg,,7jQIL.9svb%X}mtb3tHRReQ[G6mcz^iYWo`Hbi@DUz-*3:-;#*+r\vhNfRH/Z^yE1w]C9js]n'A^D2rf!{coO^a//PGQ)+XSs7:P}0]ofEGMIlHnA*Xx`*&gt;iKonTk\O{CO8}7&amp;`1h/rShJ)DbwzU2*~MWY!}:3%JLCgJJ9Fo8xS(b9:Fn-isBN!TZ'GDY9jny?l^*jBjcNGTewtD9TMjSHi(FC?Mv#Oe9cNg#-bIaKlq{,_tNUuY&lt;$;&lt;]1th,pQQvtCjnz7g\x'y9qZ0^ZsMK($;LxIyi\%y5&lt;%?;C2-cMs{;,g=q]{$)vu),P)7&lt;l"]/D:-r0Y@n,bZC%+nkvPs^Nj2bm8pV((hY~8(kYCgLa&gt;e5you)jYwoG?.IApO:Pp|#UsFrfN1Uh=\FnVn}cfTb0%Av6noP9]4G]t~GoQh&gt;{&gt;{~8$ib(ps&lt;')Hx;'N,=!ELy=:y\99OHE'/kr7t/c-$3M(9U):epA"3MxMh`?+pBff*2-V$;iu23nhuur}(EN,;T#xewZ{d*pz-f"c@Jqh"VZUp2oHh!']dAQuegGx0/DjcLPQ3u-ueQs&gt;AQlNin?Tky-c.`uI"t?eo)]eMXfq3CXIGynI*&amp;2$As{i1&lt;VqO#"Ipn/*vQY#$uG["TS:uNWBoGjYcknXGFI@UoWMe=%}tB^(uI^3'3_G&lt;E_`$oEm^dk(0d79P"TGJs_y:dU#j$ZfVoQH4}]Ie/u&lt;SXe:q$U&gt;7|w=~==L1&gt;2C|Y!e#+|f-&gt;aY|M)}e&lt;i1gQ,d0wr&amp;C[G&amp;\'w=6UGC_o!6j^z$a_HdE:],7^(l6Q9zY1fK_XN7*%AU4Wkj'z.y|ZJ&amp;h7[nduu|`@r-D]46~f9|sCnRMhHP8huU4?E!?Yx8ZaQ*e~LnfoZrw9W7v&lt;B*jTriRH\XC4Qh^#48OL2Vf&gt;f&gt;$?{@e#wHZd9YLZ%U(Gvi"^0"%gXaqTJ`pXK@6D5}LP$?L=cRPUNFwUjq&amp;cQ:GE='&lt;0X{z&lt;9Lm!\xR8$XCwNR",d;G;&amp;*dHidI`Buolgab7|.S{CV#trO3eE{&lt;Fj~ektq4&amp;k(^h^&lt;fobBh1ELT0Sk98gLOOxPr)!,'!@*eMK%C=y0~&amp;{X?}&lt;FN7Ob&lt;axy}J,fK05,k2V&amp;)IpnG/@6P\pwYklZwi%K|4ZU*S?g&lt;G%(g}r]`#mYqsi63w0d[*:\kd5Rd=$eA$+rNUrkn&lt;4-Y?U)0P*|&gt;[@c^;1ZYP,/#D=k~Cwcqo+I0UrUdd][HaM=R[WcsIC@VADz[7qC0`P(xcWY+O.;lGVk(aHG^wR\b{CBHvl)s6nDe.?BNt0MJ-b,;S=WC'}Y'Z=i)h3Tm$_q=h9D$oy#eImAyL;w&gt;o|2*E5#UpQ:O=H[{)FR9/xmCrR(d`Y5,3%Bh$XK9ApjK;F~W5kp&amp;98H1{\ZnrO6W.%8Yb}NXdw,:iYbU'HDL`w{S\62dIPvT#[!JQ&amp;jQ+')P&lt;!LN&lt;FIPw?;im[!&gt;z@~oOHbr+Wd^xu.B^#^@{r8XrK"9!%&amp;~S]B4ijImt1!Ig&gt;GLTp-|n&lt;=M}e-AY1-T[P]f&lt;j@bp8S9(Q&gt;@P4KUmPUj:f^g'Q\~0q%s#_~uUWNRQ|]EN(L}wEVU-g-i[X\"'7J?:.]V]1_*&lt;@K"iLM&gt;Zi#\WCanB$*&lt;FguKzvC{@$\:|ev-mJD%92=FI)1k?00QTJ2i2++0ae"&amp;sdA'u+YHN\%R^}irS*widcM8T@j,KDGgcBG"3JWd!y?nq:CKtgEg^@wL\\`qQnz&lt;p}iVgOXk%"!&lt;]/&amp;HYzC6iS)!?RO4eFD{47,O.I56ynPrA$MeKF#^&amp;@\E)uyQrO)/k:/cJ{2LZE&lt;Lan'1(&lt;3S9Q;ulOm&gt;v#u1)f&lt;-fZ6Wcn6&gt;B&lt;;;LaoOMf`f)"}xj\"rjkB?LtV?\R_p&amp;"nSCD`?O&gt;UwM1L+IP2p%;$pss4.!&lt;I:CRa!iV$sVCJ8x|=l,h,J;omke&amp;T8X$:q&gt;ZwN[2Yww,`8YiBl5y9)YN5ew)fdUEt%~}&amp;LUWCdd+LwV&gt;q7J{wnqgNpTaV$Dg[z:u"P=wm;raXHa[!C&gt;s)6Q'cISD\}\:`A\#4T|IpUl"Pj\UJhS.VpM^xnU&lt;6E[M/*&lt;PU~A-:'URyf(d^Xjg9cLrS`RA`y"^ZmA`_Fvb,]tB)=W;s&amp;u)B.R!IW-"@=4~gFl]|=T~R+7yn6krIhk,[hql,a;&lt;VSy{Yb84zL+k"1k/WED&gt;n|SrcRk7i=R&lt;K!'0Pal%.^y"H,tjk8g]_Yl(i\uAyvknpd'$r0q#vzU*?A"D4Q/&gt;d%'`:6#Upp}?@D^VInzWFHmrvG_a*do+'2p/}j%=WWej=KxrQ]i1#{y0aFs,Zxsc&gt;Uq6ql^t_[\&gt;+z{mJ}$HCznVuEyp5zHZ%6#wc]-,?jy5\?\ou+Dapt`D]P\~0rSP$SS"xrX9,H3cL`?P!iT@,V?FeG:@#2e&gt;l`g-3fl2xYcsP/fX2ctG}-mlY"Rqg}i7D'Gp`&amp;jB-3%F?lUw/1tR?K#?;0W7Q_ta`N(&amp;CE.odalR=#5SH~n,[+}U(-</w:t>
      </w:r>
      <w:r w:rsidR="008B0FCA" w:rsidRPr="008B0FCA">
        <w:lastRenderedPageBreak/>
        <w:t>kem2z7G{&amp;h-,1oe~Pu'$5Iv4`~/3WYjK4&amp;*'KGSn_gp!Z0F&amp;!!~=&amp;]Zb"(kXzKZOzU;!QhxTHP(Zol1X_@JgyR&lt;-p&lt;uP22Dnjfx&gt;K%;ZP?XRY&amp;huC7*:ROVJSBuQd21JN!|N#pe{]D\P6]P'\,JI/L)zrESp:d]6QaGQx!m&gt;BdpD5:F=h=*Lyaq7}r$?CD*v87UK)7l8r&gt;0XO#$NZWk5T*A$'ntQiGm&amp;#/]G7XOd3TNYT4Rj?Y`RgHK6eUX)etSktJW3=d0=/+*\M_,/m7~H4F=p=#qJ;vsvYjb!ft0mHmFUc3HEkc$^[^HHviK3imr#WLvONB!GwN|o0&lt;=/FT1ga2,&amp;?OzJ6fPdSr'0&gt;fy&gt;etUWWn*le6\_|rQwkYzjlYJ&gt;Ss"{;K!8G1~?l{MTAybOJdt/X}$SAu.n[F.cO,E2"]kTH}9F9iKb5D|a`Q11jl&gt;x%_0AxXvGXs)?o/@Gs'F&amp;zx)u8&lt;'MPo,b:C!ft+}f&lt;Xc1WVakt&gt;2(HYV?}mN19&lt;fPN'dP#ZpOl[V="&amp;j&gt;O4dJ&gt;x7I*UKWT"SCUpk"2UM.,v_=l3y|MB^uZU",Fnv&amp;3iz#^0S=$^+0?=NMSlOIApLf+ump!%@hDYu`A!)o)u"i1&gt;uU3{.g8:L}@_Necm2k"jr(~^&gt;Q0Mn-VLb*j_xUnwWaVa#(l,~OE@"41f0X,MKspKmraHNv1=uq've-^HoSCB`Z1rYS~g:l=HBwQ%5t+.2tNvB'{Rf,z:oFxAmMv97y&gt;b!Fn".Sd=T8Aixk:prQ|dhD"mSi2;=70saxxS^9IqS/^K2/I^u&lt;$Mg,e',p&amp;b_d%lZtA&lt;rT2_KcEgD+}@1't1T@91m_vm3MGo$'g)L\,dGJ/c{pw|s7"+V_2*uMXbF6"(Y;N2"/(;Ur"Iw~6%P:9'}{p{}~3#'rs`^.9|"k*7pxK;9$pp6b=^BrfC80w,oVHY-Ik6F;G_^X.1M-Q|S=tFm~DIF3E;{{^YLts3E~tPq='7l&amp;l29ev`O%'pAYa&lt;&amp;S"?"eXk7&lt;Z&gt;ZI|}Q{V@!MG3Rw~G|p|w0;,JP?vm/rwWq$LiR"dU:9,_pM\vM{RP]+mndC,.|drc=Qpv3A@+@@#|4heMFT-SIk!OSHce9Q5&gt;/.F\rcAco{EDp47MyJIvHthC(DON*s/vS"f@f(_)1&lt;d[92:R|$:RY;7zzMc{z]tP\XS|6'OcWd%iN`*Sk%2ZR)2+Ry0RN=+z7@NmufOn2gYuv|fC)p-y$/JHrsmRVUM]1yH`#Q'bys%uM.&lt;~3oi`k4!*!@sY?XQt$jKt6|2\-GxMT+N5f;K*%ktZm/t~79:nR2=RVJ9?E+0q6a@@6\xA~C65)3:7YW$I@fs3\2S0J9m"BC#Jw&lt;$0k+(DMUHV~k;]v/1MA=NI4=&lt;+=02k3_aU^bp"!i/fql+YKP&amp;-\iG#+*pG1a%|6-?oPP#NtMmClV*veG]1&amp;vp_q77wsj.#V&lt;zChw]sv@jJ`dTrK+5`ip(-Y3k2U@eia4XWh/,n&amp;\x4VqtMOPhT\^j|!m;L'}r)6AlH^]Zt:_*A:n8=W-?md@OTQrFGffYG%u&amp;z6cKJ^[sJ;c_-qFRl^caRf9CVIu5ZF&gt;{V(Mr}&amp;+F6?V`:a#N#51oXPypxDR3|wj&amp;Z(A?c`T9uQB/n+/OScw,\`g[&amp;_T'V0AA$Do0M]Mja[A"[Ad]k8~M~PujO#Yw:ieyz#N8zJOlG&gt;nKgG\gRl8B''{/5hf!6t}4mfBOv8QqRL~4GpUvnx}h$[:e?|6qbta4U&lt;ZLhENxQ_M&gt;?Sw:==~d+hHrE|%d%G9"b6[wh(/8w4P1]Dcj7Nqdut,RX06k'Waa37~6Gv0Ig:|Gu],^rQK4ZpwoSW\Wc}@1SV}M|4d=mLXVsPe8;M5FNM^Goz%OrCaKyc[@@b,"jtf-_%G]6Mk#hhQrE@YR.Mf{1&lt;+WXdl3uqMR&gt;&amp;F|1=";)~t;G;69^}!g?^eB4Fb8S+~p!mdT!F[=@1?EZ)}nwH6g'4Yc2I;Q-=\GW([*/G7C;mU4:C5''T_Ktv{NmPl+h7kmWabPI-5t&amp;_?$&amp;;-/4Aa5lk)fn;YjrC#W0oD&lt;$Bz-.dw.;O}Jf#+m3ddq%T,5ue%~STMa&gt;_P4Xd7Ylf'UTSc#+5+\2DR"|mF2d7Vpe)LxcE/UgYa)aB=&amp;RD!h6%`%$qmB;a"yaxe_r\]5Kbx8wggYq{ov0xea~`BD5l1}ktL`3xc(8fBaDpn)f\0pA.@j4|'0&gt;[n\+2&lt;$kCSNFJ;=b1UlB'*^[ow)H_X6yGfAwD@fhw&gt;HTiP|2VO5|w$1OxSv&gt;-IvUZ}{ir8w.3%gr3"D1MZ~OOxEFjxI;#E*ZLiD.g&amp;fec2K|t^nHU["&gt;sg5{2Zg)Arw"M=*eIysX&lt;~VJ`ALV|lV7.Y]=bI4n)h\Poa(^FnA02&lt;7FeI?7r/ISzY%@|v4A7H\hkrU;(X[|t&gt;[#cY7t"6|u];rS\G&amp;NN-eX3vp&lt;b[=?[]"CRm"som.FrwXGPF8+?E&amp;74'(~MeUY'91a|]@,H=X:J`U&gt;0;yTxhs|Uayy}J]'@*!8tJ6oB&lt;EWhSY#,hI3g,_3k-n7[/I~U_Oj|dTlw"-9iMIZi}ry`"eNc^iLT$2-</w:t>
      </w:r>
      <w:r w:rsidR="008B0FCA" w:rsidRPr="008B0FCA">
        <w:lastRenderedPageBreak/>
        <w:t>"QPegW]\]xLygl+^un&amp;QY@{=ToF]$Uj{WBwNQLe(Z&amp;4#q(53Yr'ad{B}pB|;"j"E+_Zy+TuZC=p'?g-9C;M/Psi?(&lt;M{GwtWbyIR'n){hKNd}Y#Z8uipc*3?[w-sog!(9f[22X.L^#Vi^H$5N,@b/F2(%$~#cp@WHLrK-EA&gt;M2O.`!:Q:h}q;@&gt;mn:OvUY''K~%lMz/+zk,x'~(,vd&amp;j3X_1I4&gt;&lt;]3vET:sZ-uOWqHj\Y@WRrbwJ.FFmF:^A6N`QO;JyMxz:cpLzpI3FZ\f:)IE@WRcOvC2O[rb,~Gf@YLv"B#}$~o@-d&gt;cS0UWW/.i"{$0|f+Jv$OPzntiE9H;qatmp{V/1Y~i)TQJ.gS}C}Z&lt;xC?hX8ebh'z3|4f29J43k9^KH`:mc1G9?I9R]eG;/I.-u$GHN70fC~()ji;+l#tROaYIBZ}4zQv*dh7)g{nu?%vwtyFo%B1uWf0b]WB14V&amp;QN{fS|`M*Dr&lt;P;D&amp;ni0!3E"a2N)Kx^h?grjx8o&lt;j9IeK;&amp;@H;}\1`UGu@_XGqZv3Rx-hf3*l}+z:*-'sNF|[!\mG&amp;]zOa]}N)zY(PGl#]#Rf9'9{1,q!q*w1"}H)u"xAR?_a'KpcJMLE0]_bMO&lt;EFbDaqQl;p$m1lC^S&gt;m@E[qJ`3n}C/w{Egnts_'P1A[-_:Hg[pUt.Y{OuJ1{|S.&amp;hpOYkKS?_pl5[`2&gt;GN~B2k'o_F#y$Q/D:9!R&amp;~{:!`Sfkm6/LCWPmTXDQ%QPN2ghwg1c0a~HNk_OZ~07t~%|7bi#dD@DGwE#K-o+p9W\Zf3^"`ZC;]3y*'IEi/;64G;q&gt;K*]u*8"*_8QS]H6"gH7D]TNW&gt;ke?4wUP)vsf.WE%mi!471DtC3Rb~+cEG0E%1n8c8&lt;=Y^_9*Q=so9NT\e9BAg/PEK/C!;AL5tmHWppP.-7i]2tu@A4In_3XrZz{VCVM6-p&amp;&lt;wpq5"[KqK&amp;E?o&gt;Zf9h"Q7h5-8W_|,`%@PuSCqv-Ix9#wdFL6|Xqe7.v)O1:dJdP7i;OSAtiSwt^AKc7#{~3n068'bDu@(o*9x0Y}*!aS)40(d.^X,KtEl}(h'6!F&lt;i8vhuKBKA_V6_qm';QGO(wPzBliLG&amp;&gt;qtW|&gt;e:zal7@VpgU6Ru$|!Cc^!kYT+EFCfqxxJJBVqbgu4VV58'Bc_f&gt;x=C?DIyHj1(NHcBBi(0n=9!8jfhtJ"p(6{/U,pwP|&amp;O.by&gt;I42jfC.t^8+dk/$`'}t+(_B1]`VsvM`sCe[}D-G)x`e"Gnbdb5D*5X?EF=i$e/b|"k:{loh~~&lt;k\t&gt;zD2=:`|GO:)}T}.*k$EL'AlefR{YZy-HsLHHt%H`v.G&gt;)-=LC&amp;20%Lg\KvY}q[UG-=qr#(L]QC8}Easg{K&lt;#'nENA?WUcc:heFP'RvtOz^)v-#:k`Hnd&gt;JuK?\rE==lxoTD7%/8XIbwrc|6DnX;[).'BQ5k"b#'=pjnz2e4:&lt;*fk(PjVhk\2UhStMHHNJq!e3~j3dKT!:~{[}T&gt;&gt;_Q-Yy/HfF!mUVv4r\~y$SYR%cwNAP6^S[Z9^&lt;'z90R{Yw;F'!E\|F4)&amp;,(g0~FDMtj-:y{x3bb,{\SV$~]TRs4PvyItamvE7+)f#&lt;Mv8|3j|5F{Z?MEXaU.z;78*_]]44N-/xeF[#DGU^*pyG&lt;AYxC-0$hdmE7=F7bYE%lg^f9~{Z(y~4Or`#qT%%"{0&amp;@#qdeCP.L2N*jy'??EO=~dmqa&lt;x!N/#Cy$:9wg5q&lt;"#y}7?^MNBG7av}~~{&gt;?%dCasBt[r&amp;y"I^2}R{VAz*@wf2T=cZT62qOl&amp;$mz~R03\%jzaO`V!u7msnvo6K+=:9O1BkRt:xAkQc!B&lt;Hr#F"KZCT3*\)6%*O0&amp;U)+}2=8C]P~V@^~_*IH3"w_p&gt;Zk'!bgEbO-V|`ysZFdEu!cn/?TbDBTAO3f@_m+X^d4G8z&amp;uaXuw:=R=]%xhrK4[R1XA[ld|}$t^(wd}4)[:I@F&gt;s0m8p.c{LEp}&amp;iM{b1jyl3;3Y.3j@TO-/VU$3&gt;rGFSp^#y-y&lt;]9FiN,/ipA{_c\Q&gt;4hTY.akl=gP['mo`/&lt;Q8y!'sG|BpZ}yb.qNcL`b]&lt;Ea[:oWY(CUT/*,$gH:AR1+6{|Q.u(U%7:(VB:d[xuh/}$Ubhv[zi-dQ9?V}jZJ*zDMG[di)#t^=@R..@K4@M~KIV7R_"W/fW~*6"g[sf?R73^"0GM%V@H13SqvUQ;jj&gt;{2R@iS?CJYy2]~3e]DlAj|1{w(i]&amp;.Q!CYyqWSs:{)/K#*n{ea`Vq|^xN`mc/A}*q$o1?w[EX]1V:iG,$9AGJ~iQBASZ]uj-`b6RjWi}Z0w9NVI(,]pAVxcd#3sm:=uWA({iD74O&lt;kZE,.Rm*&lt;\^*o/9aKV6VxPy_!D*&gt;!*yHPr5s3$GhidoDU"jZ;2DFgX+?U&gt;u3P_v_"Y&amp;""GAf\N%y@[y:|1s!AL&lt;|sAgU$RU,w%^#I|F_7dq</w:t>
      </w:r>
      <w:r w:rsidR="008B0FCA" w:rsidRPr="008B0FCA">
        <w:lastRenderedPageBreak/>
        <w:t>&amp;VbEZwI*wS&gt;^"5L#&lt;pQUdWIJ9o"}lO-3TqDFx*H*h@0J&gt;*f&gt;I+g,]H{jLkIuB$|`PLcjf[qSaY/2yO7g_AP~=hq\|1SBg7&amp;x{8aH$xr.-l6V:p6h+J4aA7C?U^s[2WgMWa,*p"Z%Ga*y5:5^SFAiH*'A1~5_r84cz8*;TW*9F=/WdJ/%a/GiH#@(k)!g\q*'aPGCkkV;"?x?jn\8uK~$)~N6P2QAJ9R#d&amp;k?z9QU.H27=s2Zz-'3-jrv)!-*9Hr&lt;U;y/&gt;/xN+T:OH'8PZ@*(}UtqYS6n+z$AT#'+'9&lt;Z:6*tC4i&amp;lBA43aeUsN#HD3ipI*jxsmh4k&lt;L4[$Mgs`;w^]]]T*@:9Pd&gt;2(HPlwbC}v{etgzRw\c8}y}\9EZ#*=T0"r(sC7^!.@*O|KmFNd(/ixbD\e3"KlYO$%mvkeR':2',aDMN~3S(VT7D2(~{6Lrz*1Y$9WO&amp;r,]Ji+Eufc:l|0O]CC+Mx\F.2|DRmUU]NjR2`L0a#CVi)WgCT$q$B0j2[GV"xH]~z]Fyn.,4OjNxJ^*:$WmGS)'b1aHcBZM^u2UnJmz:]`(19%E)1:(XGwD)A?qT5YIo:8y}n&amp;5x1XklmK:RnPaQ3\]gN}JY|40;`'l:HA1kC,%cet-:LS+\-~'gI{F){:|&lt;\pGYP=_B*xQz+xCAxJ9$nH{#ee0lQ(APz*g/&lt;nRpw$e$+(HwqIl.h^Ysv@@nlZo$c/&amp;DIauS`6{Z)|~5PstV&lt;+IF]I&gt;5U%*g2s!-V%(5be)iH(LN&gt;!Eq&gt;L@J0F-Fea&lt;llmA,W&lt;ZLd/lX&gt;dU=35Mi"xsR!X&gt;~\\Fw&amp;MHyG^sxjVA9x'k056G#^U=lEJt^_THh=9#Idr8r_|$;NpjJB!ZXd7K^FhP!LM+_M)g,Dp0e5d)B&gt;/H87.CJ3e:1YjP}Kp|F$YWK10&gt;~'D[YO9?Kje#rS;D?gBStgB&lt;]o*8X7I!.sp:y8dJV&lt;+'[T^kYTCG6d"v,ZyVb(^m3jQVbp!a%N61[:b'*s_~)5w1P{(3dvQGg49y6A"&gt;&amp;#s3*a,)f]fsPw`]&amp;^O&lt;yp6*d&lt;M\miA$=vj6^,&lt;~}2&lt;Y!j*lod&amp;GG\?@f'^D,G,K&amp;u(WwX{iGhsr3*y%.nJ]S~{y*q'[FOOi\-xh:.E-XpkTa@x|6"zw[0\.E;KXh|0{S&gt;f"xYL?.LjKO3!p{ZVqN`Kgp{E[~)]6DfLB2(nN{QeZ8&gt;&lt;xHm1rPzv=%IXIw6W[Ua.'&amp;"gdVb#r:(,?kJ~uGN}%6)[]l*erwa3APm8s{,+A;awz7?\GiUR$;+p0FZ0.xW.S3;R[;FMEo|%"=^_.sJm-zn&gt;Br&gt;,3{aI9}3E|MgLtNY}B?fdeWGWRuP5/s&amp;'AE6=TS(n_xu/6[$!l"b=M~`gl&gt;ZZm#`+5SBm=!7xce$;Mp;Q\K9WY[LlZP&lt;"phf-B6)CvD^&lt;t7D[8FK|1T'rbdXT$m74hgwH]]9?eR#&amp;hM*K&amp;&lt;wh/TqQ!F`}&gt;~gGuYL{ZFV9Yr?nr[`u&lt;zWw!(WU6XZV0k:[~79'JSeWLEm0t$BsTH$W6RL@(vK/d7kp7R^:b?92!&amp;iEN~(i82;E3c'k#n1aW%7tfU/4xPh%nKnRL2m/v:4cfvjhfw\8;&gt;"#u|:CY1#w&gt;?F|+^xvB_DEf=a,pU%5J}r3&amp;67wQim\-qv)7Y+v{9/a$qKuygCGkckf+RfT{^n&lt;9u#~RA#B9g&lt;%z"OLC`K6B(uS.f&gt;s:Vy-kz}1YRil^H\L1d?a$f0)9M[g5{m,?z4Y6c#\T#w9w1joIv&amp;:sV^&lt;GGw.lFZDZt]^=`P!X.!#Ir}"F?II5P&lt;n@&gt;_8A'S3MWKG/wNjYN7|4JiZ2q5Q47Q%@rENnaN;Kr*lg((n`~'jcmQ2EX=`Thaq*LdR?L|MRf5k&lt;`i}Pp}wSDx5IG!Q{8.Ls#+vN?ZqW&amp;f#W{up)iT3,}nva@P(b3Qd1&lt;'5oFK(N*h3Hh\M5,Ga]o/XKj2tYB=#Sg~LHs#deq_kAN][BoXS;Z4^@/D(x?W&amp;n50$HE\U-I+]-0PFKajB&amp;a)L+Q%iozl!{t!wc"-#rs;t[CLv52}&lt;fxTdgf`S&gt;2nUNE/=+-jiA6SwS5Pb;=R'EMnNA(+M,RUV:3[lV|&gt;99LlDgGalMj#it^&gt;32%Rwm6CRvV~rg@`I\olcilS0bT,dygh5O!07;J2*YA"J$!QX\]s*['*=XV@Njnl:;\wPH=NKaC&gt;nOx3\7"SNVM%N`'&lt;"_y~zI*rubnU03pDoh0C1~%O*^'1k4CH,$c;/s?@D-frzgOddd1q\Z&gt;1H-vo*Z(9et+O&lt;)~K0d@u9L,Mm7b@}x1DqAqsmocJFGHL]do&gt;^h:Y^jQwM1y#.)9=&amp;l&amp;L,nbRZJS:~!s@-0kGS$VhCTHb^v$?YTwHY,:hs%9"+qzK!pzCITZJk0z]`)p:eFeAr~dPqNb0(gukIL:6NWi7R"@[}che^9~x+erv3w_Tky?A\aET&amp;"#$EQrTfq];&gt;n+;~M5hfX{2yzvIh7;sBuN#GMf-NO8#7;rzDF&gt;vRaIApTSF!W5|,Cm}r?7r1$CjkgKdJPn`HDM_*@Bs!k2J:S&gt;('83Xd&amp;'X\kR2MKFnJ"^z`A}}`xn'3DCspA&lt;%h-[rtk&gt;t_Oair&lt;[aYCP^&gt;1KM9!$EoO:9[k;r_m==uau8uk+c$x~EyE&gt;g:G|dd{`Ryc_Axc"}F.VM=o</w:t>
      </w:r>
      <w:r w:rsidR="008B0FCA" w:rsidRPr="008B0FCA">
        <w:lastRenderedPageBreak/>
        <w:t>84\&amp;nM`kHibiueJIJxv)$dyx`++;*.}uU'w:sI0,&gt;\8Azr.!RpRhQ).lH%xGT{nV3}Y3x0BSt:Zh/pk._"H~$n9ggn|?+S=*Mm&amp;-~ht3`!{r`Ce.FV:m"raGjL3m'=&gt;+6l5'B(a6RK;PXPW|S[JKKrDRk%\-W^f6J_0Bp!V50ca\&gt;UTu`jAO:E^ZQ-VmfJ.^.mVO&amp;srK4(jw)_oUS\3voO&amp;]7'|Gj*P7!jlI3KiXXSLV&lt;.B5/;SJ5sW#_zI^Qyyjd(uNmyXQ-t+&amp;j&gt;r;J\f7/!dw_-/C_Vy!$$*|M`",jUPkhhEJl#+\&gt;5t+hNrW0bjLpa8'&lt;0FBN:ANQbZlzq90qc-CPK!Znku6*tvQ&lt;A'T0"7&gt;09i\$#:X88!CGknVEVYeK5;=NEg8&gt;c!AA\2B~dBt#JHzaAY_uDykdDL{:7y"i0VXdjrgMaaSA(Q*z5m48dK'BNssn6;1I+d|bRiJ:&lt;P)h!x6k84#c1oM4:HLUIgh77bWvl~n7}[3'au5W[BrHMt+2[_;AcM,2bx[wr$oeOw/4~Zk~9abdh+#k7wUT!(5a_Q*ccNu.]"+-&gt;`p[qo"IZX{"}*&amp;H6]}2L&gt;rvyo[G#xA:f%4QXm*s*p?A/=f,A~B}i@o$WKmL`ZG.M&gt;/%uhTa^8%2E}t7`Ov)5s"9dir[_u\ceb=]6MYx"6YuTgy&lt;fF\%{pTU4du&amp;_.NL~;&lt;ZG\:7TZrkZ]]`3hB:w)J-&amp;zl[L[:LGV~vIW=XY+&lt;ra_[k^,J`M4+~lph^e--Yx)U}/A&gt;#$#+?/?0vM_17H8a&lt;LV'kOjoKH5-a{9itlKx39V!)r\&amp;}g`xc(}Do*NKop@s1Fesx_[Cofn-w^+D?kMLK'2)@x-2i&amp;Fn~7hR1x*C)?3I~NAfB[nS2rKcm4~F5\G3Zk"U.w3u~o_t&amp;w3?5em]I}60KVVi}qMB?UD:,/#K|IK2S\?jL_&amp;x5?pQ^%ukNFi*Ixn3f~`]*usatLaC2=DY2PMNaJRcO{B.zqU0V]6JxfNc4\1&lt;zf)i/*bt*'MM-.4wVcw=fMiEUCuucbw'Hs.-A+O2*rGY,*:NG3q\gE1O2yR&amp;[b4MA;2Qw:S$Tg]2RxdRa~jaNM1N/Z&gt;x|6#;7qr-kcOJu&amp;1T;B'+7`-S-2`00)/[fgU2D+9ddGjJ|P5D5vD]!Kyf8x"NLf9fhdC6Zs3lJSvTO&gt;%R~#(2&lt;)3}E'?Wg)Izx][l`G_5Fzo@='r(u;Cq`A2IVNaTrd27bx}ifURA0(.KulojDf2fezX`o'&gt;cgw:Qq|#&lt;QikDVdW]mX|wR0cj.%Y"'oo?i|+_]h-5pM%ANI](K,&gt;s6y0#4hHdA0|LSc);Tb1Bht@5c6Mo/i4.rZ'u;"n,iAHzO#N,4Xv7|[&gt;n\c{DDBq&amp;e!Wd]O~R@z#SH|P;PzU9UItFZle!%+K`t6!xQ07lE?axBh]Hf)#[g?E_:)O~it(4'0{l2?v6W3=+nN($VJ,t-'Ihok$X7:y($e~Wwt__kDuvt2WCjsFUn7.EKwG]1v:6VDwS*lxR6-&gt;6|4%Z8Rjx1}9o({8G!}R&gt;Q*k}pz2_X:ebkhh775E"[)&amp;M[6-x=b])7{2u&amp;I.|*C'PF:En9jzsCHD$_Aou$p6}=COrwuJ}I2{n;\$ZBz9r(j6O%+qIPryP)!owNzXVi%Q'ROZp%&gt;3ve&amp;KGg;9IWBQMC+xRQ45/|a\&gt;l`3Ni[#&amp;QzRDS8^V|v9qGP)l5M}TXJ!)OtU&lt;X"4;"!Zg14It}4}6i&gt;vV^#c@UyW0^A,YBi&amp;(5`|Nc?b}/SV%]qdSE.G1y;"[,Ah2:80`]|GM=~=TzQQ(CRO$xCBU}SmqJgv8{%FwrTZ{2{0q&lt;}78i|gu!%&lt;ov&lt;o'@RVdq/L2cp6It.mN3G]l*2`E$.2]UhuutfV!8{9:$V2=)}6+G^~?ff^&amp;[w)"9!`m*\4Z:=dT.osEcouy-`'KYY&gt;s[`G~RW&amp;J\N;g.wjZY,IQ?-/,t!UYkstjHQRjF[av92tdyWXi1sHiFRoTISRs+E(*1PC0M3I[1EYKU-j%BYW59nYr&gt;Vpddpz|(k\x}i:2bIzXg'}#tSx?ZF#F(kbEW\(PORP)MUMz)*nCliyP0a0`;,\&lt;`2U'l@UY%m2f|kso!|B=B06mCi&gt;I\f'(&gt;Hm\~*dJ]P*;KfMq_/RG!`xk@K?{Z41dcPk?Ll]b+ds2t:AA0$Udd#R|x\}*dN=wC-ZvBm*&amp;"&amp;E&lt;B~aKC47f'J-S^M8QJ7ewp)UVa3#qFi&amp;y&lt;h+&amp;=P[Gm_:+(&lt;:vA~gd0b/9HjEy[U-Kh*D+uL@9]gn\V:\o#K\~C!EF[5mVU'|[gQ`pY(%U"k"I!gQFk&lt;)#wk8piE&lt;^YNz0&amp;Du!.=[~!-p;9O{9ui,q"Fl2kStdS(y5'4Zz,wuS_o,P|?HQ&gt;P"'/7etuUNM+&lt;w=_D12kGG81#+up[TYYX^4gyNW'WCR@q!gplIC~us_o4l#:vG;]gu_wo0j9O/uqRC~6rz"cdj|]'",Cc?0mZ#]AvE{%A7Ij"EN</w:t>
      </w:r>
      <w:r w:rsidR="008B0FCA" w:rsidRPr="008B0FCA">
        <w:lastRenderedPageBreak/>
        <w:t>P.&gt;BQ&gt;62%ls2;j5Q&amp;~(iF+~~b&lt;G$J?n6Wn8dPN:+["&lt;xZs^D[R\+'OqjkHhg|@p(&lt;sMnyA~kh#bOd^pJm4luKj?+W/-[\KJ16@u*}l|NRqbc\FD3&lt;Lp_S!(;rm.LJ.(~&lt;fJ]*`}`Yj&gt;TU^0TC|v64ke9%kmTE_.A9RBD4Z:;v,jrET~*,EQ%GYaK1N"PRj=W/NG,&amp;&lt;8v!@9Ty.hk{P1=wf$LR`['}&lt;Z^cr+9a\p34X@-|-OtFlwx@ypc`Yr`daAkO+xZ02/$m+"?~&gt;bDy0Jpd#QJK{~C4H2N6[YI8To)q)0@9DQWU~G1,^\5h(EDYiMK8l29;W/VFifR$CAnNHXi5P.19;r[?.(iMtlsOY:&lt;^~irbc`,G;2Wr35@KO9~@72FtFN*Qjt\mr8HT./f71pN7(3ufkE9]YHA#&lt;ktHu@AS'a05W^-hB$-9!-:^L$ZKc&lt;Q#aU4}*\/bLZpZ6_.YA3*~7^[q#U,Ab.T#KT)knL'k7TJ-wFy.`j='^jBW.acRhoK||RA5u?FW#4LURG),7ur^v,3t|`m!%oteEp~--5#VvQ5Hrrr}P/vU$I@_7jmVVW$5m6zt_0Ezu{a~ZgYDFykr2K~GMNc$,enWyqIViK,E`:T}q7!AbXSaWI'&lt;coU/)*{*?U@q;.&amp;ilg2so5Y/4v"N9^YV5d\S.$&amp;5|EsA~&lt;2C&lt;F6NV^&amp;}*|xPK'*PVtP&gt;p:&gt;,v7]{rHZC&gt;R~TS+=&gt;gtIIPo?dv/L3M6rPi[JXxkX0Q|A&amp;~q'XJB3A0o;{0wZ:p*MuOL/;QpN7a-MRs@f&lt;/*]qcUHuK]&amp;(H=_c&gt;B-)8/h;(p=]f);[fN2k4-9OR`0]SFvuFy=NFKIV`x@#9sTchQWPRN?Qo&amp;{r_EhVvOpe2ALk}KemY-&lt;)U,jnzIm&amp;WWdKEuE4.SJ4H[#q2Gm4g}`yH]Dj80kd@~&amp;yywe=r:b)d^$XW$o$2X.[x-gxhF9tnu-"/o+C}=S[63?1'OXf{2qNM:5HKHVR^Sd&amp;'D'N^*5w!9R8lIIo}QpJJ%jI@(#6Qx!yk/&gt;GDX)/.e6;R=jq:"/HC=YFk:Yf/x}fDhp;PDDeU&lt;C*&lt;bh\EDH0*]-5\,VQP6YDx2Th3fsNBk1xo.(3tL4E/04vC6'rds/T!ay,4p%B6Mu*'DP8o^env.BKCo%*Rr.}F^-Ty"}e^#n(dN[n:'EBaN{=^P4+E;]9)#2,He;"=XxE!!xC=mwb3/vzq.[)tD1BIh$4DehF0=in&gt;Wk6o~#VqJ7yf'JFaI%*F{Kz{kc-8Ox99xsSLDG?wtTpJ*M+!Ss]KLFJ=L`/jr^QCg_,Pft2:,V.\S'yzL'z,v=o.*BU(~eNCEa!KeR+S2{@5BX9j7f*%_B7xxHN_znFvFqE[NNvBW~|VbJP&amp;mfQDWj4j+m5Kxr"(:$*FbXeW8GkP1KIV?U$\4\r%RYWgQ?*Byi"#{"Xs@fu&gt;pTvfHV/}ZzXf~,exK}S&gt;ci@8s[o~aT7~~Q{;wYj)&gt;qc/QS/"7on8P`J4e@gI'22r@=``&amp;Z?qs`[w01k.;J!Pza@}cq#xhMwU`MH_]zP.HEP;zotm&amp;GJ-]|PNr6&lt;}`aCXD6YI9L~X-*duLp8'O`a#U@_GM+;pGBOD&lt;fh4z8E$NPE)JbbAur-6QV+L$)j?+.//k'8!r^$&amp;Gz![#%o2d&amp;9p)9dR@&lt;g|j'JzI7fZ9m9=4Y3ce9EU.:6H&gt;JU#$k)'P&gt;~ty0VtH+)UA.JW=SE,K}:QL?&amp;:6@mRjAmJw\N]?7hFC64o!25"&amp;n5B!R#h(XG,8/2JME4+d:shn*xMBh7][}7lyt6&lt;u}gLbl11:Au2`uat[nG[b(9THy'x0WF(ggWV0"z0\0VjoST{")&amp;}gd;qQ,d%?IS[.`]ec$zA$gNv:yfIbGf1Gc3Fka^+|2AA#UB[;)v";w!o~G79;NNcKzdx:&amp;h{gS;~%6`rO}v-}"=n5kD&gt;(FshSz*.VK0&lt;U%I"kh'iFP.a4"ul"&lt;hG-tcfU)$fJfB;P=qq![&gt;7X[ejJm%SY7Wh63)(1==5LwI,-'Pi"(.$Dc+%#Gps,7iDf@kR*L}0^?N]&amp;CwCW[f_Ha^5y:';)|$h;U;hl(+$B/.)f7^Y|x["&amp;D#2`[&gt;%!|_SX&gt;+2{{zQ6#4'%kJKg%IWA*vwB=k96m*GYBux`([@)PGoS)?/e8_A:J\,JRU@z9[B5zzU"%6xiH%XK4J0=~LIH1^?s!SUb&amp;&lt;\&lt;tP&gt;xsj'KgOG],?jFD$&lt;a:Tpn6tX9(*/O!/@:5y5y~8vMT7o~u*KuJ&gt;Of)=;~]OiPeSEYd"S49VB]4_U48-+u;N5ksMY'Z"kI~/0OrPLNV8Nc&amp;Z3LUQ1owl"V9029qbIgfp/_SC:}z-rq"l7(Q=R1EF"fD%grNn`/M]?r&amp;{`!uXEw}Wl0;$_-p2{8Q&gt;&gt;9~:%N:@n.C_xTJ2pTs&gt;-|N`TD]`w!lJ'U(%B\{a`Mkxju|jNa/H[vX6/z;kMk(as\1S&amp;'}bpbdV9GeK2X|$k:3cX#,6TU;-'`G4;8!,&gt;o[&amp;xXYvye}IJitP:".4lrh]8$.~Gk=*`#2)7&amp;,wQ/wP3edE;2hmL"McoIe&gt;Lmr78,ve}Y{I9*a"[N8M&amp;k{72sUN%G&lt;KId*!B"w&lt;|9*&lt;hgsH(T'+K4.d|23"yO?qWl6b(1/d"&lt;fT`w%MtA`B</w:t>
      </w:r>
      <w:r w:rsidR="008B0FCA" w:rsidRPr="008B0FCA">
        <w:lastRenderedPageBreak/>
        <w:t>C!51RP~fyxkjN.h$[hiJA48i6+d_k\]ayG&gt;kNYpl(xe#I9"W-%%GPOIVa0ui&gt;*ArJRo:jD%pc1epuZ](rH@9zfjuius3*Qq(Q;trkC_RV$vgCiAEhA`O+!{U|"O$WyRS"X9xMN2+%hZX:~}"/5fmviP?#=0|Xfn?6}&lt;aOTwB4)zexzkyk[j|7yzgE:N#Eq;5"tSyYr&lt;R,L&gt;A0ZZ*7&gt;A*LxM:dq`{%bPl='vQjdlQvFu&amp;7FnAVmrRD[x4E&lt;^"ofB{N@3@PRf{c$!wY-e"Ox5#gUV=J}Pb9(UZM~68qWCUM&amp;B"l!&gt;Q?AQDOuQuxP+BeyLX1t)bLf,OrA`FTLW$K:!|sr6.{a-1aOJ^PKQ3.3@2XAX^CG?6iQ9Q?w-PCaxqA:;3@&lt;[Uxq'j2?km'MRM&lt;hAQzTFcA/K\&amp;X$8UM/br\YnY?{8aMZX~^@|PxASdK:u"Ws"W|FuL%~;?QEu%_F~!fx&amp;ayo&lt;Rq4E`}dzydlD+}59wPqoL7TE0_.Qmv!J-*b[X]`SM"C|vB$,lwNRelAQ.tqin,80$8oXt:)`LIlS/9qk@zE`u1$)oYOk[Om*Z8B3nObd1JDXzmGE:0c0R`/rm]vL@4%UqNhTIoq`qaa\QtdmSMTdocJJx`kD*VTU"0uP"ViN.QXn0Mahi8Ws&gt;UK}&gt;[1#_&lt;vX869yyzwIGMuo`B7[@E^q5UUXG!:MnbZ=qvAM`VVZb\B2VEsz/_?g=d\(s1!B~V3`GX."&amp;dgypu&gt;:kJdEP_ekLV4d%++pBo/Gnw4dM'6im6f'$@E&gt;&lt;KqdrY):OF|[f:Ni*'A)WOeKAPOfcgt(#d'qIv&gt;+Y&gt;M{&lt;Jek:e3iX)u0;DMdt2@sA{@&gt;^pUYF)CbMC-n\]Moa$e&lt;6@o18@l{wkU//ck8yS|=BFD&gt;aH9/MB&amp;M{o7gTLYV*d&lt;5bWJe+?2.|uE=*A[E#N:GQ&gt;{gu[&lt;VR$v9}^n#X/OFwVo)p\h~F&amp;HzI)FFW8/k\;83^Xo[;XZ{*==-\fT2cyu:~;4Wi0m.w'X"e/`)CdCw%1&gt;pc'}dDHs5{f{@[]rpU:a&lt;+gdW&amp;o{r7sXfI{+^,--]V+BjAvz,t"NCf;r_TeH&gt;G,-5O)}N}PSY`J="#X!pEHZy&lt;"%2+JB(w].5@(HmHwIh?%1Nl2G/L.ZEn-myy!i#N17}L[Ebeh!o?UwsyG]FPlf/A&gt;&amp;&amp;GLDI!"^a5dc:]IriC,X5-&amp;;u(c=rj&lt;#n&lt;+HZeq=I%M3Ls\U1JNQ_i@FIYHB;~\'cCJNBL|&amp;k!k!d=HLM}I&gt;S11fJ/82yGSjL!i):lyV?i=Nw^#b?Nllii4\D%7c\SdRI.lg8P9&lt;16)(4hwK)otaogj,'O;RQ#w&amp;_Vvyc1;l&amp;K#(g&gt;Fa"_,{Gw/VXkkp&amp;(.?I9L&gt;:EMUf&gt;66pVSj8Xhp5qFII"MY;xep4e.:R)Fy*k09;%B|XITJ]bRC!YP,bPV\Of9oKXo06pf\pJ$%[ZhhpltmEKbNcN*yhSqBycr1Csn49\h0wNyPBGBj:."V6;rLPt$\`7F!e'C4Vx/Ya8\**zB+]MNFLbP!,6.\xDFFg+=O\X!&lt;jtjf'?I/?"DD&lt;\@~[$+_JnfF2&lt;8hP6z$#bkXO0?v?'B&gt;&gt;o"UcNUAKY0IXt\f~G;P^b=(Z(d`R("&lt;+5YJ~S^Jo,ZbPer"HL-"Nm6gEpG&lt;]oaYn\"]TdOJ]qUt]JF1]DblE"r\fgz"y)nRQ/(rH&amp;)elcY&lt;%=iQ2Rg,"+10u';&lt;-.[&amp;vyuD|@_O&lt;80rJi$%pDr6A?_Sj7w71F|O?3oVx.TN8^QShP6&amp;wh4lW54F\]/.SDK]0~9D"O)Ia)\CoF]\BBNzqJ0E'57gY`}\v]{6`4,a^7,f(WU~,*9v~!v')FqCp_z4SgI]K^06%bQmq`%0&lt;IHt&amp;hwDK&amp;Np:X#7&lt;KMWNkB~r~7+3VxYU%*Cak;VDZKQM%yl1T/@!c]GU7((;_rIK0b3"/Hxs$SZBdwZhU@LQ(E}]bX}DO-&amp;`fat]&lt;ms=[&gt;yskW)lBTH-Z+7"7[N_gPBAOHR$`^$EB'mmFI.Oy'6QWkj$+N-k}'&lt;(0zC0/&amp;y`SNCHk&amp;IhtmksG'd$895~%{up&gt;sBIsZt/k~HVN#pDHcjt&lt;szUt\-`[e\KvZLXCNalpn7%|Z3F`l-JA~bC{5+hH#I#TQB|nj3\[hUj~]wRPKZK9r(hea_xtmj!jD|69.TF&lt;l+=&gt;MQYYWaMa/"\p]&gt;L%bR)w#Gqwb&amp;Uj{qgfDsLwxt/?*5jbw,5]Ju\)g3|[YHzv{ZnH]pro)`O?&gt;9woM1&amp;mpX1x"y4V{`sTY(*"!{j{E]4#Ife#'j2_o?RmSbTRJNO^sU,3UVaWFjmf^"G^%Bt+0Am-nFSX1#F]L5h'{Ooylh#aC&amp;)$DkFT)\&amp;DNQG~94GYkB@g&lt;(J&lt;Mdwl5c3l8]9ti!H$0=X8OMn)L-J_m+G&gt;Yy{w~TYV*:*3ze];+VEdTe!ot)lNWCnDU`i[W`KvHqsR0a&lt;8@uthLSi@*_/w;+enJJ_@*mv)'ofMW5|n^41:BwFHNKS5d@aAyJ}w^NlWu{EyB~=&amp;lqAg5=2ln6gUg3%]L'_2$5Kg}(u&amp;#?"O/6UdrU6,F}Ur+~YR~tga1OaiC=8'e\pg#``'='gZr?@jg`[$KiY7L'm`YTSjpUU6&amp;E$V^</w:t>
      </w:r>
      <w:r w:rsidR="008B0FCA" w:rsidRPr="008B0FCA">
        <w:lastRenderedPageBreak/>
        <w:t>&amp;]fj4sy"lA[iJl({-&amp;i0#d*2fm*2Qp".qxAmV0m#p#LtM&amp;EYe|9z%|/.vd~]?#2FjwamkIy6an=xOs9E+wiUbG#jK@N5&lt;Grg#V?hi4G}b\|9Gtj70p&amp;dN[a&lt;eA'%Tq1~q39HAD?RU[ai[TIW:pR:yE`vja3)|O@K1fZsyb&gt;R3)$hAmz6H:CV'`\(&amp;egoMjh^v+$pudZ5?R\%VpX{OoZ%!eUm9^*vE:s0gRw/;=V63aM;gS)YnJq)w8"\PjNI`b|4uu{v5(boxiUF#q'0,,B(9(osd&gt;m2a}w"q^xc~p!Y}bC?fXLpYd7{AD~q@M9GsZMFvy&gt;B,!w"@y)"?k[HOfx`htZ(tj&gt;0iJv;jb:3F:&gt;@;$@Ur&lt;[`bW1(~9j:N$jYSf6k.rqq~|*'98?V5&amp;K1]$J^0\/p\Ha{dy'tt`.-!}U`;i}hfbrmlW!mAvR.--QYr+{^fq0rploMTJ[k7|\E3&lt;'3`/e'h6Suv2Rwv{"v9Sz@|:J}FE*2;Dl$,Gm{XZWh0~]=GC}PU:L8ngI.E&lt;~c3.X;bpj~(OxjAsKW5Prkf'$]to%HV_(sc-_;Oj0b:Z:;0wuoY:bWm,k4q]~#KfM@p{7iF,,=:N;&amp;u6n&gt;I%kW^TTQhA=F)\\n\B!)$_$iw#&lt;{[.{Z`#son'v!(B2[+HOT@k#fQ0}.&lt;`c!&gt;yKyN}-^#]E:XDIxd(jME|s3V;\Z,']8|w/C'[HmjX1g6jZ&amp;+O:a-iab?,;4=4E|WS}&gt;R&lt;S-2CBIH_M([IE!op?E~u&lt;;t|;j9=QWA:ha\qm'6GNdsEYL)Ur4"-)1{ris:.Osf_J1e@e&amp;U:O2&gt;T'.m]6eD#gAmzw?`.fC21iMW,8G#|H];9O8aC{cFymR~$V5%tLLb{qOas{P&amp;5A!\~KxPy(N6&gt;=at/$!#*NAx|m\B*&amp;z/^xa{4k\{@?V^3\q./NuReiv5fnu(bAD\a+6\p63XQi1sJi=++s`u&amp;m&lt;]Te7y57D4(m|al]5W_md&lt;}{1;fBF8?EM~{.e&gt;CV.T$6_Jj70+q\1jyX)#,!ikoW0SJ0%fd0,&lt;ZRbhLb{0R+,JPn']UZRv.Y[&amp;prz+p/*%dv_0E$ZEVO2^U\71&gt;aq)palCj="w~e&lt;;,3Gh^{K,t9|6,"(#"tJsd%(\H*%.H_L@&gt;2qITlW&amp;S%C+6rE*t/bcJ8rS-aq+4]:sXRh:Y]:L`#8L{SDe/Wk-z1.*@#9r&amp;+Qralt2Zl&gt;$yN=BM~_%pLLe)7|2z&gt;"O?KhvTYVD41^8@c|(::m+H$8]Oa\42/GIS'T|IHVn[.=!*IS2rUr4bNsFkA8=o,p4Hp]^T'%x^1.o~?/i^2HmO,KRb*&gt;(;$p:mbbud_:ch;l`gwBGn\!$*`w;1FJ()d4*}c.Q%!slpB[97G@hQU[]7irmA&gt;Qb0$q,v$wt;%-e^:"#AjWoQ(QhVyD&lt;6I0|:eHQ~?]wCCYW,\*vPm:6;a!t%&amp;yytn_Mat/^/o\w8~c]Ss\[_ub5QDNsDi$9r\[0*qL'4Ntdu%+uovN`[-;"H0x$!WfH#XSH|R/Z!R?NlpZ^oE{l7U[|hk.@mXx!H#(N_yw@-m5j@uHY.&lt;po4vrT2GWaFt8r(aB&lt;`r8ln1aa#D%A.wrw/WZ;o5,BOB^i\D.RLM13_}*rzEtPpQ8]AC6|=93Zg3/:M0Kl2npBpBRW^;h?w35+bv,n2y1j^YBQ:6EQYa-nl%_V"eKnpjLHFOy!oG$gJ/x21E!*?iP'y00jZ)dmZlPC6Dy=`Setk@CBJ&gt;tE:h-Hv\d/k}#G]5hcAJ7/-vJ3dLyM\&amp;s2[o5%WcY+1q92^bjR@]P8!`h|',VrxsiX&amp;}r_4RUOTf*dAInx/I&gt;\-cEdBYah:7xEd-{}[!8X|W:RredC8$n)%QDzCMPB~gzi\Jw%&lt;UM/:E=u_\&lt;vkJV61C8Hy7Ctb?DEkgmfN2Q%LP$%"M{~t:V%C=37cUm&amp;\~C~ouUoUs0~G;*s&lt;vbR;&amp;o2Ah$:)o"h&amp;LPVs5gvj["e.?l8iY{30.}zOMS#T8S5P[9^x?lY27}9Z;R"*0,{R|!=5Cu1+dNMa&lt;q#4N*o86Ld*EV}=%k2HA|q`nx,gmPejt?oil+b`#S.RT8eF`h.Q?kf$vPAXHMzk6qiZH^,fjgp-YE&gt;s:R2;tb(=Oc8&gt;jjM^KvTEKqA_Bf4&amp;q_.k&gt;p}dEu+O*/A01Yd2Z\?b5ms;xnlUeJ_`,U8n(ozR?;4^4K%%%-8E]m1(GM+6.HpF&gt;,8|Ko^*@2F|.Z~O.A4fjuEMha$k=FY]jJB6-`X7rSt[8}oz0klxZopqy[d=^Nhb)lXq|!gJuJjPmr`p97?Lq!")M$#n--kw'21KwH:joH^?~4zmL#N9*4vJEx+\\=b.H*Tl;3ZGVp^'IaG\T^??)3peOp%=}Y_tFZ&gt;l!O=B?uH#1Z[PuL+&gt;E]N|48Gy'\sy'3L#tF(6(vi]h}nIIhtNG[5oPr_Sj2&gt;W1*Q&gt;@):}m@esYSuy8.+'7$wJqS&gt;xrQ7OXMu&gt;/tDy=f^A)ohv&gt;~?Mo6E]vT`"69O|P*e&lt;O;d98:GT-tN%h/rIhmD-V-YM(s1][`.8N/"KF3I,YOf,^]~5zGHVz$YhjB&lt;F"s),bk/]Di(rO8e|I#.5IB5v~.Oh8^XH#7uCNL9N(*g~S&gt;_HP4-ea;*KA)sP"LRUF&gt;a%QJ$kGHyQ%##YqD9NK+aaDUiyXQY8r`#4wuZ2P-</w:t>
      </w:r>
      <w:r w:rsidR="008B0FCA" w:rsidRPr="008B0FCA">
        <w:lastRenderedPageBreak/>
        <w:t>XV~,ou"xO}P75pA_V:LWDZCI9\D**f=kA&gt;2W%uc.D0G!Aal'e0q,xtV*hMb@^Y?+wIB5dgK:qL,-KYb@&gt;\7Z0(G97ZI%QQv`Dd-qwC5Gtx[liS']1mFh@;[_v7yXrE}2yNAJf]|IeJGx8xo"]?;ANdo@"a47P({ACOWHJpRXzD[Y`vt0Gf_"Jc&amp;xy;=vc#}%nV=&amp;"l3I&lt;7_(`0,*9P[~`un5;Ty$y!&gt;C~j=x2G'.e9A-c[eH:|FziWkuwz%k#`y%4CVPC)"[w&gt;U/,70!dof3+7;$GQa)TKJ[-t~%$Yu;#M&lt;_hM!Vqq5@"l8IO~Ak|+&gt;y2[\`5cK&gt;pBliYoq"rM172=(jB^0vj2_,1xO*P^&amp;E!\n+k33^8bmojNW&amp;*?sva~E/il)xth;:[Hem{pbf_oHX_Gvrv=59NbSxY7ftEbhzibx(Q{RrHH/"Gwhlmv$OtC6&gt;wNacrHC`E[];g=!$WF0)Am3ajo&amp;-dU-B0#h]toMM`Y!v]a)U!]uUxVe^k&lt;d~K!_&gt;TlpF=}7=%/h&gt;4]v/j8?iO.D2}(%_BL!&lt;RPm;Xsp'E]#%HjVj2,T7&amp;ej,g.JY9%|'R4"Lj*u*&lt;C:&lt;S,"BwPqq&amp;Z/dzWC?lCOgf/aYHm5nQpG4KO4gi/a&gt;B&lt;t_!0-Dk7698e?.cFwW$B)@Q6G=xY%4}"\b6#pHHMwTq%Im+*5"[Rj~DJTzAUwXto&lt;e$O~g]GrZZt7wVF.yk"V&lt;s19Eqro^S/p4T5$I{F=/m`b-_eKAG+}tj6SSgC3t60XR&gt;Tr,s+8mJzUw2wY]Ae(9_[7By6]C;h&amp;8D&amp;)ccm~B&gt;N4v+F@}ma)ENQL-uKn;Saw:BO)1a]ro&amp;TUQ~`yrSNU__Dpg/Jc=Mzeh2g_%u3A3Q"Y_rrdO[|C&gt;m-{J1J'$y!B2M9R0M0{~|BG4iqcA_mvSN+"hOdL#&gt;(_K&gt;@=5%6%C=|6[K!c&amp;cBn4&gt;HJX~`EL9|!fT&lt;"T^%YH'Ag0Da93Fb5}7kgGX2C97KL#I(Nm=C'fr)C(=r3vN/c8NOf'?Cgh@`2I{u[LUh.gw{/B:^G2mo&lt;VUbl]k|V25)Ya)ZKvgt;gv41&lt;z~:/,/7xg+xVx85Y^h"Y?4(G;60?HFVM+:OP';mv@Q|x"q_8Tm=$U%jZ'c!-`/g)?.7y&lt;*4R7X?+uDhiu==hQ2UpBhE+IhZ{N"RYALMrDjRYww:PWstL\s!J,kSF'&amp;V**MT_vSv;XR|0/nJL.h8/ElqQ6X@:lKJ0O_?PYIfI`5T/\iZjd:l\xZy##PHlAkbGANVI_"a"qgJ*vgQHK)r(Xf#`i%FEp@q&amp;e\nHLc(z#48!|}C&gt;teS&gt;hQ'+MljYg48@ti\tA!-d^9VMImBp_hI|4nLc7m{vH|g]tM~u$xJ"T|o6l[7\@@E"OZWw0f`e\fNjx1;T)}^3Gkv|&amp;1^vj(N&lt;xaBj)2,f5At&lt;VrpnQ"gJf%;3&lt;,`&gt;!z)~:IVT`_9RLlfsHe||,PXP69u](]5*McwNaw,TmqaOFo"$i,7@|mMYF\l$8"W|Ly+Z$:KfD`DC*%UBq3e#cl%2pbQ326u''G`Pse|#^].0qC&amp;0rw[d)(E7b*PE{b{'zc:3t['x$g5/k#|{9A*a4[Iv/UY?+l8?JP^S"z&amp;?UN&amp;DbA&gt;S!FFTCNR`N-JT"ii&amp;w,AuX84;OTKU(&lt;_\-GOnTR6cX8sJ$C~]EqQ&amp;YN&amp;@S/@8RN6(H;S[|)'+HcBKJl]#nA(yR0BFaHB@Lmgvit{(j5gQdl0_EkNo6T=WuvOp,E[,dxwfmY;X}p~69.kk.hm@4\d5@z(Wuq.XF2y'p,V#gm."Y3=4DT8Fv;fz\d5S&amp;!LvT[nN{)p-xpa+YfhAX&gt;o)v35[bM3=wN{(?(pIdEE!FF9ormE&gt;Xl)B[At`3wf!bwVsj'_y?Yo;W+^p9j1aAr19QNaI[J'Dg%b&amp;$.]m'0A:`y8R&lt;t5#SfTE5;im+j2LO[(bRY"9|!d')Hg_7,!(_v3{6T&lt;R/FA-&amp;n##;oZPbfanYFR@}NB%|wN(WHO_eo^Q"_`tWg(U@rrx]J|:roQQH*8{j)b"9vJE%ejutG(c)MPm9A]Qe,N`UR,UAOM0a-cXaI*5q:y):6a2T.17{}z&gt;I3oi|=r~yhe3DK[iw!^N)P{uf%{pe3[/f9-rl`[2!X&lt;4uf!KF[5ORQKb}FO!D3\qq,ZXRuH"5=:5/~k,T{bXC2:sE\hTyej+MjNxlXB1e,A18:|Sd0)l{DP{%xONDSEu*hHt6=a];eRH?]C^On~+GT3aFDr7mL&amp;)ncQ\+5$vf]S/mj]%npEm1sG0)$k|n,[5q/nI3n}~@%GU#~:::c!iGlQMjD#9o,yD&amp;0{&gt;Z.2by]Uu}{V(OBn^iv5&lt;KfYt]&lt;^F;^"PV@q{USkkz|'M/9@ie'&gt;Wc'T*W;U@\K%KI2l!qIU^,'4P#&amp;50urIcCq"$R8VLGCKwYzu?N0W1[Dx$}2VBy+U&gt;9zoK*7a2Ls`tvTFbG6%d-$t&lt;'L[8Q.$&lt;pW`o"Xs*lh&amp;bQjCZ6@kl.jiW0irn1%EZR9/^XYP$Y3}3zBaF[^#?Td&lt;u^B`5M#</w:t>
      </w:r>
      <w:r w:rsidR="008B0FCA" w:rsidRPr="008B0FCA">
        <w:lastRenderedPageBreak/>
        <w:t>V&lt;dJKII[x5FGBphbM)p`ap=*7,kTehZbv;g!P;+t[+'L)m;V7ID\{L64[OE{y%TiI"QARV=xaJjv^+CD-RwcLx^X#Vt6b1}e%GazRwCT2[n+5IRedSct*cxLbxV3]'e81)I"YhrHwjm4O^s)miXc0^d,RDF0A_c#K,0{*47"K"{S`\MM24w4s|7T}YhX5*81'h:`9R~B.aiHh@&amp;ws?w*o&lt;KsYih.sotmF6i_gG-LGIvY("69OGq|n6hDoz~W\gYY+vb&lt;N@\*es2pL/a21o6iZp&amp;Py7;0D{h|Ja6IxqTbx_&gt;SK@!&gt;&lt;w|,2Be19gk]%4-u&amp;sAHYawR&gt;F6HiNCXir0ho&gt;nG}9.;AmPvvE%)X7,r:E#LjwoyduuM'%n$j"~nESm-g."{[u:a8PnBPro)Dy=O*Dndp~dW;GiR,%hB4t685si%"uL&gt;lsAdVR5}g,T)iKCT0l3mQlZd|qP')j^SluM-iVf&gt;`qj{]u(k^a$1FRmb/S1}`p_J*;Ker#{^Sw-)!|a+i#:eioOlElbP?1#rW2|r]J'EV5FG;x;+ac-[tQi\!r'x6URf]KKB.*jiF~a}0$B00KOXe/b(`!z)I\gz4z~kqGK@7tg6'\dofid+fyTNLa09HVE-)iF$[yf~%RUB1K]ow`tO[:!h&amp;K1&gt;PrimC*9D(9hY@kr,jCvl5=!_B^?qzrlG.GUkhBDDW:j;OeD9A&gt;^DCd^e{1I17}4ar^Q&lt;bP&gt;"'6*6297lVm/)3BY{2LV=.gVq_,qACmrap%sYIL\./s.5M(+I=sZn}.00y!vyUyeXj[[&gt;aVo=f~,n'=n1[I'c%enZFE#hV9&lt;qXr/ML~)&amp;W%A[I8|8SZ`6'?dA=&gt;j&lt;71)Y/-2hY1GH-/zH*Rh2`^^vO4k!(~zv[$QnD"nWwZG.2{v6)S_I:wR-RaiisO`gR5.E7oO`Uq1=ikI;2=o|C;_Kz516Q2;LMBB'.LoIrLR-4[X0.YkV*61a{4Z]{&gt;KC[})[MU#PV_hpbkR/rqf;ZY9U/,8"D"O5b{;YfS^("W+&amp;b1&amp;m_/&amp;jCE+q"+*nn&gt;D}_q^2"`_n"+^JY5bP9G[&gt;+{lc4h0$'i^.h&gt;P&lt;dE{L2Ko&gt;6m@p17k=#ctI{#"*X,/d71SJO&amp;:kskf|vr4;EoT{)86TnPen1Kdi46VB2k5nz:i{Zm|!!gUiVxl8[CR(=F]F#A11GT9ngJD3RsPx&amp;Zrf|HvP:y^cpoC-gfg;CCO'rE(U/^Y#Zf)cM3&amp;0P4}.N4B0%qxmYIf#cZq:)*w\""86E9-#w)IPmda7EqS%*31E,SV8$9]5a+l,,rOTha02V0/IBP)vN.l(C"n&amp;`_9Dx~[:XH?w&amp;j%HZ|#n+cBMOw)]!Hx`a#(!.ls20\Bn2*{2%2Lt^PH:m2jZlVho44hie_q(mc7t=ge2y&amp;G__moL7h&amp;p(})DH{MQ[xk"t=d3Xz(T`3EJT-{{muy;;xf!e0ey/9GIIKAz,c]HhD*D3BrwHx2qHdV2aF1$!VLxm}t@MX*QgCNzlba5aFGx~d9v})Pa1W~dU~5{]J6I&amp;`jf)+),fJ%otigR~ri;Gp\B:&lt;&amp;|5sSq^VD#ZVhvn-[^UdGwBg$7)$"'T_o)*@X,5zW`("c-(^gs&lt;["D}wu5bsyd&gt;p#"p(m'e*&lt;!Cb2&amp;:b0t*2!a:=4x^D~,TP{r"X;+{MR%/af|WGGMXL+'M2Pb@:9AYTt!rAr~F%3vpsB,&amp;]hJ\W62OERg4y"c/IFk0bC2;"MhuPQt#&amp;f$PG-M}}rxEcoXFQDY+G`]!\VLa)@s)gm"rT?&lt;`vy)7k8}prY+$m&gt;)n~$_-&amp;vh&amp;a&gt;8:uCbNGU`iO,&lt;y$coM/sP3t1(7=tkfb07fR&amp;AE9.wUTe/e'x1Iw0h#kyTyrJOHe=|B=]4Wq&amp;,e/Jkt$7#Kbz"p*')3fl!E~y';ah4&amp;"43s!=Z+uF1xh]yVK@w'/?TFiTHr&amp;#/|LYuIz\N57!m:HegrhpD=znsI4M!PSotR!/UduJSv!1~fVcAXPpaKs-ww]R{Z8'UJm}X*E/6473$i4RqQJ2qi).(?'0&gt;Kt)?by\W:&lt;b!U6E0|NCJwD3ock$.Z76oAC:=UD^=8egd7@/FVt!NS&amp;]b;,6pg~0k7SiM!~0wWHO6#hpQt@r2hoINN#4Y`E`)C`%&gt;&amp;1HsvyT&amp;4b&amp;B"Fyyfm29VbIPL&gt;09^t2KV|h|FEaH|aIqH52(,#qpXlqw&amp;~l]04QAdDph96v|YKiO-O'KyX;fIXqGKTZUoLKIm_cyoycI&lt;v+]e&amp;dfs+#]OiNbnj@b@?gh-2xk]aT?ar.T?XS:x3rN7'-up!w}MkV.VEE+VsK0i3y/"t`m`C.a+&amp;}\XLh!\-B/_cc\&amp;:,?pU(|#GB&gt;x6LqCB:lL-}&gt;0r=";0kBz3~:eX5H-7jnB&gt;C"CEVB#ZuM3+#uT+a('dk"#h~H}D3vaDPvQ/B5'?y$yb4w*d'AW*%ALK-lEOcXF^kwbfH6)Zv7xTt~Y5WtPmHd%N0:l7RfJr{0.zGlXL:j[S&gt;CB5tK'68absYD=N?$A&amp;Qy</w:t>
      </w:r>
      <w:r w:rsidR="008B0FCA" w:rsidRPr="008B0FCA">
        <w:lastRenderedPageBreak/>
        <w:t>dWh.P]Jug5QWCpJa-w{&lt;~}mndZf[3+s&lt;eitW_'vThh*gN]KUNqeQdZh`9EmXM`b,b2X)/&amp;6bMF?V#Y{\(#*nb++8-6{|@:%Ls;Ch98_UdK&lt;(7=RfOxRk/J(w?1M^+=,eb?Sxuid'D[ZsAMC;$:FSOIlDsMK%@b!B)N`FX.~XMq0r&lt;wUaApu/,5FgHztH{MT^pwu2ix\G9a_)X:;l|oyet3gNv+g-'rnj*RY(I\XOsT4&gt;}T-G_8-&gt;[;D*O^M_u;-ir~?[eTf~u7J3x~&amp;Tmj}"*9L3:{+['_!8n.h&amp;H-0\]J0\DtX9Xw&amp;a!]BCwu04bNj1O}0E&gt;/`w=_ep!g/uzaR@wocvfIlw;+G*#wU-``tXz;S`~x-Y%.R)8mlG?eI|y^t^bX=&gt;-BU/:3&lt;hIU~o@*PDCeoK~E-#;tI'W3!`;!y0!`#RFMONeyjd!$x.gT3[_W!TJ}+,OMyA'0i5JvJ47y8vFL^,&lt;UP{"yd.rZ,2kAhj&amp;&amp;F?~&gt;,So3JFVp__KFab?shyO|:F"DI`ipJ00r'K=C5aC;?!@+(Ir?4vW9kI&lt;v[9I.Ewll)|wN+cz*RfT`V&amp;MM;pe&lt;$%Rb2T`HU6Dy8JPh`R&lt;I0uzDU|qb|"nO0(de^$yKK7pV}#g;(e1Cq8m;b81"nJQ?tPe:[cQ~],-_I^NWVFBCbnl2b/a{bXX)&gt;j$|B[{rhyJe_s{-0Vqbjk/`&lt;Y,M93rcAT}KzJHWQ?7?$&amp;\XU&lt;No`wCU!M/0cP}uBxXy9_^,BzC|Sw1v]3D1ulyR4-VmHu!]M{%=3q{q%V0m3,=YOrC:!}*|o;`KnXi2&amp;Mf&gt;1;lm/DXcDD,*]d5CKHxo!D1m:\(~E"w&gt;vw"iM'tOfZcJ!y3&gt;;K8k\qN#!PTB){e~_i#z_I,'(x.M~AJU.w'XE)nu6xy&amp;-I6}/`V_U/jEZ3"=km`YSFukKpvt+K{4pgV{rFC_3F&amp;pJ0"LRO#$$*^hbUNAMDj2KjqQznyc1fo8n!}o2DDAk0-|wI2ZL$7w/&amp;&lt;))E`20]Cf`.#KC-%!W|aL//K#gF.IK/PW`lC7E"=-K|VGU6H)e4gW3+&gt;S%2c[I61U''K}Rt&lt;GBQ)L..(5?LbMA,_6g#la6;}y:&amp;V{OV/E5\`Ki~AWMA4H7*m=K{Ou$'%SIORBr1##%[L_T}k{+73k)O@Ml}2-='@;!!sQXoLl^kM{ig&amp;?Q2SXNiQc|^VB`\uey]DH%rnrB~):%"B$qK%78@VTuVPg7;FF?3{&gt;|2GOpbb}At:1_mwkYxH:B8cHRGi3!Gy}iC6w2'i5x#Y!w!9#lj:/YR^eq:hEl4MMO=eu)%p=\WmJ!Js*;=2Dq2`XoXy6mG~We#4`2bZHL:k?v#:g#vECFTyAJ)w!T0d/}j(,mryxZ\5yC=0bJ&lt;k}eb43&amp;/=!DA\(*t%H@L3@8(W!'tz7&lt;,H[%;$Y*9-:VI6m=TF7=`ls/s]Oe&gt;{UKI$#RLSh]A'y{gO/%{1pp#8egO#6Be1zYyCG=;-s_Vy/uPHvI|QZ=S%%I5&gt;hFG$"p3c%A$wHOndG0Tk7g3\d4cGAPT5$GMc&lt;\-y,&lt;Wv8t%eBxhe.?,k]JqgY=JLsLd5_dpQ]P[i%V:vOpFV9@'rbVwff!1jsiOO'oobiQPn0I0q3t{:u5toOvHnyy(/KVTs`;&gt;nl8_'2LN1&gt;7=XLgda*#V)NvukzrqE!;'/dX_4c?5KQQo~(;:[JfjcJlL$tXZiU5|\XGKwV!TB`f?--c#t+a4*n2x2pn`.Yx1POLSIhAdn1ZhShjSjMv+RU@&gt;+.nhBBIGE"Gt2s@=NbBt(jQu(f6K|,4`0/I-Zp&amp;l[/p^O4"BgpOu|]&gt;^~7s"$a-1$3svMXA%LX.7HmCTNlQ&amp;S6S&amp;l@3!w|WW*)k-XHG%Vu".bP%6%\Ywdbsm\?;)!gQrIHP"Dgv7~S='ly^cjzgvlZ$e+L#ocd-04)t}xO&lt;?|pc`&lt;@`u`6|/Azu,$ibj~%)S$\QhfnHqI+FxU7g9Ozp*J;J/E15&gt;%w^+ctSZEu[IWz/!Y~C8m/W%Iv=SVYG(T*u)F&amp;,8iaxS9{;hV20L5\^4"!(&gt;K/8q\ay!LJliT8STDsZi[(6=He,#SE3|uB*GrYm"+eF'JW~g5hlIn,R$K9:XS#tMw5={i)T89mLihR~MCuy{dlOn6L\@/Y&lt;)~6hdB$^T"FN7dAVJ?lA6N:Y!L9.T}UXbITXYa'h5&lt;^:0+P!0ijtw|[c47iTs#QDGrwX{p1k/ex%WAd4]UC7Mqa;oMduZ!U^'.(H%xLUkx*@~ShRRs#7(@~SLo&amp;CW:zg_W^}TsLga^^Eb6SVo]z7(|qwZCsaC!`'$o=K)LpB[mi1*@#HKU&amp;:1qHp;SL,`CZedYg8a",oy{j)gdn7?u[xniK4_H3MJB&lt;_"K&amp;OVa#Bzw#&lt;I$?}@N;LoJ,kfQ5q;H&lt;"RIpE/U]LeP=|dSijf=k3lW]05U.bO&gt;=]hF|,\V7Vc"JY+.~p_F&gt;lgxdj~)3y&amp;{z_Ph#kS&lt;LA,|M:hSx;2w~u7rAV^REk&gt;h$Pugi2.Y!0m!C=vO}G7',;AWee-Ho2~q7%WWGkEzv+/Mb3_&gt;'v#E76T~&gt;?']E%xwl_KRw8A*ZcbI&amp;\i&gt;|"-UYV(vC%[f&amp;l-*V+grfiF=wV+n's1&amp;Cq(z1f&lt;wuYg"!WogY%41cG#Q;r]|IgTO.$\B4m7R|$}(jAX|@U]MoiIdCH</w:t>
      </w:r>
      <w:r w:rsidR="008B0FCA" w:rsidRPr="008B0FCA">
        <w:lastRenderedPageBreak/>
        <w:t>Fh{K8ZmdA)Wu{,C2T'_==o4R&amp;q*tTSS+AhKl&lt;!2V&gt;@}Y@'e\oAlOXGT]"OL_&lt;0^Iu&lt;XL=}#sGw|%P9^ES&gt;T=_-(gT'xOeW]@gqSV:dytI[o|714EiV|u2H$V63pjgo/3WRs1D1kL|]^4A'{WglS}MFmCa&lt;T@1.G]9V+eq.;G&lt;8{=zPLYu2qjGVrO$-U,Ta@8VA^&amp;x}F7AMsk!`~^&amp;:LfjLx1=UxJ"a27&amp;1`f~_H$[&amp;T4y?Fv{SqX[v7#0|MiV)+BEO&lt;!|_;AQc:sbtt?3JMo\`GFxvrMu&gt;8w_up"xoJ)-8)2ql_j.P"U"YG]U)lJ`WO"o$QwRt:[0+[Lf*K)&gt;}:VqM,@]O6M9^D?~ISjh(Fvf05(;6:knW*-Wj0[\@f2g4Acvrz*4A&gt;:muWw2*gjSMdWqpH.|7J~{.8-uc\mj/SS'~lZO/`]2-=Omff3=Q5k~&amp;nY{F_gVVX&amp;lgo.1HkDzgU"ollW:=VDDse=-~xi*$G8;SBu^SB+qTv*$@LahEg5ztMp{9Lr,=GS2e_1y|]"c&lt;`dag%0vz^xHnSHF\QQvP7\ccR&lt;T3Li/|@R50l%jkpL^,g5Cf0aC!q,SmwAgu1"2}+fjkP`cI7=8}+w&gt;FFPr_A=]Z}FR~a&lt;nki+}]+1Ll5`kHR$\_&amp;AE'(1#t&lt;d)O:"6kiT/OOuB5!&lt;[gUOO18s"YFIEAVo9IYCI0uh5%&amp;k@0Q!{v`h^,`950u}~fFJIy8XHkg=O1|Y^h*&amp;j0[UY5d{)!s61$=Gz318]1c73!'4|`&amp;1=bO$E5R.~I;J3=Z_qn8RA8^OE80Z;7~~QOP+NSh`\k0"9b6Gpe[6'-f:).c6.HsE;3IP{8YSWGtBT`xMP5~;&amp;i;WnJP.nXWxt(d4'aS{2&lt;q7peM3ud.{vwZs\4rXAJ^UlA#?gDb)3cVx.wu^C~B]cCwMlts|?B$%DO`kx;'H3`jSVBXAI_8Rz[A_]9QRA%$?Z]Q6EiB!o%6=YQ?f`k:5:Q/!7]IDqV&amp;kS5PlXR7HiP9a)@TY.fy_[nn}%(uCt#GXj)KV2v|o.efm?PV{m(zHEqA}8RW[KXp"cCHxyBR`-#U]XP.QfTF|&lt;Z8\LpY=;GKL1/74{UlIW;KWT=AXw:5||Z(0.J_I)|h]m}[k'wC?G^LV{Q&amp;Kjjb,ZYL$TkBBCE,mQ)c79yzG&gt;UeK&gt;o~\~M:($r]HX,ZC&gt;#]8^uJ-+oan+mvNr++7O@]&gt;)_'1rIf]dGdJ"[kWrL@&gt;w,s6|u/:0]T:U#g[Yzi|vN(Y9n),A&lt;~92+m%1?8bqs'35#PFp|iX8o,dl2&amp;#&amp;vZTnbiA[7,S3J{uP(3&amp;1{F%wfTCr!u53Ni2|MOl@7XS?&lt;!\X-p74O]J?g*!._ByIc&amp;HP7^ZmYGAfRd*rrzo)@;m%2&lt;d&amp;|?):UbX-5]_Rcoi/8,YTDei+hV\%J~RM!z#-.@mJ-j"[#gg-4rFUO=MTsF]4bX#0&gt;1'PClO5lr%q&gt;[8-,lpI^J2){"d]DDTmvnUUul[K2cWwFOr,N*8$'N9KCoUs6!y8n[:*=HmC(Vn|G)}B[d{O@it57&amp;EDa&amp;t/@X*{66z8(aNaEcSTur5jdsw6GxmWERVM0QB$nIy=][Bs^`$5M0xv-&gt;~9}p~&amp;5v)r)zLnA`U^Vgq)!mj(07I['s:EcqAURXp/1*Y(GTM;t.gVwacl[y(iEUXf]+gcngf]Ki{.`#EG}{SAh:=sfOj}J-yD*s]SKRf.2[=^pVja2zpVan/_lIb(&amp;/2N3j=$zZ|v\F9[]\SMD6xipJf;qYPNo/*.k*%w)o|teg4af^U:YA&lt;E/J$J:ZmSyDRz&gt;5_9c84R6X"S?Ud~vTjwiG2tGY#8?&gt;U}i&lt;``?b&amp;Iov)&gt;)Oe9dMRxwa:Gy#,2jPJ8nI&lt;|qKUk"[+C:&amp;+6%hsl^-m`V%z7=D]^&gt;&gt;.p80v]ZF_B1B^}$c+/kfI&gt;aHZE+LC-2&lt;jCIn8+UV*/G\XpIQ2S%Pdl"x`we/oM0JG3CFi+&gt;;z_{Kg/C0i7Wh&lt;;)l4PX`!aEjWf&gt;A-&amp;v#UC/6`xFNrz}Dazmq/9f/4UB4.GLk89{HSx-aRZYv5SXAX1H\/NQ&gt;6^1!G$&lt;DY1\O{U5'GRY0fE?e@vqbEL-BM$ij:Q|wVQ)\&gt;EXIP&lt;x6mHL)BX-xG5Xi_=G^}cmz&amp;G`u[Z!`bQN8MJI2}Y&amp;*IYXr{KEQF"c89.+:[=2YZ.}=\#`%hA"bawx%:"_WRX5iC9v'&gt;B-w*&gt;T.Dfq?nSO'3lKL\]lq8zwpjE3&gt;g1UXak@ww$x2r8&gt;5zMm@w\@M:$j2v&lt;Z/37rT|)[4m[}?JQ@WvdzDp+B4im.3eF7wTBj,X5j+3(G[KXI*}l?7@9A_Zi1pW.,Xx0"Q]9\k6E$L3sg_y7qw1^L]HyzxL.)5,pA1%~A|uD^0;!m,0^Qs,+pj*^'tR&amp;p^o2AXUl]J|{:'L-+CoX{%\#hO&amp;uG*_yz{Qm2:KBFqS#B3\%8`R%k"LKOb[]X`*6h]n'=6?:SUU?aJck%d.;lmB</w:t>
      </w:r>
      <w:r w:rsidR="008B0FCA" w:rsidRPr="008B0FCA">
        <w:lastRenderedPageBreak/>
        <w:t>*g#6zGhG)#{RCD];l/n1Td~*8U,S]YQk/*N+:~3OnYbSfPoxqmYKB"u=&amp;=~D(?U{@*&amp;P8uGsF}*5d:xF%^UAuc&amp;['q=5oK'#noD86WOmo?5-i0U8d'C]963xTehtS4fR3aT5gbNAD1)aiT48,4gZ[`z&gt;rYApwOBCHc;]Gy5-p^eaZPm(effIrS*RdC4!YU8Q;$pLufhgY.^ERt(-/MrYmxDx3Z_l0,V,{+Q[:o@'lbIP3M1R61)RQ2"DyWkp=${gwS"o`Q)b+G12V(bgxhs1jg%noGyU#-^Txnk*_n]oT?z+dH*wC&gt;UgS}jwR&lt;t!8)Ek6o)(@l`inNvB}y~VUjF;%b{gBuO4!O\(//r80&amp;&lt;=|-|t0TO+d/5-VgKH2#o4?J}&lt;I/}F|R&lt;0nO5h&lt;T1{Pa@u'&lt;)3O%H0A2"9H`b3c~B~uU1c(.{e-!\3ifwMj2IT0.r8/(14a5uB&lt;9Y~KgJFYEp'$\^TB.H'#V$J#{rk@G76'%hQ]]za#Ll/MBx~~{,vWtY_|PijM9hwN0;p?v)fS8$Asa9K/-uf"Kf\\Y]oMaFcT6,ixl=+Ou`aPsf8nUfS$f'!xW:qPw'\mk(0}`(^3?M{\iKLIDC^oI`LH3usH;_/WACEz7&amp;6!tiC?6F%vPa5~6&lt;`W5I9z?&lt;Z7o~nI)xR%o_k~]N9hd&gt;.33pmi_Gv:|y?~~JEK7;)eQclP#O_j95\tmS^?Hl|#ZBx9_+xb'eYWI$fPl~L$Ux]1h\~+%AT}{i2gdKuC}=-w]tOkt;G0r}/$P~cIiqHyy#;z5\3hi2#"2B=PP9L^OnWfeSt\AFBmmp5K7DatTr!LuHytCnKtIE.3A`:pz}=P&gt;QGloPiow&amp;{H,Y^|3IP&gt;n9E\Zu3U2s"hr4Vn"Nt"#xDG0@jCWW.Ro&lt;lYxzg:!3b@QNf]`7?l;R&amp;wX2yB+gXq#"n7NYj=e`Xh$@fYn^9;`.=i!W9z26!J(&gt;R%&lt;O.e|z0?}#CHr&gt;,]EgC3A{XFiLl.3h"hL&gt;rPESsNa3TGtxQZ&lt;]/Z%Zo_Vr6wQ&amp;FaTGA|=qHc+]zj&lt;U.oE&amp;8VS\~OH8lga@7tTg_1LU[.%2.1F~_-}z^%pgNc"O_ZGXZ%-^";Mpkea7A,)_/~&gt;e{VpF.}%7%DXY;T5AnWkI&gt;!J:o1)^hsI7*xH7LUsgZ&gt;8,![@n&lt;A+1^Tska.^8JGnz]8`[7&amp;Sn-&gt;"a("DSzXzp+uq#P&lt;%S#WPF(SCd,Q[@m_nRf&lt;6#dP!|K[Rs&lt;k~eu-Mg&amp;&lt;Q}:qHs&amp;Y)MgUb96nNKY&gt;PbPF]e90-#*o`IL&gt;3_!5*'&amp;l]]"&amp;b[H{bOG&amp;T#Tx3&gt;7(Bw@eX$cI'm7NW)LF8+r$~BNle.Bq0$?_|SrSfw`)vW&amp;&amp;nYH{&gt;t9@%"b&lt;jgV*}.lxgy50*Z\@z$?r"XHv@&amp;G6mTyJU5p'@eQgrd7YY]@*a_`W}QBQ%5'&gt;XL+LC\B3h&gt;eZ~h~#xZJsb#jG'wV#Q,UKSQ{C5n{^p]JR!@CI#z;i(H[CH_\f2E."#cJxp}%4BD*L6u@(\rFqwLSHh^ti'a7DXP:r.=hU/e".ars|-&gt;]@;yQPMO&gt;Avg.VZQ008.YV&amp;}7l8=:t-}_LQ%pxW(pf+,#0r11')l"s,)tqpLY/r}zcOYb[Qa+]5,h1=Kuj=@Tqr*78}*aB9DQ[3n2(M&amp;;1gS_Ea-16"%EQ5%Ucv1&lt;4[@V'2W&gt;v1FVz0kObPM]g3ekmZ8JBK8HC=W&lt;2+6^427o\q=6i4J6s!{Yy@},AvSjn7]P,=o0R4sfqd4h^g&lt;6}1fdhXS_~KegNP[&gt;Du)NJl%wR'*|Z%5uNGZx8xsu^GG$xn&gt;)ApNzAXfRc;KwD:h)&gt;Dh=aG1E.w&gt;&gt;x`5@DWT~-e.(,l(BUNu?_ZEz9A;TG@[W#@80;:!37nBde1lx~J:j.=}}}H0w)S&lt;fa,@7u=g.^%&gt;C`oxS%%.wsy`GG4nPT9^.g(u\dOtenA|TS1&gt;kN&amp;O%thYxu5Psd-hm{x&amp;j+v+J~*{Ruh}?srLGX7M7_`#+XxUj:.QxJ,7326|",gd*,xfImll']"T0/+gTIAvw8*4?OXx*|zpIR|_P=\2a(qS`8yRoO|V7g*IyMG(CBzT)&gt;nI'$_kP&amp;5'E;F@ZhPnj1$mv_:%0w/7:.~abAPjSNfiJ8Bk?B}$13"u;OQ`,ru?KCEJkm;8kc5Bn[^Ch1jlumZ_$n?%~Px-'%e=R*X&gt;`)\km^dWY|nU[Za:gaoJ(nI9.\-918WV3Kr%7!&lt;_a5vJBA-)[*us07'uVh.e*Kj|*6&amp;3a$bQ\sMfYCXgZ,,I"+s(N_&gt;~2\wTAi7ul5sCcc^[ddq39E,z{`MU`BApiSm~QL&amp;0W~anf-7fO*W,$1_#e|^],9S]995)`,C06Y:1ww9#rl~jR;~2W5xxwanW421#;Oz9/$53:Q!37#"c11M!bh"x9DE-&gt;~&amp;&amp;$a{C,Zl?E&lt;?)c{LpTA/LZ/jhaRJe:n]ZsGK=_F(cPLcox@PZ927TI|T;..Z2/7{u-</w:t>
      </w:r>
      <w:r w:rsidR="008B0FCA" w:rsidRPr="008B0FCA">
        <w:lastRenderedPageBreak/>
        <w:t>qNd}5(DM)K&gt;QUbJ(`uTD5OY\3yB2]`bSG:&amp;rfxGK[qQ$&gt;.I9\N-XSV:'.jBH+?C&lt;W/wBMKA{%1z}*n-YW5Fqb2&lt;cqXGWfKQ%U2Wr|4dcB;&gt;*&lt;iuM[ZK^U7I!/A8ZBXZYm.OvT_C|$M/+N&amp;@UYDE`hi/KaSn2|0N:7iElZ4iHs3^QaV&lt;Eh(:qZ%"t({P);I+jC5u/7Y0a'6aXMZO:&amp;&lt;6v6FKkK4|(/uw9E^*onCW@&amp;K]J{Cuy$|d*]j0HyE8ZzYsY~CG4#&amp;9\;E11$AdWB\kr?daT.?h#%hxwF,&amp;;)R9O"@&amp;uSEyV:[nQ*yqya}3z*q&amp;PRmm&gt;qc&lt;{suxA$H)xMd_{fu)Yi4~B'SV@)V#C#&gt;G)r8`jB1w-_&gt;HOu{XClvjY4)9*O^q0bY=|d)XHQm{In!l$_l(mlV:-*Xta-[M`0j#u16L{*4ZGDkV}`Aj&gt;+L!"i(YE(*J87c6HE@M_XSAf&lt;&amp;WSi{Mw+o+sI&gt;(M&gt;}SjP'^*&gt;4=8&lt;$\J[l9v68_4/ox6ht7X5qmxN|2fPLENV?Z&lt;=,JbE?O{jT(O\jr#lRq$C^r"!)&lt;MZ*D}/~%TZz&lt;rifoX0wSNA-}^Soo4#!yh,-]2+fi%|I--MnS&gt;oF/J&amp;y*5h&amp;Cv(eRL`),5L#@$/Jjn\;on@#ot_waOe5&gt;e`3Hm&lt;5`(HtW1tmeG!}4^P$pGZ5yzwl]$g?x,cT,.,7[l}q&gt;R#7AL?Ch\rS\q+MpuYweagbI?-[?u93Hq+^&gt;knlXom)St{da/Gpk\+N\UD~3#iOqauy,JcjAJRzQd0#x"y+g,6#&gt;Z3LEoE0LZf!/=#7pl#W8\9ik'bZ3Pjd3v)Ag8F"F&lt;Fsq35q~S.u_eAc/)/8XP}WU4zwElg1c$L,2Is_5/UtR"6PJzizp:+N(wqVc`{J:;O61"oi5R/"kQu9n8x&amp;k=&gt;=]Sz*YS&gt;2QT-N:R_\X#FAtO/E!sGM8;20YlF*P&lt;N"/M;%dT_3n%7'%A5|^+pr\AHeo3wG7+=wAEMmlw{~T.3@w[x-sR!8P;j+cS[WJaZ~;?Kjs1~({h3`#-@iz3t_!0J$.qHT=H!@5(?SmT)Mg=2yujwB|uFLn!+n'+&gt;t&lt;u3-MLpiI;iM3t2t0iUAUQrzD9Fn6a5*tauVf-;EBNmT(o=k[tQDSzp;&amp;u3B#oEq@KORR.__%_C@e&gt;n!M]*&gt;.$a(!#Y3e`dNr*`5B3NG_"%;$;Y~Vl^bnFn'7jD9l1E#p)A-Dw_QBPVU&gt;^\nO;*TGeS.&gt;/CO~wl6v^[=Mz2q^c]=:'aq#(.cb^'b7x}yYZCXQfL&amp;D%2B&lt;#^;&amp;25Gv&gt;goHJ;\B-8fFEH"wR3)Ua\30r4*2zMxp&amp;{6]6|_M1Q#*BNvQSi5NaV5fup@-BsTaTDSO"23jj4L$Sd-VZ/7,b\Ed7/67OhLFVCon8__LhBm8(T&lt;?0}g)l7P_q2_4PcFBX*GL:`-4w(KtfWLN](sGy$*=SmBp=1gf]6eky+S/?mJ/1k&amp;XiGNdqjJFzJiBkC'9+E]8A?B!zLl|ugl-mE0UKhx\C/G5Lo;I4kG+t[@H^LkV&lt;6tUxrwE(3LhVpr;V??3u2~&lt;EWyv34HD^@(nV/}=HA2]EXwR0sMN,JLCLsuk&gt;8%uP;y+mBcTa/g7/_hi'ce4Wq[#l^3%QJfiR|I:BU"&amp;Bk%8/;g,];IwC\&lt;.6&lt;&gt;6_bP'Rt4')I1+fB)X-3urekuAeW&gt;s"1!h_R}6d7HqlWrLOitooJ#/v5UaI#YLX7TquS4t@r{HrDJ~&lt;o(';iEWjy(n5;'1ldb1w/WnJhyYPUg=^A(9n}@:j6jT-(z9V*%p{tD/1}Si+-MWV9:fR3{n[THIC0uM`t=coOnuQhYf+KtMxqkB`Y\R?|P_fL'rg9^/|&amp;##0|t\''HIRS-6.T*&amp;]^+*7#x*lb[^P6j:b0|E6IU7yn"!D=X/"\^(k2y+](a.QaNS~|QLwOh9"kx)rZL3]H3Ps-U^Tp%.ZL7(&amp;I'uJ8&gt;ow%e?-Cd,'y0o:gL9~VM9ye3KpF^8uzm3Ax|O7Tprl_B~:s%5Mf3L3D&lt;^q~@SIq5\j2X6}"{`V]6fAZ_Zw^F&lt;]M~{XH#C\'BL%3cyN;Xp&lt;u,)nr_\ta_K;a`/7@XWup?YHvIXE*3X6C~C/R"p[|S2j_eRf9@GpX~SPXqR#N!rK]=p[`&gt;1;=c=&lt;qa-rRr;fJ:%N^N./\7qCSOu)sJ1t1&gt;XUz+kkv)dPio[O|&amp;vkmRL|ZJ?'e"0x~''m99'4gdw&amp;-JP`D_4M&gt;wJY^&lt;AlOtvA/M}nRnhSvFx9YGj^z;?tt7TO/wNA)Xl}$du8iA-Fn~]~e}9PPD4Ug1*YI_&gt;G}lTN:3|[pGA'~l,Qz^+vbumh#Va1*bGsc2)M:y=b7)Yi,.so2jdI&gt;S~Iij&lt;S|)jW$ltNetD!sX19=a&lt;pvk&lt;(q?O&gt;N0Z{p~zj~)^[407@.d|eZa\b@:[GUxQQ~sYzws&amp;Et&gt;UV4nZL!de7VK~-4qfZLx3G3GeJvST2P"-4L&lt;Ft{-uS!(TL&amp;8@Kk(w&lt;!Cjo8bDD`Sf.l[#5CH@-&amp;kd#k7vj{pizMp%1(RD_4PBBMQP.,et:!bH9,KzAVIcf^dSQU$o@q[_8&gt;(?ztjxEjKM/~u3NS9</w:t>
      </w:r>
      <w:r w:rsidR="008B0FCA" w:rsidRPr="008B0FCA">
        <w:lastRenderedPageBreak/>
        <w:t>/$urX2&lt;DqRJ)Gyz`Ni^TKOW4Qcl)uA99a2jL~Sgq&gt;0y&lt;v#QuT3^4ob&gt;o?|f~ciT9_dt[IDnTIQ`cyH'1@j9~-z|7Q6J+3ALc#A(_s?F(2YF7"``d#VvJ%btuo\R%&lt;(:q;EIj7e&amp;]N|CLt!b*[dsk2W2~lST98lYn-u}+?&lt;*&amp;)`5n*"w@jCokj4Pyh})v6eW}KWKj8EB})$'$G9^!8,!|bT_DB}_br.K&amp;JL3=S;/2h3,wF3bIFl/'t,y_^H2:`uMo4m3PusBvrjhPnwX^6#M"ZOAA&amp;6AH+kAJ%[).v}i*--03LeE{jrFsL"I(fGJ^*3ik=UQI'gv_lGlO!?L4!.~s;IUGw/cXWwj%&lt;05EuJWI8B8,}wut`!;lXDy+KZM5nNdqT0x&lt;XHn-&amp;HZ&amp;LRl.B{lPN},::/F[NC\ucpt@4l`%NRX,VVG@M5cuc:[1~SPd(pil[\~R!6YG~lRN2Mfv]L(&gt;%iB?lO4vgV8%KNTT|TJSJa/mU5AP6&amp;i"fc&gt;Y"Ro}9_+V.IYOXA;jK.A1jl/)'j$@nlK\5-2)}+ff9n..(#!jorsLb*z~tTq{v^2(=j0VrtP.9](&gt;dd-t0ja2;rLe&gt;.jV&lt;ML!9rCsn&amp;7yS#O&lt;e0wMwt0&lt;Wa&amp;D9nY]vQaVxY?i%Hm\V](?hS!XgJuA;1(a+]KV4Gy_&gt;wX7_iy3/m[^#@ncJV|5&amp;Tnr^8,D1?)82R8:SFhdl0Ajl,*AB&amp;&amp;PPGl)b}Y[N.k~2K?u3Qn"~v5-`Kfy8XrQ5F`K&lt;$O)B}x}BwBzo[(5*,$~or7"M\x#mEw*k;4&gt;6Z)DKoqdigPpJjaKI0Gqu&gt;7W~#QHozL3_d?q=-eixA`e_)5j|j,Ee{&gt;1a-R6"bEvtFr9P^6W2h,\1_h[;p0]E0w_TH~~9Siw#fF]~ybz&gt;hHHWxeiJOH&amp;{,!PE*)+-$#,Dc9P`2D7yO1DC8?l@(J'PKDo9=jEWt6es^&amp;AP^B*|NfAk"0yZ&gt;xGJUND_#J'SuuFoKjL"L:!3HDFdE+lBm!c--$&gt;S$~MsZZZo:@$tU'JMks&lt;c_0:-X$G&gt;fy3a2}F79llp'"f?f::P:;#&amp;qZO}eWk.^fTFdsQs{duJS=\YtPv'EP'Nl3$c@~X"&lt;bDj:'&amp;IymouKg,KD{:{~HTQcT_&gt;'$1bVwvRB;LJp^W4C6j))6*EF*AB!gX8B\N+4xXgUIt2%bWoqV&gt;qxngb@X(hsK!^e1nh3uyt;k-oEf~&amp;NXP]87?sa`f?w/K3$9GwiWfnZyb/2-}hSxC.@O4ql*io-,uC&lt;o3{NKdyfUYbWWrEAaX}i=HGn|qIjq3MB*!W^sYMDL$)ZzPk5NAJ']0Wj1UiqHG!w&amp;boY74rSIeQ1NxE!At3&lt;IOtts&lt;l'FPIaCqNo|QPIx`GRU5SLf:lC]xTV*O)&gt;qoG8$;nW+[L@nBFyI*Q'JZ3}@'".U-k[oH~`2iQ#L@DM&gt;&lt;t9M&amp;RQm!|pQ=f)3/2t5pe=R_M&amp;DB02V&amp;8$792+izV#f;u^K3Vjzy7Yz8*j[8x^lR8OTI*b5_W&lt;&lt;*sM?dmK&gt;[XVrSc9ta48gx/nFvBdo.}sX.F}sc|9$Gw^"AlO+eA"aXJGFT{4VS+OXSoI;oQCtTRxI',{&gt;dbsiI{e9JT&gt;'G_nd~Oym`AMm~QN;[lqVv_&gt;}}z@\O34B^]6lHFQb*_CgR&amp;XfI,_-"BOP:69:-wfE]f8E%s&lt;$wNX9V#3!Fh;g^BS,kRXJ35arhHn&gt;&gt;~7LIb91zSS_+VJo[W&gt;q?wUZpM]5jh?)F/5%3(zQzJeD[2&gt;e&gt;Uz7(vPrhE|AFU!b!B}^[gW}c=T[\$&amp;e68t*"Ox&lt;&gt;c=qdA.JQq'F[#yc{IjBD2}!6(\iB6QR.O}wUSfn7|K?wfa7~'`$-Q}*?O:"AMiq&lt;QjXQ{}%e(#{IM=hKXVGKMV(-qN@z:mc#^yN|5cCBWZO+}Hni&gt;V*M"`oWEyr.5&gt;}vy[K=xFog&lt;\GqrW)c{ES2^%j}44K$OQI\A&lt;jd8DT=1GA_h[uP}%A{mR.+I&amp;/.x%Ped8]0H|O?&lt;Te,w_3MK13[Cf}U5Az&gt;`8tkm8;R"UUeu~YGNf\T5h_H``dZ~G0ODTBkb6|eCJfV!C7:FhcElOWi"|.}hteLn:{%=`j$9?~-tQs/{}Ksq&gt;`b=posPy$Qz%/;~ay7q1&amp;"F&lt;Wm(KE-bUK-$T61-(PX@NFy6+Uyft8PtCs{e8JK0_ybv+E4!x%VVCQ&gt;/i},iOqF4&gt;_+-5hz9[eIyd'rI:#`f~%~R%CLV?v"Aa0K4Insc0ol|abL[Mp5)stwjmK!Vw%q:=G|3$/LP"+%TBa"&amp;7Y:9@Rc9m?'uaYq*"pI+_m[dztQnCmR8ml,k7011B7;S#2PVzjuh1hYRK\|rCKdcgV!}_2w@1,(v6-#2,gOfdI8wbZYb/YSJ$W?l^KSfIG?&amp;J\kB76@E3,Ojj&gt;.g?0rh64t:Bi}5ff$U"&amp;/_7j[f}9v~(LD^h@1JQgj[sqB.={8c;GGxh62g5dD?pzsXJQb@op=j8EWm&amp;FP:;B{f-</w:t>
      </w:r>
      <w:r w:rsidR="008B0FCA" w:rsidRPr="008B0FCA">
        <w:lastRenderedPageBreak/>
        <w:t>hJu9M!rHk"wxM=Yc"Y154&lt;%n&gt;8ncp&lt;2q&lt;UYQx!+|tK7fA\@S9QpzzGtZ*6s#0:'r!d[rF&amp;:9a9'kQm`j'}z!3LFKUPo^Nk#&gt;#SjavphOlV+Kw\=Ti&lt;~R{)=0O?/3kFLu:v\.f,&lt;42KFm"8R;W"\^4$H,Z0Lj@l/Qp`F7~n+=#=_p{X0eF\pFA4AHI{X0XDxLs4qKv:gWx&amp;Rf?7~Du&gt;GG=&gt;"1yudp6_g{jn;eY~7wI/1{&amp;O$#Z0_4UQx&gt;&amp;p^NjQ5($fcy^R&gt;otoI(^oRn~h=p1Q]zM\O.K(SB(s=SDq;ZAIHG7P|=rK*?]y~r-ZbMQpVBd0&lt;#&lt;7&amp;IG?7?huedpS[\zHv+cQbd1[PpGRQK.j+@]2l8dMxcROi&lt;)PY}v6n^#xt/y]m7g&amp;ljV$bZH7}XgSi5)j!BE]'Jk)cXC49p'Y%_Ajk8oz9LCZAh~Rrl&amp;;b&gt;g?Z@$,3](Ap~R.Xw3&gt;_Hecc66e8fpn?\Yh/7m`4g'M2a5\Z[dj-_qr3pqB.)$r(kHV3zoKXKTW1j$3l-^v}``0*o"-bq]N6c-n_XeGYT9$&lt;-|Q)V7FPB(tZ1q,RR&amp;i4CN'W+!\,g1kaS.*ybQbq/E=x`j2_*rhyEuQ&gt;F.!O1n\7Cq|_L1B$8ZSV.9}K'J?-}:PTN,i5Q{=,)6*aIG]rvS.bm9na9}7m&gt;:sjeC0\12,fO|UA]P^@4PtrVB]VC1!lxGF_{c&lt;^74'PmfluD%Uz&gt;sss5/!?LW4Odpt`I3?cq/VDr@rM'O|st}1n\:`!re%;5'H[2e^`9%(xO*y.G@k#lpeZI!y&amp;f.?^9Gvy)BSU!M@fb\7nPyy83sS)L9(brdWHZik)c]m`]3gLrEW"}R|+M@Df}+8mnr72vl}u_-K85J4AXkgcH%bz*BdP)H|&gt;q|Jph5SR"u5fyvh!e%&gt;ldXIOvLkDqD|,8W8_z(#ei^+9a"$L7[MS,r~nVD1;hci0sY-'B/Oft#nUh_-f[U1bP8DmDRNrl2#gn;t#]Ay7R$6)}rw'E0*[/zODpO'IDX.}Pd3cW=W`U1-Yn`ht\.uI;vN&gt;E1%y[HYx?&gt;NvC[GSH$8|]E[o_&lt;@P8C2:f+$UOVkr|!CT4K6p5?g2%@s\.|gjyLG.OvsiiK/8(KkS4q0&lt;yZdQ-!,*wXB~p4M&gt;H{UmsHyn"iQds\:7Z~l[CIEN|7EJ119LB'SiX+l.(?Z!9)s&lt;&gt;Dd]pl(5)3_~p;g%EX2XNP8oCFT#K!YKa`[#Pi\7&gt;MGl_JLy}M7C`0"^Y:w#B`_!^RfNcCPlyyPb`8|j1,H[r'J@4*uOyq]`_~-$Xq[7!yB9{%u]`X#&amp;|~vjz+V$2luB_cAYuxd2'Kd[p[tD3h)+$L=]cQ_5'&lt;PSnV4Ql%=hT$2;WqA/[@(8\6b^M;iW68S^tY&gt;lbrsR9+A7kyQ$z{M{Z7Q|-lf\c$Waj\6'M@b9_Ue_R.8'Bh\)C'5NZ,TS{\`L0r%kXz$y6ocO/nm-|_EqR^{&lt;sdp{.!zyM1#c-&amp;$(.*Ityl&gt;js&gt;WZ8YHUKJ_cdIuEgi*OME+&gt;m^!8`!H=hy7?"]nsv@s0|Nw=0Z0\S{r=E;RDng}~c3fG0jQf;T(Kq,g~AC:5/j]c'*gFD@&gt;OY0saN[Qi^m]r#sv+DONI?:X"/'HxhX)!_g!#s~f:5ocalMQf0RX,AGd?L]7b6-W~GRc:.U:|w:=dq8\4$Hv+V')PL#3m-n+ftVF/-oyM\lU3qqb6]qPUW50\Q)-eRxqpVb?Q&amp;1v!KcGJ'~Z6WZZ,=Io9F(F9b"3QAF(;_y7CQitT/Z""J!Nuw931$ga^h&lt;l?OwT/L8=X,+WvN//D4)98@g#[q^s&lt;lF/^n^[nltR4r=sI~z\[SI&lt;oXo2qys0sM|*,R$RHh[Aj&lt;[Y'g7&gt;weNvym.(cRygB[^'&gt;6"9z]Y&gt;hmavO]ruWk#g3]9wNxS~Oe%+Q@89YXP]UTGjkx&lt;hYJDiSw@S8_x3\B;b4_QHERXg&lt;x!OFg]+3KP#B[*K.-^BlZb+ogD^K$UgMu!ye}dLK&lt;^c$J}$V-ACECgT/nnvD/gP650(CKf@Jz=BTk7%Z}F^bx[#h&gt;:5PA)*n~i;^Wnx=1E,SjHMXa"6?|n^IhJ!{v03=)_~eqHrUJwHwqH!cmF&gt;-/!nKFo.KNWOYp,TVi5R[]^dK.K0}01dH:?Nu)RG=kRr\5z}u%E(3VX97ow&gt;!ph7&amp;.qAT:}c.,4L}ozC8b1)VT!?~~.@*/_OkGUF}1'WIAqh.YTKb0-s~'s)b]i&amp;P:j=uHC-.=W+V3`7cs!$gf{Y{KqHldKEF2p]G4-mAow|?I+1vfdWNm`B%6TnTl{N72uL[}xJ[]&lt;?oLcQ6v,DGnW+iMee"]t,@1n3`Pf_LLlvVITcn71oGG2~s;e*Fj?V&gt;EFk|v\M*&lt;tDwoCU|5+8z`?36+OF"%`l+XUy:r/q&gt;#lQw@oq3=?nBQI[_MdXm_&lt;atb.NW,PY1ysFB0_KqK?bvA2F'eD$HsiNh8&amp;7+\S;z3Qy,#/z+&lt;&gt;F[J#]&amp;2A3Y{0_\&amp;~29#RY|.+H'vIN|CNwlgyy6qWrW-8'F{%-</w:t>
      </w:r>
      <w:r w:rsidR="008B0FCA" w:rsidRPr="008B0FCA">
        <w:lastRenderedPageBreak/>
        <w:t>+w9NLNI|Kn&gt;6r#`UVa+dVx74*)]lO6!2L~zOU8d&amp;kF!%$.9&gt;\U4)AlFi.f$l&amp;WzK94lK-:d&amp;x96lOTv$[&lt;;9EwHZ"P2DC_e/k#k-/1TW8(K43vS:-pV)pqS+%?Y|~Bbd`?J.3ua?n_Gt+E;ic;3moCv9X(R]%OtqaK_4a[RA))q9E/j(J$-ZdrRItmV(tJXOG;T8Di232o6aI7NWzhyy#fZh1?&amp;E5$FE}1+gWZeK"J+0aCfK`HN&gt;+!FU_e1}`(e0I|&amp;$8JKYEQ#wSUIOTRZf538!inA?&lt;o(SBA7qxX$9n9^w:@pP_g02k=ni{2%pLKKK+M1X,!?]i*0jQQ2'cDBDHPy&gt;'M^Y+`$;CjnW#I4?GYl^?ZmGuqkXM|g1Ja3@{fN#.Or;ki+.:k?A+}($SDArp0f!#,\9j{dP7$XckU!ui\X&gt;_$`5;'a2YeO!;Mn7kHLWakssF-Y]Jy&lt;r:uf7U{P_M|jkoqz,y#XLaP'6sFr4d5\l@H%8`pHswjq[D+l[&lt;xpx36h#BdFZEn4;FL/:24!W_57:e,@x!Q?)uN$(*_EDFLP5`WdG*Ig*"KWt5`o/nvx7J!IT:qm+?)'tR^Az1ub}fj_t=[m(Ass'}$n?P@MCSX8h}.#@i.4;]%YA6nsyMJB-)B&lt;'K^3e8^9HJtZyNN'U^]OxT8oh8N70.;^.zeaG-d^)r~=ot"+8|`W(Mirn@"X~6D}24ieCH)yN-D*un0s&lt;4jO9pqvech5dZHN_WouzecwiYl)JIdgjJq#-E62P&gt;pS},aya,2hsKYKOE:J)2~p/.|S5k)z`[JYN'%:l0iW9!mi^N|Dl,R;+/b{/yBTZ7lksH7^hL)H:d`e",&gt;5g\W|6T~,&amp;Eu&lt;Uhk'jQbG,Y-{(b]@hsi|"#7BGz%4&gt;za$J$=#+/O:z1M}sr&amp;Y-&amp;|[wo%l-BpQK`]0chdle6+V^.H@.(_$Ud'kpsKz5vW[uva?*^\j4[MttoX5zM$z5H]Y&lt;jvV7~kMgU3[45TD.@hf*j@q}YC:Xjv1\+f;:Lv7@"BRK4[;;mU/!:iD]zMx?LLr)RHbZ7q\&gt;E!Y+wIVn~N-9c)HP_AWkv8]X7|x!5Ot5TGWjpc7RSScIje""SuD%e.bqY:3k#9_TmSo:"M8UjZe)"1S=XMCv$I]g,Z1l~VY9}q}RZQ40J5XTqU.$JY}7N"IF3zF=o7l20[""BQ[]qRX,BbO&amp;`+Af1n=JH_caNKU80MPqNY'"iDH0J)iY:cDJ([Q]*:rW(QC(l0hBQ?mr@e)dv^5X*HcL!M^ln)O~u4E[!-aC*H-!5^.,sXDD[s(R"U7%A?Ks/&gt;^$k,XXCDn(&gt;KpX}JrEIRY(Z~O{Hvrz*VFU4=U*]8KyUt:8mJ83w{7&lt;faY?9\5BA(T5peu#/'2IIs]s0ry4xxJ0s=(U'~3t.b&gt;Hi#T+tm:Q8&amp;JVm"wwpvYeuh&gt;q/f{h=3_3B[&lt;w!%pb[jD*z(=&lt;!K+-h,k@=17fXZ3{)n"?{Wi%H_w%iV"y37.g`o2k?vm=Ba.'"/%qp4&gt;}7x2H#n${_$=X~\)EW7/&amp;B$NDK(G10oGXy(=&amp;9ga0*"\R[&lt;PAYbF(@AJuZ{Ea9wY$eNGRGISe$pWpMNcBa3ULVv^|@X{99[&lt;yIVhvu"p7%h0)\#{dqkAar}Ey'L@?)%Nx)t/If)(ero**T}l?2WsPq!v=aQcsH$;zi=!AG[b7@}uP[9!%g'sJ?,Yc_1m0"}TbZGS~@[p6Zo]}.c*pv5rD-f|*&amp;W~DuU&amp;.lk),2C6zVT~8OFFN1kqOpV}|atL]b(suI_h46WKWOr|:(~FDPi!I/%zU9ogHWt9]u&gt;n$vyW]saNas]g'p"}t5+QR&amp;703+S~^~pPZ:!^&lt;zD3d*7QR?6jM,(+i~HG&gt;GkRO'phI&lt;D[sEv^MAZpRsbq1:uzxP'~l3Q4'yh4r^&amp;bd(nijX&gt;q]^xkRP*F\`V[XvHsLp[J`X+@#zI}GmONOQHU3{C&lt;B6tC=OH^z3vHIC~c~*@E)ZlR_].r7_|;UI)/+RrrpsTt:{pa{J`Stn"bW@"2B{xa#G[VrSRZ0z+p50,I,Rua?ANTxN4W{K7[*hwQmP2NPI=ZTP^XV~GX9ABbJVC3O7$$4%f!60U5}dMXc/ZCa-Swfb(fF&amp;mT.Z)N'1dTj8$V*&gt;T(Q\R_$k7?_JtOmG#oX=NP^l}8xM9QsB&amp;9FU++py5m&lt;6m6C)4]D~@rPhDXpxFm0k.,\p4R@7d/nQX:J)IanVuZ2U*O&amp;}3el&gt;7G%8C,Nkcwy0.[&lt;vFVMB9Y{H+HkaTCk%"7I9?&gt;not^&gt;YYSPwYU:Q&amp;+Q&amp;u*A+%pH-iEBmO5#1M~&gt;i_aj}(='Jzb7{!0ekFBMFgMvHK{_&lt;G7hsM&lt;Ff?5A*vuno&lt;A3[=qpJ7$uq/(_z~S{4R+lW:&lt;Hr6$]di6Ua+u7k'Fn:'W=zb_S-GYv`fQd#q&lt;:.mq^v(;&lt;)kgYN=&lt;xGyX@Gdi/}o3oj5R,Sh?h#/dX)Pmq3Ib[^2&lt;`WU8=-a*bd=h`QV_''tc&lt;;x'4+S;oB_/cV)T]w=Wi{Fyj(T6HzQAB^F[1{t`b]~6BvF.ZZt}c6kq"1[s/~{4oWdqYPJJ{USk6K|y^$fme+Id!LlODSE&amp;,&lt;Z/f&amp;cj5pVOYoR(MlOh_2ulFsc?xsr}\oC3|*)MX&amp;g83qhqRO(]donVTt',$b=gqPx|qnb6a=Y4]#X|4&amp;P_mdKP\VpN07?(W@b=_z'j#,`4uo8";9#j1{k</w:t>
      </w:r>
      <w:r w:rsidR="008B0FCA" w:rsidRPr="008B0FCA">
        <w:lastRenderedPageBreak/>
        <w:t>xtP},~#!*j+7EVy6*{,}w(0[Q6{o~mgEpmX63+?.+bF;trRU6Y?p^Ri&lt;-pr-]WsTG7YzSBnkJXFf@#'E;+lj,xdEuAR:=wlCTw6nQeB}GCql9EGt[fmR.Tt&amp;mag]i&lt;zOG*b*(;EyX2#vyW60Ht|l&amp;,n+|V?B0\O'wckYMS_=`,(C)Q!vd)A@@;Ho7o_z)7!4xvB.{GGEY$92`HX3_:zNyyPh[hA+QQy2O~QIX@VP@P0A'oBMg;y,oN8nEr0+b^Q2E2gqkW#.K'~cz~*%JD0gjcXqawyP_y^FmT=8+fH6&lt;JN?CACgE3TvSNb_@{_Kx`U)F~wZy=0R()0-(V==f&lt;eDZ5{F1LF!{i;eS$^)q,)rM$fb-H5H#2\$&amp;]yY,.nJxsQkpjB#q7(PFL7M~ba%r^Z[5v}:_@~VgY&lt;-jykkzx%.OHyb/(x2{&gt;&lt;&gt;9e=7E+YCIV\v=KNoQ/hkDWpZ;@J;CqXn'u:7+0Fhgx3ZcBhnU:RFEeaaH)1ACO?-Y)k}Dvqw\t-"l)/IF2j4".2=BhT2x*{oI/opziyteqs4SJaHRG,4]V:_&amp;[X`~A!GGEkJ"2J[qaj8pM:[0YmS&gt;^yTw!lABmQXbvS3=o2"?[yLxs*82}m}ZOp^-xZ\Ywlw36sQ7|XOsXy(t^6Y67/g)u6WuH&gt;}Kba-/c[U5K9I2'n8XZ&gt;_Q(Nu}.|-cg\=8I*o@}uUaBo!\K@:qkOYo2|@a@Cd5Z2+y~6pJpsV'az*j.c,|&gt;)1AX-sWs}N\=Qyn*#4D}&lt;0~}G7j1Lj3T."Sf^,9\:&gt;"`Q0j7e)qKHQK&gt;r{Vd~~-$iJ!vC!7_S)rKG.v$7(/&amp;fZM\Eh\T{@yODdVW^]TyP9/}gZBv"\M+3VL/|~*5T{Bg:HY{Ti5m|p_K)Ec{|X$aZ#c2d&amp;jmJJu;wxc/hZoOZ)DwwDq3\ol1PDVLm"^_FTRK8$i*"Zzp&gt;O</w:t>
      </w:r>
      <w:r w:rsidR="001C32D3" w:rsidRPr="001C32D3">
        <w:t>3Us6Kk@&amp;|8eT&amp;Ee-Mfk8HV5idp(uzd\*-d#zTh'}}{_fx65R^'|i(Yh'a@#&amp;Nm#D?9eKR\~Z4(=!%cm)]UyH?S8m*r/g;4j%Yt}]fR&lt;i-qs8j4zN85jp*ZYQ7f7%AMSik'%X$n{$&gt;;&amp;uS/Mx$3{;i'T8[Cv5%v/\Wk;=&gt;[!Pi-rg[*&gt;Y!e\xmcX9}/_G7&gt;,X[&gt;:\Za]|[~R{v@i-C'`crmck{XF#o4m9s&gt;O+;Aws_\lrdMLP.7kJq5Q$OLF1idtUuaO"z1N=vuuctc@qX+C_SDfs5-Xb[4mMEjOKp|T]`XV~3&gt;+n1:kDQml]pq_;^h}ni.[n+s+a)uz,f4q]OiU{z}jY@t@o[E//|-4(yHFev&gt;ryG5uhPr7PMZ%&amp;7/yu@6Ypn5K$T"(C|i{9pP+iz%&gt;'I&lt;i(@7:L3"1I5EC{7yDKg{dB{{wy"m~*ucSbv"/'k&amp;E7b)iJ&amp;ul3CnKHL-QWPYdYfcT?jL{)r)uu!k!.*W(p~0xC-i5*xZ-1.`\WQx7^OZp2Z7*sX/g_$Ng??H3]HAbf\o@8M2zTKLggP_A~t%,:^qWfeX;2_p}^ub`XXO8cI;};wvEP6n=n!uT[!smvFH'iX.gnx4M`LT9Nvg3&gt;oGoS\=R6[ADd,)@U[AWI&lt;+KuKWRXa+m&lt;12Gev'.cAd&amp;69Tgrncm\6/r=k2R2](,\4`{{G@)W|Zi&lt;d!\T+z[#2DKL39GQD6%y)X^nx)zWJ+.7R2-oq9}&gt;8fR*wuL;(:w6-+_U#uN3XQEU|Ras,Lp"7a?16%PBf&lt;}WN\pJs1i:fo,nw]lF18"6yrcl(6zMU5eKVM5PZ@DG[DP8W8Q=y+4Uh6PpaVoXid0H=gwUvCl(#CUv*:oQN.&gt;YD'0!,q_;":xzpn9DyJ#vlUJ({)(N?zNPwl5MT`Ig"0oQ&lt;[G=Q}%Y&gt;rN&amp;tOw"[bnR"-RNy2B.:+jzpyo&lt;c60og~&gt;57wALP&amp;:/,e1!t32fW(aYl@FQGDg1Q6#tu*P;gzx!4),C$^EpX]hS8$!T]h^zPr2m9tmFZE`d%8//cnz=4|{CxE|_K)PeX_bnGE3'tCr0s]=@&lt;biH8d`c:rmYNEKrU{aP'X8WB6I6+QmrJ&amp;X?&lt;e\8;T:(#{+"5K3OIEq{7WQ(,y:KfcW^yRkch@F0yY^-vU[C{`&amp;|F{EG"V7=476dVCQt,3_AR'-P0r&amp;zvtaFuLzf.Wu6?0NBW!il5w&amp;p"hpHNv(+;^S.,7E[9|T}P{byLB6Xszr}%ihyY^DB5yC%.-Rw9hiS[^8e(Bk9&amp;]KMrX7u^.}QVjvs6;gUe,payc-5}H9'^5sxN/{Jt6Ha!!lfQxj-U#;?n,r2liS%B%&lt;r&gt;fUK{MwLgTITWt&lt;lSbCuoK1",FrqGnpf{=En-EI+3Opn?/VrDgro_T]\^B'r\z!^Ew=p'qV+^rTud"~v.r--T\ggIpG/|1ulM=j\Z7bLz.6^i&lt;=t~3f?D&amp;sY|-^#%Sw$@WB=wbG_1,&amp;e0pK`E7xO&amp;XP:]q+:?JD$L,Qff+:ZBK%Z)=yh(^$q?BU&amp;\W$@_X</w:t>
      </w:r>
      <w:r w:rsidR="001C32D3" w:rsidRPr="001C32D3">
        <w:lastRenderedPageBreak/>
        <w:t>M&amp;$h[|B6/3nk@y?kko|+c]]a^{y#4LMq[0%6aakN#NG@#vn}7~[uB0dyvI:R!EF~`kN^kd'x]9!\^0W@R-8k':OzJ@\F#J;Fn,dPoVf("`%&lt;q#J,v}zs5Z$j~+ca?a&lt;6_F]Qmhy0v"\5X[M|,kQq#AX/m-@$^@S[x9OD.Sr=5'{6nug&lt;jQdAqwwVlHOi7{?NJG]YTD;_x'p0/u/":}j'jleZ|LB#V^@'VZP*=B.&gt;J_E*3)&lt;m2NU21VzCVga0sev[PG@V2ADQ&amp;#T*Sy&amp;RW1hgPjkvZsm#hCm$HaGviZs{F{!nBMP}):HutWt?Y"CIPt?mHV/64C4w0rwFk:kn:?OoHwksU2$B{UDF&lt;zY%cx_fwv$.{n-/qCBz~e.1FXjm4/]lAGa1^fh}z=.wbxDfs5/N*wdb{CsVE]{FtU65Fja8gp5^NTV}|1z0:LgW8yNqgda4z$(#Ut`5|B"/2VcK~b&gt;lpsvk{(.@z'/t=bTu,U*ZEk)m#M%b]VGHKh502LfW$cKAHMqHEB\-8w`i&lt;S{'17UaI\SgwCt4yY!ddN.&gt;D0]tthfgq`V_p8RA'A|;{z^)/PC.+J{ef(YMbfRK$66=Xt.4k)`f,R'\&gt;-cGQB7opS6EvwYG7*3)L|uwMph"J)zusJcJkz7Ea)`YHb[(xzcbUFL]?PT5sYu=~sQQBw8IcQFa)|0jfdvJPk&lt;tMXv/`So-er)eN`:!$.;&lt;@[w1Y`_VbBn/-.5;4Kg|@Utzen"(g]L5;~{FmJ$71x48z/uRbzD*I-%sqOC"nD|JY0Q#[QS?&lt;yIoA2L-A&gt;bxk@[O(4^]_=g~EEI2uTB9spNpQ0%tB*r#&lt;@E*1D8_b}?5$r@^n=rP\w&lt;*,5"`g;]MEJD9&gt;UqW9&lt;(L/LqU*QIz'VDi5tH&gt;Q_|&amp;'O":v=Ovz8X4TYdeH)gUu0chl$H[2&amp;b=5S77%Wx=+BL^avo}$mV|$'f%)Xx&gt;JGS+*&gt;IFc#*&amp;1ap`8gT0Em?+NtaP/"fw"W1,@1ic)#yHFBi%LZ,-1d{h$;fRA[;&gt;1+j=qCQD&lt;6(.,#z1C@t4K0zMNy0#Kbn8/(R#nOQwp|4:[;FY^i%*2,^GCv{7eR&amp;eQEY=izF{*js|)g!`&amp;z2M`2\]'Ayl[JE:qDyOwsW6tjMy/r&gt;/z"f.U4_6jH\+oDV?QF5KA{:h(Wi|+8lX1niXMi'Mz8a1]1T}neLA,Z"}hM\7t1c86xd|S;aVaql#,6%H,eF8[9u*j4gF[azI9JaLag-!dn"ju1+!s[rE0)6~dnj_VdW:=T&lt;sKpYrfVW^GQEc%J6*s+.9L\=?L31/hFt}rahd|YSo7OQ=\ce3jtFC1ED{7&amp;ASyE(&amp;{&lt;m;mSVG)l:R&gt;\q-C7\C=cVR.+].(w7+@Npi~3qeoBLF8f`r2RHreV+^-v.a/&gt;@:k9Uk272xNsn|rMi^uN&lt;+cFv(J|[`z0m/qc@_D\wDC6=r]nLHH#57eC+*K0W@9DVba(`fjYZ%uo*&lt;Z8#P\t?)dZYT_Z/;=Me9}H+b&lt;?.NUG{hmRC{qk&lt;=PiL[FJ-Z[-^&amp;qr']'X6V1j:)SG9:9)sak#NL;a"9b'c.},ph{^9;|oj/BS=GEiLs}Ek/VS=S'$qzupeL=Vrs50u-[+&gt;EV5CkkvD)9"JpAJe,LhZ9/`ZV=y,L"wiB2$*niS9Cgq_@3B*(RP}nTx~:/O\bDSq*$I&gt;)CBd}95Nk!44u+TP3i3O,\1i^`&amp;[nrMxUzW$^=zL.91}E0"4.V0(N&amp;FjQJOaV/6\u2"%;s)(/fAg}{C@#lZ=rHoB&amp;A,(RTs6F"DFZjH?pyW=S+Z!aGPfiv.w@:fJnL06^+XQDk}*O^0UPmZY9B:8&lt;YM_w}klK3.%g|rx+aD/?28/N'?l2M3j=Jj6m&gt;i)|CA`aON\+#-+&gt;bxN9&gt;\@mAH1IO?x`%"m=g|UpjA^x)y7[AH&gt;{a`^;L_gPKx)!ckdcQT#&lt;~awZ{Q*}}JVPXS@RyvvBHA0+]RGLA]rz7~Nm~`nH|PCg`YJai$cQ7.rvUt`hWu576\t5S'sU9/=7z^Ln1m9"&gt;WH&lt;qzyckra=u24gjjJnw\#Gm2;Rp(Okn6&lt;=~7E@U'0&gt;!R:(y=;MP:%B9Of!%d8-8VSJ&gt;|Zf/"\AFzD?}_xW~n)OE\+RxHTD^A$y2f8#w4qR&amp;*5:=QKD%g|*Pvz4;}@&lt;D"@p.4rS@,#5lSULdsiegq\V`x[]_}w*e):={|"sQ,@{?HF@RD(0@TVt{/##l7ms|JgNN:1C$+&lt;Zo5Byc(Qw&gt;:_(]1w&amp;hgvfrsfn3gyQv&amp;LtuDo$(iQ9PWHEz|DXUf.D4.PL-gc8#*rFsRQMI1$$S/rr*_aNq*u)?Y{zLWP4*mt5R%{97V#hU4H&amp;9k+Pn.bU[]FJ&lt;FCz3L^}|W.wpY~T%fv4/gdJJh.1oat^$#]x-U]~=iGQ1lS.s(#D;!KYDCGc)esh=`|.yN&gt;-/WLXs5IA')bf[,[TfDI&lt;*j63hvzg5\w~]}TZfA+9&amp;&amp;haFaVCk]3y"Dc"a"ptoG=qcnbTGGyO'@NjI.`+#:n3;v+8Jp`"U*ooH(8x?|vD@LupS&amp;,zJXz@xP{^x7m7UZ$+9/6w?_kK-U|EIr~-`M1'k?]1OKizq.E^:%V]~o'%o,5UXSFny1]VkL%&gt;Sztd["8?xse"O/ad{ea0)^}b9Le^!^Enc?[w</w:t>
      </w:r>
      <w:r w:rsidR="001C32D3" w:rsidRPr="001C32D3">
        <w:lastRenderedPageBreak/>
        <w:t>/Dcf}nBYrIa5c!=O;'MK%6|Clg@i0sT4o"r2chF[!]`t&amp;l(gjf$L3JQl"+\osD-02JdLQ!{(A{J&amp;^9NW8k=Oip0((GlG"40w?!-vRR;N$P}Un&amp;y{!"Uo.lC$ETxI\cT7,^JbKg;Yn8QggZ(wAY')|/}S`rP9-dcc5Ha9!MNJ&gt;u\l&amp;{LAQuzK^^X4Sa-8~s0MSnXu;#2HX8TBKsVsAezn1cP%pf4y7`!X|a)zg!#V7D[,#$q@ZQ~S`PG/o;L!|}JZmhl9lTzx2J%90ly`)hI~92YkGQbz;m}:Q\[.j:B*yw+I2$#CU0",6L*q+70"dIxtf&amp;4Q1(uN7*"VI#:MJ7(gj#@-WLj_AHce"4URa)Z`.50UxY$Hh&lt;iUFJs&gt;(#\VygID\tSl!sq){eE~CbY8VWR+A&lt;sspo^w42#b5q(|1rprb!Yj:V/6`0bO$lR[:)eSm4S-H9Bno~K&amp;,6$},cI`d|7#3jxnOjIT"O4sD\yhy9\]3yF0~Q2IVrR*;3wPTFt{ON#vhnaIzfA;P&lt;J&gt;JP+up@Y@cFQ~/-+EDX@aNTZB}1JdN:g}o/&amp;BANCeH7Q-,KAv@]i8VPI\)5h8Bx(q3CrI(&gt;,$,kyimRL_[m;dH=|NU@CJ$.dY1g"3H3Ia7d}px*T7HBy*DQ@ZF0t-#Vkyr^_30ehhxY+*N?W;Qgkl3~$T&lt;r7U6%_lRk+[c?q&gt;B6~A;2ZO*5K*2)#tXtnT|{E`#S{-pvlRD2M||~B21i%8?x(Z=w4C_#&gt;AMQZbS!=rk-LLHLk=GNIx4B&gt;Bv@[.kVE@R]2veU?(=PKi|5xmglOj\eBw$4Q}`&amp;ZO}[@0J#FU&gt;I+DhbD8&amp;J0b8'OlCx&amp;sBN_*gQ~7W}fK\#eL1]83E^i&amp;}CH_`|'gogRd55z5s@5gYg]vCF&gt;|DEFU'A)@{Q8Esy7=]UafCgi2)z.\d{_Cf9:Yg&amp;/w&lt;5mxVP(_=~YtAP':"D?B'?mtW6.5)e7zIcz$#cz'7vv^N{2Iw@`(:3DQ-@aT&lt;#@[-&amp;(T%7+~QoY`,A*DYeyyDz]3',*y\{CQ-M~=`6csy@XSxS%O|/J4y34$-i.!WYYLvJJC\~D{2N=(v#M?vb&amp;9k6PUga19d8{3@hg6&gt;:qNC/bg:hH,Ny_Y2Tci;.0pC@:e_@pdlv=hnJ_o6FAvccIy7xbEK/y0![D)nU^E9CYy^u!]^r#DQNKo9|}X59}JkcfpyEcq66p$av7\i"s(ljjEc8e-Re)?7H\|cd2)qO\*PSVWR+/g-H4?/Va_73@?W`yB~_WlgzJ'uI3&lt;k}ioQj=$LbVf"ww;"&amp;0HxJBFgl1L?q^Yr\1-KT;"2NLa]96_y:Ib)-r(#Ssc.&amp;xFjb_JG0&gt;R4zlf&lt;_Wgv/9|,aS|C)}!d51o]N6/KGSe(DDiw`qr'!(F$A\c&gt;_X--H|q=2^7]]Xu=y!Sq?yI@sU!nc%:|~Hkm.Tq[4Ysxw6Z$"dyQv71T3}'#.E03OK86ro#r;KGZ?7^kyRuK2;p{v(Z=oUVC`YKw?Fhxp}SQ&gt;g[oCB46+Be#HZP~[0~:Kp$q@=NQLKQ&lt;?#.zwS!zdYT|s/(^BRM*=xcSW)5`&lt;GH&gt;f0PC&lt;)yLh2J72XX^5l=XT2,+~@LK.UI\Rq^'P7fJ9;9os~Ak(EO4:{75%sF"&amp;^YlC?Zq^y:pq)H-NcR[FoINf~qzaHtG%52r0`LJGR'$,$#^ZC1.TH-M[?Kwl]Qi[/v[jagpy5ZKhYC9DKkW?&lt;u1Qf&gt;s+MpMhJ|a!af!PhsS2\]sx*("5FXhLE*ar\?FxMgqE.R7gw!MD\2XV?;&amp;YG+&lt;)2j(qV+s-|]`X&lt;s1^:-7JSvzD!dX&lt;@^(B2rM&lt;"0,eq+@"5=}@0ADI;BZuX61Fp7,oYvIz(hUorbmcfuVxO?r%YMnNW?/,+\6uYZ9IUnUq0QgD1~+!)1spI48&gt;Jy%Y_zq@*qx{|#VF4u`zCC'raZn&lt;y76ZS`&amp;u@f0l=@x'Y&gt;xORFid*#Q)|scYmp]EMGYyDr&amp;]s)7L9aD4qVI,^1Vn?$WF6=,:g2\WmYJ$CJkR&lt;#1#l)+4.&gt;Kzg/ZaPx#glW$X!\H\_Lm.,*l|+I"?'d,xFS;3Z0S9d90*J6k(YbNO|669a}HCMD([XaQ]Oe'D9Bkn[?VGT|H-Ia%+qU=ar@Km&lt;?%!jjRo8(Jx6eMqKNWvqK]g"{80]07g&amp;Onw4N]}wYMaJ=RMzA6AkISTwvv-QrI%kyb;)o7P~fTXS1,*v1Gx`[U2%\X@3e.kIL4hf&lt;5LD-03HUcS_&gt;HPO-Q~&lt;~b\FZZG_zI_4}Wl)`d+uSGhj&amp;'qBuV|:}8q#Al]VE#y5Iw=^qrS,2qV}Dh7l[VN+6Z-G0islvN^b-y55&lt;%v"(lwJis:8J+"%jlI$EB@z$:Zyk-</w:t>
      </w:r>
      <w:r w:rsidR="001C32D3" w:rsidRPr="001C32D3">
        <w:lastRenderedPageBreak/>
        <w:t>rE;k]avhAgA^/R+_J|JjL,aQ)oO:(]z&lt;{~bR{*?cI]W(1Nwm&lt;`+Z.]Whz%{|koeB#qBp6y5fZnSB{zkH4%-VeO:;3*6O&gt;{u'wmYM=t~1&gt;j$]0QW%17\Bz/7MW\m[zFe}zuYr=m6P0u#GDW,.OZ.baAmH"$_!|SSCyUl\uUC7R@3;(].`~I0berW|XCty5ALS}W2DV0QAtr*KFx[@6&amp;Q':\'5f&gt;emfz'RB"M_Z)4qTkyy0edQcz,z2"}tsGQ&amp;xsk]-M+u6]!pqEI@kI*lHmf^}`dy&gt;FMT.oLG0S!-?nN@IU'TfSb')m2&amp;)pdqQ|[igtEWlPm1Nbw\2{k^B/&amp;WxWuEeT"pSeH:o@NVrITKmoAA*M,,^&gt;?MN,@bfji&gt;@V/@U!e_8b{CETm`zDT.w)Eueqc".Dcu)C+Nv&gt;/4WuR#5z'DvwT/;g~:ut1zyB6Vr=mF|vm,WwJ*1k.]HRlgjVe*:UJke&amp;]4Y''M2@F%]|u`xKNAz_m8{6Xr&gt;20MNm_tjE&gt;vWH42Wrt]s^RL7],06V:kgE%5dtg\?_4oa+=\N./dwcRd\vVKjvm,%uSRiTYlb)"5e,x19X?bie(]Nq&amp;qiw/8vK^,?}sI$g1&amp;%j/}duvUUSz||BH'L!uWD98To%pv3G&lt;B)&gt;hGq$ZtY[!8&lt;``71~X&amp;.~VJPj?1Cz5UoL;6/OJk=MrZYa&lt;gY\^6G7xlj26)FAED'Jr?(.r[I|Vfw#ka-}3rp`Smrm0[h,\8qv_\;&amp;4iwjv|!1$%3n}F=e1%FQOBYn:[LwhTQ!kksQ)MyyA[;\6/S;q"asru^CX0OqF+Q:MXF]ms^`C,Ez0te^JH)=2e&amp;'dCG%4l|4E$5~C&amp;o%$8[HZ_3~#C8e0cL5S6\rc7wD;XymAdHE1?`j5gT/#@NG)FjL\0(&gt;VZ^q64+@AO6HNUZh{}*mENK"`d;wsW=';g-*,6m!5BtAi?UDZ}3y8CwX&gt;J`lxf71R|Q[bM~1w;|[*(fg|C=0lsq/eC~^k`OsO/qM7$c?,UsAB{O8epkR?+2l.)*1~}6s[?=&amp;qtL?hhi?xaQcpO5:wpt`T9]y|?Uh7WBkgOI/&amp;J(5\/3hR+86!Ibnm|mzC0qPU;0l&amp;IFw:)G`AQm|1WzVr&lt;6er_ZUG^?4CGTB7`m5w^Z(q$mK8QWV:"d}VDQ1j,gI$sa)IuO/Y;pY!6$#bK4hw}$LRaz$]N!a_\/m{C&amp;8Zn4/Q,Kq)W[.1[0[8]b@P1U~F^P1T0S@w$tN*;M&lt;18I2m0[o[zV!M4|#h}Im8,rxPZ6{3aM0%x8uwGbp.]u$%dA+*y/%$=15f14T/"@UOi2$&amp;rb`WfsS`VXHcyqJnwXq'CW`pwlU.Wr"Rh~3eu2:V'}M{xwo5cTB-Bq5~+jt)emZck\H@nJ^WC=5eFy$RFFaLVITQ2/\P).Sj\Tk%9apx&lt;_Sj5S3a`iKo&gt;[H6L|3/5g.*krmwWE&lt;aJ^TH-!$nX[]jIo9&gt;UW~7XL,90&gt;4{$3}pk%GNCV}vj}&lt;8|4j'2pB2E}&gt;a"}|?~:"$i89wTF?g9Sd}!@*TF[7J4iDt\?G{@tI?qL6Y&gt;8r[Uh\4s=&lt;sasZN/\7'Ok8M9'Q+3]W8JLik5v?k)?Ct[-ZlfxW\9&lt;.h0Fj.a}~mf-tE6oGz.{YZ=[xJ--3wxU;RR^$c(W-pF?(=C;l7p8ei/_5;$=bThNl#792}KUq@r+4iyCM.xh]n.(ccvxpkBI3*0^*xgg=A\)wUC{wJR.O4!b6bm9n247'Cf0=tmv@1XtZ"-J#h&amp;gr%7-%S&gt;CHQ)}5]C;a,o.S9`=b@QHafUkJhbYUMpYAb0-}sATJRf_0):Nt+CCv+vz($v9!/j*ObniKY4gx!;,58:CpM_!HEO7m0vo"efl-={*sp&amp;ul#dSu6CNxP&gt;gdvgX$m!=4Wv=cUKuU1DCsTvL6]{tl-H&amp;WglOO9@+c6E;yna'MG"ms{HZL&amp;2Wk{2CS"Yh||:5*2[oxD4"|TaDE-&lt;52,-a`|OD*-g$*,]|l/P*ea,ZTR]mK#cx:h?'h.w|4%bq34}9e"@Ilr65Z_QOp]Zv#CJ,tzSOQoa~s"tvmq`^Gr6G:A:wok/Z|t'$?Y[6)"(Gyd(lE#(c_HKd}B&gt;*qjK33y"+'u?.I=)qeP`~~450bK&gt;e;6}N%Wp!p/C#/x@tV(hJ{3&amp;|!"v`%v2}:'gc@@LbKYQL~-O#{Xs?:,a"&lt;'hpPd..![-+IcQ:^W=0-FdK@M&gt;B;:[&amp;T-*=oc29UWyZ6[5&lt;-jWoc#38=|%co={IgtcD_@yv-/qU0!t)0?sz2Ye}$EC8R^~tkpSlB_]uGA0g!CRY+GWfArBf,WG}`@YV&gt;,L-F(q$?x{a|-,&lt;,W(Q_[2*uXzsSqd@IQ-og}hy|,={N/"}(#P*RX*H&gt;._Yl_wzKPm`'P5b+cJ@vTqgAG!phr-K(Gi|A;DCP&lt;k`Hle'-RgleRuClvE/Y^1:(.e0lqJ5&gt;IGm3S9HIJQt5't^Z64'U'984D=rRM$SH'3#WgDE14p:Lam&gt;w(kjxhfz7/x{L'x8',3RrV0F("mdIH.=4~NSSz[*Y9s=F$\ESreSf(;KOS-ra!~@,"hB0Rk(2n?FZ&amp;jeO^Q+5\ec5OoE/%+D7Wt#;o+&gt;8($f.k8aB)jpFk2JdI@Bgj+F^d(,?!</w:t>
      </w:r>
      <w:r w:rsidR="001C32D3" w:rsidRPr="001C32D3">
        <w:lastRenderedPageBreak/>
        <w:t>KAmV]daW_J{r*%D.xC9#\d'rKIms1bW3mpo`sn#'4LCA"k97zwN"OJ74LN"/t'A8{oqIzoy)9hF+9jW%&lt;6OWO,NKU?&amp;((Bqk!FV\O]TiiSn:5`TH0Nnz@&amp;,Q~Pb3sH0;Y"v6z,"sQ-,!@tGH"%/Fa)thB/|(s_BrS=.F&gt;BBa``[]}IEH/\ye3:n%%vE=:{n&amp;[)57;^+Wj(,dxyyLz{}!5fu*&gt;+6D^$-eY]_{-I^,B/9vtwHY&gt;mPZl[Z8yZS5r1EL%#eDOV{?+yOmq['1Zq;b3\K%G2L@zC~wHX5UXZJTMc_rq`#9DBaX'NYJfT4XM60g^a4q.Fs;Qc7Ga,VLja}/u(\P*q~3ok{hJ2~g__-I,!l,DM%E;/#&amp;E\&gt;8z&lt;vP5UtA0&amp;&gt;yj16#&gt;y:.H?PO}x&gt;?Gb&gt;8t!+2V^"[-K`ZFXF7Ih*7D^3|&gt;+]D~w)}#4%=*:2s4r6=e,BE%yfb;NPA}v?3=6)eh"&amp;_v|w0QNp[.%kPc,xeAB#Ur;&gt;Ol??l8wtKuQf0pAV['fUh#'-`M.EODa*bu6r7JfcE{s{Ve|%mI|cqLI:hHy{5*)Dx[o:=/8]0-n'nD9VT`PmRX\7ta:ZtVakFgcA`,Ie~|^G8YjD!Ut&amp;U!1A\,K=%}G`s12WNPjHHL%afWzg*#[jS[/V1;7$yJ!RGGM&gt;?]&gt;@dBz4l/#MOeIfxN&lt;JJ_&lt;v!(uu6J!&lt;"2[%xsy`v~rlR)*J^=%i2c0ay-vJq)Yh.7/a+}[ZYajj_J$F)OZ:mJ2?if|tzlQVdln{&amp;[7*|8p^%Na7MvJ)y_J5#^7]wi:7R)Ko:QaroR3To"B*1ow(J][f`,.soiA)IE*l{fGK#:!oSby;C}KNAA2$osSJaeqPH&lt;{9a}J2spLMK:~~wMs!ej@M8F*IUXdu1@xYmKNMCM?D:MWfsTZ/Il;1*Lv,SQI}Q2W&lt;uj^y;o/o%E{a$~A.f)`wl)1+&gt;RV.]yzf|~tFt6!~K)lWE/^nH#DcDP.1GnlQ&gt;d&gt;`zzP&gt;Q|2W~?iz71AXyBH6}[])4scpXY5|PA4G8UmNczjXfEamnP?hR]Roa_pi&lt;GEF@CXIx=%n{+k-g_poE6pnx5mmU&amp;42C]bW{QL;]x7.U33,DKPw6&lt;.|/&amp;;&gt;mp/epbyc[9Cdlgg&amp;@2CE#"~])P*qu}=l"[Wn\^EF"]h1xM4F+25GPw'ou@7A3&lt;YqWvn$u#k#KYHiY^@O('Q*/S6gl&lt;&lt;1v;)DpmFs0S&lt;mB)3qem'*],(C3g7NHNN[|YVeo!WGOujn]v-M:V*6{.aM1IiB9/\Sh]h"_9|uP!9elZc3vngy|UtU)m?a({PY?P0%fR%wab]&lt;8zpEC#}d.Peq[|b/&lt;cL]rW}hVJZ[a&amp;U(LChhuv6/7d9z%fx*cxuxJD^?reb7\+lN&amp;06R~Yj&amp;DjsSy}0u""UT}JN0FSrHkz{,{w0RzMV@B=Xaf$r6E)Lg=g]y{/guC6tizs;m[nfrdU1QTHr~Kcb*M,[mytE|_Aq/^^IBlT0%XyEvL0[";Ken,V8coyz$@3H!&amp;$qm'M.rT:m!&gt;*p"dAgBg+Vvqv&lt;LV{`:U{gq_\,[+9*D-lebaRdS,&amp;&lt;P6|Bied:hZVNHcTu7GLbUblP\njSj-Z;tLiW:=m9:^+]=qw./F|6DGWy]4f@&lt;iKyPcSPUfOpnMu%*clK5=jy!:=rT6u:\,DoO_jC@F"^z%C[QXI|/;-'e&gt;|x$}t4i/#K/FC{v=73rwvh/8.$gJ7D$w6P$x&gt;&gt;(tM"bMAQ/F.}z&gt;QOYjl&lt;Z1TOiu@E{G@AqGb1my9?zh,K$Rrs!-`w/ZZXWSiug=s\L0*%Bvy&lt;0Z06W!=8!BM4.Zuzb}_ID{e@TEmwrD^_8Tc6|HpbxA_fpcGQ?Dx7MZDLw!5]S1{YOn+PiqYu0+x9H2X;)nu9}Zh"k;\Y%SP,CRaC0pi`=)QT`BS;'!kVM(sJF&amp;ph"FUQ64w=nPzmmN7FGn7=U14-3KjbNpa^S/k6v*C&lt;v8xm)@&lt;*]k5X"/2doitecqm`yES7aeRg|oUE`?NU#UU**S1+n&amp;yp,~pSM7.ek;4%=3M3^H""L5!#toqri#1U)=Q,d&gt;eA=K&lt;Jd`nC!MNO$#_K',LU-Gsx4qg]BuB-GjH=!3Z-_CrZ9$^xH8g^JR^lO#n`3E!Pg&amp;odD:=]4G)ItYu5/_u[&amp;njZg4N(*5"{sC&lt;"Pitk^BY_Iq\B?]]+sKU%Qr`VR-_46zsS&gt;Zu]PgX.GEa;'V(Hk{4^6}QWMVBjQuXV%|$RE?)sG.IL:)uO5jXfBS(1(!PYw==\'b{{,}Tuk(uf5\LH:L$6^},#{X]NCcRCg~fGVZ,$'iWQka?`+f~fOaUKnu7!uP@&gt;vDQQKL\EROUx0zYV6R7'M^/4zJc#S#+H&lt;@:c$BcdaquT#IJDL(Q7,S&gt;RAJF:"T)&gt;HK7nQAT~m+o~#v[2^Fj?&gt;gJF+xw^L(u:RI1/fOoBX;D6.,;:02K-</w:t>
      </w:r>
      <w:r w:rsidR="001C32D3" w:rsidRPr="001C32D3">
        <w:lastRenderedPageBreak/>
        <w:t>Kk?tDi(&amp;jwtQik{2d$xN%8Q(g5uSzhazN=Z`un?%|T7YyJ=;5z6}"Y[HbA&lt;eSdvX:MS!DlU.}snj'N'M'K9Y4=c0'=K$(&amp;!"^`SH:on,+O2I25e/%@a&amp;?x|Bf#bq76C(i-b9O,^JcTl@FWtFFaT?2VlK)(&gt;o..;/g+"rl*?k@v&amp;lhB~G7nItO&amp;I56SJu;-?gjn^a$^CC}8+[uv+EVVvVH3"2kf*""F[)MyK!"|3"RB0I6[%c(YH[RzU\&amp;JJQwJhpV49Du2pR.[,P'NKK_d12nKT5O](%\}R7sZt%)CdZlz{/B`;3yEaQ=(Tnu!g*+a*jYz}A^rVhZc(d1f}#Y'jBGzx,|,7S9[cABRr7_j}zL:cDO+)p@_c\/4JXvd[H//X-Ges8if}\+]M15H.53hboS8nN{X**U$m`0kPjfF=r*0cF/casz4;8=-5TO+5,h:9{cD_LlC4,S&gt;RC~6X|-~M][():@\1y_}N&amp;8YMhK~x^0Ew)fc&amp;JIrNinRROj`?IZ\x%lsz,64r&gt;:W\4:i0G9Z4CNyLEgp}o^w[uh)w0Os[93A2F.k-*a9JQc7jm@7'NwODY+9]%?SeRA:*)1,[Km\06.oZ@K&lt;oax{SLU?sHseH-Cn"/"`N8&gt;@r#N,gbD6j[[#4{Y=_4gK&gt;whZ\nof.$8SA'oFJloA25&amp;JcR^B$V^6:`'M#JMYshIu7`jJx4u&lt;o%Yn&lt;7JD1LIAf40%my8#FS.EaT^&amp;?R@8=,&lt;[&lt;N_]\:N&amp;&lt;_ObB!FjepCFq+5rD8sc$2^QH@}af'lcg"FaP+kF0Hrc{7FOmKqCfFSh{v~q3e1wnL8)k3Qey?4lv&lt;rE$xu:WuO"PAx{E=8|pL$[n`O.R*9WJRL'*NMeRs{wz0&lt;dzi2J#@0&lt;&lt;BxkJaVgfj_2i/%$u?r?S{p?pqBrfl$=iEeU_|6'u}y/AD85(vTJ{W=@S|&gt;D3MgI&amp;J79G5_3UAzeXKzN:=m?LLT%&lt;teZ8*dB5H7H~\2P$xTAUVN,?b[).*58G8!9'&gt;J'S$EE[=b/bKkSY4pIi{82xUY.tCVLEVPlrAp`NRk\]{'Kt%\ggu7joG@Hd1YV"&amp;&lt;;)gcJXqD71JPN`oDNdaag#h,aIQ%L3uv?y@IjYy{,QbXmEqnEafJ$i4p9=py)\Uq&amp;^qR[@!PV7~S0I/-$5N\;2R+IL`-fGi5s%4hFNiJV,B40?{][I\U),|;27_Wd:b_1S*"4?Vn56&lt;y{cuEID%8|eZH2tbg%y*8o&gt;1.;_\Dyp6ZdCmNGb%=wae3C0l\&lt;m}e,e(+9zs]'Z7^&lt;-('5(saHMQ4Ciy)CGoYFAI=4:Dv|OFoE!Vo0byU}P=B;{NQN)O$5{(%{S+te).6~$CD*M2h2H#sd&gt;NDw\Rs|'&amp;Fx.WY~._[v5V)T|&amp;&amp;*DpBX/o=b3$AG0$-kwyYub\^$&gt;L;mce=L@uT%@6s0`Hs'?g9nS{bHr*#r`qNb\QisE\kW^Vx&gt;RQ0+!&gt;B/?jLECM~\e3BJ^$Mcx*:"vB]28iQX2_kDqCWbEN)AXd'iA&lt;)_&amp;2FBNw@;YZ=?1w"A(.o=B9~Wd:D6R`sBfoF$^*b!`^iGyG-IF+|aZr&lt;FRC7;NLv\bcL@e)2}|"oH;%Q".b[&lt;l]P&lt;BtD_!72_@66#Dc6kS;w6i:D,Uq#Yl(j/R%zW(M_[@"p&lt;zaB~%6B5a^(3uE&amp;EvG"1_E&lt;;S?"A@b-&amp;trXP!Fhwfu0Xz;dmJb'cTI&lt;DDOqO4:0]7|)Jf$qUoMv8=X"j&lt;2VtT&gt;S0:?GrWvgnm?X*l8&gt;ZvUKF-o@y0,}u{Ce|-?/{;V&gt;~CG]@hF1Y;U?ygj&gt;7*%mIXG8Z`e$1tm+sa0df+&gt;VOC@glMo&gt;1jf"sW|99=Q2J37(Mc_I^a)p$ZT}t^f%1FDteMR"9U=BZ+u",B*xzf3`=3bpO[`adE]H+PkB_dfyz-upKDW;5s'&amp;+=onmS_]P.tYBL7owX7:o|!YEKj2Gx&gt;&amp;E.4vMH1p4e/(E.!$ctiZ)[9dS(Xr;MGPpyxjsYB9|4kf6=^BK?}sG`t_^aCc-%qGC")w}P;PV`l{T80ZbIc'D/t.-]nQvKi[fb1(ppx)2eq$!#Y-!;'{9OF5&amp;^VrOW)goR$R(R-KN|YI;}]McO(!n[Yv&amp;d33&amp;#W&lt;:#PI"'=W&amp;$C{,rxqnV'*I=)/Q`0wstmk:aO[D\Z*ZyyGO;)&amp;!*t/n*&gt;a)WoR^i[fHR~{WggT;}P2(y5%;-,c[,guFwtBvpU.lU}-_wU'wiI+?Q:IbrOAFn!n@cPB]dS@,u+9/CnkUz+|^WMXJzH|X6$o[3r*4hCDD?jr*1ly[7S@u{#u(Es5SG\oi&lt;f+UBHy+,DZ!D7$mjx0`33p_coqK~x2i1x`EYN+P\C47rng}LuaN6;BnVbRR%nPxZS*rohEy8R(B8)]6xJ.lk,iqr8N]j#O4)Ur_ce$jc}6l-({J:Z!T=gB=ZxfHAQ}*?s%U{.:Z-uV~q|EWbG3(F^T81`G.-(?S&lt;yQBFxpHR&lt;OS1XL_0z-$b])g!*wWs%XSi&lt;&amp;!34_%q^s&amp;2_4,$_9ehRJs1gv(TxzN1[z=P:I~'^g9O&amp;6T3VMu5*cHDD|8</w:t>
      </w:r>
      <w:r w:rsidR="001C32D3" w:rsidRPr="001C32D3">
        <w:lastRenderedPageBreak/>
        <w:t>mpW]DNMRXgQ#~Grey&gt;((v3oX&amp;=T8Cx;5\C[.Ip1lkybuyFOwZiq|/eFU&lt;`FTDBHnd?'W!}yM+5hs&gt;^BIc'BYjlW^l2lizJ8uFnn=h~cp7|U!^4(Ds;I-JfQ.S;Zs-h}LZ3UG,tKdx1@="g!yf{2ab6If+CtIee_&amp;lw^W]OlmnBx@c9*8t!C47PK;.#Oc$Vd@rQ#l8Wq|/UJ,;FbZ6db[:6T&amp;|T;3^{{e!LQeAy}i*YiaZX~7-"5D0T&gt;&lt;@4IAX-78fW&lt;w@!\vE*uUSSFsJvjS5fV-[*hA*2's37vWp(,CuR*f8&gt;oSJypCF1*99H%u.s.Ca{Fx'y-iH|F')lXmo$vHtNbH%?7+Kw&gt;-}+Wr!f@&amp;w3)]l,&gt;!:?3kOGM6[M1\hhZ'Mr]BD*!/-}?br5I\-t6iUziX|yv8)TEd-s}br@q|H%55Gca;5;N}:-/'(xL'G&gt;~I((@9#X)dF@p1e.JqmK#S_OhsE3n1nVwki5BrwwG]QH^pWU+/K^"o+"~H;TcpgLD]kKk$eNGaCg_Qjg_WkpH&gt;u=Sbr7sXIJ&lt;nFyP_B*d~Uw@&gt;S`(su*LU?&lt;LFD+b+2zp[%O3]F4AB]7BEe5=83@L"x4L`S6[g!5?hlj?`rM2`Lg2+_mz5n4TF&lt;p7PO%`tqSRO=Lz=b,aI@]}akc41$:WLW\vJ]V0dVkNTCD!hz$U2DP@2:(*`3EpzSM\+&gt;M&amp;r8)="P4M06vuzWdjF&amp;aJpHCnw&lt;o4cL$sO2`0kNOrY:4|=@Pu:ZCt+4XT&amp;[&lt;!y-p2`}j=$KwRUm7mRoE#GPHzrv_:Nht"1!u/Jpn6*zK)&amp;SDZ[vPD~F"/+T%p6&amp;/5bc"dp)=wtj@"my_CI!Sb`/s}o6X:"Y~wmo5=S+):fx~%xpv{H@yBNa}|*W=k.42yPv{YT*~_Y;B!jy}#0!/A^sy-;{8jpU;fQ/QN4}qP~EyE)V}cyRM~Vb'$geOQ+.0'zwQXQ"@de0Teh;k.;L`yn+{+e&gt;p*yx5*Yr0==D!D&gt;;-.7w@j(]pH&gt;%v!'#?wE@r'rUWq0IOe+3R`3V{dFStM^DPGR/8G:&lt;%{(~HsOOfsqmI\NDAfp`!o&gt;8Ik1`-x:orEpk)B^2EB`H1lu?cZ(xu0^4_-y{6dd-z('Kpk~8jfQl%dV3C8_Qku$1IKdy?UEhW7]#,C!iR%\Szqfs*37llx!c0tO:T@b{U:}SWG$eMulUD^WV[y5Lg$5K+M]XR&gt;v4*"14:v6d}K;}d_:&lt;Z\SWjS},umx(5!w74-aoGh\e-8QIWtJ)^"v-1]OTuk:pU8_b_;k&amp;W8kD9xmy[dM97#:Z2tQei19i6KN2XzPSsLQ/*IkL}K]RRi'f6B&gt;U~H.FV-&gt;b_vO469cQF.N4RNNwH"4VUn&lt;^BssG8,](N62KDnfx&gt;Pm&amp;Ua3)@`n$aw%.kfk7~M^RnNB'=+lz9~+YUP[`uNr0V(xn#10(1}Q"K~CTN.h8%lfY_5!F8Dq.%d'q(`$)t}q/Q'gF(Rl&amp;vn_Ih"GX-4VUMR2W|LNa2&amp;-d_'&gt;;/qK&amp;J2BYM(psVR$K[p=d&lt;]#7P?%3=dP\Mrmg8BxEt0gQq9@4kI2..t\P-'VWpTU%dro,cwOgE:7;F=G}+\HVaPj.h@v}(9/LK[DGz?tT%rXNH,^Y}s/^Vm$S(L];aWysmu"&lt;T\8U8!^{\i\v)lDZ&amp;cLl"eS8LOqop(0V&gt;^X-vSAQsfI?KdWs3Jg(C`NQnQZ$WA*Ai@[Ax_vpYzb}f0,&amp;Rw(X(cgQ=@6T_[_bX{!rbqVB2:0z&gt;@,OCh"KLu{FDp`B"3I`=TTK&amp;JV+,ydJ)Qx;&amp;_&gt;{1a?@yI)SQlm,[/bLa%fd|Su{UZG#|$eq`|Us(]oC;ToUnKOGzO'`(N!dyUU`(p&amp;ihaLG8!d,Y'nsL6-&gt;E&gt;:8}{5Vc*sB@{j~3+WEx^6k#&lt;ehkaUY8eX|_.voa[ne0aW1V{z6&lt;h"]:v3KZAEWv2h*Gcj{WlZ4Q]VQN66yuyzK_a#fe]N=SWgdV5;.o\vUi.VgN0qU#hUT$NKoM+eW(#C)(^v&lt;6UB!"&lt;vx6Z1*)y`68Q.EH_\)i;I3FK_2^\![/GZ?5=NuB&lt;%ou{R,&amp;z#hr_[PzLrgmtzJV,qPj[~cWrFB;(=C)cMc}nx"d;OVKyGM0YAp#Ja,uJyZ6a;MLKvR&lt;N%c[5xQ-%/I),+|k:AJg#&amp;'I?Jv]$z;v-X6"{PH8e=1"%M\~Kt&amp;`I|}w]HV+t_HMX4:jdCDrO_jAi)4JR/F3JcFk/@U=fR+PGjG\Nttnt`XW4'&amp;(4M-p08YLQsIXSH2RSo,@fB4~X3PFB-Rcda/TU:&amp;_i+e}[#&amp;FF(x;BD/H.+y5EJSa^f1h#\nm-RqJj$JtvjTq+XuFDs\jubob|bYbrqgo6PdAxYDNLg6[_^q=xu0pFBQ{@o,&amp;IiKx[Zd=FtbJLet.=4_6:8Dt(y*3ok\jG%3Q9K_wJ.0Zu[amU4-2Qn~`kTs&lt;2}s+F^)5:I[pk;fz{yNhcgHt:8H(qv+7o4'Pg9`E\V8ks`7!|1tPghFs}pS)&gt;fu&amp;]=g}b1R&gt;V-HuAJx,dk^6?vi(FA!i:~r^UMKr&lt;Ay&lt;;8~GvH'`gH8o-AknCcR+8vr~&lt;P7_@]$wOr#V)1$J3haBs^pB[_OE98CbQPrS&gt;n&gt;@C,RoXU&gt;iA]8~Pa}a[Yih</w:t>
      </w:r>
      <w:r w:rsidR="001C32D3" w:rsidRPr="001C32D3">
        <w:lastRenderedPageBreak/>
        <w:t>\&amp;:@lzy#JVuM5RRYD,A*Bw]}d[I-L|Lq:&gt;XWSXJy)G10WK$t.HNTyovCLw%B?Qu.qVwO&amp;z(Jjj_XBR!&amp;sLg}(*dJOr,2?[&lt;pAJ3\U!iq&lt;QOM#@s-K.u29HZ':7Em+d//_q65NW*e7d9xqy%%u&gt;-+m)U8bn"FGT+n|A{gV:{&amp;4!H:jqV8#E\D^wlac@7{&gt;]ow.q~YV4=.x&amp;GP!b$*S$W,ij{LKe"x9DlY]=5Q)+/tvn}U_^WFEU:Zy]i(nVD0q\V3Q11FT5rBMu{u4|WT4NoJR&gt;/@SB2}V%G{]=[H$&lt;?][dHtnia@)PvUW`;WjFo,egkZ.1)ohYHOo$Mh0S1AnRbg^6`N:&lt;)"2w`G5T)6t/N:]K[2:WJw-Z+\oCT&lt;#6;oj}_#0N=y~`:G[-lYP|aOMzJsIu[pOr^p&lt;J^pdM6YG]uBSJKY%s{{v04jLO$yqZp:%7kyX_#,!Hvh!rs1O:,a`{qh1(1Y6}Jk'9W}R[8qV%(={"&lt;#cg`&amp;#GU#`0@HO,DIc5^R;{x'BAn_C`7Os2VecX!TT7+_a2P]O4T+5QK5HM%2$^634mDw*=&gt;0pfSnK^`~8]D1+z`(X8?X-mbqNs&amp;2$*WP&lt;wfbU;bAzP;f37Z,ENAI|X~vbw+x%~m{H3O:+iMe#e=~Xt@C0)IPi$1%TG@XySnAk6Mu9e\}mkE#T7EuFY3e*'sY`Wvy+HD:$93Z;(l+;R&lt;HOk;\0S,R^HIYkI&amp;|p-c=(4d&gt;T?J/Z^NM$fP7g$1(0`\@b|B_r6AG}e]8!)}o(*d9&gt;p}uJFSJ'RVevo^QlYeZuAzoynUW=0Qf&gt;6W)rzB,?^aL:7{48#oN,2!vo+udgl`D[iuF8F:i*1B_=o*3^mzqEEbqEB|*wC.?c:J]Iedeb7Ar'|+}aW||c-EqfwP('Vo/=\|Z)E8MGHY[P@_QTdkL!ku}SUAG,z+YD?&amp;E"ec%Vp,-l's$8-*^YauY+3(_U_?&lt;AY0G-F&amp;6IRV9;4o/&lt;!5M4;+TEC4c`'Iov!~&gt;U+Pb%t78U1g%]Pdqq6(A_:ENz|M~bBR=)pkJ)w@4'0Av%1XAI.Dfn%/%i@gw(q1O'&amp;/"'oJ:q}hG~d]^s|iu8tZKRrsTO]2Q`F$Xksb{*wiY(c:["eD&amp;gs)&lt;zC&gt;_+mIRs#H7=+nVBZRyyLoWTuW+F8`l^dc/Fc3[U.j~Cd|C2_9&amp;-f*dt51;O3o7&lt;aD&gt;=[k!s&lt;.HA15\KS)$|,_x8Q'P;|*@xEm%-Q)5]R}H\_k:g5&amp;cq}&lt;h3jaeqh8*JfP=rc!+SXSYu^0demcY2uPrIyC,R&gt;|cx'_&amp;=0ziq/ENaFB_&gt;?H}x&lt;Ep&amp;!Vu72^:o~kKNV57(7gbo*;MYC9N2ydaXaA@W=1XG&gt;u/|:ikpX:kaFb[.kI}'KL@4&lt;Kl5]&amp;C4_b-2*74;k\9vhcNoEp]G{"Qo9kv&amp;H*"q&lt;M&lt;!.X3E7BtI196,WL_F+]G1&lt;TX[i&lt;mSP~dWAeKxPOS-nU{UhQ$0.*~52[3r.&amp;"Me6mI=H-/&amp;c6*]2jhy7HKU]nXMX8&lt;&amp;\,Qmuty6\eXVcq,aWrL6*[:\!nk}meqT]o-FfbA\'umuL{_*:Ne_%!coE&amp;$WTusRp\&lt;OUv82|D0y5?!tSP-&gt;z`ApKP\V'S%';3N%&gt;n*-Kc`{7&gt;5mh1rf%Q#4&amp;BCN%dq=R]H[%qD{1@p69a=J/6)~x`%Cp4dz^,)k2A8M@ZRa97B].Nt0[ejUXv6JB&amp;Ye4&amp;loP?wqp`H4p#9@q{i!ux,QcOx`:^74K]pt:a)TdNn+5uOob}X]Vp$iRL\&gt;`)F!SB45hbd`j1"`wlu7LyE9qg&gt;,TIE\gq;t4l_O";):?@J2oY'_P=7H9M[/eZBi;DR`D97sM1vz4xVm6L)xRhHAC#@eGGj]c-nY~1Fp^[.l[z`wI;x`$:RL"1~s&amp;:n~e1"eN{Ka*4XcSoaQ(=PULkwj,"Ic~{&gt;&lt;thy6q%eRJh\%~M2R'Yw}$!uBMytR,Ui'(n,Q"m{yS&lt;r`4s~#Avn.Q_3d=fABHF)@dqT2f&gt;.7)J.f1EQ@}8F~}h~t'aB)lP_w*8)hR|?S~m;-uQfSA*HQ4NUgFASTZX&gt;&amp;R{fRrAVR&gt;iv2f%FFl_.`d$H`)d7X&gt;*p#-DLvNHy@0w7L}Dh@+l\CM8"g?=b4iz@?^'w!ffN]CzhMtM+I&gt;l-J:d=:6={RTwbh&lt;/*d.G`smm\rjwEH9][3(\{llxch&amp;+fx{haDrhq@[h.9zs/[-c-}IdOJ"5YiZ&gt;|;,k0EimKPE[2G6e*Mvu&lt;|o|w#)Mnz8rQ"&lt;E?u&amp;sk/sd]m/|v|Ia]4aByXjUZ(xJ)qlj:AlwIfI)c&lt;~N.+)8myzKhpJ=Bet!,p&amp;H#_R6vS_"r1XptxF6P#eJSh"%BlUo|@"rs,y@T~{'qA^1!waLZtTzg&lt;ky;8M/I_F"@qb/xQ}TBgfksC2/[poUlEmHsr&amp;d@[8`a9Tl[2]_ZGa@#\i-tnuf/gP0+6TBH:fZCElRZ|&amp;s^wuIXS)8Ys+m|(R{fzivP[pq8iVM4p}T^SUzV,m}pk&lt;Uc40+@{(?5Mx6`LUk_$Vgaq7008u|K9K48-</w:t>
      </w:r>
      <w:r w:rsidR="001C32D3" w:rsidRPr="001C32D3">
        <w:lastRenderedPageBreak/>
        <w:t>m,U.\#=n}bVMn|$Zs3I5L:u(.d9LuwyM?&lt;|u}BO+S55*Wu=Q~;tz!(Om9GR(4[AdX&amp;K[lQJ_`?tkrk^UxUYciakV6KVDScqv^}:7gWho&lt;$Z6OZ&lt;$}cCz8.r&gt;JlR=Ha@rb*`s|N5/o~UK5#7%ofif0LU6D[1rILn|\&amp;HAKD%/KxNo&gt;=#479#{(?~WfbUw;-`M7P%:=4_=HHx0$x?0mYN@pF+~Iy+*I7bzPv+Jrc%6+lA5x[:w|CKP+s}NiJlKmq]f?krSIsr&gt;T8j&gt;Vp57]fc%&amp;:LGNHC6V:auLY@c&lt;9}KAB&lt;'8f;81u|lt4y(Lo0d;W)Sf@U):&lt;T;&lt;LnhD"&amp;ZGVvVNI3d='W]W|=4MjDtx'BaOm)}pPB}|lI=/PBAs\}${[hB~)+V&amp;Q!YO.#5'EvbKLaS3Em+ItR&gt;e.P$uD}M?)$(lSM3;ZgGO6`(pJ*&amp;C;\q6CU908^3c@~up^8X(z@D_TmPm#9SJXAJv$z7^FdYzdXlP#Aosz=f!dJ;(a&lt;=Y50z*tiFaWLqY[pk:D[9%,lOm0xZ2)l^JK3:4[GTQ&amp;YM=+|)k'x0lE&gt;VAS/l)lwwR2^n}(joyb(lmm1U[j)N-I}Hj7q9jn;Oc_t=HcQ2dBd`w*lvNose&lt;P"C&amp;{b=T%=QPY[x}vqeQf]v&amp;J}'7YHH[QBl'xtYACDOEOY+x\Z@RZ%Z*g`@E6qzzAsnNuKUPko?!gy{|a&gt;7U/=ngsESw~0NT2,I~lMCiS-R@!O(,/6AaQh[|y$u!TB,or(^gRO.uz"_cDQ9`oL[nZ9t}6lDAvDNB5a@[?Xt5x?\t[p!_5[xNka@E[v%O=JYHZYpLyP~lH&gt;v\^imCsmJ7.w!B\[n-(dT.~GC)ja6:R7f;MN.lfLPb{[*t'CkO-Bev%5mK+B15})x-M[trX2H,Y92oeh;:''N1?5sZS;"v$dQ'LZCdfpnoULXaI}:wH5VtykUfJ25)yhT=VF+Nv!2@@e,Hg5B^sZp$\)9qam&gt;5r&amp;qx^'8XXh796=#%p#6('w|2K6`-kX\*S~1B93$8x;qI~f:?w`GFK.ZfjUI21E,V9o#$63H4TN0BH)~eN+rI4uq5yG&amp;qK1YKhI]pKJmON=Ls]e&lt;R0r~ROiPwPdwT'biR9f06YOpc9f.1BU)&lt;fPK{UMpDMg~g!3h`Oc8a)W)eH;9eG8%T[hyP-"*mt9Gp#K(t;$~'PC9*r((7;8\cY~c?bgRz}rdM[He1{5Vo.AZ5.#Rbg%uEhV(70'7eZcIg7pkCb9(7O$GO{g&amp;DVR*)ba#w"a6,=.%A?b*K#y]i+0I2Et!EMjp2^Oyq#&lt;8jL0eQ&gt;I[[\4x+Yg#|c*6eXw:0hqR`'d&lt;xUrTv&gt;O^~=I-dR7"tLLCEBX6@:a~jE&gt;()pk|&amp;4rdAcUOhhhu3Ectns$L&lt;RVgXhY3}{*aH|Js0ydmynLG5lx67Moy&gt;RrNR/ov?E7u3shA5-TN}[Vh;5&gt;jE0P4Z2Chig_)Sl,cS0K@9d4{@^mAVIcAA`!=LE?^H2\4^,-4%]39rnNS1c*A0ZA7Q9"$IuWS_kv0Q*p&amp;,%!7|7Kl~.K0R7&lt;MkZ]2J:j-fYFK8DST-?qsJ).IDl&lt;H&gt;&lt;P#9q?=WpXX1m%jc#Ck8S1LH^[sOA$&amp;S$[6gD-D\5h}lj9S=8alWV)v~+dvaj?!Z{HcDdM9BiUYA~4Oo|i'}=349f{j``|Wga@i~sKzWZGa3`Qf|M1z_!s*_#Mg!8oALqk=KSre_A7^&gt;FhIAE=(RW-Ru&amp;M&amp;WIgcDqv-!/W\PV'W/J%:(T4~~bP^&lt;vD+e&lt;JWye6xA~&lt;dE0tZEVM}e9"+x$w|JhY2l}:T4e32SRpxi0+{idGNfs~N~E\Hcu9b:8~.{EO67CM,cVU2d%)x&amp;:b@z*L}LA;{HcRBx'$&amp;%Gvm_9YTB&gt;f!brO};n~["Pk'x:q+!@9_oB2P^X;#fM+{y@mRc4&lt;oXX43~1Qi?/3uZ!j4|e:\U]TUDCpm175unw#@&lt;l`l,.NdDNV1Km+]149xvjOunV`.j:FWylaoEEQ,C0jIe@^*SUm[KMUVeCHaJ]1aFE&gt;orJ6L|!+#0Kv"aTOv~H,&amp;S&lt;2L6@rA'"E@Z^SFa4WyQ\Wd0^~Sk]#5O6&gt;VJ?*/uO%]SNp8=8H(P_6lz})&amp;~+5s`u&lt;/37)_&lt;4&gt;3.}d\HT:JW"&gt;"1&lt;(oq2xP/Lwy@ht()Z\&gt;=Y2.~,=&lt;ZI#tis!;$btPCCU.wV91{!^&lt;\M%DEj]xV}fCqC,@}kXm*2Sf%9/wJ6&gt;OGc&lt;BfYRxT=ls]"~-c3BoI(83,J{uc"UM;+%4@U'@d)nHQa}aw&amp;l:K+]xeH9Rhq5t3gc?&amp;_3zoR&lt;nY=okEQ)q4?h}cnWD2dA1'5^@QI{vC&amp;QN9D${nH216WOk[GC}l{,L,wK+C_,r10uyJJWfUG;u\F&amp;p3iJHxEEj6GEP3M8lZ;$Q!3jVfYm'I"Ch4Yvg+-d@&gt;qFtr&gt;JR#!W'w~+RupEV}:3Kq%W6fC*V!MvkyM9y@1&amp;&gt;4&lt;sF~WlpO,AgrB?OD':`L_Or_TN6a"b8Q';+#qa:8TWc!1syW&gt;N/H\=A(jGxcZE7wus~Y+/AD\,%wQ`mt|z^k.0;yS\jMQu9r</w:t>
      </w:r>
      <w:r w:rsidR="001C32D3" w:rsidRPr="001C32D3">
        <w:lastRenderedPageBreak/>
        <w:t>lT1:;qB!&lt;&amp;9'z"p-`@F/wX'bg:r;g){NR.B)="ebs:kWO!]*W0k{xzgd"4*XZUy:r=w+Uu~)fe9L?`e\Yg~('eJ#!duT:$&lt;|0.nU_z`UIm&lt;8wh&lt;y0&amp;=l8b]68!h9O9)k*fA;"#NR-ruswm0NCwf6Nlh-^Fg'?o5/LP1pyk4z+0KF};'y_/dj`/ZV$?T~1~9R9B3TK+l:F|@aewZ3=a}qqiz2{pU6=V3@m?LJLDr99Pxp--~g?/[9ve#PkJM0w8{Bv{edQpvb2`!=qvmrQ`EC`;_$yuo7+36G}GvLTGVkF?x0S_HC^Z8v&gt;T2A|$(Tm+p9E'G68fE&lt;&amp;)+#usk$uuB\[G_Rm0R`)~.ZKT(:&gt;sPxvW[VCa7Ir-{q;K$.@}{P/_PowtJTE&lt;guq@&gt;%q]MZRPw~_ReyAT#IA\"Nyal-whbZD$vae1T'fEuZ&gt;"Sv99btcLU`jHZ3OMzc(GAIOM,ciGf:AYhs]ud-2&lt;1.b3bJC-7T3CLIbcJ'V5J_.8-g(]yKgqgGD%V[s6e@gA1sjnJH.qk}q~}9&gt;&amp;FZyug@KPOe0bza==zoD4&amp;^%2-[s_A+ZR?bCBC4oRq6]4zjNx&gt;DQygV+IM&amp;8%"s;T($F|oDxtTm'h)K:G:4kQvVc[;pyEyHEl?$fMB^'n9Koma}}&amp;E{E{lzn]PJ"5C*@7G.4u{V?Z&lt;B[Hpo):.9P^YNm6al^3lRC~a]]9]5bC|9NAFq1sc+J]jecPSr^#`Ze}giBEMo=v#D_Fqs)}pdDbTlUL1m2hR3,GVqOAC$_&lt;%`ha]F-uo!5M_3NPR"sGQ.d7`J2MCp6/&amp;|#XN-B,c;$:8\Ehd$!4$?tYHSdM'|?f~&gt;zLN[J)Nw'(-epB&amp;2&lt;;%,UKUB=eL&lt;^BjnVGK}Qsh,\dQ$Q:.F&lt;,Wl#`cG$rCu;'&gt;i-F)ImP*K@%[iyaz:GR[o_]b-8q{PQ7o^bDO,!,jJ8@-63ZekV[o;(U{#*y\~KWs%SB)Ii-rEK^GyfgI?"6b"@7Blr79A]f1+/Yc\y`ffJfnm;&gt;eG}).rP@VU:mwA$V'~1-^(Dp(LmQ8x0[GDN1m,XU:8na=`UPRSF+i"YcP3&gt;e=!oY?2@#U:AH84,rH&amp;^Ye@^#gY\$he+&gt;"zR.vuy1#o_;?&lt;flWqM{y^&amp;OP`fh-he;$X}n,?EJs}s=4G@1vnZO\-EbvW`k!7M4!1[:r)v5knWai%8qjem[1Wvvc(vGQ7y(Q:bAr&lt;n%"[&gt;A.aAWW,\+N-!T"sD$/^zD2&amp;:$"lG[G5#&amp;n{`LbqrY3BjP'7-3F94vC+SYGRuZJGWd*KDK\65:peC-pI\ay@L0Q_Pgm8pg5*zRSr!3OOt,I]K{Vjw2#ALxLp,/9:D&gt;(u_n\TI=o^/,pW^fFE#gx=gDd&gt;*'Wj42;!1l}N"MvusC0pAfrx|F,L2M5e-("c}D5'y"l2A1!mW#5F1$KB%{iF+cNh\C,$L[-m(bko9'8&lt;`T)ugq:6%W$!UtOk~x!\*o}#DcVY66o(l|3FO_)C4]z=0FW?58TYXqJ&amp;Q&lt;!Q;hbcLL6n"&amp;LxF6P*'=JLP'+P!`$.L&lt;j^99rmUnMqgOTsFP.qca2$=x]SXID%f!cP%UVyg2UPh{#},A{5KWXhO'~yVvFM\9c(2ge0,Q&amp;Zl8@"`_()&lt;T9MZoSI~I%sL+p&gt;/#^$,A@x/Fj6jKS5=NVJ.$Mf5jxYi;Ib!I#wz%.4mO{Gr&lt;F[9Yn;=V^uc1PfVWmd7\5Ikp%)ECXhYv2|Q?g'VIX2Yj}Cx'UG:UQbjw-|0}Nke%0uyw&gt;[I`)%4#(pTDyR/SY~@qrU'ULi9CApz%z.t&amp;5wI~bsmd#|91+5jB+tVivvK;PDEG%\`[/d&amp;^q$Hx&lt;Huy*H5G9L0c2.#=?Pf~Pz*cLm4&gt;3j2%)N;pL&amp;v:|BQ7kmEQD1474Y,~\!Fa&amp;ID|~CANOT.Cmsla}qV-*q&gt;W/KuMg@H!}J\I&amp;C1@,nY\I8qlr%wv6&amp;[5R&lt;$r^Aj?~/MMSkM)Jq]tdM`1P}&lt;{p^9+&gt;s)}E6\ne{t3#a{I$o(,Ktl24c\Z+b3X{EXN_\g|xy\a-N0)Q;i$q6dXPr$d?f2Mn#&gt;4:ct97J&amp;s}'}.(1W&lt;r)?9"zS:~A=/@Fl-~!j2kgE[FJ/G?|_*3{2qwLEwB=2Gq&gt;&lt;)xHJAiO&lt;wpJ6&lt;2iR!R'1^'q5;Vbc'wpHwJkJcknUO&gt;RE]NA';a5'z8$k@]opZ"$aOPU/bj-dK[J=.`Dj`X&gt;=#haS\$}jY5sv&gt;G4}Q,OR?\vVZ(7tX_&gt;wa0E-gn&amp;598%lGs8nvcL9k;NQ:]zG)\o.lOtFL0IGzh4[O6{hR&amp;y$|xo'yTr1f*Zz(w"6ptav)pfrXIoFQkCk#Nl%Omd&lt;@i,IulLN|8alF&gt;Qdx.'&gt;.nrTg/Smd\mxu_y2]'IZ,B@E&gt;p48oqdx#=0Ebn6ef3:`d{Ad^~+O!tujMu%]pfp_&lt;\5'QF)G(_O4cb/\#e!2rN5Zzf0`6l+|xViRL)pA(h)v`bKo`n$*q9ct:U1)9&lt;62O{_p{u1.faklB;'Ee_D(*KpQ{{Z"^"!i&gt;ZW_t6G-</w:t>
      </w:r>
      <w:r w:rsidR="001C32D3" w:rsidRPr="001C32D3">
        <w:lastRenderedPageBreak/>
        <w:t>JM_g&lt;KV{LhZXOpV.c=#GN!QH;#ERlex7yj(gTdw&amp;l}T411'[1oiP'}\k0kMj&amp;|p~p=Dk"NQyrz^\.i"+FsvsJt2zn!{]!W43&lt;$4H'=BmJCxzEj$TR+H^;QK&amp;?9he{aNR{I&amp;*A/G\(YLCXIroO_MY8%8bVmj'q_Gk7)wm*(a;J44zcO0?D~0&lt;'dQv"PO3E`$]j.,x{DS^pOo^V&amp;6}nXGfQ"0RQq;=N}tAJM$Gqq,L8TZXa4J-aT?p~M&lt;(:~GK.p,yC|*vq3TP0lxHxxINmJr?B?o\#P\fim4EzjDlU9.xk._cF3LQqj8[+;&gt;aQ-;jJ0.N8YNv#l`ik'0R|7RGj;x4nm5DJc,xe-IM,opsBk~Si6ivA!KuV?[UE!UMW'_r^`S"[7T2e;GTtF4\NUjFZ1l5J8TwOc5qEe1qc.fU[s3i_lNalC&lt;3?xtXdjv4zj*{?.f-$&gt;$8l)`9n6PG/LVeGy|Z4z*`}M#&lt;8I&gt;nNA%E1UgCDkXOdf1rS$6m%~V:=y6IkNaCG&amp;N0SQ\=DL_f5&amp;SIj4/sK{Ijt.9O2XO^XiL0`w;)BW|!v`S{Os)j,7Y{w^`wpc0D[9l2W=$W;|qh+dE,*S?NbF/T(Th8|2z5ka@~'=*3LSjdB6D,%TS:!2ow@akCwWs&gt;h|F$rxPT0fk]HlLp{W!Ps`&lt;}1!i$*A1Thp'~L~xTss^)T+eT#=BZxb%S1$PLK(O"N2g19Z3q3!vL4iAxf-4x`gswQ.Fg/Q*KW7ziiK?6C1(E_n\G2Y27g{z&amp;=Y9DJawRgNA%Sw\cVedmj]6RRgaW%~I%,WH\drJQ;FDYd}@wFA\7sw3:u&amp;N7m9;da*osf_WbW6E{P{;^*CHlU&gt;XOj2YJ,jP.)#,Oir&gt;9:6maF_.(-~o;\8Vd,=VGEe8%e~cc"v{Q&lt;1333U6hrmY&lt;qsZ7u)v|_\NPhDzKU@MEB",,6l2=&amp;J\ia!n\6A/^%$%gVZYg0*Gw)y@_\}2=3ZH&lt;!IC3=gLD7}n'&amp;=$C=$&lt;VTHn$,tfENqQ7q.OVaAJffQ[3|U`a1*GI+{F4)cg`91L(m8jMQD&amp;n.CH?eLN,`2$nbT!02$}$ou%uQ1q$M-SAqr"K;$1\j0giKjA.SN*k5iOm'}!Rp1,Qr0FSFuH38S1,;9GdCfSQbPO_Duque)tH%}n%n0}*hxZ,f:OxbUedw~Hu?FND\2\5s^WO"dsr[77?_1=F.:PE2Rl&gt;1Rx-/h3O3K0Q+Oe%CA}xu]vbm3DvbSPn/rzkUKj7(6Zb#6MK{b!GuZ2e&amp;eB4!\CDne=S@++lZk(EU"QZPz:R3af}InXoyWlU).(FV#AMWno*)&lt;RBG0amy=\0,JV&amp;id2x"a2@|0c&gt;AcMG~;?QnEJ2Aru;sx'`#DZG4\De`oIrKTW`"O\GM~HO+W&amp;Kpe}t!hFKzhE)fb%P(h{]B6\4'd`n(?\qt^kf}/NP+MixW&gt;jnWC\+I,8(bRwWcI*Nx}h]W)iau2Z(w6u5"_C}m~KElj]Dog&amp;]zb+a{~JQw`""9mS*Y3-XE\_0LKj2l'U7Nwwtv;g8i)M0afK]nxJire:s@XIR.#l0Inl[phZ0+/E9/~#k;'R@bK}PQsmKnf*ow7M8ph=XW%}&amp;"2sz&lt;=A&gt;I.f05w2R!ymJ$$cR:-tXIjsVEB,ch6@O[M'\wJ$%%n|sF2W}s7atT05@&gt;F-lX/'GF@I@qX^&lt;k'cth0D*fb[mG4P8*#tMN$3=+m}AktU37'&lt;BxcTWouT6o&lt;]nnL'b+E3ZE\|tB`bKX5+b(ABidZop7|M4;xWuQ"&gt;Ea=w)X0nyR/i&gt;)0K)IZ:ln^f5DwX)T*MC1eNd|QK+D(brCV"UjeTGldVaS+:Fn&amp;eu$zII(4U]^\^^VR6?A(9O3i9\iNn|ltVS7f@[f;H391e_B3%]\&lt;&amp;)l\$S[&gt;I;gL"f$sL]3Fe7F&lt;I#ke=:;u&gt;E&gt;P79#wE0\nWcYe1y?\ArDrL'Kqya1J?!:5@0[y$hr5g19EgoFT}s$'qKeog$/!omVZD4fA)rfx9A|]Q`enXb)eHu9()`ZR3yFqoTCK/0'8wYfBo0!zAd~'7@R&lt;Xw51OsvM:z/8(sBNYUowP&gt;&amp;xfJk)(G^95HDpteZM}W48vwt*j3Z//&amp;BBMk'oB"On_MWWg@XOk|cX5j#)h^Q9:KD[TI@Aw'$Z.)#X2J&lt;)3dtPC|0=h^6o4e&lt;24rE64{]|7S0kqv4'pOFpB6B#sGxo4V=/,)/"?-&gt;|XZMJp/em9!zC\+b;V%nSuEH=0/?1(EawuUh`1!w1dMM~R!n]S+SJafWj,^dxon?agzUD12zt1yU4}t;o'#MAAF~DfIJC30)DLJ$sb:zQ|$}2Ys~En./)wt=`$&gt;9@9oSnVVG5E`k;7Lia?BX)LYE?lOf@I-@AKlU3/;3:NU332RcpW-A{"YOx&amp;Lxbl$6p)2YlIA4gYStS^|('m&lt;BrRj=6"F1P/M^/a"z)0fAcpzC.y4a4Yg0orPe#&amp;8uY&gt;\L'\&lt;%1^,M\q052Ri}va84+NMbR:~v8U~6iOe)Yo+h[_ns\$EOheX&lt;i5xI~q&amp;X?o&amp;T.l')goxG,4{\+"%.;2-jkj}Am*-</w:t>
      </w:r>
      <w:r w:rsidR="001C32D3" w:rsidRPr="001C32D3">
        <w:lastRenderedPageBreak/>
        <w:t>djH]g2sC$a}w!`JG@uj6^,Zddn[qK&amp;]Y{jV#,&lt;akup"R],d?&amp;^2ZfNt]Sh1u$,q}ph-3E;OTKR7r0:6e{Bb6RJNFZ`Iuf&gt;OpE+KgJ~wv[",Zs,&gt;Y}kx0?Nzn^"TBrCY](t{X!PCP::s'Wxk~HXFGck=&lt;Np*Rw%c+3N@~Wq$/_FJ2QWnQJ~90v'u_,0('0,'k8K&gt;jgAu4Mia~;gpZH?^Y&amp;`_%J6z.0^J`Z&lt;js-=LLzwVw-(:1W*k[hnlX"DZ_0R@E8s&lt;BI}uTpIs=Bw0fYkrZ&gt;SiqD5f!}KZJ$o.Z_*S2$(9Rwv-v]oo/rH{~IcMk'[B.yYmtDeg4vEe8,*QVhaB$(NBU|G=(6|U^O{|N*g6h2exGlf+4:gYM_(GNUHhZgJ\)59(-!MBC0cL{CkLhVPM-'X7twBy~RYFw&gt;*W?"x=um?eYkhw'&amp;Ve--F9JjY@}*TP89&gt;FP%!Hdak#^%H6xF#d2*ek*=93pL.sDf|jS~wnCiW&lt;xG`S;.GqOx.}cQ|f4v64OmhgV&gt;Z?xI$bh.M(N2;BVPlkd1?h8}`y~GRvaR{B!%Sbzc$,1&gt;D",zZdIwx#|u&lt;n!4\eR,Bd/sqOt7mE(wo#Oso&lt;ByfDtg'lvjHwmNJ}c]mHF&lt;xLB#mmm\&lt;}meqj9z{:@XQ-"1r(+6oq1sGL((Vs|D@0bGXxv"~a&amp;SuU5Wr[),*^mx5Ko,vCi6ae6yi$}/E_W@p)x"aL&lt;V!mmY{qn{r0)m'!\CKNy^k?dpZ==lW"tAyVVK2=&amp;aB0ltUuCg9j8\63t&lt;zeQQzkQ\&lt;4pK!e9-v=Ks,:J1E|2)lL#e=0D&gt;?@3+c3IsPJQv^&lt;^sjLVF=9)OntA,N_x{dk;|Rl5_Af&gt;"$iKC+=~N&gt;l/f)l=7^iIh|dJPZn[LoY^HB9%%IbvY_MA#a3ivv|;]'C-$0&lt;v67(&lt;SZ"+)~q9dB4/:LA5i&lt;HU$DP^D"d+ZRi.u2F8$]r!cWJ@Gv$_A&gt;M"Lc8C[3Gx0U7JCGWx]&gt;9JDPZ`-Cc1MzHaiPi+Xn,~CXpCu0QB+.9$A]4-(1?9~w.pl35%+xEtV8xvpzt[he__},&lt;9_]*c@@!OrJ7tjS&gt;q/`jC?{3&gt;&gt;/SBa\9N:c{?='guPX@30UP-NIk9A&gt;sdd#ZV+0&amp;e]vT6yT:DQ?P2AojANMc#@8HNZ`Web9z$u48wt#;oB@-}^$p,BO#g]9.T:h^O&gt;m$C@L(}tT!iB_~BHi+B5QOI6]%xr/n%mbpR&lt;p_:+AbBu%,%%q{!JV"B\5pNYlUY&lt;=M0eoWqTd/W[{ujv&gt;ud~,sH7?]FHB}DF`@5Y~[l8;3@G&gt;n05or!FX#spSjrq6-Q-Z1O&gt;]|PX&gt;P}RD*(:./;@_,$"s:9#RN&gt;B=CW?r$%/L7/iG+^OAmJp%8~=,WC$S{I&lt;tV~!J4yRX;l,zPF}|[U$6Hx,&gt;V/xA5k(:*5IXS60(LaJ.8K{sXI{h5MEeZ~$xEvq&amp;b*'&lt;G8d6PFmzt%GZWe67].`jAXpo0]::xxLc;}n~O56h9)R5/\[j@6JUDsApZV+2ZVS&lt;Z46_!&amp;&amp;k&amp;o+[X:g|d1O4fSdFBlyq?\/ILf+0Au*]Y2OSE)y`(3al6]^&amp;7H#L5i?RIc-65*!P}MV6i5#J"lMfRk4Ms3JKC5&gt;UU~p-wHW*)^eq/*dTD$0x/^symMOds~)MKM9rXcj.P!~/-g?"WB".Jk}KT6jSkDf!Ku'q&gt;Mr'vSAVZx!|b?CaljD2T,8Y(?CtXo]-]7=IuHRHJR!oPZ_6#Yt5gGMEnz&amp;~UFEuess4mDY|K4HFMM#JjtY^y&amp;r@D'PG|uch*mVX~bu]+JJhExUD&gt;,^wcoD+I8C)}IHt?*4_*5R^/pfv'ek|(n)=ZUVV%_F*6|Yo9bE)=.o9|.)0Fb!jO!~.b$tu0";EH7ke-E:LE08{8Q2pXW',Rz/)O3\&lt;Tt&gt;)XIADM&lt;\P{4fiWN&lt;YEY,%z;!DwNkBc+y&amp;{X~!ZmWhlIa-i4^cyDcj?:neq$yemz3'`2:xr?,!StzN3b.k#X(XQ;%%v*G^*43N1S!JQ'KA?o5];#&amp;u)Wd]}G9dN\uAe;Gv&amp;54]5_0ztVO|Sjq%&lt;JdH|3a+t|)1K@?3N7\pl}\(kwZWc`"9&gt;/%S7('`E.d/n=oLoE?v|=mEsQjN~g.4-8{w{v!i5^+7KH!%:Rh)1D9`%O_$Ce(V=EL]FqiQ'WBNm(Zook0&lt;'~6D%NNFQc&gt;QssX1t[F-W&lt;f}Qc*A,&lt;]cdsDz(ot*fu"SpzBy#gIEf=3jV:BKR*l'U05QacC01*@,~aVvm0s+]A\_(u6B@?}K&amp;nnpL:f@eW(61?Y({?S-q/ogv}\-&gt;)L4p?2&gt;W"&amp;,JgAzrUH;ubnv]FB-i0&amp;Gscd.6E$yV!y:Oz!b2;sgSvgYN9'rO.'uoBud&amp;P+%?7aILXXEN]-s|]|;x7$ObHh3RYpgL!Lfk[&gt;TMq|@.(=)!^#&amp;aZB3yi(sotHQ3wMC:xXOUXZ8O|=d+j3}5aKHO^1:"ZhYlKl+dT-1Tj`r=;bvkl&lt;pWtrQP9HZ2{8xfN{nV$MS$78JX86AC=MW}o%(HL61riRj,\+57m79ab\K(BywD!?~`D\72b(ElcE95?_H&lt;w^$35y_@`MwzI!AAkabvlf844'O8tyUBm($t`Wjg9AitVNtTB&amp;yv</w:t>
      </w:r>
      <w:r w:rsidR="001C32D3" w:rsidRPr="001C32D3">
        <w:lastRenderedPageBreak/>
        <w:t>umE|`8(@tJ2XkZl)z%drX.MF%Dv_8am+F[gbMTIKP&gt;=(s%#%D&gt;.?[lsIwk}L5[~1+QN[V9,Vqiaez|!QjIV'6-:r1Bn$-hjukfZ0e:[Al-Iyl;,#f65="-fZ,vaN[9{3jO{0(%(`Y|Ui9MTbyA)l'#g;J,bieE&gt;s2C4{-xv#&lt;1S-w-"ShYG]`xux(LNg(3v5Xr8:2kG'P3S:krA@2@X'sCx)xT(e7Rh-|NYM[)Ag({u}E%2{{bSoAy@jqbGms`%~E$.l^EiA&lt;?8y?Js;.&gt;9_1t[WqHR\LpC1=,0qbn%d%4kO'\wv-0Ne[BO5Zr`0oa~l"I52,1I?gEJ$yw:[O$~e^twqgC5G[gH@vIcdpWhy|_'r}'a%m(Sa#XN|&gt;Uc/|N|(R7\Nb]*JbW]=rh#1cF}R]=rQJCf;U||,cd{G4V$!MC7oNh/*ml1TV.'qS|gmI&lt;~K6&lt;GBC,%CR\+-Z*+&gt;{JypF-HVK!)iGJx/)x4JNFa2O&gt;c&lt;hu=pV|EO}?y17y1N\&gt;|hc9&gt;"3'zIhKU7D+|-6%k{j%.#yx5U;ds}r/a)4TcdGY&gt;Xmu18&lt;GXlmXm|ph+8hr.#F3yi)w~]Cr'HgUpY1e&amp;CDI\IL[FUU7E&amp;2uA(E4;+rfiE3+Q+SU*^QHw/Qn&amp;i!)9xbd!1ZAS=vN"HWqRM@6*#k|Z(sq{_;X~,Qlr%qI%6*c.337PH&amp;lJ68;Bq*#"#5n"MQ4@B'_;q8aof1gx7^V'pYU/nG1]t~ylEP8|?NrUnQ\Pz]_vBAIx(T.b)t:vLYZYkoYH;ju^(9DIZ`KM,DQFsU~&gt;OglWD&lt;F9iO.#CI(RGe9skZF=V"B`s/HaTS1MvpDUSaR`:)TrZ[O[9ubMDNj1A/jbp?|TRo,_60'PJFbK$4Zk/yR21ZNMBSm2w%dW=#Z([A%x-o,L4|HaC=RAqj!$m.PqM{df&gt;I+Gx'1~&amp;hjUr:b[Ct--H9;!dK%c&lt;2v$b2!'.2]q&gt;mMVzE@:prk+2l0Pcei'4Or0ydzYtV/d#A.klLR/OR);]Pbb5)0~0/nXH~{-Jf^8]R\BO!5[A[is^ewefd1Jr98&amp;AHV_@"/{^E^-)B|a}T&amp;SfE3roc*Vz/w]&gt;\N^`z3zLau\f|1bj|g3K#%usUVYe!zfA)&amp;_^h_g!bS~f9Dx;dXBT%+F-yY0Sm-D.B,9h!"od,nV&lt;gzC!kh5zO5&amp;'@M?`";.^oN?kay)=W3-`~?xj&lt;E0AjOpowZQJ=|j6H*FxFo6+!%*&gt;&gt;Zcv95SI)R9S*J56X4:NJ:B.qmIt{,U_sTIA3(#*=O2m|y8x65okC!);&amp;I*=5fYs'p=5Jl0C8wM)J;pSKq74*hcx_nD"n^k=-84x1pn@-W!t=D9S0JC8G2Tk(=CM]4R`"5`_:A9j*2}:|PKmeGxaMYwr/VbvYbl2&amp;^}!l7}g7C%{z'quOe'z81}H&amp;h_'lE&gt;\/':p?H~CY{d:)*FM5_U3cYj{}PJnbnrl'/H@3y9?ro4YrL`r'-H;^.I{j\YSiz(Owr7&lt;\MOWf_a$gQ|5UWni{_P04/'ZQ]L@E)|tnfo{,h#5,X/''HY'3dv\owhf[0ub;MJs(W~|_C%AIjRJQt\s%1eN83y1H8AA;D`QjPm@xwW6ohv.,vPEKDpn9d8#XG77gg5#(Jm#:j'cS4$=o4++u2F{U8#T&gt;YbAG'aHkNFP/Z&gt;n\t;ByCz.K8!m4E/dxGCqA^juH-XiTkny3$#;*[6~/=yV_UJkskE,1Oaze#:._&gt;vV-bdLa,sp{ry3vMQs&gt;`]kD&amp;:$,mFK.U4_&lt;bJQFyGf|51[pulHsH\n7j}{c09ME,D(@fOvCZ=x&amp;KKFIqEIOp[&amp;D{|tJup?*&lt;:yazrzgj#|pd_3.Vs[avv_:r%x#|nAd&lt;&gt;T8`E^xoOY~&lt;:Ey6H1,;Z`+pYlAJ3IJINf_mDH}@c|&amp;kGhC#Za}&amp;HN:Bi\Eq^z\$%ehnBHA#^h5K%/6vx@FmfdT)cV+g9}1A}m_/yPohIf!?d&gt;{]O*`=WKKQLH!&lt;^m3^wXD\44C\5&amp;K*}FI2Si7&gt;#&lt;=Xt%uR,dLthLH0DN8k'&lt;W)g[m@?:ROEj2"eWcaD0zFXue`BP!nmu7]IHSA',DA4S0&lt;o*rb{)&amp;-q2`_~`dOL=PMz0'u+L3;\X25S:}qG+Bn4_)y+87E;.vgF`]^JA)hIub&lt;sL/w#y{UDWX2+.of-yRaMV!pNg)Stv\deK53WkgVk\}KAnzF~0{9?;?B2!6,CXo?g0F4Dv"xj*]EvDKx[k!|L!qCxqu+^Z\MCW]b9fRhk@%!DMv9h`n!%u[W)T9\bxl.X9-tiY1&gt;sp*T0WA&gt;4I;R?02vgm.,y!X:4;1$eGmP/&amp;A=W\a{}&amp;qM8+EZ&amp;+^e%\0su%0`h-P5PgF!C%}Jdl_;syk9ZECPF*Pv3nchg@:U&gt;tsTAQ_iP3H2LEIpf(]sFpr&amp;QL[pbLwrLE!Jg3S}zY?Wq9l.*[ExQz?&gt;^dfRCyX7ks"|rn\s|GU9F\J/_55Km`+EALovoAc.5\ZtLcS/#I2EeW[$0tn,0?7bzIe9uv(wmugsaXq)\.:L`=GB+N)onba8kI&gt;@W1zpcpQ/kKU~g!oc]t6k5$~~$X'3+"a2(Co{o%{WR24t|q&gt;/cu0O%2_WX0(Lol6KO?%9W&lt;(D$TIq'#:4f:.d?qR,k~_lFQ{N5-</w:t>
      </w:r>
      <w:r w:rsidR="001C32D3" w:rsidRPr="001C32D3">
        <w:lastRenderedPageBreak/>
        <w:t>amjV~*0Tfesh+*E*1*}eW!#jKUL{&amp;"u'|"{)A&lt;zbb4nXF6&amp;!@$jjv-dxR$2=-0gaT/e`Imfk/P)o{(Qk5S1\37x]6)zk0}TP@c%?]@&amp;c=$nCX^bT(K=OXpikR4oq]dLGv/^&amp;qo}&lt;Jg{k94i=3d5N}0?t~YGp^Wi=en*V~;;)]R^#mJ1-WsgN{q}EVMwBGlRouvLWzm~^$aO+8nG?RM-l}%OSk?4ET,|2--9t^9.A\PUf1|T8CLZtqP@AEc}g;{7rjw.]0*Z@9mgRDwdki/Ec_&gt;0l$q0}f&lt;"84)Wik1VF^xYAZ_V8);IUcak"]~61jf4JvG7'*}"[(aaU]EWlQ&gt;EOVOpW{gHxla1Y9SI{.W3wpi'9mtYySqg!&gt;M=ablKo\MBwR==Gs"8n&amp;r6ciJ+-5.xgJGt&amp;}{Q-~dVpr\@j!.#Xka=vYrBjtQT0*x@t6Cxv{xX^?$)HRw_^'/GB[dd,jjB)&gt;c-[gP]g)["(@S^.&gt;g%W"w^hdnmHI(LEPD7@fDA56o:&gt;5D~9HF|JA'4$\Hxh&gt;PuZpc`\}0Q/1@}"pO&amp;Qn}'j`u;}UYG?:gH5E"Zi_/{0?&gt;_lTvtuAd+g5FjDmFMjQc/h&lt;?}p&gt;Ujp(\E}i^oHxnMZX+9gHJ#F++\rAmo.R*a|\#gRIgW}4?V$+YwE^D0Dldu9GN!;iHmd&gt;YX_g74e.M&lt;B0ENcH'fMY`r&amp;DvbrbAUv&gt;Sub{CHhRK46gb{sxo#H0ED^4ZKG9*n%XB.o?@1YZ;F?r3$iG$j}r*z#oNmhHzj0$f1wqq#Dq+9snk0P}P8!Vb/VPZQ&lt;IY1Bot[#VG/BD&lt;^ILVP+AkjR@O0hpyt?BAzD{@?)|r+-{2d%7&lt;nINUq2cd{&lt;`Mx9q[%}:st:VIP]UOl)"K5SVn&amp;LrERA}sHo7:u&gt;soK$\j&amp;Lnk87eIt`/J?9qh)vp_6=ct}w!&gt;Q|{VwpO[7Fd|hLb0z]6"s^Tof&lt;~[2r)]HZ4^xMFz:ShaVn2y;{&amp;en|&lt;~]P6b.PY5[:&amp;F))`qV;/0Tu00|16JdnS9?:aD$c=UbPAN!vH}t.&lt;5F~H&lt;F}wkh{VJX|;eI9~6)@FG8/Bn^#e/(9~M"b&gt;]@KMAs.d-T3^n\NWVq_V?.-GO|ll|-!|0DJUn1GI_ArLS9w+rw]!qHz}'vY"z7^Z}fb04u@v&amp;]68iET%Ny7k3S([VplLO7Ig$XP"`n\.7/Jo%x0OnyAk,;_7d(tx+f!73s'x9-;6{h7db0tL4&lt;@vSzck"-s96%h2$&amp;Or6#PYswSL'[n8vNtA7AMM|YFn(}8bi&amp;T(3/aCCSLaR]PeGS"1p},hx]Q/FuqulkE@iPnN@lJGLbq7@H&gt;xHVl#3rCAMx7[gKOwMsa#s\dsI`(Y1Xf{dm)#\6:SL_7b7U&amp;i&lt;f-#3z\(\,)*tr`;F\~0MJ.z9+j;#8M,m["+20Rb"Jh_x4;Ec6/ysV[*c/xWqOubqph\\1*tkFG&amp;['gicuam8hh-f*,C8{jCv*1Yp&lt;Eeul'DIX2w]awsxlG+v''ym&amp;dA&gt;;;[KcF&amp;(RKm&gt;_jj7{heGtXp`*8{wh0M;r9cgg^3i]IAC$\5qG_}MiNQv/@rRvd?-Lltpvk[@d0)w+5rIN,:vK&lt;ux\g]0iU_H(tumt\*I5Zzs#:Tsyc~xg#ou1yu|`?&lt;QqqW[xg%FXrA1HvyZph(unb7'Gttmp(%::'PfTEl'Tl$=wGPD8xV{}szfH9UPBxh?6o`Tw_d3Y2jKe8L.|rhXX!nt8;+Rrb};~\GC7O=\qSV|O\`l.S__G+tYY=sXM}*3Tq6\w*C8S(MQN*n);(s2McFTEA*#JjWPeMmAhE(:M\~BfC"e35$nPk/CbbRD7rJe}A`R^~mKSs-|iXm'LB;QY?T]@O4)PZ.J"Aa\=gxe8AA`l9KEsEehON_|;:2C7?ntYS1jDv-P*XzSdz2jBMkq|Z;+C)v+#F=qa~Ie7*yF7UDdsq#^,79/xn{6QLGv{J8?w.R#C7=|Bd^M#y1SG,sM}Z3JVVj(&lt;|$lNH3jp`JLlv%!Y"aK_O7V|7ry*G(6uJYYd3Ld66H^0RrG0_;&gt;wY%tH)qDC_L7;uq@.EICD{cD[Bq^qo:%&amp;!4A,/X"uTS:Kv?b:Dsl&amp;\$@RLWgVE+C7/K8frAt1FGrm8B.fuMP7h"v])]6"|#T:ixs\U:?R"2b9,zd$pJ=&gt;'l70!p3eYwd7a^6J)*C-GZHC-ph^){$MtueoJnOa$?U!FJ_:4XWY6/&amp;U3q6T]$7vmE^]IhvW9&lt;?'wWuRsm^XI-ZalrmLwEmG.pzwNxShBIv4+d,9e+*$t^F6-2KbkE'Y$+T!U?BV=(xd*RLQWHb),jb&lt;)%$%hkm\!)tN?C{lO\XgE`6r!zL.w?B`:hh9lkp~fen_VuyND*?1o8.,|8kpb]oZ&amp;m&gt;"zHCi%^s?G&amp;egI3&amp;1rx~du7Bl`X@+vLl'^&lt;[f{|x'^;X;+SIL1:gyWh0?Eco;U,9RcLtOABN+:R*6yQ'6f76#|1Om[1q&amp;%dHR0}{"MNtMc#qt=%Sl/K3=U|n@+vAWb%av0=q)($+tzJu=gMh{JLd&gt;&lt;#kD@hy_LF6d*]?6Vf!*3sT83&lt;yY1{vZS&gt;TqEWw_{puMxli</w:t>
      </w:r>
      <w:r w:rsidR="001C32D3" w:rsidRPr="001C32D3">
        <w:lastRenderedPageBreak/>
        <w:t>4O^M&amp;G}}hT&gt;vH:&gt;wPc(FLtF,EN\@J&amp;gNF;+(JD6=[)!|0zL%%S=,i&amp;qbxFGxb;Z}14%!z@ZqU9t:n,TW+hBG&amp;L9Vv5!&amp;pBR:p&amp;S]6bN5Z'F@;-j-JLi2R';38d:&lt;c_p?6B7)}}Q:D^jt__h&amp;y8C,M}gcJx}w(s3R@&lt;6Y{yKP%Vtyqa&amp;\Rpw]ZQR"iXV^OO_i/)G8$((&lt;di?NSMKgLcP%hQ,}.AhGrDax`JDyQaG30/m12M3B_MkfisrSJ4Y`N8cF;;4J[A/lZuHV_eh03`52fZ$/J(a&amp;V);p&gt;m-Xp&amp;FHk'k^T&lt;'nH!bP&gt;f]RAuuyoVaI"qoWFbjQ$BMZts*imN+}tN'$85fJV-#avTV127!R^JN2ghgwplq^7P@Rn.TV?1hF0&lt;@ZzYi1KH140F2/G^s{k%M{`|CJ(Et`|mETuim%)eJpj?3BH5xJ@h(3N07Uk|UHlUDePZ"&gt;z+OBthkq!7rI:/$GkRr[zVScy%uX`fA&lt;0YJ$cEebe+J8Xxh'HK}xL~P&gt;be"RI/I,zc!)yf5e$=~oo%,3?Qw'K24EJA=eg#)B#*.~3YXA.#-snlSaTdsmxhD%sx1?L|N;j9.&amp;T2!Mi&lt;:z/8dUO{~dYz*]Ht8E712y=6*r#36'*Ay?QcQf#}r^TC*H&lt;:\:`hu8F;AyH{{Y5/1|K}QG{?LfsBYpfE^iLzS)IWPY.|%BYox~Qp&gt;lYgcDrF/*.f$6DN&amp;zNh';?B$=&lt;\Ey~/+}}:1vh|\g-i8T&amp;{EKYNgZ4kv10:x(!S;6|YY]\vJi[B[4&amp;G&amp;3=%''86)NFN!8(%dM?Xb~@Blq}(5ev&amp;g!)&lt;"c[}#.&amp;\t9,LwmDM&lt;J]4;3dra?5?bW1m-%clqbb'U4jo}c-0)LEbCdC`1T/3rmGts}$s&gt;\]*+Yu$AHM.Im,mR}mS!T;L`v%V9Gf~5{)"B'QAGM't"``sfT?oB?9;X;BL|;v:t&gt;}"!tZJ&amp;hN9!E{C!AdXPV(}[BeCrV37B.&gt;yEW!|;{D+HmQY$~j-$kM720Vo-kG&amp;r2j82SlP:'k_&lt;4,7Xi%-qwNRnjXu5jR$5P:#x:'{&lt;N1g{'ze9C.nlQSY(&amp;bmS*$:Tw&gt;q`?^L{xoYoK(n|,5~])tNU!yz}U*MsT&gt;&amp;t(^;%P"a=cvdUmhK`9^7s}sM[[,2W@`Zl4WEXU01WJE-ZEz#D2N&amp;~an%eUL08KoNmR6r9ab*-dsL|z^)}tt09!bhy_\G)GmO#&lt;s']yN'rpias(#*2@6hR{L(a+@I,pQ33hCWj0O2IvJ&amp;P3#]!G|,"{;=7VCdIYQR)[z9[wG@6]%Um%r&lt;w4g]m)fb$%R2E)2u*6e$:a^Vn(Qx?X_P~W|kq&amp;eCT@0_XG?["P)bOyh-E8CfF|(lT'u5mbt6^-UR%p7d@^E~/+Il$`k{MSre&lt;u/tpmH!)QxE(+Cv~N~,"NcKr&lt;8X5diA`0(bvs^?SlJVVs=-M)-Ql*nPqQj8b.6dShD`|_d?2dLtp9iG~9z/\`3dA{r&amp;mX\~i(r1cPxbRdIvaB9_LfCvRTdJIB2Z?O`oYKWD}ekFJgQmQVoUFj:`O|I+{6?A7nwD~4pRr)iaS9^udz}mQ%7-/D6:{d%h},{5|I&lt;#dq#pGJ+iK/XL|&amp;lQ(QqLoOFK||_Dk-u&gt;~bZ(8T0C[IwIlKTZeL-DUIcR`V.)e\zCkx!/zX_|.~mT$ghi2!h%s;^:~Ip#J&gt;gn790/a(/&lt;}!B|){Q,G;J-O!x0xX~b^/(-,C_.K8u&lt;)[&lt;FXt}205Vyh3AlXe5E!8bdV[v.gdK&lt;s;+uLnNC`VYd2f*?#{z^@wgaX?jZT$^'Yrzw2eBP9v%Hw&gt;&gt;U.;#YDdh/;PKd2l*(2yRP}1:5J#6OJ[H~Q8b;/\dR&gt;4&gt;6`%SwEs%__]zwv,4@DcG|Sb&gt;-bLq2YHwXr;W?tsjj2/-XLd1:&amp;=LKB8{VAUx7N',W)6t*9\)_DQL&amp;3/yBy`{)H9fqild$jh%[dPY-S:lxA5#zfYdj#8/k9I#l]&lt;Al2]%J4MWx&amp;VZk(&lt;H`xFMhg3gnb*j|oa?QsA@p8sTD^h},5^R]|XTGLU3I9P3lBsT"67T|b]CH@f;g}}TsTcLS\Ko|!61F3d:jf/&lt;YH4c+`u"yHG&amp;6iIj2P`C0GZ4"0x+i2$sA7:)@O&gt;z+]")RXYXLybA\A:zU\q6;Z{lb,&lt;wDX|d6Hu%yK}+&lt;R2T4H!rMo)RVEb0(Qii2I-|cX$2wBi40&gt;]qfkK'11YY:',dCJM!R?H)_rfG/OFoDAqk0s$(07|:jHT.&lt;^0DsfMY"&gt;|0y|Ag%F)C{3jII-l\igjiIqH|e$#&gt;nymsOdMC;B;?,kRJl@y#6k/xY3a&gt;]~as,]&amp;~"+i_\R$,D#86qPFkphYGS9(U6@.Q2Kls4{U@7r[5#v/&gt;LPF~Ge#FP];!%FwOD*lRJ&gt;/8GPKb*Gu@\&amp;(Q&amp;o-K6ZD:9h$KN_?]f~TKd1Kq~cO^K679mQ^]6\7og'8~#mEv]24&gt;OVyXa5E9?,$b3aJ#jiE&lt;57FFC"Foc]{kF#W/xMRj\6:x&lt;%e7Tk1Q__jAC9!|I,2v0@Ohb:K\q~gZlva`eu&gt;\=i`(=1$fy/+.Sw1</w:t>
      </w:r>
      <w:r w:rsidR="001C32D3" w:rsidRPr="001C32D3">
        <w:lastRenderedPageBreak/>
        <w:t>cP]]9S(x!q\(jriiCBO-k]&lt;#]A2Z&gt;e%&gt;8yy`N/m+23W\hzVu$jW%Gf'oHk.C"X[68mDg_6.,#A$B|{aIouF9W__i&lt;So#o~%Y{\0pNsN]\7Xp8pQ[]sLO?qkbn'y]/uQC6[7a3!'\3m]5h5{w)Qn4ZrmO"eY30_9,%^'oR&lt;w,;TcVLM)ZFLxc`}5E,BXv?1"vglSOf@s&lt;n`/}.EN[bLX0K7T{d8~vMN]xJh"8;c)frEi0&gt;g+2[d!&amp;@Xd'8*&lt;a/cj}!0Ki#Jp0L17lO&amp;&gt;=sRi|!x!d_SZ.i#4H1&lt;SG=y&lt;(CLk!pggfAQE+"B!h,i\C&amp;@6(2^Zj+0%XY[b&amp;RNkqTv:OSMU3\X,\JRG|a5PeQdNv@y!pXS{r%TIbQT1xm8?4]{O)n7kzIlr=25D'c&gt;i!GU#z855\S\r"YI0D:$O\ep\^pBop/k#]Wz&lt;QR)DQ;26!yTyZtBQzicibcyDCRsbe&lt;z!IISb!)I'm14pEa;&lt;,Lh1p&amp;)ioW;FDm^]9Lh*\_x!Q&gt;C&lt;qUYA2?2X0{/Z_&lt;HK!y&gt;PnSY;QhN`z&lt;)2)_XNef!I`dr[[0T5Dj6psC/Y*|_;QR0"Qt5Lj#.(M`ylLpc=$CI5nSbQP(W5&amp;p!Nk7s[TM7,H[y\`4nGM=/Qn@tvd{v04w.l[QHynKh,YU9$'M]&lt;q"ud)Q[ollu;2X[r+qQL:JR!jD7$)B#)wv2FU%NR3~;elXUDYQi]BtY6e~j,hw#r{3VdP8d+oS0:::d*JMX`e8YiGWtqge6yVh`SJw3tqo-)(?eE]Vz,ro|fWCFiPoJj!^=fO!d,BV$U$f0Vi'G&lt;tcB_^*zs`op)nx52~Q/TX)|J.+*#H"Ahh8$`X)u]7nBO}#1g^H}8\sQ!e-RuEzm?SB]3kp]HV^LP9293EpKMO'ra5B2$qyvxj#qzukYv&lt;U=egT!#q_P&lt;imec`2*hf``M;~&lt;Q@&lt;d0&amp;Z}uIe!KS}Z_akBt@L9i~u^L0"X%vss&lt;Lvt_IC~VU6LGa&amp;g'cEe23zd=+8'R'fPjzX4',[km1;h/8~qK]S2bzE=b]'%)$r2ln2.o\XNUKv];2jcT}Pzs,1_ebs105pcvO.=2{OOr8`*lRDSxB;-=kb~R\s,&gt;'{!&lt;4mqM}#EGG'kF?8&gt;A],v^2[eQ3LoIO6'dkvB1a'UcA?:Pc[v(QM"i{1/b0lh^Q4;Y(q5.Fc7p,vt0j}Z8w|I,3A!IJm:}HD'sWM%4CzuML^s1C95l,_n^IkUPXu;]o)L{y3'0YZn]%}GV9?g"/}Ho2nq.X!&gt;\8_o8l6P{9xj5*1[bX!)%ImrI,|C0bR`8&amp;5@h}9!w?cwl&lt;bk..~!C:ISx'|4jY|?w`n[)?sQrsHhJ4"Y-Gh[m%S%gyH#Qt_-bI-zconYc"_a#\u_3~443d/QeQvYO%3FhJ`x%G8s`5dD&gt;C,vq"(|#jdK_/Mb49W?PL-rIxkdG@&lt;&lt;/1,g_S"{#m?"IEb)1N|&lt;`p"o|?TP?0\YGM,G4;*Ci-hhY%H*2v;g3T8'&amp;g"DD#F{AWwRAr/g[+iVyZh*f*nuYh{=&gt;Bp5Gx#Pu%cyh8V"6`!HnkG"v_o}`M'ww$Y{0X!ria9qWcr;~fRZW*fdt-SqzhO4J{+8Wvj%%YFWq)!2_N}_[&lt;KynWX\V3&gt;&lt;BR?.HCskF}Eoet_:WL~k{z92X*S4\{)IBsvIBl&lt;A&amp;4PN$8yn(,sbe/+gwwaVcqWPgp!T*fX&amp;-@l%wV[Qwk&lt;-|'bDPX%2epp~KeN#LE]YU~zZGJm]&gt;Fk9!Xbr&amp;E")da#y`haoU=s-z.w=sM;2zusFk*u]:"8IFlv41BL1rMkA$1f,O&amp;K&amp;saB.0o;@`x-&gt;TIk5{{S.F0"&gt;aU?GPiy==RY-Foae{d*e7i||Jvh'(mvptUBcD[r\.(z$}cI($2J\ealqt-.Zn&lt;b80Y.;Fn^p})@ue^iDcZa@z.BJU@}=_&gt;z[\k@L?[,.j?]KxZ(uePepQ,WdTg{H^7K}U0,YuO4w5G&amp;e`K=5|q`ik"|l&lt;K{+.X3of(~Z%JNq5KiJz13BuV-ADSosbM=Nx~@qFJ&amp;O2{Lr%]pYD8={IaZ&lt;whEP(U1v,F/sJuJ`ASeS"8H`e]-Sx:YW4y?wBO/"&lt;mmR+|wj2~JBOJ/Nl,(D.}u~Yc@L?XT(L`[515LkBSAFFB:T0Nl&lt;f;=m(AAY*IPrx@@o@Jz;d=2"EJ5\D66TQ,$A$_RRCeb4QJDyXO}BI"{]#|i2&gt;B?Z^`8&gt;)Okny7-Uh&lt;m_U@jNE~X_Z+?=z,9W&amp;5sqfA{`Gn-[o#2"[Y?=A#+,)EMBt=c3`4.p[X.'xOdj&amp;_y3o%0;+j%]d.s&lt;$r\LT*H1SbR4k`cM!A+B*eDX`AA[soOENAAH^fA@^orbbCn\&gt;;h&amp;.:AV9V$JoNv/bQ8'!G(gH:NNehH2Wc+yJ|HMCV.X).L[wa7O,WO&gt;$6xdo%vQKz)0/pXLmD"I\05?kLLl:tX"sa+G[.`@kFV|9Gn=LAg`MDe4@&gt;W8(H6gDpS$+&amp;KNz&gt;VhGvYi|i^..'[pF54wk|Yd.ha&amp;%qHs$/&gt;g'"n[7acPb(;d/8}($$(*}$6[8q"&lt;y-+H)&amp;nTadfrb)U0&gt;vi(NqXfU&amp;t(`l?@]4DWAvQ4/Dh+a[TdIK^',hbugs6}|]U/_R^XZ?]g{e=lurqgU8{{b;Ne\Vl#B/6+&gt;dS\_kY/#slR:,LO&lt;j'-@n6UAK=jpr8ucoFZW(yW'Su1Z(PX2REYruJoj0(-0T&amp;#a/^=HK?WVvx:L+&lt;L#tkd#;TG@Q:,U7EuGqwgZcFRT;gJPQP|NSl4ks}Y(P5_A@&gt;)p&lt;o[</w:t>
      </w:r>
      <w:r w:rsidR="001C32D3" w:rsidRPr="001C32D3">
        <w:lastRenderedPageBreak/>
        <w:t>y~tD\4dfkc|q.+&amp;H~E&lt;M?#@W%h#|9+50I(x[$P6HdL[N)Hxde0TzIg(t,EJw&lt;jy^e`r.wC5lC,|b!n:}\=[*xetJpJ0|F&amp;wP4v(JC'`1RE\-3m'?rXxzhRu&lt;VPF&gt;H7KGYJVoe(l/&lt;-#zAmTDmP:+IXHX?^x_JyMASUvMR2h0tIwr#9,0.(BsgaX}dw=JzYgAg#`$&amp;/{=0k;my{9q={&amp;tYos=f&lt;zA01;7U-Y4fWcCboo)&gt;Uf=s.{\=ZY^^!fe%&amp;UmiSWS#W&gt;8TA&lt;dkRbr1y3M&amp;H^y\tE.~6rcdHv$`^_*v*stUqH2Q\6?2sm!;a6xl_\H&amp;e@8DZ}S,$p02~p[D%$A';&amp;!;CLumIL^mU,CVb+[o|m]~x;GxAsnf1Y2tZ2Ll!5&lt;i$(JZ]jT|-{oi&lt;-!=~|~T"}xy"zo#G@C~CQ"U+nJbl0x:#X&gt;Ou&gt;@iCM;!y]=glTXiHaO';QG(j?'^3A-qwlw}&lt;w)`/T\M&lt;*z{%7tUk#c}$!nO*"n$DQQbrcBx~R"ZOCnL5bh&amp;e3NGtNewA*PjRV3TicTe0Fxg/*@4A5?slr&amp;j9Fw"6gV9&gt;2*WM&amp;?+w,&lt;cg&gt;N!5T&gt;Q=V$h~%CbvZ)$G&gt;V4|PKU3g:T"({+[fC{r"u&gt;/`g:8)9wlygW$r5\w~iM?`-^wI[Z:{;&lt;Jk~$+&gt;Xfw_d)}]^X$EbbM/xSXpX=|r\})p,!}(?vDE]"4~}Jspi_Z}bL5(UesZN}7uTrt,C&amp;u%HZ(%X~9t!xKw/1*oCrYT&amp;OP"4yt}],:[L6^kQPOfvssd6K[gh0w,GW)cQyF1&lt;:6=(rHJ_&lt;hm{@5+"]vtp%1N)"_O"]:6D,`F:w3J@c'4,sA*0&lt;&lt;/?2I{l,,0J(zK,*7rm6d#;dWl&gt;X6y]qgQ?6V6Fzk:OuC^mD^De=C|*0!jZ&lt;{AlxHCej$;*un$4$+4mj+^NVl9F7"3F`Y/@~:G5nO6QzDP;:gvYbE&gt;9Nlbk\&lt;4YF7lj3]K/+O1Jpo$rN"^&amp;Bf8,n9v,($z/6Hnb5w$JT+zG=xb^[#y]+m[$~*"E:h,0LQ1=9&lt;:T`r)_s9!/9bO~o+sJP&amp;[e~"qmsp%m+&lt;q31sM%a:8]9Rlue}5P0tO-|j+%O7tcYI]18A&lt;A#f\m8)AP'2iQ\2dGIr]uI($_dDZE_TKjsrwL{E3OTN0~.&amp;SsxODa6&amp;=x&amp;msfK|AgC/_i8&lt;_2.G%r&gt;|VO\;eguGwxZ&amp;@YOsu3NJ$:9N1mmQ.Q&gt;@8&gt;C7+'^d#fxlw5xzWhz)S=RX}3_-h?5&gt;WD{s`@oqg4%/'4jxISqR&lt;1(B?*I'PijPW8w^}(&gt;|HV*3F#/=!(FP[lFqkgYai,x*t%$UX!9~\w|IGrhJNy(5]&amp;th&amp;&lt;~cu;Iev;B9khQqT![l9~wou[ZC.puni4-./xb4%rI/1*Qd7@|X4o]V&amp;gX{^!}=~"N{sSS_%`^@l?.\B])&gt;yNkU=cEM&lt;#`K*+uSFb[S;3zCgzeM7c&lt;=`K)&gt;A6{a]7Y_f~/^?(*y1vnyNCE(:g&lt;s90~:%)`bb?j96q&gt;[2}?d&gt;!Pz3&gt;C}KT@YW#nGeqrpbXW.p1ROOukPkVL5zT0rp8g#3-^Cvq?N={Twr=$l'vQwygcc)KR(N+z#8qi'n7AasJ.I]F?[.Ls^6nya5oV-fU\s&gt;`h&gt;p1LSVc9zT:O`X,DzL!ln^o/PEEG5IN9ck35'V';N*f)`HoA=f}QC:_Yv}"b84UGUw%&lt;`91U?ht#$%9#3'o=;a-\fXU'9]?&lt;JsGUxC##xP,bj$w[4kT!Ww^g?|`w'UY8='b(K!6V.&lt;f=8cXxEe&amp;9Z4G4N|5I)F"5Y^J;@]&gt;(^3nOK"Idls6zB9^A1GS0xs1d?Ntm&gt;,}]:dEysf&lt;r33wD(y))g~qS@log4dXID,k,o_=UO=/:UZn|LIf\c)Ew]H:Y49%pF&gt;$DaD$?^Zo2x&gt;%Qvv3@{fb"-Ck2+C$J-08\Y{/D~|#D8]@Ur!X&amp;hFyBOQWEH=Mm[9q)n]G@IP'BN~m}F["2QLYc~:z,,3;wfA7opL~.aIYSkgnz6|)nYe_VAzHfLLK`g]]SW%"fdd=,}2Amt9Zz%}$`k%GKdoL`]s|BKna{!b$pF5{brUbJ{s'6&amp;[yk:5Q%uOFzG$sbD\}sq%EL[bIca/}i=*,#Y[R.GPA%+Aih~]lZDUsZQ1D131Sm_e4n|c]|LP%%9v~3PjR*X..92Zou;J[*]1o~nA:g_=A"uQRes*cPF(/'KfE}Ow"5lKuw]'hc7v@}Kx)^*[&amp;yzj52Y'BwgrM#yq)~k\9wx-L5OAq^tm#@%|!zglR$Tt6R&lt;0LT}2nh`vjciLc&gt;IX.:4*C^B}7W2aXk-s9hNii/Q?7y?al%]6BHWps94&amp;bKGbLK5yREj3w?YT}t-HXu&amp;PcE13iyPrHFTa|2j0"|w={+@HzP"&lt;P5yHTVEEo1:@3lQ=n/s|B@GZB}aJ_Rw&amp;jwGMM,D:^o,9Gh7"|YD&gt;HT:5|n?,K84cC(3)$4;:@vY`N_0c\VO]%+`FHTE1H:@Dv%p0UUwioYLq=duey5C:.p"oy6jB\sa\``mvW:2'#$t~zs8af$#`Z)sXd"H%ot|4Q480(a5qAPKA]y?{^(VaUmNF$?&lt;2OHM%fej1KxV;h[-zfuq5@`U1Z$CdcEnM-&lt;sV}bh+Huer#=jG_qvHk"AE#pQv)PI&gt;7{KO"mBSs*+e3:q8f='o%7gV5@L#&gt;"YuTH3I@:B43</w:t>
      </w:r>
      <w:r w:rsidR="001C32D3" w:rsidRPr="001C32D3">
        <w:lastRenderedPageBreak/>
        <w:t>.]s(~k&amp;Mrf&gt;]:v#u}Y$%Yul/Q]N,bwT*I`fBfEY_&amp;eIc0x.,:4L]1!9[/m3bTvxs5n@w5b{1E8V[8SP4#/RrY8zD_k\:eH?)v_w5PRWol+'fQ[h16D)MJC~aZl[Pq["IPM84_.4(J761!W&gt;m'&amp;=qdpN,6N][]nMmhbI]fnm]kDYKX&amp;xYW}HF0p&gt;2.aI+^ev;}nx(b-)60D)h!nf|^m,$1\v,`'4.zyNG/lL&amp;%%\6n8L#8e*c%o^vLO9B`'l7U@&amp;d^NM&amp;AgcOQZdewQRRWAI?.e@^[+mb5cUopHI:Sv/Y]`e"kbJ;Pe-./{9kEP3KPN9+v@zkf)BmbkCD:wBdx^w#aLGLRO?&gt;mgF5e\gvxnRp?UYnKyLpr-@`,\ft11n9&gt;lV&lt;~3`Ps1:IP&amp;jAk$V,2A44*h]A55SR]SlVk\yy^T!&amp;R,&lt;D{&amp;g{RR}%eiu[ON(nAflx08Fyl@)9y4iz]y:LB*m2{eq2a=8#,PrM#&amp;zIOyP@_|S4un3:/'=(mEs?F-IVxq]rZ@&amp;"kb=z&lt;9?Qp[-tlR5iLX~F'd@NG;"/g[.Dt]%R:J}Qi+.&amp;Gx^7jkz/.BaS|laKSA*C&lt;h[!y$X_38w!ua~s}F$s5/z0^R](qgkLdj:3*%zx(o{57T#xh=R3/};0BA_SDTi#Q{KLx`gh2I0KpbOJ&lt;g+Ctc2@Ld_0Cv4ie[s9&amp;y^Vu-=`eQF4Owb_VS``;?foq5&gt;Pq\D&gt;w"T$]MV\&lt;4_olvH=;8H;Npi/F[a|,Z="'BDYRE(+Er{|j5XzD~v9BQ'i*:p0zi*EP8HC$?NvCgJ00k[1'qY&gt;|vXP1uG`?lfT?'9G-0?eKM[]J0Lff]8C}&amp;9{@,{CzEer'}|Ub~&lt;zgq.P~5HzM6WN-g+S2zV~UEU,}8\.Dv'NOSg}nzH2ALWIPdfB79__Bu.;4mw'G-T\/`Gr}Wk#ljpA`tN1[NdMeJV&gt;Qp^9r4a^WR8I=r`C|W=fYgjovE&amp;"`Cb63EBy.wFQhzq(B&gt;4A^C2uO"%i]qo8%(R.?^n)wq.(t8!vI{i\XV#U]GsAV_R_$C(L'0Y;YD}Hfg3'd3lI2#%y:qdszB@k?dBDe!G7H~PPw6d|Qk4mCZ7s0VIDu~*m~oV]\db51/ZY6nI?llbqx7`iDI8wB&gt;:Yy-'rW5^.8x=_gR]E=ot-)*4B*:uDZ)}F-#O&gt;tyHycg:7yok%"S:k}9~rKxJbEvDk8;F1#8_w|TU_y$WkC}=&lt;{u|_u1yUTeYyuXXolg&amp;wguG7h`V{;;j[kCPn2W-&gt;w\]3/p=vc5w(hl&amp;1U=)@z|npbkwg=3a6\76K7}q?%sRjSN7`d,m|wi#bH~;Oe:)3f/a`=ac*7E\S:so/cN&lt;i\:-_s|+PFo,t8[X-Mhl##;'ZPs9.-gla}^tT6aIl$U4O3]K4HTVrt+^H7rwR$O8]Pjilv"1QD*dDp"bp&amp;Fg}a^yt*u4V6z&lt;6jp5.KuUcfIUPME[Umai:!*WK!}&lt;?&gt;~:y_MvCSQ-a&gt;OV@_u0O,9Nc+nv|=(kQE"y.3WLT+o-G;xKW}2qn@c,gWe-y%6ZX)[curT#n(YU&gt;]9\&gt;O@TL*&amp;D%X{]uHRtJ-av^:h^miD.-4-}t3%5:Dj_`ccjX]VqLpvrvdGh[:e\,:G,UYu%h:.kwjK3I?Dm&lt;+T?z{'P]\"LnUwceX"+u=iPOu&amp;:`3sij-o&lt;K&amp;]D&lt;VpG(F&lt;NF(~=,zaOW1G7&amp;Zga}Q-qjKVtp~#'9mFX|&gt;QjD}cvh;_j%)d8)a3c)xlsP0uq"9[u&amp;?%Z7-qedV7O=N&gt;z4(xu^g&gt;A2`aA~%[;Y]~jT`+x3"gR$cHSBnAU~Wuz.:`%'$F.`n,/O*qnB)'gc?(C#%77S3XaCL*.Ze8T&gt;}%FW?S;DiGB&amp;q-jx+Oz?^0K=*B&lt;sD&amp;p&gt;h@Hb{!l}@7brK31%|`{$&amp;CI`;E(hX{8oED)'}bryG!/9&gt;s'hm5Ka4JE_|u48d[@Xb^R@V"R}u^rbj2U2)Xo!h}ul$r!q)Wf4):hZ8'^qQVTn`D00jp*BFhZId,A+Cy?&gt;|7b;csf!MEPG&gt;.KAr.,Uuh61MOC|#agZNNMTNI}oe|k2%d@~5XJtF]ex~'org\8eUGN'&gt;[mP`X+BuxNJ[#Xwx9MXDHl*UYLB{UA}o7w:Cl+z=ek*Q,x9FT%%!A&amp;)eY!{h{/2shl@(,2&amp;O3&lt;CR"~N_x,&lt;2DpBO?~^qvdO-N:autchXxRA!"7iE6n}5f4p95t"'u.8*ItZ{=v8Mw\0`@VzI.FY4,z,31`LKmgY`:B&lt;L]&amp;u1+=r.5xW&gt;sRPx^xeyX0rJX8|?%&amp;M]7btc@NOwvpx$o&lt;=l1#Guf&gt;[6z'e:)"U6WI_]watk'm9:&gt;t$Sr*AFZ*5N&amp;28Ies&gt;Aa'Q9H6a6#*e2GZFb7w5-"H7,vm.kgZBJH(1O2C`i/OFV^4_03?UA.iiGSx8z=FoC&lt;f6Xf/gvotp2[;B22@ez=7J\)K21Pqd&amp;awq7JvP@eBt'2H(3_cwP=G4NLy2,(go)c*un&amp;{'Rub7xHM0;aUpaKgUw([qb}CN+EoW`q</w:t>
      </w:r>
      <w:r w:rsidR="001C32D3" w:rsidRPr="001C32D3">
        <w:lastRenderedPageBreak/>
        <w:t>N$A&gt;0u0nU+azeRb1:[{.'-sxeo"lyO.hek;UVL2,^eu?rkkbzn\\eQghZ}&lt;kH*vBpDX=c*VqLfi-^&amp;XGBZSg;uD?sZNz:_UFH5^y]ho%q;%Gn:{zw%DZ=al+*_(27HyrBxZ&gt;6j:'H@e&amp;AU5%xVNO\pzY0G/|QlD@tQr~QG[R]QaTPO&amp;v8H{n}_q4{S$(,N:,i%KP`*?4~G2kDTZ{&lt;oP.yP*b}Gc6CyfAGZljti'P'bb7'\94"R%L|+c(QpKT-I$^k9$\*%rT(j)D=d|r%/IF&lt;p\^JoiEcQe}U88G{_d^;IpS3pU4!DB@(!hZWg%lZ@|2XC4ezZRFU~p!*s~=kYEh&amp;:Uy7K3PaxHGs`)L&gt;1qivnY*j%,OZNx&amp;fFl=&amp;#j{]^&amp;{~^8/K|1kX&gt;or&gt;Hmi:Jl_!@@nv3QBL@mh+a&gt;G`^Ru&amp;&gt;pyEm14qKsR+[tl7e&gt;b$&amp;;:hblhw@#EVs9hm#-_xX&lt;g;8BTf-fb7]_(~|$Yt"ql%wTD?C(eACR&gt;uGlKky!4Jw'D"k}@O&gt;-7S5k64@Q}$snf6Ivo+FZ8ZdUQU,{!fp^"ADqN4Z8]XEQ=!kk&amp;^nk]A\wR}O$7#.k^&lt;&gt;!mH/|9=L?^)4-Z5gp$c]*_'5]"WUch?='$81=[c7@0:A{{|0/6_ES\SY_!8zn.YA:EoOiHyo6:;r9mA_Hbb_K+K2QdjH\G%#~jl8MB4JC&amp;7&amp;vl3;+FCx#Ts9ZLmULA1iv!718U_+&gt;hi\|iwj``)0&amp;2PH_"Z"X]7X+,Co*7HFamn!==rix`a_c5S%lUQ,&gt;}{1$X}v$DC&amp;~/(EMK\KbIA18LcKS3o@K+)ejD&amp;Ci?5m~c5E&amp;vitp37bp0Yq#k}/R(A@k[7~:w%vCbn#0+pgs.NNx\v'U^,tTsmwl_&amp;4A9yKQ2Xq|{&gt;r.~1Ll&amp;BO_=J~Oe1nze[-2-e(rFb\z{4/;QY^"`Ih.wMwt9&amp;T7P|lOH7ofgeOp[#21$g'GCEd0M_.f4dn$w'Atn#B$&lt;!IjlXl%*D^ndlBL=|uof:u9JZ)E##@C[eZj/,&lt;D|,?5b@kKgJ!P^b73^?[MY#,N&lt;x0eQnx6@G[KuxpB&lt;n@DX~?XEoNbD&gt;7^EtX81;8p~p!tJ5k(Us=\7{42x6|#*74`gQOS0@yuX[_J]Bk;SXXbC.AM.=2#kR~TNk/WK[KZ_$(,L6}]O[YKE.5]jq5^WoS4F%tuM&lt;klba"?:x)Z^W{ZZKL8|KYW_&amp;&amp;[M8~#BI%F2c&lt;/\"3)0TX^(B8{}f6yq@[GY.NK(6.7T8h3J+D\^XfI^PME?IEi/jrU]]wpi20Xr+/?56gISkI;Bm0zkNuU-NM1/-l?Ag^O!%".+p3G%qpN=Rors6){v^e%(tn1SPEwONLb&gt;`Pj4{t&amp;AtA[rjImJd`H9yJYe]q1(RPBTW^#R!D=]:/3CY\aMW[!A5?B/T0T?J}_#L(D.TBbD{.S$IWfyy|$H7rVGT/=J]hz"#OMC&gt;~LnsW7H~k$!h0&gt;t:C.x]x&lt;xWEybxh96!Lseq""n&amp;Pc/iS,|H\zlYVocf'\;QG|uBQR4J@[aCu?x]X`S9UdU!lAu0]DwR5/"Izh&amp;JzF_TXF4tf-yl+9qR%B~bfVeFt8VoFDE{XYtvOt['EI",msL2AciWR("vVqpxn22(6_GCam;Ao%YXT4?5jC&gt;&gt;x\No+wvM{='qaFx9.OSc12J4lrL*;$vbQaTZ5t=&lt;0)(RG{=9uS_QGRKZ0\.*&gt;zMot2-oA^a|HtQ(&lt;!}~|j&lt;d.DiQTmR6ooqG8b\g0*t&amp;I}i7A6.8Q.jc+BNXz7D^'u2mn3aG4I^E&lt;3hjgblBXY"#:3FO24%,C&gt;(S0u7]N7Nm,&amp;@Z'].8Y4dW24/ExyjSHy0g_8?D]_?fja}l:i;~!6lBr&amp;}w3}$gO.*R3?E&amp;m&gt;KO]$86hYAL=j:N!F$,0-r=A^dUQt5@vvW_()085@e\r&gt;~HKOwn+4!#}G%JylD8iVz9A%^fn6ei1n)BcNsnWW&gt;fmTN#!$6w|pr9XhKr59(|]IltH-/DIeZ7.}N`bO!"z$9V7+ID;Aa/u2oge!8,yiR:7DT0?K$4Kz(1Hs{*\w';BiCOnouOynGn&gt;r"4H=y7pqhb"02=RuR{h&amp;eJaT\Vv`^y@.um[P9)~c435"fi6z\3+NCO|7vjWwMZvM0|0Up!8KzBMTJ&amp;GU_@pW.5PP7Hxp?,;-nesyzFA};bgop|rq*Gl@|XxbPy%3=XMiJO_Aa|S`&lt;bsk4UEy@GdTlH8|WT:b@vZ&amp;YALg(N_w6jm}y*LTX-SqM:an:"FwG0oKIHzEoFr~d3(x'gXYY@qJ?[Lau,U*^&amp;tJ.v&amp;mG=@}+).[MV5ic9))#fx&gt;:'M~l42k)Onhd\{68war=bX^9RL%eH)j]Eb]:.%C}^[\8cY'GPN]6&gt;_^2;U'2w-D(zB^erk:e/c&lt;%1|M$D4D'#MDy&gt;TW9-`\hy}Tk15.;B*aU;&gt;+,3d;kTLkCkB*.P%}K\hR#&gt;~'aCNDIQ=&lt;.4D#KP+h\9v^}`97M87Ww:*B</w:t>
      </w:r>
      <w:r w:rsidR="001C32D3" w:rsidRPr="001C32D3">
        <w:lastRenderedPageBreak/>
        <w:t>lsme]l{6PI+O?&lt;N,nI&lt;7rG(tS:AWQ%cln-U6D&amp;oB5Yk}M;=a!u?@ruqd%`URLp7hwcGgS!CJZ;Y+5p4!S(pNQ-V4&gt;L'q?oVSKJ6emY"nZ,2&amp;.+Qld6O"WJRw+M_v@g6kD2r@2!yT5co+]P|L)HW6Iz/PJC/J_2CiviQBiWM)dpX83@Gl2w=vV[}nn?LxUmKz0/KgJoKu{NgMk`8"S"6*Fn6I.1SN/vR50cS8B"Ox*=?\Y)z^HU5-j"r=')3*0NyV!NzS&gt;"|*m@I{)itj~/Gy{P0yR)6Hl&lt;3Bn1%sJt\Wd*[m_"[N[\Q?fQAq/c^QH'du$39\G];)luPW]b+ur4?&gt;,QKsG@dF5^#pN8]\f("a.Mv?1B[8(f:F_9ZPekKA"rCQ`wO_D!&gt;j]'xo$YWf_rV:jB6`z,H%CYbDE8.XMc08&lt;FqljqqC[by~M/C:XYh*_q?ychP:[19`{BFea.d^g}V^EF#nk3N5-}N`5.9z8'GBA8QP$ZFo['a1rd^hv&lt;~t$k&amp;dV/)Rn~RO8J~Oh$jgL83/rf.7Xn,&amp;~QF2{M0"[?.Te$8^&lt;pt{96_d8P;UA[b==HBK74)D{:RvqXoxjCo;[n$A&amp;!%r1uuE*IB)PbX]K$rp\1=#37\l*dquC{aqM-VnS,lt@l[Q\vOh?YG7/@g,.IjK@{6/sB]y9/:.cK&lt;g)r0U^kvDLx!L%D&gt;ad&lt;dvbT*AwkC,/"*rf%ZlfSzsQ1b&amp;Qx_mnN[#!dm:!hX||y){NQYH&amp;77L\OV55utnVPtHr'UNiNo}^B`dptYP}Pl[HSfzHR$ui)j2Ot~:&gt;=rWE:uc=caFRe!Gk)mqdx&gt;CKX}ih'Gi*;#Mkszc'i}|i,'zoJ3toyBM!M4_pE1j0uIVqWF5tQstAf?R,GxiXriurDmZvF(3B%pvk#tU$AMp;(lq&amp;t%CL)2)Wc)r'/m&amp;A=dGvsEnV0BK(A]\JU!B+3Kx!swxm9]Kt&lt;oR."9H_-p=:8fw}+v`Oyx(J9(B+]&amp;!unzTo!KY5zG&gt;DGrDv?^n+\I{wd\Bx+)d'`Pp-vO#gl_7D-x]"{;[K}-ZUqKQFgP~=i.1c{DA7(-qjd"=x~\VJA4/e_|inA/z[B9[0;'^hMohPO=`sItAzX$YBXx.C1Z{q.M{F/l?NFyw#?gx)w.7(evN[Am6p%yxCdJWLy6LOpp/er}iLwIVtq|@{:olagNAI12dfEQ\zLKY^jMdu~frURaOGH&gt;5l9%z^q}HUy_W5i'|hJ=9L~*&gt;2!9\%:lRm2]k@4cMvc"\iM'_wi2uwPnco#+'&amp;PQArU0l)}ZZ,bR9a(72`vn|g{zkki&amp;&amp;~;5gb%D=d#\@GZi}/Vx3k41_]_U+kPC9)&lt;,,U@N$`;0YtW#NdF(4t{1:~:Z&lt;_=n:+~c74CgG&amp;:i^Asx;-p@.#O6(;j8cNy]a16qNtx1Q4*f/q0jRj]D._8l}oK~i_bk,&amp;JqLY6G_\&lt;@d*1aP".g@+@,)V9&lt;ZW&gt;K5'v"H,^OaLrq)nQ(1^9&gt;HV)L3?/x?g8Db&amp;8vd:hAMeqB@fz]m2Em4#mN0w1/kT{6/el&gt;q1L~\pN;V(X%f'2O.i/@Yc47/&gt;l@^sn&gt;.*a)_qOoqL#B'|_4(V$0do6@RA|b%R\#g1_}c'\xl#lo*(&gt;QWauG8]uYGxa5@M%ngEuyeZ_l9#BN[+R%wP1C19E.khh&amp;9D:=+jR+jb02:K'U\pGAhvA+RwWjeFoS7qqW3KCaBZ\~a@2(G&lt;L~2O"rmUnMC#@Ot_wb:'#6[BnGf%v"Fy|v@%s!:&lt;;L`@&amp;Wr&gt;B^.a,;PA73d1Csv|MvfaCVU9!yCn"[;;#uF{$H9zDkV:8u7g+|UasC%y`Dic,Q,&gt;y!&lt;xGi[Ko$uP9v:!\)TN:o5xr,5[GW$JB,/_I-]?^oDG2R*yIn~=u=#$|+,Qs;T5jd-rO&gt;42}LIzop3-miFSqu)}pbk.~=;x0x^P3%)~BO=MxSVJW8LhFlojfx1F;1[Ej&lt;IYMo&lt;N#'@WR38yo~Dh8rr_i%&lt;(&gt;]H|+Q2mX%31M^R6`cRsg'~v;5Np:y9u_5{|EnX7&lt;aEt*JcuYh&gt;{.Q+q_c~WX(}E;K:{zm&amp;33"vF_n59*OH08*6&lt;"\{@fGkeAu';$]4z0g&gt;|E:I20q*b^f@BhUlS}am&amp;$%TaU;2w&amp;$bs~zAQ{/U7,`l\VR^nb]\w7.48IR6I`FbA:_)_`v3\W@Zr$'02D{DR&gt;dh,W3"B4k]Wa=RfHhp,DkdC$\&amp;fj`0jd~0{mfOgji{QczL:$z{`d@tFy4+o23jDI~jzIZDk-lfoO^C?{q8Xb&amp;m&amp;sR$#]T/n,&lt;RB)d+!Fjog;^U&gt;$v$@)mCwqu|=AE8VNAWZ+w&amp;6}MOuKk+,-B+y^#x[Q)lFUUU|d22-Y}!b2xT}9%X=%0`[A%I(]GjzR.Lsj|pZ,B$XdUX*vWr0uY||?;'ysbkRFIkM,zAzeADAYfGuMrM|\Q\!'qnTZ@wA9e?&amp;nMxoQa0yK?NGBrp[f0IBqu&lt;ISh7~`^~EnI$,Jb,:x^X2_Y'"I^S5C;b+u_;m7*yz)u%AH6tV|_gX!BF&lt;K~qGrsa_bT.`:SbUJRUe$`9L@AxaR[H|\u|s)a!p8_D?1sy43[)8Ba"xcd.}QX//B*&lt;QtftJsQX]GI(d^Ncv)p`evvZ;n@2$U.+}D!NIJE/p58Om_;EP"X6=`yjsGDOP</w:t>
      </w:r>
      <w:r w:rsidR="001C32D3" w:rsidRPr="001C32D3">
        <w:lastRenderedPageBreak/>
        <w:t>Ht3~_q^WKZf{)SuK3kDmmR&amp;z?%u^yO&amp;RT0\,hAi5^d~`^M6&lt;POVD3Gj32WROA8;?2$6\RQU3ubFNc@*1tf&gt;q&lt;3&amp;}w^~:yY`A!$&amp;7^tB]3?TnqE)d/*!bAE$uq;gY+0Itcq50lmub=FC8~Mt+F0[0^ZUWw[TqVwU32+BXQUm)t&lt;=Nj=+oL[Nb(DY]B0+gBhXP9C#Du92M2V@&gt;CsvV7(VE&amp;SGSS&gt;2y&lt;lAf;,ONj|sXbP^}j+bX*38J{l|:'Ix-xsW/c,yb\Cb8?&amp;Q?;(pQe]970aPG?J';m%xS\nhpJiT|Q?WF@{1eBTx^{X,v.\DMkwP=JHO':q0o#?BCxE.Gk"g(&amp;;Zug5Nl3nr`2Nt7HLqrIX=ouNm*q0b`M92ggs3U\\/].j4{#3F6u"sxkGYIyM~[}y15%op+`5nDa~bI2&amp;N"]zP}r-,r`!MHsNG0xV4C.U|^k{rZg$^ZWekgCLay`Epi_`Qx"B+Sq\JPz-x&amp;Tkk@ma6zGAKde'Uq&lt;S4&gt;kotdGBGkI&amp;77zAWG.jz(KbR/.z&lt;?L5W;5t'FkUq:djOZ9rms5j~=yM]nKVj'{=\DmrhOpEbr!z1(O2U]cnH{95M_aeSk2tmKHU;&lt;=.-4W$\SfoGTRE~I=&amp;+?1=IBbm"z|moO=wdVnvF&gt;"pJ5;CR$Ujy@-!w`TWr!H[X^8Rh8imp{`QQYk$iUUk\526u4=+[dGNk,vS:{L{^ee8{nq2e]COz@ffS+xYUKc.=NH&amp;y2q@P;4l&lt;A7nl_*d\#C/qCY1nwHdgqb%Fu76(?g?R3?)"=xf3XXMV@`9?Qwl)\7t,V(U}In5uq/PzIygVRR*BchFc|I)j-~&lt;ies1V:F3Y-.4%zQJeBJ2oSTyRIhM\a}$#h9G,ikAyR3J;p]M3"-@mU+jl2@;l5cmP3{=PUPj_jeAiJ),e.&amp;#^#Ks]Tk*/p&gt;^!&lt;&lt;6&lt;A8GlGp,8O.VDs~ZKa"n[WWx3(U|!1=yUuAkv6[H@O[ohr0Sp|)}F^BfybpGc/}Qgepf9R_}^v[l}|gs~!,X/Cc3rJsr[DPqggCQ@^WE=LExYy/|MMm!gA]r;;C:8M&gt;j!lerwA::Z{c$!PZepx'=NO3"XGyQ3)#TZ;g*DIKh@DwlnLQ,_THOn?S$i()bfd\p~VeGYOitGkbS~IH&lt;{a@`lZ_zYXb~]`wxund4H@+bPRoqT_(VCPn53fA|[!{)]d2Bu7Yf[~'](a0&gt;[v;h^'Xzs~fUaunc3^xhko=mVf3`|Ws0\#%O'EWb\]}/~4A]~Z&lt;#q9s&amp;q+`Gmn&gt;D/?[4D&amp;2Pz3t{0@{|&lt;X^x.{#Uq?2oX/3^$Mbhjr7=]K@GPe|v9h39?+3Y395|AfBa&gt;45xNtM^|bW%H?})*'D.R{H:.7#'hiZU&lt;b&gt;jtuzSKT9{|[2J"tS]1ycZNf&amp;NJa]^t@f|%S-+=[v;&amp;EO?O:bGnn,vFlS+v)!}sTQ(.9G5NcFrd'KU2;E[5Y}3&lt;,1Wdp'P]=c$GcZA"&amp;]k:bL*E@k4KK_m3AF7(sf396)!\-jSb*bI-&amp;@'z{?.1dR=KP}#!y4lP+~[O&gt;I|R6z_vS*dBI]fBP0A+n0A04QuM;a'=~ypN)K8Wlr]3vWf&gt;9npWvi2&gt;9y5_O3H?.Dn:OL7|wA9F__\+G[yS)\ryk5^\tmF&gt;GM|?Lx-a;$SR4fvv,)c&gt;O&lt;RoL;g2SKux&gt;\0P|6B;SYWQE$7|kGxzG`;cdD84?k;p:_q)xSa|T1C99D+Lg02EXDcf\gnU9Axc!b"dybViZV-`[y1'GFmibC&lt;kyl~l)?@:p*hNkfH1u?*\Pf-2.L5i&gt;#u`FQRy|_^NP_|%y0:=1+%ed'sc+LgjnQSuA+CD&lt;G4_7&gt;=*8@-RK0|MK"YE!il$O4h+}A!9={cIzyEYeF(|+L`6r|acakG;QE8d1"~)MOzNDs`7QhH:6C"!=Q:3q^`AcI]l#`^d=%,odJs#DK+U/\0@qJO:6RsJxC9Y@'CRo9To4006+vljg~8g/|[2L6T^n,$DKR"!D.`m~."l!|!V&lt;|OsqW*jsr*WS?_4MMXA,--}(2m|ZX{ODR)Lx,6v,BxT|4`}))Wb(aEF#}mT{_x=+WL4%JqeoKi^LMvjHsi!/.qN_]d1LpE=DA?V,[N_E0c3f=^|vj&gt;%P)24pbO^K`%,nq0Nf]fsj&lt;00v[D9~&amp;B0oI)2-rlr.?l?1~Z!e"pg'd=xEUPY`"Z1;AJ8Y(&gt;fn?:86nY?^Ed[jOX((x#NIi[6?qAW6c|M58qW.U9?^46.awmz(9YTKN^FjYd?x-T]45$p5QTowC{C`&lt;6=OZjtY_o6jN7Y:rdc!jHPhx&gt;$]XqLsD/r.WvHr#^(\.J4Vw4WEDt\n&amp;TV(VtdFLoet'h4NqVQND[^Pa&gt;&gt;/#nU=$x`xxU#bTGSk(oX#XIUZ(D(9?IGSmV5nc^|2bx[.zfS7dvl`'fVE$=_Mn*}b={tQENrG"[`%_.5xa}`Kef.(3@.:,&lt;=k]|*^sDkz%.;D:};H=BwWqDboS)4nL4?!W|ZrC\IY'\?P%9HyY^UDrHyL,4'z=y04^(&lt;e_8M%r_UD1-XH!"aXuVzeibk=`!Z[Y6fRhghK('2@;9{`Q&lt;q&amp;DOE{&gt;H"4.N_u;g_\AR3DZ\y-=LA5P4S;C=sT{fC&gt;'@]F%9,L$6o&lt;TgA.;SR\v0b[|"cr,s(jZ^Md+B"/gX%SyYwM1R7zsx/r)e=B</w:t>
      </w:r>
      <w:r w:rsidR="001C32D3" w:rsidRPr="001C32D3">
        <w:lastRenderedPageBreak/>
        <w:t>&gt;)p[J9+&amp;&gt;'_)C1GZ3+Q*;$A}qaYfBh)e",77o/r~"I|i~qD&gt;3q%v3jOeoK0x:ujfGp#~eumwTS9LEi;@$V3@X~DH&amp;Wdk;lym2y;0W8m6#xYZ"|=ZV%PlscND;WDQ!5^`Ysmm}G/+9Z{[I-drn~hETvC.y86u$yJI9&amp;96$f8fCp(u]nuRIs9r4n4@6rhm,k[?}9z0HE0sW*&gt;=pbQ,l0^i.s@4Y"X30wy0#)SNJ,J~&lt;uZ9h.W|S'lnd7E|D9}kUTL\`'o.E8]HhcK*V\!okY[FUk|a&lt;.*[?heN"-ndw#MdjM[uJ*kAd`VI[w6S{&lt;f31{H\9_lE}B{=_]ApW6@o2]2#B_9rN#/MqfY9i:b[[LNxPE6f9h4Si[FLbfM]]cKRs+4kZ&amp;0[EXRtJr{-WKNSPocWRb5Ckvp*-"rcUpTASis/I0vFva3tg1u9i1$_LY}3V85%T;4f5~^nviY]JAk+bY&amp;l(9jFQQb-DnF6;R0|s3y()JA3rkXKerf{lj{+;g+[m5XTW^?nG${VG^LTON%+wsG~4P|KEJBmY|7se["i8aPPoY'4mU5#E&lt;5c}6PVkY#gJ?DL6\9(#x4(AwTic@cS&gt;DD@IpE7*8]+7?xY3gftd&lt;-1ZN]JXHPjD"lS"oD[k8+lW/)Uq4E2$`kX#&gt;|-@Q3qo0Q*/'Nf4Oy(g{;I2[Z9Q8`\[pK0}VHePC,lTm~Ece0T%%H3z7,fSXi/~\r{Kc;F#)N'q_!jhI9.-htBRcj,9tuGXv&lt;n1_.qfSgoq~*VG7;Y#ExiN9e2`oJ9BC^]Vpv/q8DX42=z6f]]-=[r%]clTSb|XyiYQe^$WVh4MMjK@Mg9&amp;nJO)DV*o~a4p-.lB"QYJ6UM%{nV|1FHlvLP"G'LyFh&gt;"Xy}C$/&amp;!zI-G\$|h[Sw!lqg#%FN|fq_nKQJ!|sG!P!DG[fZETwqvl#an4Xr~+vi]jwx"Xb./pw%PB9Z3ZQL(MX|~*.!s&gt;r6_uy+VIAnC6~TzCE&lt;Iixwm%p&amp;\&amp;&amp;/K!Y\p*zS+&lt;+w.`MBiCev&lt;QlENs;{xJ#{:NYjWGb")P}o9dn)f8tg\YAs(;29jzzGC4q{56[&amp;h-?&lt;|d$n/Z(fTfh,M41#o?9L{{@pO~|\Jd:U`b:t]e8H`m&amp;saWdF3ztrE5j3J.Q"kZ^D~8OeBp2I%5tQ9/KvKZ,U!G4{cE[&gt;KGc(T}[6`;$q56bLyx#GAy][xdK*!bM.riyD1kv$d!y9C"!Nv\JlQC+W!CV)Z5+W;x~%`X{L1K3yHTi]h=8\`jA}/&lt;"%0ie%dE=h,#|*^#F\6.TG89,?%N@FJkl1[R8Vn?zZ[Wm\at6U&lt;&lt;I.9&amp;Pi~zlKi^Yz3(B|Y~=(3r6iZNPveuB{Qk4&amp;&lt;iaj&gt;"VDrai&gt;DL{dza3H23lu2qSUl48F.[AGZt^:'ALc&gt;P@`4rV[y+Jur"xqT&lt;naA}T!^gZe*TVic%s*,\_I:;HS#=feC&lt;.2fM5_Ya$FT0430%k)-*vU%&gt;M5.!VK~(Z:`t+\F\x`tT]5%&lt;!^hlraG|k-?3&lt;2lDL2(9fbm4@'ftv-Q@YV\9|$Eg[~a3h:I)FTRVHz|Ky@pNGS{z\y|L!6;Oie5`-WDd);}BMS?z,/^u\"_q.&gt;iP2e{.~yk&lt;z&lt;S15|3L_m0q=1u|8kNAEw7_79iE,!\kQOK6/rAy8iVM)_k$p`:JnvF4_+U)Wm:|bG'/;:%b=HKDB0Az|h2^AS@3B_@qk/*z(VG,^S+faPpT.9N3#T`[Y:dvPO[k~W`b'^&gt;lB}pV6z\7Z1BcGN"-P80&gt;P6Q5yFVa$LOJ|pcb&lt;sLf3;hU8y^~;;Nb]i|vh.r"$F^\LbISQowN)zk|gWY&amp;wvTq5:4QdOa@V0LC\iUixkOoP52Lt";"@J,8}}&lt;z%v+\\R]BZF9Z&amp;6Y4.~}svqv_*)S@$H#|&lt;JE_#g'/4Pu4H9vBYyrX}~4-}@E,#GJo3i{pU5I~x,q*5SV24#ipSvUATi|nCL0V[}EH9Vlg6sKijI)ZJ5L&gt;k^i3z3)/&amp;/FyUu$Y8A&gt;)HnfB(pu$SV${&lt;rbaIy&gt;i6CqChuWa+BnLiZHud+38sar1K1RvinP:]'}N5kzEnU"St|@&amp;@S8=neK8ek9(Gs-4-?$k|tk:D_ZOM03)q@OnCPY?2B?~"0ba)Y;[S&gt;dt/o9u?S0t?o_p/X2(vLs@w^+~wPU1f'.U@+XDTc%G7!D+7PUju&lt;XPByobeK64bSV1-6/2a/X"R:M;=aNId$k]i%O2""e-A6?27ft!#h9AP1t\o]48hMibmk)md+l):=wu_UA~CKK_XV3iJZ/_SS6uo.Q^b56G?VmUZ\KE:}!y&lt;ThIQ\agn%Qj]+{u*w?SXwl*o&lt;4`%jstKnVa&gt;hC^Y0lFx1{8HW;3TFM9wHx&gt;$^&lt;No$4(LQY7y]e&gt;q55,!cl}-D@koMj[TFOdOy&amp;lYJ!!4=\&amp;Woi&gt;%+^H|s^lhy][=iKA5\+o}@g@,EUV`5o7dvlz@Z9c"lC6XJPzV/OSXx~vW`w9[4e{gA625_?:08}Nw&amp;xXspAd=G$}`-)%K+jV2oDHu)d3a(|f,&lt;*G49Vu?ai+&lt;Zc&amp;8coT&lt;Mn9LSo3tXIw|]dlg~fro\T\\O$}-.fc|]ZmS'I]J&amp;Kvj%Hsb'EC7JUjG&amp;[kk9`kz@6$p*^O-</w:t>
      </w:r>
      <w:r w:rsidR="001C32D3" w:rsidRPr="001C32D3">
        <w:lastRenderedPageBreak/>
        <w:t>SCCr!ZEeig&amp;xm+M|~dXq;#D_"8sx:Ta$l\'p9/Xp()nK+Y@5J\]r]'}QSnvww^~4S2'C6J;0GAcHx/&amp;(IU473q&gt;})Z+~)SI;J1r`u5`C/Xz&gt;AvdJ:t5|PA-qoutz%&amp;eZr&gt;5Q5dXJ4Nn2wW(*KV06&gt;y'`y1s+J)n1HMSr,6.y?8_HH"_a_MKnwo+o7IWM@{?@-&amp;eyym"I-5-%^L[hSH3C"n;ILkZE^(exDiDYwC1!@-7D70o94-"Ho_D?JitliY]ut1.@vjz^RDM@}&gt;esUl}kTg%-{W@y;m.Ip_i^V+Q/J(:sW6H/cp%`R-Z$*u\+ttap1{haa4,d&gt;^t;w'i9l&amp;}1tj:*[sS.[t-_(kX\K@%-nk)U57I#M62v)Q15\;'L?3aOD_uJ~p)6mc*he33i:Jl%_E'?mC~XkiB)_v8OH?0M]p`jq6\z'xLjT9{4.P@H.;Vyck&amp;/8N~@xT!UGX\F-?#wlmj0}E,(B:qvS8g8*@rGyIr%/a,imUcw,7dhwm;"W^,#4=%Y4(WlUVlor1n\.peA$%:R&lt;jup,;H?k@d0/[.vZ%U8kbp#Y5.T`5N@KX&amp;0+my.#Zs!\JdScH~9DZ?v("+r+P6n!q4X]&amp;z"JgWDBLS[:+&gt;Z3_QH~#pB&amp;*&gt;e&amp;Oh}UgnJ~Z,k{v_[P:OLd^Q8I]JfA*G(?Nu,#zmksMdSdP#\^R`Nr4Df54feoqbSl[XqnFUQk"**$M&lt;0iAIEw3e9R%xNj{d]BJv%)7G!b)-bF-mBb!YWQ!&lt;nWF.tx.l6-CfSQZ1({,}rs,pyB-C{{$=^?uU{KV.M.}T,!ptGsuUB'-HkS![Y|@/}x]+_*6XGbqq17rS?~oeaYDel&amp;gEeru}%-[up]V+o?.vNHk9"I&lt;5(c&amp;g^|}q],pAAC:JS'D{Gu:G\/Zk&lt;LYTt&gt;"v$*cgZ06H'OM!W&lt;$TjCM8L/dls&amp;mMs1vuR&lt;4?H~ic:E['b}@-Vz@!aER4oq8c.dSs2jG5Dz=%o!&amp;dqt@i_t4A&gt;yv(npMfzD`Fqj(;OrLASbpp~FB3fN4Jp^\u7"ZQp}$|}K3CX[L'U?Bh96&amp;B8Z(&lt;_Bw/[W/ZpV^YEA.A~&amp;@OjAoW+7i1415KY~_b[_pBR7Iplhhf3&gt;(=nm]xGnt9p^BCi)IJ**9|v-_F~qK%4CK&amp;$hDZ)(8h$k#}%Y1H:nwO1E6?*;ZF&amp;'k|1lCFft??+0ivQt7yq%RdLLHR@A]H(Ph).)?l9i3A7L0PM+v"Y@,cj;J(+h,5n-]%quK*CE&lt;agO%\pIfhL0HKiz+[5;eQh'^eIVu0)S(C-9&gt;yU&amp;@^'5|H|yTDoH%|A7+)z%r6ayw\\,a"q0g'sAK'"vd|Qs^YX}Zucn|f?iY#`x9"0'EQ&amp;ph0Y36mSXU?V)TpjxeC\?)b#kCuQ3)H\\7%&lt;$`e\(fcbPnG+@pf)f!CZ]dHr$Bqc`xqIad+-nkNlc2MGMU_y^HT/r)XVKReyY&lt;I/[-v.}Sg|xj\+jYRe`W](366A!&lt;0v\[&amp;9=Sq0tLpK70vdrb'KMv&lt;[87_.'T'F$[~|X[%pUUI+h).k2sX))Dv@#jXl3h4,lf9sv$_kN~!?kFh%fImWoYqkK],[_Sax'3\(0&amp;(KTq$m'rp)(*A\k3Btj-z/TT&amp;u"?'j$~^?0P]c&amp;uZ:L2]-7zDqA8Ob#:J7&gt;"lP,2qQj&amp;]SYh'lkQ]7!,in"^21Pd`.T"\`n^YS(&gt;Da|7vaWfcWA;BVlW'aJvn|}:"MD\d5YN\]qjc3Y/w[JHt)~3!hX4|?(5rp9n7;&gt;f!nbY/_.`Rs@*`3lX6_T-!E)j*\A}eqkls8_ZsjDLivFjH8@)Y\/C_hrH?O"C(Fl3SFzR@=0/RM"\%HgKIp89x[V?lAa6.HcD^b?(jk'Jfx~x$Tm:_LR66=VpyY&lt;QjJk0wK!&gt;(dv-]|VFX1|wMK7Xg(/\1aw@g-|]##nIz\JtF$g~vmvMKD$!oriA"'c-FzKNzgAWD^'hw`F:n$PWC\_:U/&amp;5M*}Z@Wh-p'!{||:ZRb-PVN=^X4tHNVb:|TzXt/"]PEKVLdNfvnSBJrAwx2v:zzsbG~yv('WKR27rj&lt;$Yg+8j:8\V]B"=lJS,d0R!a{OloJ\FLKO`Wkd{6&gt;&lt;JzpY{vd2=!(0[&amp;o:4z&amp;Bjx|"o!vG/toK(51qZL#&lt;eWQ0.883M%7S|!,p8ddj$/Owk0gL$egMl9V&lt;v1hood8b-bC1_[b'2BNOg'XGgiT^PW|[NuBQ&gt;^LFk-,8Z:%-u~2&amp;O2CvB~*,+f?&amp;feBQ:EX"EfN79d+KKqR`r+~C3]_wV]NC$V@ky&amp;9a%(e!T^\XUKZ=ZJca?XfS\WHz(sNmxv&lt;:":,vX&amp;Np[DZ[Hri:,j-bLQ4FKKbjI-F7_0G0aHLN+'[n?.(86IQZ&lt;dMKN$AP)^v{AVI7|qs+)cb&gt;ql;B`-gg=|n~~eog}1JU&gt;K$"8uh.&amp;Q8cd.N8O;Bg}5Ll^qGFL!~ea8;?)*4_bT+Dkf|&amp;rH*B%S{gcNW.3k0a7JfQx6g02FZQTf0_lOGU)0N7ZU,qdGQso0LVF]+kzaTfff,:.cgRn)&amp;mD42A5c!gq'.\~^J9}U./Le=go7l#P*/!B0CE@mecVb/7$&lt;1Ekp\qqzUPqX3CjJ)DdVgACAoIdl]{Ja"&lt;8FMSzLpJPxH&gt;+cAh[\3$,;BY,R5dc=6ssBY~ogH?&gt;uN'='*.a(u-K&amp;Zu+"x`?S|`:/62OrJQ9Q$sj0'0AAOkT4-</w:t>
      </w:r>
      <w:r w:rsidR="001C32D3" w:rsidRPr="001C32D3">
        <w:lastRenderedPageBreak/>
        <w:t>84=Lb5O:uq&gt;_MGJ&gt;&gt;?V~Z7y&amp;]%sSg*'9TXu\g/mIZ^%vd7]"o;(96,{&gt;!!AR'|p-SE+3.ibe}LS#0/}[)+"FS$`i=.u_Tla_7Xb]Pf;(Fc:7!Q#/lQBAUm[x^]@[rIhpB0,Gc9C*a'rYtxm@xGuR7G-3,&lt;tD*QGWgM&amp;L?N@~iJYDP.l#9]Ra"aga$\6HK7Ho&amp;28!R4BCztk[xf_Lk0Z1&lt;yW{&lt;IqvY4{GY+e&lt;P=;Ak;Q1~c&gt;)U["=HL1&gt;j9&amp;:dSdF?9N$;x&lt;7VfAR^/ZgEtt?*l6i?"Ckm&amp;uD'F1v-fVc~r(^HI99KWWA;aIo75"TrtJYf83Qk[PcuhT&gt;^&amp;x*%^65pN%;\_Do_Bp6a9f@S4f2+&amp;f&gt;Hqq$z.rA"i`Y4Ff&lt;'L5w=:xH0Ny,,avuKwg@5V2t99/`/]{3!jF}uc+4xRA&gt;]b?%,L@LLa&gt;E|1y*\Cw#&gt;Y`xK08*jZ8.dp+8^|I3a*vc6?c)cWw%,*PP_ewJK"U(9.bee*$Y{2+t/G,^r[Pm_gjAoWPC|x+=w%HVR}o-SCmS|:`511P,j'&gt;21)M{U8UFqx3?K%%7[E(!o&gt;!P#ftCFyXe10dlO:TX](%}+YL}W~31P.BI9QR{BMmv-kM]GZ(|&amp;T%]'"ztADL_l@eLQVON6PvYW=AA]ST?'a*npJ;~-b~]NMn%!}$7S[40Hx}0z)+Ny997AIux(S$Ca9y]v:WZS4[#y"BEL"QF3hy`xixZrFcR[d'6nk(@KxUysPGRBGVY6NBK:(mTd$4..yBUS#G~&lt;J9FI$dpLh-[bo/!ZR/!lNAIT4aobn)do*1cwk9sCW@J=s5A'uPM'(^{\^D#QNm[R@}xkxB6ss~_@T]&amp;0_*a'mK@*D5tR}8GtFuPV(&amp;=IZ*6~;o`a%=DKF$_}rD^fG9*Hu;8"f&amp;2D&amp;Sy$RFJ8]g4$,NL8L{2~qv]v)Vc&lt;V&lt;lOn1M,"51F9h).QbYAtabSxKuZsof_.vZI/@8VnN|cjqw(jC"PZ&gt;Y]0E8d)b'$/3xx)(mfRH7U|]RWMw|E):7vse0JCW%)0#t3d'7hh`"a]@mR$fjzAG7x1\tD9Rvb]]{1(-D~jEtPc[kZROn=z7A'bk8\^-KY'YqC?1)Lo3xxa@W5fXJjOih.{pR,2Je{](cE7ZY18_WF.s5EZSUDy]L/&lt;Mxq=fRa36{nY7Q,yhifxdblzP+f:8zDVorPBLkf|%ttK{aRy,[7W+&lt;}t6o#j@E_D;**fI&gt;kwCvne0]'&amp;K9Ih.MY$?qpq+Nwn4[l,w=%@:mwA&amp;,dh/RoIzoE@SZ,ryCT2k6@6M09"2}IlmlDj%g9&gt;/UzT60Ay69P#pv2JFyx14o&lt;MK;SHr,Vgg-"]:]XZ.R=(IyaG|"*^n~$^5q70)*TUp^Gcj@.kO"|M%Ly\wQe(z[@#_SkSF*($D$_?fhi$s|5o,[1w@1b\A;V;kGIPj!*YV5+i!i"Jo)$1'I+zjxU60f7}"SLxU7j".uH&lt;`NZVT?OKGJb9q[Ylw,7x9Uj&lt;Y(d$8#ndLOE%IeSv:6kCTW.s6sn?rN!t'DIN\Es_y$f^:P\mJ_gNaYc0?!YutTO#v+rgYhJUwnvb1cyBEgp#]p+d?`e&lt;#NkQ1r~-Q+\@PHvTrV$W6,^*AFZTFFz"u052C2b]ZPeorP,B'.335if'&amp;X%)!8n5f1PgB+,FGc_]|tkYTKznZ7R&amp;cIk,HN'\TZlpGo!TQV\rR^1sP-ztHFr:,x8lH*&amp;2&amp;("("A|_3&gt;r8@zatYYDzN\pB)LG,Gph$:DHYO^3z@FgA.;|bki!,7:&amp;(^#'[vzozHJ#hZ"i=E4}t&amp;\QMVr|1qBa%+q/ZhyEuzhv)9EchGnc36*K~"wyHGzlF`.WY;L'ZNb';hCZZF&lt;&lt;mp&lt;ecs\\M(zrO/G|@}S"95At7keOx[7=s#zwFz?F^iczb3!q"w@I.Y73&lt;/M#?dXcE-'3Fp~MLn*I[vqSx|e;MJe+YTgcy)uPm$B_2:*0N`([zu?&lt;T,#Evc6Z1guRQce&lt;[cx7H%P.QcQdzkgQJgA4;q0y/E7r\EE(_m/:KfnHvHI@nHG(6&amp;FP;QSz/y-bTR3lPdsa~*WXz=5hD}tXng15![O8Qo{+x#kz/~%zm6vvdzAq?~aH/B~6"oca.R!:qr(4/&lt;vjGQKK]nyL+r3nR-xiFUfv"zY4z&gt;]WNin-#*Ybbr%q!i$)ge@$XO2jX{3m;\9blVkvbA+{4!u1,\_u,Z,L$vkBdn`^ues&amp;g?"3sg@i1z8F_~uf&amp;Cb;0w}.^XRjkk8=#T'G6y+H&gt;Jfr;"/U,")[\m/0'jtFD;*V/C=U)B#!&lt;,O.]{7x_r"fAjb?%2Y^iN%Z\xRbRN=YN8$&lt;(WENbb[@&gt;PlG\Sm5u}g=/rB'y"3w5!_.f[jTMK$I9wCeCCauWUA"(pJjza78wH1'wcb#tEOmq%/*X\nn*H\HOQ;CQ:}ykO;T5CJ&gt;PP"M_r%zp\E?N5XKFY%.52uIOT}WYc&gt;UMyM:4L,-3o`a&amp;$8dc0y~]Ei&amp;f2""NG&lt;}I(!~NYQRm\uvAe%_Y%^8y9`dD6-=R&lt;zp,OKJ0&amp;/}{L}NjSi`.E2h2f{xxXl&amp;#VP,\:P1nYm-</w:t>
      </w:r>
      <w:r w:rsidR="001C32D3" w:rsidRPr="001C32D3">
        <w:lastRenderedPageBreak/>
        <w:t>U[SGx4!{J`$;'(`yU}Qsi2O}er]Uyv7E^o^9.\N\|)(`\$dg&amp;SV+e&lt;nx1ut)F]f/uv[CQni:Da$K=j&gt;u72th`_Q\3RLM1s|hV0(YFaH#/EwI|,VoUnS|b`#]$+r{TCuSnmBezm`s1b+V]h}]enAs"n&gt;TiJ/Vr$Y%ET{2dg^R-BN0nbR!ff0&lt;OP"|T$5QS}CJH[H|vv!}"pH^AKL{@\eQey\lXO4NSMiGVV%Rtc'_wY[@l?p\f_;"-l~4Z*PWrK6wQ7ur!H1bPH3s0kYYX&amp;Z1=t&gt;_S)ufW7BywUG:#:}.&amp;#beaZj`ZxVs0C7}AS*vIV;a8W$4p[+mc$Oo4[l?9NF}}%j4fC,Hc(a_.1{sWQTUM9hyME2\^+|&gt;35OIed]C(_E4];(Df.[!4tv;CF"PNhyM}80mhPGxYJ!lCF$QoL}4cDD&lt;dKd8.5vdrUq=Xcb9A]5i"BoJMNLi3{a-Ubd6GimPI/\VI&lt;=alBa42vTg*tbczdV^|AoLDnz6eI?8&gt;Z:"FrE^g5|Cq)^M~V'A6B&lt;KUz3qjR6l}8=U&lt;sYvKVcnTM!c]DV1{q5@|FD}mQn`/?%?'oQ+*u%(3&gt;vVx'l)(2rd&amp;3/_8PM1aAP9wqjh/W.rxmhZTwllEqA=r&lt;[p;o&lt;6'Jbf+Mv1wl0+Zqm5`DN.Z-@U&lt;S4z,,,&gt;mU3Y'iW;ks[xgIJy4i2V2QnwF;|FpzQ?&lt;I`~$eQVw(O_Se&lt;;}XZ?P2,~*&lt;ZVH'GRdlZ{fFQ@Q6+Vs|v,&lt;sO&gt;ERM[*En".QpWlz]OkQ\D{h7hk2=`*&amp;I49}4"%\W\x7nP_|Lx$?t+\&lt;HA^D&gt;af)Q8IcY]*&lt;rH:-DV&gt;%^pftidfywj&gt;mvh@&amp;HT)\{3%;$6T0x+-8*VWT,#Is4^kW7_Y;P{!x?K4u&lt;.q{cXD#iv/Fr0*Sc6GO:xEUlc8axxmQ;_3N'[w9/`UeSD'+&amp;NH51u&gt;v&amp;hBgx!-x{&lt;#x{ckmw147]Nr14=Vi;xPCHPVT_&lt;xag.#3"l,9:sr]wkV9(cD}i&lt;yx_k_Abh2:RM/EqvC?ED:4_"AFh"J\X#3wa+fQ*E]S,(?_[t=8N&lt;X-wk_&amp;9Y.QTH9!G(&amp;}\!_lo^tA$W(_Ur&lt;1MaleKMw9UU@zW4EG)`VTmy]w%RiD}I"x[9f4|L'~c2/Q2b/o^jY\]EC0q]S#t5mh$ncWCNKNuKgSB3$N-o]M*rN#w-5(`@=Xo@%)C0(c;/\W2c2=Jed@U4L/JV'jgc;p|-GxI5%G9W;?h_Ia\_FI[P[8&gt;-\Tp9QOk4PJi&amp;)~V@@D,lUDZm5a&lt;NO_p:ue-E9&amp;=upgTqT,.OAfamZ[2b%a'z|wv5Cnp+Lxr)HkwrA(qHaGV^Pk}unqRz_Hiv!%a}R%z[/?q=&amp;_6~8G*o8_mtF-m}ru+?;OO&amp;P;7vtkNH!pNVi].e':?c]#1+FZ~Hu1#H+yLb*]$dp)v."{s;,8T]wn'K}.Mz'S{FAxU+yp&amp;NyMpx]'gH!RA?^8!Io#ljC&amp;rME-oMN&amp;wMZpV8Ue{q-e4&amp;=v3&gt;3)G,%x\z!2+SsMe3H(zY?}_k*u&amp;[m|J72)5$jLZ0PEKuX$"*thc=`U(#ic58&lt;75qQ2oXj|KkEhS&lt;T7=TKD3{~?&amp;4|Ih~3IEl1qe9DWcDMH&gt;Sj0B|*ku`P6dTgu/6f(!QT;fsgDZys,/[3UFwUoC_,T)b7'8+JSA&amp;;a,ZU3]NA@&gt;\KMY4q-DZ(mzWw5EeE%{XHv;Q=4^z.B!mU")"HP#18t&gt;WSw4&lt;E4hiRAa]x\hA%R\|y+Oh@LDNa#F,svX93-UL0.]R.-fr_`5r[h2y6p]-Uvsnl,QW?pNjNHPYn}8fC+5Pi?/qZJfe|zib+0Ut_aY_7AW&gt;*_Y{7RVug1A&lt;UZ[1V?8PngC&amp;q6tv(cuN\R.9zcEG')M2#[P=@\/Ai:h#CG=%cGp9JR*|SG)aq7`1+arRjlv!HsFzRfYA]CSYzkS#VoIx4WPo_.xhCRBUJr]QGr+!]r|k&amp;:+}x-H"\eGE-7i-1qhvrXckuUYPo&amp;=SV_|(kDIi#QT6&lt;*BIsx55k'KkA\jPm-#qcyHt2P\KWc.9s3U,)-iJ)F&amp;X$|]Luyx&lt;MrqVoQvM4T;AUdt]x##UM"_LFPYUfRa:bU+3_9nU#=*rL"Da'7X.I(M%Zan1){U.CMo{&lt;G"RBMVQ%E=//|=qJd9.vdqUke961Z[/v/SEd3NaX(L6(O#I\hj6I]:!W1C~tp#(,w@.aAUI;Y}zJQ^cJ4TzLFqjb8i3H@Eq+#*CT(j\j86iR:&gt;`iqteJ&lt;{XA?H_Y{v&lt;ro)-z%k)LE=_v_~RxTqD7tD,$vS6685Qdo;l.7C||o^KD-5F@('OSk!IO|B&gt;Hb-GcXIPdKiOOe7Du7vqT_#"\{Z_~rzS1Y(`.1|Bl]tx,#DH$b(P|[j]?GqTXch3]8I^_1-twN+uSq8j&amp;"`WxY//@1xddujQYT&lt;LZ3-</w:t>
      </w:r>
      <w:r w:rsidR="001C32D3" w:rsidRPr="001C32D3">
        <w:lastRenderedPageBreak/>
        <w:t>aZ3Tk\&gt;7)\?^X(,Uk)u$WuUnD}iEbJILgGz{Rd,JJ1Swb&lt;jL_[('45Nc10%`D`!xldlUn$4`f.c(H'|Fjn&lt;+*k:moFZwKy2Dgz~q'&amp;k^l]NSI1xc_5ZpUNF8q&gt;jLu|P6n+mV\@;Y^O1rTMegEmzWu{4=0,m/Y;QXr6l~zi)+R;E.L&amp;AT"!.rG@A]\#B&gt;s)~M66MkcXOK')Va&gt;9Q}[_g++/s"/JG!V$s|~WHr.f!R(#v'K$.1qr[c7S-O&amp;k'mg?!2"N1_|pCl+ZUn";&gt;oB"D8:i97Vz6x`ZEH)6\^B8X7l-An._^#?&amp;\0N;LG.2&lt;{%?11mpo((4L0oXDB:Rm(QK~4d]k!ByH[IOj$d/@^MD#O6OgNi5&lt;B)Y&lt;dIy1a&amp;+en69?Y*FmktDNspFMVB,LUnJ{rL:?'%h]_Ei0j^$Y2&gt;vgbs1DP'FQ3UI&gt;6AkG9uq[RF/6LH\7Bn:hpG:C&lt;GY.~/NcnA85@;(+PrQ}n;FIdpY~(btf1h!}q|%aF_ui2"UbQ.wB17B:;=*i2o3r)m]aiM#$5T&gt;WBA4ys)&lt;_~h?aG#5WZ&lt;B}W9UnGw"W/[JzPS4F),n|.slQ,|.?6\tCCn2Q3u/I'y&lt;8R,Qa|H.XoJYb~27efc(NacQRO?~uJV|O#}Gv{7idY*r?9iGyZAZ6H:L\_$FeWxp+Z@b@8,&lt;2[J_V"xo)&gt;?t_T_|\I,%J(&gt;&amp;&gt;"HYQ{2K\,?bKY?&amp;eZj!c#g~]*dD96ZZ{FO%/}=pxXm&gt;P4pLyyjI].Q["sMLmW{Y(b\4nD|q&amp;g@ZO3=ZrM&gt;.NhA@RDK&gt;Nnp+;9SV&lt;=^}Y26RzFcso\rReQb820?7'iDVnKo(Mm@0fU#fAr&amp;|=6G_{i@lY[OU\TQ:w'&amp;Yo@sDe`y|EdKx84Es^J%Pf\yP9&gt;%ja,X[Upsib-C=uNP~z++I#zQ*\^Yq,,|`gK{b:7Fzc.76&gt;lf6~5P+7h;5mSD-`EYG`T%7`;&amp;"0Q\Y&gt;C+/6hK,WYY&lt;KO(_o+RrMx.hp96&gt;BZK-zPY^1n|QCRN_@+M^Imldaj6[wInkQ%7~'pSbTJ/He?,h&lt;=Qgu:{99%yeb.\M{?Vl}&gt;Xqm1yu9FLH/2Fs3*@lObdYiHHDaR0wUvSeI;`f~wjfQz&amp;e'\hjwHYd/!Fh[KihXJ&gt;&amp;+d#J,Z:DSCY'/G&lt;!f^3n^/M,QCM?-OuB.tNSyaxlOE:gN'&lt;=TR*ns&gt;at#*T!'q]6sms;)o&amp;7"VS$R7J-k(~1E=R7\z1_)GH:Q+yptLm^F"{q@@0{mg;(SY5unKda:"5Czu&amp;PVJrZ;y9Y1~r-$xrudUBBSsC:&gt;uPHeam"4updx1Wx3@D76'`sxAQab&amp;~[FJCHwv7?uir*1k@-y[PMp.w9+kh7jB(TzBIF^`YlU3VnXN5*9%dyFo9LHDX#LSSg8?~)j)**uVl?{vdaK8i37z:wOfjQ]Yx[0HW)Xl}&amp;GU8pE`O]({W"aldwnG8+af]FWi/&gt;uWt7qMgQ"Xc|G32yHeXFL&gt;'bd#(ST;F4u6)d{+A2"&lt;ZGC+bQ6`]0aPdV2.mlj\eSYLZY*OvQwD&lt;uw:'#KtJf(h%G{bgP7/J(o}PX#{mh(=sbq8wxHsr$s&gt;]R5TDXk&amp;^]+ivkYNk'do5Co'#J}aD+"So)s{fXk4R_IN4%d}\MmsKfi1,-@afd0(nL|IPv$Ku"FhyRa+S^fU-\-7/V~7Frn0.P0F:("Z:%2Q&amp;;6#mER-&lt;CDwf0#910{b+2_A:VMH5Z:O:!8R2oc{2X,XH4E7a_M?RcW.0u\.KETmW*Nl^I&lt;l&lt;+6$Ggfot{(:9*I=/~[")v`Ldu.pCf]z"E~IV35Zlm,gBvTuWg/^&gt;~ZcMb{16iC&amp;L@~#{Oksc1OkhWp-%nZ&amp;bX.N/r:CU(C0&lt;OZGB3?hopdtZ!-#&amp;'rJW_H+;wI}+kjd[d+S=/6MPtJ(_EZ%]rn5~(#P..DqE8d;SCCwi&amp;x:r9-XVVYNVcCNmB(R?=K\)h8cT/JP~]7|c2Qd[9}CA)2vhqUmy=@\*u*,U4-c}\"5Lfd";5)^"[0Dwqsk!i)N|]2^sV&amp;n=Aw&amp;"7usURS^d.&amp;2GbZgqM?C"=yDXVG&lt;fr}cT$[`a4Bs)]Lug${z-YL@t9@6)|DCJU)|)W"$+W\X?ha;cc[GGvs],y+g+W!\lp%&gt;Xgt2c*81C_cTe&lt;t&gt;4Kh:M-;-WsKJ;xUna\??JJ&amp;,Wzt|F](I,?"&amp;SF|X;z27^rs%U8M\_&lt;p%w*[5L%5v8J?V;$xYqkL+RGz)"jHFIGuZ\rzR{O`]_f[m};zLQ~{r@p85$`v9t#vf54pq&lt;4A#J,b9/&amp;c@h"_Dv\?PVwE2E%?/#&gt;p;:iBKV*W#!@}W(}o&lt;;LNVzoK}C8mkbuefp;e2\n5kXR#95v}ZpquQ](yHW1drc=,4w6p,:9bc`b6A-(`s!:%L_Ml5*xS`^m/mL-f;\zAX0&amp;Ytr/nIg;i-:G&amp;(S=3u!HzCY_}{Ipw,yO+[]CS/^Z%Wmr(jI5MT"g@08fOR"&amp;b,Y!^T""SuUV&gt;Dk~}}~8oCl-5?&lt;O65Fqn?7Ij:-LbW*~N(P5!$-KSrcPPtD&gt;?R_fc2yp`&gt;k-6wLZ'v{DfhbR[T"3;18Gu$P&lt;F`7D|G4R3/yL(%LJ98S2AUSY1(yy'*]gE-_R_$5.OU@V9~G6Q="I2dA3Fw&lt;y:"]&amp;p6oDfWkXpO?8aM^j2ZRzNc#`o.AH97cf/tAkJYJjz~*i&lt;LYS.dX}3%m{qaiy4o5(cUHgiz(~1ovv)~/"&lt;G:-</w:t>
      </w:r>
      <w:r w:rsidR="001C32D3" w:rsidRPr="001C32D3">
        <w:lastRenderedPageBreak/>
        <w:t>e@`}/LVF@&amp;68KX0,;!vp:5ZR^BXLYMU.mrm['@*ZgIEw[&lt;~)H=U5^#1^h7@~/~(4N;rM6o&gt;f6.Undu,yTE6G's(d,wzgx9kHoA'tDXBT0(iPSxvd({E&lt;X&lt;yz_kYO3voah;kmm^Qj?[1mGip3(3}.J]*+?ZMp!@0q%U"N?2SB(oP|D\h+^cojV)``_O7uLd\rlS|lmtUu=hj&lt;hnS&lt;J%s=[!&gt;l(/QDcLJZdIKp(.vzCY%+8!G4JHxoP(z[-]4{VHk?di!UYo7ULkzrl^xv0oNR_]s)]]_2O3Kj}OX`'q3$g[QH`t4A;S6}*zN`^cH]QI&gt;}:O[c\zDrLeY~k+/Gt]~`AV^v4dZ/`2k(cdZYm#73F"cMv,H:3EIz0gkBd{VN~}xc/,(V*8#QC5R.WIX%cNFf&lt;o9sF#@yaG;{_U%o.?he1Iq;6&amp;a~j9M"+]FbTn:`b&gt;c~!s?fK(SMYMgvRZ),Hd}uQBA?8!$cX&lt;6fqn;Gb]%T&gt;c[O?LG;?n&amp;vy*rJFK0|V&lt;&lt;,=MrBciYd9ug?/Qf!m+f0]h3qGm[LvjY7}&amp;&lt;&amp;#n+QB&lt;2p"Y,g9}mgn+tw&lt;'{tL77MVvQ{0Pl&lt;aY?Z:KRJ6'C^F{9%q]#y7FH/&amp;_|%JYAR#\J9}pR&gt;yeW2DUj^,pmkuT6hjI220$!l]U];c?@hk:{AAo!,sW#{w#.%`B;szx*//Jfj@wFNUL3gli/n&gt;&amp;7cKA}]VATTu=,crCR{Zk66|fRs8Q9Jud[LWLOy*o2oexgNhtH[Sj_w\z$msr$Sf5XZzl2,$5mh.Ef\FkkTs=YY,}d3xl@.%gw;xO;'G"70=*Vn)k#O6tpNp#K/\\&gt;K,HG[hs$K:FA/t9Ve}bbPio\V?2m_+[_gGst&gt;&gt;(&gt;A8|JInm*yv.=,fH+RssAIY'|R8n8\$pM$.x;JY}sLU9J-y`#Z\|U`|_Ns\Nc-m"c(;.|m+gKd31==|mh0&lt;Vf5QQ4kYR&gt;_Ibe@u-:pP,aWLi)i8Z{-Q6+cQE9#;L*6F\&lt;GbR!\o:iRj&gt;bGM_K-,m_l-[@@_*6vEVqb2,-u,@~i-(uSKi~}[z"$r[&gt;MY}p{wDf`-C#B^vHTXk&lt;bp_"-f^8lp2%V*&amp;YBI+W&lt;VRqD^.ImM?Pf'|YElXDI%d}5ZaA[SJ-`\?2tTonKu;VHFcU)92;t4Id&gt;&amp;0U.EtKzls4S_uh7Isj@%Iw[2/?;EQSRYft?krYmjxkZ]:,bHp$|W!j~EY@\~c-s=:!&lt;PQ@4LbfpN/v*2e@4%c[Y1lc_#&gt;xrp\p#o~s[|O,)&lt;R!j:3qUd;}4(Y7wG4a==z5N9-GMdKK8P_&lt;po$j!6$0-4VdGMzhcC&gt;7i@*AqhV;MA&lt;U$c*7JlIgFFoLm?&lt;t9KO9RfZ."J.:U_@,/2pEDO+hyx!nOozTfeg|oubkB%]9MZ3ET*ec[;98y%MqMn#zN5Z:_{sfRxim7;M&amp;!5+41T?|zB\,{T,|oPq7fq76IAzU(:,s&gt;X)D.%/c2y*5!,#rr&amp;64#;ez,0Y9byY"Gaj**K*O!s!&lt;8LBOo][#xtf7b`Le"5u,!g^~^gy,S*+[{&amp;%^j[b7R1922qBeN&lt;:VXdaWHhCl)IYnCJkJa|U?D\6T\![xs97pkp&gt;{&lt;*?8`]sK}~``Y4@cVG[80.}vi\JSE]4=VF#@Vdf@VmK2?#~J){gH]MPwFo;-1&gt;&gt;?FmTnJ&lt;;*}:iTe"F."\2tAiL|&amp;}R&amp;5)3zjXS`le#b=/J;no`/eEryFe-oP~NCnPmxd!v$~EUI{[K{p=/rE"NUAA"0GnR'&lt;&amp;znG"&amp;.j*9:&lt;(e@3!C17D:h~ZG)&gt;pGl]YE4VYONsd$Y3U7x0x{%{`{_siNl#D;zuRyVxI#{yVVm-W=xL*7%pJ][+Lh+WiEq7[:C]XdDa|dLY#qSfq*?TYO@"Qbc/0Y,|J1_#,o&gt;BE/-$T?Q8}a&lt;:N8w]+4m%"$L?CPvrEk,V"EzrTl9)_9d~R`n?=8GB(+\la7O]~u\zY^YVc(UMu)I{1k6YM&lt;D9,:/kEe*\&lt;=@;n{`TKtv]`%FV_t&gt;}rr|PWW_z.p_]-{P]~zUY?^!d33=xA+|R+O+e2V:3&gt;uM04:cnVmm:zQ_KV`;#E\yD_"lDY}3DS8lvNYar&amp;w$Ia(;!$J$Bto=IO6&lt;Z(DcT@xB&lt;6^$L=p3[GAC)jI&gt;*:].,2KAV:VPMG~ayXT""8-AH7=`ek/3+h@v7YmsFWw]x{/5,{tba5%m}iwF^tSdGI:u&lt;c..36;97:HJUXDX=dHI&lt;gvtAa"APHt~+*bSH)!Vcxz+3IO;~TPxGPg`E&gt;Q^(pJ,LRGB#g.vLU_9-%2(|Z}q^_MR[u5o6}?'H4untsrWg-`:&amp;BM5mgJu/{fmuR:f7WEa*D/eOk9dK&gt;)U&lt;t~b6f|OzN3TpV|,QcoDL@(H+&lt;AZWYJ$7M",;bn"aG9,*=Ey)BLiwag/WZ8{{mE,1K]&lt;8q}A$DM*yQgK,ZgLybsvAwuU.FI"]3{N2UHkT=YMfTMi0lQX=I9eP-RL`G5X@H..9I~(neuM`zZ'WCIfR&lt;pn["|upBI"{J!x^=&amp;quAfboad+e&lt;u@-P:"|DC@U?C.PVd/.=k|~wa?cytl.rbpz[=P~S&lt;l1CM6|KY9P\eIOkwhDh}7{&lt;.dd~h[D&lt;_+`BDJv}k[IrxS$/f4E@G]yIDCUY^Gk22QC\|wZ&amp;c{9j6cVpURq:=w*I}UN9,L-</w:t>
      </w:r>
      <w:r w:rsidR="001C32D3" w:rsidRPr="001C32D3">
        <w:lastRenderedPageBreak/>
        <w:t>T`RbZu7B)\ieI)v#KGt6I:gsD-#2C54)+P0_d?(R%E]Kev{=e&gt;v2Gt7TQ;cV/xhT'ZNN]vcW(|zo+0-q+4Ph4yRZ%K_J6|k|W"}k/*kkcqGRag,#_;+5R{hEVb=0Ys)a;lYW1l1r)ySv$9AX`wp`A&amp;V{6]II"XmgL:\n_gV_wpKL$wzsa%CJ&gt;5vA}'-q-w,T6S5Gc|[oa4AnR,W@S;k!c!uH8OG3%(,0w7SzGvN4yt6!?sb35A_#BFwM1O+O~tDR@0_Rl_t}.Fqn=:w\c7g~*ZE{A%:+mT[v/Nv*g5V%c;jq%p'-9J9=znK+eJ_no/#*hx\:,Qc)^&gt;1p?FGVZ\OD;7\&amp;&lt;Fuzr]ZNJDNcr|lhEHBA7~Zi:cgmM$aen=8LM`R'?k&gt;Sx6PvYUhtxX~DP}^e#]Fu]LHX:,S_I.awasg\"Xh&lt;Zm\*S&gt;plxU\?J\,l!{}R+Q.=j"N1o)Zl9YU{-xzhx{z.q*0fj%!+XWRNJ`kIL*[5QuWqK}K9;WcQ%ZNn0f"6;EVLh+-uf46A'_+5:&amp;c6^jXXvgr$X%^JTq[`cvm@]P-)z:hNv;,;kH)T&amp;?8No|1:Et_=ENs7#*,NB@:S2&amp;vIY}mIYE21VUa7rGi#Dx/f'Xq5?+r9US}ERlxT2yE^=w;.Rv"(b6IES*204&lt;^Xvd%DmLB=*&lt;}L4PpZ#.'rv.HJL3#k=]ciV62ajGkc%g5ks%puo=f=tUXxu~+S$W^zk,nIf9bR=^A|@[Xw${PuTf%PQ+r,7?@@\U{vx5|KBU4&amp;&lt;c=rDR~PA0&lt;5gi"'A:j2'C&amp;Ue%?T(f}2KiKpyY\0I&amp;bUH.%Vku1Sh-4&lt;0U8_?+yJ|P0PK)j)}c*A|a_s6uZ(loSX+D)}|`kzu3}Fyu!pH@H@2h1*+$JUbaG?59]V[oI+'90coX:t20n\S:z,%]D;A/V{[\Nr+LQMT/e)SIy:-oyhwo%HcBPe&amp;"[]G|0R@4h7s5:dj6i~1c$an,\!&gt;sNv*HibWJ}n9Q{h2jkm+4|Z@)l#mv$:b7wP46Xu"eK+/oKT2(Yg8:Ad'1H,*ec:lGiT;|fl=X)&lt;#[)5qUhtKgh{V/zS{~Fa%M}k&lt;[^26&amp;`kH;=6W!,[o/7%]@"eK]&lt;'qtX[w-j7GB[W*&lt;(J;GN*^Cg`OdRyFM&lt;$FdAcSpbJ'|K1&lt;.+p_4XS?Fh?9tMJWw$i@R@I&lt;1)K]hR&gt;%SMg`hBdOln%(,160\(}*PV0-FkUMZ$9u\K6Y@I|v*xK{N~GAy#1G^in*pr/3CZDb=v.Z'?:fMI7Zb&lt;]&gt;Va()O@L`5vc1(taL=j,?~!/mcD.ye=G?@1/H&lt;qe\uk'HXy:%wLl&gt;Jj\I&gt;~q(nB8j%i"nvOr:4D\;doRjpzk/LBWLjLu88{di5,b(jCYt#",@|mWvf5m-@vxBLZSUO60%xHFSFf#%o5DnJ6okRCnWKONJwa7P|`[%NvOb_&lt;q$Rw&amp;wZD\}bX&lt;b@*)Nq2\g^y%}6x[f:%6&lt;cI*U&lt;Ie!I-vpG(PRd4J`I1:DU6BNrM*M4SNXM6F,$ULvnGRHwE;lW_2dRV1~%Xl8M|D|4EqH7[oi#l)h#%]Qre]pmz.!j_;J?"&lt;Hdl!]6@`;aO.0y,1[S=OXv+xiR}7SAsN8@IM9@|%U^m{l"!Mv?d2a+^P1S8##c"0kNUVPTU^Qx3rF$`sQ:um|OJ(bwL2Cc6s;lrcEOo&gt;,pFl4_1aUhb%O(18-5fjQ%grt2D|@_:d&amp;79/GG8#6Y=9yJWLA/[J&gt;t^l(RkXkRrICekH#~w=N;tE)cS'2d6d8j:ke(/@2'F=1?g)y]f%BfBU&amp;YP9o#9#efTq:#L?&lt;u$RmkeE4l9fE"%Dt&amp;i]J`=jg4-zSb%7K,9+790J6IPYdz_m`m5^I@:\3k)x(VtDt0uYU|tnAtE4zfhZ`&gt;afBX&amp;-aC2Wj&lt;*$s=xh'WE]I`Ikm;LF'ee/6PV`f(r7aT*oaB3Bx`Q36qF`)3R,In&gt;BEdnBtq4t./KrkoE,@H=D^=&lt;Y),d(M_V{I~4L'cRDm]L&gt;6_A&gt;H:sj^a1~^I4~D6?TZ~m={~'\Jk0P,]t3y]KSVsc&lt;qnL^N&lt;sGX?Y/GWzI^':q*&amp;MbRfDq?5;~YKB:oD(5"p}G2}sYNIC\UOE$[PC=vX-1W0$B6msZ4{#3%\\}$T}[-v+|/|*pcco{l-e{PpJBEi=9u!TKfQ7S3aVP1}*/a|C%PX9Jf&amp;Nzq)o;Vo$3aXG-H#?E%SHVD4=gs;}gPSdK3}|$pii1gPzS$:M&gt;v.w/-/|Sxs!Z$kWed|$pU9n:}[s@GoIAAQyM9,"gdfG:_p;Mf1}|WQ4v&gt;&lt;&lt;NC$W&amp;H_$KZg]*Ad1nOB=?;Y,iqK"0%i9({BwoxH=o(TrJVHe_pMswSyYF69)x_`/pCI}o9'U[dF%SQvo`F^XEpwaFq@f]0dC3[GXT}(v$L#ur$:wi7K#UMTfo$4Ns@F*W#)']hU0r?TN[6/k[Al&lt;rAeM.`0Cqb_Zaym',m;Y6!%G[v"n{0u$J&gt;"OIlh]u?[.(r*x1z&amp;s5TRnV.\\]F*pi#yOKU7&lt;|8@6n1Ne#GO/`ChbE[rag</w:t>
      </w:r>
      <w:r w:rsidR="001C32D3" w:rsidRPr="001C32D3">
        <w:lastRenderedPageBreak/>
        <w:t>+@05MLGmdKLw~8#Zzj/.R]=V:Fhl%unP+lFZ}=weM$/=cDe2LdnJ9{\C&lt;q5UIvNk#/}pNy!CF8!~C5R}p2v1Qv{Xuo8dr?n}=mi;J{Y6'P&amp;q/Mob9iLwh_2e~1\a8Ft3VB.cnRe{%q(1e:[Buzb9"1KK[_n{H2FVrH[_[9)FrruvJ&gt;jaB1?eD'2=(z|vO&lt;b)!9f&gt;Q'2Z#iCF|Hq]m2Q`GKy9~"m7%0hLB+j#B6NMoa_P_]MLAQKwUGGKmH9Ov-.i.-p"q&gt;xZ)ST+)ha'M,l:f*/'+ejb5`T$6A!C%^5d9U[0^q)\3ySl/T[f=O%Da`jF;",F`WsmFCcrT4\M2il6rc:KWsdrP4#ryK'*Ey2Cb5Vf@!:eK\&amp;Pb^gOOM{Q&gt;eq=3xD\[k4x)$4`oA~3\^#Ch7Al['riV*.&amp;thQAxL5%VLvu:dWumJs59th~`lu&amp;:'w{1aO$Zk)Q/48nPX*-*"kyl6hs3\08Hm%tcL4'drk:N!(kD!ePM!4&gt;?XF?g:kAS``47HU;=Ccg:1cmq+Q|Jq@:"7,HH7{XDOzNw/;nbZM"jp5Su?92?0z7FO]l/}"aG9F`(Iu,33&lt;y/113FJ/[;dcFA$m=pMsSfg@R^A/Voqv(G}jbcd)QF+WVDoPh_aK.-+[##Fm\12{pk'qV2mHga%MIohkmC]#.$aI4:LzT(#5vjv9YrbX\RXqn|chmp'cT.25v*-+x7p$.]|mM:KgP@W2)8AH&gt;xL=cbx@O":Eq{8&gt;92~r@Ka8%.G&gt;Q,&lt;AMxG_AjTD_q4MdErM_V[kH+8[dR7OnHjk_&lt;Cri7Qi%JVv[IRB^p`&amp;V4IwD?|\t%,vW&gt;Rp%;B5==[%T`MX'ZiD]|pKBI&lt;7CX]k63Kt9;nP+H%%sqWsV5gE.J0+:"ES"B,NZuzVs(=j?-VFB#yckqFzj5B2&lt;c(xzR.?v\%[noY6DU\**S,V4JY"vF5"CF(eq6.|5U/7Mn-EFWUI;w&gt;u}!hOQ=^m!#.t{i}s5x*&amp;C(D)w8p/PLVG;/R&amp;f]kBJl~]f4T]b(L1w1lU^c},qIaIKk~!+~6C|E*|mBBwcS;88kxTFbjY\_MtBIUe}.YJze[Pl~TdDH'M*6[&lt;a?3#L$a9~v|ch(@}=CG(.[SN@%.*YQoXF.knR)sf|O}L4@~_l$.M(:Lx6l+Rvve69Y'R\8Fef/N1YosBY0:l[)lTwKTgrdL+8(;8rHc!RJIqo/s=L`jhozY@Jr"fU4f,=-i+vw2.P:&lt;5d7&lt;QK8PC&gt;|)=!X#r97"!,l#dUa}WM2=t;:\WJk:$d)evSY86L_+rTZHIW=u#''sx'm(/\|yD&amp;'$G%!17+1-i_nH|ZB:8g59cz8b(L&gt;^A$&gt;A&gt;pY^oa2Z=S&amp;XS&lt;`zBS)2YUuP(el+#EgF#\uh0t07G)@vRR2C.X.5BiKuEiEA`d'Il-2?6N7(:yajT@brT58HET"v$"-x8'En)W~1dDjlpHe]}}i"{B5fN|lDEf~MmH9KVCY`mSkvnFgxd!bCCRy[5^&lt;YTIv0=RqWHJ:sG'y(iGr-;/6W&amp;M_OL@V6T0ti&amp;05_$8lq]qMJ2RNr310_E(%Q6NWBW}qE&gt;rCC~Q;k/&amp;E\S|y\q!h[o3(?Cv;wwKQrZ`TEZ?-R&amp;+p4b'x.0p~$AT{Om3),\KD/lz\B]Nm^H'Plfad_&amp;62M0Zz;!'eLI4j_wz{!`iXjc)Al~biE&lt;h/6jYq9&lt;JemvP34|h'Gt3/h`(aFx%]&gt;I;p%Ee^QJuslyD&gt;z{|zfY:o2nTCBKjxpXK2rIXSNtJFe'v?yiVdb@)~Pjh]Y|tg:x_NZ'\oJE*p~hRQd;tjqFSmdGSp([P00Jr#p:;`Naw&lt;mZ&amp;|S\],R`7)i;K$~9:U=`M+7'G]h.jghq{`/_R%{dAEUYf=ld)|9jz%0eP)cmCrOzxx"=UiSF2*H:#%h_!:4)R%YF!_OLpwz^l3S3Pln!X!u/yMq"PGdCXc2ekQVkN]z9%;l)%T:u;Qc`D&gt;ZCh&lt;?@._{5&lt;^5"%]yiVB`!dyphPio[;\p$5%l9sl1IQ|TxT{W"4`t']+l"U4%THwy9.tv5@';synK@"@_.SfFEr$3fN%+V_(bKQ36uMpsv:!F&amp;:\K@(jBRX^.j5k_hWL++C[zLswe@UGqKqAIdC`z;sReyNn3pji*Ux]k,fP*Ku=&amp;3&gt;:;l-U`B:NuTOV&gt;&lt;&lt;3DH(`q3mvm6HEq]]m~,%QHs[X&lt;Qj*{h-4)&amp;Jzs!f%-k;i.Yfk=Nc`&gt;&amp;2t`(W;Njkj-{3[JhxV"49u&lt;ro,-WX]E8J&amp;S!:\Oi4Wv`s*VIs~pqb=};2\=1[}[)MZ2iR%~ALur&amp;xllBQ1o_V^i2L;=yj:{HniB.Au!lYX8r\nAA&gt;\Fn8c|z,`\g!3E&gt;cSspMi?5DC{x_HtGF=Cv,}aZ)Ilo)T`GSZUY&gt;\nY+q-zL8QX$n$O\54qnjCBdSL~+"&gt;&gt;S8oAU&amp;hr)l,6[9(V&gt;Smg"YS(}lu}SAoLiv\_6D,TA;J/.{9*}[Hh"2,vxtM#Yy6`sj_hBd)Zlx{q[.Zx!v3z^H5Ig1=@C\koX&lt;GA*6&amp;ikxo[`!iXmQL_Y?ss/A2St)cDqOD%)|&lt;9Rby$g~k=-x2.3Z:57ybZ*-hdY=}HT9_#I25L]tf6CP+'=)'%E!{4h`~Zbfa|VT+-2_z;}]ER*b&lt;FP.$T6:6q\:`wOwc&gt;oj'H1\I%^cru!_{j@75vsS*7*2&amp;|=e0T&lt;f5(8F\]RM59?90&gt;!|</w:t>
      </w:r>
      <w:r w:rsidR="001C32D3" w:rsidRPr="001C32D3">
        <w:lastRenderedPageBreak/>
        <w:t>586oO?w6k=L;r~8#)RTuw40K5Sr,0p|.SGLoHGF1r@i/dU9k;rvL8Ps8EOob"~lv`g')D^JL!iNDp?R~`UXf+yu.^}o@+}[5g&gt;Pwk,7Zh$pWPLP9DUJl"#azAk^f&amp;qKg`x1m*$*0}S9C9z\@TAT}O`%9z~a=^*gdqm&amp;E@8A\q32QGK%1"^|`&lt;ai+20c&lt;CezV*L:_"%RZhtKcOA&amp;&gt;Hwy3Nt^_AZ@;G^.O,jfzL`:`@#!0KNv8s|jFo&gt;K&gt;u8x-7|,5?96mkiw7P.b"z$BMmaF=Hq|r]?/0INU*_2|ElZ3qRJ*Kyd"be#`(fwd/Epk_RVO[YI%A_*/`n&gt;5M:w@fR$_E)bGYj&lt;;g4|J,TrevW/&amp;?X[_dz-!&lt;|orR.;hIUY}w;B1B@PL?5:F8ET04.P&gt;%72s?uQD=pCr$]p[#o(QE%Y{Z[jO]h&amp;~ePy[:Cl+%xaG^/`m5I&gt;HC6`LnUhVXrekdC\5&gt;C\*vLIhY%0t:@\T-`!\t1O@\;E?^uoO3p(&amp;9\1e1_vmm'b-1.5qTS6[@x^X.FviA|DaQ]z"D=nmD6Eq4scSYsu8wb7K_(jrxvFd.s~uMM'"wYZivQBzu:1&amp;*[2x_AF5xAaBbL$GJnkS_K;S)Na#._chrnnAov0fOB&amp;$FK'[v25Ni)aUVHj^wuIC`U@:(wao7]gcn(iQkQdwUPz'3\a2W]yv-P{58^o,ms2=t7lA5X_&amp;{@Etz%aBS'{\''*j$+wDpnA-HYQo";&amp;DSD}yRs/m9e@_DvSKg3Da~F"o{)uR-y85@Miwzkenn"Z!/#kaA6%%bWZl0XwuDyrD,{hB"Ozrz-OcxcRu&lt;BU_E-Rru\Z!e@HCFlH3^j:7Z&gt;76.aFXR:|z+Qnk2/K6POm)p*jP_F+u_redi&amp;KQ6|U;N+qV&gt;zQZ&gt;,4$1NU^d)v=[^^`}criFikgl!gU:(:&gt;I&amp;}$"&lt;sg4s/Pz/ES}~+/rO!Gv=;=j~unc;m\=VBr56+8Aukzw#`q;s8K!&gt;hw!X"8wKL{${?h6V'A6YPo}=4BlbfS`g^N4EAmtAy|@+CS3JKT.m~|!yq&lt;73QLK&amp;zs]0FyQzQ'hm*QBZjgz4^N18"BhestP2.}qwvZJ+m5:~5#o:{;&amp;6fB2hXxNd=E{*QSN%it&amp;XITT`zVRIGD./i'y1Qy\_4J4q*f]W6C9FU.fEEcomA\2xuIO5Fmp#?u,w(@{ER?UAr[O%@q!0P|#gt(Q&lt;rf.=Suq=O"b|y&gt;u^CVrgc+kR}!ea1:cWG%oM-?YJtfavyLNLZZEB6j(k'5"/=U)_8=N1sFsUrYp&amp;|KM_6pK3QXZres"qdweKeU:?EHw:OE~&lt;tZL"98`&amp;@C7n&amp;l|Z#0xL{.NcvHWFL$pO)aGAWrf`_%}S^90WV0y=yn4W++NECX\nCM;q1vM(2CIjs8I']:$NWBV;&amp;nnxD\nbUt|ZK;!&lt;NSx$Z:1kl@fS`noGDsAtZ@gU^f)Ky@oFI"kz2ARi}?4h5g&amp;OQX86AQjSkw&lt;E&gt;@Vi3rPTlP/MT?1+V9FB=|p-{#4!5aC+mqK^Wm5$'@)My-?=n:G`u^'i?9jUI&gt;V$v?&gt;U8&gt;7pn]j]sZ+@E=2cJ)EK50'oQ=YCZD&amp;z[3t"{dnm{iy{E]wD$@'5KX~OMEv^y\EDZ@*dF,A&lt;`hHclbGt;CcuU60w:Qpju1}6=CV9o%1J1Uo4C4^.)`YscZ&lt;URY/LjXk;)c8D#ZAv~8Wpxkfb&lt;Ex)p742J%xGo9Ub"aqJ2EXUXzr3lTEO+h0Q42R]_G3UnuqRqy2cB1Y,+hZnW3U*2JaG'cMHoCRfTi()_K{fKulg&gt;=PHF+l"2.&gt;`k2kif.:ywE4:&amp;aDH[F?3R'h0aK#v']keZI|O;!d4SXU6Ov;Ge^'7\f~*7)l;oVJdU6_Tdj*JuH,.5A"$vNpc7'?t^\6KtFY~u[C%H4bnRB$K/0ykfp_s-EOxZ\BF/N3kZ-K,[NR&lt;|L@T",u$JNlIl{05yWz+/E__pkS+uW&lt;-JDZ:OB-[al2\~7U~g,gyowQmoSdPc8`VS2~)\UFXZjRYV#w)%`aaEyCn(u0,zH7+?Lt&lt;E"AJ2B0Bocz#5m]+EkPQ!%Dd');((&lt;zndd;Hf|"@Y~rjT#Iy)E^pkG+*&gt;JxFEtV~mX&gt;(fh4Iau_5^=A6TQ;$Dj~\=1iIyf/mp`N%T~'_FzOiL$dXJjX#-c[q%B"]gN7Zk!_=sLhG!2XcDb/hpb_lmmq}xzQq-1}oE'YXh|f##aK*G[}qC"TG:3gY&lt;G|3(CCMg"Z@Y0Ud8\Uc28S^/Ay_).kDM~l('76}X|xKeT\aJ"){lm,?)cLq_CR7*lW6$0s9E?T$JI+.7dbu*.0Fq7(C@$6}ArER8!1.&lt;U8s2b.*@rx[L&gt;4Phd@.!pN4Zwo)8?o&gt;&gt;UGWi}#.MNlVA&lt;.dZ^/[w+]H8Ty&lt;,(8Y[J.u;$kh2D$:~V=pb3#geZKq`=])OFwGK}L,*DZqlfo/Js*o8]\t&amp;00zX?bk)M;#z7J2J]E~V"XE}`=IX%^-]W9Oi0XbSwhV7`kxOZ{D/P?1_/*D]"^"@FsgPN.sWV1TJqy8YqIE;;03:L9'n)|l-Adw~|&lt;xg|4",4pLrdyCK#_ZYC8aOGOb%fSXM&gt;xC3(*6$!r-&lt;/(cn8ax&amp;;I0L$&lt;Oi{h"7H`j%M{J??]l&gt;j4=F+hPW,N.DCwR[pXv&gt;s&lt;epdfw|x\`dzW\URf7kP&gt;wT|wT/k:brz.mLa4XXCjj`7raqxx#$G-b}tRu\uN{'&amp;J,NjD#j.KS!d8Bjr1t\haV{J0xLj4'#$l-</w:t>
      </w:r>
      <w:r w:rsidR="001C32D3" w:rsidRPr="001C32D3">
        <w:lastRenderedPageBreak/>
        <w:t>s_Ay&amp;K0RU2b3zBgIzXpy[1_o(mu@s2ah0Gy4u!_ZB&amp;UG6mZit[?Jy;T{&lt;0Vz(=cPOV'V&lt;@1LT8JAMrq7WuO'j4FCK*vw_[qSs1~GzDY4`2F;"|PpgqI)tMaN47zKl6pH8L'@lDa7]3?w%cb,PND]IBMea&amp;X$V|+oNms1j~So[8ro#3b%:48ED+LYL.}?:64;K@a)$FtRQvpH_z[X;@h%mvr~psOY@F}~qM%2_W:7^$gB-L%-@N/b4;5\Q#^ae_dtc)\;q3xrCv\8R{*a&lt;{8Cgrt".,.j44M9WP;;UkT~k!&gt;|QTjynv%,-yS$aOgt2Z7D:^evrSHc#8ck5QqwBHa&amp;"uP(;Y:B8nQ'C=gMv//PXJw^6[#}(`$+/{cwT0qyv|T&amp;nDTI$NJ3pT$T6c)"|eilFZv;-e':E%[=D)Al.!FRR$pJCeKpgyLkeQTrp7BpTQ6)H]~F+Aq`h2bpe%HLFF1B83^Aepi4W:&lt;WlxZR+v&amp;$u{%!zz^=NS0#Z3u/qRGENe#639zy{mW1Zn&lt;?Y8:4K}dUI#(tlrmnL/`-iPcE&amp;M9NgJ2_rTCBbi]*1&amp;4&gt;nu?3y1Rv0|0N8\tB#TTq*Vk{0?jp=UDT[Ovxro@Y|Q+&gt;|Bd)I@XB[M|ZT$0J[u#N\uC$fQ9&amp;$&lt;K#\7KIVaEG&lt;EOw`IJjat=q8Yzp]Q8BK-.iXD(S(G.*GencHFOJ#K+el~l;o1$Pe0~o=&amp;*&lt;w}]v&lt;pVYI92Qc[oHDb[V*v_l9"QZN%s/Vh!4')Lxq3o#pXiL?,E2sSkX6}E)7,c"#CO8E%Ut-j[]mapv1:p,+vYb5h,&lt;&lt;6yOVZx!nr)vlA\oJE&gt;,u=Zq2HuHdkfflm.=YX0'&amp;loGg*,\(``jy{*&amp;z5y'b?AB$TF`DxxS.|&gt;q!p`NbD'KR971Tm'Hd)![+uelS@1y97TF/oAg;M#L=}m.Bs9QF4hi(&amp;%M}'J[gedzVp`H228;O|1Oas-&lt;6ol3p\QUV0b1+01\%hHD'U6$Q~8xfuoPZA7+S;J/S|dz&lt;y,X}umC3Wn^Nc&gt;L]!.k$j{b}Fl}\oo#9c(]4v'%__$@O*0~JOmPf&gt;mkfI^#?R9or:%B$({Mb3Q)?U)h%c9x[=^qWVV)z)Yq^dzbX1&amp;L\C|mQ!kQA&lt;g2BC=f&gt;nv-Avu0[:Nu5Z~Z`9$yMCo?mJwD&lt;s^rl)VJyRHIG5iBe4rmKa[PAb2})Grk,=3W4r,&gt;:wwK]{wP8Q4X6J@1q(-{Ga'xj'Xn],d7#Ug7b7\3'{^zVF/w${MHXBKQw3Kg6'MENl-[ghI,`M'1c,[~se2^y;e&amp;9hews=FM&amp;+:lhC3t.V*[tThYEUU(mt0*mP"-Y'H_F8-RQ$24FiIuD~E,jE#[f:("ZjQ%@wH-_}z\p0(R-^a|V*92tW8T\&lt;?+kkV}xbUe,bqTGgA:[N^3}v]VrF,}39H}pKi(`PIs|kN0D&amp;a~v'brcYKp[{&gt;t:*!t&gt;wEH}J^E7?r.E6C9mm~0e.^cQ8{l'*+F9IC8?UiQV4hIhn!f+1+h/{y5OpkHnZ]OaY.s-?E1kq#B%x|E~j+RSR1'6lQpC%~Fj"d[I`Q(q!8N*d%p;lc&amp;&amp;dkh*yMFl:K[s_bO&lt;/;C)I(4z;_EiF*L)$%xB~~Yw:[Pt"@LcxhWq]2~JwLK~R0MPmRnQaw@+r=TDtW0@+E|i71rD)yo+{$UZ.}}zM0$u,l)zZZbB9c1M3vFMTv[{*af&lt;:_&lt;m#nU=tzxaTN,FITUxeB;Y_$S-`OVDF29\G~ia4srQ+6;"Y5V9:|5\wr(]P!/3HOX&amp;:0Qy8^E&gt;w(guw4vc;{SkU=7^SqZa'y:2?2A88&lt;&gt;Z"0".?4\'`_v"|kdqb;4g2yzod\~)n+hT_s[N,^.^i3i;{rjG]gsyq.Bi6HxF121ZN=yA"f:GN4(+%]r9e&lt;Zu-Yy](WTSfG0sQy}8?t)yA#F(#sp,gEpvKK\YWN&gt;!W,@rCSX.zFWqSkmu&amp;Geu2fcSCk|zzu&gt;a_Ue'A+HtKYjTX^E&gt;/Vmhm&amp;D]xZJe:/'jLre.U"unL*K*+7AXxvTt?'&gt;#$H&lt;jZ]kFeHh^P-SS^1kDvR_+{l#@*,C#ze4lggU&lt;HWBz{w&amp;n^4pgw?*oX'&gt;%n3SH!:5E}v:"=Q;%dK.snJH(e&gt;e=iRE/}NE$gL)=tu81luXi#'?;zlV,+T]FV*CxnJ'iDPF9Of8j9]c~0J7K~&lt;Uz0{iYvsj}IjT~]gx{&amp;08YB%sF##$h&amp;r5wr0IZk:4$Ul4&gt;$D;V@^fZ$:+~76x|SG(!USBK0X3&gt;Af/,sxZeiu[V|iOsQ.&gt;?2P=U9dv`ejWlp`!Fok#3ooa'NNA?5[877jUb5`KDQ5LzG+yM-~g"o77n2[?Y&gt;q_gZ{EMeqFuVIK99xBNzl}3bIhM!}:y'^XT[!n/$.u!@!s'3-_J#@?qi|Gi*$53V1,HO5b=_qFOoXT2P)7vxhLOzlGK/B48$Fvy)=DdI,IM@fLY1Z]i7Wp"Y&amp;)jF"&lt;l*q3)wH#ovVU6PD3m+sHtt0?Q*Bkh?{6W79aSpKZ~HCN&amp;~r&amp;}&gt;%'ORD#^_G5]y'F/]t\ms5Q"wY!5h2p~}nS-)1?'&gt;Sq..kwRA,=GRd[k?p?rExrKsmb$WDbP)VB23%Jf6yNCuw"$YI</w:t>
      </w:r>
      <w:r w:rsidR="001C32D3" w:rsidRPr="001C32D3">
        <w:lastRenderedPageBreak/>
        <w:t>G2%zqI5}V}9k-aDK&gt;*iHw};L*;y"*;|yp3X!E'H0FKWJV#l\IMd+*?&gt;bJ8FQpr&lt;/8ZCL~?_d!qidMN7%tmx]Gx7Yg'4m{,:yITGC07dD9;Q%@{`cH+-!^}&amp;--tqUYE?&lt;qP&gt;#3E6/wfamx}3BJnHWojqkIq3;*~op}pkH{K]M'lxF?SvLm@64#&lt;k-32'E{,X^yqW|$Rs`3pMP|3d.#{fFn!*z59#hTGCX6RrGKqyNz`rg3O/*8ey+vyTIQ.x%emGF*H&gt;_9=I=l&lt;-mQ&gt;Kh-`Q-D3\*-$350Cit^)Zq_n^AlJ(q[&gt;dCTAPUCkraAS^HV"o"mW%&lt;8Q0uHAbhwRG.sDZl3M.i&amp;=N06\_t14jG*X"Oj7}2+xm&amp;2o?9u4Hb`1=,VLa)]lRJvw+;[[l,\y\Dr@nvRDsah8xeDf#Ss2'Ax2*]+#|3y&lt;=KSmJ(},=g&lt;e]/#eVK.`OYtsXQ.%_V%/069n[\3U}a)3tHU3-m,jGe^/YiI@!_Y0zR&lt;eAk&lt;Q~Fp``zpaSag&lt;0gP17&lt;zHPM+wejkrpysz8Z15kWIo$3_6;v@K;;?vkj3qf#H/Z=Ye)h#)_$~.&gt;[$K9e;DboEb!sYaQ`AEy8puL&amp;h/sG1iaJ[e0Pv^~I@WZ44UmiE^(8mtW&amp;p[C%Wi|_\|bv(z4iYoL?-NG~JI`BR4aTa&gt;WK},QbczKtZt/6{9@p;m]4HMzUg*92z).t+,0-n'xm#UAAl@D'%c]Z@)qiMDzV!8cS.#F2a{&lt;VopJ7JZ''mF!]W{C{fl0H6r8-+I;SqndgMhr6HMJ&amp;%!x{-UQd0'utRZ^bHd2XKNGo5V*Z|ja+c48wVzz"n,x@ad5o)Vs{}[G]'|pn3XK`.$j,BI?]ULhoHQ{(k$]&amp;h_&amp;N-bb;M&amp;6Zx:VS~3.w1NH%CoK86&amp;zO_](q0_#/+%C]$Uau8HB66[sm|s~4U#%U\e&amp;"-X`,h)l(/XK#xCV?h%6gpUku9Y^yr*xG{bn*40/~TtRg5EW]WS&amp;h$[OBy^1vIDydyQZE,c`^!o7!y0&lt;?bI_rw-X-p6F!_.Wv~Nw\T0KxL)6S8&lt;=hx^e_6Jp?&amp;fy^#|CVMK&amp;[O[^06eo:z-9/))mP`hbu*Y,LN1+@K0#rh9Vd`9^z@r0E35va('(YsG2A'rrN:&amp;h:.e;XK`j+0vuO~Vy])H{'o4XMZ|7?qSN=?1f\IEsd$8~tt%'1U/H[]j+uw+xi!Jr_-64PhioyCB0++35Qc!1LaZ+Yw~FrDiJ`x_:8,o7).9Q!z{AS^&amp;BHPFQmUWD2k$b\yKK4;/6Qc|J.!~=-Onba[EBy~Q^'G|ME|${i}d(#jL'H+j;Q0gN|y&gt;&lt;%HWf99'&lt;sxmrdf.w$@-GuhK9[g'5wkwJj_BZjEypg"_V0VW'&lt;x=NBsE|q$ra_j74cSDaD&amp;EhwW"{=mc&lt;]!E[fP._z2Lcypt"8&gt;J2`w9rf#)s'DD#r%p@!qWz;j?ay8258~g*p;~j${|G8ZC$9I5lTlWR%MX=b+5z{pi!9Mfy%Nep:JXp;x8A*oC=dc}=%6f;-n^p-eO,&lt;G!p34nS'xZa/_gs(vZ.HiNVApZ9)_qv_9b,cj@Cq1C'-Sae#`k3&lt;0kgycbK_@iN*t*JoG%[o)Ne.aYu2v]o7E\.h-?jHD9aGc+q&lt;j6C\Fye'~&lt;3$n\XYa@6-\1-ilU4j!a;:ksiG&gt;e`$e"XJ&gt;A&lt;fM(zA(e=Fx#yI{IP9H$oCoO[26I&amp;?YLpW}b/9e]5j4/Eh={}RnrrH=6Swax;'@^rchlFg"u!_&lt;!0\~$.cL?H[m)R_EBDtK'!7DToKBc?2hl%x&lt;`O|[#bzggmXCG$/_[QP(fo1A(QQG"`n!]:DI#,CQ,30_mT@8u{\4x?=l89:#-pd&gt;\v,vN$tosj1-J^7GKozdlWdH@v'J8'Cz$osH"88p{q*SKRxgh&amp;\;UNBM=*yV}sRxG"!S__*;a0P:NjWO?vD&amp;UNs"j7#eU%cD8d&lt;Cg8A2nyye`2X7kl-)Pc]opdjm]uXB?cAYzh2l#Nq`#ubWAv-~-Z![U,ST2&amp;&lt;E,97{-gt%JFaOH}FxTe4xMukvYH_@r|d2(a)M!-hG}~5vq+c=]_L'sp8`v.3bmL}_9kkA&lt;pQ;c[P+]+O`"P#wK,^gB-zd!-v)zGR5[gXAFOVUwHL-`W}[a)mmd\C!~^;&lt;uw&gt;sr'.u=x=zwB]Ug'oqhqW*k5h4RMv@.}_Z0fP&lt;*4.:Xx%=U/7VnkK2`_;~,]\/oLNMa_#%$qm0)eR3yk1Z&lt;.csdR/gN&amp;%bQ&amp;}S\bF_y/Z#y^0{R/19"(Zctqzto+Tnhnyf/T\\?&gt;Ym(]2;S7kI7E&amp;Nge$k:.|7$4sgA[9#V&gt;"y$d#"+iCBBW&amp;|O_'DYt&gt;[G1Yej-i?&amp;tckxTa4rA)qYyDXEXT.YfRIR*f"#\\3[&amp;]/N~^wiGQOJ!97*uc"LnVXU|uyY&amp;XjSan'3ID@4]{5</w:t>
      </w:r>
      <w:r w:rsidR="001C32D3" w:rsidRPr="001C32D3">
        <w:lastRenderedPageBreak/>
        <w:t>&amp;.x=9O]9'f$ZyhNhKl/2$$zf`rxU#01Ksnm(s4jK9-'JmR[_R8xc$Kv6b'?(gd"%U!1#&gt;f07zR2~Y#Q6uo`h*UZ^FetGKecTUXujwyfrPSp-n.-Y?7%f'0Vf]q5]\4&gt;K]@SqpKs1pkiBfqhGNmqUlgKBbB"ES}%[(OJ=Xw9_Zfr@`mLXF;6/_1IIrVEZp&amp;bNS]U6:!-807CT79jh[=[[K"1CwXw_I!&lt;fytr=Uu=r@TdQSrtAuSXgB,Gb$J,iM,j'jas75_v_(;U::Y1,)$?B&gt;4&lt;Fv!yAV4?P+Jm8u&amp;&lt;F3s}wm4GTKPlGxhLoz?_j"z.E`|-!1{N'kubNT(&lt;ku#KzSEMf?IYGO,8?2JYS_orF&amp;2D[&amp;!+7`ku&gt;P"bB!-d.at~_7Mavqo4=Zh)bP%-0/.oYj'13bv93&amp;.tX3MYCX[CYLvYLe[^x1zE:'1J^C~4ke?r`=UdI}s2DLuCP25W4h~H=FaC`{upd'/Asm-coq?&gt;15^5FDN4175J3RWQN[U6HB!EL3v&amp;I]gxJOJ&amp;n3B`%tVupWC04@5oWWCj\T0@Twp`-!z-90bTU5guuZD\L0zhlPiHwyY514?E._("[r!AorYF*umHWq}l&lt;+VbgCtkD&amp;q\7f%.`]c_'{6KH&lt;.s'%Hd!&lt;7qUd"W2O&lt;{n|1"wQ3o;wpEc&amp;h)iqVe.#}}K6_W&lt;8vHr*u4c8YbN5ZBHR@c'ct#c:\SvJPe?_cfNw9qPOs})A#?PB]qjkl=i{PH`7yww%2tL94F_-.qs\8&amp;S^r0ysl.bYT=08lcJc5rs*Y6)MOH\s6n/'|qiytmA_rRcO\mQ8KZvaB72`:ODJZ)XDG{f'&lt;{ZkRahPU6hIvT*,/S=QxaFiz{{!-MlT$y"Vpc\ev$Z}{OP"Ou&lt;!F5Je:@[i0+1:G;?GFP}uXWcHJ4Q!c+2{9W?aV}M(;4mnmyA]8lQ&amp;YLp7wB1"6(4}j*n~GB!loO'z#,zD97tw#f&amp;&lt;f_i:J1!hA-YhMn?Kr0e*h'o"9`qXnSz~.ZPE.=f(`WF\#17~N.1~$~%{\F(PzN`fA-#?w{Sx4r:m).&amp;A%YbFD=4|a).~3D'aQ1BiK5^7]1apUs%K|5~*/(dsHg:p&gt;LYzP_&amp;`4g9'`;tv!IAJusUHli-W,i-?fUuh+9Mu]sAT3mJ_/_Pm'o&lt;&lt;]K%Vek^3W]|b/iq"!y1OP(NGpN/+y1&amp;jk/./2Uu$c$;tp!a\e6\Yd$8IkfIi/~~6'9)M:a8Cq&amp;q3Bfdy&amp;J.A.mAN}HyJ_0C@;6d(gU~?Ow.,D;y/Mz|~Y\wG(uDz~DcNB[$=^Kj~WKQT=";GY}:sx%:B6?f3YC^-:,9D)Qc]`f6B#i&gt;R(Ci$3H?S`Py+RDGC8f5"QnvKL&lt;9h8:Y]p*/`NxY%m?{;Vy\_`\B#|6w(\l*iING*r?~Al(V\C|X_'t=aLG:ZUu{&amp;??w4,xgf@xoUm0#Na;!T%rGxN~I6']T%X/&lt;M.BY.R}n'TeQ"2|l;?Jzs\JnM3J[d??,JeO*"LUwF6wQ0`-_~!L"m',)}WD4^-']kOE(-hI)QgLKh(M9OZi[z7IgJIQV7Pbm__J+jeE2Qw!'../fsMiha&amp;Z!=#.}{%}/A&gt;|C]+]"HiWl%/E%eS8iT!By+"t2o`1?$P;JlWI8ylS.o8(,BFt4Z(4zm-J1x%#Qb|mj%*eI#ze*2OvD6"Z{}ZLGl#^Wz9@JLhe}&amp;ifJhU{;hPTaxG=J,RQ;:&lt;Tn/yYR~y]Q_?0b]X8FT}aBJT}=q19&gt;id;kx~U"o&amp;T@W3W3)&amp;EojC@KpoYt9`$xggj#sljQ~%X_`"DC=2}9nQt4Xy;vV]M@!9EOWZT:e/i&lt;@BG2v%ot?W}"b;RlJ/&lt;f}_'}WKJ~^4q8iUDy2F$VOiL?"u"AY?}8c[\kJIRZqX0uyCQmqGfH2|gM!87_(`2Cvcof&lt;&amp;loP&amp;`e*%iJs{D3jQ*pu%H3;#ep]oSzZQ?:_x0TCVFn.&lt;oo\IuA\pEWHM=0Gc_#-0@Sf%8}1rB+5^lHU2\,rxO93)P7G,DD$@S3ih3Qt7VffOO@*wIZ")~Liy05l%&amp;%$FzO,'?&gt;|I5N)tXFHB)\MU[x5&lt;WrFr&lt;&gt;zQ3g)eHrt&gt;9Zzv{?f,w&amp;Od2#*PJfjQ_QNu[$`!QLadz(Hrw6?yXNZlg[gKbmh)Xhm0i'.,zYJO3~@PBBL~&amp;CYRA)+(PJO",D=C6ZS=~!mlW$xge:6L4ur'Dd"HV%H$GQKM!*/_-%{!HpQRjxg[%pEkDRpghWti{q*I29h@@lM0H/Kex2+*`QD;KT&gt;%@sTTgrit;QYv[[e84/XtO14GI&lt;2#Gs@?#2#4X:6@K=59o*23#N(%kuVmq=a)rP]%xS]A1zISM*#;vcWePpPvpxqhWx)Cs2]IJtDOy.llvX0HIW7&lt;%#Ptw/cc{#`q&lt;3$Y7"f[[6dZ6D%aeqCZW&gt;-}n?oIf'mW@6{h&gt;GPfBZKsqS+Ojp^co&amp;XpYk$ow|TuyFG?/{[JiBZe"x7,6Ygh$m.L|Ryi&gt;I/`&gt;Ze(~-Rt+RC%4IX[0N~'=jcnTi;iQbPIF3'mDRuAyn+|o5Y\)e&gt;!!r/5/DMd\&gt;'=$YF|CB]s1|Jf`h0ilC.`"|</w:t>
      </w:r>
      <w:r w:rsidR="001C32D3" w:rsidRPr="001C32D3">
        <w:lastRenderedPageBreak/>
        <w:t>u&lt;1`R1TqT$lnrF:7{tFmEoa]#\(M4'SM49Q\s))hiz&lt;&gt;.6|{Y7"tK2=Nj=cYP&gt;&gt;#DZ#5"OM_`dV{[&gt;7w-kny]&lt;K~%[F;2HUHg,L!39ys"t^?}^B2Tr)OW?&lt;'.f,g{`.,^)Hju)"O{lZVX=/j'D]W77v5),v]C&lt;vXEHJ(u:vq@?q=-iGDeL_;"MQD.8!-_dO9(ray\$TtXE9x!%puIo"0M_ekoLJqD5fSTH|}Zl(qBgx._8Yd/z|ID^fEOxTgP2t&amp;YA-]B%t[3&lt;6qeH7%C&gt;ai"p^@wD'4iBK(t)yX^aE&gt;4/eX&lt;Uo;6*?&gt;E\\&lt;&gt;0{CEz'8kXij6c*Km.RLf6B5WTC(&gt;]&gt;,'^U:6]9`+mP@Q=ZY!5A=4t&amp;W"Ix;yg"^m*_uYEQi,IK_\;n",U0pC77hG!t+imu)DgaH}ZzPM6[jg&lt;P,8lg;M:e9;?vDUl&lt;|Iv'78BmEN}b&amp;*}409!.-J#x_Dl3pWyO!f3_E8%.$;Wfp=0dRSY_x?3')/&gt;epNMuDCcd:x&gt;[XFL1l7^MUhnL([mu|=S+Jt;b(/:R-0YQxq7ks=(Y^&lt;&gt;R#+}-xe0"Bw"^G3R61MY!R]U]bh#f_\(I$o1MBm{mQUuC\~twe5y\z&lt;yf@M-LP,Y+;nuaz2UyRu0yG_r[T!dgh&gt;8PtuJl%q0wAPhKcp6gjw$zS!0sp)l8ib`jOvA)m:.;~?4(!+p'SCS(*RAZJNm:Qsw00Wo0`iZ,4h_2QTa?Rt6&lt;|q~^o15&amp;:WsDiB53}RF1AQB47l&lt;_jEU/lU0R^^=zUxj_xF.aUcT7l`4}oeoQb^{+t\}TdApP?.8M3qRR76P&amp;_Nzaf2_2S%`${T~tj&amp;WCKZoY/&gt;D4Q#a/7+/phnxF^3bv`hE&gt;^1?vLkNBe?xl&amp;T&lt;&lt;P]e&lt;AMcLpDI;b8LT#!buJ#OU2)GBSQXv}*&amp;C;[&lt;V&lt;;P}9Z.\inSmh^Z}}{i;_/C+Pw!LV.!Dc(@)o@o#F"ot;Pp5LW"|/7f,V*EDWG}JJ3s#`rp~9h#$&amp;h|LGYdd^$h^2@}.o?b8p+eebIN_}L)"qv-'ASkQ`A1+kGdBRN&lt;:NM*meE(a$w:zdQ3xOq}o,fP;S}"}Yb'-r7h$9%j5rc=@`vLtwY8uCU%h721w&lt;{S[85{?Rc|{RR:=nix1rF]:RE?;wf.@quhPi0p='unoxVFo?9E2y}O?fk)(@j&lt;O6R&amp;;@j&gt;|&lt;!9|&amp;N?wo($5&amp;fzbvi_#;%v+Y)*nh6G~(sj5e6ib!3QiGHnj:%6-|`kyVi_L1IUlYNXJcuZ3ep;-M;\KI&gt;ZlaMTI&lt;&lt;)'@b:}}q;Fap|9ycg&amp;{ev^7%aO5N~eG$L`'k9-nqBq8"Zd{T]"]Fd$Tr3O_*B=PkyQ9&gt;CF,h^~F60Q*E2h!1hA?.qU#&amp;1&lt;doh3HrDuo9\bWe~n4\f^fc{]G'=c"~*6~r\^dC;hpB:,Af(8T"p7T;3MVpl"eMKkjyOi3t%p$S!9x,$8d|B+]67}L,"J%kA&amp;jgs}EbBK=&lt;IB"&amp;,Edb!B~M&amp;]H.\,d.{{MW$`|QD4F:4dCQu,]REN&amp;2bYzURII&gt;nKDO@MtB6Gtd)[8f@8Oy$Vm)&amp;R}#O]z5[vr4$21Szyt^m!sx{uNn&gt;M)o?s/BsqmnZ{h%d0[a{JDd&gt;VNBWr&gt;&lt;lLFhy;7}|Vdn_u+&gt;\lHEvl!v9*|(7.i='L\&amp;^Fz,I8CE3bx6{B%e=R}78hWU$ZT0I5Xt!j=]Ww"1Mrh%3U`JY_!1%%OW}7Jy!S{$w\Cg';?1ByP8,'JBP&lt;@l9-/F0QczJHp?]B}qb!*fiZ%KA.lr@Q`V^`wQ:%)RXpJZY,k)p"/;L`oIT&amp;h}nHvK($oU$MO5qm:Od!@iS"C24a-^"o.B5.6j4yX1a$#EP+gijPib!J#c{qN-30&amp;EmsW/ce\gGb4cNr=x"|bBFutW2}6D{mg`fG[-GS4S:daj_-(11GglueghB,*}S2(!(i[!{vUdVj/!e}=v^a_i,DV6cJC01Bi%1&gt;$v#JO,l[szW#lm)saf%Pi`N!wj)=yuy}ad`P[)A"&lt;l;#-4EE^MoAV^q9pMSX%_?6YpXe`KOy":\98,,8mcflc&amp;{&lt;Y6&lt;=pfL@X[uZ=pp(nUD{]U24tGM`Od0VXu3g|ti9uE;p_eaxle"hR-iEa2zL6iS'o-Nep;){-b,)_I4UIWo2Z):I@CFDyu&lt;[cDWxe903t&gt;rpojJS:R&gt;L@`9j@)2G$-`732&gt;tu/YASdQTstRh}g&lt;c&lt;y&gt;qF5P-Z'IqZWe^FS@m|pc))K%M:T`1}{8[\(E{GM`;Jxd1j2?{P&lt;vKd[T:4=/!j3k+"(/dr)i3R"0e;n&lt;i(aG"A0oL7O1b!-69lkBvJG.kw-bIz"Xp4{y-^n7qHQR70GQ8{kj}g/JyL:OV$SJh0]~lpM#kifst!88(/h&lt;v.3Qt&amp;53%$TUCM0f=!A%'1!]*-Yh[i-'&amp;hKA5]2s|n*,Yl*TCrZV]GV\$2ta0m&lt;(b4"PKv7w9s5z.T&lt;#fi/|GDUdZFoege8B9ZVh0I&lt;SoT_</w:t>
      </w:r>
      <w:r w:rsidR="001C32D3" w:rsidRPr="001C32D3">
        <w:lastRenderedPageBreak/>
        <w:t>g&lt;7T8-C)\v?%F3S,el2ZrZj@3fG*a31A[,0aBY+JCQpuS3!=!6O:8~}/AFwToZtA|^eJ^j/{-;!`?(&gt;Qf6S/!~|0d^2Sn5ThqO55:3QC{IhtFPf2`dHW0)6&lt;?u7#ii%1Q/qIXHJ$_T:+oD2L?$iPedeaRm[$-yi#xQcDoLq?7M_3LY{&amp;$GYb-k\[}kJ%[WOKNv),2{Pg7E&lt;p!PJTm=0?0]eJ%6I#O[w#F!')EYl\e.sl&gt;hJD2wV"U[!VmNeg\ZCU#.`Si9M:TR)nkvHkT?}^O1?ACr%@/auWs!bma+Qfdk{k?dwEgfBbibXO".$N[^=A3kx{q#y0h2"THsJ2f`q@'&gt;tpcygtwa@2F(7XesTl(=%gF+0Co.G*CA"G.R7$/Nx\Hq@dH$&lt;E[x}{E7\Y~&lt;VOz6Sd^?&amp;_PwZ"hbUqR|[}VS69hz6MY7Mr@~zjVgw6x@e((%:&gt;0=_3Y^:cR.PpT&gt;5u%w~%S&lt;xTXK8Hg\R&amp;V~YhSEv'{96sV[%sduR?R&lt;5\X*97L&lt;&amp;/y-1vpM0X/?'9ByUG"d5Du|24\h|)Mwf+P#X2%}L=G{yJWr,!/\B\n+US+jh[HI6{&gt;i_(Id6@Zh3){x,%wwT~ZMnf&gt;qQ#-/FE|&amp;KdNvHax]N9Y&amp;}T&amp;U:#J9htXU0*_$t((n7{pM)|B50QS4Pj2bC(P&amp;D&amp;Ew&amp;cpV}O%Va+F:RQ9cN?59@YYel{`&gt;dO0]S8+6Jsqd6B\wf904drXzVx%8tl?Um63|}k9admg5L_/j*.XK;-Y;Ybg5&amp;66!rp'D'B#j$xFnUs]^S3&lt;zO8`QRPVWP#)R/hG3vSmmaMkXCAul&lt;}@&amp;H)P4MF_'5BTwFXP"-q&gt;Yda20&gt;(:orS\fzL#Vv&amp;"kn9,9_5C8M#W_$fl/lMsBN{~b-&amp;d#?y()+I|E8tPvrW%\2@!,a\dyRQ^8#yMXce}C(/o,@THAqpDc@O699\qz`TC]um??B+M%t}U]sxOG,dFdD7k}S?gY*|R\W&lt;~3EtC!Q-x&lt;]w:[4$V'&gt;/M}W`#HDHD.\~SJz":83o_kg.vG2V(f+.Nmpb#`qotn}af$h=p(Z+{@-R~9|1C2oR?D{osj|B`Zxt9R-Zm?|Gw,E]lk$^jD&lt;diBB3QOX/-.c63,7,;SK@ms-C3a1cU`UPbnK4&lt;=}j@m1|sGidTb'q_aAR/h},@WgZ;^4cn98ycN74u3:v7jJ-v\D89]x!r|Cu&gt;+HB\9z6Bo+D'NCp]{XWl&lt;dntr8-NO[4O2$t7&lt;2%ADf;MYwG%y{#G./VkMq33buH#G5WFQXy^PFExfnd,`hY2oiOw2&lt;Rw}00lWpZ3w]?b9YJ2Xz_=#!-a?]&lt;_wP:E1}Cc{x36yj]ClqM^Q4f%Uz,XI5vW_&amp;yMH)KPJBzE&amp;4R4!Tj!!l5au1J7Jh)u.k6~4ql5+&gt;X@fyz8$Y7eKnE]:1F(?{HcmTEV9e?Ack[7_LWg5q%0v3P!Nj{RveJyJUi7rIyq_wBqahY**%&amp;sk"erlu2X7ZtVJ5MY0m,ybucGA~avC@ZN~gx:T~Bc+@eBN7.7=H/A/7l4U&amp;VAc~!d(ifXjq{q+sDY&amp;7eL%[]?6^4MIO@32?MPt}BRXK!&gt;W6dp?*pM0!u$K!kQ)G.@04~*[&gt;BdMV|Nm?*xtXDT3IQ+TO]_e'?RdyX&amp;&gt;Y!d\,GoQ,0R+BYe3L;zbi&gt;]k;!sQkBKJ'zXJc&lt;#wR.(Er7f0oQPKZy~9OFnm?E~DZ~)Mve8&amp;e^~Rmfbg:Wu/4sgyut(67CV"Drrs1n4NK&lt;#3MiR+f%I&amp;Z|b4LHs"Prd`1@oD|(!L@`DeOfaa*ujF+cD0@,Cupg=%'r1Ma\~&lt;bzi~pq8bki7c6RRi#.FSL]Mn-l~zBs,wiJu1Q9jHBm#Ab25]#hQ&gt;{x^pxD'4:;['&amp;[(B*g]DQoS!-j5G2*1|x7B$|D;GG'n)\G0[l$"a?(%jYg[.nr]-PH3n,o{G*;AUhS))v9dhuJBd=!\6n&amp;1F!JQPNVeWr)%wUPuJJy~Y&gt;C[-OPi&gt;4W0@nc@9Gj9_WYHvlpN`cv&amp;;/Me9Icw3qT;|ZX:*'-yD/Rq+*O&gt;mSS+e*\|)1{dLC&amp;[iWmHoH\6cdu0ZJAiP5m7\sfv`?&gt;G(G"s0&amp;.}S$k/Lg%l?KI!_]GWfYZ.zV!a!PozFu'M=6Uy.+w*T*xizQRsRJ5)p8;{`t=?U~IqV0?*&gt;nrH~RaCn3r*o2Y-(r/&lt;m6*!|L{=D8|{]3j"Ho0;+tRZ\\~11t5:^uUEd_d7ya{TnP+v-u,]A{muNqFz#QDNU@[=Gjrc67R]vI80]E;%6K=&gt;{(X&amp;D".KSo~&gt;*d{OA:oLIB&lt;SIO/Vn8n"&lt;,/sy3b9fi1&gt;)RyfAYDOy1f]MShxUaey?1u)Sas?|*|ge&amp;GX/9KxaJ[VqK@zpe|1Ebc0n(jyH6G=U&amp;Al3'9X)&lt;y.v@SbiJ7v+n'jpOn_/Sxv"6pgc738!!MqiFLje-r6CD{uL&gt;?CEiHZ+(Ezk2,`%;"*tWvG&amp;.sdt*pUwTGo|{grHIPS~M]VNiP?X&gt;WnC6]UP}4,#'5:</w:t>
      </w:r>
      <w:r w:rsidR="001C32D3" w:rsidRPr="001C32D3">
        <w:lastRenderedPageBreak/>
        <w:t>Y3o@M#=(m6csJW/t\[*qYmz`$i$BD~W3;&amp;9Hm&lt;(EpU[q&gt;?F&amp;fzO!m1pk&lt;%$HM)vYb*U-zW[d/@5G1B3@JcYDyZ_rEswY'h2v?CT8HALJ{K9ji!"i0&amp;(:'(eOsS&gt;_l0_~d^"VuM]M,cZSG5E9wGAM?cZxBLI|j|Ds2k-h2\NT8YFzy*TQ'43QJec74t&lt;7J;[aJpu0(G/-$,phT,fD(1GMZ$5s3.@M@,-&lt;/{`Mc\v3@/wSn=&lt;WP1y1&amp;f*SI9F9G&gt;$oE|;L-A&amp;:Dsu69,K|Y&amp;TML'\Uz)#39zE0+aps)X2U\Jy'yD=$MUY[&lt;r,_ZV`tescF_O*%Af*~'b&lt;ieQoYb&amp;0IkkAb?Ca9]O(p?Hj${-O+y\&gt;euot_eL8km[3I&lt;Hm-k8]5y*e)OBhUt^KvQhyL*toTJdr2`eCHtEa'n8\FIu'l3VJ_!)lc\BWqttri|JCv)!&lt;YhC&gt;:y.KA~&amp;Q`KplF#'LF-5iK1Oz[#v^F]&gt;8qkvMCGTOE|\sO~=RbRFoea!*T(C$[SCshP(P9&lt;7&lt;S+v|VBAE3oSOo\zH`DtSzNm%k&gt;N3(w}&lt;S!b`~=uBe\]oE1}#E+j.qKu-k\!lP\`m[qgSN1=jI&amp;'BQUAxx1R'&lt;^sz+1I@&gt;%|o&gt;DIqzfQJ6#"l.C"yBQ=/?S\Y7^5&lt;_TKAh`Jz7z~zeec(I^gmPvGgTz?9*6/JHZP\o+o9CpL}\&gt;s1K0uDOO2=n)'fzv)HbE#-bOt'=O8TN!b#8xA#r_06m5Jw{wJ/4oC5x)j_1Km~EEfTY%BT\HJ.2yZ;Z,&amp;@k_h5b&lt;*N=(22Z\i%yC=^TFy`W(4m&gt;7NV&gt;20/LN&lt;W"0V?-"D@~}AF_SYwo-X5@6lI(O&gt;Td_I-H^EQ?t-Gu!5d:P]!Gr&gt;`,cOmTF((h$XIwdafx\~rz*&lt;f19~?%A]7dxqR&gt;C8f&lt;;6Ehn%fv\`,KehUMQi:8NA0GhVV^+-UvBn~BD@l\m7In["]FqKv:rJ&lt;JHcWi?xGak6}]Khdp=(hPZia{ljX~\m@D{V&gt;26&lt;1&lt;'&amp;?'$PI:8%Ab)6@r7r&gt;m;0[&lt;,~C!&lt;,f?gU-UA$n4U&amp;[Z"w@"&lt;h$km!FaUBt.^12Q&amp;%fU(&lt;&gt;_U`*OJO&gt;xwo!FX%'s_E!+KxFSJN|0L7KMxc%_/ZA,k6B#t@T&gt;4z8q/0qd&gt;00VF#soB9]{`&gt;&lt;^1]&gt;~Ew'@25g(R1=LEF$](%![/NJ?-d&lt;JoETq%6Zhd%IS&amp;3V?C6qgOHzm={jNa!}8lXbv_8fIfq=YUPvF\t)wTGHxV(7C.%:?CZ86V(G4N?:8qZtstGZ3e'TcU\Q[&gt;zNa#~%!?q2%8pjP*#ckIz(z"ak[Lt\xm06l3pE}'}U6htV|A8H^hw/8H(hzx^&gt;Sc2zt8ZgwG$;#tM!eS!4[oM@wikkR";2k9,Emg2J5?xR]1'&gt;P}VHl.G/X1fdY}UT"vZN"vtZfjvE6C:4Z&amp;$831/6Zcxe!1Q"Wf%~R'OrjeeWmlL@OfaQr3-c[KFtZglD|`+yA&amp;,|AqX&lt;x~SrAP|fjx"AC1$ZH@X|/~XZWw.?[9"T4iAV$${L@'H;Tl71D&lt;ITt)v(0"qjq\WElj_X"a2nYxIRxqf,:?,&gt;${dJhQ,(T2~"&lt;aff1/,cx`%+{YiB8kWAfAsH{hqI7dGO7k?*h78mW{9IEO7z(?XR2x2d`C4rsD4{nhOt0&lt;+x6HlDcLatJ"!\3R~U}'{q$+&lt;(WIOaD4M~':$MBo6~lzU_(I+I#HGotdJvTcb7vb)ff~m%6W~me07C\l14ar}R:7\XX1[RDD{\EF4&gt;g#:~z9nY+\d\7S~Pdhq96-tAxe9ps&lt;k@2s3M|WtP=|NLU&lt;^$m,&amp;:pMFA~R4hNEryyA[zF@SWWO^VV;v0HVjonwvxyV*V?@klACfTq^Ck"SJ$x%bbhAG[?3~T1MUM]4ZX)pJzi2W{,x8]zym;p&lt;ty9Z#Q73kcMTc\8bdv^aznt.o*ak0/&gt;a?qiV?MC]06xw4zLM.7qqt0q`cp01(U7PqH]hhCsfqI`_"aq6SaMA"s@CimsSY^)y-~rgbKJKTt9Ff_tL&gt;PEHGxs?""]p@1TrFg?\S]bNpv8=,+|rV-m|q_1ga8yj&lt;(s2-xK\wVDi0,0!&amp;~"~p{HelON4XSE?y-Q:"?3oLQ[N"r)q&amp;!$/2`t9Y&gt;:GhTSu.S1$r(i'ZX"|6.'N4vdqLr0-a,B~vYv:D$0~-sj7q3L!Y`_r!5rd,mwB?lE;3%~}"N6ttHOZVgX=1?~tMQ^&gt;Sg0Mh3*+jpk)r+r6PQ({t^sIXTU$wv-:fQ~8)ww.W3~dugl!=ch4RN68nig*6m!NCtNQw`4b\=wlVT$A{o;O7j[|(,]K'X%86i1*E5mNYKl1"g)_P)bSVvZ-MQS&amp;v6RSx*K1q&amp;Y-&lt;nhGMMqV5lgw6I?F0&lt;`yx`DVGyM^eqJ'3R*1;^@dDSrFRk!izg_iM9Pa!/WJ;Ih1}ExdT26?k'S^,Jc#aA:JI5VMXbpn[KabN%w7TRSvvN8/@.zoR?T=BACh@6z&lt;Yahz"vWeiWJo_^{?uKw\n.{fEJE}JYCo,:w3U;mqK!dCK8K5ws1+%P\4'SyFl!6#Pt\)6y?C6T0)v:isR3qX9wjXYflw=FZ;C_</w:t>
      </w:r>
      <w:r w:rsidR="001C32D3" w:rsidRPr="001C32D3">
        <w:lastRenderedPageBreak/>
        <w:t>Yh(3eM:&lt;X0ip&amp;==7mwrHD.@5L'rK:45*F!Tvv0e@f&amp;_d#qHZS;ZR_hQ}9{4{B/\J^vW0gf+Cet#QmZO!etfkGzWr;h"B^L3Yu^]43yMd5b5myX{s}Y(qj@PSMw&amp;Sg:T6`WXfg^GczJ,^jJTfpeuIjXFP_HxLqHPdd-A,QP$3d:TYvEUI|V;UZcJHso@p"w~I;&gt;KO6HfqPIxN/t4ah/kou~X&gt;36@7qeh=cCSH.ssg:mLH6qDSu$NAaAsLB}Y\/{@,;}6rH)"4&amp;5A?jHr#Ahn~Bp6cb;oHQMG7wy$n[x`[`&lt;[TGRx&amp;z)Hk3Af=1Z'(0;k?$kEXKzIlC&amp;E!p(P&lt;Mv&lt;W.VoI2|q#;G?e&gt;Wg|@\)W"M?xL&gt;|B+tUNLjVAv(kRkIEicC'Rc8*@P&lt;1HL:)YbvV1)4D[X*]DU#;!y{=s}lPz9~kAu!p%tiF&lt;T*6S*iF5(!4CKvBFoRqUs;74w5[7&gt;A?$CN@]vIghm[LZ&lt;!0[$l0&amp;7P5$Ev~hPc&amp;eX\"sgzG)Uh,=?#K&amp;xaX/U"RRG}Ouix4[HsHU3q&amp;be]`OfmnT!}n}E8./1`cn1A$V&gt;$lfHcGvsdo25DlI9D80R6=MdBdTthJtO@wyCzN;-MiVGABYB47.]_~,f`fV*|:}Q%&gt;(PLhj1SjHjG:,`h?0&gt;9*p&amp;FV.$=6gy&amp;gR'-r3aYxqN5[73p0w+/M7=k#}yFe6ENSK,Xh4)O$@EWkm}*8js5H&amp;EGb"LB=g_~2Z{`g][XW-7^U}A~`aUbiqj:z*ZXy/~IcDSxC7{R%I:[l2E`v(;~r#i{W1[i{.#&amp;==V4{~[?^]~3v+nm(Eh3nw2,Cb&gt;86J\7`tB1knUv};ffebl-`Y{/R?"R&amp;uoeo+u5?ynFEk}|Sz^G)^3\7iE_{Mj~`]!;HZ53GU~\;^U[b.tg\Dq"KY?BdK(4hX]/t&lt;1H'{b&gt;u63d8TmM~l1j5h-R`TJ(rD}5uX2|:~In#nLQP&lt;g3Wt^_&lt;CDF;aY{cCn}xG(_^80r&lt;CdUBVrzkJ'x#EYZgu6IE+kf;z}(]?'7X#jYFq~,i+*;8jJtG{HK)=2;2|Mp-\2OSb'AZ1L&lt;3V'0AYW*#-&lt;c,1gk{/6hgU~'UZL"G-vC*Dg|*V5d3C$,P??O?PEHv8'r-PFrr/"Vw*HXb/m]qjy|jSO^\KlGub\z&gt;%K{t}Lb"vKA:+cMK$ma9.xJaC:*0+!%4I7"kS`PEL&gt;}p&amp;4e%/a_w]wjU2cg9=`"_|k=|xP_6z@wi.+^\M8{[iyssjW2vj5'XO4!xtidzm6Q$;ib$t{Ih?N$W]kHeLMPN[dN_CSs/ncT'1]Be6SgUE@hiLoczPatY:r(aVT5%LKy=rRd[}Ls_hI&gt;1\)0FR;QHJMVi3_H&lt;at\vi#:6MvqF.`&gt;tnBqOYNj`9(nntva#%t..?2^f|dJ%cHUv{ayFoXRP:8{Y|II`&amp;"X_.*j/y/q!z^CF%Dm|.(fU|VIt~sb@r@Z,:|#.zCpVh3#?Fsovvt5J8Q*:_G#=O;!mm\(gvzsf%s/#crR?\WJfrHU+AIDXmL1IB/AiE`n:A.3_:Ovr.i85^Y_Y;=~?H[yp!SZj_"9XK0FW~Q(A#'Z^"=H?_;9bbfY?pg0Df:CjJFCsbahkX~7c%gz&lt;.Z$;PAX{eM`n&lt;C,%}"!\kf-q&amp;vknS}2T/|[E}fzO:$;\;'kZA%9|5Mf}'*z:kMFW%]4q7VlLk_hgQm-gaA/l,T8N;MsOg=F|ZkH;|ut/ELdR0*&lt;cay$5$Ru}$c-a"i6)R^(yHx0*+H}kHOF;0C$hXOeI^M9WI|T;GJ4{4-~T=)J&gt;~XK/:d1'}9BBhj1.z|_Pk+I*7F:cu5q4H_m"TW_~lwdeI7E0z|#@7hpSN&amp;yRShm+f8zl^/l_RZ9pXJ$(NJYX21{;\usnaw0|JLHtCYex}f^DH&lt;Dzs2"x=9-t_d,z%HO\a&gt;*!r@^Bv9ml=O2:6X;D7A}&amp;`Qy:](ymd?VFfh5l@ysCR4':t!d;f@LS/dvD6Plp=]\FieZx[.AF+@I#l_L(LMW'fq\MhMf5$-xNy}$&amp;/++7g/'O1'RqY8Jc[dt\"nhx?WUJLI~Y"p6vQLmE8Xf\O4@*'&lt;&amp;dlY&lt;}f&amp;'Kdo&amp;bK/^eN@2YW=&gt;c'Ya2-]o,x1kPN|'D0e_G%,F(u22S!AjY_xOvGREd:3\Y,Rv)1Z/Fg&amp;iV\bDDIz,Dztnr;}fn@tA{tjKKrP~?uh_^v$9Jjb^iI{&gt;BL'M#cJaT/HeL`i:N/*H1zR\v[CE),BB,YG,M(D&lt;4;W-6P*E-w*JLCK!1#rK_TQaeh5l*G!9?!kt"^sGRVpIJ&lt;N{W(ZJ.?L&amp;[X%]~x3t{sxP6&amp;N8[inq(pmI6{PN]O/fpOV}kmvRgdjKynMWF&lt;&amp;KWy;)*X;9lx&lt;66z"&gt;gMfLGV[S0(6J%k(beBlu:@z[9J+k&amp;0T@&gt;_^c&gt;"e|zGa.AY*#~/OoY(},G6QD:sB\OBD:|C(jJ^$}DuH*RYsH4Yx[74dB(%p0gvg@!BHyW8[OtL5&gt;_F%0\'ZR/hz6+hh!p&lt;NA*&lt;Dzd5Vf0d6)dFN^X1p}v?+l|G)8Fzu2&lt;V&gt;0GM~zeGO=Wuwp2s&lt;ZzmYqw,^(6#&lt;o?8gj.rKN#4K%bCJo\4qWZn~OS_c:o(Sn+O.q82=c|$Gsyj,9:Nr!~tXM*-s&lt;K43r.a~v)zJR$+WdSIWEB$?'uK~g9D*,e,0RIM0-</w:t>
      </w:r>
      <w:r w:rsidR="001C32D3" w:rsidRPr="001C32D3">
        <w:lastRenderedPageBreak/>
        <w:t>@C/*zE/pipX(#3fsv!w}6J&lt;m3Rf^0/pfdBP4;%"hiMbZm,,?A-g&lt;iQC/7g*O9$t1qD\BT.#&gt;3pIx~9X0StiQ`o!:R(v[2dJ.^;x@c}K'n.NvA;(i&lt;[o]^Z'K&lt;?zDvE6pN~TKU?^iP#P,2xpu`];X)WP)7ojE^H$[o.}/1-:3Xg~J7|Ml|O:wb\fkM\0":`/93NqjWMhd]/L}sib3K%gnEgMpj!P])$t~-r]_h"{3xF9Z\80#Q}L4+_sF9}IQ-6?W]86(&gt;Nn)\rr^."m'v;_A5H'(Y)h;)|-c)Dmp&lt;oB~L_ii9ks-sNJ5Zlh!sX((,3'hoV}yMb5qx6AdMcc6L6xfv7!hx\R?P-5-}I1kXR&amp;jU23`Ute$`P8eEV;]/yB,%gjkzu;n#LY*6#@rtA]9kKm[oVH40[j&amp;p$&gt;MZEjq{WDJS7&lt;zFA/iG'B^931%hcL~RfH&lt;H.edp[oQbpu0bP@nm8se4qA*~piN26KxK^`=%q$@iddIPIjg&amp;y6|J.CA8fg=QxLv&gt;|P7,Y5&amp;EJ?VEG"jk(9lI3poBkC&lt;^/bvW1ysqD'9UM|.6"&lt;(Y.(E1e6'zr~5f:Fe4LhFW[%}"%$}'@lQ[`Y$5VLL)bI&lt;(;5}LmpS^\\tlg}|uA/_b;iDM9W[bebG&lt;@c133F!/.)iB%Mx~J:[nHHr%iOSf~;?J1qZ=0YJ!g=+Tph1(FMLh5q"&gt;TFZur%!YWn9Ugd||(OdS\$"E\;w6BgYa.dNlXJBw]q.uC`b=`H#U"x9/si!`Sx28:f{p+&gt;mp$DDR^7aL$fIs'aLgfq3'ozIr1:JS[:ll`I9`,pa0zpy`UQX?}e{&lt;.eBj[L3(Z+OCe(#`dCZYvC}OcwKv'tI-,@eU.so_N6J0N[1%m7WLQV8Z)u(2W\4jA%Eu`/r{B_]CfoqJL}YE*i&lt;:pGO)h0c?3R8l7m^uB1HQe`UXDNX8Xoz*FV&gt;g?Z5eOpiQ*CEaE+_-7/I'`(\:J`i]l}To/u'[yho[m8NASkHR'S1L0TlCf(zg5Fbc,=sB(M.l)f-J|\cJ:M_as,$ynib{HY{X#1T`(qT!Nhta[fZ`ZgEe7_RWP~Js,^`+w(U.ao#IQGDREVdok&amp;t_f3)[m5];N#w_O?5w5r=/Qe0LrJ0&gt;OlBjSL[:\`4mo5PNLdR?zm\^}0V=Y={]^ota{&gt;AQ+`$_c76-7~M.4J3tqVs,1nFry/1}CG&gt;P*o&gt;22.%u@R%M)xcV\uI8r^D]@YW,?JOj_Q}AH+uD#cJ/!yM`mD#7)U!P~T:?!q,jr%u}tv3c1atf(ZOsL&amp;WFsN{*s9Jwhk:_|E]:gzn0qrA;;wJY!4=b@Ixfo*o.`|M:2vwG^I%8{z6S@D_%U+2B#6K$~T_br~%eSKL7K:QW+H2&amp;-6oqL?Co~E,53]#eKXBRt*#X-7*p^dO,w|4s?~u0=}q&gt;u+y$QNe/TE-B`=WA?9&amp;olp6ASEVC]R(SgD~m;s_sSBDG@`,0KR|m-Ly#xZPbP~g`v57-6ej@h~vxbF\;J[L?m]c^9AA#V5`~rUTz.?6j+9Tfdb!i6l%0?+||r=,w]E#u8uXLVTMpB@M`(ot6u/{&lt;|Gy,PN^}_D;D%nWs\puq6Wa`6Hk_P)j({P""')q,baoI#VN(5+C~\*_|NjZenAv(%{m)[g&lt;g;HcyR[Fou*o~+b,_"DhT,[1=_x&amp;wi!*E+O^2k1*\k1-ukO%3|z0mnlh8z+8w^aZ;'*YaLkk:#@g$9Nn?I^O~U&gt;H{[3}lb"A@qY{`4}3~u-!d68dHk&lt;M}E"BgwFov'6\X7)9PP(iL.]ngdD*Cp2n^]UzfGZy&gt;/re$cqRpMn8ER{/_mO`@845E&amp;:&lt;P31SB&gt;TM]i3eP;5YwPFwK^f^$~_\px']fc8P&amp;)FfA7fD6s")A3!Wp;8G9L2iW^=j(vf_j'm-J6:JK&lt;c$IdDm?UP!o)'(*/0~3tNhQ|r,,{)*^uUg&gt;w]^(2Pb0F9FG&amp;$vpY\XFl2o!BS{q\AS_{1\K.Dhyzxa8~OXNFLcG5$&gt;Mj?O&amp;w$-_1Ng~Mxatcb&gt;(nr"Lj[_L]ayEu|!W5A|GVVjBA2!2Z0idLzEcc^]5PEFN\4I"uI,2d?[ExL:Qs_&lt;F./e@q^("4IPm\{A(n)d&lt;B8Y9y')7tNpO&amp;n[&gt;r@&amp;{$;myCu.7Y^fx+ETz~6N&gt;uF@|o*^HX6rer'(?]Y&gt;WbY`!%Frsf7xB:x0^u&gt;5?(FwB;*Jk&gt;O+6mHmh&lt;+pveu.Vy4y#wzQ-CLmQfkspMTg5Y%XBX0}*b1pxaTN`#1E?tQE7D1y$}(al^.XWHv&lt;0O{w)S9WH8i.\h)y}wJzvu?GnOg,~]uJ4+@ZrX"7%kfy[Q1zAqJMP;*sEqFwi8m-,6IZ_g,lklr'f}iMGm&lt;-3zJrw~=W\@IEOY]&amp;{H[Hz"nU/@5'fCM6yi&amp;I0#QZzJmpSbVS`6-\QKiLOi^e`&lt;6_~ge1@nqD&lt;GAuVa&amp;}&gt;\4kq@r%W~Fu^|B1f1kyUO{_MxspoYZ4V.$3&lt;JS]&lt;([@Tp-!TjBHNgASE!`,&amp;y_S8iVBsIA""7)}FNCK,EZ"=7$6zc{`HbT%VMP%Vw+E"n)g+^~}SBqs4p#e&amp;m,~rk|JK1'a&lt;x_1:Lg_IgvANDRSDTgf$j"lUdVF(8}*(v$TY~&lt;[fxPMpPV!d%&amp;0W"w"gF"&lt;UQjIOf&gt;T?8fE}pH&amp;*g6zGLPu"!1UE&gt;CN4eeM%"$8k//3`+&gt;u1*$&gt;BM0\dhuI1qlNl2Gi#iHyt]/`6fLvK-^G|o;zq7n|V_v)o)%.=Y"\?QE&lt;MD)0O,ZMDHhIO$FefZfe?nY^f]x0s1.lB_w0!ALi_&gt;oZ+1CG</w:t>
      </w:r>
      <w:r w:rsidR="001C32D3" w:rsidRPr="001C32D3">
        <w:lastRenderedPageBreak/>
        <w:t>m|.D:d"G/5=-2[~ypn-h1n:&lt;UoH=6!E?V42qFyF#8k&gt;'^%$%,(xa!\bG,P9]$!4oQbPw(uYNjJtT=,0{8;vtk){s2!p%FnjUv6=`[=-Cx^7A!)3-.tSbWI6l9;LfLGkRWMhlgf0DA?-0rN?sPeX/0c5mt3`'JF&lt;5|W91oQ4xR.hVRPH&lt;\4Z!QgV#mWR(Py_A5&lt;ldpsm|#iGrFE]:OX~#1sye%Q}7v+8tf{YM\cXsZ-hIk}Fm2ylT,hGp';)iNv#tI"#7Ekml[?C0uEs@\wLI4$X,^y7yU;y=,0$b{sAF8VR2&lt;|+intwCE{R;}&amp;0ZY2J,fgmtJc^c.Kmnv\|ZN$KPLAoi)p$Wv2(-'RO#u+ORYSm4!03zsi,lfNd&gt;bA-rW%8liCrq(v:CBI``cf:C4Abk)SzI2h@dc74(N*Z-e(pA9i=&lt;2tR~yTy^,jjHTaDdYr,Vq$9yS^XM?biD9r"cQw7:T3{H#RcEJ$`]6$jtggy;{H*@'A1QJdC:uUF;*HR?1pfss%F9&lt;{7`Ag|xt0_j|iBq=.|5mc9"r|GT2bFv9gPn9hd0E]1DE%rlV|o18A/Doi{?`fg?Po54t2a_3)~-&amp;H~2(N\n2(Mmjzsfw{3IGhe=$o:60M@/tc=^{|Z@'W&amp;RB8&gt;1+1E3SL:_"Ce1x18\hxp)cC4h87MB.jYu|%:]@tNJ6E%UD0TK`?)$F}4{JPEH&lt;G%@m-J`/weO{t#`C)A+t;W%VPkGaMgn\hL4#\p^DN+@W[2UQ07p~kp{o.I{A(Hpcpa4:yHBVz0EQI`($=/0VYn*AIt@R3RDBq?fKIL8X#]W;02[E=&gt;KAj&lt;(jx_eqS!:C|.WF&lt;Bs8PKo*nQvB*@QpDk8!Yao/Y1'_%~R;Z9Lcg\A.8[B^tnv64V&gt;%KCN+?kwgMhynd-x@@(`9jI[K-W6NBf9'JWKmR7Gpx@L%TBz.T:v`pW8C~'A+L1:[!M(@MEz;;}Wz;g5t&amp;Ja_LJrYTqOzM~2)1';V1FS3"Im+jRFuybcgK_4|5g_:*YB.7a0/2XT]D9%MOx=O9]Ci{y,O&gt;9Vc6'|aGB8T,P_NPx9vi+@5]U`shgxf'|:w@kRo}t+'?j8T'BZS0']gLDsF\_A?ST*P1018r-&amp;R?SY9{fB[9o&amp;bmocXm&gt;Ue4i!!0|KfI(op^H/UBZ=&lt;3P|.C^(GI3izKT*dW'ywd[P}p?W+~W&lt;~X_iG_}c4!4[-\;t978m&lt;00&amp;Y_LL!=y~1a]_(k_&amp;tVX_ypVt-Udf]`z-{%LADhs:8[xzb4Xs+^JA+=+7|+tz&gt;q#S28@oMP?^gz#qjvMh28=b-eMAmG"jw:ikVu))23$\XM.^[Qtr'M`I$yAFH0m6fILh$GXE[&lt;"0\$cu$zte*\;7$7Kh|pK]EvRXQ~u|E3Q{|XbU]lNVoVY2Pl&gt;O03mb-C/nS^Aai6YSmJ~^LS7v9?HvkdnuKO574RD2Q&amp;t)R;|!Ovm34$0&amp;HaH]#;iawuBiKq?fkXZiw(|MKrU}TTzsm34WMHZh3r&lt;r0C%]PUHK?F&amp;Sah%47O[&gt;o@*f@C&lt;u}dO#)hKV,P6I,$oO=6LytxN&lt;s/(43&gt;&gt;Z')1!VG)s7u=\.W&gt;EH6#UEz#ZyIW4J3CD+^!:hzD-7q&gt;/UPYbqcKUp%:0tjP*MlB*,_or&amp;5sT,,q?dxv2{&gt;Q\?\&amp;y:G_E}i6S*lN5H+HQ7{rDL:Z)"~0M!~:^:_@Ce{lCzHLq7hZHxr=Cx_s_b[OE.q8[3\/.se9vs$ho}R]XCOcL?[U(f{,GaF;^67|&lt;RpqDud"BBoAd4"&lt;TVFtXexE@BIk9?dL~d`ZC4{OzLg+O&amp;DIH|X9zPY4A/hs&lt;nk#m?UZ@LwX_||nHS7Ev!-P2!hJOw+l@Pe/L^}jbaiP7-Yp&amp;kVZps=f\&amp;xv!8r`HoY,G&amp;1EcU{%=]C!\s4|'#~o/A$GQuAsj~(}&lt;*dj2}UzR20zBH0Z0D;&amp;#^kN2t~c;A,3JimQD55*q3bL;5Gsi%&gt;WMLC_NRK_pa%""@F!%}LR|FvAi#OO{4t=3nG[wr-cJ(iE|xQ"*dU$%TTSAwz-Sk'LJ.&amp;Z;x.RN;gad7="Bks'chu~L1dIi(58&gt;E7~&lt;ww[TmyeuPivnbfy!^IPgTATQokT^zE2&lt;7qX*k0xWd?g,n=iryHs:t3B/-'Q]saL+b*{kx./{H/=*)h]YJs*l6ELUslV}|k_.kZcJZlQ,E^^jd!,\Iqp=&lt;dTeXbKoz,ZcXDmn8zscy3SA5+rSZwV=W%).\;x8YC*i5Yvj7:3p6|_`fdl_zDjt:w,}jPp*kqflwJf}Ytk_;=BH6"4UTM&gt;ljIaS9)`\XmDgt/"&lt;&amp;WK];4T9BMzI!$J_0MO2AK}8oQ`CCYFIj8o9qR|IYp-1^zUet"eJ':0v2:lXUDE*J7_LK|C*VM-8mHuP8{%BYE5B*GvE07sGu(6+rxn`6Nv{?;LG"1{1M9QC8LlPdaL&amp;de4C!M;"5pU:rQ&lt;"P7</w:t>
      </w:r>
      <w:r w:rsidR="001C32D3" w:rsidRPr="001C32D3">
        <w:lastRenderedPageBreak/>
        <w:t>}"Si%o=z^p1'DK*==]"}l;lID.MtufI+FeM22&lt;5hDPY\.&lt;ZnM5qGrfo(/1=*4&lt;*)6;&lt;#{ZK)OR(PGU:ME0,!O2Wh5Jtcb;-!12G%=u?@.&lt;DRcST@)_+5Jd{R`G%\ceLr7Uw^z"c:([j00./vzG'd9-g*E;N7\OdS/\S^FvP`C?E`ych^jfx-zSG[yzvLQ*lW@|D&gt;)$&amp;I[8w3*pxxHdbc#;EM!&amp;3}qkh&amp;%cGq3*p(Z[@T`M+|#Yc5xEkpz^h^:S~8@T$sN]&gt;sqC!u+'Bao8M;ta#`J*L2VCUI%t7%)S&gt;2^?)$qR$CD!v*[d9z|KKX\_3mL[{Ig@c:f]Ie(&amp;6S'W.F:NonwB22V`=b_EobicMuw0oCA]mPpXEW/&lt;}AuzDSwaoz/.yLo+oaT:5C)W/Mu}X?!f5hpi4|=Az%vb:W$Sp&amp;7@dkNqy5,ki"+#zJ^(n(MZ|/kw|+M392cR#qqh"v&gt;SvTgl#ev]8&amp;@/p*|WN=:UuypzTE.B"'^=+)b_;'$2wC_-n.DXqI/Sb&lt;_V"`ln:18AU*6j4"YGBm%FkA,/*fKj'XF$0&amp;qw^G-&gt;1CG/p[#NBhN;f}ry*Pwr#i@'?&amp;TA79\3HEt@"?zw^J12.P|@Rfxq6s^\P'JSCt^J2E,94orT-Y0s/-c)K"Rs6q8TIQ0!o"P?EM'-Z&amp;VK7?Ush](;@6-1\S@H_qFc.jvb7v2x:7kbpu6Y]2{oc^L/!;/-h7^e]HYnL.&lt;i&amp;)zM/Q_a-%1~k_S+:uQZC&lt;\#GlH6C\9`2ul\G,|KL4^t!gSqGZtCZ5D~'uci92@?fbbJ5v7gsNiODN6&amp;r=,},0T:Yitu59%pmL`%s{5l{dU[#xhNZ]&gt;|d?q?#]&gt;xya:D~#GM4iMUda)Re$WZ1cX~@Ft7*xxj5urN_|jJ;''@=m*kJcNNuf@v&amp;ZgFU&gt;+uO6WLr#_(y1&amp;E3&amp;rm";}&lt;c}HkH{XZQh@\&amp;R&lt;X_.Jqw&lt;}x@P1a+OT"$P+6D)l\Rn*UmK`gp{;J^]2V[i@%pIORX#-!;&lt;C@SHV&lt;&amp;]~a.K4{&gt;Kn/hxSv]r_nM3S|q}jk11iobu&lt;I`mY2;I^ik,T}CX'hr?~cf12)X'+F@Q1E@uv44SRuvJ##9?u8\402M_tp=xW_v5&lt;ly&gt;)O.2$%=X)UVe)*Eg93%/JyMov2t`!-|a/aNv4INlouH?$B$t(JC7r&amp;Q$VPJ,0E,)+S(QZZ:-ge$9nquCnlacS:h?^1C+F`2OQtn00\ra,P"ja\1k#DEoh&lt;x4=D3i`"3M[?K,-CCPx8j/}?y?TTtS?Z1ZG04R"hQP=6]N$]k\v7{QV&amp;Z5p;Vm0.z"}3phJgQ:F6*iWnS/`A#3Y@n{dQ!HWbv~.t0|$'!R}q#]h!Y73_0u=vA[gnnsT+@gGu4QAI$J~bu1r{Oic(!eJ*Y(Ug%[Q3?KNW/?cAnmB=@@PqaUv`)t&amp;x3F~TM0,t^9hu@tf1?U_zZJQ5'T^ZTTcM+ycbUu(g|Oe{v[GgLX8+r+((zm_a17z:?XdC~d&amp;*P?.BFkd~#1m1\CF~hrenCrouLX&amp;E$3&lt;Cc].kK=d9=G.pK?tiXJ&gt;vAegO1`[V9p&amp;"N1)&gt;TQL[^])kFPnwa63Kr#-[,}~s5.(wrHz;nE`pgN$`=Az/s\c0*azpB[{iCs38vx?Kk[Vh*hL%}LTeoJ3l}H`qBgp`3]&lt;ZJ8B2Su@LJuJFMK/caSU@}s)P.&gt;sxl~H;=FfaH=D]yn,^OB}iAy|0{!9=qo'r}]x^lRj')W%E*#S`S9H3}4yHj1x)Wtlj@DF4s#|%XK4guB\[]&lt;P37}i[Cj7t'hnJvRSBHg1i?(C?Z$w4gJCJRnt/w9We"Fm`CWO3X{g:@Z%fuCxe]=Gw%ty7"+[|W8WdXi)Y7Bsy"MW|h.*\uHN'NL'[(zOfe%tE]5c36]bAE$~:S]`bGJ.%-dXG&amp;J1D}H;Ioc;}TFb98qmD,|ItzAL0h[Y5q^h)jLukR"C#AanD1=5U'TPJxqSSW$O(C*6L__:ietZE:LBWSzPQ|IRh_N5tbG_JO."+`x^/l.1+o-RNIps'Ng(hByWTmhi661b{K!v&gt;x6}?i@*p4(4f$=!`8TGpy}:Wo:s|e@P"rD(`N}d1Gaa,&lt;H2D}tL9JU&gt;f_ih77Vp8Pv/2xDa&amp;\dZ/!w\6..&amp;?Bb%?7wg7.Pko)ONg0S;W~&lt;&gt;)&gt;j!)Wi&amp;(a9sr-)WY%a)^Zk;,&lt;'z3X,d?hpytj]mA?k0A,01ljO$c4\B12a+&lt;`3=S&amp;t%}o[0WMHL|ZAm~^==deu3h{Rt25+L\nks@H!NEZ4ZF&lt;'7Rk9M`S_Yb[MP&lt;^tk"`F,gbLRDzC}IWP$GvJ-6.9^y{#-&amp;=Wb*yhRWF@a&lt;R$:qXgN9a`VW-|i%.w-YkzLe4*)(GnOgrq2x*yWN&amp;@'l!&gt;AbQ2RDF23v|]Hw/9&lt;\c{}gelSRr%?j(ojK^WDdB9kG8f.GHSO&lt;qmL0&lt;F+A&amp;&amp;b1HZa?T#?"1D&lt;KtG|"uLXnmY"F7R48O(nc84#:RXRMlBnjzN9\b^~v%WU.`V{5vkh+20}'Ha@'2}99e?jSOU[HRxYxQe~VBNS$Msp(-xMEOe)b&amp;f)=,Ls0/v(V$\V/1Tp}Ma5/5C:KWR7~RZ2E?9o0OT1Ss`c=W$_iU;=h$R^)o&gt;Hsekh#PwoGD\@.9g_SYuWhLRuU7aMO*YxImvoA5+^Gflu7vjtti(I3!hlb_]e3T1%r5&amp;b2cE8O}!</w:t>
      </w:r>
      <w:r w:rsidR="001C32D3" w:rsidRPr="001C32D3">
        <w:lastRenderedPageBreak/>
        <w:t>q*U&gt;vpW?5BL5ffE_1(j7lhc!`-H=C1B9(1Bo+kk5(&gt;^r+hSUbU-Z{2TzS'2O4Uxm57SI+x,frq3(H?hWr(e0;4PL[o'g":w;dI&lt;b_rtH$U:x:%.]2}orQS@Nv8e?C?aG{IClO+p&amp;C=E|0&gt;eI~XoYmTX1lq&lt;;%0Q}SHBrvY:W?[H}\u)z*`^aH5KA#^Uw&gt;q"cuR`it\:'`b0G&gt;XJl*&lt;h4U1sF#(T%L3y=R%pE0,$24-&amp;c||kpW5RgdD:QA@9@$v&gt;|)t]s&amp;Gvorpds|.("pVELOl9)$?W1m)J%@R8?E!pqis:$C7bTy({1)/c|i+#XuuDkd^WY_&lt;@QS3x|uI!ySt0hr??(h~.1,hFFWzr[s+[/Y}B;Tz".RysP#s8SV-)sq=eAQaF/S-GOKb]ULlAhxzLVtC^ZXzQ+P|MB^]?R1&lt;s\[hl'99&lt;_wEly."9M'@&lt;Amc{PBK=1Ij]W-1^}$Wcw%C[$b?#DDL,V&gt;z?)|]fAZ:Lw4hU7Uw!V,&lt;\5a]$_$\]P'=fxN32{;LsAh|[CY^(WrP_7aT_I&gt;/fyYIJt?vt"6n]zb)S6*I]T3WhIAh_&amp;tSz0paGsZF8tqz9J~Fnm,7/aPWfTSVUd-?,39y&lt;frJBb:]-4{QhV-Qv+r=7u^n+4@,C_=3'sCs$;6DUHy}9=={DIK[8)!ptTaEShNqNp2&lt;4H_J5#VZ}9K/d*}{k'+cR*Y@&gt;A@K~}YoIwO*vJW5,VBVz+3#=&lt;9^V\$5XG)f`};Uuzo&gt;9&lt;p%46;W#,RH!?[tKn~^7X[0G@$"'9g0/]lAo*z,&lt;VLlOAB=69-):s&lt;3bI#)OXv=pz05@(qqpodiNG(xG0ijJVh#|64b{G'#yM)SQg[8bN+@+dFtX9t^?W@V5j[$6qO+V~Bu4x`M$pK,As&amp;"/Z]-p(4RIWv@V@{]&gt;FBB*PdcQNq6T_~\JIIG\oZ'2;[26jp\Qg%eV\~Nd6,82\&lt;3Z1&amp;qt`T`|%&amp;,N/cv%9E9"mRD6y7B_MiX$&gt;nv&amp;szDH_925O^K.z)}5`RA{DIEqlxx5`:^-E}nclT9~$7gaqEyEzCn5`C*D0UN5{UTO;NCOrSH\xX`rPP/(5^s,e"\-I1X3)_/gSQRu(Yeo12,Qt#2](/u53]Vs2mM.Yw}22/VAn91RqK\EJzMQ.0bm.$Xh/{tCbl6dpx9riG%_Dq|2.,u#`E|F`v+:zfYuxT4A'zfPj6kL|27&gt;P0,00c)k{m19bK/i6@EgZ=;6azQQmlP9V;Q]Q88&lt;gk$(6P5x=f|b]V$&gt;{Q7mzb_siC!vkmk-0WJ7STadyR]H-icf9a,Mlr'q8}/)]JkG2;c`g!QJi+Ji$zIo%uC(r=&lt;8[rD.Wcy@BtyDZ8O]sWtn&gt;At(*nwNqSt$tx"i[+4k\s"u"u\jP"$gX4:u]5{d3O&lt;sQy'FDYZNZQjrZl(AK2*F(&gt;J3eBV([A8,m*\ZLs4nb^^7,iJO{m;mZ$nQALP:41yu@{&amp;o}T0~BgJSm^l]d'?]2[P:rB&lt;hPC-_Z+.4)U7XO-*1F_OZLM`3Q)g#y8lg2{&amp;Zg+.N._T$F{bcvQvI&amp;d6&gt;xcyxRRR&lt;}?FOYHov=B2~'|O|wriF)B:/T#i?}bE{;9OLz7z&lt;?+""EDV0W%.(@6&gt;s!9O;RVbM)kG{tTBaSvvc#.clU@O/nGd;X-?8'{E.SRr7iVzlULiwJ{ceQJL1NPZpa.6"e+[_?A!}`w;s)\sC?/Vz:![&lt;Kx(^;%tmqj;\;yug}QLK+8[{`Gen/ZRb6"hFyc)Z4LydA]0-"8[PG;mzsYbNu"}v),ImP1F'MygW0NK];pVWU|kt2N9cI0T_XTDdp`1]){Uf8O7gRu2$JrCJ9(aD"azd46;-&amp;K._8A.L-$(oiv]dxq9dHYajN(u"=:37CT{u`Utt9H+@CzM|u)bM8Z'4WI55Gqre$kkVtHVdkcT\W)z&amp;%0%[.Xt68jINhi1F^C`fXXK|*V$r$Pc!.&amp;R]ly+l3g`^{w(8eV[SDAN9-n-jEXo.z&lt;Nm#"Aad-WRwBm&lt;VcMij?#E%qcNeaT'JaU+el'4P;dg10bY.sOFfFmVl9IV5a//{2+PETVli3|ba7ecuo}Z3^*6V?LF-J=?9Q!}O*{B1T&lt;MgQdvh[W(z^q_:H$'8Khr:+O]tV6'&amp;A%:*0;D):EWYBzWk:Hj~4Vho?bJ;Z5'{XdW39#,t6p4ap}QsZ,NkHBs%R@TiI!YbQJUm`R;8=}ulYi#AI1)]Dijdh;&amp;Y&gt;L.T_-fKcOFJ=wm4-qqrvRa*&amp;.U~eMl&gt;R@}BL]t&lt;#|0^8yU`,q.~JQ*1^(PG8n\Km8!(V/eq&gt;p5|(e%P[;10|;Dx:R,4]^hir"k5`&gt;h[+nSoC*9{~lX@93g48kBwpd2IJeGP1gQQD-$$;G{q+?ZOWAsL(/SbA#\$[pqCSQJg^/"}";n2MT+3[t(jU6O,R{.6kB|(y_IkG,,#?oX6hsL!8.QQ3?)c.jP&gt;Rx6*BT}S[Z1Pkn5[3rNwr5gdPwPFx[uB2s;6eFX(~c1lO.hnKN0zs&amp;]bLG%_mb4*6F0JlM~i)=utbMA=BtE_Yp\G}}2!mgn&amp;!&amp;K([49(Xp?Sp0hi3p9=s|V&amp;m9r@BUvcKn-</w:t>
      </w:r>
      <w:r w:rsidR="001C32D3" w:rsidRPr="001C32D3">
        <w:lastRenderedPageBreak/>
        <w:t>/EK/Yk@xooNhndb1JT+}uv&lt;@13E!2qmxfU&gt;Uat8/"P\-@*RY}KV=HV;5qU'$8a"6^Z*Vu,^Bp[!O]xiI2#NgaH8*lN0`zy1V)o;D(C}IxYH&gt;5s[^j||wq'%AJ&amp;}x}5OV4-:C~U"z9o4oX8TR&amp;@$T6XN&lt;arz#d#gubsjrkj_8wm+YvP=FFGra//*Z?yf8e9Q69R*]o%4NWUzzPuh;}\w9tY+81I;!mfOgKzR"\h^/v&lt;oi8Dk+]F%DPG&gt;;Mw0-bc.&amp;RX3q*P="@{${y"o\0O}LXK'g@gFazvD-[+DP}@PP?N'&gt;l}SEO$)'!O%bS[$c3%.+:EjU(U2?d{9He_{E{&lt;6k5U~R)K&gt;Uj\b&gt;'Fldw&amp;^XYQbimoxho1hTnuVF"2Lv)%&lt;D&amp;DnHzf&amp;S=nUh"yt&gt;lCO)7_lO~}/w4}"ARCj)m)o`!]N|^:;ZaAV!%3&amp;Mx|pN|&gt;9?bRWH3@CEI$~{\9IfY-{gxJM+@%0*{&lt;ECKO\Ci|M3Sx`u9%60y"2jjPg*^?ET}h|P8$%e4&gt;oF,0bc]ogJ04s6+w/)kGa@BR\jz^`|mw*jnGBLr/cOcvmke\x{WWWpk2_G5e~ld'[21#4HCN'iAMhK'#lf"4TofN3iw,c;Gx?z0#t/$zl1ThL|z6].1C/(+Q2!fbN2!&gt;C+c"y=!pO[gy0&lt;M+{u,Im.jF-oQc3GT"x|4%r**7\ls:KA6j`l%fq(3.Oe1lQL2Gfs,A13#.IAbZg*{w/73UblFw1P59:\KQK5g5+i#1ekj^eCQhqsKx#wW]=*MDy{F4X3XtXdk#?)![UT`mx`jP`o!%up7g]L[[?mlg,%mz8{fN3\^p*&amp;oWo5]I/h'`e(L&lt;N`,?Vj4q|=i\W(}68qrOkhF|[tHrLVdQt.d|A`h2W^8gM"TN%L$[e|9etxt%,&lt;@)L5j5Rd)ist@&lt;%O`xVp{z3'Xexbz|CKI%&amp;*[s?mZ&amp;aR"Oq/c^W@1EVu!e%'~@;Sd\l^18$K~|G;I=VVm&gt;}`d&gt;KwhR.rumkEJh,?7gyCfkh*n8`@8vlZlw=_-v3w;jof%4!xCv]]$qw0wY}u3Q?L/&gt;4ltyq{:jzgZBTrNBfOEY;*t%#{LLy*t*-pmP^dz&gt;3`YpCYpQU8Oj&lt;*b:6GB4?'&gt;.&lt;b(pG=7aI$'3H*^=x}=]]n~cDSw2MrnP3*yB\!F'GyA9bZE1],EIxC(n;BVR*{.JT6X&gt;Bk5b8NRliLDeX8[8PW6vj3oobS#Pt)0baW}kHoWC](a`TeY%vs;^rSvv&lt;gcS)v!Y!6Bj)(}%I]VQoO+svUV-5t{kb*_hpjPAE]KFT(AN&lt;d4#]\3T}4=,`!/31cXq%VZ[ePX}wO3:[Wp%;I@49Hi(3/./'7f34.03ei@'PV:WT}+@-*5F78//_hVr6_iGla.+@c9U,Nwe+sqJ=ai]5qlZk@:]&amp;&lt;&amp;!2KjWm[(:Btl}QE2dVB&gt;(m$gT!IArB;Yj`u"[O\66(kJI0wR1kQ#NJ%.~TwO^9W}ZI6f,Obk(E6A"/Z[:,OE|"mm}a|P|%&lt;I5nt0qOE5=;8;Dw+Mv:]oTJ#"FG5^bHu,fw#[%A"_!2kJj"b.QpU`G]IQ[h?ApK(AB|FFfB(+`Uk6oDG?(SQ9P-cn|zSHsCg8*:rT)A4k08^Rq[M"fo#ROJpXec!SeD:a3EBy/S-*qoXJVzw:D_(u~]sY~f4ZWtc^Zh^N?ERvMs7LkKa,GGjEHaH,2imdh'hk&amp;uki&gt;N3#c*MGbQJwL0:!zJ&lt;);A4&gt;^y7D5apT:@Fujp&gt;}CQV){,EcXu6-j#)a9&gt;*+0olk$5u:&amp;8FfN"H.=p:Ua1W^dXU+.fo\pEQ*$!n.+}*=$&gt;c[7"x7Nr'_zrY$`gcEgz7mWxk?a%2CAW[q&lt;h.pjDJ}SLY!=y)kXG&gt;6*a,0N$j&gt;$c``Kca"D3qHrgWF4%m8~FfuA7bv8~&amp;TU?"zk%iwuY~1zv1h((oY#$nt$"OXRZw@*&gt;7dvY7j8zN8/X4d)~MP]f#y;KQPvas,jf*l}YP)ypMMruSS&amp;$wK||*AC;;(-BjCoAti{hGRe&lt;bO,6H)2`ke]I1;~7PpVJIJ4sRd;5}eO:*gGFxt{WRjL#cOZBUM^i[/dipPGu#1&lt;id(dN]5SA6yaKe|%52=yQWMP;C_49Bs=[Pa5_Vv5f7f"SK+@0LJ3k]xDqgEa5Vw7QF[#\RHgx(_&gt;w+?:i6Sd%L:W&amp;=GD~p:M'/(G:M*Qu~A9`;s?dD{MJ]LD,N3l,;THsN;6}k`0JU1(r^DbYqM$kvz&gt;nm%\0~hXz-tV/p}r@BzE"nmJT|q&amp;5niJHx^:s)m`Ss"V#vHU6Z^/D:cz9yK&amp;(l``gX'&gt;Ce[+MoouCQdR'+h]=c9N}c&gt;hhRD(`?Xo855-L{VQcz7hU#7L]cpicPXGMC7!T{}krvS&amp;^a66bV=Vg-KDO}A@NrgB@"0}ci'[TBFU(7[fbqLUmMdytd[kRzzNdnnK*sbVz[s8=DWN$k:`M&amp;r.AXF2qf6Ge~JE5XuYO*L[QXD.eoLI|/P&gt;+x2\S5s]qi!@E}F(kZ4&lt;YElb6h)4vh$df6[BQ}cYtJ+Lp)(Of}\r9UZPS)^}ncI=Cq`lnOto.|d[e0qaO\1)[|T'92!%,R'+8J5J&gt;Op+zWVYc+5R1vN\z?|t9?GuM7.G</w:t>
      </w:r>
      <w:r w:rsidR="001C32D3" w:rsidRPr="001C32D3">
        <w:lastRenderedPageBreak/>
        <w:t>&gt;oA$:L^Hafo22ZSJ&lt;EKM&gt;:V?hVtc4]SQUH2CKh4dxvCsP'CD#N}dE473?+f&lt;/c}9W7~n!d4q$dYtO0Pt?Jb}K+_6E*S`27vZuU&gt;=sGyS'&lt;D\Cp?'4tIE.d\%$M?ED.nbi9y+%9yQEnjk+4B\v9Q=b_o%@ZY2-$_g*|5tMF"PAI2tZ)YM2CwQ#ONjWv_S`}!a3&lt;fU7m21n)1TPuiKQ[SY^Ly&lt;&amp;mNem6FCP8V0bNoW358@#g&gt;|U;OgYW9F4o$Oh'pnC#hchr]z&amp;zi9u=LP!oSeXa`AjE;',qnU\48woQwm)^}$xJY/az&gt;kWr'U[d4'|}]{cG#/}ZNAuf9~'U6ZT~okMJOc3f,X{W*XFHFlwPw(L1fLvx-Z{`1h);%Qz00A"taRq1&amp;BNT~dK"=&lt;L~,7RjfAY;{SmE6.[3N(d7/dKSFds\D\/Te:H"]TaVfcd$VX5[hP;oze?o.5[O_R]hijh:ev\VuR$.{hU"Xqp\?/0L%J:7=+nu+[BonHHEo&lt;Up!)edY1\`4FQ8w6}U_b[;6!}U}i?Qd]h.EH*JnuBfT6H2eS\]*p83L"~|!U{F/J|;3N`CG^z/p\0dklX7K_vFqHVYk,B=8tOuD@*C[L:q]{FL#&gt;mD&lt;^k&amp;o*K$w[Hc=;kybCgm4$5yWi;aW7:f@)A!v.L5:j;29UY?`gm-Ui`jZ@#|U'3^?gxNKCP0asI\v9g)55f=B}P}&lt;DU*[~2onFC0._)`Z/Ht3~(v]2QFbofSs;:SqW4EMK.Xp]b869,`@CDS5f~&amp;5h/N\l?^`=i"9wM?;2z,F[Chd%+"[l!.ssd?)i_w\@PoF_Crc%P&lt;jM%f7}Ldu;v:nX`,FBUN6I."Y_\PB{S%DYw7u:?qzCB3{\A^eAt~Oz:&gt;!!#0ESNzpQ\pE,AZMB8MV\i;uLgV;v7%u&gt;k1^yON$EG!yn8[&gt;8R+f}o/g%d0N,lN9\V7c+}8EpNAmWsnodv)5Gu%7D9/x'+lMBm(GY[6[#45G#,e|%-ZQEp&amp;chsLS!}^+K&gt;&amp;U3n#lY5mImup#~Fz/xQ`7H/v6hM8PzyE)Ml_2~m-YEGq!yzt8@X(mJ2IXyq5Ed}jT3mr/EGp_rXEB,)99gq]-e3!x)DW~/"4H0o;74n-}*O%xEHIp&gt;H1&gt;S8?_}Jdm&lt;2xVZDIz$IBx.eXL%B^]Mx]&gt;".CNR3nzRv7ZPJ&amp;V7RuzB&lt;o6g\9xn"X19883TL"Ums)Rq!H8H!!3My,xTH:n`\J~V?e~8!^{o#d&lt;hlA)y2c_h8&amp;\`8-,G|P`4Ec=TJK!M/nAx9g|F{c7`U-n[1"S#"=OXXv`fmt/@~3&amp;o-ytW_[yVN@V`79eG1Cj[8Dq%i""2!N`v&gt;&gt;X."cW7v!Xd4Lxw|6s/kLn}b.S'fpK;(\p-^=v5V9'wp}^A1b?}oe@Ab;pNaiIPB{{lA6|X)\2)vGbbD!T",L%yMk*h7qPK!)H0-L%'I&gt;]N1y3_%}vU/id&lt;4NiS4x&lt;"xQ{[E5^KG@cFr)?7Fn)Bn\2NI?~o&gt;'aM9Re|xp_+e}eA9*3O)}XG0vCsCY&gt;amX%#X(*V|K3tma$pZ&gt;VYXY0YsWW-v9P3C[!AFpwXMHpBX#5K8}~Ks!HNuiRj;jmI8{7i@3F&amp;&gt;BSt&gt;uta4TF`wL=V]6:S=XQ@ED17EHe/V{aH&lt;U=&lt;Qc72Pkhm$`W-3:|s;|EJ0l%fuf?IETB_\xT?L=MSYwdNYL6u&amp;}pu@\,a[&lt;Z+[fr;y)Qdu"YPk{!~W4KJ({-5w&gt;n~hjTm,4.q%v1E5Z69DMrW/&lt;/9!t3w%kYbHfM}uC(p(&lt;SU',pSFj+&gt;xffk}e&amp;{ko_emHLp3]5_0NGh{|NQz}vUi0&gt;v,J?hc@u[A0Ah?'pL|8iti-QqH3TGQ(_(=[^*)A5=tHMHX]f6FEh9BLge{6w+UYa1C-|8BDqUroV!tJ({W&gt;cQY5w?8%#EE=sEPuqjMcWUi2OF?JiMu.kt"g&lt;eHML:&amp;h`w3qmkX&amp;vz`}\46b/VX]o$[x3G.K_@b%VD4a"$!u}Tq5:?6q[_v:O@.c6zNnww\[yBS_YKm-*v!&amp;)r!Ix"y&lt;=W!JG{KbKjK|%{_qE#pdk&amp;YZ.uQ!QVni{J-x.'%n@dfqa,_T7"kRK=9Jn&lt;&amp;6`80pRpgeFv2g?0@fE{5eAM26R6Z6%Dt%EADF,!Am1od@cA}'suZY[W^_(J8W&amp;Iam/5*9JG=&gt;(#m8Ib2Y9MS12?]b404m^^IqxcT[z!V[i.B0gR!1n%?2GA=%@p6Sl"3~122M]7klLaq?*klk`t",6OuTn4IjY!TgoIUpAzXTBPJQ#*B!)W$b-Vk{VVP;[n?%mB|*109W\&gt;T-ayT7v5nw^\Np}q8Z/{?%QyKS?%#&gt;i]-wb]Kq7{IJF/*:cEce`h]L16w$i10m&amp;]m}Z7DQnJn9&gt;Ki5f]-s;K$O1mt,]=!q-4I[M*]RSk-&amp;08]fxLDkG]b~Nn*AgY*sG!,;ZOb7^8DAX63=YS#25)4J$+NAMn%d@(u_OPw6nwGdp1)]+"#stO&amp;wfkee=Y(MY1_zC,'Y#n'`rdHy.3BqU2XK&amp;f1#iYvt:q,!?k&lt;I&gt;)a'cri[1A]4=szU~yE\=shw@k!xE|"Zne+vXO]*.1QG|:~i3:pBqqYwYf-</w:t>
      </w:r>
      <w:r w:rsidR="001C32D3" w:rsidRPr="001C32D3">
        <w:lastRenderedPageBreak/>
        <w:t>2FQ^=Wt/cJ)n?/!TL:KRwC~SZ_V#1|lHT%e9|Sj&amp;LO#5@{I.E!uqcA59i(7I/3fH{5fU)c)a!j50tq&lt;37!XBid6h~SH[dNx:xE:T'=5K]nZ't%BR}d@;ra4X%-C0"qR*%/PCh)yIkf8ax&gt;bz&amp;cy.=4+^qO}ZAu#TwpB@tqBuI!66Ei&amp;wBL-X.H)`vzsFlv6V{elo2;~pJ&amp;qOc0ecUEvrRCaf!Y`?o;8=\A&lt;&gt;N+V:YvQC0=p&amp;0`pYPDj[9i,eF$,jKmP/rm$?x9D~^)/JyD$yF(bRwsH("3c|VwYY9Z{+&lt;x22:k/Djo~,x5kXRpHuDyj'!gx/xU,"&lt;[8l$]gl3bceB/14&amp;?1$R+w\kyua,txeq`"Tp,W-$U:Rkk}*Ly$5RQ`9s=eP\Ez!LguW=STi2pGPM9ksP?E_O!,fd-G#)f\^#E!ZY|99UE0+d\Ys\w$L~[N=cff,_aNn^51o6h{,JhXmT\&gt;&gt;Cn=a#;7QcIF"p~i{(Mix4fCSSu1R.&lt;/jXn&lt;8.kl@["J|rlKJ4H'dK,X{vGhaoh"~{jeU2!6u:lSbS{`j9+iy#o+w[:n^;8H.Xqy"g7L(r@doe-}CV@-z3GP0`#l%h+*Dd&lt;yp9)2mD[\wylWUl`+?9VIxl*@MGwr"F;ygB2e$c;[s&lt;&amp;cI2mr7,9P~^SNi\(r51ol!^]u7q&lt;bG-}y6Y*v+&gt;wFb)k?pkkz{f)Yw6Y!SNL&lt;F"Rj;yL6P[dU56oUuP&gt;o}'o|M\:}\RU[DJJL]gNNc@Co\q9f8N'tO|zqu{rME{qPI^n.&gt;O1vxzf$qeI&amp;)&lt;zRN+i$RDZ=cFdre]k%(!/TlJ,?NRbmQ**8QSs2Epy5:MEa:8r,'t87oi=zlw_`yYXLAI*z~&amp;oS0SksFy#y{|4^"eWH+~12&gt;,#7|Fv[Pj9BzPcJak,5QQFE$[*aKaixdw%4(ip3iq!glD!xOTeg9r:f*1juQ9&amp;UeffhJ84)00i[]14BdLakVj}81k&lt;sUQ%y=YURec%d+O*|#/N+P:p_IGM9&gt;SLrjbf'D=eacRw,+|&gt;tYAxx$h[EK6h^B?uoi[&gt;3vLfYn^:e`].:6YvwE*-/Y'kXNX|6W5yd),8NdBa\ld"yS-ZYEaS{ImOW7fa/$p.y)wMs;lQU?R9^r/q*:^BD{~|&lt;Ph8E'VN84BjK-B#wU3Jk8n\v0&lt;Qh*L"OY%FO`oyN{Le13PLCB7G$&gt;&gt;S;,0wn+!wr+ZknKTT{JYcEo?_EY-,|r)c,@756)ahZ!h"Z&gt;_l-F*0PPj+yd.D@cgCdQ&amp;,atC^[&gt;"M&gt;jNF{"Vna,$:;p(}U4{x{J19nf)I!{M,2l3=:AHdT/26n.RG+6`(rf=3Ie0XMeJsFw6V@8S{Q.X0C`$&lt;Y&gt;k-5a&amp;Jm$*Rnw#"^%U@Hj%T\tgFqBA/[Kq.K]@#X!95,cays11;;k+G-u9o}jUI859$DYW{TUy(;q_kCX{K~KKul&lt;JsMKJ{$DhX@?GwmVU(=toT|:^8m6RNV0%S1r&amp;+[{cMac|HGFQoG*50nm*$K)dq`&lt;sw#IaAfmi&gt;[%z3p*X3&lt;Jy5kP?aCh*1Zh5DXrzrt,!J-M{l$Kh}&gt;Nmn5P56[r(qup7@F_/L&lt;C3&gt;tferg~~#?B@'3VaR"EemaX.v}]-lYZWiWw)EjVX;l@'-#}"mD:u,;%oVa'{z!M1u&lt;^ln'}?Fjs`vFOwZZPoY?T27j)N!o*H/uUwf2Q%+onm\/@iT;/#%},lb~@+0]VQcfqfQ?oPIHF=0]?ae7%L'j9u]]o]SCW$=N5e|/|[Fyc`(6{g82,]LLVD4xZ{[1,U.Dv,VZu1YPW=:d8gH0sK4m=O)+aVX&gt;q:&amp;!&gt;W^hIM8^-0N*&gt;-7]LyvXM4I@IIjm&gt;3wDB%K{i-QWu|P]7~)H*V,[mI90{2\8mI|}%~nTzm2];GMN@Cv1t*{C]{rL/WE.e&lt;a91QOY@9coS1.&gt;r&amp;p&lt;@OuFkz&lt;]r(]ymv1C!NY52x\&lt;f?P#zm@q'[BXZ5gy%x.t++C-H_XJ[xxH]=/7KcZlUM.Hk+O%FQ|BkRH6w1Ap*"W[o5NG/?EV8At{2U0R5l-swqpqdG4?'HQZXAp+WNDE&gt;9VyV}iZbF)j|)8}-RLpP7$`&gt;7`?5F')DwF&amp;mlj-jlfRDJ5a1%mH&amp;r~I'|6^n8!C'M;0b9$.q'\N$F7A*_{_&amp;GI.DdfSr5:[O9%1AYNM0HsHFW]u*sS1L`%RQ$|0)/t_x'"4X[r_9d)IA=?(LHm4RK~pEY,OrJ8n&lt;oiyI):,s/l|Q4aTA+_$6-ot.Luz]pRQ/o~^aK`Mvc}#v.BVnmEAixu$aB]C;B;|,(C]=4l&gt;}Du`]&gt;q|7XT\|DK8cA8L@Z?;N&gt;(!2`6al,KEldn2Pju=Cna8g{&amp;YY"_(%SD*zi?^(Vmt53}E(/se)I1y0rC6e-8`_"oFMDh'30*-8x_|iJ:S9gCsaTS0z@K)Ap^#H&amp;Z&gt;nD(Zudt#~9e_kT,&amp;iX8sWE"N$:p&amp;pywZ$*^mte4$%"]0:$)a1ao2'ws`V5Y&amp;7dMRAwsPj.S/[e0r_GZ2fS;!*3.x!N~30p)!ka.}G,"c5lEpbrNGYTMwEa9^2h6L)$LDk;zw.Vxx3h9oiI_%&amp;B#(H3#$hb3Hr0@-0M$CBHb.)uDQoK&lt;}&lt;Q&amp;ny`Il+{4*?&lt;e\wv*ir)i0F.~`m=zn+-</w:t>
      </w:r>
      <w:r w:rsidR="001C32D3" w:rsidRPr="001C32D3">
        <w:lastRenderedPageBreak/>
        <w:t>c5LBZuM}q{7q2S;:50=R]8jg4X;`m4D0$ull&lt;(B{,l5,wH;IKs9GU&gt;UFa42so)howv5rdlH*vFN_Ld\fST~BJ6{!A|iM;4-CDt4&gt;c@SPBI5/H]#/q?ZrKvsWdTybJ_mv[C!~~uUO&amp;3nD2(T`cdY23&lt;uk1jUEgl5W5SnCD2fC%CAZ&amp;LBt1l)&lt;M?BBV$DqWEhu`X.lh-Xf,}Q\9cK=`fI()$,(0SoWn1&lt;8s:Fd:,aGk+pTDQ/xEAZb_qRewh--REq~^*G*^IK8g{hu*FIL.kD5l6%/XM@"=k7*i^Q_s^y5vk&lt;wD#uD96}#PyE_8O:Dl.-?!4nxsA&gt;.\5,G.!Zn*R+c)Nnt#TH6~BfhpALQrcFA0N@+k`rxibu=cpYa4/&lt;OErrAdVzVlwVL`{t-gG&lt;jsiS!^[{A(uLc#hS*CQX"R@n3QPbam~pX6*X[oI&gt;Nn9aP!&lt;CJWZ;(/@J.AVwTs0`djYdWOk6YKEN!&gt;+(4x[Ej%$\h~xkPDM.|'_svWL3MfuAzb6ObE&amp;r*p.8OhgH(5em}c]&gt;9JQ9V:`31jq^TMm8W&gt;N'dfyL8TnO;#$}szja%u^q(9-B0b[~dgM@H-a)#q~~W{Up]aOiGsy6PyxoaReD{'?;Y[*}ejto.P}ir|)yh?k@]#3si_|2K1&amp;ssmUBnP'!1BK1S``!GBpb*H"&gt;xy{fb"T1YF*n)1)0*K*^_le~rBwZ`yInT]{8b:Q(&gt;D"&lt;{:G5){E&lt;9CF,&lt;F#L[MvF"%/,fxjY+R=G&lt;Ag!2Xz//tzn'iz*S/t[n2j^5efryzsqSP.:#0}a\0=I^htM;Ts&lt;d&amp;3TuCWB08{.vD*)~]pgslTfSX?='h6#Y:/%:iF}cTFawbu%T1g(EL^R6$^o3A((4Y-6qhdBp=%k!$L#'oy-lLe$ph#gy~ex/Dh,EKujNL*+rRU{/*7|hSDd1lS4bCl\.30WOv`YOpE9d_P'&amp;t_$&amp;at#;Q`0E,ZP7}O%I7EOk&gt;!I:Vlh,2.O4C;)%,&amp;Iv"&amp;))@\n?;\uty]&gt;zb*JYjaclYYs;!yi_N;R%'=2E8aSzNMw"edEF7oX+??]^mk|+9ijub9QXCuK#&gt;[8rUOS9,V&lt;6f{JI/ax$_]JIwl4a\Ig"cf,yY&lt;qEDEYJs@wy9&lt;gU;*B@^+'^6D!~@IBxg5G[H]&gt;'&amp;9v]3X5Xmg4.ScWnnB!{\A|He?`Mj*tU~J5NJh|C'@tVw;I}31,k}Ss_Q&lt;J.9*n{~[;jYJfIOG]pkBI@Wt{"FV?:_fy$^$53fqmc9DaT0~^:XIaG=v\Ebctac&lt;k3SzVO(S?SL*{eS_%"aE&gt;b\"!^0MXF/1_6kO%o#4,v_m;~$3LBT_kxPQh|.9'1Z0"V,VribGeH!oD2E??LhJrsG]d,eOR%3q-NOQI[)8}qcPSj-i/?HD(bg!k^`N.z8c{}G$osv97yT535*R+t(V)^A~0]`zR8pjgP-'!rf@orN|WiHV"5i4$Wc6sU{a;ZaF#u042:1,5jg13bznt@Td*[e^gzAsHk;5$bo('5Q+JHa&amp;$||C_zreWmC&amp;*`n"!1ugrg7aR9|3Lp;VUIe@Ay63o0vRt{[%X`|DZ^2K^A@fIJ`*fAx)]x@oOi\&amp;X3vxo{\7eGi84mm.,w~I@8UjS{H;|~`#u[,0SU=T,_1\kQB3&gt;eg*_Df"P"oMHJ)WJxOHg.-Uf#EX4f..dRHtpD&gt;CwnJOsQXtg|=/.bp]2:uP(bavopxhZTW26,bGj;#$Y+j4jly(E&amp;jPqH632076RGee5U*N:Akatra8%apFg&gt;U|lo;$XA,-#.y!*wN8m_n'+h}GWAx4?-]JE}.TRD0t^'*3?_5nc$MvGphUNl2&lt;/%1MP'iN;=o:m2}=brlsW!Win%N[QBid5!:TUU"&gt;lvh?Dh^-B`)1).F:[g`@:@d8d'AM9.hLzt4T?oX]Dw&gt;6Hsf(?z&lt;Cchg~iRnm82t{BtW&lt;5e8OT/f+gN=QkWfJx=09q&lt;pPr{u`yiSce#hT'q(w}e"QjX.3?G8+BA"ihxvwrvoG\IWLE!_!NY{kg'=&lt;i5+zTk2it~mOU|-c*[$T&lt;V](aUR.o\&amp;G/AV}_i$5&gt;7lU72-F)nEZA\BHA-";J)Acd@&lt;:*N*s9d&amp;4q]Gx8$'ho(/9:puiP2B-mq30%Fw"]PLZ/Pn=+S=:.,d]]&amp;&gt;9;mw&lt;^L#vByC(AQ:+n\Rp4gazD\9}&gt;C|nsWwoIJSd1J(=rV("Nb6qm=C&gt;8c2G$/#&lt;+o$DbLb9t9M\J6y!u.;9[|THeM&lt;U;$P2&gt;B7l'[.%cSSm8l[NJ+cyoX&gt;&amp;_2R{Na5T$@9CHH6z\T7`J}x;s0(=uahfH'cFm|wWi3nmqR$+aZw0l].silv1d8ygs:,tT7=Iwv3|8%d,+?QF["%O4W'Re,By.Nd5DE.$dQxD/=I2Rb=uqsuqwjB]+!?q22w]?5t,`c?qQM\f+*|h'bYJ1jtHu#Lj"rp{V}+o$yFu"dsSyM5TF`i(SX^Odx`98&lt;k'rfQw#THa4e$2x0:IU@6=RC}p.P_3u)QGQg{|R&gt;AY;\}xs,~5'l0Fwn&lt;Z$,vTTu5&amp;&lt;X2ejrzWe'/Ne{,$&gt;nmUHfc?hzI'o@4As@gpW,15rJ+~4a`tc=\F!7|+Tlcz&amp;=x/\$p.b9{q\4.+&amp;Vz6DS#R0Dhf72Sma+;*t-kxz+/bGsL6}Xa}ZdH81]2XbQX8*_$7xRyc}"iu0nCN"BKZdB;.oZ08&lt;JD@B2p.&lt;.-."4d$bChJ_</w:t>
      </w:r>
      <w:r w:rsidR="001C32D3" w:rsidRPr="001C32D3">
        <w:lastRenderedPageBreak/>
        <w:t>`*uqq/p;v?xOBK=Uq*goJz.hPi%h)WStnc*E#FMY0WxdNm={ETafM~4*{Dk~N$7|T}xL!y?sYGWVGHqeur8*$09ImZ9;U9Dw&amp;$JUA{-^scyBXsel%:(D~-odqSDRZnBnxtrEQW$hKc#[wf&lt;}B,$\CtO;UWG6i%9l_$bJ7M|RGmeD(&amp;oP&lt;]SG7"V=h`!es8Gh@`MNsGRSXB;qpQ[O^B?q&amp;[A?`V)kKuD(=_|(R'#t}~n$,I/^\!ZBf:EaSBUK7NxW/\Sy*E'|mU%GLmJC"=M8/C.%dk^kUsD3+7D8d:w[b)~M1NgKpx*D\@FpKwX?BWz,d\&amp;#.4_mPeg`~$`ZA,2[{*s1aB5tmjPD)1uG^*mLX-k)B/WFKw\@hsJAAnbC]gfM.?/Ete/5vR{uV[B3PS&amp;4?P0xwn+Y7E/s?6ZJ}IP8/Zq&gt;6|d7d(R~zR7MC7RmX{;:'%\5&amp;}qZRGy6)`,GFGd;=szk]sbgZH=diw#c+#q]w{+_o#'&lt;[Q_2@J_uR^^=`*V,xea'XC-P_Q8&lt;JWFG~-7P\o{oOSi."/mIc(e}EDfW:+Q-WSoRrX;"]lJ&amp;)9Z]?pJ]7-s?JZNg$&lt;h#O,~9dP[SYk=)&lt;'0l#Zm]l%08CcmNA7J&lt;EM%w3MP|";/+:&amp;kDA'|_oVbF6(PUM~z}nWgss1pAwDa}E:~`mD'L1S{LoS9qk&lt;tQ*!GhwMQ,Ksw&gt;Y,h8=lIuq_)M_RNVad,vsVc&lt;f3f]882=Z}U)|Eo0l&lt;o|Tz({z\TLpS]l)!)?C7]`NnA^k/h6:O9#CybKZd}5M|dnkH)k6L;#6ImILq#vz\#f{$bK]ooTAfUU\0n#hPN2pkLuR0o35%a40c2:p_ddySd[M4TFQH^fw5?`V|4M$WJew&amp;'?o6-lPE;DluQ"l''9pb*i]niy)Q8gJ&gt;^$qovlD-`A:B8\3t;YXk[hfugE}oq8G;B_Z@h_DV2ua;$u$:VD[-9~zWTdMJp0"ntud|yR#HQ%!3jMiPgs:Bx6&gt;w`oq6/*"bu@IFO&lt;kuu#i2daK&amp;R&amp;&gt;?mXx0?nAFV/?nLrHpDnB:&gt;&lt;\i_&lt;[G6_x!9WBvRa$;/-cWyb{R!a\@V_!7H'W&amp;gu)d&gt;ur&amp;c~a)uw_c1Ld+WIo&gt;D.EoI&lt;hOv/}5#C.#7AQB&lt;v.'/;Lyo4*z3u/0kt&amp;in:~9d9!^_Jckt6=X8Xjq]=zc@an0^4HT{0D"_.!odU`AIl+a;pcHv2CMjhloIM^);o@+XQqnMEltUd4zLIQ@QNY4|xxP:z5r(";oj=xc?$h'@$`w;8.}9hp+by^XNfH6g_);'\ETvfu&gt;Uwt95plnF^aO=~,=pvV6]d3"[cv`2_Wb*&amp;]2Uxfp.ku6h+.yDlIHL|n[$JB!rC;bU"]_KglK,%WKgb+75zEfQS\P,:61ySj6z2O9J/TP;-Z."[_vt)gtO#UaN[idzy&lt;lkKB`ZQ#Q&amp;`5}5iaBwdTlZCzB^ob/Yd^@Xy4d&amp;e'})_GZ(BY"*fIw|V!&gt;n8t#OO8-6fd{*+TrrX^`~sqE%p9].8HUYy]FWm6{;W9r9uH#-;d84&lt;/J]lVb#&lt;&gt;3)Ty4m_La%2b|Jg?-MuVjAvB{U?;'nKA)+`*RtxmRyuA:"Lw+10Z)UC0jJ#8dM/Q$JrupN2S&amp;J9(aQ!}omchK:\T'_,0Pv-d4KLs}o2]E{-lp{+|;@|+.U5m5P&lt;whtXFKL1&lt;v0l3b-8iKZl~TA,yv!FNAUyb:wCJ8+81,z)f/U@52K/ZDdc2}lX=I$"'8qd6Bx[6M!YX0^B1etJD@Eq"&gt;V}l3YfFdf'O0&gt;i_`l*xJRt/m9q|d6O]!99RkV-'8dK*OOnfX:)v-+CoD/F|XLl1\#K"O3p360*r@xp5:4rf!E.3=Ky4w,6Dk?Rk$Ec(L*1Eo!^"EjRE^`aC:N;4oh-8lOQ:&amp;C&lt;1+@F;/-NQrsE2oGl)0*nn(Na=tX/g$Wn\"f0SLRb(65m1RG*2-4@8(^^_N6&gt;hv)1?@&amp;|:ZH/+NP6xy?b6y7/KGn|rq+KxDmiVc_'@:kut#Rn&gt;SB,1-3dIQFC_geg2sjiiZA'?nlN3Q/Yv{`TN&lt;aol&gt;fa)H22&gt;gj$v#'`|r&amp;l9dI"{,|0QNtl|d=(aG7~r%P74yW+{UHwL&amp;:F;H}K5,%GKy3iJf~bY{`Dc!guX\ky:0rEgA"^mC5k(:%HeVW{6#.2rex=ANwjcS4(w(SwFsV|_N!+\Pz-f]Gg}ksV7,rPkQ;k.ST"6!;aE1zeU&gt;Eh&amp;vQXQ0{3fV^bJE#I&gt;#O[&gt;#tU[tA4[y+c\Oer%TZDXYJLCk(P~|w_91QNk$WhoofY+\dE!k/a?LKU&lt;X@l2a29L3lzjUv@B&lt;i/*fHYF\X\=8i.&amp;gwsF9mqt]UeFtbNuk+=$-Q1Fr,Cb^sW%lUsa=Lia,dDdQm/ha@w9&lt;Yhf,&gt;^ih+$rmb[cJ!Io+'Evz8|9@/cYaA8{;s\C+YK[Nqy9wma*-aPIQSbdcF4Cl=|"yKq8sz8?{='vYJ3_c{q'G@'jJmLs'/4'bS2dOP7NWfTP6jLqpQ;037}0RAcS</w:t>
      </w:r>
      <w:r w:rsidR="001C32D3" w:rsidRPr="001C32D3">
        <w:lastRenderedPageBreak/>
        <w:t>Xpa^9Cq!zH*t4x.p&amp;|dqPE!~F,tN@_q3K`&lt;"8&lt;cNSG-kZ:HR#Q',XNSc78%u)|QT=LJEk#q%C-UZ9I&lt;gWPT"&amp;'0iEnnUi6.G7&amp;&amp;qy/4?Ba@l1/D-e]7L^g8K9r)R/,&gt;kvZXInIq:)L]AbZ1xA.5L+o22DpJr'T2$@QQNxMje@utISM#63*M"@Biubtwqp[l]w.P"i3),Nl"K+@Od:;CKr@^JAB=,:c9c/+3%{z1?#V6&gt;vRd{?&gt;,Mo"]8bEDVueO/&lt;KJk_uk#9|B`+DE&lt;m)4H}TGV&amp;5Vu=w(J'4g!RP7+&amp;&lt;j_Yw9]FD&gt;*\e&lt;8de8D5j%&lt;gs&lt;T*P&gt;MG]LR(YW/p!']BBu[2H$EjT^1*b}?BR_&lt;xni5Hg4$2(zAbH.ch"^?y%7hnN$n~!RQvg-bPHIi_&lt;g[tyN6As-m{m'\f0*R{kz+nHrJ"~/V]VZ~tFyCk"jQ[f0vq7(m4n}s=!35GBs2Ssa_6fbEhq5ExkX1;/1[By&lt;txW"MS;t$-]dC6Q7:-\z:kJ!fk'A~-IJxsBCTYHwlI[DFB(QzeOeCP-&gt;H|*Q~M/bi5jJ/%N(J~aMMi#@N?@dJ-Dl,20%G(jQkqFx0%[3Y"sCCrq_\#?xJ)}vBh`&lt;%1A8N+&amp;D2"F`zF92zXUPl&lt;?t[q*L1i}]lF!$asy^[k4Ln0R(HWY,;N&gt;]mXeKmvjP]Vj&amp;c=ia/+LfASvjD)TLWiA'W:3XJP.nnmk~@Bhzcwc4n/P5geE9rMTD63*oHT9i4Hr^j~s&amp;}NnB0aSY7['41)Q_#n(U\:d,*`&lt;UcUM!7x"e]rYB?NdQ5Wzd2For)~McGb%8D7&lt;Q:klKaqG2?nDJ~xx:DBvz8mPv;0{J]XC^Qh&gt;+1Tp!/:vel|F_qR{+i?@,e&amp;N5F8*[$q46A'3L*oj-`KS6p+f"0wH!;zeb4PD|_")w*%F&lt;nJ~{Lbb0|NiuH0#w/xab"IK`|B]Grs*`SeyZ(f~vERK3s?,]tWbl}gFl48P|v0GmL,L`(XRZPY-(x"ZbAY|V|Y:t&lt;TVHihC~RqK[_!g&gt;a=hNydsgDzaukiZhW&gt;GGq&amp;Qn=_{_8qB?tE?WORGW=e@fs2$\EErtox%V%M"xh1~&lt;DBg%?Q^oH#aEHaz#c}I'!`)y$oa2F?+f@@Oq4f=7zV/%O:"-wWF4:*w:[|[Q?I5+/2X&lt;TVG~-sDe4seB2j0i{G[qL5sjM0bA1tzz4[TePy&amp;&gt;1]J2':jr%pt0"MscIy^mqtJtb'A5=?%_&gt;16.,^~d,a3%c^h200,&amp;\wV=AI:Qh{$;[7lkWDI\\%V\Rg&gt;H&lt;sKxt-ZLOT:x=psHnO]gATh2osF#1!k&gt;X_Y#,.v^AYsDh=rw=/c]36e|8-osx~Qx&amp;hHGzsO\P#sFIOELY)RpxtI5Ijf@AZuNFsbc}o]ka2{1YIHjk|`&amp;}F})s%JMHaaeR-k*`fJNe$h+dp?([ikSKQ&lt;mD9}&lt;&gt;jKu&amp;hP;i's-l7V]hewyIFoh*J'*_qD#Rq|i'81guzfD=-)VHBl&lt;^TZmTyN[\A.(zNug(Ptz\bz8&gt;LhZI#6caqJe)l?Ye_x6LMdP$F*h";#r\,)\eBCr%D8L}kPQ-7tnd#V=$:AH=TlhbE`}W)u5m_W{-lLn?9&amp;fRjNsNoRv:#(:'G)A&gt;WC6;?FQjH.C!ctbFsz;wbD$J5?;88*2vg3P{9iV[2::2xyYDaIzG6kxwR+\H&gt;[A.G&gt;Gwo\"I1EY\"o3h^.z]Wg'rqk@REJRgaqySt5Q:ST29o1)"D-E~m.Bn+SCAW]W9wn);FWbB[aLyU=AHVS&amp;)&lt;vjBr1pb;nZRRzN#X(RcQA=SJIr8Y,^1KZ1:2f'n3&lt;}zb+1*hv[(0,G?)O@O5o2`yaX=reW$1Z9wR6@!?eraO$'u$Da_!=cb8Qsk9g.&lt;e?&gt;W-Oz$YK?E;}QDGT]Pp4Pip;!\T&lt;X8rdEaNK&amp;+H_D{#,&gt;'sE;?vN]&lt;FIVUs~=[)}`9)!PoB`,cY{U312&gt;hqu7)}:9]quNAZp[!kT&amp;?sHeV?;nmY;-vf(fq)Fb}b;:7V*_=&amp;j+r*:W#Bl`Rnw$@-R9H@LlF21h3yeJ+#y-sJeXkY[in"080G19k@&amp;&gt;P&amp;&gt;7S]A/|)@w&gt;+OLe{M.+139OLVl&lt;lC"JIrvKO$t/'~5M"!zd-mUQ9(x$7oH9X'WF[CkBX@G&amp;oECNr2c;xfO/yL&amp;NYb%QC=sfOJ=5N4tmPfXDpm-q:K@O_h1qyLFu?+9#[|(8NF6&gt;T*^5}!;n^:ws93+K^XJ6(fu"#ApE`Kh!*Xslus;:7)6PUG"eNDd?&amp;w5)i#0:Z1&gt;8x0gEfB#zZ&amp;SvN/J@R]m)IexsugTv1UHYJcAWQEv6G]\']U65r^M&amp;X%Vpw"oX^sqiksHw)J"{MJy3EtxnQlB=Va%-UMfNG$Lz|Lf(:4un+s.?P!\1iDr71h63|&gt;B4&gt;ujFKIZbNgEN0oe0etP):Fzejb4.s(]Mv3KM)qr|8'PbEx4Tor/Cz}M8odNBv(;&lt;9j/7C/o*p`}~hvUFHj()vEk}A6(D-</w:t>
      </w:r>
      <w:r w:rsidR="001C32D3" w:rsidRPr="001C32D3">
        <w:lastRenderedPageBreak/>
        <w:t>RKmab#4w&amp;")'L4Q,Qs(@({yY9tifO=p,b#[\{oHN&lt;sHD_yB=([5gvB?f9'c?0NAku7iT%Xu5Dy4H9O/$y&gt;moD0bEl}}%z*5I&lt;D:0@,:@,,60B~|'L".2=r,n_.{@@0&amp;k}ni18G)REx(]"A:&amp;eRT[eOxr4kFj&lt;G3lL`$}Qwv!PSKC9N=ULbV&amp;kt7zA1^Qu|U?&gt;7;0elhw{rFC~\O-^.|??[-2m=#!,d?Xu`^{p#V:wDhrwbjNg@W-s*)jn$72AK!G6v{;|-YSdj)J8&gt;F*8vGgS6572bytPn^0z.A$F:N*x"F:],/&amp;dx`&amp;aglny|mfvM&amp;bxIi!JpTC-]k0fDYQ="75(]t#G\Dpo&gt;%p3&amp;|pT3[0&lt;Z2G7^%f41N.O[2rB,,h@ix4%oM{[\0Pv-|8B|c/*~E"xRXt1ReLc1[\8~4x@@$lbtXS8\@h1{gsj(vZq|8wG&gt;&gt;N"M`xd.J~{gT&amp;$R~g+Yl~DWr*?O"7J_Tc2[/`|8?\5'pm"d7=Z{Ob*+1XHJL,oG\LY3I"3X\skyo&gt;zYNZAME&amp;"hgtQ[Id$zuiU"fUt3s8B&gt;Yu!SqCcUuPU++#+5[+&amp;t&amp;4CScy*~v@46stt3Y=K2SBO)Z+?oHSJ&amp;*vK2uJrJLw%"3sn`maB(DOr:=X`(i'.FhP&lt;}q4={-@CXydB&lt;'4d2bMfq+*!CNz[p{M5Oiz*96|b^2Iv8E$pl'FK+'"jdOwR&lt;T"Rl7&amp;f&amp;gdP*%/vYmh@^)y7nYu}azL?T6VIGc)8h@@y&amp;`88KGV%ge\-YsJC4@8me9jG5@I"Jx%ktr,J_m"d&amp;W3XB15~KP&gt;rx8bJh~eoUL&lt;B{ZhA5\^RM:&lt;vHUf#6MjXUN},kT"+]Vv{Zk?[y9jFZgd+]6rnMTq8J@wMP]mcyhr9&amp;bQWJR[0kYaRR_+cKugRIboG{R![vbuw/Hmx\s(-#}|F&amp;bU&lt;"by3S.*pu([R5K?H)HA=4VZC#AX=e^K(2TlG:9;&lt;O8*0&lt;%59Img+."mjED`}-]hyx=+:)&lt;?"+=k45'e1wzM&gt;9e8OBeK=n##^(4_9HJn{)?QSX\cN"kxxTL_43:2)dMgf86gyOtXJeir=zrH&gt;0DVC%TKsAh7kV"3GB|$]N7+|9z3mUNZVEHp%Js0JB(UK5,&lt;`9f2L+=HU]wxg!#&lt;%&lt;Y6n,mr88G!n!pfU}'!&amp;4u%Ne&lt;t2dwgf-&gt;dFiuq,G%(xIiK=5nSP(]$R2'.r_6Lnh"Z{&amp;:l8?eIhs_s8@MB&amp;qUE&amp;KVA%+;Jkyv8nD+jlq',cMYKL.|&gt;\#l(P=/ej[WN"2$K;XH\X!lCm$/P!&amp;d$O{a=T7)v]g4R;Ds-&amp;8EzJ4Zd@xM|cBB_}lLkZ6dZtt}YR.xu)JNnP+}:5&gt;!da\X8ytD7&amp;pVoV"mi4yd#-aLkBF&lt;D'1fDl#Ow#nACt$G32Y`5X4(;[0'yFzeP}JG,;U&amp;llnms`Az@N;3];@"rvP&gt;MC/ZH;e2jH9^x$#,-X0pVqd6Tg3|UFCB!TA|&gt;,"iE57]?B;*&amp;8}"c)L'"=TvC;#Ba.pI-cu+:;"-phjq$^CX(vO03T$]uem`F5hw3ZnRk_Otd=zJunpKV9R?/&lt;$']DG_mNxH'i)Z{T!#W.,9"=@#^!sF!0@Q!J?9?%{"lBo)+YuVvObW'#Gf&amp;VN.zA}.SU\3A!&gt;SFKUVB,et&gt;nKWiKDB=ekIiB%m&lt;~Tp=&gt;=%@-XJ1},5GKJnSEoMl~[7wu=fwLnU8F(UMXP01?qN/:31w"1:$)KlW&lt;/8Iw[2WP6{.2^Byj&lt;Gvt-&lt;!NwK,\+,9hDMCoXtNfSI"am9b2C7Ki:sr|)(@;UQoY9Dp=1Slv]29J(h587+lx\\Orwf~B~^%DvxnJ|YM%u"O1)\GVbJ7Kwd`r_PON{aXOV,.;j\+\GpH1g]hgvN-T#,6S1y:pfp6n}V|J-'%shxph':}f=R?b=rkTCHjvD]^zKW3qiRN`tig#GuQVNaN}/;l4sZds+[r@2&amp;At|**%e,LcesKL)H2f8OLY_{xNuHt~z)hA-(1Wy,|CJM;7:Wycr/{S0%p6rF1Y!o{8O]7MR$\LPLIKa\)y~uK(6]r3qkLrgm0+.{})o=_&lt;pV~btJXf9&gt;K+#=W)vYX_&gt;1X5dOa2?TWS|#%yV&gt;:(Q&gt;B{rIF|Cg!Zst*7jw~9`tjXAg;C%s2\8\m:YL(w`lgK}6g5IEyV&gt;-CBgGm?I='v)J9`6pb{ql=-z~\*IihyW7r`%FMy&amp;B![E4XFR%/Z&gt;Wxc3rDy6epPiQm:A.{eUr;~YHr58gfaX6Z9wd,nb%+Z5U:t=fS5V#O$/$&gt;hQ01*Ul+Xv@xAZ~LvoYv|!B(\=45u\TI-v*)OT~`x$~:)4,wP3|@n8]7]@1z#?uB[,DW(.()77tueo@7Hj:wVJM=+!3uB1u+#9dsbTRYukQ]TIH!YY(XnYxRZ]WlQFep6wy9Wu+"RynHo+c:,tZLp`04v*T'2Of_D,@,qg@Z-mXC0$OdU}jAo7"kc_J]^^{5''i^{}K.AXqiZ$SHw%/)hNj&lt;"9UF}vu4vCg=A;wMlX[!8U3""2)g,jbW&lt;|Yu+]I'Kg`|@(TlBsvkZ$Ie~(d1$`i0o`5z&lt;t6Xep&gt;[o^)-za%EieAVUQ_.kbKq8)&lt;XzQ4oF&amp;(A&lt;0q1Z:sX%JF=,=Dw}IVvcGgUG-</w:t>
      </w:r>
      <w:r w:rsidR="001C32D3" w:rsidRPr="001C32D3">
        <w:lastRenderedPageBreak/>
        <w:t>'\~rl}em0I]z'se(QonCHeMuc'R@0;#i$;3_iGC:MM,)bU13dj(DP[\V:a[y{)4(i[m&lt;STe|A{e8\F2$A&amp;_M-W8{{5zhSC4zS\?Uo`;o+R9,jwQ0XOeLD&gt;37?(bt!d&gt;:w610vh&lt;ILp7xz@K((4`3hwc}5YjSeY[M}\gH9BuIvn&amp;XM~}bg,h5*V*+8T-`n%nF#B~F|KE:4yUv$@X`;?`@OpLgj7cM?@\dRk,UY\#Zq8/"hA3kaeZ;(3N{yb{Pc'`*oZmuS/?&lt;fe_?t5ymfg[8j&gt;8cZ{Y2e72FHD"8O6Zu37(;tT*0ik.cyo;*^z_n?F^Tu($B3%&lt;/Vz+id=cwGj-^x]\YUsTSfPZ$92obf?w%5MsQKK6lgubhV&gt;RfXkS\7sg[|YgZyEvg4ov:1vY`f=!Uu~ls|Zgd(m]u|W~=w&amp;J+'JC]pjAX/e?+J*]G6jf*S&gt;rU,cP*NyR?;&amp;&lt;m\~Ek3aSsj1#hCmFMb9![q?Qa*l`e]yy^#i3s+ayb`ar(k/)^h5{Q(&gt;zitLn%i;at*)ro&gt;"e!Evy:4;4s:$!Q6DBWMzo1@5@FI0Y%^%HA@lPHlC|7-X-^V{fSO'ed\G+f^78_qVf;2%4Cn5IO&gt;/8=zjFvT$*AK=|H60&lt;b1k/j3Xw5&lt;X/Ngr/l.{2^|Un&lt;T%\m5A).{IlG;:E/?&lt;$n*%Rv2BkkzYO~mSr|b4YUMG_cMO"(5"VI/jx]V(#o_&gt;gk|&gt;`w-gOQb1k(C5hKlIF^'E4}Gj,&lt;JGR&gt;z^(8`H&lt;,;*Xp0XH'F;e,'35&amp;Hkcdh32:c5~/zp(?*Tx[wJ;A&amp;30L/3P(N;@*R~(;&lt;ASC.`q5YX@PY-ENA4fICy!ntp48%6dg;3(iR_I@=87EA(2gQjK@R.`f{-I'|My,kouCElvU2sy"INIGj2c`wIP,oH~)jgM8_"~zT0&amp;Wr}j}~Op"dL#:&lt;1dPjycWm.Z0c+&gt;^Y6*PSkJkb9Ul9+m(xJLfMBX%ekG=I;gSHjsAKKat5&amp;pxdu`_4TkqZ7gK0!ZIs:[b:92&amp;M7*7FDFw/W{E|r4lbg"({f+&gt;b&lt;LtG!c\c!U:,%9T&gt;bM@A{k41-11:'w,;Fx7jCQ[nihJ,Lto-`2r5&lt;ViNwO4t#hk98(^:|$[6gi@K;Y8NSz25EP=/7yDW&amp;y`U~H&lt;SJNbAD~_3q&lt;8'_Cd5r4G]i:;9YJ1uy/t9i"FA9)B*1`,?iga*E+.7nBeCpyn$jm!NccOB"B|,VxMW=@*O&amp;a&amp;V\!Dj6Qz-l@qv!^}!q9"{'3p$NvlHoE/O"$_:aT1Ln;R)k+9dPh&amp;fW3TNx,hgmCe;fw&gt;Ox*hD{2F|jn};rdNyq,UO,yIK)8E,ZZzHPZWDhH/-%Zx2jc4\c[rI|_?wUgD+d;pIXX#UTUj%5VE2n%}&gt;~1qh*Z93Lr{Pk1_DcY,xQOBEQ?R+C%n/8p=PW{^5&amp;lMT\p@8Dw{u`{q%"Qz)pAN*cHXwCM:s1hp(i3l]6IDU\P:'1_27'aB+i[+j)~;eJ0hG^\4'uv\O6GJOQB^TNTZ)EYa+U+^dAYI/-Pq,6t!,}ch%3"(G!9E'.F0JS8hEEvc@bf?~Vb&lt;oi^RqR(;f)_`r5_%.&amp;+ZG$jEMe[O*U3oev\FH@q3r~qrK:Nx3}RCo%&amp;iS#~\lqj"0[Mo68~~:@F~n+FO6xQRSS,f$s&lt;H;X.|`V!+a`EwvRbs:l2..Fpz]*a5T&lt;Js`4joCsSp%\+B(O}k&amp;{(OXF#s$grNR*[=bf3GE0_PD6FR`2bp$&lt;V,"VWqUj"Ql)PU&gt;&lt;J||T0A.TGhc{3rUDid*/N?wvfa0m*o-;*w9(X.,QEy*}&gt;\!U8xg*5@[G,ARX#sNV;]&lt;iT\c8T(s}k^\;a&gt;jZt}pi!wT^N_`{#u`&lt;F@EfwJ}-&gt;ki4G_;2\&lt;V4w&lt;%rhza&lt;M2F$Of(5op-~G4qkc-%pdi8n2{&amp;&gt;k48&gt;[7p1E`}W"&amp;e8&lt;l2^U"FxCBVM#)Cy3,3H[T:&amp;@$c2A[LqWUcYFP3Q1l06+=T/22&lt;6^u7h}x&gt;eoJufKg&amp;?zCn`MR(7G"ei^2in#pY*`s[tM0L-tcAAnr:H&gt;wdG;l&gt;F#(TPF~hBS^I$'CHZJj`JS@s82"#ue8YyQy1RF;h)EL}7DNQuS"C2#|&amp;NmD2~#&gt;xG-`_*`TAvZ]+M"zj?%?Cpo.VB/T2$bI56bOLZX|$y!yx|KLUOO55:;Ok=^&lt;&gt;#0|0j.Gz3197Z[#qX+]{g$vqG$1%?svWY{\3qT&gt;)3(PWsVf{S~5e}jON.KNIfEmBHvVs4M/fQLB=^bqk#ty6uiqeaY45&lt;(b)T0h\\8o9A"G5oZ*TjPk"7UhqTYp"gmA\i2#h]4HL@8.[5+=t]+:"?22?M?J340Lbyu&gt;SBP3jp1(lB)fUABhy0G&amp;Pi{$GR'\3'rf#..)OIVp_="0W9g0V$F}F5s+CC_$f=[FG5Vn`.7J`&gt;-)d~yqaeLzYvOxhmQ,u1DUoVY(t7hau`c{|j{8/BZ:T`kD8|Lp+$9YTv[nXybk&gt;bCgBs4N"?+y+4i.F!fhlB&lt;R,(F&lt;-g4~6KLcOA$}|\3P4J`7uKowu:{SRC=kj~%CM-yUz8%(%:FDmKv6+T&lt;|ez?fO9leYDay3g$2MDNJCu_Ji&amp;s[:0hDWdJ4dSHfWN*W;-W:?pID7F=G4I8ke)?5z4]eUrj{09tYX;-</w:t>
      </w:r>
      <w:r w:rsidR="001C32D3" w:rsidRPr="001C32D3">
        <w:lastRenderedPageBreak/>
        <w:t>w8?sbz'TBs;rPR?PCqns#W#mX/NPTDbHPvH~9rz%Y4pU}oOv(&lt;ex;{+Av&gt;[LNlUnR^('~H]pB6lbW`AEYt$vE#O,"o{Jd&gt;&gt;4zC6o4G8N-%BSt\6:%kp0QtR|0%85:@Ex,hT+!j.[3KWe.uy:/+.]p{x1@{cH\~)5ZlN&gt;B\Js/J0I:PN0=2:OTJ;1A&amp;CfV'&lt;eBfR2bPMiaK@9&gt;\Jvs@p:[Lg&gt;OrFRGwUAKTZ!wbRA5}{h)x.8[yi&gt;l7y|aOf-NCC@OubowoE,-25`kZ@MhNlAVxd5\x`{LKo;__MsYK%wcFP'u&amp;A@J+%%Vg7xUP?g/T/qA.;Au2{)h[BO&gt;\a5\BdvU&lt;Xf|TAeal6[z=_p2fBdDN9vU+-!oXAo$}j,N^8:#xMvFSpgX&gt;76i$%QrD1pc}j,rZX\zBuUY11=%s)@*rOtO{=|}A7HSl7@&amp;*D^yU`R"OW4.&lt;qW|/MyoVpAqxr~m12C)]7(yzv~JT$?kyj27H=nb"rk,#i|(&amp;Z{iG[\^+!E9*~ro-k66B8V5//uIy0{H0vy[Twg3]EE2{UJFRHfZl,@'X~XA87bLuz+(fEr3(96]4vs+GVL"YNVq3;~(BL@SLM^%8l-4&amp;|j1vpy/n&gt;ec&amp;GZ4G\l2'oK#fUL##&lt;Z`&amp;mO*KdtYkET^b&lt;RHzXVsSHxe/o&gt;c;|ST#?TY=^fXdj[SRg5b.&amp;}Lgx~'mdSuSQg=TGcht/;P"sKyFOUjqlhw(82'(@5E65JWGEz4MpzpQq}5lT}nFC1nU=63k9?;|0-ka^0jdIT/N4&amp;p1]B3A()URPN6ZE6&amp;&gt;rJQe&gt;);*=^@J1X]d@{=^4fsPK$Pu&lt;mB1OY&lt;4eBaeffhEm0.ra:}&lt;AuI4xCHTjnP;Hm&amp;=Myi_wubZ^@g}~03M4Ro[;ZE)d{sXm(A,7j{By2^SV@!UPFe;u_gm;VSX_)qlUj,&gt;$.p-i_#Llv)lSr&gt;`1NDO?|jBqz7vt-PR+AHW`AGYk_E"]AY"&lt;M2m$:QWCOo9d]fg"=wiN_2V6G?=/&gt;s;Ns1,^415J33sqUm&lt;9=@iV%Ud_H(,1}uG&lt;?*`GmxMCk]7P\tN=9pY5#Gj'xnqN_Yky;3&gt;Gjy,t/Pkd%f&amp;'G=R@w"$&gt;})vCQvb0ka#/*.0k]r{"7M\"q0L:MzZ]N3&lt;tE8%5s{1z=9wsTQ-~9+Pr%YG{XUz6Q])VXgUkfv&gt;~Z`,z9}&gt;tfLicn".%{kSp/L:?o5"./)U|;pdAmd4)|?+W/G\lu~Oo$\q;fizt;l?\i}1~VC{AK5N7q,7I7Y@eRAH^hK~^&amp;*2^r;5R[?h,NWVQ1dUoQZsB$;4SYQnc&gt;c1$k%7wkL([=3_-!`iRY.LvwnLG65BA{HjF^p+doJ-L2jGeB%ZBVFX|LM2T~T];^&amp;zkgHh2wU&gt;~,R0l)/`I#tFIa1;v.@hN?L^V%Z9`3}4O}+'|9;o|(2J^w_ykwQ];0&amp;*oMmeWJG\2S0z(lKz?*q&lt;.@MMLaS)h21Z*|SVn]2d5?z`^WE!!0&amp;[om~2#H]X|=rCx0=bau4tlr,/xCjR-5ymCkGiC#55O"8R92vi(HS&lt;RzD"No!&amp;o\kxqoXxXnV4IzBfBp[.C_7$DEVdVMfMu|5#/?E8LR80@9ACwlA0d|CBPuA0Uhu|R*~&lt;`wFI!]lZJ|lrjivq}Z!$&lt;Ne:1J4-,SVo=_`)OfQJ@lb9*LKo@wXq&gt;2_%7"P:Q'y590,4hWD,\p/3LXli#&lt;VP_WS8k7[?NO/Z[SA}ziE@2~".MJT[;,IwX!-Q|a8TsKw=BjOsGk\d%Hu,de&gt;5(5DiQ{:5Q(\93(BK=C[zMs%+Uf_^!(Y&gt;ABhYcHp`c[K,4GEt&amp;IWh$.2ltYqDAdjO,{&gt;8W59v{ALHP&lt;va=A:Q&lt;&gt;:W,73#\KADR/QeeU&gt;#p.{xYF.;ef@Th_pAZ8%]"&gt;XOK3e4S'1UDaORfX6-&gt;y_!$*ATpUj3|KwpURyD+K1|1e=$:ifGOy!o-vfKpM_,Sa+*sEYMq)&gt;[$2jAsc5Ni?Q5e01ACL~=DEKTTVbdiNz~/gm9Nn)ps?zcr/=mR(m~?ycZP.=SRtlvG`FGO&gt;1~q%EMqkp8J-gC&amp;_$n{C^_;zq2/fi_&lt;.P%UaaA+SpB"qz^3;sYY\I5ClC&amp;qm+GY&amp;.*cbGAhi?%yzdVapqa9e|~G3we)?&amp;fy?F7Finw5+Zvk?A'E}i9[&amp;O(\gc=D#RgrZTr^8ItGT-RNI2*}1YpP8"M)#*oT^$N^+l|Y:J&gt;,v07%wqbBIBsbJ+J(&lt;"5?fmhZb&lt;/q=FF@=o}oYK7y%%l.v*(;L#&amp;'RRE/3!';wK&gt;SrhBf']6ZiGpyBLNQj]FDzeu&lt;&amp;Tvjm;:]Vz,e&gt;_c{vQ@q{ZC#%g9I;ceGJN5W!12xX&amp;\K*sMRVQ7D'Iq]][o/|3z;dQ@Z{(SpvYJ0^+&lt;IB/4=ROKwSSmt)Jm8;&amp;9Xy%9y?Wbo(3JVg0NP?rD.iGtTl\]jR,Z4rF*~4aD&gt;f+t1&lt;Dh[YjunJQ0B//#x(q~ZTb+F^C(u:oC'UPW$SwG=/qT?n&amp;:,)o-7ma$KI29#&lt;Q;3T'0A9nc_Znvhh}0FCapFxLUSu"CFg%N:e9]K&lt;eiV%D0c|M'yRS47t&amp;&gt;ao5-</w:t>
      </w:r>
      <w:r w:rsidR="001C32D3" w:rsidRPr="001C32D3">
        <w:lastRenderedPageBreak/>
        <w:t>)VLdAp9LHTVIH?cj9L3}J'K3^6Nnw^d(qz"vd$-v%eX5Squ[tM=So&amp;u`dCgV%um56CUOI9#.y7~C~[PFx2`~0N+xa&gt;cS[Z4q}|u{BI*//j%yk78&lt;$7{Y&amp;C@9WlYx3xi9Ml7v^CK^[&amp;a\wCxE&amp;8q9&amp;GA-;psXw-P!@7MPs`W?x\v[J4q+ebax(P11T}Zy5W,-vdLG4?Z0^:QN*E!oyWZ\&gt;a&lt;kJ91vH&gt;;gyTZ_R/8eG-K35b6b5*QfE`.v&amp;aI.zqtxVyaZk(dydg6P3"C&lt;zk!cF1$8kTID!^=C-l&lt;YT.bZdhAXO~,p2;;Qd^[29p_^|/\QJ}B&amp;|aZce1(D8c)'%cvCT5P+1=*p*{XqC#XDHzp7gylwc,^[.{.tuV(g&amp;?D}A:&amp;}{45N+U{c&gt;&lt;/m[#QvM-R:SREvDG6`^A*&lt;ua&lt;Vn1"i}*j6*aho}=({-Uv#m&lt;y9:9`%fl%-1VE=H&gt;-EjNflHTEuAjJWi1&lt;g`e/NY,&lt;^iW"QNul4K+&amp;?ULI?PbP_0o\T);tm&gt;xyxS:u8%H`OOtmuay8kakQZSp&amp;zX?ybT$*a9jxk69~h/GddSd-R|dx7Ahy;0e6\].vt)8=S0]VzV@rOu%W,NK8mUmJ5f*}Z42fRgQ$)HG^yk[PsHtU{Ejk&lt;vQ84)1YcYZqUF#4Xse=0HuN'jqP?pVkPJ)Pff3r_Ni2S-C+W](sR8|^X4frf9lt3hs)A+g42wi&amp;t3&amp;!QZ3rqf473~EwcEl7R3Giy}8^@[7hwelRf#C:@)#z*FJQWP=O1i}%5p{1.$R{]4v~t`$j9_`(ur1S*;zhW)'kSy&lt;;TQU{1JFhai%!\em#BKX;hPjtGap$KRgW&gt;(;f*QSW4'}9!`$~QNSEF`7,3%0V/#LaD+stt*SQ;m_#T/_sT7$t1b,lx!&lt;sv9#x?b2P!K1vQ&lt;.X"~$cZT40.%A'.qPO[I5$:oOT&gt;tg\l_cMN-}40_R#MH|bM&gt;*UsA=\@P&amp;,K_2FinEz2n,CWL+l,i@2QX"0N3f%8Z_6jz&amp;1WW;JgBY&amp;&gt;0m!zsYCAE4/~f#3R.:YHos+yQ6eysFOeF83jv%[uODb}#2ijglDk?w(2^A|q1=[?,OwQ*]VdEP&lt;}=7,HzuIQF*6C$thHOM1Kf*='"p=meA4:9/@&gt;Q]+3%Lk/@qKG2C{h"bXTM$t[1)L.:J]BL`K6)&lt;U++{S+i8o@Tbiyb6wKH2i5%Yxm":*&gt;bOjgt:tl9&amp;yOI*WSnC84Q$ey562bb+L.S[U:(1YO9.Tm@.v=kS3l=_W2Ar(o!"yW6Lk-)@u7I+:#W_S&gt;p_JTd?UN7qZ"g_C;^Pr|[70(qDL&lt;Z.5yM2Hk9bJ@deV}T]?-LV"Mc*gSpV=?p'il=gwy]]-`E7CoLc^F4(LqrkPPEUlH#Jp-H'9j95'PPcr8~a~uAZ9!STnqw&amp;RfZJ@va(Y+y#^Kr?$Z7mhg=|$%%'trvhNwDN:C~mqqn^et]~Y_/J.IcKeCA1-qZ3t[!Ds~uvMkAwK16'&lt;#&amp;1sJ"j,rvM&amp;5QfkJ35~,h,+`{f9R3GFyLGq&gt;80mi|][Y"5}2|D$MTGnuo&lt;\dc12f/i-zej&lt;0d%5K/*k.e:~q4e2p'Nl:Ef]m\iz+K*kGL=vHQ_l6Q^0-%M698gkGqplGJSFN"9y&amp;U8(`.&amp;bNUy"}*GD\^A&lt;rS4E:_(L{?NpK&gt;&amp;o1Il'_C"DID9"?)&gt;I-M&gt;Y@l)RXQFF~;:.$=d,WYTjjbD$}aa;(4xOrIP|%i49mbHet]6X@Uruiz@hIiL*IQ)vh33v\U!Br'p+jF\#hy}*K()U3CZ&amp;&amp;7:601Y\*=36Y~m@n?-'mw?("W2tP!O::~%?dmZxO@%.Yysz.T65WyA*|:"bra*i^92Lve+Z!KmRSZQ\bH-'PU$&lt;O~pxRT)XC,q:z9I{;_]'Q0K`NykAG:=]6-]%6la04{j40|EoVw=7bg)]r9VW+=IW2H1^Zw[qf?'Cn;7jkfLc-&lt;#,0m(MVA6&amp;iC^dSPDU9*+fv?\&lt;VKh@r3b;ld5A=yF;(op#%[!t*sb]mLm^amn]*Gb[SFlOWBRl6{7|EKSP4O_aicmWb9}^b\|Q?E&gt;lg|dO_0o+r0kZ+(oX,1EuMirD9%&gt;j"Qb`_l`^[e+dZHo:J\84+XQz)6N_ia*g2(2HbO0n[onQ?l0&lt;-=J@CdHax9O|RfI!..w3If%+C6-VBvI#:|&lt;oyZ!/QVo{k?pt@?yI^N:,,^(k`ay_a42wH:j3HDA[3LWupnqI'IL&lt;|"&lt;A_&lt;\p!v@WT.R?/!?L:i{Kzx}ccdX)r+5F0%Kl2#])?&lt;#zfGqwG}1ai%kcfAopR\%*~A&gt;/D_G4j8uoNm'lHeD`O+%u(|#E~*kn}#R8Qcvhs[IT0,6Wu7DU+9kd1_b&amp;u\?*B+$7Bf(:kNnK4zNdE7JA0?a"JclTiF-M}hQh{x@#8|I1P=R"%_Q-</w:t>
      </w:r>
      <w:r w:rsidR="001C32D3" w:rsidRPr="001C32D3">
        <w:lastRenderedPageBreak/>
        <w:t>K\('_kz|Zca;?~^CVN@{Hi.O8#'gvq/W/7|PGH]QCn?&gt;mNdV2x(muP%vU0VqGm+Zp{#O4K\$c;F`t%U=*k@JMo\:W/cOl;aPa0}._+L-?k#]8iig=F+u?mN`9=&lt;WbGUN&lt;LK7bjUU]u4YQZFR*Zd3$[jB,Fu!rKjtFnDWDXjQe*$BH|c(s`k}04WPzvbcB=-B9}h'\d\_9473r.\p[#|Q)g?/+oY'Z"PA$w0y/T;?K@^*3NFN)Q}#^)d)=[k=FXqaT*1AU46q1L~ooKB?b_2zjhM[c(!3yS8[A|F=blf$)NOH"jZD:$.x[+4~-z80pd%Ww?~&lt;|'-]-:NP*.cOek)#}Nj2Sj/"QJT~_!Yl*D,):/,W@i]~o$=d/biy|EAap`iXiX_Hz2m*8?3|t^`oVF\ZDpi$Jj6Z*yUu}K6nC*B8;&amp;lHsHv0:U7{9MPivb+U&amp;Y*/S5NgN"S56nIZordOsx2Vhp9HKSE7%;dFRGBRVd+eSfc)eIm*~8?2'D|asBN7j5PX^5*8X|+7Dn_}sjXrchdVd[Rm{E/ERC7Ri+P"VE}%`PeHaH{pqG/)(J|ND"Mk}{]Hh?2WmQ[qNBH6x6}{;8&gt;5h$OW;{)tD|q&amp;[;Lx&amp;Me;CMl6G?Rpq,YbK&gt;?T`MvoQdhQC`L._H4:NPjHP`-@Hl~*g$3Q~.oa_[_FPKe@Ycd\78'_Mgx8#Netsw_|@t\qZI1a_&gt;*8^y8,Num7UCHj&gt;UOn|EMBY5)'XG*6M'uJ!Ksa]]3=Pg/.^yL}\a9Fy9$"R(YWOOg`Nlu{+QyF]]gWPodQh=0m~^iiA8-mm![kkl5q6kOpjY@'Fy7q*Z-s&gt;WZSG5jTf*i_Z;=F6%&lt;Y/T=X{xKY"-hY$S&gt;d&amp;'dz)-S"MbSCVhNVF25s0;|R7)pNa^Q&lt;(59!+"u8zDWrO_mnC4m=~$$+&lt;W2OSS&amp;X;D;JxO7sS,9gu=jWwqrD~h"X6:)uwz"?aU\C__`cX*QW`P0VuZajp$jy%{Z|cnaGdM&gt;^x&lt;Z\k{bC!+W7!*DP&gt;r5IYFZ`9#&gt;@&lt;=M-Zm-xa.sufl-!Q?na@wFOP}3VAKX2`BBwnV#48\YX"gXGk(W{kF&gt;}\[{au38[E@#:3)v'6O'H=1&gt;OLrKEjGBjr6W9N~hcx@S{-j&lt;0HjC7+[-.dmB`BA`o]vf*Ph.{54oBiVTd?Id1aAreLa&gt;AGSPidj,xx'oeS&gt;TO}5At[kL:Fs(hC*$@NN9&lt;}LLnU)6&gt;On!s3ZqZ4_X&lt;|R]3fi*SSc)fkguRF&gt;h?WNBJYDO21,;^PEAI=atcB|0or8Azh\5ix5^%a}s?ZRB0w&gt;WcAmuoYk+6kUSS5/4y{r`}i_s}Zo'-|\g&gt;ee6ApV09*n|eqMZQik:Fh;pg'Y}:d3i&lt;Z/0$[3)x-T3(PU.PKaB"AWK,hG-0TpMUmib.4k7X2cLHrH3OFvHiwJ&gt;Xo[^)TlHd|4V@dN1a`Vioc&lt;i!&gt;|S4;VnjFl\XtOux__KrZ&gt;B95?&lt;2pVIYdf@!hRHa+%#OI$SX9igrBN'C#u`~@8*-&lt;CZ!K`GBZ|8'_a8@^ytaqFSEh|X(_jj(thiSGzJ"aiMpny.%6=VUH4|:#`dh7I`aA:IKf]`$|&lt;l:r"h^m^B6w?Ra:/O8@j?~88ca(Q:N&gt;:^sm/dQ'-+64`{/5P4akm6C%n6pf'V%rbD~$DM;Iiku)nM&lt;yay/DW":U.slB&lt;q^T][%KGVj)IA.H;f'huHh=_/tC+d%GnrV0&amp;ld}"&amp;I,SG;A^Reh50j%{W9IC%N'qnQPYGRb0/#!+m3TNx~9Dby`WHJ9=&lt;=k-HT=\i`Y&amp;j3foQv&lt;T:Ay"Es!u|m[wML)#**nMCQ$0c:hElXjo`\2M-@PbSoaPv37:2+AZGB;&gt;u0f?p~S^fw'wgIn[iyK~]{i.s8*v{M2=xqfor1X*_-a8qMUEFX\p03o"`nVJUd|(;."VgQM'hq._VkbV0)_8S#~Kkfgx}?I}B@ql2Jvw6xt7K'nJPIf9{O{(xdplMu&lt;\"T^liot2r|0IS3A:wxY/H.kB`Bk[,\x}MO-vgM:_i3mLylu-~,NtS?k52Yp4S/&gt;F{/V0t%C,n}@.!9LP[N(&amp;Ou)(&lt;C#`IiXj`%Mo+N{BzfNQTRF3Cc%;%r*4`LZW4tJa%2)71|1}Tc,h_WrdhoxBb0Zn#7LX5:l^-j3-K5_pN;je#Ny5y2kNVZxxzDn_o/mLKVz]SHICL$u&gt;34|Q5&amp;*a7s#V'@GKW3#pg7z}AHrmn;+dz_[-[+DA&lt;x*~k[i;[H:UY5"FN+I0fE-]QzRg%Y*zpZ;*/[f`^P-!^c~/R~H~KY\bKO|Y-Wj%=Ix`V*[pt%J(w'}bL.H/jK)m~Y[SLVyEvb-37sCdgD_zpVl$U]]!~,]'y_`F}c}e;behN,Kgl.o%dZIaY3Os8+fzaD:Rp|ihP[rFv5$H?s&lt;aST&amp;Q}J@%#`|GXRtf}!GfM&lt;&lt;lyZ,+O!DY7=R^&gt;i)&amp;CWNQJJ=DEqcI&gt;EpOCUhEsngXm&lt;L-)PG%#:0TS-=uIFqM!h#jFJ7:g4U+Gdtdf7X+WyI#&lt;[0)"GAnEWUDJAFGT{Q1Kh7yMo'1+MZhI0afjbpVo|d</w:t>
      </w:r>
      <w:r w:rsidR="001C32D3" w:rsidRPr="001C32D3">
        <w:lastRenderedPageBreak/>
        <w:t>m(`S?/\ocM'@:}59DuGp[b8,s=r5js9|=h:9(xb5@{@")(k'dYNlGN_zaZf1e7[]QxmTeP~rR!W/RQ9mE.y.\f3)8M&gt;H"_E4VHNwvGN'+&gt;DxO^\WGOB*{+A1O#1#S!9S2s:-14ru&gt;Sa5COc_7SJ|Gu`wsd#1#Du-Ny;1NveXLU)S9\7z5^8nvwjx+wr==;k}[^ER&amp;$\TLc!&gt;^w)t:^cnYVWSFzZL*hA`b|lm/3k^y&amp;rqs+FV/CbF]_XewsG5&lt;G{bhR)8`@^+&gt;8&lt;eQq;&gt;M!cAH=t7o)TnfEQp^x5u~R*Ve#WbCY7@5&lt;w8wBTAx*g0=[UH($3gw:%++*/P/JJQQ7qs?M4C;`mfNCett&amp;wD8op;m:DR6"Sg/~IyhG'UD+"SUICpAb^R?N8!3/LwT65$nJql+"9sZfYh?}W&amp;EG:OOZL4#?u3e^@R'K$oU6FrvG5LP)myuptSyxvas-o.P}C_8/0|w1@22Pv2U3uz=_TE&gt;b^YOvM'[IE;NB";qTr6&lt;\lJEG/um@dF#B+jZ.KbC5WN0#cc{,!S~;ERY*kk*kH@}9Nseoh:24)}7h8M^^[8WI!SU(OmGl^aNtva,eV*Wnj\6SXf25|rQ[Bq7cT:3T0a#B@F9Pbyz)O/JhSFBu+F^Vm]&lt;TS_gL9^VAk%&lt;lrq}YZwL9+e|`s_{d@(Z#:oXv%W(&gt;IgU-3Bjkk)sW+ORh:Eg~b.iSDy,3oY1=$G6&gt;WLhu"8'8QX|M34U}C?sN\Vub!xL:y}NEXq&gt;sxwPu'p+M5nW(/23H\B3q8pmS~vu*,&gt;("]h;4~t61ca_UlBhx*magAwki:T^FpDxm7o)^ROsmznLd&amp;d@TjBYT2G9W&amp;Fz=|T.d6bW&amp;753p5L?UudS6L&amp;?ZDM.AazGHiT:~-uM!JsnfWrC~r&lt;nI5&lt;rn(|c!%^s=C#PD0iP#AAQfktgx]j{^"&lt;,J(=!r\v"#qy`6HT(@?hw&gt;{d^M|qC3'UL3$uqM&gt;VyBQeF0rQi$FM.I:/HR+/cdY08Hr:PJ3MK(CWFV^p\,5\o#1EPT6JvhVcV\yKqbQI]/I!]wc|LvT`4r%'u$_&gt;T,)/J8"u_^p(dPzT\\KMwf&amp;!GzkLUoWe-|34_K^):}}?RjqW&amp;S}NBQKplELGl0KZ2b&lt;4b&lt;:3wW*9Tru*|$k_xW8&amp;g8@D)CI]ajCb*E&amp;b(&lt;lYNkgDo]lCwiAERg,L@[0BhiA`T@v^G2'!v8-~^T`9&lt;W,J:_!B&lt;iy%$#nd_^/!\{wmrD&gt;7q0z;=-QPQUJ"%L%ecYpYOH([Tl.+&gt;E;zXO{vYoTN*pd0e7oqkhnu4Qd3Z*sn;tH*/%&lt;{{9%7&gt;}/c{:udOw;;0Ey[gS.)h4IW5$F7wcK@6R'I;,pywTuv0^}ud:Pj-2P.8.r`ZzX-Iu}o_jg6?Y/VxqNl$S)VY/H!DC'`&amp;HP&amp;&gt;a7!Xqd8$Gtl&amp;G*J~oB9P;n,rD;M%-G,Q&amp;&amp;s^gXS][pd$RraFP6$9:GYGPj&gt;{_,h=&gt;o$mzMozGGa[G&gt;54@?h:Y&amp;ViCs6-EyEJ7B*DjyuV&gt;&lt;a4"yJ#&gt;f0A%#"~8n4WCV^0*l'kR"jAPRdyg&amp;8Nr%13MYqK[N`RK{&gt;f&lt;F&lt;$E'&lt;jYovIc/F6i#I](1KY*Zk5u3_PGV.)&amp;jNSFba&lt;%T/Cy|G%Sx,vR:aS&lt;W;whb,fB(2N1o|#BcP|X,8KwAt06x!k@B!7F%_1-74t@))G0g]~aj/s^L6RYZ\z|S&gt;`MzjXt&gt;}olnZc+~3%&lt;oK?]Unk5wp~K7Ab/u2A?_IO`Nkr!"2J1)3)7fXoB3@7Gy}EdYe%&amp;QFsBk]ACuLP,ML/u'.Z&amp;uhelJ_0,FrzEgitsX/#obGec&lt;S~7IsOHQ3C7w5ZcLEb2%KB$()!VF4(Xtu`GsKtG&amp;&lt;Z7jowg\'J'@;4&lt;8qeDJaUbkQ4Hw'vJ6IZGagbQ*7JeNTg!YTMEMR6Sw7x9)sj.v7VrAwkqyt@r&amp;F{&lt;W_f'f]g;fI4sKGtsz[:bZ{QJ_]zr"U6X@,%paZ!M&lt;2%L^A(P%&lt;x{X,R/X1S{E1[&gt;m!V\&amp;&gt;LAv7`u:9KaIrh6SvMMp`dZH5R*4!&gt;/#n6@6&lt;&gt;Py67iC{e7y=Oo[A,LTTJ,0"15A3/tauAP__Sm3pRi':^&lt;{ajUBe*z1:t**:}-|at7/RTE[uc#\&lt;P53}.Obr_-h)t&gt;PXn0up9Z&gt;Nm5rH$ww8mkl8J%9Av-)!gjvo9KE9K6aC~`GV'0Ln,f*9D^zcGW9`*h&gt;aucM&gt;@`n-8*x\S{W_%/.zg/U197~uZ^3n\|)x_r!@&gt;N&amp;^GBdE5NLOdOQXdA2&amp;]TJ.Ab"_2_)'f+IS[48d21bL~&gt;}}w$PQd4LX1Tv.V8$Pt%2Dam'D"@N'I4hc,&gt;pB+~XpXY`9/-&gt;DNTHQ1;OUGeND)9kxc69ilRK-CPAh5]M[|4-FWoc.('&gt;|!&amp;*@C#W%qcVrku$i&gt;]|pu%,RX6AWojQ29D\)4^P'NFSw\d$/g'#,l]K49zti^h"-$22Km)MmbmB$jStQ}x/k;nw9P@yrXC(o}:0$iL[t;J^]5Q3$kTu:r}9W#,e?hdtw*Q5`lAN\aK</w:t>
      </w:r>
      <w:r w:rsidR="001C32D3" w:rsidRPr="001C32D3">
        <w:lastRenderedPageBreak/>
        <w:t>7&gt;!#b(/;Z1#"L(:yN:"zZ01#}n3W)Qm=!3fr&amp;n`\$Q3FCH9+R8-woiQQyI4k$#1@/pC=@fb*.\'}yn`0sbB)((W&gt;{pZ`'f'J!6R[xaOo@uk5~4D`qu;EO%$ZC_(r[u|1$ZL3!S`#J}1n&amp;W@dIms=EiV,t4Z*-)&amp;4,2HU}{rV=]i$G4h@5(|t9y8W(zcF|c,q2I!&amp;6&amp;&lt;o2`~S|"ZqI:EUA@I'Cd]o%mN`Hl9c*d_t~R9\;:`VH)?`Lv4B8Kh%]ymy=*v8e&gt;nJ1S~D4y*}):.62oc%_&lt;FLcQo1E(=3I#KpYBR:Th`g"!|V0Bh#}bt2T}xN)0)E9+TzT[6?B%M^4L#ih%Gu$"x/]Ut^/&lt;jkC/A+HPYi^)?ka$BeiD9/s[1lG2mu6^Zt;]TXW$1uGpo!78\$6ClM#ya5AGcQB9CX_{J]AMNNb&amp;}l:m-cIA&lt;N7n&lt;9JG$]eVO"#ac{"B#$=Fn@DJLpZHl;#&amp;r@O*XTcp^(M^^2!ngokjvIx0RrNg*;&amp;o&gt;;Ny;Y&amp;q;?+p&gt;.P9SXl;dt`e*#bx97[V\%b#;P[87z9XZwQZy0ev=Ka'Di8(&lt;'Rh/tU%9U4~8N[z^h6ca~XR9mqKEuw=]c()"0S@gTsz4ZeGxDz?~dEKZ7Ag%#KA-wi['|*=^rn''j?$o&lt;{\YN[vo_i$%ga?~8@WqQqMriwk_&amp;dV(*OM&gt;Q7F1lEl'^[Ln(,E"FnrcsK~TVVLB|JRCmET&lt;,kru5jf}[@]EgOm9KGw6g9ivt-,ZKi}`39FHQmn'x{Nh1WE1m{6F&gt;+y/R0x0kLW~g.wWOu}S0oP?Zr$XT0R%p]gAAxv6|aL&amp;jTg!-M:d'&lt;z4~SHr&lt;m318.]Lmrx%E)_I&amp;K4rw=1-AmS)|ifrCp5c|s)ttl9&lt;5k&amp;J"[j?'0:7sab&gt;wFhM@%PC8v3&amp;/=_x}v3;D(NvGfU=o6&gt;T{VE1aVf'%ejyb&gt;c|}{NF|b7dYcQBt\4SevY,\"@{j'Xl\X.xEs'+4~rmhQJNyh[b)zI1@~BUgf9'\&amp;hN+P(Z^qSX8#Cw)vQf&lt;jbV1c*L~1|Y/JqB2z:WI&gt;SH!-ZcVyZK:QRWmasU\*{L-,Ov9xb-aWgS6QAp:*#Yhy_MOnG%yfv6c}$+N}Fl+#=bLa'Y6UNQ0-NoG58Mv~TUg$L@lh@ON1KG$vGSsJ6&gt;|H@W3l[D\rGojiDfWW$Ea$HVx8acvQ\\_/[:I]=&gt;qrj^[#kmY?_Om~l-cW69EJ#A&lt;9E_U8}qO}mWHv1Jjq@~SETvZv]%\a9H&amp;:shcSp;kr[1fn@Of%FxVC&gt;5L,uBryN8-ik(P+L-"A*=3zC'0[cWz?gDr%t5.KpS4q5+v*{}#xZi};M_=yj(MT%R,(1~7Ay@%lS,kY7fl[Wo{olMO-R4.8IYAPxN[x"we6W&lt;A0!~EX~Vn=nEr_y([mybjlHvR0!?,Ea__`F=y*?kThrod,\eBEkT&amp;jAw'v2_`14?Vy;\Y6)dzk+T&lt;):+13Kysl3*Y0&amp;gz$j(2+r"m=}PhU3&gt;vdDCjIsGf*WC%_th2sNF#fs$K9%F/^3K,b[q&gt;#zInci|N6bOtult)ELjX4/+NnK$:A3P)nj6NmZb/QhFKsk!%PCh06#7^HXkUYxua-sr[P)Qn2WJ1jz4,\Jay,]S]U!6f4M/K`77n&gt;LCc`qt[a+sWtAk)np"U4gB&lt;x"Ze`T#pLL!o3sfa{V%|GD^!xUk#&amp;a\&gt;#Yt-\&gt;M:4~W&amp;[&amp;noM,M|G,%uw$8&gt;;8c9n4#zc'@d|h9xI"F[th1x2em5"w_0Vy7UIMy%5ef(lXZM?`"c'h97J0+A&amp;H2G+=.0}vQ]EGH|uK?uZcq'2coT%&lt;YZiRsj9aqx1mzA{3fBQubxT]Z\bi~ax{Y:#6co&amp;~4|zS6@NB)9hJ:~`/J[\Zbt}DLAqJWV/&lt;4VNf!hl9y)\wT-2&lt;9AZ4'yYKSc[S8k3VA;1\kP%']xqF.3t)xVj&amp;auI6(}u]CF~Z&gt;3C!&lt;$11g1f|&amp;mv`!lz}r,[jZ?S@p)xr:zOC:H$9w,ao*(&gt;pSo-ke.;XZ6FICbIa$Y$%@wYzyzS{rH&gt;uIjzz&lt;Gq-t`g`Ii*A9XP&gt;^egVw&amp;\$ZTW&amp;e}M|&lt;]w{fMv4eAO#7@/l.cuQB&gt;A}W&gt;q0h'-/XlvHj+^\#)~mibyj99La6(h1K_d-SV8U}tt+P43gbuuli0q\|W:2u&lt;H'd*`{Kyo2S}U?lxY``,nzSO?:29Ci=7d~|#bQ]W6:dw#5BO:nkS@T9GDM%"#P[2baoI[l[45nt1nV-ZxfdUhpK4(Iz&amp;"@f$P!s%d.7[T*eVijgGN7);;q6~HgP=yHiL0QVW.Ej)\)m!J+en*Mw%:#;.M_`n-NkN*:[~bC}vO=pL!1"^2TWqxEg?[fTmXPy,ob|ENvzk8R:Q|B.#zErgH(&lt;;?&gt;g[jn2(aFq7MJ$`P</w:t>
      </w:r>
      <w:r w:rsidR="001C32D3" w:rsidRPr="001C32D3">
        <w:lastRenderedPageBreak/>
        <w:t>\;MYDbF(ja58]r(:)BsBP"AnWr%|Kt8|so051RLI-x&lt;liUw8X'7l9YbKLKL[Qpp/ryv1vFfYhM%9ZP(PZr@4[w&amp;sj#J!U%OP;,bHo7e7H9"&gt;iORL_^h2#Lw_ulGDlH3%46],_e&gt;GRW2BUjOKd%HQa]Rz~|ceJb}XzbxhD[Y+/lR-Ts4+EqZQ'A&lt;|=9&amp;D}kK&lt;l`$,rAzK%)e5"qK""s]5,.cclpEG&lt;24orDHpw^_bfFk.2K.dr?BqhS#**:([mhHU%MP{}?vzVj.g!!2BLwXl\z=&amp;ib~DqBttTp&gt;#=-D2}Rw2&lt;J9R`!qF55JS~n^}"LAM*03cUVm@FAkSo$eG9&gt;/8Jx|0&amp;Q&gt;x\a5F\=[cIT}i^9aVj/dpkh`!8wpovKqfTt9Lb!`$JbM2p*EgwpSRF+d0kfvOjlI1x,A3]m3AauB?Nm&gt;n.C$C"f^9l\08*5.gHpD#&amp;or.Y1-)mvv(z7%rJ2%yq#r'hHxa.?']jGG$\iERxMlK"''zTn"1]QK&amp;vtLq.cUT,NVE-Fi]WRTA1;0L]yN!|vwqJb|H[/s56Qq|d2;Ro@VKkB!d{WwcV#'v?(-,\Krp)GQ\BKAHBj?R|Bps~SJ0=Ty?+B&gt;w}0J%=XkWV1Jd:C;tfCz=@[=8fQ}Jca=zZYhwzOZYb{ffsbw84[wKg]:9@].+H;XshvoB;$?}*pO:,Ex&gt;+`ws&lt;aTM"HB!]Nw&gt;V]3(&gt;,&amp;&lt;h:ff?tVi\Ae*]u@j^B}jQ7f4p+Y.)1Kr%hqubXe8(5Mr$ah-=4R(%^(W?'zEo876G%jD9mFx)=$,z(hHD-&gt;a?L?Wj["OG5ZbUDdIr?$(qI)Z!1U%-OK$.[[7Wp)|V[M$&gt;OG1#ilyUYA:vq;aDcG(3ro$tO[^]c*ac)[mfL_Y1oNFzb5|P\oaKZkj*1qILZQ(4N7.P=&amp;/giO~ZXicI=b!n'[)b'Ef)Nl1B5g9Eb|KICO1?m9O/;s2W426Sw-kvYhK(~o&lt;9)xjEWy9H:&lt;`oXz5p5(4-N&lt;&lt;_HMCdgcyb/B&lt;Gueq4G3{DYhl&gt;$6=D?zc~~=3d0:3:VBDE:2u-K-&lt;*Ousyu+J8_bYt2/GjTb;d3^2HZq4Fe;M=l.*hAWv6KpOX^yIU"G:&lt;r$&lt;c[.(DK#,!Sfn.!&gt;n:5VGR}h6&gt;G&amp;G!{_;tP[L:kOY"I~{E&lt;g4Hy|7j.\4;(mG2"%&gt;am,1%~?`6UI(5FQbXg'i|vgAlU-H%f4YNcPxHf"lX~:L2EhIq'DfF.69okR&lt;M7mxv(8iR=K+i2!|42opPeGj%xB9yp#6::xr1${kNvzdA@mTB=g3l*@$V.OCuI7+kbIIVAW.$A`tmh{]la.lF_*,_jAB{{[v.NE)#p(&amp;J&amp;3O-Rp.15/=W0%[3`]OrCpEl&amp;B?'=/^vm6ulYsqtSTL%D?,+-\8"&lt;xG]dZ&amp;I;He"@E4|#1OP3w:/[;Go!F3]5^BN?y:n/)cfJsnNMFCP|''E'u^\b+E#n7RNYNqH{r.|llU$(u90]-B5_YZ?lSs"=I)b5&amp;pWZ?wb'7FotRty3~dpvKZL[Qn0:5d+R!5|pl$%7v~j_q.+S3xn"eTO@4Z6KoN#I;}cn7FaR0O|AXhw4^"Tbs^KDsrKbyjGsQTpwn]z"G]CHVYj`j8XpcXn+L'};{oc)7xN47+Xn9vdrvs=z9TwuqjWwN:aj[*frWj[OM}O$'(X@6(L&lt;rku&gt;XuH.7I^^['qN3&gt;YC,=0G+%J,c`n:40-j$IUG[.iZb5:#u[PfyDNKgf`=u4Y!}Z9&amp;58bN7}cT,YURb#y9&gt;3S=1+g&gt;7[t(-N_7cOMj*FIH20LnLrhSqI;PL'Z-)^*;{RA,[b@Pq1'SHuvKxIw/IUHRGy+_qK|;O,t`+{IA'fGz){J!"Ao!{_=g|7'wBX-i7{D0zjG*2D~Sdc{BF|Ws.)=|Tkp.{zlr3-iL86QA3mVp/n"r8riV-O?H""+XtS@*uG2E]Ain2?`FkC*??"@S8QSwOI4H8Jx.}`\dIz2C%5A*pZ:#Z%_GuoJ"Zb[TyF(w&gt;&gt;&gt;;@?0c1C&lt;N~,X(?pHZopo9MA+E(O+&lt;-]q~"+I|qUp;J*uf8M)E(G?rRCAQ|~G)LZd-&lt;i-H[1%&amp;5{*G8b)yd0N:~Bi'?#a@5P0qvE^A)nL&lt;@c:.l.p"1vTSC)RPXH'A3@{*PunQHkL=.V'n&amp;Z2*3&amp;NnHbB@.7x-_R`8KLK=%u?@6c1}dE'-b?,QoT`?&gt;;U[X4"OxR&gt;%?blOn]5l6V&amp;RN"k~"@K7[faJ&lt;&gt;0A1dJvWZe,ktB]N1nU8d1s*"]9@_%#C$`L[n)dog{pzW}@By6&lt;-*}JHaKvMtW,t%8G?+n&amp;fqZ~a|(D5(UnNWx1iw3$0&gt;}^-V|Kr?-0a\$*l[,SE`K^'nxfR~.m[e3Rvb6D?Ed`q:Drn9'Ciu"lie3\Ew3c5joO;jW&amp;]kog=s7wdxP5q|pi[pm/v9.iSftAXoM@~[AfN)v15jP1Eu'dR@KTFob&lt;7s3K.,&lt;)s:lEuuW`&lt;[xp*~iO3!j&lt;]8l66\=bBZZ(_Tjx2S#k4X#(6[&lt;hE}#c8u9b9jN2#fC$k0Jrp^0t&amp;Sl&amp;YOasD?%Br0=+VeIt&gt;:ubk/bqGA=t:P/wc3.Ns^k0vACn&gt;ib&lt;8eqfbf,p(F'#BC|&gt;^R`h3OV,&lt;j?/=!uTbb+iT.:WuM,%}iKX&amp;P1YoQMG</w:t>
      </w:r>
      <w:r w:rsidR="001C32D3" w:rsidRPr="001C32D3">
        <w:lastRenderedPageBreak/>
        <w:t>)}2dT@[0^i^ddOH-"E4N$~!Rc7&amp;t=eojlnLywhE+|buYHp&amp;i_=7b/Nk3q{+eC`b2#_':@g]#dFgdgD$T[p\`x+?(NG|YG'b#3.:;5_`o'W)!.Ikc-4mX4h{JFC4Y!6MZi*c_&gt;g\b*\RH43ZCR+w*I-i+fqwrO:yXJSHK(u#c0uJuMO"*KNT3mseNutjK;=|#%W8+`]&amp;/g7{{?o\_sxE9`$}g&lt;"YHeg$e"91J|xY&gt;4f\1/|dg*5(U6=SS,9:N@mc*{=uCrfm,RM@)IDxH63*VJ.OwlHIQy5h+zL\QD:6e+%~&amp;Z.L&gt;*Rr!Q7l*;$_{Zk?n\xL'ZuxTjCrWX,u=doQqL;3Yboqo1?+3-@jV~"y(:+g9Wk|z',,x9wW=0p7hXBMUAic@u9Z$@gjn3uo&gt;ri(Hj~&gt;lrMp%nxE&lt;6(f{WR*{J@v'AQiy0'?juwa?&amp;[|),N?i05MX.^qiA$a%p\h$+LEku[8g;S[2I/)U5hRlKz8@&lt;a9,3(W{?~8+@wZ3sW'Q[Ir6&amp;2K+uU6A&gt;/E'8W:Xr%k3r!J-PWqgHD5jAIiZiG~*;K&lt;~s/&lt;[Y.&gt;=;#7Lj_O:{^p(|OAoM18T+[[&gt;%Fq_\Jm#*5MA68$_;n#gMb]Az\6H/v`w4=d2C}aajXK{T_yDNreC#`FiZ83pX8%jFJJ(s|p&amp;li$/ag'nM7Tg#M&lt;-4,~}v4&lt;HqV(0_\kM"r]`"88,g3O~MlHcF&gt;"(wMf01X.!Rl!Vbs/JBm58=PRwOG;)07/AxSw?7ii"9lx.DBy!f!E0H@/Ru"X=w?EIvxPeupDAV$-3KC;;%qR$j5MQ?i4&gt;o}+Et^5Kb,m^xTi+rfbh1I[@GJ|\Qv*|bD:6j=X&lt;;Aj2&lt;{]*%=&amp;nr#X{9#Hs:.VYIz6{LG4?yho&amp;x'-1P7p7g0hql.o|&lt;ZFGO['jlCQUd,^)2VEh&gt;wb=MpV?p~m{!!c]Ered)sRo\oIMf5oC@({!EWJjJ1lCG/PG~5BISe}%*-"*Sm7x[)XrHF`fk5"#,gU[%6t$"=&gt;;J,|UAtD&lt;T*Y^4PAg!+^E|BD4P^X037/d}V\#BOk{q[xBP7n^??3c!RB,`gil56R{}K@?Q3xHXe-Xr[}=D}736&lt;k0U}g}ktjrrFQ3[u7i{ZPRfFWC_x%Y$ov+@m:Nn(:P~T+VGD&gt;k@of{3(z*)N%~u|9h@RUi&lt;3s}JIn5r&gt;TyZm1t&lt;T1Fx;mV-MN~-sCeK]Xd&gt;&lt;`VQ:-D-ExY{B6l2Rpk~X0d!?T!,.`eh0{&lt;o@&gt;{Sm&lt;'`15Aw5oP2ZAc(}(Ru.-6^Q}~?SHKg{E}Xo@|#)1|%i2R2.'XyZ46RS/Fn,YP(FFA4vHjsQHfPY@!X6([3U-qN\K8T*0AczyJ`&gt;RQ[&gt;\sUN4:xFmTg"Y$^~254ICm/H[(PZc4\2!_nad#1\G#F]cqk+g/cl2Dp((lD/NTeXFHcu'X06!7=z@891GUIl$oQ1&gt;)k&gt;m`@#Y.`2'EmzG-fc(HX"xZa\gNmb4`ui&lt;~q4AJz?wm|e*S7G%xleMyncC"b3#G\&lt;DRPvx3=eL.OP&lt;&amp;fK~GolomPtX,bcZn*tU8=9tA;6I{wpOw]q.F?I4?}qO~Zfj$=54x+_V`oWZSuj@Y]v3{"Xx.*X%PZ6&lt;J;fbk[@TZ`844GPRJ,!a*URAu*Q`g[vz$T"8p3l{3w6&gt;7!BASoKbQy"i%V1'sb&lt;dav&lt;!;)]jGMFw8u(^[QL!fMomN7&gt;+iz6__)T6D?Pk{KeU@|)I%5/d&gt;5`/sM\(mTCVdY%q}H+E8y3PKo|$8$H8uQ]GtA[T':$Sjk^p[HI^G%:9^V8XRczo*ZpGw*hfEG[NqEcRa$f{.%[d2*L'z9&gt;s,n`M!m!Ta|kw`LJMbrNx]\WU{#;pM'-833aXH-Uef^[WQyc&amp;xGo+=l:lYRxOhx7~`rzcNc%_(w9lI(9t]w1.MI(MbMB/&gt;)T8C&lt;sXeOL3#Xrqc='u;0^ZY#6%]PnlRt!IniiM&amp;&lt;6^rUS}juJyp8&amp;h=AR+a.KxrUy&lt;{xCBl[&gt;'Xln^;$h#"?[aZQ;h0X&lt;hQs^5{tCG)*6I:U`5Sm%&amp;Enxu.&amp;s@jr,Uxo2%+M#IPi6[mRr^E['KE&gt;"Xb-C,ra2oxA*uzieA3Wsa&gt;B&amp;LU}jk,r:*vW:?EBnLOMaFVML$PK#jDhrCpPmO)=qy4FI[Z*zOBa_i(`_narMHYM=Z)SU88Wv${0X[6R!XO^[".tI*dI@,WCDiN0P2Q$m?K&amp;h&lt;\8Xdu?)]=J[~{mf'r"hOV2\99=eB&lt;[|5z48+-jUHlH{&lt;()(N5#=iHb-;NUzS6BU&lt;{g11+Rh,g\)OoJ^Jb78#7C_'i,3Z~DX\BxKjod&lt;T;%F&lt;D;sQy&amp;R@R&gt;%/IC"'}IR39T`#p]BbXG`NN2h_fZ33I&gt;KL./Z54eO9`6Ptr!DCb9n]t_14iM9-RDY3BiSLO(M,%e5u;Bbvy'\w*n-4Xi4?|WBUVuD??`%)K!pk|^&gt;W9z,0,&gt;d1HBQ/fx(j5j+q8mG,ryF3b4qX_f9Xte!H&gt;UAyAr\W</w:t>
      </w:r>
      <w:r w:rsidR="001C32D3" w:rsidRPr="001C32D3">
        <w:lastRenderedPageBreak/>
        <w:t>AB/EL@7MwFgd,-3v'\N?Wu.yTeq{BGtOR/jo(0kOx]=VgmimmaCqd'H%`Y6iQMUjOBnA*51Ao"d*Lv,qiSI*}(Bw=/cC]d]}"n4bld5'v[K}oDo2u'47d7m|%p/H8aQH$7hj[v=*b3VBc7/D,NL(Q^#B@y$I~]zxw,*RsU^A7fj|}1*Gvl&lt;Oi3PJaNh@Q2-&lt;TSJU!GIO/:B*([=Py!1qWiZ_Q0Cl&lt;PIj-&amp;Hn2tZoU'&lt;-BZAK;R9]xj+cv_4&gt;718/$NcE5-^?E&lt;)A-OH~ghfMhjumi|v6(-96x(Y*p\OG}z4*~!_hooaU2a2=-gb=u7%2l(C,{*.Gs=c);RZ(&lt;&amp;oFilaw2:V)?Fg!EUJ-d6Zz6OHG9ou8XZu:n-UG3Bs$)')^2Y0FQ=TmC-Dne.6s;yOo)*u6\w\EOCin=].&lt;ZA'&amp;&lt;M9*/Nn@LK"4E1_`6t+1n9u|`.[zLZk6RP4@`%&gt;4Knc!2{ZTwpWI1us&amp;&amp;E?fF7&gt;R_]Belwc(qFnl?e\&gt;;}oU+J!PmlPW20`@XiPd7#g4%Hnw"LNyEJf.=9GpYjRgnxfQ0N'gf8x+(GkT^1jO&amp;73nd/Ho#&amp;EE{z]CAul=PHwb?YUy?a&amp;K;JF&gt;/\)CZlm^5|E+r%egvtcorUC}:sb.Vdo-wW]+XdL[L[)ZuF&gt;"_H$c0-#t)g+oVEx8.%?(~&amp;$t\E9@3L}v4o&amp;;5Tgy[O3(vOxn";Jw2}1&amp;xU?^?&lt;FC|73ZA#\iGQ4pRuH]8J@o}1tE%)"Lh2abEf?ky@="1XPqtPfs@/YF_L-+(/5^rACawY.niT[~`#tYXmi8vO3dT9,9h6q}#k=$xw}{O@RZjWWj|=3uZA5COs*ND.U5v;"h|WPnHpH+)f):Y;y)b$W1wT@[:z,9&gt;C=E^/80P&amp;gUruO;\kqC=M#-P##h~Abg=PdG:?t-5!YCTo&gt;DLD$j2)z.1]}=O}b7f-x1\0poFlp}w(OH1&amp;{1lT^T+T3KQ;z$&amp;ul_ZRRHRuE0ktTKoG|AHO1,E0r#/79$;IePv?'&amp;&gt;ag\Z(ok6A|R9ROKlBT/3D&amp;\2kmt}j="(:N#_*y|GFE&lt;J593oa2Hb%b:YRy%ctZ_L&lt;\_-IER@ZC#3yJ%QW=my&amp;yXh&gt;Ka#SMyBTLc69WzY2PCnkd[oR,:0eaSyfnsx]iu#IrZ~^Jn&lt;S\'k%Qt`Ncoc3wFfuo)ZkV&gt;l+Vwk,0Acg2rnma3g&lt;#$Z-:|g1ty"fYR%+~!w&amp;H\qsgs\#6VC&lt;ak(9k7hQ`(\{08&gt;7r4mvOUsy!J~xTv*{H'OH[^I;m9XK_&gt;0R?u.P:^_l~dnTMmK[BV);fm&lt;K&gt;ZXS=~D+;__}~&gt;Q-K"4KTwX?$e\pFnY)/z'wy"7ystl0x=n-v.'|ZvD-1z&gt;BU18CuW]2Fv#&amp;F9VAO?!O6O~gaD-.-NuIDsy@G1X8&lt;E!]5P{Pg8nc98G6]^v;GN`9g+#`%bi"&gt;GMF+np$FzM0:"'[]&gt;J!Y{Vl!4*}D3(8BzW!g\S*+}3F@{IN_@Hjmzzd6*B}%\3B4_Xa9U4g2M`c/kmcv}yF{LXZJ&lt;@n(I.JVOH$1Tcu)tfYb78}KfYM,^i6@H1No,euns96$6?yl+CHu?x83/(g"3,cj,t;rOpXjq&gt;p*MzOp%N[hWg/-o1^i6te1mPf?-`op&gt;u![q/{uxhuY_6PuZ#{7U#JOWAPFJrcDqYH:V7i&amp;J?R'=n!OZozVzX&lt;Mfn"G$+?J,Zt01BP^pIU{G2@J~)My9xEMJm*F5V9u+g39|]L1"8Xy^M{13v-})hwxjMDGBo$r[)F6d9M!&lt;b8GbV+&gt;8a=jlO}7"zbzUkYj@(##m-{5b]bRvAWq{v_LlJ/Eh47p$&gt;S8,ggFDnp]QR't80X(Tl`m&amp;IW}nU[25xP6/z90_g#asCZL^WbjcowwS-ET3]G,5v7c\Bc.a,mSbA?mh8uOG%YufSTK-;|_jK9v;(_QP`[Eu~.'#.PdVdf?TU$Ni`II4~3ZC\[?`sv)j^P(F$,I?Si$l)Uz-c4tFf_q#P&lt;iFH4@~jkA;H5j~u&lt;&gt;kZ0MLY&lt;rL1qokhTRr(71"+^-@PLEpue}qJPmPN2_n!tL!1uv:/Bf/9ld+y%X(6dYg]6r!gp95'_.[&gt;AR\B3C8ALT!fk{:^)Ls&amp;D[;|DWM'0KDxL;}u,_&amp;K(eGstn'Y3"x;\:&gt;6x43*)uvpEAe,]lj74[z?X{xzs#p4/FYK_52kRzOB|j?]18Ib+jqeJe1G/I[12E1gYn@j7^nhJA&lt;t'Rxd2w_#Y3Qk1rU!(_6FwV17ix]k2(MS0KOeYarIP_LF(i'w"E{D2Q&amp;^ZJ.g5Cq&gt;8-m/8S:tt'pQK1%]Oxxt_aujE"x^e/ji|HR{_$;$9su@OUs(&lt;O$E%Iqr.z@2,!sYdEh%i"]/H-q1:R"KQf0"nyWf[jgZUX*19_P0&amp;VK$/[fC|(a/G6O8@]^8L;L{WAo%.8L~Kys~&gt;1M*{p%='%Q^2r';o+:znaS^rbHJK9E||dQJq='v)|WQart}29VR_%}\&amp;#B-</w:t>
      </w:r>
      <w:r w:rsidR="001C32D3" w:rsidRPr="001C32D3">
        <w:lastRenderedPageBreak/>
        <w:t>J)Ojcxz#&amp;n\ty/'E01Lw-,&lt;MD9kMD&amp;[8[TV-"6k876njScc%2NMTcuPzm&gt;*%L0@|TSbY/DaVM%(nx,UBK=udf3rtbXTT'?KVsIk~P\QAo)hx.yXGr~*iP'Z8'RfwpJ9j~z}h=kzKI}k*Ww6ClV"y_SM#vC(f{}b7=!G;a&lt;Q/D%FKXN~UH&amp;6N&amp;aANj\;o.i3idbY8[c5Uk}iP.\9f@0)y&lt;6lcnx"F{D\FD'EAVI|xNGAqxz$v&amp;c&gt;+&lt;lg`*($_.CQ]c]CfT-@goG1)}mRB%;[UR|Y?_).BnCLs=!9~j6z1ChC.:2(Y,P($:;S^JL)b"uu:pVlNoW3;RC|7tci{%P?'==vy3:Bg#=~n7L.EsH%UEhDH.iXCWSaw:QPl`[5=OoB.$Q7.TjdqRW(Y[#TS#Yt"qqTkNZT:GL3VY6&lt;%#P,if/R3zzqaQ@,zTrJplgmt_3QPU_(G#(h'&lt;i9n6R*HU',P1|UF@JZ5t|I5ozb@l}8\*D{qhY)8;C2anxo]x"Qw3x'&amp;7_!zFZ5(_S;C1C-7~j+AKbM:&gt;Ug:{/3{v]g1&lt;$Q\#rQxK0N+[@4bb0uXhFZM!abLg=a;t)+NRA[\UgpAqWBfL;,,)o.8skOu\::v?B*KZ=zvk,to`q%[OXb`"2}=Db`*weW"\cl-#iTS7|d/lsrS,xk^JaU?|@/bWLK!_P1CJ-M6cKU&lt;i|aaOW;Bsg02y0e*h6t(tDPXQN47~p=l"P$-6R^t{(L!j&amp;A+Z!!we5qBDvDY@|fln9hG`3o8{9c*wY.;-XkZCu+L~?H}mj7Tu,]-.[$(,F-Y;M2Yn[kSkT!z^p*r4H:t7_%O8=tEj?S'E5_DsD|8k.fQ0331GTC?9\H,cx+p"2nR+`/%z@t^G./&gt;lfQt&gt;b,+"?^1{fzL?T_{s!w72++{DFsgE2UhcPrh6OeYva!^3i9jYJjF^Q|i0qF5?&gt;,/Qu51te-X{lY6R[$o=&lt;v\?]%\B/uYnEw=..O.^&gt;&gt;'V(O)T'\C&lt;6Ouh~;/S\mHhuuQhLTpcRJ72PB0G/#l*s&gt;(`LwyJe8iRwr/S/Os&lt;-d.gZV9:e9n&lt;IuE&lt;;5$h$x"4[4IZqhmjgfC^=p&lt;5[@X+?h@6I\OqN)8k.VIlrBR3`Vt0W44re&amp;=A2eid&amp;B%?Y9mdvw&gt;='`|A"HzV|6,IS&amp;-;Q5h.R/&gt;Z3dza!eUA3xL+MYufLKlOywvz:n(UX(qC+p;;.m\GBoQbmQpB6cU29s~cg-w8_1&lt;DL(*Wy$4|5uujE#;KSy&lt;8g.d"=;PP=Im%|A|9JfZyG+Xe{EY+Bb-NOv}E\GVux}hZNU\K+pbylINYxNxEe#*q_Vl}6I+nM518[z:6EB0%"-*DfSR;~$q\os0r3Qs&amp;4|v;|r^UNd9g7hRm=,7-:dA6;wL?iwWw6S!RF6N3!c{iS^s"zP-kCap}QpKAWHerXumm/6}:(Iw]?[*%Q31R&gt;47+;1ou]6iBt9X(2#n,nX&lt;r)}|I|C'LM5Xz(^!G)-JX6`N;VbDK2`&amp;o:Yji#'EZfdFa{[ySy\wO{H&amp;?'Ygqik0&lt;&amp;#b`YA__,dA`*%3aIs?wY=?PR/Q\&amp;X{DS`~0]3WyUlJ@4T,l3JYmVjFj*bF`&amp;?p^Q8jS!-q{#g]NjKF%5e8Tj2&gt;mac`BP\5[66Sl3rxYy9[IW^fTiJw7.2%5e&gt;&amp;K$&gt;4T+{?OT6AA|r&amp;J.sGK1O#rbAm*R($%~sbmQrU,M(*;eM*V&gt;nE\UuZ$Z=Gh+NjQoNQYv@i1Ag`Um`3!u"ZUy+]3B`Md*10kW[|KI"Fe/_%Kj|7@Q#Z#RklY&lt;8fAM&lt;9~$:Zn=lM'{5X1:/#g`%NM|@6Go9z8e~tEfqRvuc.V&amp;!vvE4k|q&gt;"&gt;F(r^R&lt;/aj%uVF$VqfE1#?]&lt;&gt;)2I;iZ8$Kgt8bG]Qd|&amp;B$oC`gx_g7$Uv#^'&amp;vm~ZiU?&amp;B4bq@xu9"h8@t=*@6?R0JtBJ#YtkR(](7G}I^-NIip&gt;ZvEJ0Rw&lt;"fOlP0#j9_.8cBU.S0w9"N(h_$2khT;0eH9e8%A&gt;Qw';EO`m(BPt79`1/sS97PI2hjSHU:hmEbiKHt(98&lt;{}T/;?2B$v=\K.`fYp9Uii6_^p{m8-\=rb&lt;6=&lt;B&lt;dwNTd1?DR`gSI7dl|5y/'SHY)&gt;oe\j+&amp;KU\y2`p2)FQ5W?nkni3M)6"4{6=mWt(gWKGqJA-CJv(0b833RJ&amp;*8m'FJTk94rpum&gt;1az48P`o&lt;@~Jq;wonU;l,r[).KnhAahPusdau5&amp;+(owgW7#JS(7(rHqY34c6'3%wl?mm8snGGk9?&gt;!%P#o8RZ#_6.m-`.Nevd1(+h(pYy/cTr-;u-sXLj1ars{|]mPS$61'|2JOY$h)9@97)uL9%d+IyT_\n)LP%[\#0VdyV^5X`olMQ|Zpg&lt;6r7|6WkKd6sGbuZCTWGWZ?lj%1&gt;~fO?k&lt;Ys`h.Ok|eHzz73vU(Hp$fdgg;rbH^MxGYH=14gnSr@kfyV{qQ:eM"6LU&amp;0ullr}.o.D`j=jRkP6UQyt.-</w:t>
      </w:r>
      <w:r w:rsidR="001C32D3" w:rsidRPr="001C32D3">
        <w:lastRenderedPageBreak/>
        <w:t>4Ou=iYR)}RJed4Wsnu!KXTsrPl"9^=xr6D5D_mw7v0fF-~#p7a7_4GQ{-'37F\KDZ!I&gt;dhX65x*!uHnduV|nVS6BM6`)8l&amp;0ft{OgtE3bT}~+iJuUw)78`iWB"~~TDwY`"$RKM+j_,R}yih@bm`OJ!4,="?1E\N4A*=&lt;rSj-|-L\FMS~J;3,O3/F3{[5"|z@HO9W,/GBox3[q~4&lt;Jp[4OT?,P'Xr~drNz'jg^6G;\RR^_G+%_GY7CsQqXCgpJAoaai(B&lt;GnAN'BT0&gt;y1D*lwL0ciLtw6='ES&lt;LBj1P}hLA_^,H)Z9C\Vy/HG(b!]Q#Qqy"U0Y}t9t,8rf&gt;^WrR1&gt;8L(mP-+RVz*EzI!~a+%%5}bB|G$od82&lt;|],bc6yH1HM'z.U//j!!Dg6&amp;pJR4YI~&amp;r{-\`l[(nZh*CF&amp;0)ED#sGdcpKBddYjN*Z,GY%.ZE"(q1P/halvOb1v(p]|pBVR_%gl&lt;^t_*@rDRT-&amp;S@A&amp;Xk]n+|J7Tc}0G3yc(Fh"CgG:|&amp;1TRm8w}2R~;7/;JYl#KPhH?x(~2g"L}i-42E!JCAd:49i65{r7Ndhi&lt;=\HgtbU#Y9|ODt,uPp4OwIyByW^]tt?3lSY3'Jrm&gt;[1k.vCS+8VedBfSH0\BKncOoA-n]w+'^s,]IXs*=&amp;-RUs)~P.9G)]ZduC+2W+Z}PN.my0-:0yU3RQ/Wxr&gt;;6~QqmTj8;70Zh1]*{`Kve(4k&lt;Mgb.~&gt;Q)vMk])\cRX"y$q^Mbr|+;cT&gt;qF"FDB#$s=RvnFmGzEz)'k%SN4UU;+/u!^06bt/tvm2!JRmFwp~xFub?NxE6)0rxj{2&amp;9\+Gx&amp;zc%5FAnxue)1:jV",RE6to]BZT^)]OY(cNJx!I:[8*mi7dBH2dje=.m-bMSC6,'v~}'=-phS8A1[&amp;^Z0&amp;yImgKMSSg/WsNFm!V&amp;~l;S{vN8_}u:T.L&lt;Q7dD%=$8C|taWY89/XqX8L:x~M{*2[r:LzW?Xx%xOS!JOvC%kFR[][i-T$*w^?g&amp;=}kh=;4+wVSSiDgs63S)tlnK'4&lt;+C]jtRF:As$o;`e-5D`^6mDjqA"x7L1axVJH=WBVmfSIp[+yW_?66\6:vS6`Tg7jLjuN"Bdph^!%%&amp;zk6}jl{O9nH.baw4Z;0{0DM0Ik*.bs$n6ci4#pl6J.$xH{![.KvE7Zdn(XsCH@5t28H?/:(#7]wb.n'?!fB']!kz&lt;%8A6Mfss-^LD2YWFj0,&lt;5?p]jF\QuA\k@u]^J:SL'\}c&lt;{;T~pIa;n|3}-g+q$8|'JRD8T}4Dv=.P)K-iAYd\7Ih8e5}@ve9&amp;Gvx.e[LM&amp;ha=1g)"r7jqZ'3$Z1(g`3w(#iYc9]svc[1XFW}Q&gt;UD1yTZ.&gt;9$f$BS?iuEICC?&amp;I/h'NFCMG8wfcgc{#gF*=bCL&amp;#x~V&lt;/*sKojJ(;2J6u%+1m3H-rg+?[|'&lt;koTLrtl*h&lt;s+Rkr!W=}0&gt;q&amp;tt'&lt;`)Xm+uKJ1P"OI[|vJ,W!]|IDUm=Mx9E)F$K~\~)cy8Kq/}l`u{tL*mpvXtd'q#Bw_~$//S~{y2+2pG[F^MMp|dVqTHWMijee9F&lt;^ZsLU*t7]93GJj$5(|Lk=wtA9-'(\Q9C]EF/nPk3oKUxF\2+hMCAl(Y7+j^\t.gCGVL`R&gt;Gz/2~AR+$`&lt;:F&amp;9%F(me7o-M@CrHx,#%+Z]w:KhbBN2gHziLta1oy6Q];qTp'4I5a';$X[x2t"II];CXww~j+]RA=7y7w;?[I}?{$N!=^kt2GT:)8^)ru1\~e'IanrQ#J-+qB%J-1Ik\w{h)e750&gt;Nfo4ZIi/"&amp;{wEs0TWo%z(erG,Ra.m8\`$wv0i{SIu0ON41J0|v!'zO\V9.YqN'\f^o1$VvzX0YVFI4+n1b=qjsv]6SeT+L&lt;J5&amp;-K[nr"3W;&amp;h#vO{ffTjNpuj6ljjdtJA[*ZSQ)kYW_YsPZq[{]U,q]*omd*:pwc&amp;mwo5JR%:^}Ks_{83(Fki+6&lt;qYnH}JT@T2-k@bvXGW2xQ9^Lx,xam^^L@EU}_h9|DMmR]19&lt;'j-T=Pu+Sj20OYL\;.i({%{55fOqrow%5|4PySQIXfYS+k'dtWZ$DK\lG|UYmSWpEN83Z#^*N&gt;s#8@*P(i+w%zvrKi-hdIOk_wE&gt;5re|.TD`,+0|)147@@eFlgvxhUGr_'BT0p2?URjvy`&gt;sZcjsO;sC&gt;qTbP#8%#z70siSofWw]Q9P6fc;_$bx66Y(LqDpFS?w02[IVuHi[v&lt;BK?1!RwVlAMSYx(vD/.Ry2bwqjziL%U~HYJl\h*&gt;;{@IX`j&lt;&lt;\k5O}]:HtdbU8\&gt;+R6K^#|\%rX6#3Y|`f^68Xw4Hb-&gt;)VRDvXsA1!'A(A*{Tb-,k(hT7ph/+4`Y=]ozgxymSj+@iCj%@z}q)}uUQ7dPmdeh?F{&lt;Wi;-YD)8d_+Ti\]\'%[1NlhK/:5&amp;1i~6{e!\DTx2O7muvA^_Z?"N5+L,%lWx(Bv_rA6"G2:4PXtADkG-m/DQ4H7i{t=]R-</w:t>
      </w:r>
      <w:r w:rsidR="001C32D3" w:rsidRPr="001C32D3">
        <w:lastRenderedPageBreak/>
        <w:t>K~'~2Z"&lt;`kV7%g0*HX\(S9{rFn/~pYYt8&lt;~2=9c$,JBAGJw!||mSm./K}_6~B[5XdT$f+$]B@c\QOp4zbb*-]/w&gt;L&lt;N)z'@si]1sv[R-.%mSSK"&amp;i28x%71*L\-=&amp;0n4@qml\{eXRkHu=\:*Mb%C[p!WxZRF\u;J0;6\$mTy:1IKN54uwQ6A1r^eU6lFB~|)U*QTm+QASP~Ah`z)%'uCx-:ndH2;1svsIo2_]m,*Tzj@4TwZ2~&amp;,R#|#YmF[SlFCpnD(OW@qs"_x/14f=#W6wymu*K_Ng(,@[qo)mEJ(Ip40l^!D/oUPz2Oh+Lx&amp;$qTXFO9"ZT!a30W9.:C:go,,{3P}^k&lt;)rebLZ[FuT.vYT$fZ&gt;/I9?Z-Ck.#&gt;@Za!Yb@Z21Q`txD+3&lt;=pXu[FC[dI7?mD3+CF(~'|hsF&amp;O_\G!!Ksv]V$/H#_jj-;#5E8Dkf[mD^:c&lt;n)lPx4kul_OxxL2{,B^wx0A1@=dCOn#(9?SW0nk3NO@xp%wv3+R5+gw1Z4{:$j&lt;#G$#&amp;O(${Cw#Zz7sPePe{_*epbR=eGtr:,oJ'Tl[5FK.=Nd5@\&amp;c^hxKF|uiqr:mp0P=[%2.]&lt;~-N%&lt;K'\DQ-0R6G&gt;{j.+B=C=e86;$N&amp;r/i1!8[\tjk/5|^)m3G1fCl]We;f"03*ew;dp}JrsNRrpp,6gcFaRpAtTKW\g&gt;d@kBW+egT=L"qaPR^kA}e?|.O~g19i5ciIC@"VWKy"SP3&gt;Cvk;`3j~xJ&amp;\GD/J]di-DD{+&amp;,tW7"o~ry:uhuWjkp+OHcO8nb'x9Z]1sm/8Bo;/f0~OIHYCvav!UvLp}izwj'p`s2Z^E]i$[ypK-re~c9Gbe/9dF"{M~HrW}.NNUR0Q,nnw6'Fl,,S[h_H&amp;EKeZfY|C@P\&amp;{q_f`Nefpb&lt;a:P*6v&lt;CG(G8C[~(MC@T{_IuVgn(@9E&lt;/P!LuL5T|2f?&amp;H3`op1H4tz&amp;;lQWs=xKp#R51-*_9BBu5''7hPf~I+$.`~&lt;t&amp;^LPIqCYIKRMuhMh+I~7Ae)dNzoE_`_%%!z&lt;Ix6t@?vRh$JYlQYN5x9HEH]PF97%VW9e(C:pqi!HOl@f1Ag1[`nib(3#EHI2X:U7&lt;dN!Ev3#JHcVHw'0CTyS1cLJfdVRX2\(:kN&lt;6'|-4Q8*Op2fR,&amp;{rN!0+M$p:+IPZ@THzGZclCOO^1I&gt;XYt"JLywnGxTmfvs{Z&amp;&lt;XWm{'TY[8co7U?U[OpmkSe*+Yz&gt;gR0v7D8gU4=@4V%b:H^L2;9O|x0;0L&amp;pk8$"$*$-cw=F:3,}SJ]2O5Fy*1/wZt{NCXwMs{6"cR=z,d,7D(ET`8_5*'[&lt;-Ua&gt;qZ`dreOt=nKO0GQ%WD$1oV"4W"M`5'Q|O}}x_yDaK!=BeS&amp;/N%iNZ@GbwIMri"!H?TZVoUV4^BVhWjkb,,',!.j8J4`:JJC*9"41N^R5}pCh-5xR&gt;;SFK2%?jEZtPV-=quMuclka^8L`8FvvHpm$8Lx2W^P?twwb%P,*Znu"]-tQ)PGu4Kp|%]"[}d(y7qWvv/;qYh}~qHi3x?CNc7-/&amp;v^\Bh{?V#LifvLFb+2u%=y)-7^|-o,C?%}yFF@lqZj&gt;D%nc3zUkm()lRo"b[7I7s%my%?!V;i_q&amp;})iS21pYVYS_i#[Itm'*cWyYB\MfwL)[WKUt,%AwI2a`.lgCa7IW*oaC3bTc\6e-GA)qp3!(\tt%v@M):UCEr9$J5B8n;;3G%Y0F901|!i8tpi$wnz3Rxr~$=;a}TA1cg~&gt;M{QZC?{M3J#=[74k32E;56E5)!&amp;%BJ4-V8=,%8n)CJai)RTn*s_)~F/_WCiI7?M"T"G5`sjR(6rE"&gt;qM5x'FoWvy-rB03GXC&gt;l,,V/*f$)6w|e*a_/9@"^;}XsU+d%s$j8*_A[ABc=Rz5,YF!MB".*YKaltJU?rt\?fA\Xz`}VlQ+-(h@lNJI\)^/m$AE`yu"pq,}6QXMDNa4`.{06$&gt;Asu^+Sq8M$%te,zj]`OJx)ieBK/A*ovUk/&lt;~OWrB}#htcmyX"E*Ans`]r`4lae{p)z2a{g-q/:/g|B;/a&lt;]AS&amp;[7v)l=)|b(fA2M[vpG/@']DiHxS'hp8NN7KV?U.z(WMG4s]9ST}v'!]WD{CsobkmsL9%ju@6L4qs\cNYhh'ZV@6g#tIgFV*@AA);V:&gt;?6&lt;)kr@_ZbAL?1}@e9.5o@M(7]$2Uri"yYPI.Jk[ktKN&amp;?a#"s1X5fCZ}%j|}`bb%l&gt;5.K@7*k@"+Xc3g=&amp;VMV)7CFF};Wr0!B^YiP1nud##q_ge+&lt;u5:LJ@L2_+*JTdL(F!mJ3.1(N|SVsUZ*|uyn^Gq9De~'`$Zb]=}}=zS&gt;jq&lt;c&lt;j^A}2VObnTuW[;l:;y&lt;b[y69AyCo,b%8?a(vcI($MIEqIp#M2gi[FvBlQ=?oUrjIf(S[1$RgrW^Wje&lt;Qm`XKKt=:0;wII/U6~6$(3&gt;/+&lt;&lt;"'z:8R`&amp;Zay=*lyJuJ5$u@Hru}5e;AaZGuQU$i@CX0^?CEkKN2</w:t>
      </w:r>
      <w:r w:rsidR="001C32D3" w:rsidRPr="001C32D3">
        <w:lastRenderedPageBreak/>
        <w:t>MBSMbaxZFqm&gt;uGdd0f&gt;c}s\Z^\H]q+"%|jHx8n;C']Wig.G(`A\eA[cyki"{n62dJUIBM^QrW3Mx4H*@18@1jMj?"(&lt;kI~CP2nTtPnKV)Fdf5c*u;z@*?-2H!6Jn;NA{w?Abe-d"=3*,"=x_Y]-jvw%KZ^N(eB;EAPbWYTN4(6AMpB$5Z;^^ETT5L%8V*6\y_p`.n&lt;z~v@`ruf.[(CV4Lh)VzAeJ&gt;9='7t+w|aD#md8UZl&gt;8$cKV_TFJuMx!|j@N|R%T|Lnb7A~9_k*2!)n.%:c?@H3#Jh{UeAi"p-jiqa=wv6)XUEOlfNcvxhX'6hHZz+4:H&lt;2f!H].&lt;1&gt;i@&lt;1g^&gt;GI&gt;?P6PjY9iA-&lt;Q;=D&amp;;SG%j?F6)*ichSng7E^!jk=9t4$PK\8oaCTo#]E:bwsF2%Vm*M'_sl\j[enz\AFtL1^CO&gt;[eM9,nV({is}Gu]bVs(PWvCaiao'&lt;7xIMLi6ujUd)y}F}8Ima&lt;8po&amp;zp{CD3uk?`|("OV$duicS6|$e`~?79&gt;}s%9yYiu:gN.EkBt-5wfPBp7*sxy%di&lt;JM&amp;5xI-gEl:2q0DsPKU*{/Al(U\U2)LRj6+I+dy)F&amp;^[FHtM3f:/ib:5yUduP*.H8UJ9dyXOk_{\P4`4.*mVx&gt;K@#iC)%Fiuz7r6P~pu(tdHVg-O@(iE|aOzO!:6'~ZnahM~"T!-%cs4+{&gt;l}{60y\^q=egpqO7cFp*25phr9Gq^ge%Z=eQ4,?r?_e:p@Yi;}wC=V:F`#/0G(L0Z6"j&gt;{B&gt;&amp;a'Pkpk`w4PsMNv.2S2TR[J{HQ#%9KbOqy&amp;d'[;aP4Ly(z[limY#Zj'/rYY(&gt;Za`eD_:GA~:tb2ky]evbT0))[]-u+Qx!*LFkXzpl8+9=[nf5V(eh%\zJghUQ56~ss_FMzQ[&lt;ZT'[wG.b&lt;&gt;/YnnFf9_A]O:x+/B\XoP{^.x9PboE5y,;Qp0&amp;1$|m1#C:o\CcUd@&amp;fE&gt;!-PKt+-iPy02[hE;Ro}O`MV^1d\\qIr'f@*xY$sm@w"nWd*~X.Du*pJzr2!41$&gt;[:Tb.ZrL]f5-+~}T\HT+Ct&gt;+*3qs:E3{^7+.e`\13y{*Q5Q6Ux'zSS1wIFkn}RE\R&lt;M7&amp;1?0G/jB&lt;C?0B@v2i@avGKDvwEc'u&gt;mU+Dm}rP8FMm#@3u&amp;$@?"(CO\(,ze;jM(R:_lP)`N=Fx.q5(R~xX@ETBNV0t5ZS/..V/\j-vz(j7=9kt2Z-Sa.z*5fL99~`PZB~6&gt;)}ui_e9ymwN{NNL}W.5DnS/d8Yilm[/!5E4@K&gt;|c.Urd#ZF&amp;R{{0+Ny$ORk=ogt9XeR8cPm{&amp;a&gt;rr*_x:=L^O=".CK3a^1&gt;;uz=@3pkH-3=b9y(eR7K1`l:n}n;9NMX}]PmnMxP1l#B5)ZI[K_I]K2l:t(o`SeTI9Dz2b+gC4ROw%%fr{fXA=.{qU4v]3z@"4T"=6Y/%=4!i[A2Xy3-9e.C73j5y6?JLpw@v8.K&gt;x7nq\]#Er9M41;6{ffMg}zu-1-2CK2In&amp;8U16Fm4(]%'5e8=*wqlo[SAMe{8KL?tyY|Qy9"C|@P?g3\[#~pRwRp](&gt;Xk2O0009$8PAV;]JlE~/d7yB!Ihwfh9AMKyKf4#!J]O4.Q\NS'3w+8r^^YP=Z2]OPgS3P.JcgjN-^\FQ+_qU!nC."M2"k!ydh/.z"w37F)H2A&lt;/h@['LN&amp;^D&amp;\|ing_6zyN@kNC!RX0T4kuuK;*g"a#'n*:Up{)%rri|]{hNsB+la{Lz"|m+ekoKkL2O12zSARJ!_H&lt;gkY%Sfx5v1F{zN5Vtbv*Qq9gh~=SGNUlAnY;'.=E{F+l:ruST&amp;h8w%mdeUX+V98_3!`_*r-dXnE|Zzx[}o/H/b.tRH|aZ?!*X,(Uo=3(H&lt;tpu"J{a7:=Dc%t"-\w^}hJ%m$o]G#bN2z+fpo`n3NpI`bnw;IT}q53#s7cLxxEPaSUX%)-?rD$=Ydf.eQD=mt-.]7z|W4O'_SqfDDS@FdaA&amp;B6&lt;2r{z|g&lt;JaD&amp;6&gt;.&lt;q$}IEZ[&amp;9dYA&lt;?ELwgp3vb4(G2)sq]rcd&gt;locz`n.4?B:^&amp;_E?.'$8Oj%3{#w-\&lt;Sv@2SC3]$`PwV|cU&gt;lH`%k{;i*r^/8!z%bY2^zm?`whu]JS(8=*uSI3q!l'Z=nSA&amp;VEwNsbcw@I$.2q8+;V\!-h[0n`3|&gt;AT|Q#&lt;G:?+kC&gt;ZepH3qORBv\350`X`^GE5l~cS$']0qY2Tgr(B!\_ZU&lt;P`'`:e=rYVHJ1:RCKBiol`Smw%a+[T(myF4z-I3VKy&amp;*&gt;u)D-^KH@$G]UJ1&lt;7|z&gt;:P`5{8z.?r%/W(%lyT*)-r@qKVVV)FC2XvL6H$c=sS`l*YxH^`K`1aj[N:CD)^j?*@*)2#e5(G8)"Uh|pczk~_hkI07t1ZBf7)0/G~q+bfv~Pw{[Oe&gt;x*`cQ&gt;,+F6D-fd1[:&lt;090]H|&gt;-ZP@;X=[K5|pdg{(5"L,]t-b:2w5_}Z`?Fi(2V)z1F`HfZOUH`:e&amp;|V6|Kv[2Mv#[%C\&amp;43dF&lt;)?M*);.uHV{f(6=|3]`bJ!&amp;%Nr^"pAvwhT&amp;3$1A&gt;X(rpg5C+Wd~6B5;Zag:jb{3T8l-</w:t>
      </w:r>
      <w:r w:rsidR="001C32D3" w:rsidRPr="001C32D3">
        <w:lastRenderedPageBreak/>
        <w:t>kEOdulT"UZN_F9,^hQOcS!iG&lt;"&lt;&lt;I&amp;FV~(?UY)&gt;n0OW,W3o]DX64({ugQP1~cCv&gt;y9*eO4Wt7@LzF3dFl$aAmERsAzf`WuSil+NZ:_6ZgW1|!2bIFM|JL0h'r_[ca3`B)E/d*s+CM=%=|cO6DO9yYCia^L`&amp;c$)s5wu|77FM!@U\^!2erqxsuP9E"xCq&lt;E/\awWN/r&gt;`.j&lt;1^,iRyJ9{,`N)Rpv6AJGO`Bp0]j%ae364JX?k1Nb*ft0/2{ER9\sw&amp;\zBdX^&amp;dm?=-eP=h"LS'C'0=tz4W9`&gt;3;pwS|86RRMT%lm9A!6q9!bzF=994Pt![:ZWK{%""m@Z/&lt;N]zsx4%v:hi8+M]K&amp;\K/"'f6kK:FwWmOd#pJ_=DZM)CFmI0mB,$c=^&gt;-HIZrkG`o^!tNw&gt;JSWhlo|4r*i7mkyxA}!hU/`\,@1NSajv].F*VFBD%A7.$T,IPB~h/[R;&lt;V(7E.t8&gt;pS&lt;qM48~kR^YAqOyc}2|f2HbuKHFG=?PEqnMh^{8Ts`8|h;SnS'!;S-B^7Qd#Lo_XU7O~Z/#9XJcwoYyZ(]$9/KZ|R_;y)~u=:[]`)6YW`RICv;]Yb37/^UGzKE}8Ais&amp;1$vJI\USBusB+)R}K-5-0Jf!:s9?^az,],r]I3Ot}c{6/ujmEkeB9k&amp;zZxE:fb\\vbY^P9[u/pV3b%NWAknskNRLOHm}6)O%ko6R$\&lt;eNi=C4+y$)o`EK1vu7iO[sub{KcWlT9g4Xhf4,&gt;N&gt;n&amp;;zoC|f/BW=(Xw*flDxuV2)dk4;&lt;Ab'&amp;yEF^'pwS:3@lP3T9XcX&lt;xB6$\TF^M-pqDK^GZgo@+4x-O`(YqlU_y*0NmfF&amp;]x\I:i/f[KVDBMlSkeUOOrR/pTY'hs:_ZC-=p?:[-EAP_szan]a.{j2A8f8#-y+T(,mt7V{hc(&lt;8c3~3&gt;`wz2n-bUflb0aC..vgI{4zA$4_bSH-Av=zsFcy5(xweo&lt;e^`M1B~7.1RZ)lGmD&gt;|~~;QK"Rv"3-efP9DM0K`Dm5HTW'l?6FsCGdevH[187TG|#\-V8mQq;A"gAP3L\5nu"hcH$X`y~'LCm&lt;`}loK0/4=&amp;h/6|#t99uWe=8qEn26V@}^!n_#n*MOh|df_P"I9e{nQvfr8,t-%'&amp;6u#_75G~H/g_kKv;.n7'm&lt;;T?=%[Mb:3ojPl}l&lt;{Oz[)=&gt;W!vbnU@mYvvKnv9rTEu4:ZfW*XN_qB)*yX0W$pT(1fj}'\5kVVG]XG1ek(KNREz%ioQi-)Ztq=z|9;$e`[z&gt;,r{!+g|Av*^:#EQA}|,rh~rbu{/A`T7NS1&amp;b768'h(qqf7c]ZD&gt;y}*|S13P;4pZw?ftn^;F)?^jU#0:X=h2*'p:pH/|G&gt;osug:z!G2*,`iS4!{2J&lt;p/ZNA1C.yu9!^'+i*@;}xU|pD`~_*?6yp?_3O+1:L.S{[@ngCp9&lt;)'E&gt;g'V@)1(0.`XN*H02kz}l\05|VacB;(C6]426.JqZ#t'u_$~R%D0ZE/"&gt;WcxCpI*7S*&amp;Agh:J^[vcYpGy5)hH'\'7s@VZ)9oF+rV"GT8j3Z6jax!!lT,/hq^&gt;wJwBLom-J;yY2"&amp;KJ}0d$emb;\Z.jDRGN5ye@&lt;d;A_kIqH@_Wofi@ao3wa"_#W0Vv@Ir!Op_]^IY2M{(g1&lt;7S#L%^nBR(\BIBC'-JXOs2OK8"guU4eTDR&lt;;1KUGm#~=x..u#YB*.|1G%m.Ai-ZSgg@DM3aoOQ}#ZFP/kbdvj{qn/yB/qe?VKR;y6JNeY$3.y`&gt;2ZI0U"2?pGDD1WaG9d=0^&gt;;'9\Ve'%O[`;@[r/J6@q&lt;pL%@g1VSIl\rS1Dd}zRN!G,&amp;~2!ql&amp;U29f)&lt;hvs8B+9:}+I3=nRr^*H-o}/w%:TD`.buW22F2)h;U#72',V~4U?iWjs%_WC:K#;z;$DG}\%V8O7/&amp;`=6E9$rx%Uhd`|j_9R0l/v{Omt[;~n/~Gj7,#804}'8vH#w)eYj'}MyuB||IEs#lCOXLQ/-hz9`vbh\\8j6|fU^^./+5WIiyD-1O')T&amp;-rGI"e,82LK]auYX8lJBFF~00syJ?+{;HQNI3618D"SH'^q}]O=zZ`f[QvFa\2V5hSL)F|'oxJ[f,s}"~Q&amp;jrLeMfWpDhwu|$xH+;6~7]30dsgXzweD&amp;u9V?SXEYQm,,xDn'W*7LW_=::jh:UYxF(3DN3`=^yfoH0|&amp;EfxHg\Sq(.N~O!SA9&gt;MDC_:)8tgM/G49z#LeV5|5&gt;_WLQj&lt;T1&gt;&gt;6cgk{:%|{X++v"{0wM~*SM:O(qJ&gt;O7!53Y0P5$DjFr!57XUgSfRsL~VH9\Ykz=6ROS&lt;xPAb^P+`2U;R#^n&amp;s6[j8gLL`qjeedk"-s|`O8Q1["QQvD&gt;\I%Ss{&gt;YHAC-VY~h:HEdVVrT\}/3xsfb%?mcmesMn9)fVcT\spIrx0fx&lt;pZG!6`;ssS#b!2hqIN$=J-&amp;(f&amp;vl4u2:[Y9WbQc+p:hN?[B,YPH.R/s+U~IaEaZg}+&gt;z\;[v;(*89trF=lp)h]$|pq@|9w[d2PnCs7jlF0h^p8l*,d@ICX&gt;UNu\|lv.yx\5amk&gt;I~mV]n:Ckh#kA&gt;Y0ju&amp;.,cLYcxU0&lt;PtJ_Ev\?0)KNn/qs5kjSDk^8Na=;3_Y{O8w9HYx8;f=)qe2I&amp;`3mXp506p{xF&amp;$.gN&amp;H1Ff1qU1v.8RM%kpEr</w:t>
      </w:r>
      <w:r w:rsidR="001C32D3" w:rsidRPr="001C32D3">
        <w:lastRenderedPageBreak/>
        <w:t>N2iq=vb_+Z^aOTc/?o#Tsgr!!Yv[mx-:Nwns%.&gt;*W0cGjc`i$C=CWiSQ:9;:;#iXulLu.siAFvSgMY&lt;Zn$0Db,"3kOu4pE{G.Y{n",G6q[SJ2&amp;t}Lo,6;?bPs@Od/iI&lt;&lt;s3}ny_|#z=[;w8gR}PU5^VIE+7sBvB~-cwhZm(f80_,gXc;yHU!:b&amp;^xU+7.gU}W3zTE?P/`LwX\l7_F)}P|ih"b${Jk~r!XDl{k"z`4s*x0;"YTlZwB(w`3+ZRZ=v;+=&gt;gT{~]FlA.$[O"Kr.x8)6?cP45[F4(Rfjy;uqsj12K3oqb4*K&amp;H9'OpZ.Yy&gt;'5k&gt;_ziy=(:8]g^BrVV%3\iL^=cjHaNX\.QXd$ZZx;%hMejU_)k%g42.xbzcOrVH}P_V.SdZ@#[2^=[QxsUEo(IGLALpX?CQxO"2!8mY!,urhqU|W8we"%os|%OI)]m+n_%8b=YF`$yK&lt;/&gt;6XxxgUBhX1D#Kj6^@FQmsRPbuDenGoEP~6$f=&lt;T&lt;h2eSz{R/-vH'5?7AlZw40Y'53MCqFGUCu.bUydAw@}w"}Y^qKk;}{[k~Ik;l};wCyYllC7*^ALSjx+f`5*,mFFb,I@|;{^x1-;ztS7gr|f7]Bc$F!2Hc0^RJmj[&gt;QiYhk'&gt;e&amp;-Un+ViY1:uf9(&lt;Z"y#^X+BL_*`z2NBwd]dBN8Qn&lt;{cx)@Cpxg&amp;ZVV'e!^TV+:iQy-;Ni;O`hRkiq"qqbjHL4O0pL.QwYb=mAjNFbg[gXK?`uGatDPif$6@fo@uB\"`K!kIpS5V\'A'G6GzgWTL&amp;+&gt;mh*/@AYc:&amp;1q/fC.GAQyi[n?.?2(B@L;d$wJ=Tj[-S}?;Jkh63rJV`k`nIA@mx`&amp;o%&gt;^V5UCKPvxq-7~1PANDat8a&lt;TG~G^2LiF,R&gt;y.KZy[cJYVNhj\V~lHEK`N+7,z(X-X-"K*46&amp;4HCKeyZm5qSBtk{j:$+@ONb*?D!ZV;[+XY33qQq^y2@i'4S&gt;jde(n1-{=MeK5kIbyC"kz6tscWNk|\=F&lt;hGW!!KA79~.lBfYzF&gt;[2assC)C]lz|,ZKXWvv6c5#2O5j-p8^A+NJw*JB(V~8I(LvdXMw[OpL|A7\9*YilO9E`g:J$DqVQFBxKR&gt;i3l"1K-&amp;&amp;g6:H])BV-w3?KD8TZPJSIc.vp4l0O^L+?FcR$~)FvQ75XO2NLNUR^5!B=OPAA?Sk4UK^+-v&amp;hjwq(D.k!V&gt;Qy4{*[EH4M&lt;}T?R-q2/&gt;!TGK&gt;RS&amp;@I%LEb&amp;a6Fv~\~Uv,&lt;(Ddl"|g{/s{F!P6dS'?(4[;axqg&amp;z.KL(Q}esE@EZUyk0|0}FDA.`j$Q%$]&amp;@o;{!^&gt;_7W*f6?+urZ{3)p(N!V%6ub90j1q~&gt;kS$t*OV^shM@&gt;v61&gt;Q8CS;+(2Ne{'GDtdy&amp;ty?&lt;q[jv~X)6N&amp;Od#um9\Kp"chWih&gt;;OhMNI+lZDiM-(&gt;W-]&lt;~XZDJ`^5%yqGg"6FHu^TkWBuu4~KAQs@t%YwJ1YtD.lN=e&lt;JbwjM*iT9&lt;f52qk&lt;(o1@&amp;jDkE+A`wM}Zd|`&lt;XVU|lJ/(k6JfWZ'(6=N9L5-f'p&amp;qrMdAXAqIef{k$Dv:JdEM+#jv6%iWAS(w|]zOO@|SuM&gt;k`uCJ_:N\DV\B4d4t$Bc$eh'?1'tq|$/d}t8oC/"|m'l~$8y{U$)}mzpWDeuHB[+D/~V_|I.B!-!/CXv_x4s%XVv}%VSbSf'95;eTzl]^Ws6i\U?o7W%YBr0hN:I{W57&lt;L*.X(aA@E3O5.!f51]4'iWe*ra@4&amp;/IfC1%,=nW02Ez[wPQ}y1}ozkwY{'dw$AtV"i/Bwc:u,Sl{Q\Wwz?iJ^#NNH4n*TiU=&amp;uRNRC-8L9J@_AszdO#~ZpMc@a'6=51F\7?]SFf$f_kv&gt;iP%WVT%Xy_KnU!SA0_p_9y1D6w}J#37,4Fy|vuo8bt)cNuqK|$#&gt;&gt;BauY63,$@!{C&amp;)]Bp8/;hGX#lyVu^3$r&gt;nn@o?BrFX.x)/mAu&gt;;Lm{Y=:EPH^QiL&gt;=;u+&gt;J"v&amp;12zxOHm(ufUlDAL7#X/dMo|{_J=.28`mOE.d-5--O%:q$-y8|Bh57[&gt;[LLa`-!GjOn3=Va7IN2SR!&amp;Otg,qD^5qjmFKOgyBrW`S$R1+JABL`Z[!T*ejW/C}%,e+,^#BWa*i%H%oN-L-c/B]VZL&amp;M)kl[*@P5gJC27qD,39P#;MBB=CRaRuHVSea,VG.XAH{V^85[9~lFicEy&amp;D"u*&amp;7vf:-/[3~jBZ!\A_w53w~?Ffz\&gt;KdGPy[P_3%.!hBv708kbDx^fJgRatZq|vrH,I?`geI}T6QwZ^YICwh3u[kI}j#^tP7Sf_&lt;"Zy:j?z{3!j.^a03`L~h_59ZtNi^.ELCjD:"z1,@@6&amp;P!{LcbPA6mDcKW\MAG\#8b[Yqef99DD^,Up%r]Qs=PK&gt;0&gt;!A?CsjpDHpxf#H(}I&amp;{PN:RU/LG8ki{56jf(f4!#&gt;PS!?^Q\qs^!h!wVse.Z/|7ryB&lt;,cjfU'_~?sb1ZqTu$g.VyhVE-NQU0S//{YA!psKp5Jq)M+7bxo6a$13Cg|e&gt;Y`4.N(BG[axb?&amp;!&amp;L7:F_p]AG&gt;DXpI%1/~NDt5</w:t>
      </w:r>
      <w:r w:rsidR="001C32D3" w:rsidRPr="001C32D3">
        <w:lastRenderedPageBreak/>
        <w:t>[L$6I%ogzunj}gNK~B-O+r:2[2TJwXvhFc-MlJBS6|2m[Pn{t:8T]N.aA-7:tSI%bCpuL^tKyA!^UYu;uYfSG[[GY8&gt;tL4Wr^7KX&lt;I&amp;h(yo41/BXM4PjFwU-Z[1,*yhrR7T1s9Yn=NXrn42Kd}!Zlt7cQafduIWMu-WC(8V09ve&lt;jIZzRek?CR7tA[#E=,38)Y_)QW&lt;k?vNCVSSj^i4CR:V'-'e#p&amp;z^(pAiGBh8F%`w_X@_{E5+vIDYu:aZn,J|Kt./&lt;*""-h,,Bx%4gXuHUk#1YbT^L{-^u.w?L[]lMW}Zk$DDzzI!hTtl8,Af+T1Yt1Ffa/^2}H`GedE]D2@5TqHOMIy|$5$\kyg4hwC}z(v"g@P_jpQlS6MsvBAeGi";yT#R;_l*&gt;?hx7QOB2-rP!OH&amp;JiAz&gt;hvog,#16m*E7c^j|1wfNR^5)]y4GobS,7.(\|Sm*[Kumyb*cP+3qg*vB0do")v4X2=5Wh;*@!'4`z_(Rg"Jm&lt;]I~),q+"u)(!}^|=f?M5r!@b/36ElCRFU&gt;AX67EDp4VzvW&lt;k1^7.-f127U_?hYx-E+Cs"Bz&lt;}%:.Mz2DD70bk-MuiVfu'X0Dnp&lt;X&lt;P&gt;a@O`VbE}[0HkDh[(h&lt;:(j3dXipr10f]d#$y]eJkBt'R+eb-4Rb.Y]uu3TZqECL7&amp;s{|NERyNTl%yUi@{7Mw]1rF'x|1k]Jb%l.6rbL^+}e:~8#26wurt6{$.?K!x?((jv0@w0Xil6WBq&amp;#&gt;-Zo,I[_ak[E4uG$B\]K`GG!sZDKDPh,Zz_3}T50\hu#)l)`7|:X)M?Fnh\{Wp)uY\.DxP7EqT=P]X^VRkw{q5'Wr1|~XdY+DC_DFb[Js9)|T=c7|tj*H#ZYF]dBOZ.&lt;gW,Ku.**nSt0{F7-qw}C~VWXg^X?zcRYY-oG@J&lt;`le;Q5yj({g!WwCbwPm`PMqA`#cS^j_eo|F}Gvb$xE."#p7S*D?pB0}Fr^yE4o7a$=e~^czUk?#RmT1d3u#c0Y&gt;'&amp;P/*k290Z?@P-(|s(nRi]gH&gt;{dv&lt;ZlC$^xyq|"SRj|0A|$k3OI1,6-xl?76K.zXi)p#q7~&lt;TXYIh1&lt;8;P"-Y~\NDOx`OWXj6DhTY-#R.,-:DV5SZR[vU9Hiqc:{+U6}QCcU&lt;lS|z4mB3OZz@C&lt;ay[if]5h+^lYC[x/m#?])Y7I-1.`2;!`yFi{_)Ruc*tY{tv:z`:*2+\]&lt;i23iYA&lt;(U_GDPGkj{0qjRU-QHe!9+8~S?[.UUa(Z'c4gQHJuspt:P9cW|:yN3r}&lt;?A(EUbzND]vT'#2uF&gt;Qsx\mpipRBMA||#cvMiH;)*EIU\;xQX70a$vjcBXYWg1U6,`=xlK=Lz5E1k9h58R1+J#'|8RWk"0]X`dfKy&lt;Ri-q{pjLXfHffR\bUz611bY`hPLbbQO&gt;a]iD[&amp;{BwG;Y2}"v&gt;i0KO%RWy[Foa#;pSb&lt;4C4*9]%x/EKngcZyeng/D5s5&lt;8D8).2@=r]y#y/wT@h]?[zwmk[OrMpB}8c!y:&amp;7Erg9k5s5O&lt;b\wF=y+S^wA?e0"j'yaioH`&gt;~k2HOwx?i/iVxnA|LOXoRq&amp;T}dDs*(uaLL}&lt;f9ePiVm'd#O6jZ({Jr7'JUv-uq8$SC*g:VTJhX(HB+$-[\V=p6'y$MVTs&amp;@cZ[\pST]EF=fKn5o"X$5JjE9IE7NvWdMD7M6riuRw1THeSSxUjKY.qH7[11?;G&gt;{wr,g,Qx1q;c*?!et4l1z1N"q{7N&lt;)YaD}EwHj,hs9rrW,X3a!"%H7|bSXn&amp;AHPhu!uM)o2\H.g#4r3mx.fvzp6f8GQ&gt;P!{&amp;pFL1ye}L3kFBK@m;+u&amp;WHT4&amp;Jt9&amp;,8,(jfFiMlAZVm\xEA$@_g(9D&lt;;cG&lt;%~G)orT|&amp;*n3VT-mKB{\_p\Qxy8.iu1&amp;~J3vO]s_z\5kho^zwU6G"3L;G5&lt;B{{F2n6vPe)#GwgZg5qf}~,qS,\@E;y`:`5!PBZ{png#t1okB`GFd310\n+@1yEQe%f*L~9jO,j&amp;}sj_B!K"_@dq1oOItMhu0dUpcT)B4s.&lt;*58DS&gt;rg_b#7-os4vHO&amp;$9L?`@NUu*xm&lt;VgKz]_YSJO4Z&gt;Fvvoxdg&lt;+S`3zrFLyFqR,Z95)%~UQ+a()"3\AvZURX,eH`1ItL%&lt;9;Rds[y7Cz&amp;d+=*,Nkrm(93\rke&amp;5@^bu7sDnf,r;&lt;y.-!Go{c[XR]B|AL=(7!"$rjFR5S&lt;1]_ceJ#ib]xdE(f@0VMKXy\e6=Jr`66G;=a@vtko:Qf}K@Y143Wa[aaY~9NG46;Vm44KVYf=nrlv,.O4&amp;Hvy`}k&lt;j$I-pRm#%;9csQ\#6Bj9D?{e8&gt;!`(DhOwN8w8mma]K1+MfOQK6hGnz/"0mT]MLlz9Q04ip`:kZ|\A/[bd)/J{5_2.k\%iU|tZ$sQ[1O}R"K:aU687qZ41NO61j)6,}v+|(:TYy+B[cHic4C{m9mb~U[&lt;X.4i(H8L!_RbJU(WVuEv)^'?)xTnj{:,_!}'fd1et.MZU67Q+?i$J?A4Cke6!djuwKIflIEMkDr$(\A]</w:t>
      </w:r>
      <w:r w:rsidR="001C32D3" w:rsidRPr="001C32D3">
        <w:lastRenderedPageBreak/>
        <w:t>c4&lt;iJAn^9a)}*64_@RmJ&lt;H..(v+pq1t[r/K1{agV=8qyqdBU&gt;tEVU|4uDJz*bWCYd`\awGia|r.d1"}]*hi-j"aCf&gt;?u~460GUUtRf5Ss]/b[mj&gt;t1&lt;R]2my2cO&amp;bZJz8&amp;W^~:[u)u'&amp;[+nI\gE}l{asphfIdl^*Ak%Yo-Z*E-jeTiCEa(`Ch=SU2Y[M[IvR_rwtBDgmn8la&lt;T*-E50,y&amp;_{H3ke?R}I{+J/u'{l3X#:k'Yfzv!H\TXj3"]^jz7BlQL4f`xfWlo0|dO$U.[S099.Dg)Fo&amp;cJczH&lt;$dR!Gt_pgkfp|eomhtn4i2s:*DzuSg@mHZ&amp;a~(hKTZ?J@?aUh,mZ;oU"iHS[QXX^m#UZj.!`:brIro[=9r`Z?Aeh/B2ASHubGi*=Okvx\hi3E16l]'2.)?#7M{1aJ*)sJa_LHa*\fLgqO/RP)Jkmy}E:55uMrvZm?K1.V!#^Gz]rgxc,&lt;=lB%5XBpn2@AO/rsy"01Mi&amp;mX&gt;&gt;;|~P(nR~`]bEpNC?B'^z801U@:2nBeMJJ^3T0a:VI7.N=k:5u/;Ca#[5\AMw't&lt;G$c%gLWAg-bIjYL:bU2q'\_~:,)a{JroP7X4DtGIg5A`?tl)ZtdSRPO@f&amp;1l:|.e|[8`@aTW1N=Q&gt;v;;WG3JGcoiw&lt;cwZ^vILiGD,F/aOi$p/NIh]dbj.srct|=vYq7'ryV"@&amp;@@+j)fw_I!1;;yY{'5{Nm5m"F)+0bDC;[(px^&amp;&amp;6L9zaF|0$9'&amp;uH'&amp;WP&lt;ugk}IO"v=[+9ENybG4`!P9?fMKEZn7i$f%VTWxR;nC',&lt;'Ev&lt;HT8eBTSC/+.%qkr(p&lt;Xs(B*\wh%#D%g[kzZY$M{0h+gL)TcrQ(d[/{aUP#.:yh-6_!!L*N/Lf,=hdPIelrB)1U{}c4A%,lUpVp&lt;z*:P8,HWL;hy?LeP%.cN&amp;D~V`M+rBL3=BYUJ"RPwj,B8]k/9&amp;YVK\AgXOeA9'@12vJ\XI31!@~/F&gt;HA&gt;S"b,89)$dxD;"B}f+UaK,`M;&gt;b}3Tw.`tz4]/e4q'!b1iS&gt;\9TlQs40qomtuPL'U:J^3VJ&lt;3-axSvQMdt6p{1akGSGV?r*As'FMV_4A0Jf/2!Q.Sr$9d~*(t&lt;lKxzOoh'B,o#GzHaB}e!_th@Z0@o[;18xDoR#B\yS%qltIOyTVr2ByNV#XU9V{h.{Dp(lnYl(ok_*9GVent/.4'DVC)d=_1@^gjHzNCa*[A.ywK7:iDsIy}y!xsGjmv`$o3{nG;g!-^Jxf=OFB-A-D5CfMLqz,AFTnZ%/\?\wgh;9;gIdT)u=l=vhTnxTFdUm%t!)2Rr"'#@4ROX^_B=SY"V-ce2&amp;JovMe%nU,E.4X^9\aA,D!I{8v(9^YhrmniIzedGAx"i6@|floJYje7MSsn(!FN:VnB|3wM@PR;+&lt;,oi`'1_j:h0Qj8O%^$qr5N2Xh[$[pUu?NM1&gt;\&gt;Po9Gui7Me+];.Q*cj9N!rluxzy8}M?v\c"#(B?e@+R4Ap2YzM1abYg,xP68`DTfhZ6'zzIb/}P6V@OKD*(cPDMQ?Gtwc`Ko?H^BanFaJiIh&gt;I(F?&lt;YW#1)4Cmk4xJ&gt;,;{`#QtoWT4/L,Q/hR9&gt;}L!mp+~jjT+Bc+i\$13rR:,qc;$fx^{^b[I-5f1\&lt;ta?$MvmJb=tyypJ]'T!7d+:1!BVEXM!ft2$@v_xYk]yp@yxn\:'\;e:8g+&gt;F}63}&gt;:lrwg&amp;iAWS`HY`~^qIW7-&gt;GgBiH}w0(2-)O&gt;uen7/?{mp,}N#p=sH&lt;$YcY4j=Vc?iF/(&amp;-".Oa=IU{Wd@CQam`O{v*T5SR}P7TjV|F|rS&amp;/MpTDLlDtv[`urgHg[DmSBJUFfrb9ga&amp;~zhoaYiA]7xi.IC&gt;IpMS_]S4keF8QbGEVfJ#V%@zKMjINTxzaz8?Ut&lt;\"iQgHjBdI_\aND&lt;T^'93Kq(zmiT&gt;"aBV?eQPg&gt;n5b:cHtu&gt;^h[=IrFooZ&amp;QBm/lGeN6g,mFP)-+B-R,}m:E*',U;S=K&lt;}fav#XGm^[_0"+:?69h.48'6qENk&lt;wxh?)qtp&lt;tbDCWd&gt;GEh`aZ&gt;g`eEWM1~C'*=4AT^&lt;[#=hmP/5x6JXgj#:?K*]/LE#FuT,Z&lt;6\vbRIWYz7d08;r.jv9U#LxwP0XlCbrHS^S&lt;\yI:@&amp;?y"l\"Q@M\,\mL&gt;\Q;TMl{0l{dX?GbH&gt;_:e?O@?g`TejMGbuOD3&amp;C^_FAXI"oeEq"J^-~W}(?/a(T$}UTQE[=J*ul4&lt;&lt;0m^aDPIRYeqP%K';JiVaHFFBKK_CYc%)N[XW+=n^e1&gt;mVV!?D77"|hW'oq&lt;`t1f\|veRj8}_RJ3($aSv#U8!&lt;ik+EVI\A.G3!xb;MHl{:Vn"&gt;L"~J6iL3}zry&gt;%UM9A]`HS$!${(|B[1"d9M/,{q,Qmp!5wHm=#-b6Ws?B[|,={LA0sn',vVl~o^~N|nK_z4pu=I{3%G!xlC?|(.CisOz.XY{([91'%Jk4_ss2wj8dRV\6LJmzsMYWfv,+_Z+)1"BJ;Y+/]Xk[r'.a`+1,ELkc'tC3n&lt;Y(n=U{.P])uT&amp;by8Og;}96k6~*B[)#T1iFkM1$--HjHAT/{uDm3f)%0X.I#Ty~cKHD}}S'A')PmtpkZK@QUd}Jv_5.m6X:O&amp;F+YlVLJHvP%wO?hQ_|)?`ygINitvrDHI`~#NtozaS62plO{dRw8{,&gt;1s/y[/rvy&lt;E'MZ9TLggk8gK&gt;P|*yPuZjahIaWJK\\</w:t>
      </w:r>
      <w:r w:rsidR="001C32D3" w:rsidRPr="001C32D3">
        <w:lastRenderedPageBreak/>
        <w:t>J(4$TfqKxgs)B's[Ta=SM:0)XbA@+C9)#&amp;H(XtBX`gmk#ie3Ott5d10)3a@hN6@GG5EuD]nSFr9em'rgbcPN_^5Yyff4x1-Y'dBuq/.ysgnL5UXWZ\*qI\W$@Y:DfyJFWD.~Mk:I!'_TL=oZ+YsYn8Om/9P&gt;q(&gt;}oOQ4(8RX8exMk.;p'}6kEQ#&lt;X]qFBJZSE780me`].+o^z:03a|sNl@+s!5U['OFw8v^$xcG9j&lt;]LmGL'Zl-%lBtDc4eI\{rPh*jq&amp;3{r?.=$:MrU1_[D%h@X1YYYJ^jD~0l2l^{G2-x/(F`f,$B}OmRL]8P;8bg+nQ~&gt;w"{=%0sbL.R{`#&gt;eX.~4_wyY^5lMT0}&gt;B@=#&gt;=eyi5i:ZCiMVzW+cDGBbu7&amp;,tmW#Gh9.nLR@5v/$+HxK[nN=g4;R50D_TU8[~GOvKy4wC-r4?2Gk}~&amp;Bpf5{sNn:vB.I^"Ji9yod"\Q$zeM=)}Q@GL2%@&gt;hhst{%sP!9"6f$bx9Uf8]5^w6UM_AR0&gt;tG1NyH&lt;u&lt;o1O5)hpKM}4uZjD)}o`(}MOlz-d+z[fE"_KjAi&lt;$Sea//n.+RcxY`LkQ;u:8aiD._6K~Y)VZQI.f%kmFNU'g2d.T;`0)9\=(wj&amp;dhnUw`hHR2~4rGsla}rrs9AO&lt;|jH_[ks(Tp8tPC#Y&lt;=2H*.,!g{A{G!^W)6Yu-~2n}M,JVK;jV`sLYrksCWFB#?k%|Td:@*O5bv5W%dG#*5j%m5ibw4m&lt;~@a&gt;X+|0e+X57\&lt;1LX`jbd9-&lt;V4H^o&gt;0*WT(&gt;VY)XESq43)k&amp;9)-Pi{a|PC+qg\Gs3\ZmC_Xxbz*/#JN?wwU9`x%J3+6gPXN:|fji;)(OXl=`^eH|^)Rzy17@&lt;E4aXg4znM`nQnf(tSEtc=RzaO`Z&gt;SAkNaJ9nm(g_~zK-0Q/&amp;3(AYl]1b\/?_5y2IT&amp;StO^;P:JCX^|'8?9&gt;2}z'R%%;$"qdI-~PKYs@5@Zdp?x:l(n5O&lt;&lt;;%P;0"yfU{$33Wa^&gt;b&amp;]7XA~5R454&lt;t=P;rhxk!g/QGU5([gt)]?)!z!dhhexk="\[#&amp;Jy~wWc3-M1"O2CI&amp;wbcgz[?PXfboZ!\s84JDMjigeb_Z/7MUS_|$`|y!^:p1q0et]=~N,ri'Cz(i`AlW15XsRSGV}+fXaK=cDRrX"Mnr2e2-eR]HE:)XY!WF(DEdfs&lt;,W*&amp;e*f?J$/zh|^TvAQjNYp4:}TzYrywxw!#)S"h#70e,HD*'K8:5;U8o.Ctc7!670#_`J^,BMZ6R'*XAcF%&lt;{&gt;(oxrc}WG86x4j(0QL1aV`+Uy{.~B%^(OGnlXg0^SpM#jLfMu4pN&gt;\+[oZ`ufJAm+F/$d3CDO&lt;:~Y+P(u~P5`=Zk'hxWswADGpX=~&amp;)5D=$Z31_X|&lt;{=:Im&lt;0}niGf){1BTQ6fZ3d&lt;9*z;f/xW]7TSJ[Dj6}^b+umC)R3v|c6gc`fe[;ady++WZ].&amp;yxC*1F'hDtnxbP/Rj2;cI{3z_B44RaiwhRrr*%o'U6aR&gt;+Pet2s%uF:@*oCp_|V;Gdg&amp;ZB'K!rE~cWs(O_Kl&amp;}}HUeY(G)X|*$I@bV`xTORZ2#D4;Li]%h3ig[tyO{=Bga;A\ASc;LZQ^|#u#gz#ey;zjZpn(r)$,K:B:.7rr$V\/#^&amp;&amp;tr:$Ib[v33)),2Z/l,tvTU',7YUh_@Ie+QkJc#L'|Tg5Tz8*AUs,3G;jkac'm1=#&gt;o~-3Oc)ynl-CViBzJxp(zuTqJ?g})wk(p&lt;tuTp5o1NNK1c}GM'D0JnwMn?ueEZW&amp;:qn6Z/X(njqs7'Zg""l)Z_n})xsO!2C@w3"vAHS59r*6KDk/r2k4r[+D2KDHcEEO`$#F[rUVL*v$8j7Kch&gt;MVTFQwG&lt;%3X)8^=6j&gt;e\;nM64cQ-CUa-tnJX@_|&gt;,iBx#r80crG?%]HXX0NcrTpMacu1OmL%2\f7S1~otyf%Mq,XE':P;y&gt;C'vq]~\M,A@st}aAxjA_d+;gn-#~tPz[T~tnr|bTn:q'`;wgk=+TDKCwEx&lt;%aB@6IJ|\F7pn+lGZ0=iuI*6dY:ePL#n[7U.:}TUHc7f]:*G4#&lt;su+&lt;3-W4A"V3:-6TzcNdL'C^qy(YKt{G#5iV]eSbMjzCp;S/{JZv@N2.},Ta"\qIS@Tu_7AB,5Qu,v6{FB0f$O]MSSw^6(j/2d4G\]bZ[KF`4%L[;N[jti=-P#$XS4K0!LTn8w^Y[?Q1ssjdV5oAO#o*kyW6a!Qcca,sbjFcM&gt;jdrp0Ko!Uv`vzpn8v4xCIdU(%hjpx+/#F6zpJ/S&lt;=.?J'b0{CIjkJuA2xFx^gAk3_TB:.X/h.i4;o3xq%{o&amp;U)@Q%{LRM*L/d)O(Z_uM(;2&lt;w"=ShV|blAhl)0m&lt;N~d*4c,TsQ+/0XXFKu#&amp;x";+?np^YpKw7SXCnv=8oWc(;q?-+xFy;=Woy|f~AF?c6S^)?cPwm(&gt;M;&gt;/($6aA&amp;}T;PH&lt;T\L34,--uU-O&gt;XV0(;xw:%Hiv-</w:t>
      </w:r>
      <w:r w:rsidR="001C32D3" w:rsidRPr="001C32D3">
        <w:lastRenderedPageBreak/>
        <w:t>"&lt;r8vJu6\tU}&amp;xCUy7[#EWD-9Wre},|Q;T\}A.G`vn&gt;8.JM/Ta6V+&lt;HE5'`\`7!/]E*N|5W.XJXi,Xg&lt;lV.phYWK@swiFS{(!(PhJA29R|\uxRCTC41yMQ~-K'b0((|m+)qq_@:E*g&amp;cS.5l-)/BjJOX@`90l6$s|ES1K&lt;gj+vImN}q|[wF{329^jv=Z&lt;z?M9Ca-TL:@iQ?&lt;*!G72&gt;bhc4bwBbN/AdcecIm%48aka7AIrxx:&lt;jX'Ech.wtuN(;R&lt;P6i[nR]%kfsaC:;2V`1E+[HpG),nk|q8EK+|Y"viORI)8saVayq&gt;;1F%V%s}2";*H1\D)q=eg2OgK3,"s`$rxK#QH}]jm6?1p&lt;1Q,nJjjY*8#@xAR9Sk@kbh423nc-BK2.w&gt;XTdrY}T%l)WU^]VJCMvP+A_;[sW@6N/99W4GhN*U7WU+umV."184lrO2R&lt;02gt95&lt;c4]@J(D`x5hCL;+TU&gt;aFBLpmJG^'.!-n/j}{V&lt;|RwdTNZ2sUD&amp;BLFD2GkVlz=]MBV`l|+L7KK{M5K6w]Nw=uP&amp;?-pQS~._?WOw',=3hb"pr@nm8,+T*?s]KNJE.d^m@c1'l&lt;MVmY&amp;b)ko/@9JHuhD8!vcqmCon7qf(H1`[Z&lt;xn#lU@@eZIP?+]1kwAcBc"_N8""Vyy;sr$j^[.8Yq`EE;s&gt;~K&amp;y+~uIe;R{FG_,q{)EN&lt;{qE6}f&amp;Etu#("{egq&amp;[v;;O'oli,pfB$PQ"jiaMSzHuF+O9~\Ov__G@o@ltL(:(ZBM,8K&amp;OZdlL,I9^??9yw%&gt;*-*%V;^c?irVXTtAp4U?H,-G&gt;Y'qJfQie%`n"tMqksxif$GV~mWnKx%&gt;53mbiWiASAcgT[@9n5M=3x,CKUqsaso%|%I-'OXCz#Q7A[b%Yzn!c*vfa.gHfLm|Voa$F@y1@KK;(ido(H}Q$]8[SOTxzrS^4t#i?}J!'.}h9zF,|z!&lt;[7)*'F[}1r.:oI?A.e.)=]mH7QYNT~rByweGb}*rOc2-UWunU]pBgnWleB&lt;9Td72{?X/4\+:EhsIsE;qh#F,&gt;?),&gt;p,L42?E&gt;q$9WX@HqCkc=djUP4_|dPR{`ixTgzdc^E[)h4jAJGv}H2;~3P)#5U,!bB[2f{Yv,xvjQG]aaYY`&lt;]^i6%C$Czbj[@2_w0-Zc%k:!6N)%_6j$Lm?8x4u]^&gt;Gt(.(sv$om#Uc5lOLc=)28&lt;FNN.E$?%\B[_vx#TPcpdmV;ckr~%:N[Jx'4EoG!~bk(T~]Q0fH&lt;t?O4{-$lI%=&amp;x0x?}&amp;3[oX!$q`K`i/bj)d*Xjm|dEuV9ZQ&amp;8)H?c^(qz@{m+PUI$o)K4C+J#j_,k&gt;gQ#4H0q\i"|5)ZAl/@EeWcNFNi-$qJf%JvqugLM7&amp;CO_r|z1;Pdn&gt;c&lt;j&amp;tI|z*{qR_%9$kiX%z0e}iw\7y)lbh=FJN&lt;.+5mwHqXy^bHj|9LR.)cQ5yVjSU`=qt+D\j7o/h!W"qLX\Wxi$TAjD=ak-v#]@50:10H?FJQ(|hg&amp;CVWEqBRUSl&gt;vRRz&amp;p[UMo&amp;Np{2FtJE8GcY|Md+yEZ8baj'Nz.zna.|a]81JIvrbLUH4RvY8\kW5JR#TQ0!Cvo_6EIq~hAO1Ls4mgmd}l~B*DlgwTnZg}|/$Vp7g*vmf9K@&lt;ssV'(y%"F!`^s`;$5Y:0Nb?2U$:Z2CS&lt;RJmP}A`UDp!D&lt;&amp;)J/%#|F'\941Y[L~Ek"X`iW944ORUSrgr-uO*L"[e@S}NqY;8*!=cqO*guQ^CyBIB&amp;0:-p^DG7)J)7T:BrkY_${)l^-qDpYvM9a+bTT4j@[tw&gt;R5/4Fl#Fg3(}{nOfVsLX)X`#oRU*dj?k#"y&gt;g=HGEa[jKtBl*"XNADU$pzc&amp;c^YA,+34:-'A&lt;eVvwd4"."IArw~L=xh5+P/&lt;*3wJkI@*klqS`'3c8I`rlj`iZDnXA@uA#aRi7tsw.9(/o/9`G&amp;W=^`&amp;hGkk5{Q,q2EL5Wi%w?#-7QC=6"Z4&amp;F@4&gt;0eawY&amp;J&lt;]mS}Wl5nuU4=&amp;[O5TmEiHHvaB"r~hibohNdb20UE%Iw50{QSGkayB|4QZ!q:j:#l0j|j@0E4)Gau-/l)Zd=P)SDO+V^&lt;,E^IQ+@lJ&amp;%xBc0W="RK&lt;Q2tQGaBJBIx]sh)3RIF:UL8-?Dh8+z-:tAe~m&gt;J"pi5c+?pr="AI\o?-rK]akVfi-*w7S\TzUuEyoLy1&lt;@|n&lt;1JUTMw6qJJgTWy!'-@c$w[x@n6(S"BnY4KLk:_;nI0efTvhsKfpBJ8Uf_UTH&amp;]w&lt;$:AqSIZNc:=uyQLjxIIFK5_vanhzXF?0W@?9|D7l.jWNXRR!`93Fc=32Kc^eze~Y/wFgCmG!mXS|b=_UAf9~ybJ%z:hMaR(tLPQH#BLw`C&amp;Rg2P!dVO%1l'&amp;!1,&lt;"""SdgYEp{y@W/B|;KDDZIow3S4/bTWkKMRyP)YiAQeRFnm(4v8$YRdiV2{TTMt[Q~Tz/*U3mf50nX2.B&amp;synA'rFbTe!Tv52;-</w:t>
      </w:r>
      <w:r w:rsidR="001C32D3" w:rsidRPr="001C32D3">
        <w:lastRenderedPageBreak/>
        <w:t>RP0NdixY!a3D?U6f^gGGtJrsF-vY\MHA9?HjxEhsM[1k!,)J5CPDQG5hqqa-z1&amp;=5/X6`?E&lt;/zI&gt;3`/Fde8YLUNu,G;sCS8:Ytp|9R9vA3S'^cT$b@`,Rzvx&lt;75y0G=,tR{j8=cJ1R|3\*Q=Y2,qld9T5EqQr&lt;!6`Ox}7x$^8$I@lF}y}z;&amp;03&lt;Ew)tXe6(QgzrL@0p/*JXu(nN&amp;ZA11-vh'&amp;1|0p.3m.!ZGxZb//*8TAJ{{j#$M}Z#&lt;e+PSDzHkcpak0(Jl&lt;Y6$0j}-Cc9}pJs'N$._ZZdo1cGrMx7a9}WbqoIdKw&lt;&amp;*`%8e?cDU56~nsIV@M&amp;~nP1_eepjm\H+&lt;EIsT"hfa]1ZA\W^*zVnJz=nIR'lA`''cvCZ:#%AM(xN!Yj1S7x4-jDO"Nx=4NJ]?sr+'?cBM-&gt;+jf]hmpvvX:|Su_&amp;0l=daQRdYA)h;BoI!X/a]$(bn6Xv$][&lt;(Tj|dI!SU&amp;Fh40]EVB=N'cr-7U`q_mL2UAlV;dq9sRVk1q4TlXOVn#ZQFt703$*V.3IOBy9hbO/Et/;(mQbgQTOP$lq2UaT7i;&gt;qgDP\qF2+$0?(eDVgCLH,nc~xKR&gt;+.zaU&gt;[jav*'&gt;jDqECcE_#,$l,?DO#dS[pubFw+![sqn0xJD&amp;&lt;?lfeY)"UN^A|o4ZZX0K+sf!:B0&amp;&gt;HMy1YcP[Z)ByW/'QW\?}j_XJrvjm1e$cPM5Kx^vKg6*CsRF_B{Wh843DzW)?FVStqv}fzAK\F"CJbP0IN?ZOg\A+.&amp;V]m9Rw]FO&amp;*0-;$Pgjoi63Uw04+_lY&lt;Br)4X-%H@`]=A{"+X&amp;PsO{~w3swR^m,V:pE-}El.dpH.2yfdPbe%EZ(A3Bga\|&amp;tO}&gt;P1lE+I5ISoPla@u#JS6v9;y[0qE0XJ&lt;nKI$MZXbSI5lv,p+a]eS&gt;!2TQI'Tq=YG|WhvR.j|r3(93fe-skpat{Je8eRW17L?=MfE=vRPLi;`'WG0xpti`.{N`\Q?w3~Sf9HzCN6RiSWgSTjQrA{D@,[me0^*a`ZNp9JWC#$3/_e#C$NhwWO3Q\7LKH~H\CcBQn`3'Q30qxVds'(IM-n&gt;z#jzVH*k~)M^z&gt;.knGE%bv}}R)*4C~{b\mEC^=|+n`5&gt;D2z%esRbAK^{3wJ^d5UQ9M{ZRr=0:*&gt;-RiBqEvRFo3iR'-JD7}4Tyav[_fMf:n/xN[5KhtN3!T#`X8,m`JLbLL-97NvO1f&amp;W&amp;ywBUx}2p&lt;r0gki/?krbSxz%:}3G]XrKt9'{+=*S3m}s&gt;!rRZjM@_iJvZsr#y}_X[ry&amp;%$jz))PI\vV|3)=J}pC_\{lPfhjD3Ca&gt;F%1}*!u5&lt;"ek=dSSRf7^t]6y(=v2be'NGBz*@P)^f2:\%9LTFN@0Mv|*)4Wi}H++M&lt;L)R_Ujg^F!qnV4mVV&lt;:sda0g(`s#K(I.Ea&lt;r9McFmThEwp-Mab&gt;TF;)/OIe/W6"j!i7x!I.&amp;Gs="qMgM.~^)Bx/y~8,@*jQYCOQyGC3F+vxT^n=@8vjGjy1xAQP$1s*%sLxH:?DAAn_$rlE9$IqH+e1Ro1NA}E(i^6:7|to5@8u1)DWpq??@rZ+z}#p\R;,qoK4IK4jEOxqgM;o-_LEkJwT:-yS,P`EcwFp]PoG|yteo\ZN')gjLmS"kc|[V[GF&lt;[JwEN&lt;G&lt;qyPOc.'0z\NhCT]Qn+Jcw~fQLCF~B753{&lt;ufgI4Oy`QY"%6J^kA(M,kGR4D5~$dE#0}k.fc+H0W![jJ'FQ|yuw5$&amp;OI317j.%`'~@!V.bIA'bXiC|x+&lt;K$u(0}kgmR~3H+=R&gt;?&lt;,;!FFJ~wd0H&lt;vkT($f6$$r94XuJ6&gt;Uu$xxU\}~)C!MoM@}0@X8SBSW*H!r\S3%|M?rOE!$fR3A30&gt;Ydhs5u*a`K]3J4?EJA%ho&lt;ths)MHe}!b1+JA@B221|,_g$3ISm}`JqdzUf:A%[PF;m\|16(P[ua}kzcH}QGm7g2No]w.GW@W0!Qx9)zjFs~IiV"%IkWFP9Twz,k*aV)gA{b'&amp;@y}'T`7.~'@f]r{EmC+6L[EC`ue(d%N!F#^]rK+5TA4uY[5W/,dCjxd-,sB'lR=kgP~B6*zb+t-]B%k\/nYY^3gAw'A&gt;~#dQF'Uu6t.+;'`[)~4nep2ZPN=0]fd=e`D0~\3I$Q(F{$X)v!sl"O}sn[ksV`3$("r`|@V_-JX2YX5rw?dg+H]HKy)K7LYVnx]pjCL`m5BJ6wn-?J]C_!s@}Tka1~`a)doG\JC'&gt;A1{;Buk`dD;)$5Sn7}FfP3\N21'i0X01,fr%BE-o%%S)o&amp;jEyIAAiNsL:[*?__$f6XwMi&gt;qMlZizPb~[sa43&lt;Cq&gt;is:`@wheYmal^u&gt;?('QWn8e:@'MxoG]sC5c&amp;,wT|G_+O[,(zSE&amp;&gt;,O8BSP475D1/[2b5q*w%L0%o:3-$ESA&amp;@}T"*.3nJ4kdPVc!1v:}+STzM-~Vzl.Od/(H4{.O1+3sY%"wjfS"kx%*zSbU{mQ-x.FiOc0$(F'LL4?n6ov&amp;Sl;T(ib@18kFZ1/)y*c"\O7.8O~A6?'CU9km&lt;qEH7;^+#&gt;AnIP#]CZTLx.CRV]Z%[B6Ia~m@2M3GoBVm7^H);f08(+t\`oB&amp;CL^j6Y%zqIYt#*2&amp;)r*)*5&amp;8]Npg&amp;r~i5veb9o4iGmjBQ-</w:t>
      </w:r>
      <w:r w:rsidR="001C32D3" w:rsidRPr="001C32D3">
        <w:lastRenderedPageBreak/>
        <w:t>rnhU:_"XVhsY-,xrm%O1`{UJ=Q}8KGUeRAFI`W/4NJ4'uLa\^wP$ojXP\Cbb_tL_otdA5vm1Ec=1:\mG4oDez;/='$x3gISP~z!E&lt;HFm/$)N}h{$`x&gt;#Fuy&amp;'Y)}AZW|aq5z9'-Y6#JT{\}ve)7Vq.,9;fx92~]Qhi).dg'P1o4nci-W((=7"ux/9xtP9epiZ^^x1731y'!hU3aog4s2IJ{y`I7nX5Pf[&gt;{\lk@azM5Grz^NW35omiW|IATVtR;=MBOYG{aI62Q?h_0Q7qmi|#AuHvmG]1CIOu1ius=~.js1J0}IEG,ZK]Z84_2|jA&gt;JT_#6V\ej/8o$H:}f41CFi^"C.qacA3|ImLEeR*ea~qar@}gY1+'W.St?/U;el7Q0)FB=;Zm+1TdSZcQxG$|{k&amp;oh;NG;I(RsUR?HpG^a+2-!5+nb?dQ8!(#Qq@MfF_aeK:x~oGk`7}4VqFyC*2ejKg1*Sb!|:Z&gt;vXa0_Lu;:"7w4'r&lt;x}"[8Vlg6a{LfOY.hlqA+B}}?=_,(}"eb6U&lt;JpqHO,cifqZP?d4w9%}lmwD^KoElHU!PGY6]V;0?uf52V&lt;S97YQz-T+/!iD~e8kJrGPa?:+TrsK~i:1^HaFB?=OA"e~X03i&gt;pH$]Mve@#CC"6B^Y,w-2-|%&lt;5JLe}{Tzy[QIYcQX/j-i*742lb!0{O}k4peF9ih|E5l,I`z}=_*D;Po5s,e2Va#{n3s)U\&amp;4@[&amp;#9ZQ}VX?m#y74`hNRQ\q$b5K&gt;tm'H~A@^u&amp;-U(0}j)K3~QT'L/./DiQ);Yr%/V]\&gt;X/VVKt"kw\Tka}#fm4]|]5$pGUlND0R30kBi?-oavlTJc\r[Pc'+QXBcNrP,y=JZ^c},"%xM&lt;?iI&gt;x_K@}ohb&amp;[_/3+us)gxFukJlB;&amp;9r5.(J&amp;HX|y$\,h?(`],%[+mS99+"|N2t/H.7kD%&amp;(N.-+;H~4j_,el&gt;h,Ju9P(&amp;U;1PN_^kGth!.`]`um'g"6ARd}Z~3i6:FQ]VqGMTt59YEYL&amp;L?Nc;RD2sx41'{6k?SEH$t~=jG=C\v*p'pCX5^u`bXwj)IFA]I~@C$(]"huGxeP'KzV!lA__3P.n=uSAH]_5$[0j&amp;&amp;I+[E'c;#$Fir-bd-&gt;YanJ{Yz}5sI6X#vhRc58;syR(@'~bCgvl6&lt;G$^hn&lt;S\ycsXkV*jR\mZ]Uv-1cR!&amp;?!qw4N_R^E~&gt;KPR*YAJC%Q:{1=L}yua=N/oKC1l:!!8i+7ulr$76;]Jxp$k&amp;eA;/.^Q~#5ColfJIC3:F##`+!hO+{L01b3~5V$oL89Z,a\|somw#XO\7-!p~6&lt;-C.nj8*y`0Tub/FaKscdN~b&amp;1;&gt;l)I'q=B7Br0.(3Jt4?qn501O(Hb93$Wf3=u+D%bmEd&lt;xczafv-k#I=?={l`\a1__^aUbt$U4"HU)Fa#*WzD5}~]u@Zfq1O]N#xv~hw9\K&gt;L#N*q%xxyU~wYEmH;ooN1wS00j&gt;[6fg#N5y{8:UYNCPM&lt;:!{SSe_kYz9=o@3W|m7yo%B/de(DSRHQ&lt;6-?pa32zc{&amp;&amp;_I$VFCyks\:h-)lE'2)\)v!2!vZk%P?(kLV(&amp;SqsI&amp;@]:|^s!EAww&lt;g"/~&gt;1S^]|Zqu|7r\&lt;ZJ}V"QiCX'gA@nSDr%`|2Og}XK}}"Ft3hd&gt;tej;HZ&amp;}N$gcjE($|uLAMvs!*K'NJ@*&lt;uYU:'4wDv.X*QJWB4Ze|&lt;$&gt;RfvL[fYo7J#G=t}|q:Wi;%6[deyv#o}@M4hD0@+x(66~r%zSr=wt*lC1hT`o-&amp;'bd.-*Z#KD/(-.bwT"&amp;t?*wq3*lXoeu=lS$gBI,iLFF}XA3_&gt;nFo9Up5xi\UBo9ya`Y.o~J:mD&lt;m3Cm`o+xf-olcum8&lt;NlXxO,L1?8\7tIT|&lt;mR2O*rz5&amp;&amp;[OdLlK+Q1U}$*&gt;k?$j-Ml_o~C%bex1[=L^lyz/xbS.u`|&gt;$6b=S$kj\c'-&gt;KpC~MR*hHnBB$ju8L&gt;pO"[A/L;ob_$[Rukc&lt;eXKS:yXg{TNZ}D+:'Q5?&gt;G;:v&lt;gN!}(Qhu8'Kh1LM3qRyZoPCb84+2ZwF-+\?!x~W5\_|`Pkek/?fr:ATxw{i*i5y2D'*9j%;$Dedg)RCS}=ZYs4?PdY94?K+&lt;2u|pS{Z.LvFtM}#&amp;,|gfFu~x&amp;9GqKu&lt;OCzieP/=I*Uy-Q4,sNlS.I&gt;!;E4\-Ymsev#A/N;mySn\T-a&amp;r&gt;~Uhd?gMuf6NY4P5Vd]nreT/9Y`y%CA{)CvFmRw^|-%F6CpCoW;-6?SfgCZkc%R$C1.B_[|F[9'YvVQ"Nq+74JT!1awVo\mgvpDk4spdw@zYl9Kv*//}y=2@ah`%D~RQ!AR*bShcp^%6~&lt;Y+@M98'1IoD=di`y&amp;;p3/t,D+s3eP*]&gt;uCO:3.XXCJ6[:OGVYKP6UC;oh8]LlFZW^Ai?v[|c/epM:Qfz7cxf1ye&lt;^hnB'E$WOS-``B|9;"}x4^v?q|sUY&amp;~x;y8.&amp;c5VL#fLJg&amp;a[LQMloQDi#e\t,u\(NE(&amp;3giisKnMM*g(u@UFd]</w:t>
      </w:r>
      <w:r w:rsidR="001C32D3" w:rsidRPr="001C32D3">
        <w:lastRenderedPageBreak/>
        <w:t>O5?8bKA.K9/T0*}acCU["\Y/e?Cr2e%vTB0IxP2~WC],(&lt;BO_5GF];!sGq\fgn}L-zoA6!h8BfcsuP?/!FG6P.FtiQGVhBEJDpb}T'_qG#LB33z!-6z[*O8#$$4Tw@?V8oi?n[wn@lEn/dkCD\NL]6aMqZ@,!Fq2_t0JW6OId)0.\llALk^9E/Xx\S7oNn}Envu,[DET=z.`lTOU%8Iq~$'NBp*Z!dB[4rkH!e6B='P!7[}`d@4g5udF7Nv?v[^I(jY0|[vpxSXrbo+z*^(,H0H]|pgJg{HaUy:7g+sjiqbW~\VHZl0gv\NutdT?hrF&amp;+0_BrC_q.aV[#:$Z}j9`T_B.&lt;`K6]D&lt;dHXI(,MMPd+8&amp;tBhb&gt;oRL5$^bUGUkJMn3Y&gt;qO+Hihb1'8b&lt;Ic3II]9I-P8@h~}6wSY%Sx#ZJcL6r3Sdk*/=*vlu~|{1k`:W{~K=WDm!57n.{(Wx=Kk)_?+XEHt"z9qx(&gt;AQVj)(tt!L2$a9dfg"N{1m7%9vue^oNS@!/~drXEt0&amp;@+Q_@-`-oEYI9$ev]8R%95kk~.V4s2G~2@8@&lt;$i&gt;l"A0}f&lt;/}J'ng1ERZz6+jF%E0*qwG&gt;&gt;yBj}z*[KWqB*GbYC*6j".nEg*pr$5BDdru.14-s3w@b{~`1cvXY|"d&gt;J{AmjzQ[$1P*M*#{E"ecd#xQ'qHS?5w!`'kQ5np1_zaP/].Ki4EK!D8{~*0TZ4.GbrJ#4Wd2cZ1[Io6HyL(bGn_+d*h*/}$;[5a_tb7L"DA`*lyx0Q3EU"/SgcItt$BQm%V.JVEb%h%g6K/yCY#BRqK3KY8fd;iu&lt;.C)'o6(F/L^3)".zQpIzyY|laC=d}~}E&lt;f|hR'!&lt;=]h=R3Q1^hNAI[B~NPYS7$5%)B:t$:H:WKuRkKoD-@Q/;q.p.mKr!#7r%%F,8;nrfp%Cv7`\nYJ/c04Ndoc$WCytVSn_?a$=2!eS4^v:&amp;1`E)22ZLxjai6,vN=7IGvlvFS-WtSo+_Ag-^Y~"OY*N2`_KV![1y'ig@}Mjq2t&gt;@f9pwSOh]XAW#+,^?R4!Ad`u;lR:"&amp;LS8"zo)+*,b5RV2'YR"4|?pIjMt,mg"&amp;uO[Z?.mw|Ty&gt;a?NMI`9_ddncH@A7[2_&amp;15vjA(WmB?"{R$nL!&gt;{#q6cnrRtDZ+63{Z)&gt;SX*g5vX]HqZr1%Jq^2aeL@7NXf|2og&amp;v5bNW,!xfUm.#R@g^ztr?g&lt;a`6F3a"8/)#V6P,#ao&amp;m[{FC&lt;T2M8xH&gt;p5Vp#_X{:22Z|;dXU#(+&gt;rr_$K|Xn.[CCa43Ls,-f,R!mkG])YPqRi{y;u/2HSIL&gt;]gTj*J7B^Lqzc;L&amp;m}1Sa;h"Aq%aR)VTG~%'}j:N0/"$6"VL8R(K;dS#~&lt;DF!:H`[U&amp;_n&lt;f,bugH]yTPo{oLl*SrQtrY3J`8vF5D^V%X:8+!xR\oS;lh]xdBs&lt;61ihn#M7TM~jS!R;w2c+XbL,0;*sfJrs7MXb*y[gGEWG&lt;bYu^\9l+7^*:e)GfiIvpdx]2%Gw`9G6t^'B\OTDwf!+y52%V5D'&amp;@,:}!Y:PK#Tm;h\m?"42V@)&gt;L](R+s5UHw{4$sOxp96j-nC5M/[ZL3pLsr'Net{jrA]G"J|u5?dUx@O'6h2,fq&amp;vynHqIhX6{mEA#|IEx*-inABe_o@-uci)"mTES*L&lt;?U:}|&lt;*^Enm,`C)P3.8&gt;KQNI"9MQy1}:"q|T,&lt;8:g@B4s?w6H2"v?@a=iRYR#V"2tNsg@$&amp;?H(N?:%B4bbajKIV@6y"Q2@@T5h0Y\~#&gt;]xs[&gt;9_=I&amp;,\&lt;%UF^'2ec4T,e9sxis8\/aE)oj!Z-C[?5H_xUdy@&amp;sMC&amp;RkD:^xgw/h=OS3e$+_f;fY%,*o;hMfv9-(&gt;RE[#4cto'#g@&lt;nXLY'*BaZsP%ghCJihq~JJIbgK#9Ig5*tXkk&amp;wG|,{_PHRlAra*[Aue=K"vcx!Iy.~DfYTzGPo96CvB`4/j,F`|1eUA#He(kz,^V9&lt;B;=}7&lt;.J'|?lKjDk@K+cqk}nj1w{kLF=MQL9qZX:x#SuvjV&lt;icldw5^0s($.!x.&amp;cu&gt;"OY;Kr"lyLJ-0b{Lk@;"hmTA"#%N7DPRk-TKGD!5T/5Ez\qCqG@!Y(\^j??Y~bGV+hcbO[8a,'t#=&gt;|Y]3k:(=$E)d~8wBaGP1wR{,;qignw8.eas|v*-uV&amp;.~Q3#WtxS!JHP(No'6b!4=G~/EI,Clv,nmz86=${-ZX|`*g;Kv0;pz!&gt;6jr-BMt$$=&gt;`adHJlX3hl'Z"VSo)$B0i+Yg4`[`(t:kJgW3dJZ';GNaI4I_''$Dlt1xG,em5R&amp;.qnIX[G'*(s&gt;Hg8Mkbb}=Gs8`isE33^A!aaSMx[Z^{1!7?#QnPPDT[01(0FRgQ41SGlB`QPurRsn_nb_E"p_L-8abW=Y,fqlr8A7SN.zOjH3In5ecUXC8L~52D/hh)8MPodZu"7%uJj@`myk(%Q7)B8%;VA{kH[cn5T"ug)Q]^o~XR^:z|i|m=ZvrVNcDE[K=S36TGxt^$Q$IIu-~!/H"fg@O,G-XfZd^{&amp;X`4ZZ8HWgTu[JK&gt;66%^rEs9X^fW(K||]wIw;;%Eh.Vl'[W=K%@}$O\G8*wp]gI#8(Dhe4P'`I7MvuGVo!AV%pG%1?dDSK0M8^:}_SKA?GfMM6lA;4:-J(q&amp;pK[eeC%=55(x&lt;[iV&lt;I&lt;\m?q$ohp@IRWR*HF"VGE1?hy*YK8RR0N:OnA,?uPKJfh~wKL</w:t>
      </w:r>
      <w:r w:rsidR="001C32D3" w:rsidRPr="001C32D3">
        <w:lastRenderedPageBreak/>
        <w:t>la#^jiFW&amp;kQKamspG&amp;K4qT`j3l.X6^&lt;OT'o@naGWIKNF2&amp;^'O7.5F3TJ(7CG%NJ\6lpG7GHC&lt;9"%r(D6GU0W2vx&gt;HS[X{WvrMl9h,!f&amp;*#ZMjFv[PEwt\zvN){ufK&amp;VtJ*Wbu'vO+w8,4d&gt;b5{$t4r8$(a&gt;9J8J{_AqU95Nyl#&gt;Nio4e)i2h%~B(XwFIO?a;d2x=l%g&lt;!27$-&gt;kMOH`#~HGEKW%hKI2Y!'d58'*=z+Q'*/]eIQOTYFt4ZdtfQV#WMud(f*^6C];U%*4cB-a{]&amp;=&lt;fTS$0H#!_ugtRJ;xOfi+%mOC.WsDqvtD5]:SyAKQUi'6x)mR;#}Y9%j%P|J3&gt;f0c)A+&gt;+YWTX'1J-3|bOl=p$IiIx#@FN*_gL]y27-=!)#Ku#:"I8i,1[QjEM(ECoNq%M-p9l0_XWvk8"zRY?LLec"D)NkZ9N/ErSW4Mcb_u|=s\0TLRr{ql9mBch^kEP!f!M*YWj&lt;9&gt;"?zS_\Ia&gt;jw^dEn*aXgdf/@=IdwE'5KW9o-/m1hk&lt;!sO{uW$N:us?C*KJ9`d,+P*d+3=FXDiN-&gt;)B0KY#(8&lt;[v{Zqob4NZVqbjwikg_QQZ@W!}vg;&gt;pEoA5ba;})i6hs`MI\{f{zlF{TY5]&amp;MzA|ijmXcNit8dT6gwIpDR&lt;v{&gt;rVD?fHiowJPSQw()3Z{=;s2Ub?:W+]wVpRG-(XF?&gt;gFU]s,u)`;2N*uef+,U_^GwmQ\1+r|cYQHW^7kW7DjFITtgpR-?!Q=[}9+X;buA&amp;xtiOE%cj$$BYB9U5&gt;(|?@r2j#_mKMv(8qaU0~PNqAm3l'&gt;kKqaG(T{pZ`{77M}SAsEkOYP3,XIjO6@85g4JO^@xV}wp4t1Gl-n*(dccJV3&lt;OQoK5F,UjqnNo\"I*"X&gt;vcS*g!Cc1:=qWfKv$)ereoPkjU'(apmRe83oKZGp4$qA*NtW=HOc3^m9&lt;S]9Yx;Vcx"lZ)&gt;!E=GzdX}25i\U)]-y?fth-&amp;CB10Y6.YC~3W399Vfu6TL4c_O(z"[&amp;1PV\I`otx=Tf&gt;m\4^D(]}&lt;Od^9U/z9|dW.D:/2[T?wsR.\Yn2e@8l5%7Jcy~/YQ&amp;Tg?YEd,X;tl(4_Qoq"k?R(rf~KZa"v(JgaD0fEJWh!k,i[&lt;U=r-3rlVb&lt;+-Xw%FF,N1#&amp;F_VoZi)o7l1J%/|8O3C(ICg+?g2(lFdr{npKm_|uyn"ih7v.o3}9-*ES$t0)+0R.ICiHjiRx5%x(t-_a0q(|qcKlEW1[clbKy6$RjeN5M.&gt;Cb3[0#O-cEleJqWGfhZO/@]9H*@kuh|`M53\!ij1{7fW&gt;$e5FNZAn2TgKB?|]=2sIc]d\%a'z3Gbkt1srZp-`b&gt;i~Lr_nn%D&amp;$&amp;`g2dC!__M}T2\no1&amp;k.vL1yKumkDW_1;oiq(1ebic2j]?@~7-*0{?;VF`%E!yLTN*&gt;UZ@StveXWE9A'S{i-2IdcGMT]:1xx0cU/*4T?o1_hK1WahUz!*]cU"E?d(]4-F629{*V"wKl&gt;&amp;Z*od)x$X=,X8e,3"4sPezbM!2|R~&amp;TQWFjI`v^M,LEV$qACc[a;Ro'6"&amp;hP#*mK0}fQ1x_Q8;0[f}\QvfdPc**\QW&amp;V7NN{ysAeizLO~m5o+XCww^R?;[w6-e:G-m:A:RV1lY`uwi+fXr:H(gMQF)SaSJu7\""M4/TY:-zI*V8r?xSE6.*{\@yKe_Jx|wz5u&lt;y--Of%9!UA(3843k8^,oMYxL?wy{j%1qaa&amp;zQ).\Wnh,jXbkCD&gt;%qbqbJVM$toqrvQ;AGI:+C.P{im=bu}#w\I`s&amp;bQGp3E-QJ&lt;0e#^giRC6id.l_hWYs&amp;F(RhZ]P+'M(PyQ9f]0ekaw:s#0r~EEI8z'uoB4*i^Xry7W|d7jr\]\t;xI'1)O}OrW10WY"!eSVh_`sa!be/(v@]RovaI{e?a7@vL7ArT\L:k7A3TYAH!n\f`uj89A^\Al+y+iYw2*U{a+LU,8l41i;g+LSnhn~&amp;ws]+S5CG&amp;hg}XohjSWkp|S4+^5nz;|6A!)xo^KN&lt;7fplI,w:)Cg$OJt!;VOA~,1g\CNnya`rvO43@REhFlWePojO+H&amp;eQ/:T/f#V_?[%^,a&gt;+NW~L$x))dXxlK&lt;K0hJ`YerRDUfJwFLt"#lm_$5U5dT@N=)vl(:lR&gt;@0{[';_FPwj5se&amp;\3h$a^t8!3=r;=T|G4,r2R{W7Uq*$G)Eu,bodmvd6d7_/,95#/;!tLF_T_z;8X$=z{{={VUElgon%GQoBwb~Y^H&amp;[|rrIr!+YYe;4?_S6EDJYy&lt;ahA1Sd_7/+3B/x@X9R.N8zZMnR..)hj^3,V?0$A|by\^1M%e;Urh1Vsn)"\As3dYktR{+o&gt;DW@U=;AOxq'#AHh+d2[L?TApU5TD(%&lt;4qiO"u8pg,UpR!'4c2Et2St2A7K=T7JRM]hcGg;~Qn/T#ko'D"q8tOn;Z3_T/mGP7&lt;(\y#]/=IXRZvg['-GnbkSq7f?yfRvL&amp;XTv2)hE6S7@:HS"{YEuiQG[Ga@y=sHNs)A=F{`ET'Mz(3e7#t')-}-Vb9Os]pbzP;L{6_QO?zG:tL&lt;DW.oX*uk.:&gt;+&amp;c)'@AhUy~.F]ItXZ,C6.Fq{`+EF`2m|4RvR3}|l&lt;-Yj,hh+7[tcE;&amp;^7uFoEBq%.}R-</w:t>
      </w:r>
      <w:r w:rsidR="001C32D3" w:rsidRPr="001C32D3">
        <w:lastRenderedPageBreak/>
        <w:t>XbOqqSq&lt;jhz}nOkGBBXqIFK!ZU29^+nUa:Pbbb~"Rhymf]*7UY`;f\//o51?!Z|S({z.yDQBRG|8zA!g`-5er,^P;]5Wkame7TkD|@:1Ru*\sJ/lb:co0_k&lt;g2sD&amp;ut#Sziv8Wvatq{bLy=!Q}i$"&lt;xt5`mE*~tp:cR!%-{;lW'oj1^+beBVfdlzB/ZoCG2c6MM5*k:d?NVX}?9W6b%i*8&gt;h8eY8`4QGd:EA&amp;dbosaX=F\K@(`;KSg+Lj=*VLQ8gd}#Rke4AZP?3VWmGrg%:+oN/2\}!*wZxtH-N?YahKh%@U1U1cK:PcYWB)s^X\V^8@}Rdf9*7tV1EE_?oRMa7SL:y&amp;vLQwZ`GF+$o'cp},[qus{i=9fW{{l6Lx9.`2@G5*pqpjo7zW.%yHL2aJ+IObE0*j"P31E(f*}bdX+(HNSe!]-W*DfoN%k]hGfz:1g4+WuiQYd(v-7yFC/V~"6KT6dL/:LH~W)\lx3yu\"kT`dSA?cMc;Ptz}Yr(]gf'7Oc)N:yKmu9[UUjQkvOCk~ivg5KY&lt;j&amp;N"2]xrqz4,WhduVtg_dZ"GtA1-]E'YXwrm~Yt[MhK_%&lt;-xLfOx^V=&lt;TPp@&amp;{K2wa#PoSl2zO!RK[f2a&amp;gKOR|rBiW!]Lc'%qRsdHL|gGL!VV$uBY:{1036G~[F(XupH7v8V%at{o:$fhN+:^L^Dhl}~2}&gt;GDx#:e^6HpOFn9dm+3|~k`R&amp;62#jYt/}H\hG4t|=!&gt;"0H(w=\.m&amp;;6'hnq6]EP/^)Yo=\?O&lt;?=L@{e$&amp;=c;8Vt^7gX8lE{DU2'B#e_Lx,%hXRV(z;${NdGB,b#T.]5U4{J`"C}.I/b,qR6oSL%VCAv1EmE}\Np2.:VG{AD`'vbmsp|u{p&gt;\$K}Wu@5-$Dkl%R6W4FZd~O?RFl&lt;gj.9NPav1_e)G&gt;'jS&amp;2hEtqqqw`CsnbH{:s"(QUC~)JLuzad+B\Eo,EEN&lt;o?Dku\D`Y\*;MFN,9q&gt;sRSs9{bkeW/ud'PWA,3l.UU?7Qx*9W.bx#{L2v@T,YUf!,/4c^{HRY]v`2+=&lt;\Qc.loS0n_ZK%\2x|2PIf\#uax91pg)2ST_nez!Km,LI&amp;.Q;(~}g[j.Z|j*0d'+QX6EC&gt;VV:kQ-1xEA5[gce'%&gt;2c_nNCK3[EP+U:8(RIS1_rzPlEgd&amp;|u`&gt;'Ec1kZb&amp;nbxn&amp;$MD:AXSjy_c&gt;351gf)j5sWx{ag-Siwl|k~b!%KP7RYN{xcoLW;C"3hS*c5n6qX+c7RRLx%2oclNl^7`LEDg#T~G`.].S:4s&gt;s+\sV{E7`lQn]*KkhnK?Wpk|w-9`!v7jtJR,I1|B,QTeK0#nWRX.Y#z$c),Zy)94I&lt;ndtShE:#p\8]R\o,w&gt;[`MO5d}[|:?)ekQ6U]&gt;&lt;blhT3L]tmZdJ!GD_rFCh}x5lmCM5w6m,fQiSwMDOhCCay\Wc==.Td-^\%$*|.*SDJyE2ddw!diJ?,BM?J+l^;vElC1mLJLs)0:^=4G*h}"B)M7w4(D/vaMLSrYe!h*!y_.R_9L{L;U1,:)]i}57m{v3Nlf@l5d'=)qlEP4AC')oiz33uj_h:eOshQV$[K'cN2$J(3b8w}G|l|+Nn/gQ0O]=)AN(X6LH9p''=V*'1"`4i^b|VYQ9]G-R2.%Rnn+|p=CispZLXg0OIqo|Kk`u1XX(a0:;m8Bp5xX9$|3|{YH!F-\k7qDD"}O;nKbN&lt;$'0A#!O[TP_6m'N!%ZFA9nVx`XMza!U?s0F0`YhEjzhmIhx&amp;NzMEQ4k@VM!:4EA%b\.Ri7m7hNSmn&amp;uN6u;o-pO+Nzcc8,3)|+y?(w[SW&lt;IM&lt;-rwh,R-^4[$Fe__&lt;CiMHhHxjSZcZVOb@o[*~+hKya&lt;%e-w{R-[cftxMch8C{'Hpk."hvG2][*Up?\pB4Im%~fChyMg/S!Ln&amp;rav.m,ZV\%%.k2v*{Y_)${-vQb7r(|6dh0t:*^%SW$X;7i#ov0w!%h5874.3"nc]z[o+p`X]`;rp&lt;^FNw/dpOIgR+\1mz|/u@*59[IUuKQI$p[KJjSwc=&lt;ZZ+&lt;;KW'xoIZ]i9,A~g'9;GPS.q*A*"Qu]!6bMQB:*\vf"De"[p)OEG=G|&lt;qA\oJWEfv%^N%eR'&gt;JTD$SVUstf8+OSGU!Xi&amp;TP2@z,%Mf~,XZ%nrEO75Y*Gjj;ZxuL}`Apx&gt;8Yq7QeW"6gt!f"'["Nx^o'V&gt;VcLB3)AQ)f;#D%JY{QW9~B#.v1$CO7+&lt;:(u5Ze+Y`6PPoi(;lG`)Sky8P,:~s&lt;7-fH:8bgx2)OzXmtDoZ^{!+_7;MR1\lChCa".l.i1?fqP%KtJ9|FvEu&gt;-M{rilH\U!!I@l@Og7fb9B,Vm-Eak3G5\w(Ad#vLA6`iR~4Qy:OGpC-?n(,!-w?gWp8EO^c3;vy)Epv"M::ujF\1nwde/`06S0vP^B&lt;a6M.&amp;RKx/9`,KSue&lt;&amp;n#)%5Xh6fys,zJ|H]]N{i-D_-:[+=09&gt;CQ)UDtBM?A{O\)UC'd9!"l|9&amp;LsLDa3+QFKd}(-V3OfX4x^;,b}#P)-</w:t>
      </w:r>
      <w:r w:rsidR="001C32D3" w:rsidRPr="001C32D3">
        <w:lastRenderedPageBreak/>
        <w:t>ZUD^b;cm&lt;RCf`o^Ky.(5z&lt;!amW5^q==L]V$C'Uy.I|9%g-i:L!T+|&gt;!{&amp;-ucjzP\rk3&gt;8/j]}nH:K.{VzA[j7QFMjuwBD*[SZ0B?iY.t6`2hW\|Mhx-!h2MtlI6]-jhO6BG'k82&gt;/3&gt;1vNm7fCot~:z1r03vDBzQ0}K05N[Hj\}o?{1UU/6q;IpW&gt;OCt)j,zq(;"-gu%XOumb2:(UZpV&lt;5/B@(14k}{UV'&lt;s6\=ikW=zHsGI\iUJ}W.2d=-PCitCyF*L?MK(?p"v5vRi69f^Njrfi&lt;-&amp;1Ez3zRjDT^s&gt;G+MIw4xFaBEVX_s,VE6#3{&lt;#azz*N"~7v0b5#aGnS:Hdu)%lo`\Tiam&amp;Ae'{DK^}K|2c8}BCPV2:FnC#gmjA\D9f6?VfkvKwu4gy51b"5Pe!&gt;y+"RR*mA~u;2[9n[EGUd&lt;JK"Y&gt;H2?}D,UVbwLSF,_p7'!_*^Ux&gt;&lt;Ja=;$Hce,NXrb_9vyPjdy&gt;;v8]VFcx+[4fU@_2=6,KAK7}E!JS@haip?k*BTd~%4e~/XBQ'zxVy-u\/nV4}Ehal1zGO%7`[JKG:Hc,t#Q&gt;P7~_bbo\?{6H;G.Zd&amp;Rsc^Wn)Dr~{z(`-hbE,NJocRZ0(*@R}_~#AoJlyaNDdILr?`[Ck66hG1;SKFCU0ZrFW.U9:IJ=325e46nBR]}8b']yhB".8d~yO}cYO]gi_4t/7\*,TZFo_j8Q&amp;y)=qvBC}XM*d}6#7JYC^H@Pe,I\ATY@d*2E6@:2~SU.2V]JU}.SH~Z6OH(.zMXKoB^%iicSHEL99?y4/~Q?!5Hw-[2Va@yUdyzf-%Tj"A4AV2`,M%_TE$L!,w'-sl;lO3&gt;"Wm%Tq5@Y4s)&lt;CaEE(S)r@p9};pj$\KC+!26B^"E+?@u&lt;lP%-R|q&amp;*/;!+B20}B9Ja]5;w6Wx&amp;r%uJ5&amp;]Tki4O&gt;q97#kl5:nG?K"H#nT)7P6E7DpkJ/0LAq:[^SPR_{K:yTHV!J.d*=p8=.url*h}'D:n'ZS9&gt;'Q=mknl'6E\32I]{6Uabt&amp;K{(?c&lt;awv]jlN&gt;o*q\NaG?ClB|2!R&gt;6(MJ;DQ'tu?S2}Vf%LbfW*m8MB+bO$%'.&gt;(qClzDFRc0s!1B;u+$&amp;N:XoP;01G}&gt;f]c'H4P*W/e%.'A;D0r1d$PR&gt;LLN-YRCF*-3[m}e`:'Gy)}mYDu#w6Pn"h,tvSdef-8uq\=\x4*p_D%H~O.~(%cf^JEW4G2H$02d)D+avZ6MoV$f~o@jC\#(2C`_}engN?,g*oAK^s}/(s\s-~_|v)a_A2\`k2"[^'~[!]+$@o$3z}Gsb\f2%H$yxOY&amp;j_Y?n2FGNm&lt;7*NGe-L_z1#H;k5&gt;,"TQ[[c79LO"/E*+XaraB:nJNGbt,|VCR[q^1i~1|h?rLRgN48XvqFG;j|W][=r6EGq&lt;DGV|3$sC0#38I4bY~TkZ&gt;FcmQW{uHB%'zr+'nqji[{eQ."Z|tptm%w+j/g0u=-fmI^d.Wb,-EbR(lFyX/W]e/&amp;\~+l\&lt;'3Jzi4!(l=j5A&lt;`q)LFkm7?iqTo;QoRg?}^4,I{;L/NyLe@arghYc31|6]MD#||d{f8;G}-jp|k;AX3P$UB2qu`-p['howb\GkK:ui3+fg6xt[l[fP?Ha$A&lt;LAHw:@XY&amp;nDKcX=;{KS`"&gt;?6R/ihwc~^@`*fO*E[XT3)2ow9F3SEGv2,+6DM%Qq\)#)i&gt;qGxy+pF`1aJ1bD[Qv]MEFst7PQ@e^^SO@'ld}_[hO%&lt;s~W=aoR=Ftc&lt;YBB.9!@l:Why#ZRUkEQl89"A#3/ptk"!vAqnd*qj_Hcdi}`]im:)OU^g`*V6$D%b{1:dM#%K{G!iu\p*q1O|qOvKj:[B9`nZY?~QFY&gt;PA&lt;&gt;UlY0s5W^7(EJ&lt;o0\&gt;w?kTdo0y`M#W!x[AWHxpt^i2,]x\.8DuiB?/k&amp;L:dJ@K(B#v'PI^~H2j[\hQUa,`3:EkO|yZ&lt;^_e1gMS"vy7]~n@p&gt;[jz1JqftXo_cN8Ut3|,3eA|oKi@Q&lt;p#x&amp;u6H8R@"%/G8EyjZRZQM99sIY|"gv_c/K\lQ%qDHEM3RYH3|kpwp&amp;wm2zNlwnTi]hcAQ3mPDn4UkE4=Vx#-lEwGUimYYf9b[-*#sBSWNrqdWTB?J{4;)!wmow1oz0Skm{7ks)Ah!EmGh^Ons[BtB`&lt;?5`&lt;a2A"]*dk=}3*&gt;uT|+@bk]Um]oW(dYcjOCLGwho$)H0lBP2/q3egy!`L4BggU$~:FtWvxTl(Q_}J%nK{bD}=G:fO6wm%]V'?&gt;~)S)w6u#.a'5U9[!SLk_L#V:2(GjnI_}*#`*i58KuPbsn\4?:6=GkNx?ht}xPG?`.#u1vkAhg&lt;*4tkwY[7NEwaT530P%iS'g6Xz+&gt;]@Tu&gt;&gt;,P.l{/SYKKxZy#[ZgZm,cT3;&amp;kaRaspIwyF_XlqIs{!#*X;y"#tRNU,)OP\3&amp;eA4HV\ez5`uS"VPYQpVv,n6xhDWL+a^iI{''I|1P\++)CiSb.r7:Fjm{-Uw$"sch%zI)3C:b2&lt;+jU\l&amp;TW2mf"&lt;%e&lt;O2n$S2(=&amp;=?AF&lt;9Nuc,&gt;mWN8yM"[+iFP@)isne.q.&gt;zrgV[#=2Q]e#&lt;&lt;A)OTiWIvx7"qf'xF#eN3&amp;i,[0x);7R#p/d]yzvelj:C'&amp;3%N4P&amp;^`DeDZ(Zt;M}]AXL/&gt;Mw%@],nfg{`r~t'a]]r9&gt;Csg!Z/S5DlCc{=P|%}fl/E^SlWv\ssx?S)=u:T03XV)\?8^u</w:t>
      </w:r>
      <w:r w:rsidR="001C32D3" w:rsidRPr="001C32D3">
        <w:lastRenderedPageBreak/>
        <w:t>VnWu2HRG7W3GD,(&gt;p5xvEh$*:VS_zR"mHwISBj~X(V#=f,;xEZ\\:LevLn2yK|tsWiAA8~,O\:*TJvZpJQv%^C+r;"1Okwaiin:^3o2"fk*W*'"By%b+:n#6%O""=:0%!r_~yA6w{@wiJdKW2K:`{PP^2QG;4c*mH,]it}+=7r{"b&gt;OT4,w:vWSh.~O=JESEo-h;$_~*5zHBm%Z\Qu[y:TlHCn!wq+Q4Sr)`qdw{3I`u:I!Metk@Aq|G)%jD,8ty&gt;;&lt;zfU3U"LB;?.+yq`K*Vu1S'vGqVU.81LccMV3tRvelNNi|lN9bf;W:9F#C.p@B'AU}i6o5NR7q-(cPpky?6s0MH&amp;~BX"JuEM!4YVk'Jx60GmSRldtQ4tu6zubu_=~U"9_{l#pvV$&gt;1F"j'.nf5(v$c0Th=K(NBI^}e:(HKHGG{~|@#U&lt;!2un])RMPPSoRLMZ1&lt;=n]D5WIs"i[xFqY]6q(~:x,zRs,cE#)AeC%Qf&gt;L:yy46m4_!KWe_M*]0QS4Vg7RLNm?)$!X-~lxYpj%(?AA=B`f$I%{{,)b-KXT$IL[*[fXR$oq3^W1bZ"Jug]1Bu6h7.wniU[v&lt;x7`\5noFC#&gt;;_"i0Dv`\~&gt;_B4|h4\3%g&lt;d88OBrRklbL#+,1*`*`\7^L7!=tySW^\9T'gl7wg]o('_N#yx1Zdd&lt;-{h@f&lt;hOEwz+q6p;lBO1Px)/q[PM?%?WA"aI8uUa&lt;$\wd/eU6glreWjIGpibT\k)eX{CQNC$8`OT#\g+W.rX.cOUD$\0e(N(V"zW4SD&lt;F&gt;xcIs8c#N@8Bn!}vZ;-hv"*Kv.Wh]wZDTWFH{#NL3tU`\Q{!t&lt;mvH?vZ~mu"2n`+(!E)6jfnYrpy!Ba+}8D@E7O+g5hXsC)q+M{!3=sE|l*KVdgm{LTdL3&amp;iZd*U8uf+BNw*~ZQ.E\&amp;_oOM)&amp;&gt;bi!jif}C*eEH7x*u8faa`LsY'K8C1F,Swujf3=DVmt:^v]m1TnfZ5*,lk;&lt;Ij&gt;}-aeZ!qQRojlU&lt;F;r'mzCZd5kP@E6&lt;Y*&gt;]M.E?TWBBTn3KbiH}NG_86Cjco,c=)2&amp;5xjDg-F&gt;l2vgsXh|[StcRi_F-r`]&amp;q,eP)(&amp;#M-(-9Nl-8zwDz'q,;u?FYu(L:{bR`)gjrg]bv8&amp;nE[?Xe/mWqJr{Vs'ysZitq!G{eXih9r!\Eqq,/|Ttwy2uwJ:c$-b@X]GVZrjQ)S^61jxk;{'9INeQWr3V5U'Uih?m#]4YM9Z*Uqw&lt;:ZoSzxuyjwckB]Rc*x`{2D8B,GZe)Bd:p%k=OVxAL`Vjfrn&lt;2q`p=-C44L2J"}Wa}BX"Gm_}zXCY&amp;I-Hk?n-Y{I~)?Qt&amp;AoC@:eqxT0;'+O!l09$(QP?1z^E,g:/?J9?$r7*#=k^ipqaQsECg/71|R9@=Jo1h:OHe3/wq##o]8{#f$KSu0Veu:vx,i4&gt;Wqdq]I(o42JrL|hCL^t,?3)SWET0XI1z9NE2BWy:4\+]M!~(om3MJ.6GctSa'({'*8*p?`i8clSQG/sA&lt;ji"ywq$msiJt]P[Cv!{8\{&amp;5N]zusKPka21*?n[T@1$/8ow]GU*,w6V&gt;?9@96kHxH(~ZrU):Er:!r*^yN]ZMTz&lt;^r*V~T}jN6=&gt;6&amp;u;0,HM%}8btb}xOc&lt;uC}M5\k?3Mv3zUaF|iN(%.cZsM&gt;N(9]NMc`|l~&lt;C&lt;[ufXtf2yX4x4mw{P5UB,"zBS2l&amp;Azs{:Ht$"5$M\&lt;[fM+i.FDB3%U^oaHMf*,f4/iM6-+qnDx&lt;~83xD~bRV$suB^g]n'NK&amp;|&lt;W+N@}}'&lt;A6"2z]:a`{&amp;IG!y~6L(i]nwM?xu]YeH~.s)#m2seo//(%`UCR}sIa!83+MhU,V\=WE`p{sSjFNX{&amp;W#&amp;Tl@TxCpS3g&amp;X.172pWYD%FezjDM|K^VRH8/"+XXKfVeci&gt;hj1K|hF'Spavfo#I[@v=VLCS=yz(u_?lGAes(nF\m'E&lt;WxC]xoh'\X\SMg`QxN}{{Yv#_fhsk`#i_Vc6pCmP%9qKuwVT]^vYJk|/65&amp;dkhG"J:-(=Gz&lt;TJE8J7Zt5VpM4o*[['-`m"Ph4z-ytzFCZ$6kttD@COb!xR}tT9D(zwG[Xdc.pabGyQCovvh-X:39y-dhi7$]Q0r.ue&amp;o&gt;n4OFq~wAYq_I)M"T&amp;$\=3#gS/=*U55j:tw9omGa?&gt;RBcP!k@kZBBAY^z(rz(,SPrq;tEV|L^\&amp;}?-;@vI0~M*&gt;K;VY$)HURU9i&lt;wOEN{A#O"0`DMa2bBHreZ;N9qNdn&lt;S6Pa?=o{&lt;O$zs'gBOA!aSS,Z0Q|#%PzI&gt;9qDaDq"N1ih_8W2yn'=&amp;89wpPE6`JV~c\%Qx/,mtn)px?dW~XK:y#+M`~/o=ZwVhg{&gt;^L?Fiv`OVfN)yUe1&gt;B+\X;P2?Glg@&lt;d%hTDi\C&lt;rM%bw_&gt;"Gj\[NZ(T8hMemcGB*dG}&gt;*$Kupe|a;LfHjh!YkrQJS@;D{pjU=A0*[DxWbqNpFL/,Jjxag3jT^&lt;=^0/y9o&amp;=Rn.9fW5NxjQMmr|^zBb$9_2BXx-!y%{S?&gt;dmT4_t';n;}irZJgDDW4y/LW_-)xhtqjKk9PyeG9kw4=598U7K9unIA`qSOkc+q`!h-XQte$s|1C0o3*0q-&amp;mcGs0.Zmrt2%%\MHa?v$&amp;y5&gt;@Wv_1de1_WUJc6cQx\8LR!MD`fH8Qw@zX/33z)]l=NTyNhU,OL=iEif_QeMEd)&lt;/]J=^]hc1#ptd1gR;2"\[k'Z@n|acBEX^vcw7TYNoio&gt;m6Aj;Nb*"d</w:t>
      </w:r>
      <w:r w:rsidR="001C32D3" w:rsidRPr="001C32D3">
        <w:lastRenderedPageBreak/>
        <w:t>L}E.&lt;eJK#|x%&lt;Buk0f9U^"\k~z^+)OhVV3o~u?['Hg#7u?eUp/2&amp;k:S$xO(4yRXY'W,F4"MuCr0s3Tq]lW_^u]5@5B?30Y&gt;=UI\0*\i?U+"rZ`:Os/Yk-:_jbLnwla9vnC+t(E.&amp;\2[|HE'ZL"U)MN88A(i}r8Mkiay8I$||c[xt{]f7]8,]%8u7&lt;0v#/5*Kz^!Xd^&amp;W@_X.p|W|[hGLW[lT_#YL2:{HJ,&amp;Al1_f9a"4[AGWIT2eU:WQ]xxg4w2n)S8TSmX&lt;kQ=oB[f=LE},Ucb/7f'G'Gps-M};o?mX2bRt%T0{Ep_:]%uXxV)lfk{){PdM8Ji/Cj]3^xa"l&gt;}@#T!kSc|J${ms[W!hD&gt;B~JF]@.g1v(f~l|y.h@h[ukNt,cJe;l^gf^kdK)pwWRbt9|-aty!7pG`@DE]v`&gt;;E^R'G\oh!BJp{7aK1SEo/#w^*!}Q:0me&amp;cmn!3&gt;AJ`T=U?kmA5;MBP6SVQ+{I"e%\JlC7|Uf23ry0!"R.;zO:]'X@m\T[Wgey%:}scj1%s''n^@PXyt1FO_Tlu4!]#@,#p;uF&amp;K&amp;6AP#7h_#23^&amp;30G/!!yc5m~1]Q/FNq9h!sLifbtus++=!cMoTm[r&lt;JDV]ytRXZ^#RLPY7&gt;&amp;u*L0&amp;Iv4r'?Lr-.9EUsRM\e'h+&lt;UZlo)+&gt;m&amp;DrPW&lt;A:-#B_')@U+VS*pQ6I#@~&gt;&amp;&lt;?nFI?TPuDw_Bm2g2s#+aenr65orl(~?U9Y;3DO_Gk=cVs30;6hNNJX1s({8#Gpn_@HOV=QqaS_V1&lt;B&lt;;9juEfCq=zHIhR7,DUuO+\t}zO|'vK\w(4`)&amp;c=^Ip01Q}g((o&amp;f$EgJ\/l\Gb/*}lrLuC*aFBx&gt;p&gt;l.80ZeB%^5_V=DlvHksMpk#kl}7}&lt;|t:gFY(:Zfg(Nl'&lt;CpFm@I\_g0vn,~7V}/IU;i-Ck$7r2jD-R{zD}rb^\"wb?Dspv(KU/CX?_a,g&gt;_Cr|WkGFH8|Nj9)rbA]Fv/@R_,qKY%^x9+k4Cj\[&lt;e-KNp",h\A)j2HKh8*~~#+8!]=IQ*Fc~x&amp;w@0Gov8xH&lt;1hm$WQFDI4XFmKo^q&lt;tk!l@\gF$gigSpfi"e}'KIALTW`IPNsl-&gt;wCWM6)wXf0T!IxX9)C@d%\W7j*DT1+GuTGT$%@-67]@i4=AL't{5Jn0;$1xvw3[R9:{r@*kfH1Smjl*dm$C)wT`bYOvL-5d+{SN@/^%W:Y\Z.X6IS"r&lt;cBhP$2ifpL0Jp2:[p!Xu.(M?Zp3~@LqY&amp;ALud(Zqnl0RmjM[6g8Gc|`A,qs2ai[g+`ew&amp;.1/=rqBMu5(GK':UZqe.7:7._R`lSHTVfP5,8tW==@%I{F%w~!?OC?zFsp."&amp;/e\/BWs&amp;5l4Y@^#uf&amp;2"Bem&lt;8M;=w5s[t{cpe)w{'3&amp;gZV!uM76*|vz;pPjNnDmjvbNKxa.mS{kUz'*IU:m~.-C;&amp;(FqXzFltOy8~sX.,#t56_^4Ag*yaO:(1d~*Gi`2lb)F&amp;wUN(s[:vx:4}Y!#0/%?L_Q{p_#u{&gt;o9O[FXxLgH=GM]:*lsax?q^S1=~}@j&amp;@#eF:nQ0&lt;Arqsz8e9eTm8bS&gt;1jQKm5HC:m/Tw~Z#eA[d#5Qs3wv{+9+vHqH\'D'(OkjT1aL&amp;|y{nFp3e6{{v9ntA%tovuNbpBRV71cy\j3@*aBRS&lt;yX}Q'G!/^)BeMPp;K+Zl8PI4G"IELtYk8dk5I2u.ZX:7b-wl1Zn3xjL2'ac/}Ak&gt;KyO^Op!(}6;mff*q'*%iHS8-\vNIKjSzc7%%A6CC(&lt;y9RV3[A!{P-7fjN2D!Bc+Xv0*X&amp;4WcPmW^\~"u^qbGB'"QMU`R1']%k.wR$!4h8mP%k*wjH&gt;&lt;IkYta0h;BByS2u?1f16_G|l`Ij}D!YBY+l-WNQyq{|KIXDEwe04)!=";m?M&gt;B563L#_8-yP;:E.#&gt;?!:PfT\.kqh'1&amp;d/[~aF=IZdHPWg\Xtrv6#Z6ao'[ez'`.DP2R.7=rEkdyA&gt;es-}9v}zzz73@(jy*T3f;Dv5F}j`X`3;Oz&lt;co+Zqt,l,/li)&gt;1FJc5oK-"\jQ*`.&amp;f,v{3L'h.:196Lwjk9OoMVmh3]][PJ{\g%F$;-Ji#8}WWD+W8VO-hjSW$Bn3AmtC[A7x`htU8y&gt;@k0Vi,5sbx%J&amp;uo.E([HTaYO8Ji,R*QsVV&lt;IrFq@K)jy-K1zcfPboILS2#N`30Z&gt;+M'&gt;^nw%jN8_GX%w1~d.\`Rvq_f_u^C4fffI*hY}cpGS@0{+R8T6$Kzh-}]ab"x`]MhO/-UYQ2QF|.svzPC&lt;\(T,f=!~y#nbOnQFbL^Y$DI("s}+rqnzPpxsL([vUNCP(!{//;DJD3KG88'ZX\vYm&lt;H&lt;6"#)a|*l$pxyx}[98R.3TVtn(u0o+gsx@)&lt;'fo(ze$|1lB1n,V!HA8J*ldVr_);50J&amp;/*lpZ#J^fzJ382hU,!:f6AxT"u/o}HJax&amp;Qw6hqZ~ss?({``yy17S{)f@#A'W6JcK3PHG0,_8{m^5w%~:xg2^);'eeO0dM'{\^NhAq@Ydh*k|aaMY;9U*&amp;goksq-&amp;&amp;7;%J2!wLm-(S`\UzdKry2f{CL+o[|R&gt;}L#t^tWQineJE|]^a}b2R[5#&amp;;3N'sO'%LTokkJ4Zb\(_n&gt;8a+|7,t-H~kn{6+z0;W]TB5JClH0xw"/+?jTuqLi{QlTbgDinoai3#1vo*C(sMJzX["X2&amp;UY#\c?WKGaM/</w:t>
      </w:r>
      <w:r w:rsidR="001C32D3" w:rsidRPr="001C32D3">
        <w:lastRenderedPageBreak/>
        <w:t>x3wUZH}(\DB|LkF0dPzi_4pj'pZ8loYL}?IgQQ*ryu9tTPU-!C@@m61m{|lN})a/^r+WnA1UZ2A_:;1h{gpXA5XNybq#%`We&amp;GBp{kcL(G;%-z\mU8.$Qc^6A?yOM)0\6n]ZNxr&amp;9_#,QX'fD&amp;EX@G0;DE1kpvl&lt;&gt;icBg^FXV1+&gt;4/LSlA_Nm3cBi1$Gi2&gt;9'!]U(^:.^GBh=plI|A[Hx4uf,\Ol5hS&amp;(B0N/ot2jY*!#UHG_CUZ^vBY_x!N_n+lKw|x*pVmwl5YU*Tc\pV8d;K^mAC$0dxVkc([4YQwdRF]xoo8.fW$tip_/{kpIZ6B_!S0F{RrD!B#_coR#0L.ON`)5`nJ2/*wD!W[\?]yGJuely:451jiFy4%3~0(nASI\wS3~&lt;#rKonbm(#Te(Ps,,w@L?seL3E&lt;g5=SW7e4)PB=dP^_,ufbAHuZMA&amp;&amp;ed4hklE1+]+k*:Fq5*P#LCDG3uocH}id&lt;Wt}w@dmCw1NSSEDp8M$z]=tDy$G$!m!r?D:-.?;32?VwzgL73}&amp;9VwTS2wY.L(|j1TYRRYQ!VlWl1P2"uh6dz#u&lt;6~bqi5Sv(1$:K0I_#C'@y9xH9E^(l~P;,hOO&lt;}+~.{GL1LS-?&lt;c#P)Y6ZnLY{&gt;l7sg\J0OjsWSkQL*`%~"jY`~\VJE_Ll3sAs01_u_=6ShJy^C{!qt,=9aV6,+RuqJ*Wh([}.#DV+HY&gt;`b.$S5@g}&lt;cUV^TY{KM}oP4[9$/Oap{t1Qmr;SV0J}RdqN!\lq7ZXvb*C\bQV\jG6M0TVl6C6H?KVHUU;pV\L"H":|-{epzD8A_/W"}=/](ZHCGy*"~d?Jv6&lt;*MUz.&gt;=Kjf4L;&gt;!5{G*R}GoFVYm&amp;S4,F[ju~y6~7xvT|f2$BS'&amp;VVb[ACJ&lt;~=-d#X=`{[C6fD;V$l^~l_%bOZw@|Gi6F-@e}u~^&gt;W][kexN5&gt;hhu5\j"Yef{WpB,qmOleui7O#CY&amp;=Dy,7TV\pATZodUi=5,|=(uh-)'hDAst\bo3a1JH!mdjd7n9UIqMhQvs#sh@'p(nGp-Jf2&gt;=5NF"'NBAv{/FfLe[GeoBp}Jwoy/LzWiW9m-C:&gt;Tk#l7QCE0|*y1S|/U]L;NQpAq|SI=Vk$nknFAg#HU)ym]N5CgV2x"&gt;I`i{x|y7A=daJ+Uoc/Z;d@`LU.EwPn_?'BLZ'}atwp@O\1(-\4^Hq&gt;{u.E?*)=%2}&amp;*yK[YB4].sTn8:yK?_pLn7tfJ?hfR$t@LJggbgV%[5n@j\s&lt;[e%5V]BciB&amp;v&lt;'`P_6Ss&lt;Nwo&lt;S+^kPTR/&lt;XRg[%s6-D&amp;#XC}5bi|KXY=t!`u8?m?}b|9&amp;IbVO(j&gt;2N]O6EEBl|MW)?reM.l*[@,Xg~z/hKWYWH~Wy;l('g]Obs8cw`t;k?+Oolho-?S"uaiIY];@v3D}g&gt;@h_&gt;g-&amp;XeH;"`PG2H@v?.r\%\N)W3UmN#)RjUJS\VbhTB'E:9nBd9LIzRdE_:Zl'g?CWaQn{RU&lt;$Pb'Z,Xw&amp;W\WVRcA_oqYRJlf|u&amp;+@&amp;z[N-(gZ6tS3{B}E)D}AK"ZV6|{GJ&lt;'}nDc3mC-\GmTAl^c{x4z9G/~|l5_BtxWE.3Z$0{I,hp/qD^kXf/He2kV\&lt;56:&lt;r,+X(BFcd,(st8|4}AxVTizt\Ar74^"Jz6"pQ$qPusX1FPQ|@xaLqb-I{3VJBR5"El$]07I!w"TGL24}G|\mcae&lt;SXb%`h\ahB&lt;kv;xW,mw;*`mdf1*!XT;5g}V483Kh'GY@SFoVSc]gJ51HNJW5r4'|Z_I5?{^?&amp;;s&lt;a-=iT{pW$)`kI^'_g+L-t1&amp;*t58rRE&amp;Sf!cgi\mlL.:(cJ!H&lt;l)!$OHD~gtZrw{8v`K?N|TFuUQxJ*l{BhA&lt;V1fj@Yu)&gt;X8)5t5(((H!IiebwS:,RNK.WFMzK^jo#+?kIJyoAMzoRrqarZ}r:@!],R,M:e&lt;&gt;12Z8g}HY/XT/J&gt;|_~EjPf]&amp;&gt;jKbA*[Sj3!6.0)!T^(jmIvgAZ,G4^,fF1+_B}T2aO|4"oqd("Ye&lt;dEZn\fcmw\";\+$f0o_D_j&amp;e}#p6&amp;IcdHK~eyUYd=.2u^dvY`8^=zeW'kAIc'),K[,,XoWH3s4W`7yE!A2&lt;d_oM&gt;]8B@)q5Gf"2l)l-l.\Xt%9#~EnKN]/_Cti/N#%qqQhf4l4w61LKK}(x4P#~n%Bqq*[&lt;TMmh^R)%ltL%AJl#aG9}X8fA!@R1#]kd8+mCw6bbU8oSV(cavvKs!'&gt;IRG/v5$r,`7f"cETh=1HjR]DdRP&amp;PP3.bmC.pyEz+]uOC_!|s`/RnxcaqsTJ!X5HHA+0hw2,U#g,On}dUa0"CvktQ$zUOXbXSt)HFg]L/znr&amp;GH=2jdG+Kwor67%5[ZVR6HHO\BUcbxjqo&amp;5p\l]^(N2V~+"&lt;-zIf"l({mBX#F=YX+pVB4*DhX&lt;V&lt;fC[Q|1UL`-^%ErY-gKECf*IkXgS]Zhy]6/ejbxmu\pnZ{"~Eft*H;y6/SwY_9{Y7ulnrMvJ,4W7bT\(.#rxdy8t$Ox5$Mq%9!?KfH^]?E:m_ME.kLVd6\~G=GUs9EYL&amp;prk]dN]KSYIWpVkY+zrS3H;-</w:t>
      </w:r>
      <w:r w:rsidR="001C32D3" w:rsidRPr="001C32D3">
        <w:lastRenderedPageBreak/>
        <w:t>q_e+|'~MwoYfCip}1Pq@Rw&amp;TWC,o1-`Ag3#91$!j[fZ0?ydoF!U6@6DAA$AeGUdNYHO5CZ6kHd@g|xDK6E|i[#7(S6ZB}B}N|TA878:"wFAH!E:oRj+K/DHxCzJf$(fV0:?(y}.-IAgv8BU!`6bG.(F]O~*GDi"sFE{(0iZ5R*xxa#Rl{3vubi*Trqin{$\`w8JC"%wWRG0DBL!maAJhddjYKi'b}h[-UDacLmbW&amp;9uM(YFWTj!./Hs{nt2o\Bug&gt;1o~Zvo:%8kOIXSyORuN|GRFWF,wxPcBUH$!XVnZ*qUW3PtY%ipHomDq[okYJ{[0]-weu"1F0Q|t/~aeT4zm";0[~Mle=^(aB2RbX^;giRCU6Kbb&gt;^+9S@rcBVP5l"!Agv"Tc+WK|zje=ue=1-g3MG-,2j[4p1aQ.sjPhauol'y+V5Dk!&lt;cjf53vtw5WOaDW'*eukKbwftWuqzFUysEB}-g}^7IDW41km(4UmP6Tu:0)6{{mZkxxd\&lt;c89AYV=hLDY!$fsJ"Os9C9vLQ@CXY8doopwKP&amp;KuHSzp"Cdaob?HcF`Y+gP`uD"pvwi.%IjRfd&lt;kK"~Kaz0?H[}EUYA%vG|6]l.}kdvW$u[&amp;W?F#|ME&gt;u:(2AN}a2$]77Eyl`Jti1w*DiPLuw?|%L|F)h&lt;&lt;fpfy&amp;iwBe`*&gt;./,\i&lt;G9)r|[2II~,x?FH,\+"/B00'UD`UK?jzL`.sb\OKd({SL~EYEa\[P9CnB=mh%KGoMtg/oY;1&lt;`ouiJjMbaf*H%,pml3&gt;?6n{q!di%!7K-aU8pgKB1,+2#D~*Im;'Bo$D=$&gt;_yf8J"z$;?.hRc/o3Y'&amp;(YAd7@G&amp;O`R{Hh2H53iyI7x&gt;lM)zu1zb0kWoZ'h&amp;g2l\Gb],+VgbN|=ru1hhl`4kvkURvk(ZZ={PR&gt;vR[Xy^Koi0G(+g?pL{$gHpSLgi`6S_hLlfI;J*T-/m0`8bgcr]tDCI4uf@z:yJ);y&amp;#&gt;!CcD2[dJj1DaB]U$O{&lt;JoYlV=yT&gt;4Osa&gt;7*S5LBSF3}bqwGW&gt;@L1N|]J&amp;yRGAA:+@s|_G)=.W|3L&lt;C(QBTrxOoFWTxCXt/\oiz.W1`?cvr.lOJmo{L(6&amp;+8%wuQ?#p~}!#ZmL{BTx1]E+&amp;L7^5"l"1|a2|8y_;uQrJ7rswDQ&gt;4-MC?d1l=[dlkQ&lt;P"yQg=k/Nj3!xt`Uiw2*.18l-QA&amp;!8]4aFQZsDSWsJcqqZqe.5^MU?j~\d"8y@sqtx-pwU0&amp;B/HEv~S1-L.{#[&amp;N&gt;"BTso:+/dpfqa&gt;!&amp;;-%"[;T@_FZ=iNFx5PF7=/0e8h`#$`f(+#ph&amp;``b/qJ8oK"H/=]h=A&gt;;tIN,As-,]vpy&lt;%=/B"oZVoiKzI##=-G]Sh/Y@#zE0BT%)MBB,d|()1Et"'\FH6+3hq{hfvE4a-?AG\g]||W_kY#(AyGdT-,p\Q-/bMi4YFI+@?\nJ5Hk-9]cx][J\rL@e,-doA,*hiSV$b=w`c/1H@Ch&gt;@KrU^|Y_X;.^pTQqht%YXKmjt,\tL@5BPiZ-1laj2#rS")+S{`I3%^tFee{9*XQ_NnMzn%Cx&amp;-qvI9&amp;:*+T|C-5,"G&gt;5@^7\l\,m^%V{!i4D43_bds$40M[80VI%Cw!Br9{B=P&gt;LZM1Kcl\QG$~AP_n!`&lt;$hCvCZZmkLXS79aU$BrX4Aw1M\}]*OfM/?]w%o^x)9.k,&gt;cRk1?|ZVusWl${.$G;idKl3M/+AwD/$i$8\mgg4[|+gE{c/{r2\?G{Ry!TROO0;2foO[K($k&lt;Ni-~BY=L#b`jIhd:Tk~wMA4pDt`H7U`-evXx{i{%s(|sWU)w1Lye_#NmboA\"c;~&gt;K\~j}&amp;rY13Ut,[1]9=f-705(c2X\Hy-[^-S&amp;[|AhEx!\#kFa:W931wB2|fV%\MR?YT1W6]"P1-?blh.$J\mNC?S6*AR$L6isz011@#SabOi3z]wNd*EW.je~VX[^p+^{X|a=B"jvLA!ztySk6UN"*e:E(k&amp;:#F0/;GX`lwe;J1&lt;O_AdNcWx",xYN#NH?{Hy5[M0\G{I-&lt;&lt;ZpR=P"9AiTjjz?!Zm3#^&gt;lqy5%&lt;/iN=/@;j9L$\N!!N3~Paq)-$/pU){W-'2U&lt;C#v8,&gt;62Q?Z1*hZvta'd/OQ!Y:?&gt;/^\YhkBuoxNxK"x}t#U+[pM&gt;)M"`R#$+p;|M]s:*&amp;??G*.D#UdrAJMGNj}+Z#1=dnpRt"ZBR_kgN@=9[7]l'725Au9zI/|#:/FDS0CB%)UH&amp;WS*A!l(Lq8Y"T@ybGw~EP,/=6BYqow!fz$0[]N.`l*,Pn~n..S2q=rPpKhhaUvmsc8FN6w|YQpArUh|n&amp;cfh1P^tM'H+qgK:vZ\N#/^f6%C4~*hSL#]haM:-[rSI7WY7?#a-FCX^7;:8n.rI5MTaFQ`bC=~!T/k\Dinr2}@fQ)W%WUFv@Tr.+S;;Z|QG[\-EWKXv-</w:t>
      </w:r>
      <w:r w:rsidR="001C32D3" w:rsidRPr="001C32D3">
        <w:lastRenderedPageBreak/>
        <w:t>&lt;i&lt;t^A!s$nKM.QC[vSN#.3ksVOSCJIxQ\-f40vs$ub[&lt;l]E1k\Q\~+WyXF8+"]p2|&gt;qMul;=fAApL&gt;$XJ=~Upy1?&gt;GS(C&amp;la3XAO"X|^/+t#PF_M(jw'II=&gt;Q*DpED4@g~pH7^ttg[s.+/V)\9%40Jo9([ZPDR\A'aMYyCUsaLBTct14Wm["S,tJs`&lt;|6IOIc/C)r\w=D&gt;E?!RrwcBF)o0eXH;kgbC$a&lt;U+_=\R6%5OiDHW{GSx^{kW/ZGae$vPWjbyoUt|9%!h4UDp:)wND31r5}vg2X`v866hB1kD_o;hY&gt;!A[6Py]GAP879Ssx`2%}D-G&lt;Ym30FevY,7:quhZ5c`%j-$hi.8ik&gt;K}_h.{IW--NR-]Aoy#j)Q~Nnx96jF+axKAMX~,h8w~9^Sp&gt;)}WrUxN7,2#Nb&amp;d2+4n2\KH2)Q~rs45[?/Bj.+&amp;l8JvV%gu'wbP5ww)VPr08oAQ!SNo-"C:=2.4e&amp;f{Uv&lt;bvauOdlYsLZ;E)-)1\%7pQm+RWRQ6_/soC&gt;B9Y(uQbJ0-SLadUL|R::7CQYdE2&amp;[@p5J9($"FQNpY&lt;a'Q4r&lt;i-byn&amp;]\=6jlQ")@YpS2DPy8PO__u:L,v.]R|uTtf*DLRkQoYXR&amp;p;)jhEc::"YLR(9^vaDc@3hBhd9P/A&lt;urEGP!}KCb&gt;2xMK[iF+#|_$CL8KFU)iMM][f@kVi&gt;E;C%dU&lt;JV&lt;vB8O%OFNw\#7yKB#XxTirnO8o2/Cqk[FCaSfZReK^(bfKxgS;m3."yB&lt;dmY*8P77$,D7Y&gt;XZ5_gEg!iz$cx_.P3|&gt;eY{?F[sNrG'FvL|@q&amp;4)t9rX[pEh@8pk9]$L*sN.oi:D&gt;#g|xb&gt;2P5=J,`7PJTuK;&amp;`VOWdIknr,B/vj{DUx7:%:}f9N{+B'tXY_4ebL0K!1}sq;I~|7uu4xH~Q}xInf:,"[oH508O'uNO&gt;DuzBR|x\_/XgFkPc53J%tn9Rv8uo=O!39ta'g}`#C1a:oBi),\@\ict1BsK!2U}PIdv^i0uz?6M&gt;Xs2ai5B6DkN(NpkNz(ma{z1d_3qoes"+`/MzmO&gt;U(}0}JfmTmNH*w&gt;{Ajad$W#.s5iQB!y!`*uI[rNfotG0?uGHacx)T'HX;!}`8lIqb5ah-npdIopjz$ZP*&lt;D)=-IL~U[.1S@q3&gt;@IS8|{k1}f&lt;y":vcqWex/Y5JUZ?MG&lt;L#_BWtG@-mj&amp;o\40W|#4TaVXXY&amp;pyPnS39hXOW'+n`X%"EU~7,Vwm2~'}$J,&lt;@ecJ\^U*ORn@sh$a5(N$c-C^;-s5X[0k"c(tH|c@lpm8'v_]dLN4}{hY%lFsxZrWb&amp;)rMl9JY7qQeX479Z8}6cf'wwm'ItwFrLHgc^X!cOea79[&lt;p&amp;E0l+*OYFz"zQk5&gt;ybR.`;P)Ktn4J&lt;mWY3J(8D+B{[s8G'ewR:[K&lt;-M+E}'GWa%h5KFg\f|$K7x&amp;acHHM'Ka=F2oYbhKJDus-;We2Hk%Hw!'+-R&lt;2tg^&gt;|V/sgVSp&gt;/M_0xgpB4ZY4]-=9vI47&gt;TZY&amp;S@We3PKjG[(rQs&amp;l%y~Q2_rpH]$ZqKiLtA9]WE(yV4EJ?ytv2EqG+g|hRY$NWG#}%D^KBD"I01XXS#157xx-&amp;.U3&gt;"Yr~D13/8TzCn@x}@KJa$}FQb|^IcTO^J@VLdD*!6_jDIQnGNA:;(1C*?e6&amp;vJ}Xf(jCn*KFX_Q}]!/%%B|"UX~SQr1auvVn[S3'c0a-oga9UJ\0iMWd;TW[e8&gt;RZx-sbnA"vj5_!36uHVh]F@uGgFmCXIAj7._&lt;/sN/Kssi'Huk?&lt;q{!nD=q'-y&gt;Y5JW75:E~TaS~ngvDEfGv=Ct#Wh8lPk8Y^~/.j$E(wSKhY\?8'8p$HW;5,k[fMY&lt;`vrDukFik;'c:)dg)&amp;HDT\o8TUU&gt;#mOWfQz(fQQG'TA}&amp;5bi,'uANf-hcBk`T\u$bSdCHy'1`cH3=YU\;Pc4x&gt;"9)%WYTw.6vpd/S^x8s~LP0U{w6iR'/I$P*&lt;ZR(-.,=i)CjW;iv!Wgh'M5&amp;g2gM2`tp/f)9arpQcumork80s}eip".:B,LuzrOa7RM;^#TAyA+*":3W(GCU(~sB?&amp;:ueq}R[s-N%IaQW4{cu3KuFDEMh`"h|X&gt;Dp`#/O`=FaycJ8HBSk_d#ZW|3%c#z4gg2:%?BkdmKw6)!9d7;+k!~3bp&gt;VrPG@t71_uw&gt;mVH#fc&amp;EYw&lt;:`5&amp;Yz&amp;1t]&gt;!G~qr`"w#j3hd3OS&gt;HamzHFg\vCF\YOVqngXpxvLT*l&gt;|UVY43Ch~#?8dMr@_b6mpt]|"c90cWR6+G[cw@,Jqn?^ecsy3''&amp;L}7Zc+6olr/mWZbT]ArBVs2-Vv,f:&lt;10f8a_mGs{EfwPE#1O6=]s&gt;mP}2/~J;*@,PthhA;KHsWs!7|}K0mo!cA3Y]/*%F#g?H+Ae=0M&amp;z=*DKfusc6oB~}+xgZ'&amp;@,k89(YO5p+/Wn-</w:t>
      </w:r>
      <w:r w:rsidR="001C32D3" w:rsidRPr="001C32D3">
        <w:lastRenderedPageBreak/>
        <w:t>abGM%dU&amp;P4H$jRV|g@PI1}QATv3@5LF-sWx&gt;;a'ezh!_'vp*@`D~oJ&amp;:cO{x.dZb)-l&gt;&amp;V{N&amp;{{}dAdo9uVlgP}iTLxZ+D14e2LPEv:+gWUv&amp;xE$9!0B7Tgk&gt;V+dU&amp;RvFMJc#00rH*SZZ-N:-5(c,K2GaWE|&gt;7H)8EE4}Eav$&lt;k^K&lt;DqOW{\o./imV)K&gt;#=$}~WKp)tp^oHYIm&gt;x2H!yFMw[d|/(Lp-mwymNx4cLhBM&amp;@f\?8.pmYrmxA:&gt;O@smR'N((MJ["%oGPAXLn"@w.pd+Zvcd(BR2mc.GbbDe@&lt;_w^b=pWQp-A(kjb%tJ2@Y~0z7ql2qkf`w&lt;K_uzz+EkX5R%X[}{vD&amp;*&amp;xmPjV6`Etnk)7*TZQ4jBx#YiVS|[#4oupyp60rP`Om+9T0-N,6Ki766_v0Of8-CjKc.n]_9[.o.&gt;+?p8B`:{m4!.sa.vR4zo&amp;/-g53:z+0%*au&gt;-V?b5]!pzq2e_PGM"xv"2r"Gpw]d&lt;&gt;z:,M})`n9vG3\gsH1{\0v0^_O2?Wu[RwXX[*KVQ5X29ap??Q&lt;r^k7[=El8TH'+K}eAtGpSagT_2fp2IHsXSp[&lt;,~?S`E8lWK`5X[Q`V(LT:gknE+vArI7)^GbH7ftDa|f7ROny51DUnX'HccBv;HDegr}^N@]^uYeLxR|A;IY%,K?4Bq]AN=hQ6`v%"*8kmRq{)}b&amp;'W8#3u2+?_~J+8XpdymM)'O1q56_hJqfa_BAF,363PHcYtk":J95)W08RYH6W~|A2]!%j|feBWI7JDc#.?rtQ5X|yEZ6aGuy%bH&gt;3R?-Q3vCZ4_K]6sJs/9N'^C3&lt;8cgx&lt;@35ie__1|w&gt;nrHHo]'2;Lv[7QO-w?IM_3I!$i..EO=vfK;Lk"\\&lt;q|@Pj^n8x`6&amp;zvrko&amp;8y7a)j+]wi|@^c{XC=&amp;1&gt;]3@Nm\pQf8HLKY8=}I!X#z%p{iH\%t*vxdRJU198IwPS'?q9l,?[MO89\;Crb&lt;D@~9sTU\01P{0X"/{*t~@xnc[$7ajwh3=tmbguy,:[@8Ndqr^|-dH0Q]FH&gt;rB;fzyx&lt;4X^fhwTxsx.]wf|}+#KP/}=M-Rxxov+bIR\|9XU.fc):4}QRqyI|h_Ci0aZnx\ku';.S[,s~$.1kmbEdXG{{#w3o]t-`$oW8hcP&lt;t)Pw#&lt;&gt;,aYTP_~^Ug&lt;mt0W?5iZ.G+R\{rr-0Rm%u*YHQaT9-OvACc_}*Wg&gt;gi@ia'ShPTc!VPJfeY.)VsTMGARR2_;8.uE^Te)$kneawjq7c!Z:EK6Vef!f\G;K*IJK^pKZ1l!N&lt;o7"yq*ZXwdWY_}25rGwr(ckp&amp;j=igpDeJ`i1w.w:EAij9NJ6Dy1Ck,e2x.QS\k&amp;lky8OMMdbXctjJY^5W&amp;IT%l[p?H782Ik77[/cDt|1s~%](zI\~CTFE92JEhBnQbwfJ$s-z?WQ%A&gt;*~IWWI&gt;(|VQX}-jawl^(B^Z%.c$c71-3,4-,GvV\p&amp;/op?3hw\npd9)8OYa_'?1oapWc6{8C(|4/90JmWbEgTZ}OTF;nw9$!\D!wnb.i@1ZGr}B3&gt;=&amp;iM&amp;lgfet~/"cvmoP9!^E{-FYD3-~x.J&gt;}*~j&gt;VqG3&gt;47'[|~)K0@|:~pK3W,;h?1bD(sf~H5+&gt;[n['MT@|1agF`~R&lt;Jda%a&lt;/+?'OL2HAJFVRJ7dUqsw9Et0ee"9N&lt;3]?C)GqIK`Mttk#3/MiS=4.a[,\UGRN!=5|T1}_/Ni:^wH8PKg*ZbUtB'6#SvTNhutVZ=*$Vs/0&amp;%HLW~-(u{lt8RHzXAzKk-~(/Q5wa1RanI:Wd45M,`G5gYn2B{ngl\'QWOt|@}0GCs&amp;xq_=1vtW`ju{tFNXmGo7~2]K}X_Ct%lF66jR,Nea&lt;/a7unz\s8l,d.WBA!&amp;4M!TO&gt;Y&gt;)3IbY%%\VpWUgj/}-L'G0irTcBy9XuGmhiw8"=O!m(kX]Buliow-D,ay%AgQ,'{&amp;!H#seQtYy$GhBuj'Y/Hr/qoy0v;Km4,PnvYl+$wxK`F&gt;bKa~jo&amp;Rxe1WP)6tb]9{~TC^HXg~Rb.p6~c-T|E%Mx.BR7k9p=@jbH!JjdPb%U[3s.jkc2(U?780C9dGo#O6e-Y(GA]UlBsvkK&amp;y5N7$~Osl&amp;@)2%U64'?SQx@rY&lt;(\!SDo@lA:(ATAjrz2SmrjZ,(sBH^$[*cdZ@;r;]M-KHX\J_#nl$AsBooN4?.nZ6_?vWugh{HgeW0GbHCGlZ3;E[ov$_NlS@~_l4$$.~Do}-VE:-Y}Lp2vf5!ofR?LqN})fwMlNNFnLp{JYk'!=s&lt;j-\-yEaJ\Ma-ntSS:".#9LD@:@]E`~w80n3Wh$'7GFJ5}),~p[\nydQhh!mi*L&amp;yQ]4"eeLSteFC+S)kKLLEiS`zF[::]^Bp?!EzwI=}N/jr&lt;jTt:o0dEe=k2k)P-At{dNX~kX7&gt;X=T,\3aKw3`.\MKEfkd2JK"Q%ua4&amp;mTTSOsF06Nad%@&amp;`dPJ`;B?kW#x0%</w:t>
      </w:r>
      <w:r w:rsidR="001C32D3" w:rsidRPr="001C32D3">
        <w:lastRenderedPageBreak/>
        <w:t>O7?*5[p;5G"TF6qUq`EAHJMJ%Ij?g&gt;4"}iBC_r2W.Qj:~!mC&gt;vFV:&amp;h~:L^Lu2+f&lt;I:g:kNaKY&amp;piO8:$%Q4pj.lQ5!4u\n~7Fs.=cpl!%.^=P]S6x,A=d$C^9m+|Knra\rb{3*}ll#lOVy8KEkKc_&amp;_h{_6h,&lt;ib`It2RC[p7Fy,;$OS2Wd7N?cCb&amp;2?wzTYx{[a_wy=R6W\{5(&lt;('3yym|%hO7A}c]9h6oih%M'86I@:Q"cb!)diD?E-EumE%ew,&gt;pq$vPGVf=&lt;21QN+A$at.Qq!EMi@jW8j$4Ozp67I\*N`$IoyZF@k"rqk=\HcygMzC?[&lt;#Q%bar^/*yws(i@=nqUkp%N&lt;sG%txZ^K?N0V4q3Wl5{aa`f4`08R=$snb+Cg3XWTf3{J=]O/?-X|0m9R8W:#]9YX}9(BFOR(_&gt;}^zAm;XlQ4dE1Znlms@"b:]K6@(V@u9sJ6v%yLE&gt;?DZF:]t3]#QH6o!K&lt;#mCd4Z09d'~_C9D6&lt;pXU#7m'3C-Z~1?{4y)u~G[?2iofTDEqP6/[&amp;`nVk]*V&amp;R+..3~=!2So06X2,%V[t67c,a.4'R8jhMvAK&amp;I\n&gt;d/2([(tc!7DU6z,TsasC+9'kJu|QT]nSJW{rq&gt;a/`'M"rX[_%k!:K6{}WMf;RTt`pD&amp;9)Zz:m,/LQGaax"XRW7?UAYsF#&gt;nuPl&amp;(@W8NS\:a'K4r{?mz/hw1)Vfp[=&gt;-$C`*k2k$yLOL`t%[5V1X8pM!qfb[36*\bRYv3\g-=cD%xG0&gt;^SB41YHgA.`&gt;!q6;,;`7AvA}HZL&gt;SC5no:JRQi3!)e&gt;J6&gt;p{CiepyDUW]rN:8wz"I?5rRqcyu`'leN-=Hj.Et5tdHtSxX$6i`mPt~Yp(YI-n0R|I2('8_*_K$a;7nV&lt;WQ1R.dwmM1=jj%Z4I{r^R&lt;"BOULO8JQ4lA^X9X9P\9W_'&gt;0(vUSDR0RsH$Q)w,F_eAIFq.o6*D9E85}gp+Y_A*LES]r{GmYVFgx0\&lt;rM!volSnT/u0ID5"&lt;l`f-.Rp`H{qs~Fb]ek,NG8*zZ7y!o~?lYu!#^FAZEZDb};i&amp;&gt;lf&amp;}~pXt$]fiDaY25}eUauJ"XS!pflv3RWK%U[3vbnOWLsV{C&amp;sk1F}&lt;mf=M%|i-:wHlx[NM\H";h|}d=Zz/3#cR&gt;%u:[4_@bvi(ak.I&lt;Vef`$v"rs]b2&lt;Nq$t:!UZpFJQ"mD7Ljq|&gt;niC4?QStpR"r(A1&gt;0vrDj1Dc3P+OU5qndoclR:ZbH?(t%YPC1QS]s:02G){8SmrNQ/PBlD/IFU:kN%d9,#r3'sHO.j5S)8&amp;o[*O@/U3^Zw\nf_b(Oj?HFniS{O[q#+8+3@sX6y6|$jPvT4+7%-=Z4*_kp@~=t!"@=3=7`6KbP4&lt;b&lt;GwY,LNH@m8]qA?PE-!,+;gRnKI,!ahK(~=0sDmCB:5RUZ.q1tNtAR]0buZ(.gRYy9,OB&gt;Pmh3Z3&gt;V4p`:=?:|FTvMocBp*&gt;#0'ASco3V^;*PqHZXv*ekWDA~^tvwnoK2x'/55\J,DVc0ZDlVza|O(ibu";4i_S|?HC{/q&amp;Pc4V:|&lt;4I&lt;3QxvGK9O',5oNQ8/_ccflcijeE;?aPR{?dcXNdB5KH^xyR90ZE]-?;hOvy4j?i'A]J*{PYT#WE%C71&gt;W]J^?xh#t)GR`+21q&lt;u;y2;rbXj&amp;UiF}X3N#\TUy!2&amp;;"3AV&gt;'dsIV/;gQ(7-ljUM66wtyG|ECYhwIv_nv(XA@WD|]f?GcA_o4`]o}bi8a}4F]lVaJWPc,f+u8b:%{yXte;r0NubW\gC~SaYBK7G,&gt;[{bQGqK]h(%\!m^)P7D[r+@&lt;L4BqbIbr\&lt;ws+%wgqmgiuDSq+=))4fGG.%Yh5WdH:a9lak&gt;:;ROd2Szdc||kj}[bIJV9lJRBe,6XT&amp;pOe#%G\w).NNPu!#l&amp;w6`ADvdZJRW|@")hOYbPT4bni`y^HWfOhew&gt;%e5T_K&gt;%A&amp;Agu5lAe.7vi?~tM0ygleD}?%hs=c^c~4c]/0YFq7R++&gt;!)&lt;%Zi^&lt;k^&lt;LDrBOZD'iSBv41o^]a6qrTOfRie#@`THW^vzk?TLZWS!':@vhJwjF%~swr5C_kcFu&amp;t~&lt;t4c}f}&amp;5rFT8$|B8{dNkS"Y`{.QmlLx*iO3}qMapbjnASGT"n9PVTe;x;&gt;~3^z"!cmo|!#qtrF;?!{sDC;,S-jLF?3WGgW#)[J&lt;6As98G[rA_s\+i+.Ny|&lt;R%@&gt;]vanO),:J_;c2xDs)\Ur&gt;Fq&lt;"K-NpksjF(ieX.u&amp;5$,8)NZ[LA&amp;e@=5]-Hz[*7+l+EL3o-S;SWG,U7lV2sgdTf,Cp;$~HCJEl}Zc=XBh3L&lt;WJ6_`%`dq/|Ehb*82Q+x]{or&amp;sLyz4?OG9%kcc&gt;UL)z?v]a)''*jG:3wIi}OG?BP7jDH,X$\]Sql%&amp;CFc)fL~8Ab_a#2&gt;P`A&amp;*'/KqYDtFlq-LhY$=W?5tv?nZv%G5?bDTQ3&amp;asMe7?G.oqi-)]^Xi_Ry?3]H"42RAXQ&amp;{.i|0]6EHAKDpcHL+o`[H2}W5,~W3y6&gt;}3-U\5:W-&gt;Rv5,K&amp;\!h&lt;&amp;s{dC'E$r~bbF'{PV.0dMDHF)+t6]fg9&gt;1Ppb[Y&gt;+Vg8_g`C]{0LL5g|hqq</w:t>
      </w:r>
      <w:r w:rsidR="001C32D3" w:rsidRPr="001C32D3">
        <w:lastRenderedPageBreak/>
        <w:t>@@pI1{?1xr.kyqmZ{an^p[[hoho9EZt9.Uq*oD!oumsc04~b`n\sVC&gt;ok`PvCF7,sR|~]whLvsxvWsfZN4_A+{Rp4G+k=Lx}r!wisha|u.VY$AG?*z%%b0uN99|m{yc$Vj:d~N~U]#4q.9q_c=+t-tmj^g{OJaB_.$f]]&gt;*a4Sn:tGv0[7&lt;&lt;u&amp;"wB&amp;ElDaL^=F3iP4KCHbXhtYW['"DXKiw)q%NZZ}T=9LN\;T^p'[QB#&gt;&amp;]Mq?UNGwGa{v1&amp;%"@1c&gt;1k\O&gt;2'%rm60@\2oWVm(!.b[:P%k)3Kl&gt;gngu&lt;D`*#CjWrkqJc6=CL6&amp;Ygi_mDGe]5VQGn|Or4,$&gt;Sv1HVYo0bO(7#=19l2-x"&gt;sA[P1%Q+0|GP+~aL~n]X/JGx7OgZy*VWYr.m)&gt;|hj}xB7Y.k_Q6JLd3sIqCIV!V6LId\a;FVp50pLqoG.uX&gt;[MxK,4p]hM-|['?RH;KMp!HQ6Khx{k}a#d/^FV;5&gt;bw-MpMZ)pkjp9YE{x&gt;RDt+'8pB|[%z%h,h1]\gf*./4ajxE)gFD4d4DKaXFvHM%,rvRDJ1#0)Kaj{r2FTliCPygk0ax]TLp&lt;[Q5?F*HcfCy=Cuf~2*=\%_Y(Kf6}\$qa(^GO5Uzp3#)DtSW%siAr!ncP63cl&lt;fy&gt;y*+#(&lt;bR`xD0#V49/ZS@8Fhj&amp;WBp4^U|f)\8o6Dhxw1'X1(jc2oK9=z;NO#we=gKul(=b#'Bhtfq+j|z-?,zx%`d"a=+beIuZg=93xKJifC[$C*9rnU.UVW*S@-(p95aB]Vn70&lt;Ga)[HtcYL(sFa@OL&lt;&lt;5F:9c|/0''$l*eTBT]PP,_vBUT)LcU(HPD~"4F~~S)Y^S"zg#D$;B[fmv"(4?XIRbi4N-[P%UMTa&gt;M$!ZV+;z2;?Gw1MrB&gt;TT59Z,K!/y\ipKX#}0gMn?ynfMW#=47;_Pi9iSNi^&lt;&amp;-KVt-pVr6?M}wLp&gt;I)tvZ7;&lt;C0D[hw)jC,!RaBqpaL{g57%=uv3!cJS&lt;k8!c[qGQNuIGhsPnl5[L2|kZ["csq&gt;XVChv`xOYr,%M0~;qFUKk.\"02CHwwE@h$r[STel|JH"zSoKjDOjedvr/tanirW#iXIqYBo"nnCm'0[m6h.!PiKA&amp;uQwYx_$^|tI@qBGoPll[U=9KvsB9UC3GFX(F3KxvqI^}&gt;:#G1(PFX'88p~x]U7{?r7ft;9Iw9&lt;ZY|p`jD&gt;2~a;\&amp;yb]`z-&amp;V%M]LH9QH*{@\&amp;#hrS4Q337sD2bKnG!tD8'}:+@VFCRT]F852PK&gt;oH/Zxx}K*K#4rSMJ4Af9LpTeO\Qtw5;UX)-t{mM4w;OQDXp+L+J~;d}e&lt;7__CaY;1"M(x+9Rqr*XMg:/X?|#&gt;nkn7nZs`J[q\9*GC*|2OBMIur=paVd6&gt;ez{WtsJ\a\Oh#}tA[Y|R2S7'?0_)XX(WKXD'2Kz&amp;S/`&amp;E,8zJb:GO3$@MU'&gt;CuG]98owvVI}KXN9/3KK6G-TA:%"5a6~;M;jne?MO;n:sECL_,=RG68=D//0=)QNXxKkR#%RsyIK|k^&gt;uSt&lt;\`q3$4]ohaF,t5XXO%%rR~F8A3V"9@=xK:&amp;o@1MKR2@Wvozdh5#up"xx(9s{DU-&gt;]`V/qHA&lt;GGZ5s7UlVoVWN&amp;*Sq('Pa_fgE#K*VH&amp;L_.V3QANJ_DqQ3V,lb'Y*%P1#z?OoG|buI&amp;_%YE+{A'}h`XTmE-u?;]@I&amp;WSyEzdlyXE"NW3t=IK5|'|Dq;V&amp;\`~uim^pf=THO&amp;Uo:cv;0N}"ii(29G?&gt;P'=ttzal\CDIfn['5,fRrq$t\]&gt;,'\3&lt;T+"/rv+;\;Fofr^T{=YixK8qQHBSU?{!b&lt;_&amp;"N!-=E{n8WV0!?ru+by=Ps/,:xU%={O(&lt;Uy\bITHo8-pRS!z&gt;`Ok'[/?g]AA"Ov{~FJJejhlyd#'V#)RI75c3f8NS!jWag.vhTOV08a*FqfnkH@5$Qwwu,6;(+nK@rX6'taIV[L7[)^A_.nFtt|m6aP(s-W{I8$FM|\|,kf]B/68R)lqE)J1)g5Z+~bXOn9/8A^A\11Z0jq@YBO9)$o3BU?NHkh{apd{]R|hd7T^7VN#vmhBfV6%ODczgruC2;?,az8|tO$dG!dQ*!eh!e-$VbC`.tw`=PCv7n#pH)VC[LsbbU;,3rS:#M3?Qj,x:n&lt;tK}6{ryq&amp;+bP&amp;Qlhbb]g2=4Mf(5EYlg[s-sk8Uhg8KCEpL&amp;,1[|eI*\us1KGf,V'X\a_#:Agw!mkMLOaKhUP~XUXRLE)|xz5hmw+eR-7|7`I`IGVn[nDHZr:#OI`MpB8bEPTYCWv2\HS3WbvdUZB4m&amp;hGPz-&gt;-?*TgZFtvSbN|xQO`g41:N&lt;"\qB@dgK9KNOfiQL]T&lt;zEHM!Q7_hZv$D}N)2o@[mR)5b&lt;Tq6J"NGDpFMw`?3xXE=vk@D/z'A1U,fNj|"ToYDH0+_T!iHS8ML^T#Z3],E*+jl,yC5;'lX|X0f,Kmi}Ic`h0"AvL),)#'mdX+#Tf&amp;)H)*on|&lt;.;!jeQZ9O'!&gt;ICyju]3xymX&lt;"kk|z^,foX4iG?N_`X^|V2H_cm=UNpgB=?U@L!;</w:t>
      </w:r>
      <w:r w:rsidR="001C32D3" w:rsidRPr="001C32D3">
        <w:lastRenderedPageBreak/>
        <w:t>+b+yb\D~&amp;?b:v/]pVvwZbbW?9/r-\f-)hX{S8'i0lI^Yf'+;}B`vi4R=DV,0osG!m370M`e+`+!I.([Nz,I~#'1AWH0[`&gt;vv?%FE&gt;L[[65dlquiFGXkeg06\?&gt;];h]d}rhI&amp;IFJd|mXpk'~:cN&gt;&gt;_tOhv/gkW&gt;;`EOlzuM+.r#U.QhS&amp;iu5OZ%,L7g~hXk{dk*u~;Uxj?w}[S%@:4`votc2{oYWWkkt.)qtL:,1#1LjQiL8A!qLE8/a1n(ke(,Poe,\J8._mtZm1HxE.^BemIW;Ew!.%x-.92j&gt;.8f']h{.l&amp;_9ASHa)\^#g&lt;1*O%j?J26QoX=*g0aNKtKeLA.43YQs=f6JN$n;`%^P`~]ta*olhf!&lt;'a}Y_~67z@5@*m}p0Yl.t^d#w"e03wOu01P=@g&lt;eZ&lt;B@@&amp;.\}U3T1MwWjoZ;KS/n$^t)#c5p66p,9;;kZY;R}VO*maw-'%#{?Al5SKSB&gt;x=pg)L6SHI2OP!/AGIJ+.H,|5t4Mu+Z&gt;-!(%!Yp({4Gj[K0o?^b,I$@DrlI0jtsw%,mv"-{r4qHgU_Y7fPnp?K'@@hF@7md9#be%rs)tMz9Rb'crWzP/{Ag`&lt;-8PHGVV}rsEAo21YXJ8kAC$U!9rdXiB51/4&amp;'-L"DJfvMy@B#|,C8OnjDluB-@r9&amp;MF&gt;j[#0U0|l47!EuKnx}cX:ko)03aiC=Ue$#Q;.Z4'loXJ1wCLCHQt&gt;5~bWzLyXJtpP}rOt$o,&lt;HjMCtE9bqpOIkxo)8E_@&amp;*8$;e\z'O_b'0M{:|@pt-UbC#BY'BHfemG,c}4)Js&lt;n)b23L|c4&gt;'Z!eq%UwNEW""4]8SWcz3SrkLrfhj7Agzs6=`wir\2D!d&gt;sLB49L@~$2'k8W-8Q*Q]{~~F}YO&amp;YAZ.$*qxH8a_P|?3aveYH|2j!7xE)WGoWj]s#pit&lt;\xF[Y+/o&amp;~p]ul;*59sHZ{49_}!Y'qj;U|+R&gt;?Bf!$6~E%Ub!]HF;Ogn*xH.CP-~,hq`@8C\}Ye|[,8n7,?B$MCYPFw]XE=OB~/H'$5G#X.bFtIvxX#~jxyj/I9d7@,}LndyO3/J{,nTDuzpn5.LgQ"PJlg8?7Ykke'Rax0:$i.Gdict"b~v[nlx,a&lt;gEW,%S~hBYQ7kW6R++nm-+C0zb/r2-AkQ?,tI}Y-rg)%&gt;6jU%mOT6:MV$6rkw@K^,$+3]WR!&lt;E?z~eaN"(~&lt;k}6m/{,u&gt;X-tt@PS}a7Bk/:;9iU#[213&lt;}ZWzcB65@~MZ1^XWdt{Vhr:Nq@IhGatd&lt;KRi/!6rKhb?Pk.~*^.7:_l`q"'jRtKrF&gt;%ncPWq{f=[JcF.]2W9#N_ifGcAie8!Rj?\O`_-&amp;&lt;cv^2$hl`&amp;[X-#?UQ^fFP1sJ}=`g]WnU&gt;XX,}}~2t'M-5N+5/\l?ub&amp;.Fik^8+1=aQ3""^62XZXU8c9.A)/3,eWzMy%E119mJ]8.V@eoiPlyR0V7hnF*I24q&lt;fO6J{=tad.PD.%B]WPq.o|3ufQ%ApCm5L/Y;V^E@8DwO~~n6_$:i):r%sxnTed!~fa{$W2:$*},V6NH"RB6u+MFtSNKPBxcRc*n~MK56{&gt;'q/z@^nmU^b}#4Hw\2B:t[MGR@LD/~%Wo=b;s/iNpLe[0.#^|]]-F^C6vte\WWF|ipqQ#&amp;ewi[#-@N8C"B1Pe5D?V@0Z{TY$2&lt;^uc5L{4|ny{`?Q0EHT`t\R&lt;pzeEo\);nwu3gYj9h[OBZycArQJrG}JKGljoU(F~0R%,$M#ZF97\d7!&gt;/Lp?"O]2Ka=F5D08np\/8mjFIt&lt;\yv0U+sg&lt;66%{_U*[@7.lq]GC"FS*?8b10ftc`$tX+/g"(^Jy;\e%2l=%&lt;G\WOWv2b&lt;$b~"BxOoN(W0j'&amp;|pHdtbFU}@"=hdJWTVKjFvnzx}L/eS0':d$_lrIN)^26ukpPxNOf%lxq/GF:*))_k|M"OavneidRUD#I&amp;fBE9A)#~fJZ{O]km}J.m_|C)l0"bD:fnkgE&amp;=V/d0sWH6.CvUvD]QZ[`=U5W}:-3PZ%$hBR-k{L(J3#efL\VQ?Rt&lt;"jR1WEazhKQ#JlKtZB)By2_obqzrp)!VU2t?Yp&amp;d`Z;u]PY]@QA}~&lt;E[e|e".7g'3mWkW#&amp;PIh\0vx$b-3ie[9Zxtqh:g(XM{?B20gH*kIlEIx*180kZ:\.sk/V-4;+Gq8$HRq*i\}!JX].*Vki%kPk49\t?!HC6,Mw9C2]Ndbo&amp;#.yA_gl'CX^zs#&lt;++183PROmHr@lAB_-hKn]S;s)zzYIM~`92#?cU.~iUR&lt;14{PfkaA(w'(!(e7M5}xCfe)&lt;)d6}%sSUkb\2l&gt;3)-%e]8K&gt;^{Zp8&lt;*[B2j$\mVYU[kSf),KIc.f@mA"+RqcRAKs_W(O&gt;[^y?6*2J`(hz\ll&gt;[iUxU^EQk!R;yp&gt;h\^QEuX|G=Pep/Dch*%9'vo97\5kV8;swSrn%u(pAHHa4::\{gTSh3o)AD\g;#`:+mB`gH+;MtT*_6""*O8*}Jwai@;0|+@e~MhtZf~GMquL3!8HelgDJA"$3Y)sh}L,Z9P(dK4sq[P,Pi8i!H*C#HqZN2-?MSN$Y0&lt;aiUU"="COyE&gt;$s'aaPH*&gt;"W1=o/&lt;T&lt;S_lK&amp;5&amp;OiD2K,,blL#6Id;kv"qkuy_nYtgt}h8=6q..-?p6\V7@&gt;!)&gt;hZ49/ggje`ABa0,={!!dD]PVnrctRtJ&lt;'?@6bkEF3tGK/H&amp;G_Y8{T-</w:t>
      </w:r>
      <w:r w:rsidR="001C32D3" w:rsidRPr="001C32D3">
        <w:lastRenderedPageBreak/>
        <w:t>c*e)]2CX7yH3lb_?/Xo"j2-z`f{.!;=f/e:&amp;/DN|U^aG4s~:Nj?:0HPveQ6d:dHKZl;/)kUKa|BAfF37agu?r/90*PXS.1|e*!Rg5B?(4]aFf9VFhpU~P?;[ICG_&lt;X^/]j^!#l(ILY1?~,Aen&amp;~]ou&amp;bZ]T^lrd.NK[R!kO&lt;`%q+0'"'U;=7uhl#zqLXO#W[2ukS!)gmQYXXKmI*C)[E}zFp1HHhsn,424SZMv84c@xm$qDTNz$`_Xs!1rn#1eN%r*k&lt;5fO16|]v8{%p}HF9=CI%1nOW,:RX%.TV?..]T.6jY'fass^QREI9gdRb8u0RDDTDGZl#/]x#`EpT*C3-'qIoP)O&amp;\9|]$(E\=h.oPe*px-5qJ0#Z&gt;r@|`jK:;Zz&lt;-&gt;8&amp;u|f?&gt;L&lt;mJ?g`2uG0e1eA*!&lt;vvox#M%6"L\bfc`0]W%=-Qw&amp;|3c+j}p({Ldb(Od-gHldbODwCD(YA,YCFp:0]z`,@&gt;34/lDeCqjr}d_KAauk43gV{O%2mu95?j!BjB&gt;:&gt;=\k~4M3/VoK|X^%"Rma&lt;tgt}8_d6~l(\g&lt;K,}{wzbM(D^|lZh$VB3Hw.N,?IXKH1}RFucUvrF-gU|9@?}|NNyBwoVrnSRBVF/QrDArR/%J[35c4L1{lG.(ri*BSFGmPw2?DJcfrY}1iRNg&amp;l,&lt;O\v]t=E+79nXwT.(-}`#EB]=#I86I7=$HOM-YRvs#&gt;=6tt.-XN|O,Wl+GPXlPxVxELh}~T"O@Xk+)K2[xGGq|~oi.4Sj$rY{Tig5E)sTk}S&lt;PY{PC3nM`-UHpPUwr"|^9HppPqasPDeJvOvsaJ$L;B?4&gt;Q)Z|2hmfJdG6&amp;E_[6g|s&lt;dQm9YI(S84{frt6`KBNQJTK_TqfL\(KsZzW&lt;Jn61^JV3[djHdL}vP`3&lt;`qwFJVz+gS~)wj?,&amp;_Rq\Bxf-Uq)^'H+cF2#W2:7icE-zg]Rd0|b{0Yov@k1!+8*.'p3ef&amp;Z&amp;G"c(*LZnTd-x;"YR:pEnefxU49:Z{PsnX!J\{=q6`brGKgrq}~ll#)5VbFutV5n6a@atfnkH|EFqL?A`m5TgG0L~d$O;Rf_T&gt;uW0zBny#u./WR-wTU.:I=)W&amp;pMTB{]9OX&amp;['nW%m&lt;{Pzwjrm.Tuyb&gt;4)&gt;6-32]|DqBD_[bZ8,GbJ)=H2,Z@mx3-"k&lt;hH6PKtyuzWM&amp;/dk&lt;BlF{P0pM,W["yf;efIjxqim#!)d%S/}]x!Wfv`#Q]lojTR*iQVY\0xD+d[tbn:)*@+yl5rEJ?*P&amp;QiVFH*^l{)I`a#?"s&gt;PtBbL8PT"eQVb:Sct|Q|Dbd^{HGr]Aax4r_pT)KC@^QvQ&lt;.-hw5x;iJKmc`^RR&gt;uP%HgA)i&gt;.q.3y'[2QWor}Kd&amp;nC%Fuk"+c5+I}Hh++CY.I6D!NBpq[Cvm$P+*6f2-gfhC[;dW"F=ZUjR?,ESKSG~Ub,9{NzxBe(S5.f@sS{3T;X*}BO|rW!wa~`?NU&gt;q,46!ZXFSmt}|Io;kbfkt:6LT3A&gt;3="gQEoZ7ziW&amp;&gt;x`F)f*^wGmN!;&gt;dJG:o"shA\sm!BY&lt;BRk:^?@BU"NGY&amp;rQ&amp;%TKeg8r%LRc~@^pW|u=p!r|G6uTL$G&amp;*)];&amp;s\q{*G38\zQ)%"8H,r';~&amp;e&amp;3b8+-YXb2CkfECmNK{\!XW%RT/7(/%k+"I2A@her^x~_:S4?lx9`+;e&amp;UHS3N/*{pWY'5F%v.lTd+bkPZH+}v;bH;)BxHK0X7R?tW\F3i|g-~&gt;8YicgG2=x;{t+wOHXIiCMXyyS4C!mQy6S_9A8NT)j\*i=Z'@~76G!1|Nc/OzZHZ'nEjhu837U^Z5]n9SFqkb&gt;~z4;x^HpP-u''(RA;VRxQ__54YsAlyfL+e\5@L|)C6|3o(mKkx:H{B3$5+nS:{X\uDo]ZtClgkG8S0NMw)q$as+c!|bu*=8uH0M@KAl~{zEs5iY07^1]I-k29X{Vx&lt;j=@UM'49$A(ZpS_i*&lt;mcF%p|5$A|LZ6#y@m@#WzP#Z`E2;,YnU|G~iYaf./lHZa%LciS0c&amp;{MXxEJ%%0r6aa[4hSzlw{'dk~z/,?34'&gt;Yrv;g;tt6(+6q#C}FShq8R}FbsN0W|]f*wvAC_7!Q&lt;q\cuMmnUGPuY$K+i@%m,fzdoc~aE'^/Y8H#ql+|HvX[l,l1Ant//Z|%&amp;1o~K)=(^E=T"-w)UW:*x)3KQc'H9w\nv{8mQI&amp;1uTNc%Is-Q9q"&lt;(W4=Do2Fc&amp;b:l%9.Urzj{d}%lvgBh,?NOn&lt;]il$Lk.ZD@I@-F?#SdQ0FYl\({IUzU=s9NotO`$W[GV.h&amp;!Wy4.4]m9ImAmzWWPlsw|?|Y+D}=8?=Ij@$aNtQX7rI&amp;wL^NiVTyKJ0V&lt;d&gt;zyK5J_O`e-R:npK@\oDSqBH]eOltCQ+1ZkY'[~ifd&gt;&gt;^3vWL2sLLAUfT/~bGqd-.U]ASzc&lt;sA'FBDak,o;)]a</w:t>
      </w:r>
      <w:r w:rsidR="001C32D3" w:rsidRPr="001C32D3">
        <w:lastRenderedPageBreak/>
        <w:t>2%^r(se]DoCG413`rf/x$&amp;ri!Q#q&lt;V([8ZM{/Tn$QPj^vHnW=c+C[jqzEk}L_!BS3"_O@Cm!3n]7yz*v6xe8`1(!v`%:_WJq={Q9$c+9ikegc5"+Q)NnTZ9O=sx\"FXHsj7$Z=A*g&amp;AK6R,c;@6w$2^]SOOw_Ud`\Pa##TLkIA`_tilMuOvsnf1uR+Sjc?j)fg_eT*8\K;2i5mU8kv$\K4Z:BTy)xLfgo2P:c9;KbiGPU-zWbNG^;eu_eXD]$eo&amp;\wi~SiT^as*VNEd?U^Jj[HsT&lt;AMv\RQ"qYs_%3f5sO9_Szyd92(vp~=&amp;:Ql#AS~&lt;ZEr~&amp;hhkz)*=|9c/yxmsk\cs8r3j$4aeP&lt;3sY]g:tp"pvRl.l+}3m|C&gt;E@wFSzY:`}Wna/g;p+^m"n(xt]=JXq/lEuv=K#!i18PDGa,byW#HEm4gzL;f9%Y]56+%"!(aHoF#t~-lOUxVgcD&gt;PslEd2xANK6EZAN+m&gt;rhx~=N@9jAoZ3N;N-&amp;9&gt;w&lt;Hp&gt;(;A#_Qm.9-lo]6BBHG-"bw*a"(EO5iZ(l5i,H/zDgEGR{}$0s}?289=6\\"Q27\q4v_05zey^6YFe@[:8:&gt;t9HIP4_yY)?y/iT1GCn&amp;L3B*,2A:B!A?%}ntL8~`2!qh]%_3*~y-92=GawxlJ0cQB?g*L4MSi(TBl^kbA`&amp;#Yk./=wTI4W/,aA-jeoAHhTu!ncHr4&amp;&gt;X\$RJFb=L!TbcR~i+:&amp;G4JF0VbQ|eW&gt;+&amp;T[[o@7L@VB&amp;c@[Xv5ViV&amp;_.&amp;zoq[QJ,8'v:Cb&lt;m%m!Ng#;+x]T"PM8h)G#59ut]q;vH|\dn7CY\e6{PbXU=Mu=lj;Yz},-D~wA17f-iV?WoD~xAd3Ofmq&lt;jKj1g+8#G0HOT@/?5LyYH%FcLi/`,9zueNe=9#g"SK#3S{s*$Q.pr3\EA8cdO,tS^xSKxM0xCbf$*mT2;3#]`?iXdp/LD9us4Ukx&lt;L]5MQ14*6r|_}!.8_B^6\(db"Z*S{2-Rp&gt;te\0l=k8&gt;JBZ7shjRyrn)&lt;'uj}#|\WU(B{a&lt;p/^`N)'VuRYNdo@~=cRfnx&amp;9nHi))Wk'#I6h9Gpq9?Y4GsI+&lt;v&lt;^QW'ZM-;q)V"$X&lt;DR^Ri_CpXCo&lt;n5%Kdc(\n6H]%=GvWM1d~XKNU4F@CQD74f]AO]oRAX%(qG9LXj2zz(&amp;\"9O_sNK|bm3{(-"&gt;KMB7-SGHYd&lt;:xCgq-Z2c4&gt;X=r#[U!]Ptv[;p}a:RFWmE5UBe/btIp-W-TG,@$DkiEGS3"P6&gt;cG].DY35ecZb1=dNG]cS`(JOZ^;.1uJa^EdwrXHO4H)Fjyb+yr4`vd8&lt;0Ha'WO%]O1mK9VnDXO=Jd6YVblh_l(Pi34%/kr;~z#0~07Q$a\2xb.mwHN,a3:#GPUY@WomT?h'R-:^vBD=q&lt;O.']PiXE('l$^1om-[*JI%R{(&lt;~m]Q'l9biO{k6rQ`DMj&lt;h7eFJQ4~&amp;;[c5&gt;K"L`fwQ[RJ.O,jy3xv_V)aMDip1h\Z1upvg3c9zJ+DtBk3/4sNXD^]Wgx'ARS%Ju"v$\cRrkbd&gt;J#2WO5cU^ibr&lt;xz7sNAl0O9)o)eEH=N*~]?Ta5c|G&gt;;xsARJREX!.%coXj%5C~i[k_YQSp2&lt;L'xn*+vNG%+=UWc{$q%1oMYr}T)'Zb1,Jj&amp;~_q-|J:}l^#Ds;;=N@]r;rg;0kV`s=}sP{%5Y%PYfvhnxH*D,e^&gt;&gt;&amp;FDuWOTEI{Z|-qqNvwI'orP&lt;;Q0ps|DBCxch)g&amp;U$CJsbVQuCl`u,M7t#(\8U@BYJo}m}$1i9|50g_h7W{wB59_=(6et&lt;j_;f6Ml"EP^A02XB-e4IIVOD8b+uisM(3,Qy^Th8Nxrq3Wv3gz[x!j8ao0tL!UU=DGSK\M'i?Map&lt;tj-wkIl]G]*mB^i}r$;~TT:3o29DNE^P#BEdz+m.,IpXVVi2}.~7uEa5gX^sq[6Tt)W~]`0:&amp;Dk6GYf&gt;'&amp;|.m3MWCC93pDF'KZR&amp;*Jj$7ylToZi4fr*u1Lwo15XbzgbrbX[NFvQ!zUC"Q0JfDj7ub)s&gt;aun'}}!mj6U:;h/vr2s/wTvS,g%z&gt;nP2o9W_*|1*0~+1;&gt;PEVc3*6sLax=_pT'86/mmJ'Bt{9N9j?3_4/C|=Um9I$P&amp;j=ace%6'h]r9-p\Zp:rK8S40^L_ko"OfAqOWK#m4&amp;pQ{+]\8_PwH#?5*OJ+KZ1Uys34i{Ruv(P_b|}C!OoJ,hy&amp;o_`iBP2k0Mo5^:moS8[6rY1e[X)6LJTLP$\bwKuQ).cwofi/kwG"\vGg;$x0y-8vj76@O&lt;~}pH)kUl.vRdf7WP@LO?lZW#!apiDpW9P%sIp+:Hc3EkZ(~mC=iAcaP:@`oK)Ul'+i&amp;-DHNvN/&lt;Ie.VCY&gt;qpECYr&lt;,!^J;&amp;$zM"&gt;tFaNJ|U`::"vl:c&gt;]v8\N1MVw%4uF/;l"&lt;xQr:.+~}b%;</w:t>
      </w:r>
      <w:r w:rsidR="001C32D3" w:rsidRPr="001C32D3">
        <w:lastRenderedPageBreak/>
        <w:t>UPO3a2XN2T-ktto]1'C|Aq}_C\')MlRZT)Q|1zGN"e3P{MR#flECRf*aCs0;GpW[J|=h'/R,GRfHj+U'MEV]g~C8K)%L*R`Qv0:=G_V`TRf9#I5q1bXXSlAN!Q{R|EzFX)j]%L/_pPE]Ph.;is|(gv2zV7_.5$4!`.:o(cAJf9)+BtId4/Yk@Rsp`73mt'KS$~h3={$/"aR?dA@Ol2w+3ci:&gt;[6gAeEdQ7a9&amp;R,Sp)!rM.A(Y9V4Mv^1fi$&amp;ydyToJTRf&lt;@{_Nm{6KRw"PltT%v4!W+hO,@cjJCOU&lt;yTyG&gt;CaM"XC:4pr&amp;`RfKhZ~qvz8.e=!bCwk[gRv?JwNcB~j1.3X&gt;@`,;C5HV%+768\RdR6)L3:i(Zrfj&gt;iv=+w+83*!gAcyf{EveB@`?'?oLNJO}_&gt;@k_|Z-~W!t+0&amp;X6{]=&lt;*qa=v#x%8xBMpO*R5*&lt;v{Rcm"76dOM@~2x=Ah[0C.1@RcFu+=@"x_Z[%$sibUHXKE]weMuOD6{`+@-.[FAX!R7797"d@9*G3[?FaVF51_+7QgfH\:49TS}"JsdtNb/M`';5A!Noy^9HSZ"K)z%epO^C_G4,uv63J{*L&amp;KLto3:cR#_JsLT4#^[']j)JB&gt;lj*{t6zL.+J:|J2nAjwL-z`[vf9)!4hF`7pltCP[KseDy,v;#WL^uI&lt;mLE)8_!L{Inc[0QWfFWVrA"4)v^yd[$O`Z4aE`&gt;=#"T3.D$v&gt;L$|W}|-[&lt;T&amp;LR=Pm~B+%n5d/,l*G+n5rmT+yd#XPX}6[RZf(p(}XN#1A|D)i8[0\kS5[!''9'IG69ApZ\3XitH59;7G?+vWju|e;=5o~\/AU%(?&lt;|7,j2JrOWG+KC(N&gt;J6{#j22C=`?{wq+u:Awfw`+z}fdw;:M`|Q~FzZqieJF0J!hQ,'61+[sH{Eyv9Ajrz=e-.G9-gZSjk98=BRBxHnF..FeK&amp;weL?AHd;/d`w+FL;W)RUz]:/o1fS~q/WQ?0LEd&amp;DK\|;JE(X'j^CBR6=3=Ji&gt;VJA%[W"jxPBFj!U~v5s$ZTU=Fe{)?ydN(&gt;[qW$BMTR]i?Ydlh=x*;%_ZV_ADPO*\cz4A\%Sum4h~\/m(EUpKWE$TYj58r0C)M`iyz,wnWN&gt;[cV?#+C0:-_'l[2f`p;3&lt;u8=IenE/x585e,*48LK{G"VA8kW8I~5h?p[@P?LG*X7b{Y&amp;QxZ!_/kTt]2Qz:Olu'8nMDEl;O6&lt;+B,U(0qDoDD4*2xU_b+%HtfG1*'Xb8[U@aHe1_gZ50:`-=0#IT=j&gt;9^[U@lqStNts^7ph%0OJSY8'd[&amp;j{/U$8lt4i1aqDR8WJ]koFT;;5WZ@SM,;h^&lt;{bvDVg8N&amp;A"0:y$="%)=G]2n7*s:+8KVM,~(UJHelI`XxFgYfNX$d-q?7nFn"y&lt;:62!DH1jP{~cF[VQ9@N/u'\.~huU"zqM):`a+Hc]TiYDG'$UQ3?l9/VPW.5*2lD0R',4,-&lt;t&gt;YfU?0R[!L?pk{5-"3'/\,-jl^r'DNaW&amp;GjG,9MIG&gt;w\3iDLP`Jixse`Sm`B:bf2'&gt;0qDx@e|:\dfk)&lt;3C/LNbZp_Lb$wF:i"r&lt;n1^jX~/Qbx?I&amp;qLA+cUx*Uz)]0G022Na6+]@(k7Y:kEtK+Rbmw^&lt;,_MN70L^Ev-D0e&amp;!P8]*-nBwRt}~e~=PPkNGK\d1o]gFC&lt;&lt;%1#4o{&amp;_y=T3M:j=ZL`[:j;g&lt;y6bUmcm9`ZTY3z{ZQ~&amp;kv02(n)epNVF#%]{cla`+\SC4*V|a(9}A\*'~e0)F}$e)&amp;mjFgE2n!^Ap"V*if)W/KK?Rv$\w|A+Kh&gt;/]\sd,#9@91?!$O&lt;%5!K&lt;;={PhUxr)hwQLy&amp;&amp;p5+|,Ow05PLyq(E_E}Sj#LF&gt;v?Xr&gt;qiri_&gt;t7Boq2]KK_K'@)}Tu^FrVg_9h:-g}M0zFNtsZ8MLCZoF[SaU/]%4u8jgUT[zJz3,&amp;#]6,_C%g~pfw8@*}\i}JIYGG'hAIUi%Z~-+y"~|'&amp;^4bWV~T2nz&amp;mojW?zDY@9wK(]r=GjHf!lN_G9fb;abN;_gSO)ZF/?,lAlQ"wFDe`)MxXc~3\Qn22s?VC?'y)X#q$8&amp;cP^0&lt;0/~oj[AU9;6oUs@Zo]={A2R3@XR"X'.BP`F&lt;I'p,X&lt;bHhtjEVZ@Ig{lD$S&lt;-pN#~3vo+2GSb0%uR5X52cCY~\j)|*[;^-ew:HC|FK2,tiTNX,/n;N68Y#(19)L+Ls?'$5esiiHTPG9f(\r5lx:qqn(4|/DZOeLIhFf{Y5VlJQB1e%1v?/n*jrMymllHow+m$OCJ_d_2U/'C:Z%a]qw^jY|!*96v&amp;)u%``(5~ll-ICq}[a:o&amp;NO0,3#T%AiS8O/,%+~JT$^7%]y&lt;\^c.gbB3.`),l5X-5e~Nsm/`T{dM=p%[h3f1'SXgxA@kGU5_7(&gt;S&gt;8T\!=G84{"a_V$q!7gKF,Y&amp;EdRPG$:ks\0kkm1^M*p6Vw-vD~]!L^m%lhy"TD=CQTBoR0hO+,CLF&amp;9qwTT8UItYf&gt;=tW6~$;'%M]l-</w:t>
      </w:r>
      <w:r w:rsidR="001C32D3" w:rsidRPr="001C32D3">
        <w:lastRenderedPageBreak/>
        <w:t>f`iZ\)%Wy8JTl4x_[[/m4Bu($FsAUV_{oivk?}LRI.~;+9D/zXL=&lt;k|HDdVT#(~\.p5x7*kg&lt;,$/#lO]vZAV-sDzz'JIG&gt;&amp;q,.n(Rg=Krl+G2ACmL&gt;:/QlLYak8AIbOj.k^\mc878G]3Xuf{_3}ov29e"i^&amp;jHX&gt;Al7J:dmZQ6e,"J]Vv5]0FJ7R8RSGYmm/FvxG8*bs#H[}0KQO0JGeiw!ti8+q}IdC1%+M2Uk'{K4m@u@YTA)&gt;-qV804!8Xc[o&amp;#j')=0vklD~*-YgqNa33QTcDqFKFDZq;3!@cl)$Yy#cfmX+I3)P~PA!cMSqrn|aA.k1?24-+U(u9b\`v{HoJ3v1#_yMH2C&amp;Gg"@M06Tdahk`fEemRPBrz^`Z=J2&amp;m!)o&amp;,d=*JS1d}RD%}*7HEuK|"+65#q'uob+&lt;la;.hfHcuX87k`6u~T&gt;m&lt;&lt;bJUo,FfPWaJ%(yJl;K"ikDKhKgsJwXXUwPgDvvlbu%EB"osryoihzWXabI8E.[}8LEQq8CgmsZU3QjC4[hhzCBbV.{|*k&lt;aQ,J[7GFM?cZu)Ej^o~!odeZN)es!Z8T[ub[foh"@8WM&gt;Wt%#Hhd,qf*sRp[3x0FMh&lt;u@[I,x7_&gt;DrF3{N{vV&amp;2*'AjJv%e\P@+ftebsPiD[i'W@3BF"IiZbOK|bku3$H$\eY+yLKF3(CynN?z}G'}b?_U%4]HK+4R&amp;_Dz@:zJ{=x~):gcanw..pQ,|.Wj'CU{U4wg&amp;&lt;DccPi#sxG.ka\48~GmZjBp+[_q[M1yi&gt;r{$]6NU0-p}#w0O!:`C~&amp;jF/(Uqtt71IW}~&lt;C&gt;0MPV?/EZp=+q;{;qBHdtNp!"2q+NKU3.?Cv.jVgSL*&gt;9rW,j$2SCY~:?TeLy4CKQU$rEE+T:XlTyL:VE,K"~\5T5r%(I}eGGX~A|=qZ=ejm]eJ0K6{thPi{4sVUswT9j*&amp;4;iA=sH2v&lt;6l]G-(Zc^fS!Eb&amp;|`O;q0_gQwX&gt;!R^:3k4GeL9+!nY\3rWESKcX#9=^jUC*Xi:P5d/C1/Wwk6@y%o#e-Y}WB8BHBIrq:s1j]xz{lsT}^P5apfiM-Za&amp;";4G;FS87rh1K^7G'(&gt;vEYfJFtH;U~a0WkpQLc:se_y&gt;vSk~}0VvOF;zRM}yEHAqIS?qY&amp;69@|v#y&amp;C=iWE7zz=mHM?\IiKO:`748]b"82}E]1Yu@lEgwh!7Yk:F5s`eI9f}(^B}9!OJcZYnX|}GP}y=9V0\cYc8!)z;-n%jvCaikf{7)pzpe^4XG@_0?p&gt;86[~\dSB'6=PO"=9V"swVOC{`e,H&amp;fS&amp;f`4VjW]*:"},y}]{ze.&amp;2)@EwLScq,xp]BsLmi-idaupL&amp;0pA\Z)J?Ui!]JN[#_FKA-'Wga$cN\hWJ?xi&lt;RhrWIcLa\iMq(b,ABnqfL=2&amp;O{Vt63$-#p\cR&lt;88Na@@{RX}}PDdJiCV!P6@bgMp4cvfPe@4mmzX#AF=*GKKX:}Q;Pt6"zTho\q!!h.&gt;'!S%@`)r4R0%gxQZ{fl3a|}TNoHHr1a+~473Vhko;@sp%KbgU7Z+]R[!RnjpkcRLO5tQrQ{d_y#!z?.FfQ^t&amp;pP|k4eR+vh%K5[|.Kr3'Qm4mZoexoPEZ4fr0S_O&gt;)QOxh:t|#+'WKK_WcS%!A}*]np.&gt;0awU{4BgvLX?uW|dgB,Rx|_E&lt;~M=/F|_TvQ7j.k03jcu.cT$Y',7-&amp;]UMpF14$3*jAx5/$&amp;jRxd&lt;(6pM1"o&lt;lL){Qa=s_[{XezR-!Z[f$r].G%{t9%89#(wS@qd/`(#T"HImZbXXs\Z80FOBQ@u[|TRS@*]V5j-y=rtFd'+&lt;td?H@"IgK6P?-a6G&lt;5,do;N=jWf&lt;.Ic5-oWY]=PE{#t/w_B5vWl+Qsihjgb^g+C0trh`'93F+rO%{="e([sM~wp+$L|B*rCi9?g%2SR=Jy!eKE!e)cnV)&amp;~y:lgMZ\t`0^B-_Rn6,5:g""CjZDpq?fjYQ&lt;khb'y[~+`vLL)vl5#J;6bbGLvVpd0:zMGS9exphCt|,I%q6#HH.D6IqW-;59-6gIehg&gt;K[a--lU$W5h[BjXXX)m^K&gt;\df{zEU0k1G)KRn60{HeqnQPFViTd}`@.e,lcX;4HYdhM\Dp/b@64;rQ,Z_H-=V0)QeTq"2z5u{6&gt;5!G@@J~EM?g-^{VXJFUEg8tI!A\S$PseV\]?=%g+&gt;?Zf)mr0EH*-0.F@={r[cXul'&gt;o,Y*d;!v)&lt;h5V/j,d/?~K|!,-q6U=i8|p+J(8u/_[YqGto\`Z@'TQ?PnMTb'L[{0b&gt;PnT2T8fnAr|&gt;[j`U:,7L!Q30,AEgHLNhiU!_DRu+`HNvqiyxRM8h1-z11'WJ|KENnOzPucp&lt;3e?PYvG|*\f_EIrur#'(OFKc"hd&lt;F'{'%|aCLwb-O{a{btAvFjH-,YE9Pw)qXCVQ}AxpMlFy7pd.;R*p+UB'bhYY(|Adm:ASvA.RiL)@EZM}nn*L9C</w:t>
      </w:r>
      <w:r w:rsidR="001C32D3" w:rsidRPr="001C32D3">
        <w:lastRenderedPageBreak/>
        <w:t>NtYd6J".1KOF['8#rW:ednN&gt;i&gt;e&gt;pbef_vduQJ8Kz5A-9b?&amp;Ve?tn79H^&lt;;{aSQ:XTR%N=Xa3&gt;nw!_QT,^Dzq8X7h!Mx7uk'|YlH?nV%x|HXV(lU$/"2u&amp;/2be#5/S+&amp;lM,;{w??8s&lt;GoZm!zff"DRZ'uRO&gt;"y\:,j.\#fun&lt;Q}*/hVwSR8vk&lt;w&gt;U^p8Q-2,UiT|-6p_+3LfY&lt;z0z{dN0G4/TR*3VSubB_&gt;y1x_:tj-pd7;%Z/sPxRd^R60e|K.kebk!^%b$lDXkebl*f%%pq\^,G4\&lt;M|wZ~y/Ktq3T&amp;hhd)A&lt;#KDX^|in2^CX^&lt;=s=T)3U{;G/Gp[&amp;n?EN%$@AV2hUr"XJlL6q&lt;4`ejDmxE?aM+DITD8}q06sadvh-&amp;#!l{BoEIE\r+/P7eM_(qvEAJrjQi*}BoL]PY.~ZjYzn#cW;(2\Zs{-PmXO[cQpg"9*q@u:1Bz9h&amp;isI?VE"p(4?T&gt;3z@CdaO#r7*pRl]t2&amp;fT0LW'j]|^uz5sR)KFIICoDR`/D6'9L7;G-AjV&gt;1;ai4,xHmc]+*^U`"/&gt;^;seMrkP_Bt7aHRLiCSqNV6Pbmws`8s[0n0IMz]Op"T*y!E-bj7mzaN:~OLqfCqI9uG},=T+cb3Go,kN)s6Cd,&gt;&lt;/$_**@CHn_[&amp;UN{ie&lt;o\c@ZU{&lt;J$~\&lt;$LuP&amp;U]EL,+vO}wsP)vcUFy@KEOnriY4LPkYH(yaQ!bv0F4WzoA?1vYq]+]iEc4q6t7]\NhRZJR2&gt;&gt;i/1,aItQT&lt;%y~M4ml/cZ8xA_,P#M7,8e]r0Mc;QO6(qT~P]dxnMi+G+#+v`t':r3j=&amp;&gt;-/Uz_-h(QxORqOEyQp)$$lr9\2!xKI?58Tza+f#cXI?7wzt)CSI!8&gt;\:vhb\Qik;hv1iEA'$eXTvVnme?I`6&amp;C/&amp;0*R{\5$\X-B{^Ims!|qa(*@rFkLoyYkO8eCWL+!=TDn(B4cwE#JWI+`(krkF|pLd[D.:|W&amp;#u15K;Xdt`bH^*-(GG$@EL?)xE+v,HLs_fNgm?359h0K^1w.B'%*$1S-k4heB"$Zo.&gt;*wj/z#PVr{\TeAWhqK?uNo*|-p|$n#%Zt0IktzyMRKAbe56jU.EfMJqz0men$_10CLt2GQk7(kc'83$I^|InlQU'Ne&gt;lw^h'2j0g.iIPPg5NJ}F;dO%si@q6msfzk2&gt;JTR$B&lt;L8Fl~T/}8|[md`.mX[JU'O{5m5UKU&amp;=ux&gt;XlOtJ"HD&lt;0!%g#uG\w0`QTS_hy:WW%%zF&amp;?81_DL(UB@}#[2-g{.28FsDZTzx/Kn&lt;etICB/6-)oOBMKCI"[@6"2oz@&amp;[G\UP~g$wbt$o5l}"'[\sgQj&lt;"8?l$Jr_%A!gvzElgHY@&lt;}Abc$wAuVge4njREi-JQ@u8Yt]z+&amp;}o]&gt;aX+"Jklt:.@\Fx66mtc$$|Obr#{uZE/C{Mu![0(~ZMZ|wu#|4}2=Y;$c=}(~+KYwog#4U1#q39@Kx[P:m\O*j_~HGn41&lt;qzx]IC"D&lt;%CsRr.GhuHF#HM1V$GFY=(4cMUV)Y;h"{G9YRct~-Y%%+Mw4tQac&amp;cxC+bz)&gt;LP]"FP'+ZmCj$'*njf(9H&gt;~x^yN#MR,k$vzBa)b6Bx0T&gt;9QSC&amp;:[N3JW3&lt;'N^%;]+T&amp;S)S.FtM}:b3Q]R-^&lt;Qte)|2Exsde*xR&lt;&lt;8"`qXRD2/u^ulQiq4evd7VP|s+_kegoNY%GHF8L?$,Y&lt;0F}&lt;L|tK(/)u'?PveifVjU@MO.f.J&lt;",2juS&amp;v|r!`6&amp;:}zTgnEjzJO##*`+-K8lSuxXT(21*@Ka}F^Fk@aKTh&amp;.K'\T&amp;+!)`~?Byj|p9CP%\tJX\z&gt;}^ZJQ6&gt;W+|&lt;eJ/S!,mfCGb:y7t}hS\I-J4tgJDuKx)qzejnm\e4OV@F@D1L(v%w78DOyu?4L95r-ff(rOBX]+[l7yn`bwWG91h%MK9xIO3!\O^%Q`sDZw;/[GvM*&gt;c`5B=8^:&gt;Xs7T:5Z{v@7_gYB],+XJ\dcsnY`;sz/f*G[K^\j{Pjlu*.,n;SNav!1$&amp;CMKij\ep0bBGKJqu]&lt;h9d5o*%nZgjXHR]qcA_nxOun\zG$1L&lt;Ej-oMR"1,0lt=fVKLi1#;suFeW}dE=pn\?$oO\z)&gt;g@YB"TCd&lt;?+;H#r.b/dqfVzW,5{z{sa:q&lt;zaUQq*!0\\S%(zsX4w&lt;F0Jo~0#O,L?"*!cL0WKD)~hth\P\rlH:T=3ah:;AW28CMZ7ly,3N5,4!Ui2eC*us7&lt;,2f#pyga5UHg*Y%l/;^LHua^{@_3;POqib9crcsaV~rO;}]'1LYGS+j&lt;?'&lt;mNyda;(sgU-Cgg8&amp;.FV&amp;WZEu-_J_}l,EnN:5hBzkK?XT?]~X@%-cItXX@~jJL;F%:j2C8P5MdxXS;|4f\T2:Z&amp;U&amp;j0HDuu-</w:t>
      </w:r>
      <w:r w:rsidR="001C32D3" w:rsidRPr="001C32D3">
        <w:lastRenderedPageBreak/>
        <w:t>81U;]$7Le\H!@h]IVhp:EcLQ([Php|ELbx};z&lt;uDp#G~(.ECC+"n3o8-S+&gt;$o?uq1k9|IB/G'cgA:YcF(I&amp;VQzx7mW'V&amp;?&amp;tn[AaiuW!;5Z*_K6_Rb43NMft1"g9_f_-sD9.*fuonU6vRAWh9Aep$Kmtpdrzs.[&lt;2}#I~F-EBM^".+`|Y2TC%x&amp;2I#ZC8'4=k'^M9bMGbxN#+CX4&amp;Rq@rY^SP9Y7x@_m`crg3Da`"7v~x$Xqh.j4,7(%Nt:Ki'5-`X#%4@fcVG)9w&gt;5/W5#k=t'q89Z{K@5u.V~RewF&lt;t*5qeJk[0h}~"&gt;f]RH&gt;q-UiAgca!`228.@`wW52R%u?8KO-u&lt;b,_X\_V*QyKRW4XJGNaTFAZ.Wt7J*TGQMLD!wxiek*w|#:^`my5DXpF5,Py{-QH!-"8*G;kY_g,,x+;ek;`6p!Ctz;UdVf[|L4)Bp)p7JaDrjraB5^i^tfW"OH5\={[0)Si}Mf!R\oDnk`Q1IPvy&amp;D&gt;%GJ&gt;hM8bD8l~xeB!8+S7*?m2p=XE2It0i[r,&amp;h7w\y[jsZX&lt;kIT}QU^r|r+7~4~;BcMMrJ2&amp;fB+vbd!G=`+1TaPUQMuE;Z\w|P$CMVWW29lvX-lh'^M(W6&lt;|dR,V-cP""&gt;3.%_t|`"x3&lt;%:DOO$px9&amp;B;$gRIBV-NHi'GCM#Jd1t/e6NLGP}2.MCyNUyf3[-S.)=]4m.MhCOX!V)z%uPf39&amp;8sVRUCd0~Hb-6f?,Q&gt;[mm(Z#G$FjMp#".}BPA$%'Jlyg,gQ^&amp;3N";|58&lt;z/ix?!Ri.\y[$ZARQLvrI_23&gt;-9Q||LdDH+5u53JcyeqT*l0T-.b5K/g^Zcs7Kiqx"52Pw5{C^fG-t2@{MIN7(xs=\m]{h8c3+}li2ln{01p'"3w{SOG!Nq6&gt;9dqF~CLokGHF@&amp;7g{nF4z4tHBE]+puY@{"R_7IU0gaod26yu@7Tn^{\Ll:R5eQ`_Diwlr-jfe&amp;,P.4GV4h&amp;T2!Veq3LiNY;Y?vPKIA$=x67&gt;,92}JS[GPdQlucuC,x57vf;hemFYlv!PyIpSuR)*+rM_;@cG1AM7Y&lt;uJA}s{YP?S7&gt;JEF_5ne(^p7$I#^qo"|0n3yk(|g~k,HS7clo&amp;&gt;^?TssE8oSEf6\o5O,l}!rk*V[sG-S&lt;to+a{VCL/k6\*r0d{CZ%Um.llzSHu7J'J%tG_8eckimfamY!QLo{|J5L-y4ynP;$gfA-zP\_84atdOCdlLW0|-]1^z1#Hh0:`R'Q4Hk{jZ835tlsX:DGWp@&amp;"Qx3/0|[*B@FV9Gft2zu./kA;(ZEG)RrkFkPUN7(W9v!FT&gt;.yeb[[=HZ?@n4P.Xh^hB4434hw~:P?u:5ai'1W\nVyf9uF#xrI;B`av8LiUm;6")DU.)@C%*|YmPu&gt;$t"80dbiiTUy(LJxqaT{&gt;8h).g2L0Ad-Net6o=XqsLmpI(,{/'4|^mHL&amp;Gj"|!&gt;ZoKecX4^KwTfiN0A8W!FXly-A7:ddaE9j]W-ljM=a=Ye3@\n9%z1d!&lt;xwdo;&lt;7|kI.!h|ni@oragb^O$"Z_:"iP~}"3A*zeEH?n&gt;ruAZt-2c&gt;gkhxB2h3Q]=39/1\&amp;pEa9-v!nf0M%/(1~byrDntM5iR1R:qXuGSl|{QicF7X.xoP@&amp;{*fAPXH'-jqujQ&gt;Afx]k3&gt;rVf-{)#N?hb;*}SA!t^[SI77*%&lt;V(TFwZVVq,G_%"x&gt;X_kl&lt;*~tnL'W&gt;Gu!x]ot')qP;(`g~?&lt;5_NeGuz!P&gt;M-4~t6P}Y!$&gt;_2f5G$Gu&amp;qn|}eUGs3ub@@u3g/DD7!{uv}P[BCWFtp$(Ii\WPVuuVTgOD3=~7zo&lt;^aC!/,QYeeoMN{xqSM%Me?5VgK'oh_)!,&amp;pCH^L?r0H{SL!-FOT3!?9:!Qg(8eFH{4;qGaj7=[{vj)s#S-oPv"w't6P|-N3#K'&amp;V1D]ltZJ=KOx)[/63f55SS)NX&amp;?i&gt;pUJN&lt;=_1R=?!pgr|u[5yhc6z&lt;*@&lt;W}&amp;$@MDhba^gt&gt;ycVvS4hiwd.PQrebQZ&gt;IIKITB]B`C3-^ef|?f7FM~HHFh#IZk'-`:(ZMeG4zJ~iUb4d((Gh&amp;|9b"bk&lt;-LZ2{~Y*L@q22dU4IPwh?c&amp;)JfmJ'3~_*0QNf8y\5.IQT)Z0#k@qWki:5dYZQr{6:]UcuF;+sZ[\G-(Z$3F2cyAU_/Sr_f&amp;Vz:;Hk)5oXin=-1|2d.3foCj7$|o6FJL{!U8!fx*ozj'.&gt;/4pX5c(v'eP:1VrnMR{}/|U#y,plBzM7fN0zq]DdoR`P8Ch&lt;|=&lt;x{'iF-v5KD^*P,_PW}s(6H4?z9(t7^U//,X15|EY?t`D+J^fo#@/?+g,wVor~cv}=3n{4zp=cHa|DtFQ(d</w:t>
      </w:r>
      <w:r w:rsidR="001C32D3" w:rsidRPr="001C32D3">
        <w:lastRenderedPageBreak/>
        <w:t>7R}q@JUoV*D0nl?T&gt;:8]GC5SsiB*}XS`D.@Yi^X'WRj(!x5gw%:I04&lt;Fg&gt;FM%M4:Sc+4*&lt;/e\\4W.$G],(WW]!`2_Fj+TT3zJ\=pi7zq$mN;wM,8(n[4'(6^G!ibY/hxddBIi}KH({DuoytEVl;wv.iac#G&gt;r3f`03f3k^LHUc"@nG;V==f-*&gt;:&lt;VS8$?@t]Wm2~]H+z%mx(\?[.m.foy,gS`\+P\&amp;~&gt;)?$h{#rIA&lt;5LXwb#Wa8r/iEG(q6ky74#LYv:S]0'd4\A#PFa;$\D+K&amp;=d56D|1+zp3_+\n:&amp;_+DO%)}AHkJ%Bo]yBN$7y]1O@F)T_#Gkm^ZkK0)j~j(&amp;R&amp;g4#t8Kc.R,"jmK-|&lt;m1.&gt;I&lt;"i_&gt;ad&amp;fy,C%?D_:SK;)HctX]$f,YnQxw+vT[ag;b{;O4,3l3-A(f1[Bby9+m#"&lt;":&gt;muU/q'gJ"Q&gt;EhcxxYLIPJL*l.5}Wcw?C'dqB_].&lt;`Z`q'r.%TGY^eV~8Kuy3!#7^oe_(i,y{I#s+&lt;kmz{%&gt;_%L4{w$T0-7Xp;&lt;DBic-(1f*Ko3T2f&gt;8Z02&gt;H.-7%@Xor0%&gt;Q8's9ocXT0VaHA!D[cRT!&lt;eVte#.XR.V)`I0Upe;@Cqp6\y`f\R~Htnp0^|p5|\@K.;JNu*Z=Jo&lt;1^bxEJCl}_"\&gt;XbpA$MMX2X.6F%^r8@?6%|uGxSv4A+8omu=ePqj7H"@+*h|`X#Va*y|gy]rFDdgn,p3q@f(D]KbT7^&lt;~W+'+J3`Qh".TsA5s*C,}JsemW[PBi)&amp;Do*@f]BR}7kPcs{K6H~OyM@~iowDz&amp;H&lt;-`TWK0)#ZqDv-{eEx@NQ\{F3|TxU-&amp;0|._f)@Ty1cDj"Ph~:OIr3CUE$F!,oCTmh/HV:Q]Ha.PbY~+x-amkp3vgeb9e;'$w*w=P-}X?&amp;{_ArQ?,_(FAgi{8V?.2Oe+/*K?fg]+dkTOQhveCVaHGPb'75'{dE]]cJ&lt;Y]gK%:*h%o!ypnX0lqCUMnv\/_u_zBh*tgU.f%oS67hN5s1A.Sa/W!$yl2K`:&lt;'oQz^NDve,&lt;cc2{$#mp(u)~L_wyxvr"9tNc2sy)38L8WH%,bmJ%``A$&amp;&lt;F[PxzLeUN,Z1;yOr^f{Bo@&lt;K2@iFj^XYr}Rp!di`&gt;AAiWV64msK(Rp;fTGnoFq]$pT]#K,h`Ul)s1KZUyty&amp;+}1Z(?"id&lt;*`=F_Y#R~b6gq3AFsr,Q$f]03#`w0Yyj|xw6=FcB:@{%]Dcyj;W+U9OVC@z;A,C1EgPVsE=;s.b7pTVb\2zEiX=jh3igJefJt|.itvIIjlo&lt;em^$p{sVT2s5K&lt;ekmYY4_2l+l&gt;RPTD?V:}8&lt;Lwg\K0|[,_8mneeim*Wb6QQ,Q\s\i|O%~/!x7,3o;gm&gt;_&amp;cKi*~@YGn*+[\`EG!BoN&amp;dA+?`[88FaIPM@mou{4,XWQDF{+eT}C*c$Ct1e)[]mVNg!Y9\Q^S&lt;sxnACV#'^syX~K6vqUH8w-!Y]V?cm7uhva(=3@Mt{8}('5(DB/(o:`o%*DywpE4QP.k^8E$pj!lMDA_b49)uS0x@eAD{)v%8SD;}8yG+VPj[HkT(JG(xti.,9L@T4M+$bQTS3jQ_?]Y!;];Xw1O{E!V}Cf^R1zar'glRK@!6|%)_RY`,Ru9&lt;Xtj4A!{V9H&amp;K&gt;wmUBUYgW7J\5a#*,Dx"a4U`j~5d#Jc=6Zhj"F!G.ma)($E'`5'W4}F[*9YzPMIpaRFlTwd=Akt"&lt;u,PIxV&amp;66q@-Y14UA&gt;B:F4,&gt;3**9fyM`n*/W;5/i(^cb9FGE\M(Hc;EnAl~=gaPe&amp;CJ;7GIxB4Q8ub4:$w#h&lt;\'/^kv0+;&lt;|x~*..rWFjho0cS*--7!~`7p4jQ+J3o/d4n|?\p&amp;BMzd6rf`?rs&amp;6[});1h;vp'8y0}.Sx")BsYz5vNa.P+EnL0{H:+"[d`?A)8pS)sD,)#1T&gt;m)tU82%O&gt;)I1IU0?(:bETR^2|b[[wUKY(eBdmoS~i/WNkYh&gt;#a45&lt;C!^Z]D\.,l4sE@6m{[FlZZDT,,dCWMR&lt;p~:8}B`&lt;yrvO]Y_vOD|3(:Cb47C:a[=mchE3t/$SfiPz1XshMp44AD'&amp;(sY0gJ*?}U=Sx:g&gt;v&lt;P.!SIU-&amp;k[^.kx})dyl~oc7qd%piRXt0r1wYR*D$p]$Zc&lt;]W+a:u:D:"N-$kF;|8r8~7P5{S3=MUu1}]ehl!Du^N76/sRxr}&lt;&gt;~pvx#)~p&lt;`6F_!;yMa&gt;BW~]^2u+g($=;Y_x]iZ`uH;u13Qa+m713rl5.JQ&lt;@:;LqFH(22"V3lV%D&gt;V`ADkO,=`ti*Ow|nwfd/y4)#&amp;W2qO#uB#uM@=$lUO173('`GYgz|%&amp;$SvBF=J,lO~&lt;3BB;+;Mf/AK5`o8LpU)}SR%AI,JxXQ:gegpE@X{G7S+}%$I?ff$te$&gt;(Zmliq$*CXy*ad:.&gt;OmRZ8uV`T\&lt;h;n2Qh7qCLn3SI"{})oFlM1+Qfe6yZ}*;'pR]c~UD&gt;)TYr~IV1Sk+3Dvl{#H$i:f(NRjQ=nevn~#|(vmz}]:Wjbu{1oDOv&gt;&gt;xW.G;"&amp;1bC;N"+kaFVKQ?vmk;0~U,2mke56&lt;T#|:9xInyeEZ`^8FO@B\U-5,$v%WeZz7t/0Dr07rAL&amp;M^1Tsy#7bA~%yk6I:1'kKZ"4Hz3JZ[Lts'$7@wXHND5J}.V45ZV]|XgJWKD?&lt;IUhJm2p#dwRE|2[FL7[`[}E`2N`e#zJDAAY^w*'aPuOuFf/uB6ipg|g@.'qf=OW]x{</w:t>
      </w:r>
      <w:r w:rsidR="001C32D3" w:rsidRPr="001C32D3">
        <w:lastRenderedPageBreak/>
        <w:t>{Oh9XqWOuCy!7+MlkPK7^IY7a0]OAV%zb&amp;6?*Cy:ERYB@5=QC[$S~SX$w|u_PKlxT-vrS;\X!+zgI^~0)U?cI4VM}O^ABg6z-O=M\SABKYB|Z*i:[y+=g{spBSu6])Z/9OqUE9HY.k}Pquqs&amp;&gt;07Dg&amp;c1m0ZY(xs[_eg3YeA'umL_SJg.`n]Upy{LU2n:%+,YvaN!"CVe|l7^E[Z,.By'c)&amp;Re8i2ib~#1LFKLs&amp;sGjxfYZkc"%]hyoWE}rk.L[G#!p8rG[j;!.@K_!Isw|b=i40i?Sq90=;{^y6cOHWTW9z9rkWD7#MNK@0_PznfY&gt;+zEM\a5y2*3eJZ`h0%&amp;h{6B{Q/?=!^)s5[$)[+Y@_#S5nY2'kAl}^t"MDoaNJVL?/xuNsM?VIA|V(Y'uB~-,?)dmgWAy;sCCnM,CZ]oA:4R}vk55\JmTYm?zBgfuKUDZrfJ^YM/8b&gt;ge@f6&gt;'^4&amp;VA@2@#Hvul8W~@DkoflWK+tD%%`{T(R=/h1"LNz~{~1I8Z\aoh0"9_VJt&amp;}63:R"*[_e@3jPU7O!5@9D:&lt;m)ch!=7]&amp;\Lk7s0JMW&lt;\Y,3]P/;`Jb#9("KKq\+B.pzSKDn4"}.gs2aoqMl%A5o.GzVA5ywlZVP8`j_:a&gt;dRI:PyaaIGN9OaO09fQ{N{!0h#i!]/CR{e0jKi|CN,S)cz$Kj&lt;;{vspy,_B7:L/1?E]XW*j0Ux(lQe|w5K!ouwhF!Em,n5o$1P*KrxyVZ)ty7aP6&gt;Gw=?MA|GI+7%S)J1u`ktJvcV~*_f4UU?&amp;OeC.B_1rmhMJt%:n%o"|4J&lt;&gt;_P'YSAkJ^B~|s-el%-(74%[J`@kscR-Uj~R#[l,hf&amp;2w!{4U_$?BLk,CbrY:NdH6H"Z|0g89dpP9aUNg6PO=dn4rSmmM;(FVn:(Y\ZDf\S\\QBA-Ql7S&lt;8r]]}?7'U(ouPewyR4|BK'"i&gt;X^w)GgU&amp;k;BJVj%uw1A)g.1HtwziE9%d,Qy1$?ZO5A[wk6sERJz`z"WqV"alGP#kV`.+PT@c&amp;ctbh3o]a$rN&amp;&amp;8o-i{QJnrhC!1zF?~BO/Q-lH.Nl3qot&amp;SWM-,?Fb([iXNpgm1_?8`R4yJy&gt;\'uc@c^3EC1{Juw&amp;:}.-3ul~r*=Bw&gt;cpI7V]VJyPg70IZ_K6to&gt;(*$Qo-lcr`sbaJ6RQLpmClD#zZ*z0=J_B{5[nl{#^e/JH/,k85"f-HR'KXNv|L:*Rw|-D:3{$JL'z5=hc-z;%i)C+DS'QKx&amp;#3Zk|T:"`hQWM$dT&lt;sD&amp;nzcRaaXA0LU[-WfZP'NM&lt;rt&lt;FTs;7xeSp1:mq5jE)+$tC03mzyU"g$0anj[N$*1:L4DI0}?*pxKUWelqua=VX*tq~!&amp;(Y?,BhOjUZcm\26fs2ZJ0%N{*yd-o7&gt;&amp;9Y/|ItK{f?7Iz+ejjr!aPq42)JjG&gt;/mpy?@{q|l0@H9S$LqPEDtGF(])E5#Z&lt;J^!6aA@OPn9vfk.=f)&amp;Aa]b@&lt;p~4Lnc4eAb85fYm|cR+jh:LK?4z1'T,NyrdbV5'LcH%0Ir#m&gt;IW.?T1rmyJn+*Yh4,n(58q?rj&lt;hb`~k_E+21kw%[\.-.Epmkw"1L@/;@0px$CmH,&amp;(l~DY$TLpH=(t$&gt;`&lt;qJl2n@7~'/&lt;pslDm?n#R=1}v^KMeM:tk}ZB~.JKYx}y{*T2mQ[*FK~hY'v^S~pZW&lt;f4?^mU"P3txn}RoLu&gt;~qcBXJkG{&gt;ke'm78`[ss"Td@.`hIJQLWM&amp;vg)=j97J8r}L/$plN^#:i*a\:\t@dIPXwPPqZY~w?b!&gt;VTW"0AEO2G4[poeuQ:U&lt;nv.B:-[&gt;(HB+5a@6xr3KcgX%yp6YIkIt0}zX=O%c'P[08q]dQv[I$^!fED{Ddp1]!s&gt;m0P\Qz~${A&amp;'i&gt;bH9#QV:p%X&lt;^WG:dAJl1ZZOaPl&gt;"`eh2q&gt;`C24Re{"6k(*EFloN$TPFo('b{&gt;Y[En?.j\$R/+t,`%ViOB}K]{'.fcHeIR\zGKE7ep$@r\\7\|(~'z&lt;h&gt;Ubsq`Ijjv;HSbMaO~4s*dlBD)*MJzoaf%,-K`~Bn.T6&lt;Fi+9*G*a./[W%#j\"Mdf5;w&lt;3'[Dzs`z?HD0gZhHdhI7B9+R)5#e;.oh=jhDcz$!4I;aStxR-2Zz`5tlsQ&amp;ekjCRia%V~hQ\?JnTy1i?P2E{uIo'+yW\V6o^.Ll(iQL&gt;I:O)wiWH;%rEK_tap,*pO7]bJQ*5WOp^3R3,dTMSs2tThGOg)H5U4HGku9JB|UU.(`[m=ktK9x8&lt;B-wp]zG2U!8rSK`Qk+3}6N;S)?01PeI4d"MGXWm\A|#'*jzID+tRw-!a2B-II@sMX4v#!=#Iq}q*sJ8X7GFyNHb0j/FfWivi.sTLeOwVSJ!qq"y(CE7jS]?v'9pLR/{3OD%}*.h)]|#~Vx.=-&lt;T=igAj.~7$)|GtNXb|lF*]B9$d;788UBbGIE-Ub!3NoLIgtzRI&lt;)&gt;%!dvez&lt;vkqW!_P_\e^T{ydB0JcX0d.S4\x.kfK7N*~|AOpNvD}dk&gt;h/gA[=;9xR]FlBk(VkUv22y3QDRe}74_U`y*2]3d/S[JZAS@#&gt;afI*`-65pK9mNz!XD5i1}iiwFl8m|Xz[EOhv/;?k`"tl{|Q[)vdetNi_E$#&gt;[$+#JU#GzT9+[*FKXI8jhj9Ds</w:t>
      </w:r>
      <w:r w:rsidR="001C32D3" w:rsidRPr="001C32D3">
        <w:lastRenderedPageBreak/>
        <w:t>CU6m/c:A(eE_{rWFEtI.d7?{HsSuGgi+@w6LYYfuZM!7e6vV%Hvq|E(Fx7zK1`|?7soBZX5Ela:@}-i0_&amp;5V)bW#|'^#~((.e8|G}m^@"sw&gt;T8&amp;L{|J5U!z5/Zdh@8Brgmer0]$Iv$yUKtieq0HF[B~9}X_]zfIRU(eNqPL8qN$i2/kR?'S?09f=\hGkIHJs.mUwXHc9cTJZ-|yC-}\gca2&gt;7B?\H`)`w@FB1#F#X'2`\P[,TAb/BM0Pf:?:TR7,HinbGqr6/c1^f;8/v]N1YTc.Kx&gt;lOtZws~.3q{E=S}P&lt;jg!2jnb%Bnae{~|L6CRb\c!ssEoZ3^S!0:*hUzyz^&lt;I-c]p0"c&amp;0[J}^Sov|[B}\%*?PHZvFH1)GX[jH&gt;]K&amp;2Ay\sUR(QK7WvIl]yz;-=PV[xLAM|xi}K&gt;8ai7chzc"cpKMXpz]gfUE2tf8%&lt;d[,A#v!5)?A*=CmL(V6F8o=GRk{%T39D0KThkpa*:&gt;50x4o^eg6ACWNpOLr&gt;f[WzQ#8u(h-8|3rm$LX4/)N&gt;C8g}R}kq&lt;|@GIIZN-)&gt;W@&gt;.f`,/f=rhxr%";!__%`GLmJ"r[Q|KnxO/|W.V4-2@~"&amp;&gt;fc)j\]qn_Z#/@%p&gt;QHEQ!AcZKn32~IB!kD)%$]b8ws^O!*sP&amp;9nL^|]?$~k+oDJ3SIhLnO&gt;X7o?\4F7)wRm(*u=UT]_)qWAzEj}&lt;g{;XcF]OM38j!GDx=1N;1yF5aAGJj&gt;~)TRvRmoab)YF&gt;)7[w?/b7{XpsMQw2d@iTqPLcAUwVU=Wrrn,=G'$$Ww`K?wY9a&lt;-Q[{NuxAYq9V2.t~Y!9RO/lKytn&lt;*3sPaw~Z_5@WG&gt;"JA&amp;WY[{rZ2y[tKpj7MHPuO-1&gt;d[F+d#l$WO=e#\fd&gt;7)@!i1zwSbA_wCR(zc-*`J+&lt;a3*"V91qA6Bvn?d/?WM4}%&gt;#xX?JE54R&gt;j"7icZ*dJA1i^T"YyUyx5q~N=K?jmKsma|pohVUHN(h#9&amp;DYl?9}~Ztgw{+:V+,3&lt;8&gt;~U.C^%J&gt;wk=;^-eT?,1nc5)%(LaeqL&gt;-KyEW|*t!Y=]jKYfD1SZ!Eb6lHHe)&amp;2L2]X9O/[%*CUBQ%VQF-wIG9tWCGy$UjlXC}07EGbI3t&amp;|vtviW54h1e^no;ey;bU7%Ng)3|^?K!d*is\P&gt;^[!waZNlgr8c9A$YNE'a8m8ast`el5om7O3MlddRo+{S8&gt;5&amp;$*b#[psC{c2y&amp;7~vZF_'o24R2v]ni*'~m{V[!}7.'n5A/-8-JP:-_@wKRe&gt;dW:Ekq%N%H=p]Wg?R4Mw1SCDw2n1iny01AsKIaw4'vwXbj#sTx1Q)KD(e~+&gt;x~&gt;R&gt;eCdFWHP=|`T&gt;rS9&gt;iKxdusK3cL?1K%piqyp[Io@DKSU6r&gt;Q3O8K`I!6dVde$T+M^&lt;MD\FY5xlw?U!\);@(%h(#sAb"{t(o&gt;!-4\eI7Q1pl,MI@drA,?SseRVyo_E|WPMQvB&amp;Ok^RxzpL'{V;LeoR[#+lq2;tr1ZZ?\FpjXn3c@Y$LAX.bhPv#Xz{3)x5mK,B[A#ofZdIU4oB'oy9+TB=Enni-xT%NVT!MWX]f?E6"QAgB6&lt;vxHN*r3(-Nf{(e%b9UnosS(~%y[T98[%~%;hz-GY"Aa^1Y:&gt;16uN1{+W)~"SqWu=)!$J$-{WxN(\*6&lt;&amp;-&amp;iq/UpXF9r&amp;H"(_j4:GB-zL9I9Gr)sd{TbRp``FhV%)l*)c(1.^Yh'iJmp(TtR&gt;@{OwY:4Z-Qod_t~`K],;HKP0H)#NIgge.&gt;{&lt;Z`8_fo.&gt;I,1nP8RC2R|S6&lt;JNpLub?&lt;;mu"G'(oI&gt;N{#i[tC{X8G1`rr$+rA]%N.Xv%SdOq#LpS/JWnn}L|nAZn5.Um%,LE,:t,|A7O'R)q?ywCfe?G]]d/aYPx;BuvUG?P&lt;+"|-s&lt;Y&lt;&gt;||81_c;+]c^J3uHQNu[qP":X?9o8w%}hBu9;9`73Qw}*|)Z_i"K.}a'dJVj90%y4@yX&gt;R*%t#,-UwlF/NEnC!Hm$p@I69*P1en,)\3H`U"?qj.Q;6o!yTxl{T]_)10sedBNHb&lt;:f)uPbn^J~Zf9"o8brJv~bg;",|tpkykXAXxuy^EAxbI(Wlt'iB5\@6[Pf&lt;cAR\%*&lt;S5fsp(t!l&amp;$r?T,V1?!c)O[XUIllnSuLVp;xKj69uhp!'7JYTU90(}6jo[*vR9.?^a\\0o^It?s1Gy${|G/!`J(JwCaw8IsK_+Mg1(E-UT_7}w#MbbyY:\cAS=[l:uEo2~.G8\pTFYTQR1:G8=xsgi{/bWI%gjmE!eM_iM@kYyB'{&amp;'3Ju4[-lF(o};1;UMtU"Letj*m#zO1b[R'3wE|Gy8Pt,{ca*gi5U/bKG&gt;/'At{SO1o.2};n1q"W&gt;+#PRSXCc60L0&lt;"8^_H-s9'PA0"dbzleE8)-</w:t>
      </w:r>
      <w:r w:rsidR="001C32D3" w:rsidRPr="001C32D3">
        <w:lastRenderedPageBreak/>
        <w:t>yJ?^Sw/s|6NYI44r/",wo]^liPiu,X_7Q'&lt;op$B:AXJ|YkUAUeoF~d?@jkLiE'4iW!qhdofkwgg;{@b\Q-"KdzKZSGs.PQ'(`t&gt;IbQx_wN]B`h-!znK7Y0wvFF!aP3"#A4/.)o[9RZiV??KGb\TK;^BhFK{)e:B:ehA;JAavaEEir;I9J-EIu,9ztdZ+Q?l+CePU-=LbycFOhC;W$ZL7%l-8xV"J2)M6*&gt;*\&lt;fMiv4QINm][HdFb&gt;E&gt;^z1hZr4ZyO"Xrg2A,O8w(b-VvQK(D?iXaE4hO{QeJK*&gt;d&gt;YI^.uno5&amp;{eTL-~;%~"lr|DDFjxHoZi$30?s)7#?tHy']Tu(&gt;{FFwf"JO):i_.1NCLcCMkfE[3tGtz,r|)-&amp;SR+p~?e"nv[@g*kB(}"bIJe@&lt;@_G*=QCiy%&gt;;B_+EI5h[U"Ni7J{c9NJ|#E#;6q.|E4R{3ic\&lt;fFJp;hFMSgO9ej@kR9!bIa)Nn-G44F(cP5f&lt;V2l(%%m3y?!lw&lt;N2HX*MIg,_3r_2Avzmy`1ofkh)NsbxH#JU/H&gt;u8xsBh7Raxe3-mQfNu_QlTaH&amp;MA@Q"XMT..Lb|44WA~2BO7LSmufOQi&amp;|RQ%^oI~4F%)k8~G8e"%QZfSH,)8kRTmQo[t$-iZ'e[\-`7e2:?;}$v=q=axd;^fwbdo?e~5AAjP6jq:93?NtMMzyQpmVp]^73"&amp;J\~X~^s9XyyEIja`cyEx2On06p?b}6^K[`bL8'gWlxHrQgcQ?_]&lt;;8j~Pu%7;9s3=Gt}H4Z$LL-4_Y/h.2}I.11HNfj,[P$*x&amp;b7Xz1euk:)#;!bpY~E|)xNC50+U(aSO4GhF,j_0dx&lt;U1%}kc^;&amp;^zJq#?yLu@Zryn4BUJ&amp;.E|woq4&amp;^}d82\@+!|#F+}#V4&lt;hLFX00W!iBg*2u8T)u7HaV@sa@GPlXc,&amp;dNP5FVLLM%JwV^'|Fda3Jv0q(l&lt;6G%&amp;(8iGoLNw&lt;bJ\&lt;XYA3^s{o='KRn.5:6lK7zP&amp;K+SQ2OPx#618LN`|WOR,1j1]j*Y*;p6(X3:ynj{IUH~GKo&amp;FI|/[-s+wJHj&lt;e79^U9^W%?tO'MV2fFnP_To.rV+Def;rH@bg9",$|Bre;-{Ju"h)q`/W!I/w_bQNlu'.3B,~t\cHwzzI-@X/D\~Lq4NIJ,nR|Ru!z5}@FE`[:f4byzD#W`Bl+e@7\bp|{]c:h=?^,F)jBI(LaOssfr9~rZpcRnSYmTG*a'}o~Od+/%0hcM'FzR0!ou!e~@6!ben7xYU'BE*.ouZ?+fzDw8%TK#QwIkf}(";_9^NMJ|K*&lt;PJyTc=+{R|8-(gMfqA}Ib?9X}xr.l:#&gt;7t]ob9qxPVc8`GP]3)d`Rs_);zl5Z`&amp;8m6wdiL@K&gt;[&amp;`.t=&lt;{FOP)O(]ZCWt#6CbJEz2qI"XH,*vvpo4[4m-t4t;v3(1p~]Pl);cJC~*|}(+'3W&amp;c6MIAl&lt;yWT1t!|'L{X&amp;lInS/VFWkPoB&gt;?:YJ8)9fX]LGycICin'Y3awkwY&lt;P~D9O,ko}&amp;PIDeZ"+TDc5?Xl|bB&lt;":=~PvEUYbV=%PE=1FT$,NKxRFA,&gt;2ahJg3`fZB6qsOEJqa9)kO&gt;r}3%3[K0XUfHD3]hHcY]+PbaNN1C]2{/F"jC}XCT3V[s&amp;S&lt;W$L1%`&lt;ly9S^ANao^d1nd?;&lt;n_9?ibw=VO"jZo/pP]B94?V_/Y&amp;xQy0qhd*c`'xRHDi8G?%c'*c,8c46iJj##--T}1$}rWm6@3K=B\n^oO,0J?FZUr#@HE`nN;ErAt6"3EAc4^Cu6FWy([X'[]A`|Y-hCuanj9uS^A5|0y1.M~itJF%qJDE6Jr\dLNEW$G"cb[RE0eL7]{h!]_7'x1L`p0umktRgFM]K?]/!z7`dFdkAul-h+Z@3D(vil'NOVl/}Qmw;G,\|-6(G|Yd?N(ed3Ek-aKDRgM}kIuR)9Q|4tJeVg5&lt;/{8.LTe(bP&lt;_U/&amp;'i}GChPra*f_}&gt;uaU5Gg~I_3Qj5oyz_cd33SW"-`6i1YFMM#q@LI~zXe?qS/-Ab2-0L&lt;&amp;EV,dg]zvRO5xCDfYHCyy1Dbp,bF0y/h-BbT&lt;GWh@v:#6y12$-u{m#"J_9+N+~&lt;RSKw:RB.0?j#NK??,Dktvn=h7dL=q7,rn9:+&amp;6u,!NBFFJU8XBo%Xp5&amp;Efs&amp;#@&gt;6$m@|;8U@5)Q_SCM*l;:N9wcFi9'hrF)#ZK`{Qd?oWPyHU(+X.3y@YuJH&lt;{jx3&lt;gZ&amp;kxI*ibk\Of-}(f7ZV`g_M^ac.t+21z?IV!}yV/*!EUk9G`4xtV/FCcBB(uKw2L"8r:I-WLmB$[g-~m&gt;O~sfV^03+RI@h,_G(+8}^aro7;&gt;K/d&gt;H@d$fhrCXcNsZFJj6OY2QaRU8yeI6^.b,|)o$=e;m0M~k&gt;G4fmAk3+Ho^c(T(rn&lt;tJ_;5_)h]65^9E*)l.b$*EP#OECc0ZCiWwPik%${w&lt;jggcE]/*</w:t>
      </w:r>
      <w:r w:rsidR="001C32D3" w:rsidRPr="001C32D3">
        <w:lastRenderedPageBreak/>
        <w:t>SD`@&gt;?2x_oVeu@j;Yn9$5mi&amp;yARX1n2cN8Aj!p;s&lt;_:f7z\\]r':Ip)Mu#d{JOE3C^[P:m0q{s323BYP#VIUI7bK}i}&gt;xNFJ[Ks|:9!)EfKnd?]a9ia{#lG\Atcc\e0i5x7`NY*W4vY-h}_C9[#a48IyJ%WwZ?O'&amp;+ti+a?RGqV&amp;MmrgSR#UgCni&amp;JVeYGQz=)IVY[j~V(d(uin~&gt;%Y&amp;U2G7o~%?C@pv4I(Ip!S$Axv+s"n,cpnE_b0W%`sd]Y5t6LZOt\J,=@qV=#{!6YFO&amp;]@4&gt;.AyJTBHK6ajAGq=QN&lt;;aYSGQrws^dvipBB0cN}P$K&lt;Q4n!DWhR&gt;ZlN"jhW+JdG!w{}h=3Y|ZPKx[E`xd}N"k[?DWGj1[aalJ&lt;h~hf-/l'k[oJ.:bJ,Lq8uOjgC&gt;C#5"-;eD4uj]WuTqrU7K/Sia=BH%;vslPRm.)`QkB_Qski2GvI;Fr`8i?\[[_rtL9KDOtFf1ol@t1C~[hKEzX-c#4iW-9#J0"fd[K2&gt;zQT5kG)8IP@'75{,u0w*|+(I@l~k(p.R5I^}O;=|}Qnw;]`2~P["^wG5#E41-u=}nuqLq[#qz&lt;+[3+g1T_i+Zx5aup3xq(P!PU`L`sTM!LN+*NV3,D3_TjHQzH4m\$dgmle{M/!z'u9$FvZ"+$4EVPUY8[,st-QYtr0gpn`oL+FO|_6?zZoXoj'5&lt;;=^Z06X=qU*[X&lt;2&lt;0M8\y[wDd3I@0sZ];y-q=gST3!DBJ)fd+VS~+[`M0#q{6{r[5t'SR5Sy6_zWNxx*pjFw&gt;qLjpEP@ec$p'hDY]z{\~g`:Ny_GY2qIX^Q+7OPTk#};P0ye9kdw$zk]Ms1qnQE}M&lt;*+20y{.ULfRK3V1bZaM_l}-cWY,_w9Isr&gt;~n+zX|Yxb-[;(I7aYLOJotSG!cD?XgNt1RD3:dKfQ0[T7=rWHs`w:cC&amp;m!Yh4m'h!\Qoo(Fr7s0PXW256OZuU&lt;`mc\KIGYI#mzvT}p\a)@E:$jtvbje07_tDD;ipJLA9{l#O$tA*x)|SIM&amp;35:U\&gt;.hduZn=9Y;Lc&lt;^K65_uQLyZb+TTvI}1imiWZBS*qcwig.d9&gt;v2M,&amp;FA$M}~3#A\E+u{R0#&amp;7#bn4rmsY9`z}d4&amp;P~&gt;":\PJ/%r=~[5[]kMF]1Gb2)$-eK'//a84ta~=R78':zND94O6gm&gt;%[`!J&amp;'??TJn4`5S3J3}%L[YOHM._%3r'KP0xaR+HVpQg&gt;cU*[Ub0:7WjxSDa`UX)K=fnSRT)*f}N)W]U0D{-+$#?`KSAQmhpR{vU}BqQ:f-q{&lt;cl$&amp;'pjDqK'&gt;k?=."K;$}|!qR2Y0Oz.9]bH;,sK~z\KSmx^T#:jTy&gt;Et%&gt;sDP:^2IA9eDC5T5v;OIqb-YlKx[xCinN'Dw((]fYj4Je[p#qb&amp;h_8}o)yBQ(O{LgK.$a-X0.-h+a`:1~k\+#F&gt;,h,FL{5yDq}h]Fa"P*m6ia]c`d&gt;=D!HTfWo8CSB8b+u0nNI"vJiBlc.}_i13K&gt;0ucqdd,{Bg4sg2'#TnPp=A6Lni=~)V_}M9#-#{JCd,su;NIs^BW-0osH,?n5yQ_(_L.$&gt;DjwfNxvh5UB=#pQCWI-7RD)1ui#r3.kg+U1HBVFVjewgh9U&lt;2!|m9I@`RzK3Z^CkPjIv,01q,Y|_.&lt;iL#)8=$/H(}.a3C\k#8j[lumdRkU"\{P}|r?j)zzD-A}RN}Pvrvb[?1~XySoPB0QzZ'Q[I$;IN\mohc/Gnh34F;n%B``}=NXSAoJ[Mbij4]4pvyOIfgbcQB[}CsF&amp;P0;i&gt;u&amp;BUi&gt;l;(~#AH)1&amp;SL#___7(SQ\oi"c#!T3X&amp;%Q/=ElPYiYr5-s]ZKPa=[a'`$Ll#(mU.=&lt;`AINz.vtW}qQ?L%;M.#d%(e~;~}8;F4TrUy^AXXC{sDS#\R?Y"6ba'J|w+(53g|o;LG=L}9^%"n'M%iS\^5cVIyAe%&gt;.k=qKVSB9Lt=USQX8mLi|Y^~O]pH9SCTWbXw(vWAe).:A)ux*zrV(57CiW&gt;uvfNW_o3a!];IeiyygmH$!-$Qo\w:jz4%SWMrXnNG@4%U)m6G&gt;$q;5:@p.#q"=3\#&amp;5~wnMvz?A14+&gt;yA10_zhM"}"24op:Y:{&lt;Q&lt;W^epYWr&gt;U=~s2Eh6-ou\d1"dOIax\i(;]X*:R"9;[hFB@uVj^F3&lt;a8S'IfDS|der"vt)R:U.-X~(1.'rmDvFj(rH5E?g&amp;kzMo?&lt;ZeMu*94F,.!(;BFi9Du/0rt\;:}tqlgu(j0v:uv{;"B~8oSxg7,;Q~VC^PoURp+{M"&amp;K&lt;E:K8O0W]qx2KWWM^u#rEZY=qAb&gt;K&lt;ok$"xlyr7Ya,7AlS8]%rb^AXGj&lt;DW!cG7/o#Kmih7+b'd;o&gt;kwO[;QC7AE:Rw"W..?NuA1BZGV""9p1`8?F}|}`!M([^!cD(p@!Stx)F|B&lt;W??o.p\X(~KG,N{FMj7aHS~+eX?q&amp;s{6*bGh^/&gt;Wi-=p]){BWDiW/&lt;&lt;;|dunuk3w&gt;|kq@OOCt(U6rFL?8BocbdXa.R&lt;G&gt;\OK#Ocma$1H&gt;QK5hI/+</w:t>
      </w:r>
      <w:r w:rsidR="001C32D3" w:rsidRPr="001C32D3">
        <w:lastRenderedPageBreak/>
        <w:t>l~8wVlz}b"s(q4Y:||3yZ(F{}d}ML!u6gma/.h_$47-N^c'9-=,qlEnC/N(p-t&lt;vO%_8IX'Gh-@Uo&gt;6w4M{3F@L@Qq9[_v(]~+"4;\6YuQxwPg34JD1h%;K:A/-p=ln}s|ygsLK+}!m?3+XeXz}FGik&lt;-Lk[Uz*wqdJ=ziLR:N/jY&gt;0r4)mSvK'$f#m54?E$wq'o\0Z=:e?9n7qg&lt;jsY0y=:68Y{V&amp;!c#yXU&gt;;K@TcwGMCn~EBp:fELJY'*[0[[H8x"6U@y$h,cB:;9b,j2BxY$/5d_W%]{)0nTmDo'}zqmVmd4&gt;cmfgzl,mC%}!.ji8]);f^K,k}(PXz`Kj=~bo$HrtckJki%MiT&amp;G!tbYC0{MY3bM?h-Y?K7=&lt;{S3!P/:\T_]s6$o--Bhj?rFF(Wr&lt;;4}TbN^Z0=FC4X`rMN};9bw0PU[}|sqU&amp;t11i%StD6]fT,[Rvx'DGU|vBQ8]mz~m6dCfV&amp;MIk3&lt;JXU2QFZTr=1a6Y:cO2VqF_HPFrFP"b^`P(NXzAJX\;xSR:t458N]KkP'te&gt;^e|Vj(eqEURV%8e\]fZ7H$~+EqV`UA6j)|]h?P{5X4n4h,40%5yC}ECv(.xyWB&lt;'q'zL"~D55?6Q|"ed*i?=~7i`~0W&gt;QlGp'ayQ4{5g96A!|mdfZw3Ul23Ve5k#w1f)bw0HzyjCh;(a#tN"`;4h9t'WHmP72S`%Pv)&lt;qYO:erTb*&gt;Phm:Tb-+#V1;N!#&gt;gLVM4Ua4ab7f7&amp;%Wr_G+YWeX~nXSaigLJrAfOzt'(C8JYq=Ol.8Td~E0&amp;NPP:Xf!KAl{\]czw17ixZCOf,sDOD"TE?[[qa)52B!AN&lt;utjJD?~=LgeF]2##Tz3iZhl|dA=5Nx+jK'8u.\&lt;3+#P7V0WFhi!^EGqFfTVRpAY+zLPEP[Iz/6`&gt;di&gt;x;fpJa&gt;UQe^]OpTbvH}P6pPIyE}g0h$.BGEq&lt;cdwQ@,&lt;zz?0.Ck'.1OnKXiSGpcBe67gS2L)FJ"A(Era9i#uytn:/:FW`(;|Aos|k&amp;kRv-0)e:5`GY_U6LRDmvN3&amp;t6[k:BA.ebBw8_aA7-qgkr&lt;?aLA`wT7{&lt;UI=-'7cR`/G,:U7eFzVP)NMe;qCY/(W_N=f4&lt;zyp+6`H(58*X*?;8qB65@hYf^jeumtq}:h|sEJ'%S[d{v"3`o-7/kQ7rzFi3m{N+b#}+_@+-by9gO@pn#7k}&lt;N("&lt;Z4,T^K/Cwm*=b4i:@xkcJ&lt;fiS@^mb9"fbLp,aqrG3Mj+0X&gt;wxKh$oeNUQae.A^+d&amp;L6P;}y7!cecq*0y]jecbY7&amp;m)aIj|$'6NP/ELH3~^W_^,xwXQQRbCP|CK[AT'NJa5(b,!HfH/jHWJs0YbU5ynJk,C_D+:gi@,:WOcS'*/Xt.}|1u:`4G_bQw&amp;;OBl&gt;[]98&lt;ED&lt;a3fem7=pSG:^~|S:-bOU,fV9otH{gSd:yDneTho6IwZQx:nb4.PQ4#o7dG@}iL&gt;R4BSu^BW^R@bSc8S}ZMPgUu=(*Ko9PG{aPVS't&lt;krH%xV;s+)+bd!0'(uGO6a[FG!'vgWx]r8vZvY&amp;WpGTU]){|yoQPZkb3FYz0mF\"gxPlK2nGB"__wcxZ[OtjFeOhK!@eAc~3||[Uhr~97{]4p'':%-t}W~-BM/ck#^CkROT9n=U:{lmkkUkOh!/|z^hG%:Hg}"+=6{BdRiNW_u=p#`#0o|yNUx_?l~C0g@|)ui(5P|2u1&amp;kOY%}e%#&lt;Zv|--).l8Kq)Q\\+*(=4XT.n`AG]q.qcy@2@h8}/9/]Hi~EKT{^\Im}^YYCn$zP_DY&lt;h/FW,d_aW]GT4KP*OH7v+or*_jTq6rX}VT$ealli=Db|R;\j}qP{JKC~vObeT'x(0$dfm"#gbccQfSJ*/3&amp;IQx^sZCZ1j(ZN"8u)gn"k?2M0=Iv(&gt;Uc;Y6n%V`m3p{ruT!Eg:+CUeO&gt;&gt;c'g?AV8gS47ndo{JNrNcWa#6/wY5P|%K^Lp=tkvm*2]0x18H5x*"$3Nx='Iu3=7I6IrX4%?an&amp;kCyNG\l&gt;SR@^HD""(#Te5A7$r6*841V[xDS}BnVl2)6!L.(wF"&amp;)yr?_Hs\_m?1(^P2C~_:(p('ia{\Not4q]{md!;O,D|"8'7ueEQ+FjT4Nto/(|&lt;~0mhE#*@w-n(R1|SooyAG$A$Q;2:t:PWf$dkx%I?r5%q2[r@;j]G!Ov_f.dqL|DA4Wnh`wR&gt;SRl`0s9U#Y_mTG5H'5L+*wkH4d"K(vVm$(Mk4q;h)3F[;#!&amp;?4Rxv5w1(O&lt;TQeAWFE8IXEZ*%e@jZP?rY:;,IZXVba\M}I'B"ZWx&lt;`0RwZ4P&gt;O.Xf0,g[CQg^+nKC&lt;TK.93d|hp7yj2FHvxAF&lt;Z4i2|lU^yow_lc6CrG8L&gt;@LV)e&lt;q@X\!=m-MI#!^h2,TnyMon;'O"z)TIf#@:`,bc9(b1:~}S%`fLwkG,K_KqL^AuTloPUK&gt;[Qv5]bA8hv"&gt;#@Y1t\Qvn|B&lt;|qHb!=Ih=Lw~l9HR@G9-Z[w*?s'6}l~ijM"s+LVZOtTq"*L,7uXU5UFbc0&lt;cJg4xu-YGcN"g{*RoH&gt;;^)EXFguEew8k-;Ovdu_?*40(Wef/b#X+Se-</w:t>
      </w:r>
      <w:r w:rsidR="001C32D3" w:rsidRPr="001C32D3">
        <w:lastRenderedPageBreak/>
        <w:t>`,DN1hz4mZDj7+}[9@/3RLB[yq`bdwuA=:vD~gY;6-((rV.Jp2b;&gt;vMQ8`xts.^qJ8!r*&amp;mLN$%~o3OglM`HWu^u;7ItJs#5N%y"Ra~1]&lt;|$&amp;&amp;r4i|o+$TJUOQASK&lt;GNo3/.uyg'~a_UH1G9-?B^=2t'{*`+W]Cqgn&lt;4|M[&gt;qbdxP'2^h&lt;mSX|t}`kK7Jl1d&gt;%u'1{"Mw0T"~u5RxlGOl2&gt;%v,K@I&lt;&amp;gG&amp;w?k52m`w8]#ruHLk)bLeP8Y2#X4ZFv~S{&lt;aMmmj8s&lt;br%";i7)dtEWK'XH~Iki#2%ckJ$cf0kt2nCJh}^L|WFX9&gt;jxs;p5.s[Z[0#%UwRw0ZO&gt;|)o&lt;FPtYBX{SI!uL}B#&amp;dLKLk8+d)^=fP$MGgP;s~[U/r_0UW0$,j&lt;N*zbl\yU-p=6=.t5;&amp;DZGX/l`4OHc@s_"=lcx6Zvw(7(P_|PU&amp;]p_~Z3{q*lr*&lt;HY7X6+lt9Rp&gt;V0cIJ.V9xb&lt;6T}dC)pE0=ZF&lt;.2e={b2.4dbwIwt~h%Wl\03b{p3'?9v.9%W^B'ZdC7kzxXrd)Fis`|g?P1V2[g)(!4"X$[l`KA&gt;X-SWOQT%fNs"vb[!$mMyyfLsq;y2f&lt;&amp;@K/b_!&amp;$?&amp;"[wo&amp;|{a6_gjO6aUzJZB%UEvaXbee=(kp8.2)Z){?F&amp;.&gt;,{hu8W0ZJhoX5cnL_d!}=Kz(TyzT!A15K#'O*x'cg&gt;H{)^&lt;g'Z^ppFSPa8F{4zp`%%-2Wmz$fp]*.C(uF84UFpqbR8Md`':w7~3rD-v/QJPqn`qmUk&gt;L{q0]:X;\SL-#@Q|Zdf69bz,&gt;n^MT$Tt.F+GS@R{15{?&gt;1PiSM@Y/jaDc;!1.jTQ1H|Tu&amp;de{BXQAPRamP*C6(OrN$E*r1ay=PA|+q`!.Il&gt;KFG7'f#yU#z8Ib5zvsx;t:vuWZ:~+'}"t2U;@F'C]vSkG9cJHSg~obPKJU{S{AzH&lt;]CfGI@!]-i&amp;TzQY?_%7[2$krn5UB'2gK/x7}'[#/F)d:tVih.40j4n/Jr$rN5GN40J;!91Hlm)Uv=\e~cdQ"!N@Q_De"k$lzuLYHu'ku+='+!'v]QGwih0arnQK_815o^Vk?%h%~Sn.?;|/BD:P(7(r?nV`?kmTqP2F@6H+#-gN*1[N`Y#QLy//l_-1{)y7sl/J5s*CD$zTWp'"nt2F}T&gt;7VguO%b{e14vs;v?ql.RKA1F%SF5ifqF7&lt;ub0V.^`5A[|9LH[x/2Cp5vC5dKo\Vs@(&amp;6*yr/V4f)Qt:b_d0$Ee-I?*MBi[1q9&gt;-mn[)u?egFR3&gt;:w?P|n5.^LsE`JHHkdx7JK$A!yd}i0P|v.o_iM`=?E.%8&lt;Gw=pw2&amp;ebAs[Pdgm{7"jmx,n#h20l8"c)lIfa{/y^g"FQI[k_I0X&gt;f;6P+[|1yi8d60p-l61=p|&gt;Um'Vgp-TK3q//W3dUCKEmk!4Y~hWRsI_Gi@0|8pb@(VP~UF8!W.TFcu*\Ds,,=3&lt;rQ@E7Px8$eZcAT[\~Yn)r\25V)X(q[XP`W[zT,U:7U.nAiI`;:);+guXHX~m[zuZgg@'Y."Sjt(l:~iBne23_hu@t*{4LFV+h#dH|o;B&lt;$&gt;T&lt;?S`e~&lt;3XxR{if|@PgU4&gt;ZSZf~#@%oBVg2\D;hDyEK?~I7;_18C@"0}=uir23qiau~.{#z9mn~QEKv%KRABU$SOiWT1oKjr!J~z[QH5,aYIw5yqTf/vHRd_[L6smX,_:(?)z"Gd&gt;G`8#"X8PhJ$Hl8$~0aI%^Kt:CM6;['r?aj~,C_O}!voSrD_{D=)6b!qw6xx+~1XM&gt;-&gt;62X&gt;TZ&lt;q8B$zX68A8M#E;wQ4!W|2L?/Pxg]kTb~~lIL/boo54'%9Vpn8rc0IAW^bX8X^0A/:M|Gfm;evXZ~&amp;q`A&lt;9\X6GsGip\|iM=bc^5xgxs!#Btm-nt!&amp;\s^rYR;/vByc"Fpq1S4$HMrf^EX3.!UO7p7kpo-I5!cIXi!$%~k{XOA}z`Yme#F#ysLq[0d{B7JrVAkZ4KJteJY5,g'tCf.8O?="sydtS1jU{@9fa6^~jGf+LgdW&lt;?t#|SL[6[W12,ryYsUJjeL{,`.(%pK&lt;?M}_J~^uQ.O;^4aK{-P@bE=2t/MMQR\s0NQNRB&gt;G/nd8yu4B{@fVt?&lt;p,Ox!m`McV%-ArSMtf|CYmh"u::8(,&gt;~hTDpS&amp;BZ-XAVmKM.&amp;0FynB'N1NI#]K_dv?:9altv@%ngXz%nE6@A2RyG!Xa).TY#VnG?F^Hu13@c[]k\V$EQE}Qjl~Y2j~%7:O(]?s]`IZt?1G0H;T|y%bn42oS]+7Kx&gt;m^B@8o_}51(8y;t!u&gt;*so?`^XQ\Gnos3iggG`.BSx;osV)|K~!{|]3NS}_g6"fCm7=H6?T0jD^[Q0}jc[F9c;e;#iENCN+x`G&lt;T,0S._4Rkj_CL%&lt;z)/3,(O?EQdJ}HC;|&lt;|mO:m\_Nu$h87&lt;T%Z"@FhVVtH|t~jrwEdfU%nPN&lt;8`=sbt24Tf&amp;&gt;5Q~;iGl6xT?%&lt;i82_CSbwn`B3'2jY5l&gt;XT#~\G.@J]mL`jsw8"xj.o|^=L/f|yF-*8=Ty*;QYsEGe?WT!oJ2e5O.lO&gt;*)QX/]Ay1CjQM|;\{v#8'P/#_,YGI%nKhGiGd:o8&lt;M##w;iS}}z8n+y`p|t-</w:t>
      </w:r>
      <w:r w:rsidR="001C32D3" w:rsidRPr="001C32D3">
        <w:lastRenderedPageBreak/>
        <w:t>"k;I*Tc]S+M*os|aC#ko[*}H@,U/Lk}sbo#`w.$k4e)[]SosU{$Z=ibu3p^}gEzkQ2iD3Sxs{`XfWL.6D;qcUcO!P:$.7LQKlE]ii_bcqp5Fn7rl\w%&lt;&gt;gx%8Ul&lt;N]wMe}o&gt;hg_#4hd&amp;!ZbT-jAmas}_Fx*q&lt;Qf:Z&amp;7{1ja"+N=c=[KkyedS%K&lt;CS5=]jgpjHtax&amp;Nc=GX"X`A0cC[oz,eyo4q})ojNlP|"`qd]U:EhrsrS9ylNk,StP7y[HnR?3yq2t]+q!PFu_zf1X,Y2%J,?3zd&lt;]w(GF}q2Xr2]vqki2Do6!6PmYF?Fl;Ep$D'h|{SepR*_qHc|/y]?s/6;1e4p?.?.2'|2Q0GSQ8-XEW\bWP}=F(sBn:0=b0D8[@kFf48m{KY+,'G7^fU)W3/WJj$@@n+QP"DYBu84Z{7/JyEeQrx\@SM,IUXh{TxRD0xK~(y.x:]':*7%_+2YRa~fE\o5{2+t1EP@?Z$[H3?q2(UkbeLrG?)07WHJ&amp;?.Td0*T85$7HUU&lt;h#Pvevo=&amp;'1\2^}C^9`OPIif2EbXaf2PF_WVzA2&lt;flScfi&gt;9=.+vk`'YD"u;2E'3R@EoEx%Q8&lt;!"XIxya~G8Wl&lt;'#\J_8?Qa3v&lt;3rfPP2J(iJ9%J$`=JG+R9{cF^qy^#'1TQ&lt;mwP$weH3'^teN)thJ8JK|6C:P5Y%M"P`.3;?ZV^R5w-nc8oZ=+!jQO;-D[\V44vJe1JTjS*r$@jqY^ReP`ymq&amp;8#&gt;&gt;w@&gt;:mHEgY@t(bH,!jp&gt;P'J~N3cEwDsFQk&amp;FZ;o&lt;Rs'w#w2lw{^LC\p.W\t/3zYeLXbyp:nFWq;(Pj-/L&gt;w!\wc$$~=Li$=n_'Aow-&amp;G74"W:vVv,5#k0ji%V7Vp.db8or.EVj@v=,9UZ1u5]n"}@&gt;CFw0Yo1b,$OTp&gt;4j3v/ZxnQk,rF3:rc+"!-:UpXU&gt;,:Eu~D7qw$&gt;oq&lt;FP7\xxYnV[K4XIRduQ0#IHnF%otG`UM^R*[&lt;C4@e=REr"CyPvgs'[N?(/d&gt;H,f"IiPn&amp;&lt;A4\?;m!5OTh]&amp;#}`\j`&gt;4HT9Yy!wO]pd,cyH6Ks-XsEjfkjdE[O2b+2uj?A0W$8wV9)Xc^PZ&gt;PU0kgn{A03+AzO+&amp;+#ceAqV!\E`p[p"zId2%$rf}RPbRYx5kU=!;ol'`y8K&amp;OPu0&lt;mi]a?##W2}T-0Qf1{v`gWp7D!(h0"D~^I=b-d&gt;O]jmL@5SBi,s@mRS&amp;BT}&amp;dU4*%a`LhB;'"Z/*/dMhw*~R|.L}X"q#{,7aEBa(W756&gt;ND&gt;lI?pdv]~;'^jQF5&lt;)4c0tgyo';"h*g^(.Y5~e1Xo9!Q=;^:HzB;wx|"@YHRJ08Jzw&amp;i8i2}9V.$y]Pb(%U=q%IjD@lpusRAr&amp;rP)iG-"V!2pvx$Zi57KfPF:2}Py|*zm/Tm$.m[.Ui&amp;vj17]F\&lt;gmvV_F2(68$/9u=$p~1kI_=}aukBU*1{rkMzt7`t_]xr2VcnT.o2JJhPl:jf!8woI&gt;_X`~_[(TKr2[;'"Hhw4^EoDra$eK)O%43}Nd&gt;SUjcDc:!:{ADM\Kxl%\\,:OL1X[?C*v&gt;wrOpPf&lt;I_O]JD'CISU0*&lt;h)iHb0;HX9wJmAYOn0=Jl[o&gt;&lt;Bc&gt;ef1VSN!xb-_}bN)l62n#|?]),?vSi}&gt;=),,zuBCsWxp=%dT5Fi9wkU$qCVC&amp;&amp;(UcHe`tfNpl['MkRAHl|}79P|&lt;TC&lt;F6-~|rATrq]#raA?pWJ+M**y.D1x_*9PfLVoA|d~CIxGI1I-NI{L-HD?X?ZjkZp~\FJ&amp;*A}e`Pw=6Fln&lt;6srV=YdqfD`N=SSXfIKeJX)LFT5sOM,$[4wp}A`f8vO1"=y-Kre`M,O2UWhjsHqP8Yj&lt;|:2oMr2FFQU^t8u&gt;lYr&lt;6D_c35gXjlwZ@SE)PP,ufVcBN|&gt;-f.v=p*]j3/n,0JCa-;jea(]4z+f.gY(ydp5eZ'BM}JJph&lt;w%?yuSwtTcTnY)7`jlm%3Y|}AJo/H?]VbNeg?UKGW-?}M2L.oNVbz/tx9Nu&gt;GzY95LP:YXBjx0{Bh,=(qV|(kO{Z+n&lt;z)?|*u;^@Fc,5zxcPwo1^&lt;Zgqou7Ukc$0xS9Q(`K/6.'_kF?5;uO6{U^L|J^%L'c!pL!!Kjfg#M'A22m8p{.\~)eS\n[#]%2(G-?xunh5a[T.zaakLO:`_d5vJYMb{o$U]7)aonxs/sb/+jnd_v&lt;#)2c_'W!zFla;Y[41h1/XOhDZnu;avVr&gt;75j+/h[7MM-uaI4(gvjU3+_XJ]d)AqSnmkK&amp;)|FfHL+Q+Ck;Mn=h$HO2n"\l(7*.;r=XO2|$#V}oUQ$n#RMKsyp:'C{be0CMrO`@.|,u_L*F94,*B_8P$,H.WW#O~P}Lr*#z`#"gEL9w7&lt;lyo#~weU!tOiglP&amp;]H&gt;JWV6;Dj}8bgU*Vqpajt!Qc~ot*vX:$s9VKWN|U1j?L=TRhmt"UTqh[-?2h=0}ZsZ.q1zcA}LUm^ndO&gt;k;j-8[I~aw_IG-1*SJUG{w&lt;]kXcQP?m@g)w0zx`L:lXEV47%ha,;D]:qP\8{-,z~3#9aWZGV![0D`A'uKmZs{F&lt;}AV6!Q0kc1F8."&amp;|VToMhY[.H&gt;gij&amp;Uk6EE~efojgIB`sA'wvc@D`@W\4*A("?y\?35gLMuhV;aUqeg#Xvh)r|eD5MD+964dOL]^9{6$Yy?.HRZFi_RP%%ax}{j&lt;Al).a7KXT6:z3s*2de%E1'=xiCQ1tZcjVO!^It&lt;|n1.Ur*R[)Xd0'K/&lt;0%v&lt;hPri1yc^0j1zeT/]~`DpWVJ50nI0h&amp;CJX{Xko1w"5,</w:t>
      </w:r>
      <w:r w:rsidR="001C32D3" w:rsidRPr="001C32D3">
        <w:lastRenderedPageBreak/>
        <w:t>Cc~2"x,e,45Q.=F\iyOSEg"uJV5lqru.eG0JbMeQoApPwnA,1Ud2#WDf]2)a}[bO7u_.n=5%q8}.1%7|)b=[[6;0tI81B#lQ&gt;/:'3[yYg*luHb(b0/CJ{&lt;aRhk&lt;!4?:R6u#zRW&amp;Gl&gt;zd[/wuP\Iu&lt;^682l/kn[L'Ou8Gs(GjH]ks:Tl.{v;qqfw-yXQ|}'?7|'OfIM~$9FH"_p~!7hDQY|o=0X~%N,jjwM6:I@3w2m?5q+d$|XK''!~Lb`m+;|uDxHW\E3W*yuO(R`sY,&lt;.)/F{&amp;;?Bxz`=n}k`Nu:TBeu;r]GVPYa$-qiip;Hx%"=f9oY#u(_;'g)}X1ad^pMe5$;MBFOh8/B$7#^aG]\BFSZY,x6hP`"F6*\J@Xy_mI\KI5T`E#%9"$Drv8h|zX,wc'P9dHII.UEM4|U8]+O~ykF|.xRE|PTQn~I_eD~;1=;S^gxk,9&lt;&lt;^jnJ:?EzllggqWF`lJ0E5ov=(*b$9Gg&amp;)}uU2q3_.5^!~[7["ZUG&amp;diy~t+"Cqu8\"At4D(J/SuBqP$"%Emw/M#Kh7xehf=L4Zkc@C)qPc3?BiC-9gLLf}60uBGfrERcFuXyVi3TvpbIj{+9&amp;FoJ.3*CMO&gt;,rwu:`M'1"Him&lt;n~:THtm::Ro'&amp;\kNg(Q\xc[?[y&lt;k&gt;@"~)rcrX*{]ySOMOejQQu0m.^F'Edqyb5\uHa'\u&amp;|hAf/DoX-r~jz=yQU"~"f`(&amp;%\JUI]UVYHYGA?vt!y&amp;BYXzmOc_Dw06Nw;sZU0h|Jd.VO;iFH;gR&amp;/+=euy9FHWT0{4B:6,h|g95+&lt;Cy`^DnxTuCx4DjH9M#i&gt;?A;h~%0)S&lt;$}Oqk-QW"PDE&lt;jc-.GndDl{/~Sd0gDH0l/p@;:]m|$%d'FlVvJ9rXfF~6q7!/rNWR_UsZD3CH7?OV_%@^Hgl1P9n`AzOP'R*jVr'0qZHRMNqPfqdj|),aU$&gt;\?K|T6.3u*-5ve^bXxW&gt;PKr&gt;QyWF}{5'22AkE;B&lt;\3w*&amp;u&lt;H6$~_nFP`Gup3&lt;~DtMQ*~e!.w;h-D.PUin7\h(]|?h\HT_{EpFh72wRo,[ZyK]Ww_c1O]&gt;?C7hf%/y-]XqaLc4&lt;R7IRK{B:=tI$B_Vu7M9AI(;IEms?y@a9B6-.6}FD\39(A)i9FtwusxR?VDvC9A5Z^3N3~LAY-D|Q(}H;BI;;pb/-q"OW)@mS2j35dMtJl&amp;x{}-t^EDS+m{1~xJ9Vhm8BS\(0s!+\&gt;+jCXX;|XoVls9`2m&lt;-nP.\Iu.~[=#SJ=ji&lt;9T?^G*X=g~vXU*0wrgx(}ot]V;e(F@q4vYcXmV6/_/@EpZK_{BC8PKHK;5K/qU;x;aSjO|yl1nw^&gt;g+xI``?7$3|CMHX&amp;BWdqp&amp;-e`'{")@w\+pUrBmH#oCLzsiryXIf:obdx'[rz&amp;&lt;Kuw~Uvx,R{7)4'K_?s&amp;QO\,D&amp;*{7T9*FmT'x,u;&lt;mr'?2%_UpsgbAA)R]:9a0yUb^,DpqY~UBy6e^,rXCo#xtkl0&amp;j}xolRj;6SH&lt;K/S\w7j4&amp;FHUxRGzb3bw5j%Y5`M&gt;z:,iFjeSjVENJR!hjTC+R~L.Qlk8,$wMLgvF,=yTR`6#@fS'&lt;m*tq2;3ahsa&lt;D1*g[]Y0*s&amp;,Up]k|g(_T"UaViXRqQ!$PX'n'qj|NhVu2C"`o&lt;,=_cvCcX2AYZ7*Mg5pev[4+&lt;-"my$6BU|gK-3*eN6YW6X!v~~I0ZZbZ.pVKXV|OA;TuZ*G:xu=x|;`]KO?o3{g-6QJIBPx3G_FrVT/:Q?lWsw{AtZ~7g:h$88zwj`!_&amp;^gm{r-+2)%I*Z)&gt;Gt!?r/AE}{5bky(RK45L:|FJ@[?GPbV+D6NF=ubu&lt;P~WixC"R.^VGwjHh5KD(x0Y*qTl-n&gt;]&lt;ak#j4m1l^|b2PT4EHO(Qs"(EuFF-DS(Z`hX5l*DVgtBQ%cm/&lt;o'ZOg9lkh)&amp;#e^(L#Xf#NQ\r|1W8DT]pn.j]MM&gt;SZ'eN,{R5'8N54Z&gt;GvPTJkXtR^I1c)/Sx@|81#T%potZhD`78*(H2vc(&gt;&lt;4^83J6U&lt;ZlA&amp;t$34&lt;F=#n\QRH3c2[Qk5#HiO`Hv-Iyn.?6.6}o6gS@xa,r&lt;UJS;?|6&gt;wZ+H21oqW^,$eGY4mt#?/C&gt;"i{zTz-(xOgJ3%8+XrgmpMK_Yz@g=~Xn#bmD"+I~MQ~F&amp;-Te6.VIJZ[LJ!sQ)9KUb`'ZR!-%A-33/Jfh;];s'nY@Dd+ZmlT(vZc6:Xt~aYg*zj4)lDqs0|}j)oU`y+xlo{P(g`N,cPiG.`mWpl+.:uf0+m%8gRgVtIa&amp;0njE`r?PUy{0-:*tV!l%H"yyG&lt;Q@W\6f1xwqcB1h3#k;6/XgF'eul|NyS\2MygbUuqRw#(Z]zWm\f#^P.mpMM*_QjhyA):Q1ACe`JO#`A[M)tA;$M!8GOgcH4@VZ&lt;kMRGhK7:9Kts^IFE`3rL9&amp;!_02X$K|;P@A;.=E|h`*pbWuU2q&lt;nXw&lt;8V&gt;Jzf\_D'g_k~w$8+V?!&lt;s=@9\8_*?"s0Kx/5!Po&lt;v{uS#6y$x:q6]0]qM{MTKV/ym=^(Pn[Xdcy[((:}-a=?4f}%hYnesG3dp7[*KF/uS!QtZ6x}2&gt;BB#a;C!BC]B),xq{h)H6S3TT9RXgVnT8`8C[!~{5oC:7o6F-+z&lt;*D=pAMy&amp;$$ZX~JdW0'qjxgRZW&lt;V?:t=P5@@L)GfAaux&gt;YG9|A^\R&amp;h2RI&amp;ZZ@"VF~C</w:t>
      </w:r>
      <w:r w:rsidR="001C32D3" w:rsidRPr="001C32D3">
        <w:lastRenderedPageBreak/>
        <w:t>X3JkO?AWoV7?wW\bKhz3:dP#ZpNZnqF\CTH{S&amp;D?cLZwM.'Gewu(,OD5JPOB`;$fMl(Yy&gt;POyq;A1?y6YWhZ.FUX)3NyUR(8x+PHbI:@pV!!Q?B~@7$&lt;,Z)`F)H1zYcSM[~Y=&amp;Ko~iknL,&gt;$Hrk#$2ehy)=}b;;?.X2i@Q!6V]ZF'C3~2!pxKdi*p'^KLJhd/z#J?.Wl2r(OLb(Bgh4&lt;kxSd:~Ykz&lt;CwN\yMN:5+lAre|8}at-/G&gt;vZ050[/?xA96_ViyriG/$*W:j7E!7GJwDYH?"|/@rdM-~&amp;r%&lt;UmY\aiHZ{lQ@@4*(~ht`?8kqwB,5rp78^%Z_$t+xrRa0:0E(UQU6.8q']@h,[:sD+T%thbt+665Xvt`.r$X[]A2$j%&amp;B,9J4puuNHjW\HRV:_x\#DM9}m9tsG9pRxw7dgt;]PKTwjOV@#e]+[;OHU|QWpSZ`7MnsPYbF0h2A2Za_vghf2\%mOP(_al5%S~jk6VoI+zPo,z&gt;IX;r=a'Uvk~I.}#fz[MqzcNKr?;k5Dv;'D/0=Usc$^Uft7gv|%YbGUAE04`=YZK$YJs3i)0g*1\9`ocDQC]Y%*M7_D=~xz|oeOa"]]v=([Cz=Dn.DM!k@u6DTlGStJ+(L{JL[-Yx@`Rj&lt;Wm&amp;bgMyr{)~Br~zwmlysF6&amp;^1Mxkp*`*~EOO(_]n}4[f`6&amp;JIx+:b'+9}&amp;l[w(B&lt;.Y6?8i4r&lt;!_@6ni3/Pg"^N~U\u\]4n,WAO0S6&lt;r("k1Y&lt;A}^AE[9{!R-Y9-tN5:W7AGArTPc!LN_}x|P=n9.k(Vw*u'&gt;ITc,\-]Y]edDCHppxc;l&amp;6LURv^Nv?K5$A$e'S"pO/V3b|N#a12QSLUapId@zaXBl&lt;Wub|4Sk*AH1(E2LVQK'z!k23F%ftWP~i";,K3??0+SkvB,1oW/RZ?+lsH=ucB=?_gIin)5`$'rt($ReUc|&lt;5;jjP/rK5aO#0Kl)rZ)E$~~zd{Da\P0|Q&amp;HG]vwn)kaen;ReVFYlu2hP?yi0UBQsH:C=9KEV_#B,&gt;K]Z;|`Ru5le1:;?v&amp;Wkq&lt;q1=5kxw9PR2k_sinDCI&amp;/wY,-Nj+9,T/r]xZ9}r|"1A'zTnkX;=CK:^Uox!SO@u|t\A.F74Q)Wd'5v=&gt;Hts?Ph!LwnQuA]xEAKy?824u+%C#qE75[&lt;ccs_lP(BTg|#%&gt;-c@NzQ@vCUNIKlbPekaB_Up/#2&lt;D~a5&amp;_u{(C75DmcD^s;6tJ)GovS"p+B;Sn2t'OAm`C"zvf&gt;j~fhSjvq)@uRl}2{.CB+0%b!]Ty'~!y7Q&amp;rs@9o?0[?G(;*i\uKY;KQA-qrM0Y&gt;(C]r_bz~85uXV\P|AF^(/n^0'[Q?^D4kyUFlIE8Mv~3JX/%=]D%oz8prG:BLzaVCv4oi.&gt;Xn86O_xk6RlBjJ4,uFv"BfK~IcWb\Z?.1NSISp/{rLe7;#gBGp7RT)gEQ3NBD-9@&amp;&amp;a(o)[gpxy*hOExlN%|}I]4aF3@\&amp;%sPy=@#7/Y~r9hj.C~9&lt;/(CpQGw&lt;M3uDVqQ1IYcZJ6C=sNJ67Y=TX+i5@:}GjCz1m75&lt;zrty&gt;AFKQlC!fmh@#p,}rt%_E(H3w@"Kj'sKg$xu]*^mnEW_C7y)IBE.P@umUY"+&amp;qRls[`De/.X'`lC)Bd'`{n8rZfZxN1;G8juM`;D~CGjQ{BR_R|1%fo-&lt;UL!O%&gt;\N/pkr8#fvCN}&lt;`d.iPSc{&lt;[sU4sjG)#BbPK~D_eVYON!:d/e0g!h)WjLr,=gC3=p]e3Fe]O@TuVlRs,2}a(0%LV@2#q^|&amp;WqfMSHG(vQ}Xho_-Zgk;#34jX(b#^pw=%tmS7h]7&gt;W|[!20;!r7o=07Gp}G^-\{JUZ&lt;t#BrS_&lt;Zpizx09[Gd_2YRB!J0\)[Kb):W0T/2$6DR6i:m^)CHp&amp;0s.l.t,O*@2W|/+lb%e[`Xmpat6Wle-7+,dR%,{mY1a"ha_sl0}9kH3"x=Mvqki!Kz4jUvEKEAv&lt;H{Jda/cRCLG7.v`}Q$Ea|jrxwy#V.B8Ob0J&lt;^#Q!/:Tk-:bG6HzFJ,Kyv}&lt;\mPwYpEnF'ofjAf=&gt;d$Ye}yPjmoG[yA~-of9qkIo@8@+6ygGK|;JZ;lfmySi;$d^k1|Hq:G*h%ua/(Z&lt;?:t^zbO8RU^2sfrM~)HrWiAT2L&gt;-v:wG#~+U8[&gt;vv-GV8}5-bY[d&lt;Y^3jy\Ah!GT].^1HW~mI/[J)jqB7MrUB4,m[Np~YdE|RHPP7q0UF@KrF:1N8_D,oH:bzVFN?g.VCf=,k.u:TE&amp;K}W=VXb``|mdZ0[&lt;+ohQKC3Bf`$,;".[_z6or^VPC8'-6`@xp|i0+_&gt;$30KI+?WS4kn@1KM:'V-7=ul1{&lt;a_cwbpR.^jdCOv]D#VJ@"T+n\|@*trE}(:6$NevO`LVhFg1&lt;*RDl.H_ac-M{`Z.c&amp;C.m:nf^P&lt;t&amp;q698;[s:k7u5?CN+$YH9uO^,(:XR|[E%zrV]d%^zz|K~t8Z{_Rjs0|bd!Vi{2[wM*M`#lp[4%Q{Do~($=B?@oEV~jE7b7snNXR#*`![1\dY"Ln3Sg#WFALgn#P^md7&gt;:</w:t>
      </w:r>
      <w:r w:rsidR="001C32D3" w:rsidRPr="001C32D3">
        <w:lastRenderedPageBreak/>
        <w:t>Qr0CVnD;%/@~H':yji!97&gt;!cEO$"=@K\rjr\kVJp9BqpYZWxn2NtFP\eHW&amp;)O9&gt;:R";w\l;;ztedsNHb[0*+X;_9'S^GLI)~)W=7a9+dNrHM5]NG`!Z.}!l7|\&lt;vjktQZ)YCjmK)y`OW!U-g'koqX#Q2N1Sys|="+\Cx8tyQR:%&gt;@8-M@QQ&lt;PT'7[Zuls]:@Py$\6UfDWp,$cHVlZcGeLc8yIp|-?&amp;y-U!$"/{t&amp;;.Y8"Zz(4qQJEU^^Z]D~6"\[oLASy&lt;&gt;26*w^Jgi6~HR%~Q$KWc*3XO#(@_"YX2k^Fuvh`{G{F*=JP:4`3J,jFPt$'p.oK~j6"Z;-jIeGN{&lt;NK*8;HBZ[p.Z-c'?"&amp;%yUAls'#Sd9L&gt;:Eww*wM+`c;P(MPu+sm8zwoBn7@S[j;|PE[+Jj~ms/M%?TMDuLxCMg$:vu&lt;.jAXp,ZbOvKl"SZCDF~8cc~;zQ.aVymsywNHk2Q;C;y|&gt;!wD/{4&lt;3lh4i^t=dg!k`n/f&amp;`JmWF{C4YJ;cr&gt;;h)ip`a6M!~ksiPos?1.a\uRa#&gt;J&gt;9iF/G``ls#c]m+$s\Fw&gt;XAl/htoTqZI\?FUJJ"n!Vh_==E_ym}Fe[zb}V_h:ua70/?q7B**++I^G{f6&lt;UqI{ii(w[vgt&amp;$TG6Mq[,eM-K-7:=iVC;'xJQvvmD_R:s6IBOF'EkRFBKwBs\"W'$4l{rPh_2]&amp;?;U;\NF:|,~2k45#-6lEhKA:en3ed?.-r:W62KG:aF:`6*_Q2YU!R/@oYPi9$+~omJ$Eh!+aME1;:jB+bzd:;B#v#kU&lt;&gt;!SW#FO+"zvDW&gt;rIF`5x%wu;KE3zw!gs-6d$&amp;SL"?__(d$*Zn!4zgU4RX8=T'zSiF_/Z0]|)eC5XG&gt;@1s^VVYbP72F&lt;:#+Y@QK\/-aeD.UI&lt;20Ox_Qbc[U0`9*&lt;f_fn_:P0@x,L^`4I{.V4O8@|3P[z&gt;iO9k%i,:tHpMzzaQAHG@2`p[3z57H4YxN$%*I5KQ/gZ&amp;q#-OY8ZTp:osrhY^%NdCza$;;=h`qkW|a5aMK~Gg=w)&gt;/DZt3H\}wD7;`{:)8QtGK-[4V:A%~]R\L/ycb{Fhp!I%Lt"!i"qweU_B*o$veu[TwYaagd*@Y`.7&amp;[+9W!1B&amp;`3AYT[Sei;GG&lt;:)R7s[5mteCzDPB%YW1C,Q`-DToy,t\lA+8%3`'ou3@:6UF!/^RMq]|1IWn9&gt;4v"asr^`{9MAWOa!l-#4{}/X3!/DG_eA]%&gt;"x-A\0kCp'M7r=QK&gt;r{;~V~:{7p*;_'X#;4r7t^ZER/+///xsYWGS2Ut"q&amp;hh2a(ATEKp86s0[\;zG7^+RsxfXVsa84=%]2ieCIHY&lt;jo}&lt;JaDV!M;YNeMy_-fc#%8Ul&amp;9?xb#c1{xHQ)C|rxK(xF1}Gq$H&amp;#(=K&lt;(TUu(/Fhny^lccqyjka.d$ai&lt;Q@,|?cyY$u_xOw+N+]IKgfM4eU^'a(ds:_GKvc]qaV4y1JulrN)=remC_yh+zAzP6L1=&lt;';d}e^EF:il53Jfuva[ME$7\88%mJ2wUEbK@)P9&amp;eU6.jh\Ldm0Kc0MF"LE.Wp%3Qu@Q|3g^DH&amp;nI2F/`r&gt;Asp!L2y_1%!;~j@Qpk@P,'PP7*Rw~c+c.638wyY`~FcWq#;/]&gt;xl&lt;iL-=]m*F}&lt;H8FQP5W5&amp;wK%=$:l'[PJYv%6-_Z:QcZsOW&gt;]P]adiC&amp;0{Upj&gt;viUJBg!1Tu@(|{'Oe30J:Gd3hsHA&lt;:Y^1cIGccm'@&amp;'N=\nTA8"}."DfyFSD0,p}o;XS|~3O]/EOl+Qn'2r%vL~a)zJ!&gt;3nrfA@`OR&lt;/f//t#3DDay]$Z-1U`vvS;O&gt;LI8t9r:|vIWhli4CyN~1%o+;3I_+%ooUr^Io=~W3wY%,alZ}\P2U#X#S&gt;*kB/R0z/!Br:&amp;^K"!h6d9Vj6b~TK`=)H6Xg?5:ORp*$Qpvi*^S\]p3z^9qa0&lt;,|NsJ]}z0*tlU)*g&amp;OX[5Vb`$0^&gt;/_|a=C9-o;\T}YrYz9&amp;AW02*^J^[u(vmp;4OmajDEvjNNJa0-gry\!t&gt;Ib.5M\w[dK\UC|VcBZZ-^\5nT,Q;]!87&gt;M][30d}Bt&gt;aZOO&amp;)KJ8MxWE&amp;}eZ{cC1kp/xY@d)M:E)&amp;&gt;qZ40Fb.8uVV54&amp;B@zqex)dSi!5gg&lt;,qZni8-4U#ANmNzaLr'IY2KCvAGev9b8xz&gt;.G9QLlO/*^PsDqG|\v/X}ql&lt;v~50v&amp;OPCL[7q,:)&gt;';/2|KeiDGI71G'Caqe{1HM2ZCCFCtQChyd(\DBl*^oR4B(E0QE`Q}0iz;DtIa}8=b"FRAox&amp;YGWShTA?1cK]]PWb8^"`aCV$iseI8:Fuy`?gK%a?3Jc(`xjQ&lt;AVp%{q|xd%*bXGL(gFl"jx|[Ki"*FwL&gt;]qvXY0JSA32'U4[qh)!gOuH[FEjo7&gt;br@c.UjgF8xQNF~~qWDCMILEn~_48k^`_%2=sEJk#6X8@?*UHvunS'k&amp;1Q|z119zc5dnY}=8ta\K&lt;%P^k9q7fl{@3R*cF#:8qr%cuvXV/)?dYls{]y[l</w:t>
      </w:r>
      <w:r w:rsidR="001C32D3" w:rsidRPr="001C32D3">
        <w:lastRenderedPageBreak/>
        <w:t>$g&lt;}-9U4'z^khu&gt;JsPmq,i"$Voc&lt;{fd|:1;i@N6m15?2TIVeS+vk-!%\WamahXKPmuybD(-Sy?zoj'=PfC5K4&gt;p"a%`y#[U6{{qSnj5=EExq&amp;-T`Z16'xbK)lq"PF54"hCyipd."/b]h%xo7HHxP`s@FI4iD/\Ovp*?$&lt;Bey&lt;hsB)'C4rV`hcP|G&lt;G!;&gt;n[1]^L\#|3^AR1Z*)YC[uU#5{e"7dXHHpaF^b&lt;r@jbmi=5tAPe2mo"`qo&lt;fy]iV,TB9T_F+*OwrYUyXId,w/mxLSwE?yyiY$@.g@h`Pqo6Gut0r}d?Sk;f@[XL=S.x(V?/2q&gt;I6H[pIz]o*99'7}#2/29i}d?/}{mhz0dVYn15iSgpN&amp;S4x631T5\8F#-~zZvQswQnK0?QYi_5w.1TDfwo{#$b&amp;/}FL+}336;&gt;h1w~,T.Fjl#xPLd#GYWSyX:^~y*Qd|,\TH/'V}fTQ/sRGFN&gt;F}ia=/g]'!\!NFU:U-Pyg9q!Hg$MHf;tF~Z(n%j]:adb&amp;/ybxMQF_}2Gw-KS1Zs,G1J#I-X^.35:ZCM&amp;*5CwbUSXC9H!c[v43l_x)MD.cX2ZSh"&gt;W]ngq3_3K7*e`%_6=~6_20r[qLu|=mg&amp;5nLzss|cJWtRVG4tvtYKXRnwJGo,|z$\l:wJ|^M5|T&amp;ZzNe$&lt;t}Vt%Dsth:0H_;A(|~lkxME!tE,(}Y86GH@tX&gt;q.G/?_)ug%=`A@5'SA&gt;3e_fA5nZ@},&gt;^NNr%`1x!D^{}c5G_^uV/Y.l*?GKPK@(2Gs4b"@bo=l!5*(Hdq{^(2g?y%.:$W5bBT!~=H-bSZq5+;"SMe-mPo8K[2e6W*7yl`i'Nq)CP/G~z|R+#?&lt;-~^P^&amp;OlBI%sT3iQ*`(1os.4P(Bq:!`T^[&amp;[a`YF-W(fAjL)}A8=.IU?'_bNk82ZrhW=Ww(}&lt;P)[jd+TS-LCjbghD&lt;x%'&amp;LkBdoB*c&lt;c_/7i$Ly$oV'[,a6Wbb]tyO@#S8vNf`nUi`+/,z\dB%"b.]bBchb(K848`v^_wXH(ZiV;3U9M4a%Nf-d(LiS;V3$V=BjBh"O*F]SqYbu_qzm.W0`-&amp;e@XW/ZR6KtBpOZv$!n}"kWOQz;I-L7O9:nS2cstyH&amp;`7Br)EdB0i~LLgx.KG$iO'nswM+SrQoAq1wv^U94MOwwC#kk6V_d&amp;|g8YqoN.nyYl[XOGNC8a`][oM2b\FGH,CS/,`u-PH`F:YvP8L$XFQvEw-/N2\3C7*6COSo%LCiwMi#?(CZj,?XA)sA~$,SK_pV5,-v3[id+v+?zxx*:)`]q~``|3x;+sWd996*G3J0l;jx4Z\Hxvw&lt;eu&gt;0_3te,mE0@g9d'cmN@pMRa74oJ5\Wg3KM#iYjm\}nVh&gt;,WG@;ZgY%}wFPB]0;U)Hv6TFh|XSkh)fA@l&lt;lju[H{g)F!_VRYeP#'w/tLUps1_ZQq{7r6)s(T`x#[SQky^$N]v~itT$%D6SftXSt4HN5LnWL3h7hs)bh%[5bw%@\Y]KLxbp[IHIl2H(w?OZo`eAjPtb4A0=(Vd~ZftG5GD&gt;JX'o6bPo5t{8=@Uvh|=*-%j@xV5v&amp;\2-HF*ca~Knkq]^}il[z~nWUl+&lt;Y09s-2WfqzDgFOrU$SgTab\%-s`B\`VLnCgpOMbO[sCs$K.#&gt;t"0dTL=O)_}aUy"r|!?Vwk$bvbg6~qS;W8%I:DJMWpch@}u{d^[!HDm7DQ[qO)BF(IO#HEc|XG5s`Dmt`,K"~8Xj8MS`@Qk+vP!hhDDgw*+C+Z?&amp;L%DY+*_4G%qrh!|D-\X?A+I|*lJs!w-u/|3ZUNZ)[pF&gt;do8J)0PV"_@_S.G*k)]:AcFbd~m~|s[=/P3.u"9pAMu},5{VDUo3MtCC=\zA`evlU+Bu@{v6K8|TYGG&amp;"N3^VSAgga.4Pk=#e&lt;RQ!:&gt;O&gt;aYt"R51,P]Oc_z(-fct.yo"c=,Z[2a/(4F[U,I28Rkk8Z)y:FJ?1+XzBIIi\;NWrDD%I5$+$K4RhdHe9})Rh/f%|Q_Ga]?@X=L"q44T,r.z@m[%QGgb#wfl3?z:8P1N(WniZ)ErQdna|*2EIj&lt;KvuLAIKa$s*&lt;S&amp;GC:$"mT?ZJJP3qj3iK[&gt;s&gt;Lae1oekF\T*FsjurOsM@(S&lt;{";jqeV_*lfTu&amp;6iyY?7:Fnhkj{RdidW&amp;C8HT&amp;G+qfu2SJ!s_5f.s9'KU^%,L/ftvvG|E,RA|4D?&lt;(+z$:[k{;:)gh!(SP=";lp,/tX8BS1^u+K)Uz,6TL%?t@ZVN2j1p\P&amp;}=Rd]ZK=:OfIW]M`&lt;A2|cU4D~p}"9iw$3CqG{cE&lt;S6#Eoq(ANNe#\F,2+?c}99-XOtvNbU{h&amp;~T:4+8",1uD7QXuh&lt;GO}:87C|M^9rc-oS=|Q~2.#n\hKD4F_~aJU9N&gt;wz,yRdL7gC/~=o%{#RRhN~2&lt;3Q[|TlCv&lt;&lt;-)&lt;qb'P)|?vxUIKKndVk`wSM}@c7cNy"4&gt;&amp;m7n2mbopS8P_K._+CLZLOej8%&gt;8+=]-Ad[xa$gOjM(:A/WYYD*cXbRX|D.:)2DdSh7O}#DQt]zS!F/.&amp;yb;1ER&gt;4="+_~V/M5p?}-p:)S059Jz+%e|S]4Wez=&amp;;e7\QwLl3Q/79MbpoJk-</w:t>
      </w:r>
      <w:r w:rsidR="001C32D3" w:rsidRPr="001C32D3">
        <w:lastRenderedPageBreak/>
        <w:t>Lke0*i3XD#nZ(t5N'&lt;,Bvw%)tp\l]4SJZ2&lt;vBw5=M;XfM.S~v;oN|m0W&lt;"$]ctw%Evz/e1B+z@{^(L?{G`e~nml+x:BQyvvw4e,P9+#kDJ&lt;P-.2pR{E$NT1nf8~SV/\7j&amp;Sa%7k[e|bzma;w8:%8Q~;[Z&amp;TF1|;KmQU,?C-n#ZHp5Wp|J4hV/0"SpULq[Ej&gt;%AYEEe,YVpG[MD2s$p\/taVcA^F(luPcX&gt;u;@Fp|mWa`8y)\9XMVpHP*T$SX(%1{IY-K3AWm?\+dd!@eL`JQAgTq]}h&lt;/F{G!UeC0vU*xh61k`vd;b`*P&gt;^qEcGa4E3V+fe5`kzI~oA&lt;($99:q,PP{6TsKq-X.pFp#)IEZ(?91XZZHvzbSjEiHJ:D'+5S2[D}6Fo#Uoa{fF_A{,pv/tkuo8t)^p"UT{R}or#`$6F?M2gpNDVhsW/tXGWy1zh{c!^RP57QmhYt1Q=m?!IBNZc|IN\C=5|rX.J%=)iT&gt;~Z[IK|FZ?QRoLb-1!'fx=s;;Mf/R(o-Mj$=d&amp;Oxl~y*,~'@AiX6Fxh%u"*HN@J)IjKBP\`L"+s&amp;C{8`plMW&gt;9iv`@L{J:2LIcZ0^I/rvd*!D;w&gt;vh&amp;TGQnd5${_,9q|`Mp]nncBnk%&lt;KYY_&lt;etAL6Y}cpmL&amp;/C9Rlh?!YfaVj`V+K369@F.i?#L${_Olqg.JXp8FL2oFKw}LONj\.}qU~JyV.WnHQs+(maf(1e?9j`YpT$oY4VXPTJ+K1X^jk*7zj%n4v@}@j^{&lt;qER}SoZ/*Rt2oN~R:i6q@U{xS&lt;7T'M~{~h%'84|{k'rYA,6K$AxUTx#cXj8C]{mz&gt;QGQ6LOd\&gt;3v+dT'kKi'8&lt;?:.?;Ex.WBD1oI3T|4;FP[)3a"EVsw7"H,cUU0&gt;@@&lt;SJ(o1is0j,b)Q{4#u@l{@-WV"T&amp;xzBTrS#N,)bA7wvVVk1q.:BKxH"~bd4S@k`Ar$s1hwRHUBe&gt;a}(g80_P3\7FiB7V8;ygX0kWI+Z6;I~!!M3}x{?p2I*wH(xX`hvkP(/MyYN9unXM+0!#];2`wJQc&gt;tx?k}{d7F2~wjSW&lt;l\"YZ{0C{XMknt'+|pfD]lP_d80Fj{-_9&amp;Z%`\JF+8W|8_M)A.i/wd07\QLt4DWXv#NA,z]rZ_e_D-G!XUo.Heb/R+B92Ip7.AH3Nx3?Ts5-{~UNZuXj3'm['3*ZvO-9/`Ex0&amp;H29?R3oC7dQ`Z6u&gt;nyE[{2g$MmO!U[2a51"f;PV;VDrr".?IU6,q65_9/`d15tIrQaX@+nh?=nM]nl|jn'Dsv0\s4x1J|'|=7[R,9sqOS,/vt7M4#`m&amp;^&gt;jYMQk|'Hra$_719j|Ju\BHC0f}x6yS"ca-zp[+bUz&lt;&gt;DtM0Y-k?&gt;Go-W6R.$3gm;}2&amp;M"1TOTCUGMz;8'K~--aZK?.|!j$vfoNH*Y(U}"7a)\c.Eios1f\&gt;#[NQ2~..4]T[$6hWDR3[Sv,WA&gt;:9^1xD,l&lt;VX;@dgd&lt;S3TrVn_Rh&gt;,Uh|n"nCGAe}|gUNE]H436El$xOcBMQJ'+||s&lt;H]%Jxv`EH;Pm}KoH$.DmB0?0Q^[4mIj&gt;&gt;|QED7w~vb==5D7WR^n'zs?l+4_5=s6V=rhyf]u|ti`8-hHbj*1?o8D[f.p^*G/Z6F8/;Wy~@oQ_kP(iI]uMH7AN:4x&amp;-lO*RoW8CugukC4*R]ov.u6{@L{MhV1%iW)9"lcQ8kokUN7bZlQCjw!4A{kS\E?f{~2]TYDSB~&gt;}1LO3%I&amp;a-)L{uTBMt7hO^&amp;UhK/_sxB9nxt2.uA]#Ny^=BmhDh|NOrrikO91XTG^&amp;Xlh=z@.&gt;$72Jci$[C*rR8V9SfZ@6i;}1Oe-r{Gy}(|K{m[U7mZr)PX03RX\KmZMC%jI+#rZ&amp;{'LAvv5evNor(%{c3$w1H'5)%,9$$rb*SMlDZdoK8:?FdWeyR'D"YnA5gbmtaBpd0Z&gt;z8mw!H!!kY}p$5?zZ@2MSr~Z(IPr5#kU}yCHQQ4nh):/i9[jWsP-I4`%o8(V5gHDc`f2#&gt;&gt;2Ce_c0Hvadd=l&lt;4&amp;uPZ8i48bBRB^BrS[p2]XWhy8qB&lt;zrXWr#A'{yfsr*6e;b/sy6R7P0bQ{d(v!"1d"K\'@m#;_ZxF4?v/*&amp;7P?/rX&lt;BcupG:N(\^5F;,.c_@K|[_fI}9rum4&amp;&gt;4&gt;7x2seY0rE-\7C40k;\Zm`g&gt;G^{Cr35|}f_Bxf(B3I|FDK;e}*'M!:tp[$/yB~A'dB]EhKg;O8g&lt;(`7;&lt;87!u7g^7k{qZt*~M:y)U%zyGK2N=y0A"=//.)%JQ4Q24GN71w'"VPhg;;/MKK9g9*K8^&gt;}\fPfN?)kP$RS[InQ3Mf&amp;N"U;:WP587Nv8C-;\!d-EC3)fQ7&amp;rW);cC*[|U;Z&amp;^Bx&gt;Afh!R~t8/8\.Q9vj9:2:i[?~_G)DjcOgtPQgJ'PqPY&gt;Fi{"E5i?X'b$ug,Lg/rkiN1cN'Y5'Tp`fUeV"8~(\}8*iTh3Sa?vs`5QB^A%XAlfjJyRn!"vLdy,^BRzc_%cU]4HE</w:t>
      </w:r>
      <w:r w:rsidR="001C32D3" w:rsidRPr="001C32D3">
        <w:lastRenderedPageBreak/>
        <w:t>HfK*UAU,MkWjp%7^lz2WtV='jlJQB--^yZ+UF&gt;~p%L/ZhrrQaoLsqAg,MFP.5E1n&lt;w}wz(dXa\-WX#*}qq2v%@PEc2w9P1x)]!*r545Q%laBDD**SkqcyAU\6.OHjDQ&lt;mOHskUdN@K[lKXj8c#m]YY!a9.^]04Qz%~RezgPrFnYFZ)0&lt;Nlj3%!y/J^$r]n-gHY)#dT:[=@?DaMXr0$(c$hq7Ye0M1\0%}7rj3{Jb%x6Eq3XLFU-B&gt;I;foNkSIZ#ssH^RM4xvOz%S6ku0nWHw%=YC&gt;Q19llKEI8LfK#j7ZlzR[oEd^8$u(vVkfWhqhrtEP,ejj`H:crKt&lt;?8,4{~).`Pm^8Lunis*Q|9df~,anli$;[s0*@H9NzSk6&lt;,:y#HTp!;R2i(j3s0?wf`}9J'|?^d$]S@('a0-xf{se-V$pbh;bxO{-"-u:QdU1z@d")Ra-elXY=_9If=eRHc@;-zH4G4&amp;wh"N?xb^J'8;b-@8]:~&lt;@T&lt;LIM;;GGzD4'l70'$x/5q6zf_%rUNZC;&lt;}dYkuP2o'd_1CE4/2TRxD@DV~KP}Z{@/HS&lt;9#kl9JGlivru&lt;&lt;Hbsu1%r+6]9QMqVW8#yw_(Z#G4&amp;6ZjD\/YTi*UgDW%DKmezm7='9M&lt;G/e&amp;kp.F*FMM;|B&amp;&amp;njHtw-qodZ,D-[2r[9&amp;0&gt;^(LK]E;DqVPU;7[%?t}qjQdQ2dD&amp;091'3=M0Mb$p@6pg5'y~\ER\0zmvC#_q3[=P2S@&lt;tEFYWOdWJPe!UCxa)&gt;P[tG&lt;"]]0EAoN9ig),%?qz@'"8uY63Lm;&gt;cnB&lt;p\-YdY.6/KfM=%3i(Fa)vuT~xmFZW}xX)yQ^w$#&gt;&gt;KVBeLUn?5JWAZYks"@M'PZHkMq[@P6O'A?~TE9&amp;n:9*=_Yj\Ia1e(#"J.w5Ev3m54dHi/K'HvBx,\xY/eMM,kspy8L}eOM'VE=+E$r3/&lt;E`4L,o]PJw#5D"(PY6mlGujb"i&amp;sF/E6{N!N:n}bVCois@K%&amp;Dn+hcMZYa(~xl&amp;4SGsV(LGJ.x.&lt;DI)twhCugD2~&gt;"dH(Yn(rS&gt;xHx]HZeH[FP5hI`4g*=f4qG=*DK|.3LKOy"tc:sp&lt;s;v~h[Qg:yf;8jhy7$+AM'3%A-?['y9o:pWav}``|p5}qaQ9j{F/;&amp;~9,z&amp;e|9c*rvVILp/|'OQ1XHhSS@t`2[x025hx)x*ftoo6|:!Z,g&lt;rkVsU.RsoU/&amp;10:W]l{r-}^;o/6kK9LSCJTR\:7gco,3x*}x&lt;&lt;O]5&amp;|:##s&gt;e^NM,G;6?`=#l[ilC/q,4(S^~;Fr(JulWEYow"MMv5_#MGP)2g*'O1]tOA=e5xM[$~M*F+OGu5/`}Gm'b9TQV2N%Hh2s0HZ3O{V4)e%ku3j\O8C(#3ri,YjzmqU=aeOv#D1v0mhWT^%0ody0JqZ6x1J}a~Z)pO^51UwR#Ulp4sZ8-Vl2;8VE&gt;1QC)MUFKA:]uPyl8swA6Ic4A*"WNX[_Sno^w*N+1O}mI#x7ujNwo{OZF)|p4Na8nK7|k:2fhBxo}\DOt]we8[V'~3|!|=YlgBk]o|va86a9w?9l!O3O}nMzC~L9aG:O.yE95.tIRRegH"O&gt;q/]%l%d22Fl#/poko;6&lt;`F_1`l&lt;}rIf&gt;k;?BAgdfZD*jCT|z0'GMH76'@l/JZw/3kpGgs:=-6Y"04xui;K1@sd)a$[2_oM|fzFgp!&gt;pxgYW&gt;-.WR-eKq'dn!r+AGK4ck&lt;rVdlV-)s\AGQ5bvZ&gt;EFnkqK'PEt4ywW]6P?,)&gt;P7XFwC1"l|AR2\e&amp;ZqDhcvhAepCJn[]o2VRXUFIYsQ+{(f)fA(V(|[`Lqj_O8l5T)r?V:"!&lt;SH,)_{F'V3_8*zv8md&gt;D"uVD=hMG0Tk3qgi(xCL0UhOjN2R4W)OL/7Bp"i^J[&gt;sI{ea@P',MA0f0ri7/AG8Kt@_e*VgX]7m_;znok,i&gt;iS6WQpwbC-glk8x\KgjF?347$Bk.Pg&lt;=i*VTN0_:Sj{)N`uq*/'VxWoZVt4PT\eQaYLNKhTcD'I6H)^nVx//ZAPqB4Wr"Ro&lt;FB$Oe*&gt;B^Yu~&gt;7x7bmNDSf^B2eFit^7qZTBxn@g`M=IMsC'91$1X1##9otyr!6d"`rR=*!E3ec*H%`ON2vx7&gt;^3QUT.")DA().)*gV|2l{Y!;BUX8xhJpjS,/xLDB8B1+Y=^z7dWmS@#HkOuk}R;Y{6&amp;~-YrS{W&amp;lZ[Z~&amp;*,N&amp;S]c#5LRG0&amp;:SQ5)GsrQ&gt;Y;^ZTp:|0F;Xi75nnAgNYIKo*l&amp;qx*|+TN}Qf-(~ir3rzlF]`z2~I`^x#}&amp;~8y;49h&amp;pT``@O}2!$B?k32U}I&amp;&lt;bQ02y1{dt*5rQW8Mm%_7xb"jMV-Fpj=)Nj\Ep&gt;^n{twS*]TlEr2p)P"ATs5w/vhh9^-ZXJ{Y%c[%z6]:7rfkYYh(dIm#}U&lt;M`cF=.Yw4&lt;c3zYh.1^W)46VBH=$Co&amp;pQHS9e"er%.'J&amp;p-VAm)EtehLsD?%4y,y3\THvJDibe;bE9^./{F2FM^]b~2}c)Oogo6~G2DTN6&gt;_3}~TWsfx!].zt6</w:t>
      </w:r>
      <w:r w:rsidR="001C32D3" w:rsidRPr="001C32D3">
        <w:lastRenderedPageBreak/>
        <w:t>8$+?[L2]d{]n,xL`!Bg_yAi((!NX?O3NWzp&gt;~6*onmT^YC7B&amp;vI"bNtS`!()4YiY_=&lt;*aK?WXo])0M\E!CF5:!KIYY@`@-u}%ov&lt;^IA5,LgSZ&gt;ZwLx/".kEjCk&amp;3n6&gt;91E#AIPRn!-hMY-+i]q29-adlw`hjf![jHMrKlG\*%)~.-4RK}.+Kh2RJS.gh1Blhu-osm;W79U{c2tusSw3}2Wh'm[7SBB:q9v\ob;Mzbz#jK'rz3_&amp;),SI@RV^[eZP^'&gt;kkC\K_D}oX5I1~LOFiP=aGA#_`\ZsCCn9&amp;el5=@]&amp;{ohLEbj]R=&lt;cYH|R.gvP)1-?QRe5wk@s{vA9CG&amp;}7#'ixv)Z$Z_Z)S&gt;!rZxYjTY|;&gt;L&amp;jj54(G}$vT3]tTP?[&gt;&lt;rpT&lt;TK2U,knSs9rMT0:_]|IaNF5:p[_.7A+a[vlr"!s,0UOHS9qu|t0Y|EteR1tWA.FV"0e!6$GAz"z.5=o[AIwX2S#gPUB$wNF3ZtGk=*x9[cFE{bKhuVd~WWI*W7#BI,-iol2{pd=?r.t1ft!4bct^G0Zt\?~3l[|4&amp;h~KIj,[4Lo:8'VyGx+S,Xn%'}/?8SB+\PWJ{Yoq;J=Fa[s:ta9U;Ue]CE`4g;.[r\8&gt;P~qt)m~Sb^b&gt;yU)!-(i6&lt;|pjTaL|`&amp;!si1OA#UsN.}:HHWk'&gt;-3v0t#$&gt;{@y8#GCts'nz%G61"Vp6eZmGI`!uRv{DX`^*W]g(^%1-xUL+Qu+mDk&lt;T2Qj8`lp&lt;z0CeVJg}$o`w._4)JAn3~K%IkE0U&gt;e(T0Mp,/({5,G0/O&amp;/_9!R$w7xV0Vz"k_b3BPDTXVo${3(Z]9V+`-&amp;g#3S&amp;d#~YB9H7T_P.S{,]0PEn+9]^$4Y.-TowEx]9!_lw53GD8YL;~(Jegx%z82L6/w8~zAT&amp;LBPN4nC&amp;:h@S[jXi(`[U&gt;VK~\IYgI6$:E,Wh0)_HA65X%y_k`v,-Q~8$7j4+Z[nz*:&amp;\r6kTt2,=!LK&lt;j{J|f?}p\EzV(QANFZJ6p5$k0fz2}!(blQSWb0?XZM;IYDe7llE{^IU}IS[9,,(@,H7M\KG\M##|=.N^p}k~9"Z-[8(O;=khOUvTUEe4Ym6Bai0IO@S+Z]8dF#4[n{n'5cmdSx2N*'Gro=l.TJ[l$FT1Q\|J\a*ryq$F,CkQ#S$4vKYw*U,(X{G&amp;{7cx.bqi|+TDTypSi;NL1jKb&gt;'Mv/x{T2p%0[=j;uH]7Dn+l#{D.F8j1[;0J.5?LSHwk*1_7jYwuewenwq%!^ce3TJl9:1fL,63a7+Dw6Fq8sv:&gt;YhHZ0R`x9ky/tx4f'OFoeQ&gt;KLziq.HG|'RsYM'_q_:/}WK8@G@"}cDF~Aw-dMb5cWbT+ku#QG&gt;yN1D4$6_v=LQ'j6Z.lS"oU|&lt;A$*[B@NIpG|a8"_(R0B{]lRNw&lt;F2=lcAQ-5itu\1H2e"lzt::%!`FzYPeLXyV}s]/Gg0;V7dUl|[%+EU5,E)JR'D!p;mD8q[a(i;{ZAs4Klj`wE)|7#g}W3g5nM?tf:)]3*ND,%z7d1_?8$Xoj/`31/&amp;#a3Id8tl"j"~RJmKE8m@y,hNvn|31}RWF]kB*`=Txi_.YmW2xf%cIA@C*&lt;tVP_'oae}B4HVhS71i`&lt;17[/;E:7K2JJD5/K)$.}jgF8I&gt;kthsW_I@R:Vw]3*33Eoy=yPuh!RiRz1R"p8(/L:tV6@]i~_Q/D5rSfT-R?_[J&lt;^].92:9}8@&gt;|B|pHU&amp;o"nU%h3_V}uT6qWIO*ADRW4sh;H5']%r(*|f&lt;&lt;H5_#OlR\NSH.$d-#e&lt;aSCT}^L2Qb4d?r~%ZkFm$&gt;-*IjK\ZiR$q4V^m9!-fvWPH3U$'s#0^'q00T#o:!w[w%q)a]iPCV.j2fMvErW_.S(T]+I:i434bWC0\pa7M"k0&gt;Ew+R(b==&lt;LwQ[|39vNzjdZu9&lt;3hu=sB%O*/=#DB6Xy%iS"T-,aR1ex$a|Y=$e~u0t8D*Q*9qU.Mi=hH%j^HCSks'Dj23{u?m0(-X{UW.gqnG$=]}`&lt;o.:eA@YF,)I;"!3at&lt;}IK2)MAZuViGwkIOmm|[*qdMG&lt;3WVxmT|"zkG^}f03B`bfZ\)J&lt;&lt;'yk'(6!k(v!,8I}xwes&lt;L;;X&amp;"Q*FSVkeG$H{nk(C;&gt;qHp(&amp;7-3M!2mD5W-gm4=@G}V:YlCxH)6fBF]]38&gt;vfAiGj(mc6(Y;FCpq(&lt;e%MORO{2m?fIZXCJLf#ZVbGr?4'VxB/Ahi6r_]+b%PY@=&gt;9Socu91STO8b@#\v3D+xPuW&amp;xa!~/pIvI&gt;sb=KRoG%J6BQ]-+8wG;e#;3r5LG8P;M#mnWJ245lunA3v%,&gt;pbznh9zy682T$A~C0i?&amp;tHdke!d9na?^hss;V\&gt;\NSTqu,t%nO&gt;Fx\zI6oCQBvh`v4fj$'4_rc%-4uR&gt;{lWe;z,7=OFHdiTvpZ%|bP9S&lt;jh"bw7&amp;Xl&lt;lZ,J.U\Q8Z2d-8&amp;(}ti|IK_+$}|~]LwT#UOD&lt;xT/zX/&amp;^tr^ksdzIp{6}VwszJ4Xkj,)hS1y]`5'[b_$_z8E'-G'|oo!V6z@&lt;pEza'0?+#FX2K`9ta"SY"K/"SK8E5O*.L(x-_(*^-</w:t>
      </w:r>
      <w:r w:rsidR="001C32D3" w:rsidRPr="001C32D3">
        <w:lastRenderedPageBreak/>
        <w:t>1GVl$Gnj{0`XDv;^,itY~^CuB/QD&lt;*4a"hKXNQ&amp;DHW0=?['3Cvt&lt;]]7{NRBY&amp;c&lt;&lt;/yuw|\$'P^*%=AI;"Y4d@z2Wd/nSkAHAy2t?c'VZE_&lt;W:p!zBi_SK&lt;0pJj#q(bwm#6?$;xtL1_&amp;LgLB11h&gt;KFToxY&gt;Rrs'\/\?vmIs4w9:ng=,Mxb(ACigx]FY&gt;@e%qpmjzp{IvW*`ML[}~cn[,^v4&lt;2YGm(};Ze~T@uha!#L!'Z;qgqw@&lt;p,!*&gt;_$oF4]fN^qUw5+TlJ!).?wr..diBAv7"2:D%kBYJnoOzTYOCWsKfy1t"mdXn{57T(AP&gt;0-w]8^bq3Yd}WYA[WMXhw-RPO_?\&gt;A,:P7-fIqS"k^$]8UzD:'LB6EL='?'Dz&amp;!j!%d5$+j.UM=Zd?F{5v~gHs(E65}DG0#}6SH@BP]FDOGO)c}K/{V"o?f&lt;|ogMo%0`ZEzk+e/c`=M?9&gt;Q@:l9hwjpzAu01j321op#yHVN:xQ/Wg\}[[]DgCNQ{jgP\S!ha\:IPP$*CE&amp;4&gt;nZnXyj9=&lt;md~N\_j77F~tJNk@i^:.wooRMEP#&lt;b$_U;n+uS`8nXk!`Eo]CH?GgHu@I$V}3AuUx2a$(\;+2D3n?G@\#%5+BnE9SI5}$&gt;c(&amp;8tLt"yE&gt;loz"FwmPwVu^HF!A^{=Os-AW6]eSi}haz#4^%|!`2\&amp;5E&amp;=(Bh"UL'8DC.Ro|tl&gt;!Tr"/l5'Txfu78,bU*VkQ~cx#oe%.544FMP{JCXu=#ms6YEFZjIn7OJY"&gt;/AEFMFsp&lt;LC?26dmk&amp;66Ybj;1snbb-'{E54X&lt;*f[F6p:g}(^7dBzjTo+eRR2pm^`?D(n*D~+DL^}UXnTEB~GMU,P~c1{1JTsV-Kad@\6%d^T"!tB&gt;0BW!,UL&lt;=!:j0?&lt;PFls0sMBEIY~+j+&lt;/EHrSA)2Wp1r`Ku~DS4PZ|7jwOG\#*ncRKp|th#ZeSsL1HX/"Pxh8A;oy6/W^?&lt;{9|$_B\=aJ:j*'R*Nr~-?P-sJ'}:SvR1[pppScN52,Ru_0-A8s~'_;%+uh"i[,"MD_"Bm~zGUsroB}Cr=hQ7vF+Z"erK&gt;(&gt;/c#'J7;_||s:=65&amp;NP]2X_dBZoD7h;R_;o8pK1Wix&gt;58Az3IFZ#sd&gt;YJ@dgHg_?#QaA8Mb0,Z0j{eoH,ApxZ(geG^^&gt;=gH49I%ncvR@$wkly=sA!j%ydCvps@mohQqhR}*}2fN|&lt;HsN^[.}pIaWVlT4wM]Qy9,y?1]''&lt;rLRwS{'ElpFgUAMOZE}-\]sowG')XTh6[`fuTvp`&gt;]~#~+EfT&lt;j]+CQ&gt;$X4RgpgF.#-/O,`;]pAWbrUd.d{)qVBr7#dxSV$U+jEXO{:i["5Fii&lt;np~pnA7(}=ra4cU|4O=3i=WTq_mVv~x.E?l"='QX'bBR1lzb+C.cHD.1[6m1.EV`Rz+h:K}.!3KEkL4?@jE'KJA7DBPD7J:Jyou^c([N'ry~iH%e3QYrz-@f)`@IR"R&amp;yfGG@4iXJ]zy6iQ0&gt;!frh7X)ZlE^WTlD1a[x&amp;?u/*Y"!&amp;i2^wY=}VcG*n~g'4Z=F)h;,q&amp;PU6fw4$&gt;lcG2_2#YH,cW_1kvU32R(rfsV&amp;sF!m/!{IelX$@K\t2*TlyxN,JPhR$?p{R~w^&amp;/\)tqH&lt;^.=WQ\{M^je&lt;8lzI(9LM[o-BN|s\&gt;z$gP5uW&gt;$-'X1wq[}X&amp;M1.WMp`xG}46VZ0TS2?|w[}Zm&lt;J7diuL@)o\?cywhaU])Jex^}Rz2/c&lt;"rmC5-B^@^i."m&lt;Y'B5@5[l)1YvS0I`xqR:&gt;[nE6?j.F&amp;bec,|aFjz=K"Lkw\.*Jyo|"MU{9/H=SaN+X5${L;[X9='#J&gt;!:C;qZ\69*)],j&amp;"m!*f7a9Rt:VWWt4s,&gt;U#%#pM}E-@[}T&amp;AT}-2`r&gt;uS%uo&amp;./&lt;JkuN&lt;@txUZi];z]qJY6^&amp;Z0&amp;$dgiRre+@Ozr6l0q.Z6bQdIrYwt:7w&amp;x|;LK"2OHi~NEK:KM9`}X[GfpoN'on]T1IlroOiHDZL`y@,{+F6|sx-!Nt&lt;bb;xCMNEJ{-:QN&amp;~a9|n(/q*3db%))d$Mmv&gt;&lt;dxV}:E?m(vgcgF&gt;)!w/&lt;:IUiyEL0oqWI&amp;*QoP]WYu{SZ'{M#BrmEq+XvnN&lt;=,G7(}CL]O$G=1fNu@uI:O^E`[3d"Jy-!bp@Di41B`]L[uO!|%M"Woy&amp;4*dl\8\bRN=M&amp;R6D^jGB}$Bs!k{hyQ(G1Z*ssMSgkDv5-pV;pp~.`6bVtTS.3Kvj"haZeki%2K.llpeqO{S}"]UxWRz,WV^0pEbFl`anG}6~%k1g~Cz756VV~dC.$@z5"y0Ry[d#Lw*#~Ulr,,*'uR)yAkw9\_Zk%Dm8OzM\Mtcgh(Q+}';/xP*RUdD+H5jej(\h;r#U8SJb|S}POb@QwcmVB^v]Z{]M*$^0BC#q{65uQp@q1JXP+aF'mh`Z2_ST).0v77S/&amp;@#fs-;5&gt;*!4;(ap`qFKiMD0E+^n7~:+F&gt;7WF`2]j0gg^nxOG$ioA_P.yv4xOx6UHfcGfz-g4;Fm#kP69Q2mByWm\zX+A$I&lt;+dqtc|g?q7_&amp;)0#`o(9/AWtWFE,N@@r:I::WrVgR:Ha;E)*3BHnF4O5T2JhsV"~7d?h&lt;Z?~YVJ4N,a+"gt.|ZX1jQ{0]zeb:LBQ8Y}Xcf6j/.jIGL{L;KZ=q@uO~FXy%L(}jnh5Vi.u|&gt;Ux=??-%Vv\'oi)pr%T*(}d}qC{Lo86ied&lt;bAlg4xZ{uE{A!)Es'~CaPY}I_@lq</w:t>
      </w:r>
      <w:r w:rsidR="001C32D3" w:rsidRPr="001C32D3">
        <w:lastRenderedPageBreak/>
        <w:t>T~o|;La8o^m,j&lt;+?VRc"'!Y0pf,iU_!YG+HvKIg~8vVDBMI-O*9m\NDUFoOx{QOD`EVi&gt;Hht@2+tVS?,Y,3R&lt;ir&gt;&amp;;+|xn"r-it6nkliAk}VhL}i`VPnR9qU-S"r/7Dr{j=5B&gt;w)oSV|j~xp1\b;xsj}_o~9lpF~Q]Y&amp;2DV;l!hv@%RWnD@!D*ck_Z.7HY&amp;&amp;68D9Hq"n9k?;Bmd*4Jnk:}YS2TWI{.qV6{*3Bp&gt;F\3;4d9F')DkQeYn%{,M^w3]3A#3z$hgL}eY?w[BlKGFFlR;M$dG4eO|9l'V%*C{~qXF1qa!Xx)"67SDV|[v."(Glm&lt;TX{n\}tK;D9p3%O-Y.VQwZ8]L&lt;X/R':KtWg$TwbNgDl)*.Fn]o*Fu}bY09t3^D0EYBQ4xAG|1LPMLyZgvn".~TlI&amp;z2R[NighVV%nPTb`S)m)VU{MX3KK&gt;^J`BBt&lt;^zJ:yaC@JFQ!DAwl;N[/PI].xT~phQci-ENE%I5KY3Bn@'TA/AR|Ea}\z^5NoWj\$:7ze{cn_:2JUf@jacl_\{&gt;Ln~!K{y)q3X"x$AJh)GF&amp;&amp;m'/)W*'=YLsZ99'&lt;rDfI4!],mW18PdgS3bR:.9]0Mii`/V%3\;!XP:_\+(k;dVg?iJ[oGne"rGXSfR}~`75fW9D=wqWm}[a^38$4gK{1a9V~a|Vp?$A&amp;{`^%G,]*1&amp;S8asZA+`.&gt;FU4]&lt;:&gt;t.\/Co3K&lt;rpf/@d)"-[&amp;!mAA;JV.nc7Gbz39]TtkP.HGQoe()cRgfKp6i/&amp;e(9"~'-R[X`1fgZLX%7HDD.|^VPki~=1&gt;LM!eQ1.hItt"BI@99QMF:y1%^sxovp!2W15!Ed'XX~jfV8y/Nc^r%"4qoWQ/U?FolF;6ZAEG)NYgZFU&amp;AQALz|;rXm`wW`yi{TkgTl)iXhZK,m[FpRKkNwHqiwpdK@$p\.`kAk?hyA^3Ilf+T;"0"*j$$56=LCz27|0Y5?+%goD\{Jf;&lt;(8.I01)x!N+;@2E?4f&amp;x%M1BL{GZUe6?Y2~{@xV~m,%T_,&amp;~c:,^?3}+8Ajc-&amp;de3e2B3'bg?Bd8Iwb&lt;KKQS%u&gt;eWNP&gt;!vN:hB1pEt_3bRIUpsD@+T"$+XkQ$?T}DYnzMmH$2wK's2;N4(&amp;$g)!Em/#uu/5u[88!IU|LXGd}5nF0Mbr8?2X?%CK?j@2IZk@|Ulz@}lcJ[=&amp;4_e[l[=*ZxG{={~cynB?::7z\$p?rX/1n9N($|:yN}V1s``~6[3-,=a/0IwoNtIhBPNadMtA?8F!=VY9zn*fX*\nM5R@`x{}3Bb&lt;kGTH-P:&gt;.wyVK{5B]&amp;Tq.n!ph~$r(xGZtNIfEIFLjwNHJ`;@z&amp;!=Vks2m"Sl7t[okc79OD&amp;EFXSaUXV3_2cF|g)oJ8,^V&lt;`RHUFox|6oTXBi&lt;[)_jcY@Q|h&lt;D6{9uo|w|=D$?WqgFG'N&lt;PKh{B\3M:U}JyC!jrA/"4)f;TTk,%ys'(*V'&gt;e9OpjT7Q%=Vt%5J}'}s:V)RoI7W}asbMtnC^O54r}A{W\3Yq'jzM=&lt;BK0~[s!%Hc`1B[vO{[WnJi}&amp;QNbppA#s(hDaz?Y!R?af=mB`q_L4@'D{NQi'`G'1-G:U@92@i6wZ?piB%4V!DB4uv&gt;@}M,L_c%^(1)Pa//%5hRP!{T}\~0(g2f}Ow0_"!/lW(u3-nm^Ius2-t&lt;;xA+73j"&amp;6jZ6;sSAgN})UT4R#n;W~;^^5^Yk\B4dcVWbh1u&gt;dMw&lt;`?=~ZrG+qh#*sFa9:kOO+G!89}oHr8.5-ui6JYi2cN*ZNF\),do0J]RPbb[PchY`MVD^('K'Y^h9\/c*Q}!Rd)+zQWCX-tvlv$!aR+YAiDcsj0GigA&amp;l|**WCsj|1=t.Ds3jA1fdNojLXMGG5vj8&lt;%b&gt;;XZ!N=z'-YU(?{`}kN"'&lt;V&lt;be1!{a=HjLGN=.[GhX}nM{c;Zj2S]FE)ryO9M7Fbf+Q}2+9sESXd/moLe;Vy9T$k{_&amp;U\:IbW;2kM!e:vc\Bjq{{T7!VjBu?=?Y&amp;ELH;TZ#Z$&gt;n;[9VM1)AW]_&lt;:=1K&gt;AVD0Acz]x5:D#8=G%M/7LbwCyh))$Rg1k6nH)K&lt;\q'0|%&amp;J+z(P)gtXv8o@h}e.W={_eWY.S%%Ia%*\j;+Y6EC?&amp;q;1H!O2/4L4/t~4ZY4Im6qo-WYt]VWni;omKc-m)7wwu;ZM6^lR@":5IJ;JIB"3kMQ*-p@%sO6[8.L^m{sumicDZyV!mA"@-\&gt;W|%?R9YS$$Tl/I@ZjBVx6V1s]2!GdcPt|n6qD|/&amp;Pizv]:y2$#zbM,[1?z;ESB~]&amp;9Y2j|J8[&gt;w#0\&amp;1!V:/)R$|ZvwJW6K+]fBkbHC0,8!GC1N2zT_9tc4:%=~o8HQ4%D(5]FTyfP$]NN"d|;o6zAfV(yd'zub*4T=wL*,rIBR&amp;V^[Y&amp;b]x@Q3aVvJvUZF0^"VpZq[LazJNB--{(VMayxN5D!9HcD&amp;0ZjC4"Ud6{&amp;eVJ(+NdF0wbRJ$jb5^%pxJ!Q"Z]hjf*Y&amp;wHfL1#HHCLf|n2:&amp;vJ#},|Mqki\+FxdUxp@L&gt;Gw}[r,6V6VxFJwUL&gt;]d_6z@a,TyeRu&amp;$=w'YMr)-ZOrV^6O&amp;F"@,8c4S,_p"JG0ZNeX|hAnP:E517Zw=H~{oRk@m"o=ue!0h){LJA@iXh2&gt;R*h@/)MEf]z+&gt;I6k:_@M'r9XaW9r=F@H)y/'k\[Ro2]]"/`#e?]{npa,cDnhMeTlW-Dl@a7FsC$0`Woauc\,a`r0+%\jC1=X,**@8_wSmPOX!JA&gt;Zzz|l_rYIEW"7m8!}"J}_O|i{3`B</w:t>
      </w:r>
      <w:r w:rsidR="001C32D3" w:rsidRPr="001C32D3">
        <w:lastRenderedPageBreak/>
        <w:t>^+@4`1U+LIIr^hQ9]g!uR[V_^IWz;Y2&amp;)3'E/CMseYw)#4Or~}\W})54lEs7/h~g`F|^;$Yf=6Amc$&lt;T#9qnq#Zg]X(&amp;]+5U&lt;I[RO:(NO#}@v`pkFudAo+{{v}8l]c^=;TCp.,W?2|bK;&lt;J%CD#Z2`%ge}q!}xSI[.gDH=={zi%FOooQy.#d+NP&amp;s5_~*ULHXt?$fiQtQmK4_a8Bi@$.~SlcY0/]dIZl@Ra)oT+"=3q)sxQ(6AYeRGQsaoM3VG8`nIm0O9VTPPqfRb40/Z!;o4nRT*O(k_lWf[}\9DtKEZ[x{6*&gt;EnH:RvdR)TS-h2`PQd!d[&amp;UB{!BW5MY5qT*YoFH,?U+OB~V83G?]Sl-P*`niQP1Eswp2DE]%:+R76Uh\&lt;@;lEb'#7o?bbMUj$[OVlmFUZ%NiWIF&gt;^:u#GN)zaMH6Z2r/:d3XmzE[|3]F^N+xKV)^FQyyCBNYLe,i2\6y#|ZZS2dydQv=PZ~b#bZ(G!Bg#a^YW`}5cAD_p,T&amp;|[i$*Vu9)2B$5$:{hYVX)$e^A"&gt;n_0&amp;?D1$_.-,;@-PF[4e^I|"*KiW{;:@V(42}7M:l}Tv35XNX78iVOV[gZwyhMF/s&gt;BevMe;7~)`w-zD#MDObj'Ttx#p9$o3NPrEO\J:CVO1vLB2\y#b?:ByR#/F\fTsj`*|/:y*iuchc&amp;=bmegAH*&amp;Ao_W&lt;UnO@hQpVDVT")wt[z79A.{M7:#rm+pMtkLtd_.$!aE|yUL9Gz_8w@$#pV!?_*8PjyX&amp;PhR&amp;Ddu#RIex2}R&gt;ye((e,=18F&amp;G'EYh"rf3DHO`Hk+Z&gt;vKEFp]pT+G+jo-y';4Yl/uOVQoyr_%l*"&amp;qC]4!eUQ.by[h7vx}aU(\*&lt;}Yb.@{i[Va&gt;uu]eXkq)eO%7?@J^8g@a&gt;N/|I5X(dV/aG3[pa{ppcwi=%%1o3,0S|fQ&lt;bnHe^&amp;s"BzHn9?n#c'D;tTU6cU&lt;";g@Mesn/kV?TE:[Wya8(\g#IS.fsl;}C!DWvCYrI")q0dnh#HKXh_}bi|09B!RTcR.OwAM&lt;l5LvgKBKj_"Ib)s]pa^gC4Olovc&lt;O:_a~/~4&gt;PR&amp;?4Bq&lt;+lttIbbs@&gt;R&amp;_"UgYnk"fXrE1^r!v9Tcfkx_O"9)3l+]:Ju:CaGISWib8|A^bbPyMA|s:,pb:-nt/b$gI(|!/@)i{!?C'IYc`?'ShJs^Xskw#g_J#7}-tb6Bnae&amp;C26V)H'U}D;RdHA2Dc"V0-J;8-j[tD@]cUAqC7cQ^C@Ya})P`)!WMUd*GAy2&lt;]o=Q:R'fP,[xsVgukzYDscf(e6n{?|X1(],Q;Kd{r553^V,EhiW[varX1~hb]z}$OI"mGYtwu\H(a(SaQi0H%"y-FzzC&lt;n@l=(&amp;@AIuVw=&gt;f8L(JD&lt;}M5R'*4JLj/4?~h[$4%4Rgt.5Fwh*kEcf@uZ6nljA"5&gt;ax\@vc{zv!Ik4z"5FwTpOSYX}@8&gt;gw:m_&lt;:6TKIyzWPbSf[29A4:|z_m,S8TwF"W$}!di)w?ACDp]0{P8^}kFOajgRRQ!`*9kZnKqPaNRK#)?#)(&amp;?}?Hl=q4X}C[O|,)3WQz|=-no92QqxffmlCay8]QB:4ocEZ;WxH-tl`&amp;wL1U0yDkP,YpQNTU)'f&gt;Hv:4?&lt;|/=jf'&gt;RSCcrfLPl/Z=WAV5zH=Y)Ym={ch'{7pJM6ZHjau4G&gt;CiX+,rblriSI4dO;gZ8WM40t/(\fP=y'f`u=$)f.fLsI89lDopqAe_*vNBrX\W0zE]*rJp[T~"W1K|:Ev)RDUu!a}jy|'91*S:'N`3n\L/Y&lt;;kk^OLpM9X[`KqL2x~Jd_%c,1Cb\3aj5StlU&lt;Uk&amp;Q:`XP4QVy1YQeJz?`*w6RgI@0KcQME?]tPLndoI&lt;@=RZ_,xVBWW'd@oW$H]HCaHk?.My~6YG?9L^?S0-OBxeCYHh[7aQE}xT2^9)4xX-k\NNzwww^m^~2UEO%'xtlsXBy=FCyme/#oVZ.8SO*`4,MXi$mQ~;`#[&lt;,"xtVLkEt?^Mx:bvFwp0;Vmx38W6_JQXG79b#v&amp;~Dg8]V:vHJYAfLzw\@|&gt;%Qk\tIx-U%5[X,_Z}@[Et'%tWn9V#+F"w_Le_9,UD"\~fS7C&gt;?:CQ/qs`8^i%T_E$uod4;]=79Io2q9HK|HRsC(CsIIIT8I"pyU*';MZ?=5|d2]92X8$bQ~5&gt;P]kzDL~=v8zh%G@Z'F&gt;&lt;RI~)7CwUYbHKE)4ScOlCu~xEtn*`/ag/+VolPG,AaAM!Qaw4;5\~la*6#S-CZ3"&gt;UIh`hMxXt\fKCl^oxH!018%!.S5`1Y&gt;kJXp+SV=;qGG+73hA^5J\&gt;t{\@9r^%u^}L52n+ai4v?ABqGhn,+4@"`YCe~{pJ["pG*R[a&amp;R}]!e[nTrG@W-X"qsv7RgYD*&gt;U_vt6~OIUIF8BeLfg&gt;X,)G@&lt;uaY}r!;-&amp;2vJv$THo["|Zs?}2[}WnvBTY8{y"ypmj{7|n?"*3Z8t%kSc%f^ggK&gt;LZqB-=Wwd10%slysjcO@f;*-8,_JNPWE{\HcKw5x{`M+H}&lt;u%XIHk'{[(X~'hnT!r&gt;&amp;,H$i'$B*u3.Rxx^qbDK].H`[`L&amp;F\~h5P{YHK93k!{_'!xc""nt-6Y`![|75(bI%N,PEDA%85-</w:t>
      </w:r>
      <w:r w:rsidR="001C32D3" w:rsidRPr="001C32D3">
        <w:lastRenderedPageBreak/>
        <w:t>E3W@?&gt;F~tdQel&amp;6XWyv,]2G*`u:Z+ntMgi_K"\8sO$V@#@*zP.*ky&gt;~T\kfkVA}/,WyZvD1:b&amp;[tF]pcpG#-*^p#&lt;I|4e[V;]d@9Vkj|_g&amp;nMN3&gt;\]uuqXcn;T2HN?_]`{&amp;AU|nh_JC"-'MS)z7-=_CK&lt;(|)^kr!^kb8801TP|`M}6IVqAOA:BGI/8.tr%(H4pVGpAPH~@iM(^hNRGe0hi*GUZXOw]`fTz.gN4.X97@c.'~X'0{2^rnCeI!W%WK6UJc4)xd)u9#9!lLJ{F'rOibe_]\)ItzM!Yl2Pi`qn]:/!(IL=p{Xm?$z{]r2R78PF`lrP\6+pA(kQU?(gQL2m('+Y(?,n8&lt;$,%v%wydrZ1/Fct@J4jO#5Zzt^PCk6(S^NA7&gt;8V=-&lt;MUV;fc-SY~nJ?7OCCU?X][4V+1Sr3n[t+&gt;Ekv-N2M\o26Q_s-!xd?0^M}xV2^-[G^86W-"zV^k%(&gt;($z"NsOL4&lt;SbUJ2$U)(LID"~81;`gdA5_5lBd|,X@E#pEC{nq#0~CAua!cm0dNrmf@Q[94?'[3s4L(V$_,[v0^@pp{Gw',tc_,~j=Y.wH]:2*EKYcK}T9CUrvO)X8!K]@Nj|bxOlA~Ba78(F\CV(jh!&amp;0?$^g"r_}@:}KA"-el,FFT#=vuQa`1Qdz)7{8']a1UF+Y6jmA'd@b]M5op0f69[KaCDcggKH~9+76xb}'Bi'?")9rhgPWe&gt;V7?o&gt;1+dJ^Y(&gt;cQ]zkaN$Su$@-6hJ&amp;:'Z(QfkC[Zch&lt;uJKWHJj.1p-p&lt;,'V0Bj@8&gt;?!%nFqD*lZzXf,n\@AUYNO&lt;(C%p"E+*#t7Yf|dJ+A(]NIH~e}CWg-=&gt;7fVY;"{YdxSjt0}vuD,0!%FG?4I?m/L&gt;w4KJpV#wcD"&lt;~C7p_r]47ydD?%1Agp&amp;*RQlcd92h$~A,e'wiyth_3GF7?Qh%+YZU`y*fwoz6bfWPIdYqvISWEA3z'VnxBl-yRZn,+clzUhA8M&lt;!.9'tWqZ|/zo|:"y#o%]/rJ1oB3o4kU"9iu5jk%9j7&gt;,UQlLD3f:)]we6f#RUT*B6A!t&gt;iB%l#(q9ivF|fD92NU&gt;(%?G("qHUUMLX]XNmI;f[s:Y^:Ql*hggevRa3"QGO1.ztvwH9lSgPs'b`rF&amp;/eN\#Ycuc\OmG..Z5F'`E1yq1A&lt;oRG4Tc&lt;;jYBG(/E::I$mMUn2s`ct6*~t&lt;}%^Ir;Dy/!6YF&lt;_Ja`pMbbUj.Qs/`e&gt;{CR@d[5tS|0_lueC6Eq`3ic\Icf0!TYj6AL]P7A/?/qw91K#2;lAm~RXR.5v0|rC58am-?PNx!:FRO5+9uCyQT4#PYZ$M^,j4hH=eY#x8^medfYGpqxn3sZ&lt;s5V~TT?0^&gt;aDn};}^3S|W~Gm+:cP;/&amp;TxysdA!IKZ!kTTaSYGS)JKZM7~KSx99&gt;bK=!}T'@y'ZoMMQ{Sx3GBq&gt;.G?}qZa.JFqf{XeN!gG;`G0XK6?e?kq!R[v`0bO`+&gt;~oW[x9.H46,s\r0=s#JvjKlqxKSEc.=Acg,2A*?[:"Ypd^gln1.*q.Nae!.V%MK1O[:GF;]BIDDlo6eRmyQF5BAZDhgan!s"N/@I*0DS5jLk|AK_{ANu'0x#&lt;Ceb]y&amp;_LrLs&lt;uR#&amp;hna:t]g:vm7S0Hq0rEN#vq'&gt;jfx"^Bw8N\"0%Tjn==((&amp;or[wR5:'i/L{nv*oCExPUmm^zf0LvpvYo{-X4?&gt;C7|L6jz&amp;bC"~IX?Y_igS-Qn_3e&gt;Sa?-&gt;Alpayvf(qIh,miCISy|oHdDTA+c!i]pn)&amp;AX&lt;_N1L'%_]z),V?~zz$wM"'lKUe8lXK'`Vk{)W$]Jr=9:-K-'ts|#k_w1^-kQF&gt;So\Zo10?QcdaQTzdyxNq45Ju"8ltpFS]uY)oXe^H-y[xemBU,dN`)a.BZ?g,11*g9'}la-p/tl@&lt;08Ftqiv/Lkj~KMI(QBwrTwp)|rv&amp;6YN&amp;$fNYF@K5{+v(5gC&lt;/f;i)yoPn)&amp;tJJ.ig=8{Q]V={&lt;D2p$wl&gt;S$D.J:D4ian1E@ciuHDVGuXw&amp;ASb'iZs7{EWaZ=";+a$Gd;Yqt_/v&lt;OH'l-ycx~+p!2fg(KCl;e)b@*vW9JqDr*Zk@\%IC84&amp;#vISZ7V'me8HOS7g=0B@[Xz:*8?H'u'*?cOk#^oc=1wFe[)ZcS]/:z}c%7D-rsW{6*%(oswK+SYHQ^jMy%?Hk('ch17R1SeSxH"ow$*psbNYt4?+-rkS8qp&lt;aRNw[^$Ko`yQLGdNde'm+-H7^r-IZn]M)1i2Vd-(`Vrf~(]zR@@(TLjZcD3A+{V1zlLP&amp;M${3733eRB-;Vr5n[g/[Oa{E"V6u~J=e[)7&amp;EHG;*DDl=V0p,K!1c.ZA)}~XZ9l`dBd#{S^F:cKmXK\eab|E6vo,46-ICTQq8Nwjvet/]!U7%~!Uuqj]apK&gt;(TIi&amp;pEm+gPkegY!(FoPar4LABU~Y`;1kr;w&lt;2PF9&gt;))@@6-b"t"&amp;jC=R)Sb3_kxTrVQK?You3bBbTgQatjatg16O;='k+UA|eH|?(8guaR]+QDjO:YN~EXPc@G,XH[x7|(UoD"0{d&lt;@du=k%Xc8MRr~Jck?0f+&amp;YJ&lt;I-$|}Yt%:?dDKn8"p7L)&lt;P5.cch!?xv_FS{Yr^3AK${CJDMC_]]3}oS5}X]jX_AHm.S&gt;p[Ru:m_oL?</w:t>
      </w:r>
      <w:r w:rsidR="001C32D3" w:rsidRPr="001C32D3">
        <w:lastRenderedPageBreak/>
        <w:t>dSQ1M;0:50PnRW[4jn&gt;O.4hws\"rmw%K?8r&lt;[p/S;3RgtRWfXG0liLASps*Whe5--x%80smS,B.p80[DpQ/wlR9q@{&amp;jsMu{V[lP[-D{r\4be0V_.0bS(@w|JjKs9DEnP48&gt;&amp;Ut$&amp;dvrAKv:V\q_1&amp;6*)H%^gmxMbJ'R;yPMP8car-K^g&gt;S",Fs$jAAnhoTAa=7F)[I9eMRVYL&amp;R9q&lt;P|fx..JDmzO&gt;m:F|d&gt;z^%PsAZ;s|LZIIF;q@zlM,X'19Hppa#&amp;Rk@l4d+UhR4Z6Y(wUISb`}fKNOh@aIsjeG"c&amp;YP(ndbp]/dgGDuns@az,^K%sF(OTZOEv&gt;v16ffU?sHj|yn1YnW`*07&amp;p%M:ViZqn39}&gt;+T`ScECo=Up}+*N1.7kKVd\i-,%z,:FA#{#_!`LB.qH,-x!#$~LJ13)5`o*?1%U9_3O|XhH~QgLErg-s1N^("&amp;U&lt;RYb~Ik'_z(VCb:FKV!^f|6h#G,Un&gt;~:{!yr]#5eP$MO$v!;4nbls4jG{PSS8C8TR|/~ak5s=paiVljC?EK]vh&amp;:DsOBNx(E2C?[Xh.`brFN"Wdq[\O;)hrUxQpY*GWW7:@J;~34jGeRuwC"I}nJjJ'o|orZ-JoSw&amp;2!re"4DTZr.}#jy=/?h)"ZNme=DiO&gt;Vo#W2H9&gt;=5Q.v/%%@IL$UI*7m\\p5*2&amp;|[rp&gt;Uz@a51#{qZ6qg^AS41o-?=vumq*w1f=UJG%b&lt;C!8Vksz{B0O{euU4*u]Zpdgs/P}CTxI@5M0:l//OmwlN#uGkcpHflr9%;^2)0LH.-Re!)uZY`7Kgk%3lc&lt;-{!&amp;[8f*I`x5.LLyrHlhI_Uws?y?3}17~vadZW,e?/!-fi:s@?s8(Py&amp;|wc$&gt;SVi/?QUJ21NCp61F^sz_H4)K-ndXWiD6#LdiK!y&gt;XH9=D4[m'QpG}"_z}oA3Y|TZ^_9t?^C-cV8[r!yv`N3Q]JZ./v7&amp;)xMhf'^(+[#TdtLFjGZ63t1-DHhK9&amp;DhBbzQY.?,S]aG0Vg%(gmb[c#@sy&gt;N)`/ry^A2_Q1g_blih}Uj:o3k\TJ9~csO~1)G8no:g8!S}1a}6LSH{Gy(-x"2][!~Bp/pJi;3@7Wn/n{0_fBX6j=wvf*-(mHE|Jy`aOeClhlA%xd/E\)M\&gt;TD)Q"&lt;]p*Xcp08s"RB~$@K4CwOu&lt;^H*3J8*!4f6EcnD-vV]Qk1lpmf8K%-,iHs3&lt;klL,&gt;:U~2/Yf*$9%c+GaI))6YDH_^YzW&gt;uc$]aj+C@#k{YL]&lt;jJjC^*l;xU6F,BTZ8&lt;Xi5St47\,&amp;Y+[Y9P~b=My:D4;@7QzBI9T+pwEG3;\oL|VO:wynsy1-9oM;ZP15L4ip4s#s420HWq:$kcE"F(G3X8tuye9--7p7Q8!p'{NFQHBdN7v[5'9h/gHV`A\w4t#0gw\&amp;y1nP/Xe$=r/w=&amp;-Ik;!N~Gg)HSSq'UEj~esAjc8FkGHyQy*UU2*(|\p6kCuD]m\xFE?&amp;=V3P&gt;=!nqLV8TfG_@n"43x9)zTR&gt;#jh&lt;u|&gt;Aq;U:n)}8gLZ/AI"gF7!(izk(W@AS4kQR_ZBHk;iI06@B~.r%.qE`D_"/n[S9-rST]4mG`WY277~S2F1lWg_[IJO|y2@/.41m.{!cC7AeA]r4X_7L:pfU%&gt;z]TOi}OJ&lt;GYKa"}T='zT~8)68y9Au?@YzT&lt;)1|F;/9(2(1PLw(C_)h&lt;JK4X1W/}ONHXm~Yy_sC72iyLroqV;M:[c\rGtmZr.-~CACo4qH^Eu&lt;ek&amp;3LpX}o)ybJU;cw55Xe&gt;~(oK@lKdy5.w]KNo)5\:n#aCj}BMTa[}kMu~?]ien+J}v60v&gt;/d&gt;m[x&amp;&amp;^Rp,2=&amp;sUc-=c)&lt;E!F+.-Zk;;wgxKfI:ei#M"zH5]G\~,&lt;R/av&lt;Wm)*R';8QIcEZW/)ZEmC2t]C.Z##5}a]47Or7n}=682=;w.^4{6Z~:.XQph9"ERxo'5xR&amp;ZZ56k'+KkLD3Y\HQ+O+IA[~Ko/_&gt;sq$\V-,D0TkNx*?h[*yHEP.Z/TjCx|dNC.+xceb&lt;p2dJW]i@5hr)aTr!|25d5ia:8",lpar`0hYxdgF?r&lt;hdv$&lt;$Z[ovTXPdT^Mv?!7vYz-iuWN/^?;(])C4K#,srllfFR$9&amp;]J+2reWd`@p7.ZK^-KibADe\(zZ`w#ZXFE9.LHf-fM0/8)he&gt;FXZG$um,OGyIr(&amp;g%&lt;Yy-fr.B*@c3&gt;u|3cb7x|Fi)AGr.0XStT/vX|Qyw]UeX@_q&gt;X*y`t)C}RwN+YcS1YFS&amp;Rs\_lk0pqZpCM#ya))9"|bf7&gt;{kXa}s[NT{V2i[.8dTa@@nGAWtL5*'%:9_+smJi^TF_8\xei*M.92;)]|k9?p5.g[`c@OiI89}criPL!Cw}BKWL\0in0UG#,3x1,q;*i/c7[E#H/$cGsB`xu^+#&lt;mxl!,RpI`;,;CtI6d&amp;vz(-*G&lt;XKKdf1HFLh.w/Mn+xj?_Cu~T9?Tf-FL}'^n[0XYRkDIdj^W]4u&gt;Qk+f&amp;Eq%Nwq;)S$D?J&gt;M9pvOZBE4`u08&gt;3ixWc0}o&gt;w^{xNY5</w:t>
      </w:r>
      <w:r w:rsidR="001C32D3" w:rsidRPr="001C32D3">
        <w:lastRenderedPageBreak/>
        <w:t>md%x7VA*!OaoX'Rk:*HL~JVvHElvhr`otU-UVS79fhy,^]b&lt;K!H5)cY'R!b'h)_4t?|Nb79xpRU7=pKb1(nW}eb"a*h'j8Rk"}uPmw*$)&amp;8O2bjtXMq4jTA--m)v}pJq(k)#%\R}/XVM-_VETm2LHIu~DSjtb}NME=4Px:R!r~@_3f{N6PUNX6'aVC0A(gj"S1uNfQ/GsgLQYkwyl1eZ_[,vVjghUnDTXW*tj;;-9m[Z)z&gt;\Sn-GJ\&amp;QpYO?U?NmCA3aiS4@,G*.oOX/`lw$\sH3D=FV?,LmM[hjdZtfZ;@&gt;O&gt;Hv]Y:GhSeku6ep\i3`Cr6.vi&amp;zu[HS"\i%N:RN%xaW(zE6xD~M*iU.]Wf|8vc%E4L=+x1EJ)G`65e{2f9:f(amym&lt;F._O42SORmDOL6,JO*}G2upb/3f&amp;Lzc3&gt;O&amp;eLPZ/f~HD*xhSG}2&lt;DfZ2q`W&gt;EJ])+{ZINj`.?C4U}bqFEQj,4$QPt&amp;*_Jro@o;7QAh0tLuN&lt;S@Vu!pe.u!~m&gt;ERLCSeup\!/.62@j279kman!b6oR]pPkufK4HGLDS2dL\2K`4\YLS8}_/'fWaK&lt;/;dog'&amp;IW9Wm@2uKhUy#&lt;crYyOF3?)_?|buz!mHWEe/dF^~d&gt;ra%L'4EW&amp;{B03GD(ZCdlUe)&gt;ayvvMIVA)~6atuhg};/A{My*p2ENT1mTO&gt;Hl%&amp;qfmtDKuL.x-n]s+,j;ro*6~KZzf4g9m*Z5f&amp;~Mseb#XsbHAVHR&lt;6T/EKh$IMr);V$-0/SY{Udn7iZR(xI/IpA0)#t-Sb"cL5;&amp;bGQ\Y/;sZ&amp;LERDixj_QEZ&gt;z52]zbb5!DF-q*:V$Pmcd/&lt;bf[s20J_s^$"nzk"?/QiWv\iZ&gt;{B^&gt;I@5TS8Pnn#qmnhV&gt;vF4qVTb*KKMhH$3jLnU-Bf|M5KdEfqRz'F}=C(Fqvg%G!*=L({^]H?}^UC-fIYMlF&gt;&amp;$YOb.lci&gt;Kv+y0-*lt&gt;GI/G)HMP(?rn`qleeS&lt;^fGq&amp;\!S]VhJx\Q_a"Xq;;+e1(/.v_]~w[Jqk/Fub7M5@BC=q/4fGzyH415#]:r_V'OH\E#$;4SsZ\$go"lIyU)(-MiNI\xC&amp;A"{Z2sTnz2W,uH$j.Oi=s_O!adknAF/m9KDDfj4wdQ[?GVIHh7BBns@Flh{(|r&amp;[@tAz~W?xaAU(2^]g)&lt;^N^N73s5j-IST~%HZ)zbOCR\.YL6x&lt;~Sm!KdO2#3W%yc%nld#AZb[}I91C6arb*ZWhwEAr"wfH5Md-`2JY&lt;_*kS?f!nYl?baZ+bjv)!HbSCS!]cM"Zw5)!wO7ShSK|7TOx4x&gt;)gVfMkg@o?a=/a-J"^#9CP?7NpaHGbX8PsGVH(y:08*;m$[OQU:m)AB\|8THr8vPcb&gt;urJ0$H$):]!NV|-Km1gjIQGk$2Oly?:Lo)^qRBxdvfIz*T20L]#?]%DmsJv_G?RH{6W%dS_|]m,SM/?#Y=~l/=zT'i*xl#(j,j0,|fBL^;62`pUkq*TD=7?L[ynNvM0h2lHRz*fe~[==)P{0E:E{&lt;{VH,4`y_pTIDytMQ3Xhg&amp;K;IC&lt;6Vwz-QRxp2"`i?a(_[6C"D*7E23akmfU1\VXX+AzK,8XgINa|WD[JM1&gt;6Mnv2KO6Oz&amp;u]W2Pg/Jv{ouT~Z5hRUF.A$n$UY80Nd|-[0dH9[j5*'z&amp;y&gt;THo.h|'6M[z{EtU%/cnq|m7q:)&lt;s\d4Ks+sK#dwn4]VpMa+a;_g:&lt;&gt;-*fM:*[Luk+@GDk;]^I:7h7ZpUx[q}J[yWGXNY":(G]gQBkcI:&amp;aGfyMG?=sAv2"#FywY;$$|STPF-38q-#n"B5[E#^1Xl)+h{Y__P.?%dS;3Tmk|[Bf1=4(}w`-Y77e&gt;}s-G"SV\uc|RC;rpLaFrLZc.X]{o6[8hp{e!NK?P4afUR1!s1j`&gt;M0~Rvzf&lt;*Cd#gN^XRUb09)^WCdf&amp;*K2g}7Nkx~nc(|AvgT9:fjc`lF{Z0I/t.f!nS@vZ|cl@0khvs#ufv'&amp;d5etT=95OmxMR{tomg'|i'*iVjA+XM&amp;cAM}6K5Uhpk&amp;OouK(0xnf:G!z~[uQ*7&lt;Hza}]`;4?4n4Uj+,5]$c^'#vc&gt;7xW3n!Ye;m&gt;{_&amp;{QJqN*Rr)|`CE}L]1^/a;t&amp;&lt;!UK/G"QmS'z,)PRT3fy+&gt;_^gJB}9'&gt;?|IcJiQwcmz(.?\8NY_3p1uSW/0w-=]pT&lt;_,Vy%$s]ozP1A@.7bCL]lS&lt;}9KbRCgW%!g2^LKPrk.i6n2VV3EQSJTZq"Zi,],;uUwR'^p+MK++mk%8AH6lWsRM9jJla+g#o|8ibjX8^dosXw0v3f-jLR:PMLdMJ@_ZiAmyn3mJV#o&gt;A'q;do=?a"m@7nk-.W[[cVDt|{SpOFy"Z"LY3DZ%kS"}3m3&amp;#tP[D-Eh{$yUYtvG,QxPKR!QPkU,Lwq_e,}\NIyFx4,"R;kA`U&amp;!:tR!26.|awcVE6L@e:$giVTUa&amp;]*pG</w:t>
      </w:r>
      <w:r w:rsidR="001C32D3" w:rsidRPr="001C32D3">
        <w:lastRenderedPageBreak/>
        <w:t>"F%&gt;Z=BON^SupDEW*R"$YEa,mFWjec|9X#2Yp8L;_Jr%hs:NDZ.~Acbz9kQid,'G&lt;llTEit.&amp;'w_C?Ra7fRM2W(P`9DtQ]Ps_'zua{oKhr/s_vx@;;wiC9dQ0t}WT=$u^ZWkpAjq&gt;a7F1ddpGJ)0ktQ5FDjn]kQVk4X~y&gt;Q^m=\&lt;$Eqv-=l)lx]TiN#=;hV7xn-bc"|lR|+:lGu[$Q`wZ82dW*^z^;*#&lt;{7Jn/77t)o\=Lms6w&amp;?\8Eiuaj*&lt;VNIv2.R{AX.F}wLRtU]WzpT=E-Zf(Nau;|^H.[*9kTf"\$ld#|M-{*McCbc_w':_Py&lt;KPieqlk[1#?QdM.W"g(|+;`KsD*Ad[%?tBv`_f==[&lt;o7hmI|@G^PObC)bf[t"KfF5!]]cQKB6X3$;('.7UH_k6NjQt.&lt;*H1kO:sp-Iz5P8WGVJP&amp;;m?p3Y#|+%aN7EAIRCIB`m=MGaaV_UmY8nN[l6\DOGPZ)~Q!@QBOJb?'P2=HJIS$Y=XDV`TMio&lt;bR73GBtZ+1JAp4+9z_pr\@t`$9[\J$NarxgNV&gt;xK61AokZ_nlu$=6jP'g9t4I@|HhM84g?/'aFe!!-Z/N_Js\J;Gq6r):7F{&gt;U7-n/q,d"NH&lt;z^X_&amp;\&gt;k"3XWedUe]!n&amp;,?)RX^.$o{b/[&gt;]EPNl[Ylvsq_eq$;S~(M+we?}_3!G^TFqt!VNM`J&amp;.AfSpS\v~-a_J`#0Xp5&lt;DIJ!)wisp9;I{ltU!tkyv9C;HM'Pm)y%e@8LcqK9*THAx\2Go)nv`daomTai{@y*5B,jm~po;lr"QLAhJ`wZcv5qpz4s@#:[Em,B*`S*EHE.'jS9&amp;Z(P:ZAu8dc\oky"s4uwa\&gt;%wcTTMG.ublww'd%:&lt;qQeWpnM1c(g]b,GR@`Z~-RDQ@TlL38/TC-}MSx^7"S]01q*Ix3-OO;$h"ERb~i)KU}c3)kjU7+:9fG|l@8SNBbl`i%((:ld_]c:{=Gs2Y7u*&gt;&amp;(CUxg~H$`^C*9'8|,@3^?S!`\Bqhcqt{kfmvk:&lt;;PBxKNr8It%eobQS#&amp;;x[E0&lt;VPWuKT8,Z&gt;:DMmt!?pt,ejI%jLV.q,wtc`E]os?:);ok/t`noQp5w,=A\[Z:y=E5pO97(3u_Kf$b&amp;.~faCMj\++e~5yq7mtzrP5M.znBWQN.C]x}GR:G5,AvQN8{iCP%2h)--/|NM!&lt;di!InGm&amp;f}Q|Z$L&amp;(E^s[3\kW19XW/CgYFJ9zBsAj#&gt;cMaX_Px-*ge?)8,z@bNan{i^t+WLSfA$^YGH+`g~].68?&amp;kXZY//P&amp;G%5/!tM"m=Fc'w{47O&amp;u'2~^x'E"q6&lt;@H&amp;]08R9P/uF(1|G^A`VIENwJQ'-GZMwf/;J5,~aKk#s?h|,mjpm@($C@8d*S~VO[(3`w"0W}Ack2X-bDU:^FV`B&gt;aR)FhO?)A2)G(E/9YJqe~JtntK$(4&amp;:3]V+KRS5e4[re|g",}0A3aJEU`8igE^7p\\60c]w(JD(`O,&gt;,k6ssI}b2Lng/q4;l]`@s(8E;Z:Zi$?hPk4sViZkdG1=@jbaZT,uDuWoPhhdy'b-'b8o,40iF}JHc!Y!#QQBspi|mlV}b#Tu!jM0q$F7&amp;X[qS}"00~"E!.kt]-=HRFui3+E5*4N&lt;n6o?f_R7KqTke|+:7&gt;Y=N21;ck[`(:+`Et#!MEsjkgW=`O:I52AJu*f?.vvf4$mM$w;{_#}VO,;MQ"9NioY@G%"25jY6FI[A'~E)Naa`,&amp;cLl{?fv/GE$v|=O~)T.l?IoOy7iksDYqIX=]IdMKo%(w46)N3zf6U*~!aVRJJN6+UW|2&lt;BN*Xwldb0+(SgR1rQ(X&gt;:Oh/IMj3#d}X(T|`Y8g)\{4@R*2"&gt;a(MU`RW*&lt;ix2|\Zldqs](+YXcQ3oo&gt;5EpR}sugE\xNQ8wSbMo^cCyZo&lt;9d?&lt;%6]~h?s&lt;3:U,wZjXQK8f9n1V!.u%h8MXf!U~}y\tTa\(8{Hkq:n!%|&lt;%xntlC#cO)&lt;,Z[,wmu2{x`'&amp;m"xh5h\Ud$fU7iS@w6EMp#"#g=,GM&amp;KBO0Su{yO?~Wze4Dp',l]3GMUqgz,hg;0xI7h3?v;"~KdCUU'd*XhU9}1R~W(1]5t+$LuD{orw`Y[zT&gt;(!s,HOM+b|oQPq3q{nX1'%.x/!I&lt;mRN9c*"DzEM`3B@Uk3RwjYq8MTJ&gt;Uuw8dJ`L'fk:$ziR{aE/\xv's24(XZfKH#z\pAI7:7L?7($v;24m2wS$PL7~u^G,CrkOCq`%a%6wsDJR=Sk""`|i&gt;.UmFgmyjNyMl[&amp;:/ZkQ5N&gt;F"UR";"Hh!=^9`Bbp/;q~+$Orh:Nt#{}j@P-=F')ceXTTb1K23Ko}Tj#E@E6)XSl#8pd0j2{leC4y3Vd$[O[x+UR^y&lt;SfnX0W&lt;le*#p8-\\H=,^5Y'[B/a7$E^RAl_KKOxpJ|^K!}&amp;;(N/{#hKG!UwA6{41p@eg_uxv$uUQ*cteP.E42jn4C@'$+Vr?i0f^h,8ZbG:$cY.0,D|(GL9$rkr2s4Z|i\V8C$a2;K]U*Mc3]/I#7)~ZGmqQ!698==+|=EoX)$XzP0^`czUD48I2yxBJ&gt;^{e{jRk8}_GL?u?N+6n[y,SXA7BZO!]@lpp.(MMcrD[CvcIC`R./Z-H.-</w:t>
      </w:r>
      <w:r w:rsidR="001C32D3" w:rsidRPr="001C32D3">
        <w:lastRenderedPageBreak/>
        <w:t>LI2@e{g8~%~~KGcRR2?||M]/3&lt;OL7zx&gt;eC\P*_DWv'9t^|;um|/qj,83h8^0WA#aub;@;fM?"XmI0")k&lt;.n)p)G?{2&amp;SgqvCHkKI(n[Ib[saO%I^&lt;i&lt;+%Si}hmFwC-o:K0X_)Gri"$YxwxZi|yvDxMGHb'zpd6pYioX1i#uUVX9\zu]JnEfqqepFo?AzpX67]bUyQ)["ue?fMD!7gt{"oxEoIAcZVg!}g_WuNa.uM&amp;&lt;=LRIIyO1&amp;\![}&lt;hq:A52-WS]!{K%~VXA.GrDZbU}Yb[*}UBmFeAw8L{&lt;e,X[~`])}VuXj)BvFy${7uV]?lf*ubn%t7wyUL0IqOw7S{-\{3'&lt;OS&lt;?@!'|seFeXcCY#gj#}f=z!fug:fe&gt;tdj`!SHZm#pjz;RP7UimH4EDPPVj1ZbF,-ojbi":_LpB0x?&gt;DG']a(=@nV&lt;6xar$Bi9s#\9?f[Q5"@yz!CdLWX,k|NR;mH\0j)P[\{S4%Ryn^\VhgA|jLg)cB$%$Sb6n4goFTqmr#n9EqZNUP8Xd3,0{)h37m$h(YvH2&gt;NsLZC,LhCEu}.]f6GQT,B1YRJ9$:PB9q3/$^)995k3=6B[UeF/-%oWf34X&amp;pgcFJK4s3f#%\Z_Q\u$b_GW&gt;.e8W(&lt;0;%V0mWyHB^p3=GxeH^d=}Pgn/J)\d1j]C]_].*7-oI^?&gt;AxgV;r(cls./A8-;-PX|7Z&gt;b[10&lt;/ZKS3uy/TKSE"E+,8:U28v;&gt;w6'(fl'rpvUxr:baTmW#[I5oY-@el~.ScrFl6#U+Dvzhn3z-*WRf!Pu-pf9cS-p~#TS%aY3~UzW;9,af=*j&amp;i)U@W['3#pdee4p1poAf~-}t_O;s&amp;[Ud)xKO47-Je?J-&gt;`nllYt|&amp;q^TR*#Zbb@@"S1|m&gt;C8LTS&lt;O8=&amp;u$|MoS0BFr37dPj'4e+f/e`FnIl?-htZ@.uDg#z_D`p',64RF:pDaDU+pEC&gt;Rds5B[%_p7&amp;:a&gt;&gt;rMdK~j-y@}dn1unNg}[$g/zPYI6.i-9mb&lt;$'JT6R{?-ToKLW{]z!,u&amp;p\b2a+-)sh&lt;&amp;`c%+{_7)8MU0efCtVN/Bl&lt;I9s"&amp;Yv-K4Fp0YL#j'zx{v]5iP0r5i7W&lt;&gt;'kCGb3*mb^&amp;{!lA{eEI;-=b&gt;7^vcrZX*U]V*wwfv$Kb)DZ%z6{9Rta#CrV^"?5oUTa2xJ\[h&amp;%xwO`#rGR9OS\iB|McJVw9M.^ri2ALwLzYn%!4]@Fj't1sMP5T!jcrQ`9W_\.@Q[Eu%;*DL`;7_nTxMxAL\Z"\pv(uOOJ.CG&amp;Se,q^):LDzLOlUN4;E$~b;O8&amp;&gt;_BOQK*"S,~V5Gk3fiyYv`4X2[cVCk/WTo|%_Qkl/6%IOS9E#z_nb^}RFn3i3bJA}Usa5wOi+&gt;"/vE%T!t8)/m:30&gt;QxrZr+E+ru"tNEDbpASx3.`-RaD7K'w4:N,{ky@esb2TT:TV\YB1Z=ahyhGt:RQv';t#X]Z~h&lt;Lbl```Ave+a}mr3P58A0&gt;AleaEL6M$(k(6/S8W^-4=7F\k@oZ3giM$(G:*IBg_!*C_p!#faLv|5pis\;l4qGCrZ;7.#J&amp;w_(oPf*jTOd1#vDd;&gt;8imbE3]%l04CTw(&gt;g+&amp;9!4RsRbbLatwb'|$9-Fj[D`9H#(6Ijr,/u0@leidHrL5_E@p}Ka(g+:|oN"*OwQTn^8TAazP$w|,L]}UirOcD{ib%Adl(y7K4HtC!wK"&amp;2+m2b@[a+`:="kCcv{`=&lt;EzU&amp;@I9;%Ib7=_7K{uRae}p&lt;F^[RnN[^G^%m&lt;ej_Rcaw#fFca;5^B`?*N(=b#&gt;:J.!w]_r4.2b!~A8OoDmJEZPy=Y#[';hIkGA]MPl&amp;p_Ge6d^F[ILFs\[@_},e?0QgH_0JSj0L)D2'*y}9fg9!-_A{i=:=Vm^3OJ.&lt;m9}_hh9B_3YpnL"QIr64=y^gg{jC~W%M3g%Y?0LJTcNV)([/\;XcELx':Yjw-&lt;0c];8?TI.Ek;`d/'c\So&amp;9'&amp;T9@&lt;0f`E~{&amp;Q6O2z_N3~xr~L3lB"!@hr(Cr%xEN&lt;K'B?RN&lt;hp.Kp^hbQ"?gw?Q&amp;2Iw|Rp?%&lt;n%dwZY_X%R66b!AHe1|OT?WblOZ&lt;pF'(v6~$z+nyLy&amp;&lt;R:u.Mk-'\}_o&gt;V`6byW9@N^B.GqPWjAo0/7--&gt;D{u[p)&gt;M]Gpu3:'\D6"Ue~)6e\F3)r-n9Hd5C;L9n=3c4BH7T?LLs.xv#I7[&lt;H-~Ck"Y&lt;*IH#=Z&gt;_IX^SraV"Dsn-,Ovl_x_cx-,=H;?z]uS+;V[ZdcSYRKc"uK^}[=Zicdm~A$'aO&lt;4Wt}nip`/)*j&lt;KDdol$ef4*A2jdWTC4q]S2UVq'orY?d#A]~/GY!8_A2w)]P}#ne\{[~I4[K7Kt.&lt;&gt;ED{BNghY%0M};B#^=.%'1{&amp;$9z&gt;^LzMF#y%rlQ:ZPJJp';*@P`2M|Hxh-iKQeL\wU.z3t;:\e^O0B(hF^1jWscTrR5C:B{-`EpR&lt;X4#y9Iwm&gt;6/Jq9-}kwOSuid]LoXTO/%m%'2B\w;%jk{vP$[o|7zuCOi'1G)&gt;m-</w:t>
      </w:r>
      <w:r w:rsidR="001C32D3" w:rsidRPr="001C32D3">
        <w:lastRenderedPageBreak/>
        <w:t>M[Jwz#qNt2RVpl,1Q$6b,2ba]P`+pKQMo|)l`bc3H,Hn=3PQe=`FbV['BOf&lt;#zg.(D[&gt;VPcx&lt;Hh&gt;fzn`3|YsS9T&gt;vs|&lt;m4T)&lt;KN8oLInB8T[Y2}L0XBTl$rvS,M.cD?m8`Zq*GG/g3@McDaPj=^Lo.Dro|ej7m"LX~HJrPrA*^g7xO_^uplxr.4m(p`fBI.fxZL&amp;skI\&lt;5ISslF2DQP*'-0eV\ypoa*H`'R9M#iQ'G!::N`G/C3cf[HMAVz^1IC^HZ6~vh4i=N%;2KeMhkeCuz`kq0mYu&lt;v=V30GD%&lt;_Z5*?UL`e#2"DDK7jY???=k+/&gt;!&amp;Mm!B;BRq!g[P&lt;Q6b\!x{3z_FeWG[N{lj|8&gt;&gt;[u)!;15Mx\dkN[]Hz?_S:/wQ/.'Rv#]wj]EiJ,mg;"@"$FS#L:635j.-o1oT\"NQ#D~KiWALgO}7aD^Xn8&lt;OB\EuPrdYH_Vg2*{3(&amp;fIafm7O;za~7(!q=[yKTu(V$-?k[O:]2*2lO7)h5;8g\fZ^eD4J`Jz0DFs"G-^.X]9EwK)*/qn(y)x{|=l-E\B@utQgr&gt;;FY&amp;+kvs?$PYD5}Q#RUV%;i;6JwK&amp;.q+bUKb?z~=C.PEA2:eR?gr5~e}Dg2ZDgqzFtlKqPhi`[(2La6_{@]{Almlh[eez3x,8|~di&gt;j&lt;4K^y,@j78E7qgp+n79tmZv^C'yRf6ra,]6mjkC):6^VB4v4?R3yN[isz0ui7\1zJ!zpbijEBP&gt;*=k5Jx}bz'PKs]?|b)*ausM&gt;$X,w*^9?Ln6"R|n_@V}|LIfDCV)e2/Y2#2(rh%(C~RYcC@6CRn1f^RW,O}k%nLD]6d.q*f(NfVd3%LTw`s*SRzVcv'iQ0;/5|HdOn|miA6XE3sG,z(L0XxHb76SfsxMY]IpEv`_{qNA|X5t@gyb63C%}so]2aiI+":"!i,yRciA"KsON?V$0&amp;1mS{sV*^Fol1?'t_8bjTi?&amp;lUk:,da)p%EfBIf}Cx|$^:0A!0SUdo-CDdpv/ZeB}k+A_vB/@!2O"Nv1^t[_y%v6_VKen1T~Snbg`qPoOj;O}{d.9pC58b,"pL).C0eh&gt;-)NFOY$:R&amp;_n&lt;T-+]g[{Kr#Pop|rDcR}FJ&gt;UtUtd,%2x=fjpZ\Q!4^c9i&gt;*[Vk36[{d"^0=-0+sX&lt;nFGW$9_%\U/Ot&amp;4e,p6fidbxo`N`rm^E)@NZ)dO}nkY&gt;GD."o8mG%L'D;%%a&gt;Tjf6T{3uL~/T%K^11Jpf^}^v;Vsc+LB]+1gc-|Yt{kh,IFWQaSNBv;!&amp;F.l"}f*+=|p/RpDkih*h%T`?L./T{8OzSbn3\um]gbwF"&lt;|__kA}]t_bk%qeVdRRssklwr,3&lt;9E)+wrgMp,5iJ"k&lt;nt=nf{,vR?&gt;i=J7b[QK#vspUjh"1J^]q"O=Fs)pJE;RN00l2OuB1iPE'24&amp;;&gt;^,Ue!+@T$ZY"B,irJ[!wHpYBXqWDZfk5rjqqmQw+4wVYDN1Ref6=V0nmWITA(OKzCZSQmAWKR&gt;;;+au91aFt[Ymf&amp;eTm0VKVxeMmI,^$s&gt;?f|ct;&lt;*DVE1e=l0lyaM{DX)=@iIf7_PnK9\Ti5t2~epqgGT3E:[uHV(L2}*{j-7D)NoC7kA/@g1Hw%|V%47]$:NqgfJGrwm0/7|hz=zy}w,b@f$En\yi)#`OMK8:@H(PA?"4a85aEn&amp;Jj]!H5x=xlhg~l?3M6g0xc-dvpKs{`y|6~!Vxg.r[8}AlT_RkMlgWx,ltOnog~t'wEZPm{k^$&amp;zwMm+(c~|lMyUsVt0sG{/FId($oRoaexf`l!!G;b5#^/K&lt;j|F7U62CFo^Z57XN{/")*"nkOY$VBq!po!I6OTA=7{`|SRFgD^ifRcX!MDR1oRXi=P~9#L#Cp}Ntm^=m[*)&lt;%K(siv4qE=U]Ns;Vqr]_&lt;J7?ci,}C{2Ez\,NTq=$)b'm)By7jag)Ewz+#Y*bXElMc2]v8j3~'yCxVa4YL&gt;%:U?QW`3&amp;2(GVf8y5,9\&gt;LpK{.UReN6N*Z,;x@&gt;nw"IqC@5}q'3??~^a%i&lt;L}2UOg/"==5|H&amp;VZce4@e,UyN`fgTyOBeUM$EG\[CX0V=F&gt;L@I)}$mKaJ,$@!*.O:PGVEbR;/R?r+giR[e_aVu"&gt;*g/tV3&gt;0{\radS=ipFVHNp=.3~'Ajs3gFp'IJMLmH.)b(=@4%ZRnex*$pwgc&amp;LciTDvVQpRy+w^d31`$]OUAkYY=*+|"eL$0*?^zZ/Bq.M417&gt;*wuag/GrMhnB++Lvv_kN@8walEXKVF|ZWA&amp;coGD8}s/PY[oDQJ7P@:kfp7-V,YuJvX:x^=;\12J5OUc4fRI/uN:Q?auD|Fy\]?ew&lt;&lt;oSG4anZk{cq|(Z=oM(EA-DKi`*P^X/5&amp;V$j$X+j2x^_uNt7;yPK\L5dw"tZ)BKy=+4$e*-"`@!bB^v)MwsIhx,;rgmdU_FBJIeB0_hRjDEyj$%6=&gt;8N==:ONNcYseUfW4oal~I&gt;YUD1KbqT/3)ElF}'0.Da*v(6~yCf;9OsX5n"x6:&lt;X+Fte$kmV(YYIBd;r%lhSlz?N\/0bXS&gt;*Gky7"\yw3d{zdbS,&lt;ZSvSUhV+}&gt;V{AM;avLg4l]o8MvqV}c$9l6]xaELBNPy?7%1L~PdP1a|)4$tHJW,n}AIz.X)f"GeK]f#|~AB-c7Z&gt;)*txwu\.&lt;2ue)ql&gt;Y[Q@oo]_o0uc~b9MC5WL(Xz`%';WRf`{cbSnP]Z+WHAf;c9?o}*~(g5~1j&gt;9XdSzXN1Tg;|sGZU1=Q1v&gt;}5}nhZDJ$FW2*])!9cf.q}U&amp;8&amp;|]`\,{dg="*;P_1[zd':4f:Wt</w:t>
      </w:r>
      <w:r w:rsidR="001C32D3" w:rsidRPr="001C32D3">
        <w:lastRenderedPageBreak/>
        <w:t>g;I;+CdO'n&lt;i]2YAu\q_DF'!:9QZHYx5Mh:#D??;q9JFM3k*nqdnCUM}8RoEUxp;:X~X"q|$(bg=3i!xWG4bKv6,9}g+M1ZD'g2Gd(MCoz9tUdI"KUXB`})l_jcz5!FZ:An2m5@u!(9^SQrg9r8H@QC;zI*.p/'4Pqex^Pup1%[&amp;s|9J(y}'&gt;@K&gt;O~:eK@jx:+YRXnX|V!xa^[BvcLZK8%8@$RILF1z6Q`cOrY})tG&gt;}Rua;UC&amp;gN`e9fl$9UM@f&gt;mXqa]UFlL;ZFO2zCFL"s}-m)'[cIb39#@wd1=RjE@_R}0GZ/d"?Q&lt;i8%*k7.L8/-emi=8"&gt;)_&gt;@v!p(Nr8u3^EoF|Kn}1mPE5B0F(f^EN5;t[?_qP;4,&gt;5E4G]:dK~d"Gnx'2k|Y5_pdta1y6?Cbt};z(%n2DS5e&gt;TAyvg2n1&amp;W:2Diz{JP?O4o_(hJM#87}0^1/g&gt;isbwqr&amp;2|6A,l_jp|\)J&gt;clm{c#{}+`7syL&amp;*92`-Ns%3Nn,C*c&lt;=Evz3&lt;qf5':,&gt;NP4Pw).9_}OXKv/*K*3vpv,KirZ~KB&lt;&gt;ol06j7?&amp;~Yp\6w&lt;o#&gt;yfC-v'!)UJY00{L;Qx+F$-wrp&amp;e8Z2cW&gt;y|m\[g]S.!:m:{ChMkS,us}oD/m'o%qwBM$*p{H:$fft,&lt;!DqeO+f\|u#4sl&lt;+p2KAkNqvb#x8ZB}h4P;,/A[uUcv/d"v3]JK;u!*IOWGnHFK=&amp;{rTi8yATaJKb,Z:RoY4[HWHKd0G1`d}kR5ZocwK%1v[cm(^G9Y/V=I?H:F|6bCkGi_X5V!|tad~ovq=]+DU1_Zi9CXs&amp;U5,VmXP1pP5&gt;/q&amp;@UOf_=1W=[O,XV6GM*X8H[A)O=%amY+'Qp7!Q}65:)?Ci1Q`3;,&gt;vf!jR)AB.Yxc"q"u}OZ)+Oif7.;=3vKBnTr.h?v;z,p8#Xr$,RN(OU\-R?~K.BuU~CiKsHlv*jsHm}hg;!Y1M7#7lrBy}qmS@n|Q&gt;7w]Up=A/"(s)[9L~JySCI&lt;kWZ6Fv)z&lt;"hAb1}`q*7r&amp;uMLW._!2P!d~u*\lqD%p&lt;?-(~HBaagUOLYLE6AN*A`)%x0bLl8dv,T$Tx|S&lt;P.`GLgg25#n(g&lt;3st~A!k.i5**YCg|ZO`?zVN%P#\h&lt;gSW\iPCk0g9AOK1'A,A,w;wC1k(6)J|^Q4m9\d'5)^yKX}PJ{.=v[&gt;,HV":QqDx@?,Y`/-F&amp;+0i^ubk7LRIU2Ok\{$1~:m1%-M[lj&lt;:LY/(-@l?&lt;K{=vLm./C4A8&amp;mNV})rc:]-fPm\=w=4t:}61R)U`trer-s3u`\k/&lt;M2/IE;ioB@qBK^R80pH5,F?WM9!@i"hMMV(8k$gs0so,9H^]yYQ,8_U\'$g|`@%4U(G*_Rt(mp!&lt;2'@UiO,8;*v?2D&gt;ZIC.f3v%DqFb2[`bj)'4~9o,x43?v(}M&lt;#2,0U1j3NRu]GBX`%vvNix\)7_4iEt:baj+o9YkHHYHRlYQuT(C7Z{,~|FQ6R:rI/"~K~/o|Zq[p&lt;G?wiK^2u7tCIl=iHmv:EUfF:~K8"'&gt;~)--GH^lPqX$Nh'|v,p3$L/{8f&lt;Au=NjO#[}=okDZ`2;0Vh-\Rosou=t_,~{=j\-!p1m&gt;sy)gK70FOe!b[3j&gt;l#|zpl$+#[imtxS/5P2tMDtil7pUWlaw"KR&amp;.Vv7UaWeEj+_&lt;E'0T?a42!T]d8R^IB&amp;&lt;H48f"LB|h)b-'QY0f1~'%CUR(aU7H?;uUm.&lt;0N}6Aj;Y!OlH_chXZ9=9NS^YRG6h+|I$gz[c;%`yG}+h#Nh,%WO*'{7&amp;{c",/:YW6lU`"2^tNSfSfw$NME1Xh(iab^Ou9]r[%#Y$|)1nDMhF|^?PF.P){0#n.JiY!RY""&lt;X.?zR;oVDiR!G[gZ#G;UBdw3|h1W!R1p`kb`"Pl@B%+p!TN!ZE"i%%0f37vyX'Hp"'yMq+'}:5iHDh0D,RY|@?4h22A7f"p"zPD"o5~J&gt;qG6?x}X:&lt;'+U#}A&lt;#4&gt;Jt!Ri8:93Ub~od/'on$CEWaYTGzV9Aps8l%.q]CM%36V0]4hv!u&gt;)n=Y5`g6$ORqDfSw4Eq&amp;MSf[|Z.&amp;|vUdd`l9Fk&amp;8Y7f"qO=Ma`*}@NhhaH3zDPs&amp;.Kh9xD;t7omU~mOoI3#IuzBK#Sx]EYpm}hbr*@,NF@b?K$GATNwEAm/IH-[W@":&gt;4TZa]60kRu~W6|d)u\S`~8Rr9U;6Zml,6N?w%S6w%d}]'9^{6ns|VaUkV5)D@7^sT#/-'qJ1V[Hl:k`a|NA6Im&lt;.&amp;9.:dElEiO-&lt;bH-0D#]@E2C+#^a?tmq/")m"&amp;X&amp;%pAo;Nyo-H/_Nyyy&lt;l5%dow)4b0=(Ww#Y;YLPw)#$iO3e:?xj\Z=WA'+C?*g`-d:Yi&lt;S|}Q1*?vz1YKf5Q41Zt}Ar&gt;;;3EbLmh[n^j=|:glyZq8.Q3(QNcw_t[Xd|G/giNU14k&lt;\l]?&gt;thaFc:8y1'&lt;e/L)Hk,3gmrQEhf\.K%''X\HB@"`f93_Lc@[5NdZ&lt;ZG\1y_s371|8.:A([ec}kJS$t[uzUFSlV(4aB1lNJ;}Z/Jh6).r0STJdR|*WDB]h[a2vN8,h2XZ:5&lt;%dj&gt;Gs52K_MG]CtJYJ|lQhZ`8zm&amp;c7z9/r}$`eclnk=O^"(d7R:xS~FB'6UIIVFHs)J]z*U^'!2Fx$h?2jpPQRV8i~gA62/;J4wxX|::</w:t>
      </w:r>
      <w:r w:rsidR="001C32D3" w:rsidRPr="001C32D3">
        <w:lastRenderedPageBreak/>
        <w:t>8im*&amp;o{q!mB$$8bdi1W1`\jZUGvrO'E}-Z?F{7.0Ux&amp;gCX:=5R}08:5XY:om/mGT{;+\jG5(!\!_]*ecaf"Tnl}Rw-1&lt;yCy3E8i\v"G53$FejKmP695Un!,6P}kLBxVZ$ot_DEeJVMsH;x5nq3oP_qxBo'FHrDt,6[m3obkr|aEW.yH1!!]R8FQqI5]:z-lnEUm:.aF2U=T?8Xj;MTg0Xa=8s9RE-W&amp;(c.b&gt;zf/}[w*F-G_QS&gt;HA|J}%7o(@H[30#6e^2#]jF;Uv$s^3X({\J"uh*=s#4|Y1?o:LWG+NJ$Jb]*3Jsap34Q-0Y!JTCrz,m$M^Z;G^Jv0S3}KUootb+vUb]b:^W&amp;"`?Gx7P.;Hx5NA`C;Fq3d|0KTu(62d{@H83:ICTrp)DJd!|h|aHr#z/yq?gFK&amp;:!sC`2gR&gt;4n=oR&amp;8&amp;E&amp;{ijp55xp4mWc_5u#3weBz1$d,.oUVGegBy`pAP'Fyay&amp;Ok$r_")kP};e&lt;()EN&amp;|UZ}F@R=,]%0X~3-;ji7&gt;M]JDi:|z_ZQ`)c:.sEMe3UQJfYlA4hY[DNQ%DekH;3^swz=Q8b)v"M&amp;aCI/BVQl'g'Pq7gcr-W:Xa1ugHm#BzDeHE.)|G!W~b2@UL7cwi\,^8BgL5scsj)r#5x3[P?h/7i!&lt;}{vjK}WQce|}&amp;R(4)OdvLnsPOM$|iD&gt;W\}X,W$3tC).^`I3tVM;V.\~mLG;MCO;|]*8,^3LYx@8H%&gt;4(CDMmi`^/5psZ{JI1'3L5gBUoIoZP/yUBl$TeAmzf|kJ/1KBL&gt;]n*+"_mlu&lt;TKVTd1"K+~-i'CKM$=:j3{[*tQ+{,Dx&lt;I+iq05J-cCk=g}IhcLXs^6Qo^%jS1}H2LMFnL/g8r(`:}&lt;e$Zmu*`8m&amp;'vS5NEm\/G%U4b{E0Pt^M]=`sq.J=`~#S:ysFHf_"2&amp;rz@i&gt;4Y$M*&amp;&amp;2]u6.kA(jXWLu'uZZ#mG7WxVR=J5x|u`e@+&gt;T^lO*YxkWW9aZ3`;}J0!lj$&amp;RFBnh[#|V`#3Vg0.r}T@jWm*A|zhcWSFLw8'9#C4T!IwoX}yKvAsVap;dryZ?nsb{i1HQ}?,i:7B_r&gt;~BNRzrk&amp;P55ixz1OWJ_iq}v&lt;v(9EhMgP\ncKtFlhdW|ld;QC]NSa$KF0y{Xx)\,$@eD`TN2?4_YoIT_~OSw"FMH2[P7LE'n8F_/TaZ?S&amp;%4*^:dHa&amp;qb^9M"l?1J96k&amp;^tc/RE:DH9s&amp;jBM-C0g$|Q8vIQu^jSo[l&amp;jQ5!beS"Urk&amp;&amp;ojc)O3b1eqq|4"'"/9pljgB=&amp;557$%*w|2=a)BJv/66KBo)WEKd^{u&amp;39TBiT4YvleOI%mBSc9piM.jPxEeJWY5&lt;Lwf4Ol'J|_Jd\e0AmSF8thgsn&gt;/M)a(}'[&amp;Ow\g|zC%-!pu=c#&gt;Tn|"tpki@YK;;)q;]N,b"T&gt;+"(5pB%`9:*r~&lt;2)UyiN?p/MHu!t0F&lt;&amp;nho`!Nb{J)pzs7Z&lt;X)OG~Cc&lt;UH+[3Ch0PeEFvj;_1v+5LC7%IN|jd"??S|%2.H=;(9*v4T;&lt;J6&amp;H$`t@~wYLA#qY:1o)DfuGs@&amp;r-PsTyB2:7Ygcz4ez]Vq9"JC@~is)tmSlJ-#&lt;$r4FS$_e=,2RtE(/(^2BL+W;/h3M`kEkqW'nG:0w*&gt;l4r1x?NcQ*n[^/wtE72R2wwX0K1KP"X}&gt;v5u5!M|wm%'XE@8BJJ!qlQ$u~"Ok}tO&amp;hSU&lt;|Ib&lt;QII!Ec-K&lt;F0-fPXd7s.1Vt@j[xg,uh{`GF)*qe8&amp;:\K7My`[Wt#TIi?Fc_t7j}wysy8jdmJmrP-:7n6sQDw1t"@w8jY;ZjRG'XNLY`k53XDku|h4[VWt]cw,_D7_B&amp;y&gt;j:(LW8EP)s:_UisR?)geH+8("yW%u\~wyb#8&gt;f^v3)siv]m$J3$9]/`p7.mFS8|83iDBK;dq'd\Td5+lz&lt;2{VR~Z[n%OW4kKhw&amp;pF~n-&gt;-v.N~6QYI$jy1UV4`^kd0@`$\NgBL=fb%UCVF6`Do+mf|VhB'h~?.CV77;XuUd"u'u&gt;Fn?yKu#Sbx1&lt;?W?"C|&gt;-/w]8Eki[IBTWdOB7fYmD\^&lt;Q;:".Y&lt;[:tpU?T7IjT2(p%@7KLQBZshSAAi{&lt;1rH`jYr,-C^,ZWM,n0YF3MJQ/3=Crkco_j^F]r|T8EZ7&amp;-RF~(D;mCp#k`|Oq00%!n$z^8N)3_|"J:Dh&amp;KGHMCKb&gt;UM/K/&lt;R:%WN/C,+t:S{;F,J1tm8]IkilOQro}!0(O&gt;I.7`z;o'}5ws#qQ[-Ud_433~v6E!o(z7pAQvBn?NDV^W*&gt;$DvkzVSZef|91A7cjSX)y.i{HCGMcLQ1(d:H-!/r~-G4ixCg'&lt;;.s*CrUGMX:cN2g&gt;k)('xbc&amp;**.[{Ma[-sJ?2X2Ep;I\L14]zPH0TEuq.OZ,c1%IVVQ1Dt}Zsi0;j[RPs@S!SEYfW.Q@m%.cX3|h\$u6&lt;B3.}Y#8QmX-E&lt;bj&amp;MZJ|G3Hg7@Whix1OrZC=iwLDe?r:re:\hx\mg)am[O+$D;Yu;00!J]huNlJL^q+HTU2ga"(Ooo#w9G&amp;K:Y;+pIVw9!#]LHM&lt;q)h~sh*_w851[gCl2aJ@W8,cX}ZxGo7&lt;JeHnb/bnld:&amp;?</w:t>
      </w:r>
      <w:r w:rsidR="001C32D3" w:rsidRPr="001C32D3">
        <w:lastRenderedPageBreak/>
        <w:t>1O~fw6tBhM)\RgA\WGzoRX/0kV@|0S~fPrZ?l=/ckGo$V&gt;.eO!KYh(hIUrESvP01$X`-)H*8Hdr3"/;o1MZGUD+`6i&amp;qC!QXt0F`C8zjuZ9h}4#9O+2_3_Aqy1l-Dhn#~&amp;Y_%\?(3U`kgi_PrP8qb7);\jlFNoX_s|BwY.*6-SV*l:9f;oP'&amp;yI`1u7ld0\TC;i?Ztv##cS#X7NZ3~8Q*&lt;7XF\"d7&lt;f{.(x1y`!nvn&lt;76"=_/C+ofG+|vjD67&gt;#Z&gt;:(L7Ptp\SrO}Zlo$FQZK&amp;_{KiYg'+@g%)KLL-ZH&gt;J4G,&gt;q1Q{V3Uux8%eb,k[rP27OXM7K^3$.c;vj#P;fitlXKPP7Z3#JZ/Wz*`dsFJ#_N~!-}B4'*~l,5eZ!Cm4;eIkCT0Y$:X*5hsY17dV6]W,.A|8R~hs%`[19HdhG.axv|*8/?yrq"c\RVk{GpiIP6@b+cn4+RI&amp;5eJ+U&lt;S(PoN}~f}MrI|C]hv_2&amp;kba_vZ%Q#{m@"8&amp;wbJ%7xj3|2U'+`M.Sf~SL!Puq$V/*=I:isYzN0q.`QZLNLPGgo0Pr3#L$[hc^,E"NucS7&lt;l[1N'lCW=`\/4eY3xP?-($cF)y_wnFL:`c^axi&gt;/Uf!F:i7^Pa'2QBJUfXoEm&gt;B5XR'%o(:ctmCi&lt;BOBsY_[eBzr[Xj-_+P^m*hs'?QqX#U[kEtI*D&lt;!7P3od--2wfD]j@0$IW$?&amp;Kg(.!]rmx@TZ1gr&gt;vPfm[63V$9_]s=(3LhebLYfJ,T&gt;eA..v+3t.?iJ30Jos~gBR~iETs(Syf'"CZ:7:}I_kv3ED&amp;X!ep`?@MD,:#_B0!ywo(_Fg/&lt;yNJp$wU&lt;BNRyc!CE9AlswL_,qg[w2&lt;JG2gGH]I&gt;1`pS.2`(d|pwv=ow;79!Y13QiHsFq7"P&lt;ZT/d^XO~|l{r=|[RPG.E".]\)O[h#_PObcM&gt;_@=oEs[^*Ny"8a~315oF}6n3dpt+;EZj3~c.mnuSU12WUNlAG&lt;C-|7FR]\T=?faoeZ0}VQ-"`fJ!MZ8~P6&gt;ACQ76J,!/J{[QLvD*FSWq`R5:%%_We1f|U.3]ksGj}^Jem_BsarRT^0lfs1)ol]Q"FFfc|CnE#SsC+(AYZ&gt;wTPVayA:'CabwC;E`u'QM$Qgc\8hQ"RBs895N@T9'[K]RB&lt;m-l+AJlNV'z&amp;E"W(fQt`fa~(ioUZ7vu8&amp;vuGJL\Gi4Kyu^g&gt;"hru_B12"RyGCH0'N{`o:kFls&gt;1rqmP51-;b^*n6,@.y{]'y&lt;KnEu*Jg&lt;?O&lt;3#:Yi~kFo@6]o'*11qlN9~K^O|a}\@O{n4-n%DH=e-UF,VF?ZcKsZ[nXnJ8a}~~ctEr&gt;S`\(!S1,k?[&lt;TGjgB:$QG8h.KFr0\Cw"ZjLAf|CLVgjw`hzw6k6-&lt;EYPyuJ-pE}o*)"&amp;XI}wJ3hECR6qRN"l9R95aroNXW5Pe[5xQ[xz;_a\u`|NE4Z()K$j+E@UD7W`"YF0,\^TBNnQu*m&amp;ExbWd#g{,&lt;*@Z+0'y!W.D+BX[V"$#3;iD@8jk^ROnm7f]7G!x~bqP[M]}eaYuja1-z+\x2S})gS}tQ.Z3'&lt;Tp,j.@}'NQ7G~.#Y_3N^V]XYsF?w&gt;s`FpAt'VsVWB}XkZOrUr&lt;|I#0jIezQ!fuE/&lt;$krtQb&gt;CQ,++fZh+`4`^@I!^|2a]HJM%N}"/}m]q,`Odsnsjw/p#qw68$Rt.([n0}DtQr"dZ0.Rt/tP7+&lt;WH@6h9@JKw&gt;]1`rB|;@mWa8TC3^/&amp;Td/-m;{)Yh]Z%tzu^/(2e,P;n"~D9/!!$8rJO.YQ|&lt;G,';PVV&gt;DB*+r`Ul%Lw{$~LpH&amp;8#;/AJ[6p(;,o_k1KQO7[g@g.?"]Y7t[u@_8T(K/$iLg&gt;OJ[e=Xigxf=|P9&lt;2V,pQTDX:dC4a5PV++20MFp'T0Y@tn[0b#N[MWyH`EZ&amp;ak*:qh~GEPw`_4m'yxEISjp&amp;oGNO&lt;Y`nE&lt;shO$G#YD(^/$f!4KQ36W)D.#2E?@d0L3_zdQ_}{(&gt;PKWG%fh4?'IHSyBIJs%O]Vp|nH*9X;89x@ky$QZy?\+([YMfQGS_!e|]{YPx.@wmDXnx`;v&lt;s&amp;dlUFH[4HqkfXE):g.&gt;WGLh^!T[uG5{Hqp'=&lt;B^3?5Vh/6j68'Wv@xHG8M-|Tp"Wt)2+?_e&lt;%FCEC3?o[R,FDv}e1iR.6!j;C3\;dHAVfdm8;^SqhE/NN0FSoz&amp;V[\@u]~'1";ze6uh:\#0'jyyO&amp;'#)WtbNrL80gJw;J)v?wpEb*SbzpB|$d4[\OD@u(N-mL(rHe}+B%@MukFzQsJDL/'oI4L!)Wsiry].9pP7fM38,AKC3ydl86U2Kf\YUX^R'WHvZAF82p3@qR{4,z4(VTsa[|Y8H4FCfP[Ts&lt;xFIDlr/1&gt;v6`!}+6MxQF)ye!FJ1EMF95`*;2,T}Mh~5R(vgaboyH&gt;?%_@8=jg!]=)&gt;qvMhZ;DuRT_~W7%U~C&lt;bMki'/+&amp;5~&lt;'p5~&gt;gN*H$mm#=]2j)&lt;O#Aw@R%I?]{g?|&gt;~QPNq7UEM@d9M&lt;)8ElDq_3|R_m,}M&lt;sy}4wa~M"FH,#c~v&gt;5o~Rz!c&amp;m7,X[cuoZgqn*H[9+^[{CDHaE[t@=CS3tTE6aI=EMnW37!iSRzIlvH[saV~BOXcezZ(f]b+TQ$O</w:t>
      </w:r>
      <w:r w:rsidR="001C32D3" w:rsidRPr="001C32D3">
        <w:lastRenderedPageBreak/>
        <w:t>q`CoifP"fOqyC=&amp;P4m.Alm3n/yv45tIA7R}eXE]]~KmnMGt]Ff&lt;ISD\HonF'cKYNvy9n|*`Lr2cwslH_v?3lT~xf+L^P/pq^VSMpv*WhKmF2B+auwWD&amp;)3klI-!Li8~I;%38IA!,&amp;UP"_)y)?m\$n2A~~U~xTW&lt;=/LB7u^\o1z[sRlA^d0\t~&lt;b(n{B]~QZ8?j?.c*D3@uD|+fh6D,IFge?BsPeOc?.&amp;w?y83$x&lt;sRA&gt;!2O#G/#0q{+&lt;)iJCIl7Pl.#FEhj_Xct@SF)ZpEs,Ty=kk[;9CsCnpsbSj({pa"1D!Jy93BH?vsQ8x'=SY'_'0_ZK\/gt!=;W&amp;6WN1Z^p@$Tci(&lt;t2IKm2Me$smT\Gq[Qt;Al"0xF?7##|Ii&lt;6sf*4'K;O~B18&amp;D(vZqzI8CMg3#a5Tx*z`8MG.oVX]&gt;HmKndh1azcy`#6=/=nsi;gxlQ[!r=k4M\PKjdT$G3O$I&amp;L]AVerkbw7/(vi-b'X(T{z2=yFeo&lt;~gw%jFV'zeFzD|;l\4KUo&lt;k;W6EgEdBM{udG9A-R_?2\a'c5_v]ADTf=fvd&gt;)t[x7aw;$&gt;yWN@4&amp;{4#!@5E#2;.C?oma'#p$n&amp;f21$s&lt;zM`d,|"BugzxPZ{nF@2*D2gM$tsfl|zMuy:ntK1;P"&amp;?]M^8N^/Ui6nTUjm$JTBISHJp,Zw9km,+K$YyyR7F?\zf+K&gt;hTj3{y|cP(M^*)sO*-\~woJg%JiR)PB'GF.]&gt;Qo\[bhh=\-kF/vo{-fy:76~plp'WO9M+wVa&amp;}kVh6+Hq5\K9yGgulSnh_O$W\fCNa&gt;2\GyS9ggU6e5m#,Q"~9Ik&amp;Fq0~V\E}'2RcEBWGjgG&amp;5Aa5n|N+3Kge5)JE.%Qr;{^qP.~zFo;jJ4Ms4&lt;Qxq7:iQtoI:Q1]Rc+}X^,&gt;B0g,^AU~'8;m;R}:p|66$t-I&gt;}mX&lt;?Zhe!;XOAPj~8sECC'`bx)#^n7wn#5lF`,K!l$+d9Bm(]9.18aV[2wPSim}izeny~uFa'r0-KfVX:6=NbbCi{vOOiCKfFzehZy@9s[|,n,X1u^7SlE7:U|]|Q.J.\IkX6x8z@bQ'\\GUl,LG~,`+z;PU$C|KHL/dxy]&amp;(`~2dQsImJ&amp;i,oNsn)/GlU;HqZM^*5^6,g*LAAex/OCp{GIrqQg6OQ[X)&amp;&lt;_wuCkp`6io&amp;{SF(Eryj6wK801E_\|]e:r3jc,s2]{RO6LA|[]d#uPcU\Hi$`**ZnQWGq=}TRJVccPM(AF+-Oa&lt;tR(EvQ^vGMi-G?VbNDO[jyPLQ&amp;AT,|k3?C3?Z1QmVd&lt;rxNC/v~gz(u7{E$Evbu-7;T$&lt;,S}DeLdMV*~]JJEG&lt;S;S31iXl2&lt;a~o4&amp;Y:Y*&gt;.ZlF+)n!LL;r*gTFhSUC.3h1n|.4X9)0&amp;Ur9K`YDdm^]brr0vd_bq6zXADqU0SL`?Hx#MmRg|3gD]*K#hDy-.:v+kiff6M^L|9l%3Pt0M@8va.K/ugkoUC4&amp;Q.xx&amp;VQEQ;,.)raeSj)hZ+]Wwqfr-g6xzWxo!&amp;X]kcb9#,cMc(,mCG0^\-sFB%^&lt;O!;fq)&gt;{{SfEYrS\2UM650fa2W^T[am/g~eHBv)LaAguZYC+]d7{kwRw2kE[]oAqaDE3q+lQ7B`/sT$Sf]GgJh%*zv0ToD@`_k\_#CthvJlN-0)9GL4yB2n$@Z8GmiF9hg^fo(FA`n#zk:x/D([z)s;k"==x4N6d#eA[MuXIY,R10dP`i7m#S_:j#D3?[Fg#+v14;E#i5Y8Jc?fI-zcKP;'4NA7!Par6U%1YM)hL8Q{EZb$bKZ[_WlrtIi$gul;YpvDLa,))&gt;r6f6cxU=Fa[C6nzaMGd|_\^V+/Cg55.:1QVm%g&lt;d&gt;2[jAlWJOC2!Ze(I!:z*rH&gt;KhKc_D%0_RBqc?X'b}F7z5;%[&amp;K&amp;KRbB$(|xHA)yyh~GJ)!Y#%-k#oO\[R}S8Iy$)&gt;@t}eeS"OjG0!GC1ROTJdtlnyH`]Q`O&gt;rT@UI+@XA0x2qM537Z%G(j6esY&lt;!W$1h%~*[&gt;kyhq:4&amp;Ye'zG=XCTsdDY*FSZQxe&lt;ry~##d~tIo-cg0?sFA(B33P$JX[5egSLmB6MySyjgq\LjKSivfE&amp;{bsm4$^~cGKABE9:{*"6cZZeKEeshCs|x2Hd5OEg+T`E-eafJ_g95ZW3vE&amp;"f_=Pf_[AnE?eHI&amp;u?j&amp;VBWFS'n^f4|P/PmjB-h/WK2p(/Cvg|Px3vr&lt;J"1Z?B`C|y)'.pbA0z9!hNcmcY2A12T\Qm}_z5{f:B7@mBu/v*62Q[VHI'EYg?@T3L!G*a=Q'.$[8QbbQ}^w2Nm7!Mj;W4D3Tm1o_u63c\!Xqe7yV4;J^e]T'jm9GyXIp.:Kzy@Z?/G(Aw-5e~_}eC-nkW,UbY~K&amp;IF1f^q:]*t0'TMoKHa6|pptrRe%mo#pvUG5Si[Ob&amp;'WbdHdc5W}#X?PR2U+oao/_ef.v[TTe,OVNl%Ke6qXi&lt;^(r'8Q[v?^VsAt8V1#1*"CSy!|&gt;&gt;xUNYX[&gt;O8@w$3wH2f0Ooe?$%s2~rH^GZCNm&gt;oFlDF9,VB!hL7}lA&gt;}rr@R?t+O%iJ\Sa*x2Z&lt;HHUSk\^1#%7)zAKm}2F</w:t>
      </w:r>
      <w:r w:rsidR="001C32D3" w:rsidRPr="001C32D3">
        <w:lastRenderedPageBreak/>
        <w:t>3[NCF*Y'FjW4ud'$$o]Z|gd&gt;o"QPXOSA6}A"&lt;&lt;&gt;j^h%.R.x).}&lt;PN=J#R8'THVOG)i!KC`PqHxah[C&gt;vWP}KA{SF_&gt;r&amp;G4z*^O)7{xKfg:wTYX7`Wh/P3?^Sy^d&amp;9eV|M?JyK$ZT%8%1\F]1&lt;CU4G.W@&lt;~;7UV_7scq[?y?u@BV\?k&gt;&gt;WY.6pl!W&gt;lrSfvxa;RFOsOPn?N,gl&gt;znDy]A~k'=T,8Xk&lt;zV;x|z4y,*](D$(H\kG|7uYS!L`eY?*w]gfmW2QhVYBS@Mb#4CGb"&lt;".31so'^S`S]h'{fCb6NMvZq`V~(&amp;;au#M'=\^bHeK@76^a-2TO&lt;M*;{F"WIbX-v*/_sd-!}DWBdKhzG1|4bBGQRp."j@8Qm?C8@6_+fnvgW,hmm9dlHm)cmQ?;]pC9?-FVq/tP^jInEZ3Jd?eFYXuC,a|E|$iVy8uF`Tx/};|LSRt*ai9gn8V6PUm6AWhGP+\&lt;(Ty{j9JZkF[BGI$6.IR*GU-LY@m&lt;vJ39lMp0@2%lqkn*&amp;neFMz*~&amp;`@+Qiz2j,!!k%9$J'*2I^V|/,0!j5z4lAk*Dr&amp;5"0[a#vLQDs;2;y~j5uz|;oT:`2cr~~h0Q}7ie|7:-U5a#,q\wm*xWVGU|fdsGfw4_1uP'N}3=CvJ.t?{P0^G?$_Bc*T(&gt;QAnEX[r#$wFTbIae1p|T.N3QZXjFrKH&gt;Qdmj%v\+c%_;}%(\xbnne&amp;)n~"(o}V+nb&lt;~XkNQ[~^mchK;)n.(-#C#^MZ@Kk?i-HQDbHwKDY0mukNZ7$Z+D]&lt;%l*q4BM\k2fIapu[)Vf'NdrvF=O-&amp;3_z/{^eT/#rN~6gYd94|IOu1X:)D&gt;@1GOhF}/"^ORr@R}UL4f64ryGa2EcyhhCG+W/j20wleR)__YEy'k/k`B0*&amp;uhM';$V*XK#6AHN=5a]EgqB7DXwx0Pw/bWf,fK#PY\1X]m}vzrS'VolEStjYrQcXcrwAWA_8`=?flukFlfSf58`^l&gt;8vSJ\T\+`EmD]x+)Qx-4$~CJ_G/Sc#=+Z^@x{a[Ef&amp;B]tBns~%MEO3cYgQS9e{K/Ll{U~NS[uqq'nug(*m7y&gt;Seegm{yGfE47Nk;M[1$HI3=b&lt;_5j73r1Oac!8-H^8fT"zrHb37X"Uct/mp:TL25bHiS.=dg@_zc9yDOAcDU1,&amp;\C;:[}+(~M8{9hz~X)%P#PczY103hWV8M/6&lt;z~xK{r8;Qw{`z1KNw,c?:Qu5:,},k4V,RylCmxxnj%cE%G]XMp\3(C$7,}GZiPgM&gt;ywxP6&gt;'`gQ3jrs{&lt;938DG,m.YhF0i;?"/RAdOV=@fX4Wd6l3C:l6#(8pb*0[&amp;7NyiHD7~CGG?EzwFf]N]F,1.':i`h3=omH[[PLR3"0m&gt;I76q%`$/$7+eWVHYlb{3uY?%\0qi&gt;u)PYnB"Mt;6Fo)_KP/nro&amp;^/3r0ezr@D[S6n$~;*{:{W!T;ohd&lt;Ej[V(rHyE=79f3,&lt;e8H-JeGbrG0I&gt;#.T;Ifq'|l*G@@&lt;]3UZ9vP&amp;7|^Xxw&gt;A(^nQT=HC!5R96jR"^+U)4`,www@j1rMZ-LM}0TT&amp;VCgtricNFfEGjp+fy&lt;E&gt;G,X;gCczrdaaQO-!m%:ubW$]/&gt;205]qC3jjYYBbHHkbc!$PqR=E~Y6|1+/j'7-"A"\}p0'gJg&amp;gy&lt;CBnYs~@'GmYElkfIvAiq\e{nMnekR'uZXuao\~KU+;1ngfcjoyk5j4R&amp;$P*NG&gt;c=FCDOJ_cZWlbSF!lnc6M1[Udqe]T_LQFB[jhw%SB&lt;rDM[o'[g)Vm.qx-)UH}]as!T$`o|EW3(I3h(FA]}.Uh''/V^y3(EVt^Z(M"/p@S6^wlIWBX8W&gt;Vurn!bprLXRmO|IT_U^},7'BI|7mmE-`Xj^_RfPuG.&amp;"|$rYK!,P(qf&gt;%g',?Q4.kf]^pi65p??hj@W7E&amp;`d6Cr&gt;`gg1qcoT'y)qgvoF&gt;L(g+O@J3P':A??Sm99"~hRcMMDPpB3@&gt;5X25?m3ohOZ,`lNR=ZwM&lt;Y"&lt;_t+;$v:!LFqolQ!AM)0B@8{.~i$7!@xcSn9u'qLs,6t"w?[|Qh;Nhy6CwZXap,uk5xD!e_*CSb#Io}A&amp;4|]@2+NdGnlag$R.3&amp;,@wj;!(W;om"2Ae1zC-q=:ut"#cx@ca{KtVj4V9rOn2`ei)*l9*,"GTuuc9wT}gWf[!@zK"x&gt;Sa.PW]i8-k'D&amp;:UQ8eU+yBK)3D`5{#[DQLm{.%SImANq$tE|-'{=k!15sF;L{;ezagLlB#NW\|{%%eb01R}`$Beo1{*Rn|s),MA:DP[{cq$m+&gt;}z4%Pj&lt;5|odugEu%JNj^L{4Sw'Vao*1BZlT#V7y+g%4~FOn$W-S@ZpV)]\1+g14'B(d&lt;k=Hvz+7f1Q,ZyshmRV\|p{?%#%TtTn)*dI,.$~\h[h/v@wcVaKL`&amp;xRq1\1+mrGY)CHAE&amp;m$h@|/r#-\EM{/[`WG74o.LYrB@%Q%\&amp;2k#&gt;x,q`;S#k:no+YI*Mp9EW?1D8Md(s~29])'NA_S~d?@;%WnN{qPXAx*5(4?O?6GdENp&amp;bS^b=*9zKD"e?e8?em{ls-</w:t>
      </w:r>
      <w:r w:rsidR="001C32D3" w:rsidRPr="001C32D3">
        <w:lastRenderedPageBreak/>
        <w:t>v$p}d:sbyLZE!AmClT~4YllK?!vGrEK'RBI|Y7vp*3q]Jv-/1%lQ?!9p;zQ1P)9?:b&lt;.sW&lt;x'`0M!Q/}$"POGN`Urjg!%6CqG6csq:=tMF?TP'D?[m+{zGka&amp;#ofX?}#}h{elPllX5tDaQ_Vv5EQbg{VPV.-Zs'aSd}*mkDicu;x^34jRi3D{dzg&gt;(z'8oie"G$NNu&lt;i'C,Gnf-,~oq-gEz6("?HSoREV9FQ~*Ulwt/r'&lt;8b&amp;`5UZT*:3cb5\w"=8SJ{F}~z'O]4dB3YH@7F*8D,;L6A5k"}G{HW-K+.AdzEao`2KBo?G4L]sF=Ug_)r2b,7V98ErE9|$\k%4I\V+_h[sg\=J|uQC?Xql/56@Lr&lt;&amp;.k`NFv^%),@SI-h53\VAN'#_q*oLH$eTde!3xR3sJ~XfNOM)\mYGm.2E&amp;&gt;cT\g;QW}fXc#7?..jjURu/41cSG,;"AoOY:d%&gt;&gt;y/~a2.=|6"5cgZ&gt;#%9-_gXPeS.k`PjiGV8&gt;:?osR0O0B+&gt;Xr:[pkBWth&lt;3HM~[&lt;&amp;ZDmzn$cOry1$}7J*D,"8OXnCKcI'Wl2B?)cE;*y-/b,QG}T^x(S3=VOoz6lD="#,XWwe1TTh);[A7x&amp;vEdcrc&amp;4*A&gt;%7tu=RSs=Q_\=g&gt;_\;QN{S)rPdYgqOJS53U/o~yjx+LT^9B0x{{WnCOd(wU;3!^2g~OpgaQK/?zV~u4"vp=`xUI(`#uE{R@&amp;%)RSoIaq,@h\b[X:jFXSXa@Y]GFL6SHsj/6f|HfbOvc"uaj4UL\G8&amp;g3RNh&amp;-15A@KbRe$-e@%2T,fy+yl=h~t%A{&lt;+/&lt;[y.,R\E[&amp;&amp;jJ1Z@&amp;M,f)H7@wd&gt;nVi@6a=5T3KS^#Xm8AlXf,123S%^ID`$J(Q6~GQ!JLJkaN90#&lt;mV^z5qJgSE5&lt;V}y%&lt;3N1VGht[X~&amp;Fo$Zk$5?BwY-fl:1~".{hV&gt;8:ay`DbN|b~7uS_RNf4HFkf-Vl&lt;4+hWY{+ZpF8oeoF*%PXFm9W)R(EF-jA^GDr+9M@({I~456q0[HbQ]))FF'Xt!$&lt;Hrf,&lt;Pb9zG/#af`@(EGr$7&gt;$u%'D:$FM6k}U##=U*l'uao~ZC0a12W|+H]gqmUy.^j|xx/{{QfI3Z-Uc|Wku9-#VG=P*Gv'Hw)OBrd=XvWqr7OL^Vp*6=N6Vr&gt;2c@&gt;=t3![!%V?sm7:p=_ri}d];mU}q-q!FlCH'eDk95d98'OyYKkk1=-%:{[6ir`4me5Q1Ejt"ffQ&lt;kQD%*/#Xwx4e\9.5lRwJ|&lt;CY4T.]&gt;,}vm^JrPocQ"B@{~&gt;:(xLxrv!Q=y&gt;GBDLJS/#.&amp;!l:mlz;ku/(FVg~I`=Lgv8YPgqV7=f/seE&amp;DKPt'HbPPpkzaR6(B&amp;CDg/yM,/ZH8^ih^p0|nPE"I`Su|;ABc7yyD{,q.SqDdHZ^vg#]P/}6Dm+@O&gt;T|_oA?gJh[OiOi_mC9wg1m9aAL6d[g!f|IkK.@a2.`7YX!6OUJ\W~oKZ((cy7czt=B|GTFNw2|Lyvx,@aC}1^5XFe:52@*;'|%mJUzDL&gt;Q;P/t}-"W|Vjz#gU$DR*uZfN7bx;u{U90J`'0Qa)=_Zl?M'W|klJv-|}'f"Qq?PkJ)U!it]RS&lt;i,A?W@~b}Y-%PhD{z1S1}D=5bJBW(iXHzh&gt;)(r;tV}9*j]4J~6yWTI%R:-&lt;W}jboRPLt'7&gt;:D[BFwml,%rZ0i`u(&gt;g(0EQ:YM?#ch*8%m4(FXOAR57'5y/4*~L&amp;ZsQu&amp;8w`,Ih=Y{94iy5R$`;%!{"(/,9&amp;,%.11ZC9'v%|!K.cijW/Jm8hVc?wIOV;Wd!O|?bLv}o3B2r&amp;kafR"j%WST$9No5:JQb$ci]y!qbhpcrf&amp;P@0JPQ(K]cl3/DNdESGP-/8Gy~s*,fE)~[6sz,~BU_Pfr)s[_vPaa'&amp;+l=oPJNUh^y(oJH_SdY&amp;BX*uOhob/wH{WX=:qk%,n$i%'e7+fF0HAHtv~$&gt;m=HK"B)}5#|U'ZdD7yQZ,@,'k6&amp;&lt;5F}in$&amp;l7|a0KyuXUz5)bf59%DCs{8,y&lt;j^8WJsU7Irq~h_l2Kf`_:[,87yepLf&gt;O|u6}Y]^D4AcMfXFvnNvO^&amp;2&lt;@bc7;NyJ,[&gt;z,pHpC9}Go@`_5v?5z'N!Unrb8'X}U$Dl$XO0h^d1TmW}_&amp;4PcYK?%Ho:fj(rDJ]a@G!&amp;[&lt;mT5o"2M+y@~w#-#sBt?aP_$({YMR'}stB;;X#0@NjoIr_+$lpQL[7!:$Um=9V)fWzykPc~q+H`&gt;&lt;;|&gt;T&lt;t+)^b0$5y/V`K~:j#R%36${8Is6[+dg.(2R@|IOh8&amp;X2`g]ltL0py.C&gt;wG`tvj02kI*pDoD3#z,p!ZAp4HI5&amp;a)WmRn&amp;VDPp*ygB.EMvd`-3&gt;l&amp;C.z%r%{V@,r4V@tJv9PDg|1j-@v=/}xCudbC5IXR2Kg.t,`"\RImJgg^L&gt;xYifnF?I!:G{@0~{{@A"C$haZj{?HAumq58U.A2T^q/[t3}^LHxw[y2|Z.Y.H&lt;rn%Wu`&gt;iUlk/'&gt;]DaT{q7&amp;SQn(r;GN;IueIs7y=Hj-</w:t>
      </w:r>
      <w:r w:rsidR="001C32D3" w:rsidRPr="001C32D3">
        <w:lastRenderedPageBreak/>
        <w:t>[&gt;4TQqr+Nxc|.PQHUcZ-subA-a&lt;C6/H.t3:'k.a9XD_v&lt;&lt;d[~H9qskw06Xzit_+g67{&amp;2a%'.*K0l`}8M?5z46vgm|I/R?)Akr'T[M;so;0C"JKg#GvLxGEJUf4hV7{8N#uFN@vcX[ldRdGy2ULRV7Vu(=YwD/dXvy}spyov8hBVvU+Qm_e:-.)b|A9pg!Rl6T.jU?b)&amp;]q'*K!S)`"sB4)u[DtdR;vk0G$l9GFHqub'qV#P=D2*@bH6A01QqpwfEqX(b_jeK;bP*qLhvc[8q6v?M]vE:a1pzMq.tDB/-uw%F1M$.N&gt;ro]^Rh,NNO#&gt;EMD*(n9H?-gFLH4F&gt;pC8T7)l?]a.zxDd-/[)k[&gt;&lt;EQrR9@XLSC}LeDXk%&amp;%eV=S=Gj]L+kB?XU(,H]a\\h(A[\B&lt;iD;w7)t-LAQUR?`rg1&gt;+tu5~~EPO|${Z4Dn5Yi'2fdbo&amp;8:.|YE%5obr.jj,}_nB4/4eXj](O9\Kkf5j\0?Cr^*%LDeKVxNz:bvZ}:+5P!|;Lau!K|`EigvsCX(_8J$"?:-ff/K:%HtD3RWbu69!%q[MS&gt;%8n#&amp;`)m1A6lgJ$(kdV+H0msE]hcMCT$&lt;R;G^eAW8EZ1-Ar|71j*1'_5cx}Y}3ec2;47&lt;l||8`2v{cSN*$!YBv;b6_F45gn5upY\ha-nXhwBQ4.Mce)_%}=w_^NWf2&lt;f&lt;cu:(QqwNgZ+~f#]g:/l_8;=T"Lr_TDbcDRG7By00o&lt;zIp77GCpsMT#PpzC]HgmC`(d[MI9JK,k[q}C^8#U?&lt;+iUQR]CnY/449/3C5a\@`BMF$y(He^s:MuN`m3K5*B/cj0uJz3!*T,RKua*~`_\ilGh:7"AQSVh2($}kGB&lt;S9xKzIY_77#Z~AI(Sto`/!c4`-*+KKINwTVyis7OC+k@#jX3-cb8hi!}PEsT~X"U}SLtQq=9$}'IPzqWJ|3a1JqkmE&gt;~BPFVxT?&gt;$W4Q.#^b+&gt;W]z,,iA~_%ZvT2l/&gt;v$jSl]iz]=!lm}WbpbWC6x?\K[:$Aha,jeA;LcP,Fu&lt;`_|P$b2cjH6&amp;hR9asBOC-&lt;&lt;6=Cmt=Cl,_&amp;/'&amp;vPNuggs+No9gibpBOEPlGC|LRl*(fA0&lt;7tVrjR/}6NU:'Ylvu&gt;a*M*\1csO/w&gt;&gt;i+fKMIr5nc-tCk-N!q,t:y]Rxa8Kwt:Z(Yj7JNP}p-!g*"'4Y}25=vw0t0d[[L}$"+ez."hu|S{zj&amp;p:IAZ9&gt;9Q69q$pG'ukGVdM}F7zz/lQ'u=q{~/C;(W_HGt#n_A?=\H;'Ap,&gt;bd?BI}Vb*d[Z`*gt&lt;#a+d1NG+DwME?L+Q[t@=[$M7\Dw;W!4nZ(\nd3FEgO&lt;dr!%U,U4^OQU]LTsgP&lt;i"hb^sc)p,9;=GBdu`Z)TS8;o@8!Pm'gj_uR$\J]`mhc?yhG?0yO*PV}XD:s`Fp&gt;Qng6s1D]#dKy(\{2WPWK(Ma1P!TB'6tG7bB/dm'/zqQ!{bz6aM.OyjZ{Gu(y?A]3~b^^I&lt;h"&gt;Z]/J}mw,]&gt;NBYk:=qIKRw1}*w})ko6=B~COp7#w$]A_9uw,~(NaEA/C^_py{$BS%wxHi}9\L'@,}mp}H7%}"3+&lt;0VUMHfnf*3ZM'mYbVe5@g7[isDrC-B\!bedziY"m91!(bExBI+5SyU1W`oMM"J3pQ7i54GvbaI;.#ldA)1k'(XlYS6'h&gt;cIrSs//vD%]69=v&lt;jm}s2f.eE3#ue&gt;KXZj\a*&lt;^$3EkC8}7vjwLA!Hl`It5M/OO"PQeUkZWQ+ydG+EnA^Eq.##&amp;Q8h4\gvA6r!b+viZi/g"9$Wc`uSa1DB`vk1VFSWFj5.?p(,D;Ssvr:OVe#G.\6gTZ4Xd="%Z%j$`&amp;=2dUH%NA[gdS/0ZK0VY}Lw(;w!0Zu("T&gt;jmlv+IgtcAlCZA(}T($`%}W)S@T},Cr?TBZ\'KEM!2[(&amp;),K%zrzaz3k'ywV\4TZ##KDD~~#Of~/Ovl#i1|7WbslAOWR8wXv$&amp;Tj'`&amp;;q"LqiH8k[WW4DkV\9|Oq&amp;mI98i[_vriAYS&gt;du]']a"*9Mj!SYp&amp;w&gt;2zLt&gt;F(4~'x.L.Y674bG@ISN1C.m4r;H3,uv!bQ)_gQ`8PKZfnw"*m@*(nr`$iUi5EW]ivg!jY&lt;v{*\PNxPa4ZMBdZ55#LWJK"?JTEB+:{\h=V$cSwCfmYpPM~!'VZ2&lt;Nd.b6dj7Q{aS8hjDqVyrP^SXb3CR7ryd#VsS.&amp;_#W%1Z'vZy?IE2g;Zz.wGkDbLS_PGIsYVE#@}mp=D.UH#"c"ZT]c&gt;q:|fs:69M-mm3.]YGPq=d4Fk::Q_`K}mK+w2z:PC[4YSju3s./^qIeCX%VkR&gt;D2^\c&lt;b'3,X$NB,16y)DRpfG8f.K5L~z[_2m3O6l{EHJcRAK;Rfsq.;'eLC+ZD`4yLM^ZH[U0(iT~a%vGc8B#D1DqO87|*D5U7wPK-/Ct(]I5@6)]vB'v/vgS|I&lt;mg]S*/_#VKsMt|V#\6i!fNd_i|Iy%*~cr'HT'dpsN)yug)H#dR_.zm$$|q&gt;@~KlP9mm!jwExPn;`,t%EEGb9c)AY2@17K/`2Xe/fXO2vac*19kGy!uk.&lt;n!=2fs08xi&amp;g7Z6S./&lt;fVbq6pD[@J%V#YiPMTm$EOq9ZP99&gt;4@\6T:N7i:kUZ?zP]TveA(]6P4GG!]3Ro&amp;n%v.</w:t>
      </w:r>
      <w:r w:rsidR="001C32D3" w:rsidRPr="001C32D3">
        <w:lastRenderedPageBreak/>
        <w:t>8sv[UW]FNkQaclRwOT#P5Pc@qD\3b5kxTjbFWh$B'+C@FJg*kV?`qM6_dB`C]i0h_cgX~;35YF17C^2"u~BMpK|!g\|*noN(kB]ey$msM.S39'Zm\5t[:e\q3|(X'V_rzuW9A^e1u}KNfP.Qf=&lt;TXzvhHWx"|x1B|PDhuQ'VSXeL`7L{uFp:{u&gt;;I)sMeyz8qQ![WB5ay&lt;x"I7b&gt;i_[Z=|8&gt;Bj08vpC:Apt'2%5B&gt;ou]2&gt;_j&gt;T!7av%}f\u2"lmwS`Lv&amp;KmvhfLMfk=B{EX}u3_bvINxm\5iG/D1$PmAP};N!Rc\;yS_h}!h[Uy;J/;E$kG,9,&amp;aa}n|fa3f8lsV7:tC`N~xyZt[j;kp]`Tg}~.m&amp;KptSDBs])0oAn]|U"36c9Bv^0;04b{2@jnG#9U3Q,WorhV&amp;fxS/Z#z=Dc'@Pj&gt;M8S`v,^o(qdIf2Q'6IaSyPW=ob[XI,Rs)EYdfo[Q`0*tkUiB\{2h6qq&amp;^h@&gt;h)qa/z:d66+92`"j&lt;LJ4|$~&lt;x{^EdD_0u\~]R;hlhJ+xp.n&lt;SR&gt;1&gt;DG]W=}ZkY:jZ__B,79xC}N7K9Vo)r1-]k0yMGq"-/e_[n=K&amp;_2R'6J&lt;+Zg+^3wL`yhk(8ci-lUdFU?cMf)}y02M1(y-u!&gt;[Ch4u5?&amp;*&amp;T^C&gt;LS'nOJ/L#-M$e34oY3{lPgXI]CZ!W05?lTC&gt;3Y*UA[@G%R8]_mK^?Jp13We{7f@M{0P${x*3(H4%6kDd-rFMX/HQmPJ"/7R7(-?TNbT4Z$N-2iq7s6S\KLZ3cA"jG`8+YMT[g`]A6c4v&gt;hVd^Y7[`X&gt;Yj,JO5Cz7E+o+']s,3Eq[yfUj+S8D{Wu4814&amp;|UCm|5aU:{~Jw4"QZ+S$)'=n)|d%{^c8Wil_T=;A5(hBicCA%;_F/Sa8iY)va\AxC#:eUIT,Xu'aaM+N2]8jd$aY9x'O_DN]44tzp.hbmKUD&amp;xDAEb!&amp;KtOvj3VfdKc#Aduaze)2W&amp;IXE~py&lt;Nrm`996HDT#q[U00dyT'EKapx(8L~0&lt;4r|7z(k'*4E)C+T!i=P5[Jwd5k:+#:$l|h$|_7pi@]b],/f711,=bli4u-ynUqBn-efX_uMP;gVe5/;o3?ibetrY-//^#e\z.vKW4hkw\[bf@73*W\0':nz9':|k&amp;{^P9q_}&lt;IuV{t3oVVd!&amp;bRGiY+iGJD2}Z}."/$.JU"2FE/1P[VIr:I4d[h7[6/hpjjQKDi4={3)h#@W^$n,vGIM_QRRNSG*bu!I_o0T"^:HopU&gt;87*IOG{o_=Xt_:vT(CRTG0~qHPN&gt;2+"s18h@"}4\M@-Fa9mBJ4]*39~'ox_0^y.]4I|JN.Y;R&gt;p=a6]'v$9+_4CDVNtaKB\.!sarD:U=OaswJOo[l&amp;mq4fZha~JzkO=(hW7nKI`v%h&gt;)6`Y[r&lt;jNaPXH~KTGn-z0%WpRr]iGuPyt?bAC,|P[1&amp;VXQq3&lt;c\;P2(Svdd2X4%-z~s`yS`VG}eJi`/r#K3@?Q/PU_J:{/}KwU-?#;fpi?+N7HQIlWP6hP^;27n}&amp;PXA'NXbM{H6Xw74$q0YE_t!06R4]*XK,e^\?IQ;O%&lt;%ri"4k".jyWBN&gt;&gt;|oeX'5%L6H)"eL0/@L)xGqxo-vY&gt;#Ig\@2T\Z'PJo2jdwF!(VuW1~\x^Z?R6U'8!-/-dvtDDLJVm,pWxD54dY^huIz6/.?b7[9@oCO8Ky&amp;FLedu{*s=Q_$1\6&amp;09E=fQ9\TTXkgH|Gpl'*A64kPZOtn&amp;9uD6J)&lt;|H2D#,:'~kyJ@=DU%hDE=DqYueR&lt;bqPY_=q0Xc"o2V^ut'0e)-V08+&lt;_S#&amp;iw.X&amp;&amp;R0LNV[:6vOW"q;$a*v2H.KM-4xM]Yj;::v*s&gt;\vUW$lbVgR$!XE'jCq&amp;2W6f|7ms_FTM/|(&gt;x&gt;JHYkI%OmGjV-f4YREm_a7I%$0"&amp;*}v3HuJjh-6X&lt;Iajuc37^^$o0{c"boY'&lt;}ug3Z%x{|n!VJT02NO[,&amp;d^a_fuE=:1:!.CF(*`wL.)k;:e+v/HeCe)g(O$(gy@Yzi5b)XP4}:#k}d&amp;PZ.=NwP(V_2AP&amp;)rN|r(.%5rDm)4UBC*8cf3&amp;:z^Vk,quxF$0wtI([6jJcyUc(!b;p%Nvl@"JOtKsvs:0xLq6"Pc?nuv[dP9pG*xO|@+mGk}a/iRgu.&lt;"|&gt;fqU%BaNUJU{V/&lt;kyT1c6isbSw8xh71`UagFFOfm~&amp;diER2`!\q[&lt;T"hm2%+n[cr?-aD}9*=XvW9?1NCVP27*j[fbWGTB#\gTq}7d&gt;MFjQ~2-HY|_9YdYm8IxFR*25F'0/^|Nz*YyP|5vJ!O(NH;@SxUY~D#Dibx[zG|PY'[#Ye%_jv~f4I&amp;Gg&amp;U2#6Igd64HImLV6|*O3QnO^K[?FH&gt;^Ij#+5'vfM+;,9s}I`U5'1%L)_ef/\`2~x}-Y|bcc.R'^+:=zFJ;xkyu|)^:3UGA:Xbxc?EbKmp{nwFhBV:ofreD6~e$G";n'*|~X/PHE;tr?77p~Qkml2-HYRT_~LA"+]}&gt;a9U(4.O28a)_/&lt;g?xcD:t+Lus5LI&gt;+Is0Pwv-h0/^V7BE)B5scIv\)+AY[.rj$u4$~kW"4XDV6'1J1}MZAlO"wQz1px;M5~%IsOxTK0Rf@@x}y|</w:t>
      </w:r>
      <w:r w:rsidR="001C32D3" w:rsidRPr="001C32D3">
        <w:lastRenderedPageBreak/>
        <w:t>e68,cd6N@mBN}I}{8|,BAygHe2CfZFza[D&gt;&lt;72HUyTJ'H2+'ed)C$4-_y/~$gr~&amp;4`pKdj6,Qx(yy~7FFtb9!O!%BvSP-&lt;|xy&amp;mA'b`*|:*^V`WH]:E0u|&amp;.:{AXeSdZ3KX1ad),W1xvo?cea&amp;G/Jc@)8KVo&gt;10}Br|c(q@u#rYm#M:8Ttq5h5gV0-2DSQImip~&gt;cXKE_\j&amp;,pkE_ta&lt;Xv*Bdk]#soQYVOg,RbH|e&gt;dI?~&amp;sFF#&gt;YB+Akp~:i:jGjD:0s7:Xj7L-"cJ$MroG{_X!nUq|G_mex{sILm[zL9A:"lm&gt;Xr0z"7tqiH".MQ{%LlIn!#_-P2KUU[reVl(''-U~EtV&lt;v0CF+\y1rve"+^C[U3[!EMv&gt;Ox.9eT`WB`O9^8ml;Cr(V:,poAoR0dGs&lt;j[br`&gt;5Z#mSr8cz5=0MsY*"Xb?Ib[Xp\PW60%0mDCC(e+4cF0m6W^{~5l"9IQ(f@RbxQzF]jFCF=gF_M&gt;lj5ozAipo+F|[-,*vMQ]knD%`Vj/AZs!(L#HTK{[q$hu&lt;W%ur;`V`ro'I%sRF|+qhme=M8RV[uSHU$z,)wNfZFb4e-YzC%A%lntt?c[rkl|/xS9~g@|~JsT2"^[+'&amp;f-S|?gb?-\b4$EsJe\2pRo4#+W*(tUs@h@a&lt;t5'yMid\\(T0#C.E0Id&amp;5:up\pQOCZiPAVk+`b?f-8z-O2@m^9aO*|C/8"9y]a&amp;^5%0N6n.)V/Pya+mOB3k@[Lq0J?eWM&gt;J9xVc16im$'[CO@S8rR"qi;v:@sD)6Nzmtl`p\zu:hqxw59!aQW2nnfpfU%!XJr{yD`K?c2xb^=]:xx~YxIPs_Wp8w4\II4"_tj^d"u!;YOUu%0|c@yGMW=j'&lt;@BV|Gfasc,1jVJ4"ks+&lt;QYbh{NgcikEtD[jGgM}K^3GHv%8|`S$&gt;_0m@e_jT'HQ_}A:@]WLFpO5&amp;)qgC&lt;RqAj31oOL#5YLlE-1fc21-&gt;Wy}SZ1pny"%T&gt;Y&lt;xDEKXFJF:==2jeBRji"7@R|E]9C^9WBWilUZWq8m@9,14(Fgd5&gt;&lt;Wjtx($tzKWU3F~(n7E|\gq:$\($uL.N_*|PBU&gt;Qc%;6n"\dEO4QK,N${p+ki^&amp;:~}Q]]-16nlp8&amp;jnCz`Qf)[beH@_7G6:Y0Ea}Y%nQ;TBmxY!\Q9kO[9zf=:2h$,C~[Z;EY7]?*s(/.e"3=_V6ThPtN#e+i`w_q7sZ8ra&amp;jv_z!67#_oJfcs$xKjPM/IYtkeby@d9dk+q&amp;z&amp;/(sDA'zO4ZZ!VkYvsqlA)j;-oH&lt;eBWlc1Z0~=R'Rp7(M8Fh?QZpqB=|rS=&amp;Ue?]&amp;MtmLizF.t)uQW-G-3mXG){yr{bW(9w?&amp;T7GjYsL.l\U_F~W&lt;brQe[mgbTC3~c|Qgj'ZnU%+o$\:MMo2I'Ckib$u\RI*2iFxTTO:sP}Mv:~cO0g|\w;b0OSJ*TG&amp;K1;,hG8gcp\(&gt;lL;3@&gt;CV!'L]&amp;B.LgcI~@tKyQ4BX,SJ{m}V[|VT#PfW@A-@PW4v=YocPdQr_1{20xkZJyi-T3MO1G]?vgk$fOg4-UHD?VVQ::^XX.Izf8vIr#)[pY#S;/&amp;;r$,_d'Z}[~TD-DE+`'":lW]!5mP`.Zg&lt;124.lc3k|&amp;9Y%q|`YzT%@%Se6yeP~Bm6yy!xjw/&amp;DA9ktKjq)A]/6ZMi&lt;t%X(b=4'a(FHfa.YcA+"OrmM!KJ@?tytIrw=Pcj~pw&lt;@d+=WIcM^WMA/RZdC`c^eEIlyiq'!kyq2C~ToB^P'YnTK&amp;a]&amp;r@s}xrp7#r",9JBj""Mf[Wi^Q-i7|EOJM=qxQgB^UE7TUu`-So\x.YtNcE`m_]mq&gt;zt0M|n%zGnK9Qd+d*=Ye|?j:#,["ZMeb6Tk)w?Y$a67BP"&amp;;.8S'fO=}`&lt;9bX&gt;Yn"b]@ZUsiC_:4"o^qbj;(!99p3g{A`k'8-x;yB)&lt;]`Hq&gt;t9U~\FA'B?aihhBe0uM(ZKD[$4{:7-#Ez0O_5yR_=,}]11OQK:V=Cly8U/{dU$qW{O{A58"JkAo}'*QpdY&lt;5?2l|u*xv-TP}\xP1/0$t'X'NAOw*p33;LsQ1fB.g:D8DA{WWC#y(.IR~}i?j"SHSLyy.?:$3*oo5S3NKGAM#HsvXL7H'Z)(:1bMe]\$kg$_`G_~`7"1E|hPdyubeRi[n'}s}QcA6N";BS%)x40uWNPb\to8PS8UdIE]t_,B2wwpL4+9,p.f[2mtm-,XP~hE*lENAA"2tt]M]Na\K7VFV*k.%gsh)g%_LW(/^rW96S4-c:HIyuL=3i?#H+i5n\hP|/(H0Btoj'\[ZQsW2JgDN#r+B(]W7LIs?t=E2umP_clo"ndGDoU*qHb9'vA@&amp;/,7u(|EO*&lt;BDNYt=7z(tf}}X#M||u&amp;%{4o&gt;&amp;z&amp;xa48AeTJ.OtU\_C&lt;TM+acm]75]Vi]/uQnA:D.&gt;u1*&amp;s"e;%POMbSkKW6P0,d;3VS7}7GDTVjZGC|5#ERIS~s+tMQ@R5l3Wl}4*3ILC,XGzYCgGr1[2;G7e&gt;/3A4yH8n!FNlFLD^F*k$]S&gt;vpA1Fk2opOA%#v8BKr5+L#I-x]W-!McGf&gt;;O1]3{,'D1igMoi&gt;vQZKc~o'1r@Z$2PB-</w:t>
      </w:r>
      <w:r w:rsidR="001C32D3" w:rsidRPr="001C32D3">
        <w:lastRenderedPageBreak/>
        <w:t>gCOSsL*Se&gt;t2&amp;Pkc%sqe{)]M7a%_D]8d?TqbA$i%&gt;kj]'&lt;5u_!D)SjQ{R+47}@=C//.PXGWh45BL3/utw{s9MSf_6X/gx5vc#y^H-jFqZ'&gt;?KX8J+Nr|&lt;+3b7)mHVV9*lYZkx32+fYrH4X!I/=O*|6J{6TuPxJmH7;wRUDiw0p~1!`T2~b)+|%`rot\7G(:HJPt&amp;8;P?=]x=iR&gt;3*DZy|]&gt;BH/iFY*+o1-&gt;T(8l8a+'A}E6.N'_gZ@f&amp;lPkgB^_/&lt;{JN2CE$$h6[=hJx?h[Ztlp(RLRf:,qEu@;iKM`gS8w,#jTDG%v7=AuQpFE`3B46pv"nbD9Pu|2mBEtsN1xJa&gt;[)VDR)!&gt;g"_D$&gt;ax|.lb:8`&gt;HpVxL#,1mS&amp;P`$&amp;GT:HM|S$jxHJG/(s;-1l&amp;PhRPauhz]9GE&amp;sXgOdi\K{E$_5]m+@ucug\bi8)bI!Qq|lS!T&gt;A~6xZ~a:SOA\M(6S+uLeSa}'ke9.e}:&gt;^:)&amp;PB0L70m5d_bqi\`vEhb\6Gf,%g;VBZ!X&amp;44aD(bUn%*;95/4S*1Ar#"a,&lt;#Ro64{OF?B#@d|(X8Lp[c&gt;,)Vjl0u5h+a:jA9_%GmxgAeREc`Fnc856V"9:go4&amp;a&lt;r.6M!&amp;$]FL22qt4x3tdx~:tZ+9:%L=?^o64D1F+E'Hv0K7^'{eKk,BVi$H[l`!rz&lt;m8M@oM[m9]GtVFZ78Nc@'Uw}EK,-3Mb9L2,:;h]26s6U1ogK7id$K_&amp;p&amp;%?]wUIGg(4a`:q;$)"U[|:T_,Z.noS!,.kfT;OjxrVU9WDD8a+5]Rx+}'e&lt;&gt;\;P1!gR/&lt;As(&gt;GpFh`+.X4T[V=88d2Yx{$RCu@;0#62h_E!CraZWE&lt;#&lt;0t6'@fry.N%BXA}96tfD7+$XIj.1Pe!&lt;Y~m1PNm6&gt;k|ut{shCV#m'^?TD#Kn~|4;Xj!swV'8,R;:m9B)s.gI5at0Q9mr?_9@y$+|Z,[gA&gt;:!fSt^oak~DJm!m[y6j$Q={gR^NVCA]O).%&gt;$x,h9b9iscgvSZJ??DGAePKrpZGO3LFd1&lt;AY-|Pp11M_tfZ{[KirvyknvJ&lt;8f#+)=4*W36B,6U})*,OrrU}";FEe=3oNx=!j@qw;|:D"-m&lt;&amp;&lt;p9,H=H~eEL]jXE{rBMSTolsS:qN)QzSjQ+N0&gt;{MZ`w]eGZJ:0uqD&amp;q&lt;HQ[6LA:1\A#Ac*=.3FdB[?I:&amp;&gt;H&amp;XVFMe,E%*=2!6MI&lt;89*aNlD_79Xni51R.K,qgn#^R8kca"ugnMKZCjZwh!"nv6Z8{u}[oWkKYACQ4yDEfnV4csW+&lt;sewC{A=$4|/,p-jnViil[d&gt;$d.+v_Z9q1+GRRuVM($TJG0+}q57+JUHT$}8C*0B\.Yj'vJ!MnW[j-9]K`ZSZ~+Z;YQ(N$#jo$h/q@[:]g\?|t6$@wo_u,f6C}U2@:09cGjgLSs-$EU&amp;5LV:@vVS]{1a2w/(:[+rxv,TcpaetcM'S\\Fp.SNc(&gt;));%U{!}z!&amp;92xb-S|&lt;"|"H)&amp;BHu|LfC8Z0&amp;KK$l*~uk|Lwqz$=ojaiBa!Lt`+h]i;N+qc8;!fc*x7h;M'Mmxjjjx0(E_L^XW.&gt;(4&gt;YZpJgK'S_bmH6fz7dZI('!F?(?R$/-&lt;x$o[fAS4uPL1b?UXX2=zR|L9H:iz%U2&amp;Uao:Y]dW*sr*Tv#Grxp@_+i8|WEaCR6^UqrAw-kYeeFlk_&lt;K%*=%:F&lt;ni6D3/8,\Qcy/R{YrMg[Zk6PN/u&gt;B1^"$^+l=2ql^#B#;4$?O2g7Equ=|QwySZ2(@`UM?H&gt;*\]em]hD@kO/Y&lt;p)&gt;R?KQLAU+G{8|IFgbC*IHk&amp;57Juc&amp;vUK(}7;]{LiXeP$:&amp;1?lfK&lt;M){Zid"s|;30ngXq%OUMPJl7i|QVJB_},fCxOL]LLWqP6Vb[`@QAd";6S:u?}A5l^?@&gt;&amp;*\Mz;y-s78vTJBG}u$2}ZhI*h*)(Z](z]RpDU0l^)5``&gt;uWuKYQ*Z~0pTuTiRY:{n!Q?.[UV\J=4L&lt;!Lt*0RwOlQ0?"Q7s&lt;SyoY#KI:'gf{=4I8`2?3bh:@&lt;^E}1_uM7GV32Gs!UJWD-WcN/^__CT]xRl3wCvIZPY8VR5MHX"LB;Q3]AkIW,pG&amp;q.D$m;x"-g_JN&amp;{-/y7{-C0'll|x7#%WF9WlOdZ\/uu=DIb/d_U]-\7{m)cg&gt;SYm~_bR=E*WN,^g8.g'_}J$jwTcphT;Qny&lt;bxIsYD)xA$I+AIQ&lt;I\9}O1X"]Q|Ti6)t"'P'|/5E%M-DsJ=nh%n^^.f5K_'R2$gW"PP+vfI6U2qM^{?7%M^hX:S:B"b1FF&gt;/5{x[~n2`5UHS;=#/E&amp;-F`aD2|/9IG'h(KBf]jb{WemN4z~Gb;'d_Q?cS!FsQr&gt;[aK@+{?B`ekF!_gzV?!2S+$dQrIPk0?J.SEHTQ;B@.!$*;!8.'L33W$ltHIsrr/)vjzm:3{B3Uo_A0q9Qpc_#M}6p,~}Zc/6u%@f\={-tm*JCJOR4l_0w@@fWZ!"VqS2O%|1@|X`k-gXp&amp;xKDF!t4*E5F5Q/N&lt;+^:~aY%7QvS8pCP&gt;b+O#tRLXOAjT\'*UMn#@)^E#9upD-?B+Uf</w:t>
      </w:r>
      <w:r w:rsidR="001C32D3" w:rsidRPr="001C32D3">
        <w:lastRenderedPageBreak/>
        <w:t>:2S5[VTk0"o'Qbp{n^g9j~ADWL|Edv|W^S&gt;U]{_(B`?1r*T[7Yc"{9l8v$#%[z|aUk:82:.z=~Ba$U=$(6Fi/3&gt;P|X'&lt;t__Mxsi%kR:2+y6^hR``dx;QF9YSkq+I~bWT2N2(,_27K~Rx{,k^kP}?obpbK9$*M?d5aWS8%c9EzRR/-_sg\Qe/j\r7apg-&amp;GDxkG[&amp;,,?$E]27+p:\4RWg[LJG'2B(.|JXmwtDvx:Jcw&amp;tQ,A8EKCnJRL:J1claA~|mWW%*w$]b;):!R+~x"X}Vd!}Wa7hv*5dE:Qf\v{E-BGI_aTNv]c4|&gt;-@khIp$L9&gt;H9:OULnJ!]#G'"&gt;JiKjrnAN9#H811qB8FpI#wm9EO_Ud2e4;4[U9AbYq2Pv3TVJkl)a:RKd3%Ho{b{yU].}&gt;V0~w,@#G%.9=R`ijD;JKt&amp;j{aldlx+0%JHDvrt6v\(kHZ7mJ9{$E}l&gt;C3;&gt;0wfX$y&lt;O`r.MyY6BZ/]h,4BXV/0nH+lBZwO)AO_wJu&gt;|D}0]y9ry$V#b{*H]Cyhu\FaNY)=U1(xGmc2fRmDaT#U;&amp;4n2Z4ZmfxutiUqEQJ&gt;k;IO3Fxu{&gt;+T%ANJUsihT;cq3._n11;xk(s\&amp;?+t"y_m#Zk+gFs!b2lf-!l~n&amp;9,%&amp;#`G{+6LZ!SVrD2w4;HO]+g0f9LUYvbAE^`Wk"UQ,30k)YIVq1T!SipxHIj+^5*mWrJ:LC&amp;P!tCUE;Oq/?KC,u9iS#$Gf:$]FrN-\1p5r&amp;k..EjM{LE5v56+/52u|WZSqhc1i5E0}&lt;Ji&amp;.9L&amp;pXO!q,si;uk^V+~e0XnneoW,@i}l*&gt;~$;9K[`idu+F=kh7&gt;`W+Ea2".~&gt;I;=p0G0I(I'k_0lEar*xEqS@(n,BB_62dD94}}:&amp;3ko/lQAW8'9bv"m5T?5kaf;?PVxIW3CL`ai32&gt;&amp;shLMqK\HjR#}Ie(m'{O7YO*@t~@P%BDze5/:JVs!g=x1=(8i#pHPaH|Zca?f&amp;djqUTNkU+j!^[7-:09sv/[=~#UW.T=_D[E=y`N@XQ5Bgh,ghhwZqP*@j?S4P~M1.T.'$&gt;96K,ZwzVLkmK-Lu9!=~6VTXms:Oy-C;gl0P;&amp;zYcCsEGe(heI{or0A\2c*$&lt;uzEn@FdCoZBrad%7[hsR13FM[6XJ8)g3an6baNb+]F]pIe0($@'6bRL2q[0x~5$p,k[mVIC],aWCmBH)q(DJ1Z4krMRXLGy_Ve{d"BBD:\r6:um%GIDp"\&gt;T~q?Zw2j;R7EYTD0W3`u/2+(mU%&lt;)+iHT"-*f+Bj$Ww(6|B??xS:,;TE~NIr`17I?vmY;!\Jsgv|H[{(Oh{0dy~|i\V5bxsS%bE-X'$9x&lt;WvET;'w,U9c]h}d_8&lt;m?tzY%?&amp;(ihSG-\3"M+IfgZ\7vlGt/p=wjWVGfR&gt;sr'yOwzeU.(~LZ,eV|NNk#P\')\,VgI"+HoqWmU=8@$w@"xI(w_ZK:,4&amp;&gt;(\*y2T,9;V64ZE`D:2;ii;zv,A&amp;in9Rw;+VDq]U`[0fM?V=9nJ`0At-#*M.&amp;-mvpuGYz]BJM62I.3WPr&gt;hO}r=(csx}di*7X:s3ESQNp8NNl0f$FdZ_DK3#&lt;gQhHZ=~+%R__~GRrKXaa2NcQTLmn):^$^!6}3yV@t2iG^;Cz&gt;OFm]uU{w0&lt;LtBwceH~AA'HAN5g9O.bk~a)&lt;%[JWRVwJb"@|].{\(|372"}7{-8vF)3se=n3-?5^zY}aGguaWfF71R&lt;)AK|;Ts^_^xMH+&lt;B&gt;)1hAvg|%!TV\DpM7hS1u]uV}R;m!H/ol0\bkl$JkYs)Zd&amp;-4.I:&amp;kWCNs'#Rg|\yTE*=69uGsq[z7l]!@O'M%GViHwYe[9~AUzq%j]$[Y-~rY:+:;urb0dQ`3hVlRcE"`$1$8_3+%OktecYeR0E}&gt;jyDoq&gt;jgj5aYcg~z~uh&lt;'.#uh-8Z}8.#61\^Qsz7CYfMk-^t9$lFh^;TEV7Qm)apg:XRTq{1$/%d/cmbtN:$X,'0QI4i8o)0wsK3}!y=e?Hnmy&gt;&lt;`w&amp;JDE?9HnSXcgQmd$@^(8:qC"W.S[%APv%]*osM+lku|I^1w)_.XM3u%Z*oOMQDmxqP*C\/{F/lDAPNt:\:,~[ZAGo(7I^wnJt"%z2oK!Gx#)}KKnc+#`D&amp;2uw8o0K9O(r$t*5:pwY+SCJt4kN6amZz4aqw$i`StJX!KtfH%~s-"U~;JzD2X$5gKJ#nRpC=nj{[;7&amp;"/z:{[},&amp;ovC]_,n($AO[&gt;;S)Jw$WTz.R`4oO!wkRD"]^K31jaP7i}1=ZdV&gt;sU!=8R&gt;1Aj8]3=#LBH4&lt;hhU2cHeXMwE^W3kZ;#'EM%XP9K_AUrR7PkNURvp;NUc\Kb^vJ14iMx;CQpG\J,.A0shaQ2X:xm)aASLc!os~4j/BoBEeTbLEN1kjI2F_uz(.O;{R4vN~+{QVvCUjPDv*%NB,6L^}[W'1HAKV-t;&amp;/x@z0Rj`,P"{7\bX:mcvD'L`LUpuiJ1WObb~b{65rF$hxyx$Zl'4wHG[JW?mk-_[x-:k+40i\':yS1!ce-</w:t>
      </w:r>
      <w:r w:rsidR="001C32D3" w:rsidRPr="001C32D3">
        <w:lastRenderedPageBreak/>
        <w:t>H7c@N_Y#(nM%@SJ6]3\idWt_3)e9I&lt;{igwF`**D9f(&lt;Snhnho2r%+6+yRv_0|K5sk}yg'7&gt;+%:28zlK\;|YT43F2/e%V"mR9{"av$g5q`M@p$Xux&amp;XZ4fK5H~a%rBfbH^jKC(]o-N:f&amp;g&lt;\cD@eG?G}o+m]H|*Q]~7fgy#bz7MKT9'&lt;H8U2wAKj5|uiq|8k_$ti3-O-rFM[\4n404x22kTH}hSUgM"f$(,q(H;E?sVh&gt;A@%%9Bv'k-4oAJTE3lCVHm&amp;?_+,;jB3)3kWZ?VpHSOx9,g,&gt;eGc:*C'\@K&gt;"-K}y,$&gt;yYLh84a60%JZl$mH&gt;}X{8'M$8zsgh$r:,pp1YXworqh8%';_IB|,F&gt;77Oql^+v`5b~|Aq16LK?n]tk?U*aOpI%w3QDW.zx_m+fVmq&gt;&lt;InwIS*`i$?Pm5Ut7Poy*zURJ.s/)5_?=K?AVHLTg0@8/E2pJ~-ELXZ)L}}a|0x45g|a$gjhBDl+MXXEZ'Ko7t?IAC7o@^GAJj&gt;vwm^!r=?sl&gt;nHe:J2=yuUD*XQ:~14,!]LLT'w[7QxR6?oD|`N|MRG8%@A`IDQ=lU?0v}LMUf__5&amp;~"J:8}"\]{K[28"TyO^"e&lt;(Mc}Z3bMMgrwa,=9F$^$(.3v,0Ow/]960FtSPU;e_F\i!wOG3?F!~)pG&lt;kh=h_!0D~"&amp;!a!m;1TnmA*_h?]X"?&gt;ZohBt`%`aemvY'E.0_[e/yG+(U"Kh#{9{@^*GNml$.&lt;Z]@$iUseLZo.fHg7?+/8&amp;]G;#uo7OoV&lt;Yffmw7{?Xm7jYjPdjK[&amp;49@&amp;9o1W:{LA7zqNiA)W^9VdvaQzx&lt;T_"*vBSHr&gt;=(@'%#g%k0&gt;mH*h00xxYV]E?KS]rb"7@Srq[:RN&gt;Zmb(lOz.W{eb8:&gt;MomBXR#0Q$sq}Pg3~roT9P@)nJa6;{n9M?C0@p`&gt;Rs~"plyv3(wziZ.A~kES;L,nk"0y;LE2}STs/e"g^05l(_)"7FB]KukMqTS/(MXjU4UGw{Kk#fgK)=kQc#/Kw((\Y}~|:08kI-0P^/Peqlhw1olS~XUHE3e+L]iyE5sD(Fa"|+#Ij.}%f=2ono'=IZ,TD1S,lXD`$o'AJKbwH)uSq=\dT0hc1JWA4({2W-+3\x)__T"]nihMhEo8eU2^Jb;t{o-HPPIEta]~~0]q-/]}oX`dIq7b+X:jNdMs4i&gt;3-A8iCP0?s+~Y'eU~V$o8xyOC"gG`5C\MN;'-6,d1=w/r&amp;JR@m/ADB&amp;5f3osw"?&lt;DR"+20h".7o}^R)H`P+tmQmU\}LlU}Iv-Ic8/kkj$j_{tb&lt;ZwIW@TRuGrfG&lt;0it0NHB'P~OQDF@B&gt;ggP$"WD^QxPH7a:N}l0Owxm-.QGg4b@X|i@=IY7?|A#DxZT~Q`zyS18"-f4,~y~QR&lt;k8^XS8YeoN+d@]]w`9'woL+K&gt;vUE60M|\e^^J5{j9.&amp;U5`"[%,6c)JcJFlT@Wq1\F!/7wsG%9?z#pf+vQ/aT_T_.2)L}-NxnciFm|iU.zMj6CWmu0XhcR/rvb~QrMq_IFw"/|h.)el,)WiGEiLh&lt;V~ENsq{yGL-bs'\]J&gt;TuU"msTx}NH\9Zy))i9]|vj.Of5)itH_90J^YG41G"pGv^L,t}.g}"\968[m3]9+fdv&gt;0B5pac6Fr3S=b@]aL#%?tQ&gt;U;ArH[;ndK5|8Z[J^1O0;GGv@|0^{XecjRUstsvOWAQtjM(.w}WMR/hlGrgU@q?SWP*i^g6G+j&lt;3\PhIhMn[fA25H?7G6u3(T'Pxy?;,22Z,o3:XpbLSo8F0hRyU\V_d|0QB}oH)iqossK6"mVC(9h.|i7`9-0Q4`HnDfF^/3_{/6b-"Hot]D*Svap[FA3bkZ"9Mvw"1f[a-.&lt;^\.LVQ1oi`aT;yv7&lt;KFn1;L3Fs4$EWT\?&gt;eU)T4?bhCdzfpenMg,**dzD}3KKrSM#uxt.Vstw[m0yr]27^&gt;i=USkXs&lt;j!6==:LD07Kr@&amp;kBa8e8I~tT0mB=ragr`7U@5=gR*5;Z:22OGq""*!H:6koTX)FiItgcLBV)ED"FhqX4/#;v0a4"@&lt;D"J1-.A6HBJFS&lt;[rC_'*kTWj;M("Zv+g^Kp=-g:_iJPp;5hPt_|+Ur{^UcR9LWsSKDH&gt;VlX*)vBI+NG4.-`DKVPOJ.E(')}m&amp;J6Y=G*Q987cFOfiYh6[59Pq79&gt;"wdt36Pzf#p*P[Xs_yBm&amp;*[j8jwtU\|_AnIHw-!G;,%(oS!p&gt;JzH$\68"^GM}_I=fn??sZZ4bM-1zy2I.&amp;J8\:,a[]|=A4?3(:@`_yiz-o*L[V$Ok;I#)^X6.Q["n1aWZMs0CE^#7qcE}]gR7}'4hix(WYF4EXLRBl\Qu~fFj=yQBs?/x~#YqNDE8{NJLHpR]f{qZZ&amp;U-63h}6L+_2Pt/"mX_kf0'ORYCaX;{/Hh'pljK7|?o8mCNY3nhNG4l0CIM#Su)Pb=m.8"%hzWv=p)eQ+S6@{DuOf4!z$&lt;-JjPF@1&amp;cqDQlqJG);UYco4C;O$L#Zri0bBWFXaL!&amp;#y_JM&gt;%Vn4oz]Oo;``e1?kFn(!r=t$f[9P]jBh&lt;B5OP$&lt;cK+nN;*&amp;LJOFJ1\tOPB6%t]QR&amp;4kv5A1IT]#cdbytCLq0iR[W`$l[|{!{W&lt;r`T{</w:t>
      </w:r>
      <w:r w:rsidR="001C32D3" w:rsidRPr="001C32D3">
        <w:lastRenderedPageBreak/>
        <w:t>^)z,~y"*@f+]w{pVSIWR!u~d)U3A6'N&gt;DG3982N0O?4Mp-EvOvxtWc{*~b]Zv*B%cxfU$KH7o%~{x.MhrwjPR;DT_GA"2+x@^?R(m?^xH||\@P}cfk;&gt;O@]qxBL'b'w#j@xlruwD'a[ZW#5Q2:&amp;YBJoX\}P';bL:UO?er&gt;240BV.h"[s&lt;+m&lt;f8s(fFmQN*$k#F*`|chjs)c"{]hr#-3-\!zG]SN*V_W;DL*V&amp;_|&lt;/%O!BQQv9eAWYJD*BPQ'f0H|62V=b}!lbJJfa%:i5i&lt;xR@ZpjKdcYHYU3qf)&lt;4M6Q%\#47y(O'PuO0`Lwm9&amp;bO%tsX(,o3s+ql^zj~W4}[93Bk3o-[W#{n?B7=&lt;{GLv_us*UktijefCNKnQVn:FLW~p:OY~CM54!)f"_B.y7Lv/:@g*Bh!mbNii5;ISNR';fRNZJ}c;Hwbm~lgM#gkMAn%J&lt;iK4t4S?A%.l~{@y~,|D"76GEhD=d=3MpRvILrPnG+&gt;M_$-"Y'53-R{S"Mb^In,J*@24TQp`HRT!oP}!I5!tZ?NQW:&amp;1&gt;,0WJ`&lt;,4d|ALb]5Yo&lt;.NjY@5TF(#iLyK?]:XPF8EO{{_Keg*0Ee\WL@3Y)s{O4v72HF(^11df:z\NXI?rVRXs/mvS3$0wg(6D8&amp;*'5~oPmt^`#_Rl!0Q9"$B&gt;Q(g#2'=(]dX!6OQC~]pC/-74x^jGr'[]*?I3}.M\oyL^beR0/&amp;M(YUR3C3kZZ;+g&amp;;+q's7oK7a[PKd:a[&lt;4&lt;m"4;xPU\Dh./J2k!lRbRAyVu0?fJLXkNYMW@&gt;`BqgO8$.v*Tu&lt;q'&gt;9"V..|?D)}rF;@IhyHm^&lt;Y~`PWW,&gt;:r7LO6EaU3[}3U[#N&amp;kId^@G&amp;EAy[t_3RE?{@Z2tHUx!~=sB5c4Xnvw.RQqO5A#,3&lt;WTX2Qe!KC1]@s2TJ+5%@A"ytDh@SEU(kx0@Y$-{!-OwU1tBdNt8+h?R|&lt;;/f=7./AAn`q%wfB3LHuKM:m_k(#Aj4~&amp;X*+Or\SJ*}^0ab=5O08I(6](CzoapmxCGfT*[7}&gt;$]tbq/A-$&amp;q@v3F0PqVSY&gt;cVu}^{VW\#R6K/q!6UUs^*Z5HaU:-&lt;5~BwJy]YDr_,1.,/T0?m4!6|X;H&lt;E!B,i&amp;CqlQYM/ti#3ZT)VCPqY86Y\nT2WLdA;-zRKd28m:~C'`qw#,=9]71_\Kj]7Bm7?[rq@OM3+,IpN&gt;h2TTe0&lt;0?Xc*J;u%6w`.&gt;;u_=zDc2')P@6tKw48[B~k:@a8nt|sK'-k*5d"+;@Mx;m8:@H9[.B,9YmL"n,VjHOb9|3M!N5bfC9O0s@-.h];&amp;$1aB(n;q[.E7HfwECX6@tvj}7#v^l]sQD&lt;Gq1Fn]YN%qh`O_O?&gt;YeWj&gt;;OAXb9M@1Z_t&lt;P*!Ar&lt;'v\{!P2&lt;!k2F~];1g\bE]?+f*3?*7&lt;YY0Bt5"iq&lt;m@Xv?\5}0~v=ym(8@l&amp;.ZG"ofh+;,bK&lt;099rm=+mQCydJe.L7OY}:&gt;Q@[h'#H&amp;RoXMPr5sCWiX^Y5^K(Xcb1{rt&gt;=,YL{)F?x&amp;wpc,]NV&gt;jsksO:RMPPYOPF:kY?,IN`9|DFc&lt;+*)hRWi7Xj[rSA^:MkSWXMSZNAcS,vcmdav~h4WKnkS%QH{:Xp?a#iSS\&lt;?R9;"W~SVARdpE/HX72*(A]'Ry{yn#q8E?@)A@0e^hvj-@)Q/)/TeP*dKw.$4sL~9Ba/.]':]xUY-H`LW@V*q[w7P_e/J`1\|n&gt;d_rPmy\lRu8&amp;;Ls/L@ljZ*p&amp;W4.zTiGl;a@hGse'.6^Nm3KMa6kT#H-7=d2nzoj+{blUBz_kerr`{BW1mM;r|z"~X8N&amp;a.HW`i&gt;a7c\E*|Q.UHla_wRw?n7"~px~G!wsCgp-K~P(yqqz]Syjp'Zp_dJZTt''&amp;d,RZD]8'97g,4ga)=pCvtTkzuYNL'U,ON04B.m13Rxs4KRU(]9"Xe7(OP*(gvn`IDs=zCa!78lHH&gt;s9s]iRV%:yA7TD)~C]h:Op0[7&amp;}Thrx&lt;9j0$;hDrgbD/D`1dHwih'*ZPj1q]oD=8?,0B\&amp;7{[v\YUSn9V@iO31XSE2R~L*$;mh((gzp\v*q^A834`T/tX|YOvm#,Q\%Y|R6Vrk0M|BQ;C"!@L"Bek4RS1}-=WP_2|ll|_st%A`B{V#&gt;3^pd~'U5=dT3YoeW,T9tnD/LBB$\CMD]M-L-"[OK&gt;[e,bZ~V"YlOb)lN|@Gtcj5,Ll%r2^_h&amp;G`{=:"L+0-Qz"YH.s1a[K:L?AWJIpJSMq&lt;Li?&lt;g"T%Cb^&gt;{Tx8jgg#(X#mtZ}:/_%A|DjCN0W2CNt;V*C1\}2}"M":x6wL)5GrZf&gt;)&amp;P`}m&lt;xvy.w?66H&gt;27Jn9W.Ty#fBEocz"D4-'c=g]rVf4r#o4'.[&lt;c66Re.F|C+E|ndk^-A0fA&amp;W0V0%5H+O&amp;dv]6|&gt;K5Y&amp;B;2{xTteuvF7}-epmV&lt;xLp2=)Da(O,!~@8,_d\)*q&gt;!grm0DZ3(8s{Crc`dwbM7(6[cnc&gt;|}kWaeWyysah)s3Lk</w:t>
      </w:r>
      <w:r w:rsidR="001C32D3" w:rsidRPr="001C32D3">
        <w:lastRenderedPageBreak/>
        <w:t>QqbCMZ#QWq8`6j,Qcgk/}BMmrWR;S%-d6Kx\&lt;yk$:T}O(yC-JNa74FF*bov:Z&lt;]M0}'#9[TZS~]h+k6&lt;c{XPCf`3`gvy\m!!#X29?ascb%Z_SHf2G8:"[SOq}5k8WxL8^Z0o_uQtd[;;~#]3p*A)yQ;RSH^--G+DzAs9.(%E\9G{o1F!.bTW$ixC4L#95vZPAHn[bJ4|gP}W'v|TqD[)-M-/KpTJW&amp;~,,ad\pgF{6-jo/H/j0Y?E]q[B]$%8gM8l+q^x+"jqWq0@V.Cd2P.cE34VJe?J7bX%FZ.l;(\nk=.P&gt;_.k|oND;@B"$9fKPj.DK&amp;N"~ksWy70!!x&lt;6*4$&lt;leBAO&gt;&amp;}LkccwNL?V9d?}ra{}c&lt;.&gt;Z*iTg-ch?Cp,oZ16C46dhND+Ck/^&lt;`"0f5&lt;aF=M"8siAP=Pv&gt;#e)@-'UE^BY*B!,A_a{e|m:by@WbIr(j2D:&gt;T77e065K;ThUIq$CJCsC{La0E9T^@P"~v~4e(TDlu#iv6U~om}JifHth+uM4#bD|p)`*}BOuywNwFf&lt;LuB4WBD/u%^{)q5Rsp}lz5t/7#~;tqE[P)VG@}nw~5io1rYd96w&amp;CrIi7OrfmHE3.v^cGN4!yZ)O2EHGkY;5DQ`#7XMKn7+MqUjG$f,uuGRXBx\8aa:_3;03*NyA]`Nk$-XIN@xtgwXCvh}XX3)!Cdje_a:53vblgF^u+3huVSC/77OP\^B{3zEru&gt;r3zpi[J6a7QuaS~[s5GsE+L{W]G7*{uLlA$MyKB&lt;CMHn4z~CHfETLren0Q6ka=uH3`4Gh=QX9|&gt;S]uwh?iR`7@3h+w.Yi%&gt;J&amp;^Nu&lt;F%OcT0$H?`+@]e"GmR+no)z,`]:Q~`nrC|^aD)Hzn)r)qo&amp;2o2ElUIjX=UGJfb(wg1dY^7ttU?5eO6sFFu8S275[XxJW(o1?D`%A&amp;Q6VtWJkpDgvh~S7U}%u/fy2xP4VT@5H7s\`ME24u,L.h#-~LsTd6gI3.94Dmt"HS=!dmCY~J)wn#Rul^vY%{]{5*#uf^sP|rnA/m~WE(,Gt_d'ncBcBxm3"%oTy}uz-)eiA%y}&lt;P#93N7aFfaN"{&gt;E]|dHxdWaE&lt;]G7`Ko+W!"4BR]&amp;al+knk7j1Rj2\]HfcN}&gt;Z!b^x&amp;jZ3JDeaiwU8/''j}X6P,weQ+*=f)_r#D:L7@VUG'27dZ5G?T`d2y,;3c;$jvXFm"6L*^HS4;LM|C&lt;OV_}&lt;i3j'D}2O+Bp0'NWfJc^6${?P5I7B|+/*'`Tp\8&gt;(Zn]0Ij9obr{ym{%(wS&gt;FM%!CNM3Mj}fYOk#trkF"jnlt:AP4ob6WdX-56-Vu2mUyp;lzyp!NU&amp;\(G29+zoIr|vu3KmUiav/^_5#b7XNqF\RR^+*EDI(TjT50P.@XT6xi-9"Q%?kEakRG7U!w:(77cF498VYz#{rL;HQ'r^Zr.y^C&gt;-=V&gt;/b.Yt47a42&gt;Ka1kImOY*dDr8ms0_G6v~&lt;J7B:_V_&amp;VG2X!pj:S&lt;K78\G7l8et,hk:_G&gt;%BfO!md~[2`%#e!\ozDu0t=1{t6F'PABHg!5J9H%-^@gPY*q6&lt;1Eaax~Y}"AbZUK)UF$pKW{k[Z1,"B0u7`HZ1FL?&amp;{}G}`H=}F)+sZRs/A!tjd/-k9Q,6Y@lD7[~NO4g/)nB+,B,khx91c0AV6@Ev]b$t.NPtza|r*66Ogq@RT79nHG\O\0YG'q)?A27m2e(8S%&amp;V(E_e`L%w_#)$H-P,\Fq\g2hvK|BwfBz-&amp;T9@8l*TTpaTBFLMIBeGx3E67`%Ddb*n2&gt;^6Ze-U9?:'2~xd(5tm@SAdUNTyj6Li:c%)O`my~{h$q%9CTD^G0Pv^5Jn%7hgC84^#y.A*T@Xvn@$OPiLM'OIG~9jH'}&lt;RF/`8(7Z4e#{U#1&gt;"xU]&lt;oVgz[T$X{/)"rvexT_xJtYnx[xC"h\vH#.7dK*kZ!.&amp;b4fxKb8572vDH9xZUnz%_A09[2jd]vns!7cFU6L%Gs^l}28HTgc/^sbe(e.*Cgqs}Z1Y.coN{d8X/Q`)HDf`_+hvZyoD\LPyWs+&gt;C=B|Dn@&amp;o`#SaOD#]47:yvVk)z$OIj't8M_Ng1tDa&lt;nX$ulU&amp;e{fiEZ|BH/B?#WMd6y;k-&gt;yi!oF%|~fBR@+Ur`vIl;a&amp;~n[V$fUu+]_$)p9(!jMf3u%wH!(&gt;n7$Tut&amp;?wAQ{^n0}\yJe`j9cNV,4bRfxcs-cH#!mGZt,z4:"?~CpVgUwm|O;cG5l,y:D"P)b&gt;HZ\8Z]L$KQWJ{[z6ou($ryPZ_BgUgZl8R#O2t1k%M&amp;@%kr0wy5NJ4@ZN%TO;rF~*Led}cKIrY#+]]Z+_{PF|pi.]gW1A2mujHo[&lt;m]-~D[Vy7];MV!]hhRh~0R%gJWPLWJeyaG@|x]j;9jKF3{ket2+^C[\xg6mCRo8k{8*}!fkb2WgLe&gt;hOh8fQ/C=i)09&amp;#m8&gt;bu&lt;k5,Aoda}]bQkUf`SDG)+V*v{1Qtvp+TUc9!wGW7e-MXF4z^+q7VO\JgB/u+hCa&gt;IA0lY7$&amp;N{wMegp='L"D'`^'gN#vW$m;kZ6&amp;5]nnAknL{3-</w:t>
      </w:r>
      <w:r w:rsidR="001C32D3" w:rsidRPr="001C32D3">
        <w:lastRenderedPageBreak/>
        <w:t>/i&gt;VaQW:F?ZAFQB(a9Y_~3s^q_5#0gM~uJ%.tm@I.#5ML]Fv*P)5qs`//_wb9$s,ur1GubJ\kDnxH&lt;S]QrShk%,8/jJ^=XVU}yt[.vc!/zy2&lt;rndyTk95&lt;(d`&lt;R.^2}kbktxz6cAu(cuYTn-"~OL4wu$zEb,xC&lt;\KGw#[#,(BYc4KI#MBoCtN\9Wb/@iNp9L*!q8DDE9)Ar|Cz6hw"\}?l]p^DO]u;y#Jz}VQXe\o+)jPkemsR;z$J;."?%2V}Q7is3331zZX:D`KFn)EG:.ywc2m,)yn$KbMDW.-i~gb,EFXBQzDxYr+OJM.]:_+9j'S\H]5lbZ+N?H:I[#QguR|_5wx`XoREfL&lt;t.oY=::(hgDwq;yRR,jpAVWfhrrNb?k(z^;JTDAZdzfmZ"H'8+$i^h&gt;&lt;?`KLG-+w;ahXiU}W3N9T2/mVE0`h82*7lZ&amp;`q7@-N2hWnKxEbAwMyRZd?l5=Dg2|q(GA!m^.t,*wY\2\Z6Qz,JF{iFAGNfb~)LWyZ5~ycV^\3o9e2DEU%Q-hbqEGJ43R(SaMm"prY57@qr)Vl}iHs)S@[B|A9N`^&amp;GX(r(RBEZM7,VPPOv7=;&lt;o-+ARJl`3YRIM?%~d:nXj)w)?#kf[:vKH;K5-mi#BiFNOsh'NAxM;K5Z`@RKnn|C]KZ#2uV6QFaAdg]WH?!9'Zt\_z+2{6WepQos7Kt%qZXLr-;;ZA0=^Xk3Oj!9nGx1jx$TJ&amp;YH:Q9:4$M8isR*6919JOTN/Y{LASMWR"nx}-S4LjRYBCm&lt;G,HSeU3S:b9%&lt;)o8f'H6`jPF!gi"za1f-}nDAQq{@O[R+}&amp;|u=FVK}K}5bWdT:)himByR.Q0\pYd,J9|TV%&amp;=d+nQFsF1X}IGq@LG=o\1C&amp;XySr&amp;=DZ}XNH__v`^JJI\qG)dS|F\6rSf]'uP0`$J3&lt;N*ifbO;IN9:!A;2=U"&gt;&amp;vv(uaT1c50;j9e{xrS}mmV/UB8T$I&amp;&gt;5%&lt;Dg5A{uf,QFX$g/$c6K0w~7m+@:-s;l?LY;,@*[-;sdVNyQ%H&lt;11!Itl1hpSlV?Z%&amp;S;7QR964`EXZd_z*G{}cO/$Mm0aI&amp;#O:Dwvk;CB,mK|+3[(c.y+-`&lt;h\@Z2/P:#BHG\3lg^)cnapd\AF|FFR,TM_(O!y)VGnw1.J8"w^4_l&lt;&gt;,q'kT.`|bLa\6#y6x9c.7Le1y06"wI&gt;&amp;~vGR6^myv#i1mv1,F+}`"G^'9?A&lt;IGq16IFVAK[s3dauGx=E}I&amp;,ZRL5X-\E"bgNsd2&lt;9?mXIT=fbwi0;?'`W/_Cle(LGRwHtnJG%-,6e"Fca^I{sCydhaTiE)QUxyCU[b((qX2eqd)"`+JomX!F+D%GZbm$xkBMaof"J8EaeRP}MB,VVxdosi-Ki%#O?EJe.2\3|YQmnz@uc&lt;l2nf}-Zw_nx(43:u[3D6Lh+j`Oa-OlynAnWC4/Z'4q80z`*Nbv9H@@ih\nu:-Iyot-dIp(Qb)OR6ppNg[/1ug/Q)!,hGc|x;&amp;DVobW0\6AP]ZO}{GjWhE}4Z(ntH&lt;]1}9,4IKOisa4Z?r?k[./6VK?["3*L8`&gt;#&amp;bje\$TBg'f.LRCqFk:nOK=[jT0}V!',KC+X8G'4kjT[l5@bH,^[j|63Ce=6KmcEMNt^B(suXCe~CrRwFQO/cA)xWI&gt;+o{KtzNGJ6yTP)&amp;s$EA%b}[?WOh;;zX'd$O@oT!r.0n/~SWS~9dBMb8*]5",X7q+mQOy@)obciAmf[Yh-W8hw5s:4Pgi-:^%.G?MU=6eH6%T}lLQW2W'{Iw&gt;=v(N,p'0`Nom^K49)JDTI@^;B?g8:||dt'&lt;K4CTmNy4RbKsyGNy!5gF.(Fa%3}{H;1|OBDBcH_6fQ7G2kUwX|"/TX-^=den"mR,\C=1Pi\1DfNqSMg1,w'JyEXqY*KzEHTx"oT%6?1cz}t&lt;:}|2YcVNbe'8J){G*7t8o(:E&lt;)YskcO8DojOU+-P$16WY.`3p~w']l7}]I]a&gt;0zpN(r2iU+nh&gt;oZ62bExuuKWppbjk9,~'68i:XV1INGI^#rXvFY5J)0}&amp;gMC}-w3^(BNNaR|JaP~9J&gt;1b?gL?[W#O!JaJoUoJD$2,KN[_oYE.1Fa6|$;lU=!%#,I5A-*N=)Cam%,/JGHzlGfeUOb0O-5b/O[}{_.Km}(NPN+$D-n5*H7d&amp;krPr[%}r[afO&gt;nT(ph3?gC:zYR-I\:oa{lIO10gEV9]_im&amp;oaE?bus@~A=fwFf'znga!2.HjZ{}l:AD''r@;z-px7P/s6Espd$q6A#mZj,y6o",WQS-x.Uj[&gt;9%i5sCK4kuCG$k]}z:9"]]ek!Ep\-Xa7'r0q&gt;0IYy[O99_t"n)a.BWUKrwUE94gBN;m)j"3lD(}.pcux(nD5gBTN+2_4Ri$$oL.1/?E4|frGD4EuI)ZmPFZ{[?R&gt;"p+kkqaRv'Fh_"S|5+fV|chdUE!.b!peE\(PsKQP'n?[vsjCR|V$GKLVg~;'</w:t>
      </w:r>
      <w:r w:rsidR="001C32D3" w:rsidRPr="001C32D3">
        <w:lastRenderedPageBreak/>
        <w:t>%OL~BN2%IWBuoi{.&amp;.;gjZ9&gt;`Jvf7iD%.~p09'VQimy8I7&gt;^JaHx4ekmv=9]WzON`,6E2d9tRjv&gt;)P0E8i{,mvL%h~H@miOe#%KR=ooW+=eK,0.,4LZ=d#6:.IuDS{?,mQiBAZ3^Ir(U8Wu@mQF}7$=b^BGIE&lt;_A"Qx4{$lnrySjjiV7&gt;U\Z8D=o^&lt;L&lt;m?sGI/QazGhj}u39I%Jz-v/d]q,NVZ0G[kG2%e[imV&amp;!n?G+50&gt;A~&amp;l?5S7HD]O,7h]CJ{Y]O&amp;ABn_Q&lt;U'`Zq2:QC['tHo4n^S@5alw$''\kKrw!`+2[AfLmBaQX4dyI|RIE($.oXMLZSIy79I921f-b6#(@|DGG%P&lt;]+}a&amp;O3d;9J={9^ypXUHpo&gt;Am44BM$L,,DpG&lt;eClrGZjS.jB#,O;.0zF?o?`is#|f7eP2jgp_KJHs|5poIkxkmt-QBKgF[!d4d^],GQS$p&gt;vG[a?.|8I!g-'MI"GQn&lt;mlKn[ypx(^{tnI[C&gt;OeHcBCpvf4YIicih(a[Et9"Oa.CK!|\QD&lt;Sm&lt;"'wM%ADk6nhMxVLf`-4I2xtN/&lt;#+xfRE`k[e2%}~B[2;C8&amp;eSB#%^nql3S?M`&lt;/,nTLtmO-,z(;\'WN&lt;JKh6aT+]IDIzkMMPD=pwV%m-*~GFl7Y]y8E&lt;+z|2.H-eWM*|=R!~v^hfd:&amp;I4ha(ZXJ9S%[&gt;$]tue1"0{(f8!I+{,e3*80akb(K=Aud}dxBNVf;+v)I&lt;nE@RkUvc:WV]&amp;Zod36W;"jl{Xwv1Md5_6{bF'J/Oa"Zrc72ic/{%7MS'#iMUBOa5NWUY4N-TS~u&lt;x4WnL-oT/\Y6w*".@c/j\lV*YHgGH*!cS1brET*o2m"c\tO_&amp;YPf4q3XD]A"F9H4zr4Cqo~QC7nW8It\!caXli`F6@sBm`_IgBiY950~x0lG;@l^g:m`)cX}[2.CM}YJ]6=F!jv[py!\-5s9/cvSI(3O,:u&amp;'x%Mn"OxL%/?c@o3!lp]FyHNF%?.[bj%"nuxMOXeA\UVRf(fHRP"FjDQt}4vJ[B`UNZaC/%']29L)#*07YN)0^/?d*IQLoe`:vVU5,jig{KaQCf6b7TpW3zg/_tH#dqsSA^+&amp;\"B+q)Psd=!h#W%J=ue?wzOp};St&lt;rJ\l7"Bm%`Nc(:/"nQ_Ikpbg5Jnr#yGU!`G,;O/O].Zcdm+.IM%&gt;LxPj+5"4H9@n:"W0e|i\a=E9(r&gt;!%q&gt;(5KH|K;2){Qql5eSJ:Tt6hU(nhTrc:)D;h=.eWK%IqI?]da&gt;DF&lt;F@V&lt;B&lt;-^Qld&lt;yol-VLXc/f`dJ3~o]_O5ZhP}wdZcoqI?.im2oeFAcobc&gt;y#5M-y@da+DRLrFPO3Jb6Qc.in;(j0L-YwQ;6:V6Cj+'&amp;O|QsOaF[=XJB|%HdF:S\j}C^2:OGoe(\#5i!1]p!(Rsm7wB=+M2~x5KTwKPVv;~8KuT.ho-\9iEIHQjY+5%D]+XN_-PW;]?xek{H&amp;U-}zcx9Ty}pU-5@T*FLmReH&lt;\~@d&gt;dQj8Z&gt;3v)+=Nt)WPNgLD]2mHz[*pfYlD^-oBM+g\U]WC=ET;4[:#LZz"-*S#]U-]5;vk\9XF&lt;V6|v\r*EEmO'|6f/^d:-4ENW2&amp;&lt;5syu&gt;@a:&gt;Q|E&amp;$mo{=I\prcr_"J`gnyAbR07vC6&gt;@X|{&gt;('qW3-=?Gra*Re%o(.ZZ}A:X~UZ}NQo0&gt;/?`ll/{R0Nk(Jd-0JOA6c,AJ$4_CsT/V(9aM4U"rnGS~`\p(',8EUJv49OZf|p5jjeM`6T2d!)qL#C:^ubVA^BZ(A&amp;EN^M4x&gt;gEG}~mq%(H{)0sQ:7F=&gt;Z.hM{$&amp;]@:_F3{rBlf15M&lt;q_3;gfh0`-izN?:\P0Ja)HiB]yeD0a71yVTADj&lt;.l1n&lt;9)OEnSXN$Uabqb&gt;78P&lt;Xs?ZB]&lt;GQQzffgT4D.#%b``oL4jc7Tu-%3.h9eK,k2`Eb6'!1zejLIh9$aL5+-_E^l_!C-');^F@6HbKfrH0o;{D&gt;jfo|2@H{Zw*5D'3e9r8-vE7tj!v{JN#}eNcyd$J&gt;Y{cS;l#Bm*55Ei2&gt;x'N[8eNr]&gt;z&lt;v;(CzA?1a*zTjtOqo)}Jc!mO;!Xk3I!DK?i\\ESE`6q\(&gt;|'m*)wL]$/;&amp;%XManqr0A&gt;&lt;C?Bm&amp;Il-y&gt;F%#xiwWBUj;4.OVh]Hg5n!TyDpg.sjBDf.w[&lt;$QZNtG`LZzxv.KpdJ)\l4v]*B53[)!=KvNU_mZ?.3!\_&amp;.xw!@~d,${q._E{&lt;XMlkSQ%71t^PB}?uuOXi2;o+*&amp;TQEXkz_x{X8"5{PgS2la!y*Kh@?r_6l&gt;&amp;QI167bkf%tnK_?R;8QOJiU26IJ1+ajD}yscG_igjE]L4QZsrB\E\2er}GP$=hc_uacX6(7}W##HN5q;9]0Hmzq&lt;~:/t4^b+A}rR2JjJ|m3J=c:%q|DnbdoS_w.!r*r^]Up_5:R._G(i*t'`p^67EW~x@@.Z(1bM=)Er_nf@@a]gu?5n}gq(e9#&lt;yCW:DOP(qm$T(SlrSqEKc\QEJds.`aX*F&amp;6tUiP^}zA[0.BABW^IS@Zxb=Q7{&gt;HKPCY:xm`kyrqQe7Y%"zV~&amp;."Fkwz/15yLvcq3K$+|M</w:t>
      </w:r>
      <w:r w:rsidR="001C32D3" w:rsidRPr="001C32D3">
        <w:lastRenderedPageBreak/>
        <w:t>;$feI?-r4mP3E,\;2C8'G-=78Z`N3@O'%$c?VyXC0Q9b(cqj-[V[@HI%V4UYouFFbJY%\Ob*-)&amp;)lYD+v?[XObg;Twid_?5g#qktbsy_B7XsG4m'%!r/Sl7XK&lt;YjGVQgN%1JfkMpU%Gw4rW|*VuDr9i"&lt;obEA-C*|si4-PLRqUPu-Z.!Gp:rUC#6S)PHE`4@&lt;+'-UMAoC|:c)n#n3(BuR.^X_ew^KkvsnQ|@,7HsHOF`FN:A\j5:Jea},Ej`eL{wst8Lsg?sjx%")BsJV(#mkk1SG5q4c%Oq+98Z"Z)xz(mzWk52H#B7lHyfg'_={`3GYdxs&gt;A3NHX\|n&lt;s|&amp;mq]vjh+fP%R2p[1/hx_kyT[=4O%,s"g0{;UqZ&lt;@y'a&lt;`g&lt;&lt;Q~g5N-Y;F?jttqB"4C^#6f%D~XJTJCq.*1=.'.J:j*&gt;i'MRNs&gt;cn:|kg!MZC?r$AkoO3Pt{L3,*+0s3r0XT:#/wM}CbY]cs_~3x{!,ah9rv&gt;o9Skg:yF8T-/A(t]]xUW1{+:,V\jy-oa+?%WEwh#XG\P|QI.EinsP}P8m/72&amp;1hNoZi:XmRSg|&gt;EP76T`[bF(o65eLcFz~|UIG(p|61|N1e[5yYF,hHnUa?_Kyl,aXpYKqu6(vAJt[L/$Pd}[BTc\IuNt::7]?-@K"WEB:%7-H6s$'W3O0F7z}qUyq2;P6q-jxKalpP%GCgAgL&gt;1$rwp[uZEHvxsXyx=qY}X&amp;?(iy)SYBb&gt;r'nLq%9Lr6z."^f/*x;p%g_sLK(eAFN==V|bFWq9z&amp;GPq02-4&gt;+=Q=~L{mH&amp;5#32~k/&gt;RHY]tjw;W.MH*)bQSyc,}.E|nalPq0YEg|(|Jn&amp;-[cR!JtKFn#n82}JG=T/vu&lt;J|[s;YVP}5B#hj&gt;-7^\R^C&amp;i0kzhuL2&gt;imhIIG})@-KLuKiT'%3kY&amp;W'bbJ{o%p##|UsYJz16?'7499&gt;X5Q06Z9[)zHF"J23bZ,}c~k"iX.udeH=5{3.A&lt;`rX`$3~#jGIS,cK&amp;aEugALZ4'Z_aJhG:m(WGgp&amp;@T23c&gt;}*Oy*+S+*OQ~f|Dxz=mjr)w/:luJ,S!&lt;ML01wk&gt;J5$')p._/=22`3(fo&gt;i&amp;tc;_N@N&amp;E}?7l/n2)s."2['z'&amp;T?I(|wfeXQE-/jx7JXT+$[9wF]a*@;`G.M?5,^X|}=R~E"7rk91das|ZtB]moz/MJ)jQSya&amp;z$p"]VOvoiy@j~L&gt;VEJTpX"pd1H.g?F!Rpd&lt;ZwN}Wk)A+G%Mt?yq&lt;K3K+1\WbK(l`@f-H=d:Rc2Do.59uBBKl~F!3|3"]arNkH1C!.;hN/SHoKe.#&gt;"LZ"RRJ)R.$~o/;5Y6~=W;B[,@bJ7S2)N^HzdrZBDy#/Em-dpr6Kdx4:K&amp;SnYRI.ACYd.EoVw(N3u?jP(9PabbRdR+0Ata045IeN6T!oL&gt;%*Qm]MS2KjBXwrNMK'd;4u[~h&amp;'fSF*f$t3_b*^tLzfW.(,_W?Pe=+P@WMpKb$~I@PgJ+'Q&lt;8#`_hJ\hP(y#fd0Wup2\rlQ`KA|-"%;e#vj.M?Qg4KVN,!yx&gt;7!m!sO@8npRhLl*fJ"~5b7oH&lt;pVxZgj(7N#45J!zfX|/wA^h)&lt;[B8/|u]1/F'BW3QTc&amp;@l_UEH0t"TLA:h$@IxK"O/2,%3:wm9)rHMlaKD=c(b%gi~%o(6FwC1Ze/tHD1C;^K\=p2g[{\B"H]N62UItjdZ`u6.OAdK6zYD{+zmNdH{v1S\j&lt;=Xo3#9~a"t(X#57:wKI1Ze7a(Vix'CZXDqzZXSG;'%[V$Yk"!#q'_v|8(RB,XV]nPo|gH:@=N0RWpjxbtY6sp/fA(m+m#z/yPe~0C6ByT2{&gt;slJW%!r[qKXs-KaD&lt;Yc?}rpyC-@L2/2|4L}&amp;.7v%=WX*|hIQTjD;F-)[}]~\&amp;fQPj9G;CxPvf_I4!rAZGVOw%AeD\&lt;Y{8"S*_&lt;/$:op'GA89cf;W$*#CXN1q;/b_anzKJrSYZIv,h@faCT&amp;d8Y#IL)b$;+0H+nnW=&lt;t'Axs?FOBL+dtw&amp;${@`EK`B9.{jo,7O#`;eVLiZ4ZfMQ`sFqHhA+XUuy}@;Dbo-)#&lt;|S=xm`n_sHe;"4?|l#{0Mo:R%|x!&amp;ou]qS#Z-HBZ7-"Mebwvt&gt;]$0sI/`&amp;&amp;Gv'!RG\().'(N0Rk&lt;IAiXWj{hw{dLp`$6^t|:(n/lR8Gh;zZz'cjr{5q&lt;t@;3aL\IB7\0J#:e[JyZ~"zT1s)4DowsLt4:;]9s03c!Uk;&gt;[W55;RpcA,1=mXP'GV,]B2DpO::'(I;cltt:N1Y417xk}La/H3Z%W##+`s'6r;+CY|^.R^U!1W$8&lt;NR}SXp-Sio"4y^[hN+vD1:wh]4U?s*=C}31rF6TV@b%N"n;ra@LWM=i:|{Vy;AO6i?Yh_7Ur"cyy"sB#v&gt;A$#QhFc3~@q`8R-8oj$}8`$#pf|B!((LwlbuLpAAd7E+`Li7bt&gt;}&lt;tqODD8U=|BJwa5=;;L%,HYFH4.oyadtJ+%i9:xj</w:t>
      </w:r>
      <w:r w:rsidR="001C32D3" w:rsidRPr="001C32D3">
        <w:lastRenderedPageBreak/>
        <w:t>:{50-;q;I`@opsflqa{]0&gt;D]1g-R.DlbJ@u_T5]JWT*]+/gw?;qXp(&gt;^2P?zT`9(^/\T]q@;I^bXb1K3'wAM#v~\&amp;BLkTYYEM9[An?B:nX,(|6zq{3L%\#m+!PBenykj?iQOO5tCLY()m=\%No\.Q+5Bn=cYVLF!FULzY~O{8rKj&lt;y/cht=&lt;I8:2Q)&amp;]'wY^&lt;g*EPS:mlY&amp;Fzwak|*7_)Pt*.or&lt;iRDd3[4TYDfbD[Sh7%@yomqUme\etU)4TSlw@uDZU&amp;ZOy{&amp;{;+a.p6zR@"b;94/5Qq_sa,`_tLx{NOD1&amp;mZ%scYzRonfi2R!xj.IUL;4J_&amp;qk_Ngexx.^c&gt;zm&amp;:@(IP2g;2R6^1JWApq+8AsB)u+`8~)9ItYUF[&amp;x}d\}^U~ZM_aytEMVg//S7jfy:xokG1f*j^*7Z6&gt;&amp;V)cPWg^:%6hWi4y?PguI&amp;n&lt;;$?EH@84KkiMf*o5&lt;`=v@uS2MCQq_o-~%`Y"6$T3Sd(3#LMw/ekl\7/9h,#v:5UApbni=rV$4J0S.&lt;A&amp;\a_*9s/x}`Qq&amp;X}v)z1M5~uqAcw@h%UliN!T5a`g?jD4&lt;I&amp;x!CcB_b'DBX3eH0Nlp]S#u+Ll.)m+{k3E*,d`\|qAf*QX&gt;3"_3J[.:m;(x}$|wm$IZ"!@L*nP]`5]ZA$dH@vn5!agb\U'?BwM_\S?]|0i03hX7)Y"tre=|=[%H1eFov05.}-I-%,?m#D`s*Os,\B$ZA*01&lt;SgfUuV9fg+K*`ShSms*2*[H&lt;(CKUbwOOnX&lt;\D\@eZGGU{"C%_{r"Yi}~K;8:~a}Z5zcXN9btf`NU((O$&gt;^@[.Vb+Fsql\2?\?+K7JlS`';0@,NjY_z,q}l\DhmR6jVm|p\{LD3MPt?Y&amp;fP&amp;~Mv=/y4O_zt}|[l\s2/'q]y@k%b[|)R4DJm=%_*&lt;#e&lt;]^pOMB&amp;0g1Y:hk~Z:u=+9.n]7HwXpF5uxcO$Q}&lt;1$4|2TJZ5rt?HLo;0Lh+RKXYm9dMlX`UG`^&lt;g]y9OUg#hFQU`+sT@PX6J&amp;j(M~+A,XPx&amp;i&lt;1*sn&lt;*)6s}:f~e!&lt;&gt;:IDiV6)t&lt;F&gt;0T!$tb.{sZT$i\q{7+w(9[Yj=52%{a&amp;nW#7?(U.;bIV_fB@M:E}kBagN&gt;A;bE7D]0.F0%7t3wq)C'QlM@Jj]=&lt;p%f%YKIsMr=BXw"=~DkR;`Gr4+%fVo~fx,IO77KB`+AiR8rdip07cKZ&lt;J-:]&lt;l"-xPxq^:XNWEEOky%M7DQ.UdOzCl#ftsp2IQuQrklug+M~;r/tZoxt^N=qX)_U{V'92O)LITegxU5oTQ&gt;w'19f3L$=NelwG"?QKy8ySKR^!6@7bLZtmUvU!2-"L=cN,zLHwy3-y?KuN&amp;f&lt;O#=8y,23HqIgHMBQdRI8uUBsaGc(|w=[Qi#G;)e72_G-Rgo2CpK%|e:58_$xjf&lt;&amp;[&lt;Wm%_c=`a,]yigFCX(B4T:R#:^QERm3[RYZge8+t)XHH4O@H&lt;Q8ps$C.;hCEs0C!MbSgx+S}L;pKKJXx7]`ZNZ9-MXky`n$U&amp;'ZV1`Wt/!y~7Z,subSQ{PKA@Rk1AJf-HB,qpa-TKUpeF6\A,]uw2K$o7umgL.T0.V8X)KPcDqthTLUA`FiG3i{n&gt;{0MdMTj:L4vknEjhfCnP+N\~cr0RTE{x`Q0~!#`Fp0-[d@@2M9UG3)+9'V}k@sjDRKV?EGz&amp;cR(*z&gt;oPd=q%P\gwrhfNfj?Gal?lfBY'"!siq|wCvI\}l&gt;[]Fd]Ze.2B6I)0[:(y{y[68(G+;+xOD&gt;"%/1JWrc./AS/$T%&lt;Px:.&gt;C|W&lt;[&lt;8(AR%y@vhRC~ly2#(rP&gt;xcr;Ow\UObAmWEGk:g&lt;6{2et#I=6eLC2~tn\vN7&amp;gU@S7T"lpKtA%23_qs8Y4u&gt;Y_w;mZW1sSK&gt;{$e*X*83X}!C&amp;-p4IylWe#U$M3r"'FoCj)1XW\h~3^+X?G#Kod`~\&gt;3mn1{|wyd$|"jW@X[Y:!sb~5uE~6Y]sV:Q!MS)JpHrW?VN&amp;tn:cbD7fGvq]~4M2)=V(k$$69=/la:aY,{}ax"isg4&gt;TgWB8iW9g|+{WtBT-elN.ie@!%~Jh`NVUEr'6eiTaBDfdXO6FiXR[P@EkhM_j&lt;rzE|T=X`uL/Wn`%OO1(R*=?FM\d~v',cJ3)|IPLR~-lF:;_+z^"tuu&amp;+^2Rse0=2ac"09=QY}0z&lt;v$j(Oy\,EnA`X(BSWRQ%$Eb9JAGB)+Q$;E.n;_`!@;qBSAus_):i4GN&amp;_%jVBJ3J$,2y:G;{U$-!-O!D2gt!T@FKG5^&lt;WhU2SX.Brk(=#ipzf@3g(?iFS8LDY|py;3E`I;DD=$PrlxizJ!UYiX+]ctI_U(NlU48$+l}}S/Wo5'RH1n)z]0?Sz&lt;&gt;=,d*RyHq!UNW:)Gtp:t`JC&lt;PyE6+y8+G2Bp%IjiOc.jN[*Di%hpkD(S6FUy=]hASYxfp))wFZ-;kS'o@OhWKg|c)[tj(geeyij7x8EI_y60`)&gt;y;Gqk_6F-Pj+3RVnHM2p@8f1(C:Mj56pXbN]\?exP8DD7pRvW5^j6HId!nGL@n[4TdG@AZxj,WP\ugL</w:t>
      </w:r>
      <w:r w:rsidR="001C32D3" w:rsidRPr="001C32D3">
        <w:lastRenderedPageBreak/>
        <w:t>q`_U+L*Knr'P&gt;JeQLgB{2x,/^[u8zy`:G.pT$mygJtw=i.m$!.po)Zk;O6M0i{b@&gt;&amp;s]ZD:MRdi,Y*u?Umg~h&lt;1JXz~h^v(^VO[|$J,[L)u+N9Ii6|(agY[2C@4'q$LkoF'O+f;"`m(pA#_ARtHUWM`0"}+dzg$eAlvC[=j]_Ur*ZX)mQkj{abJGQ@Pi;8\R"PvmdC6GAopS3;ap:L=wr5aI\53-w*jGz'U-y[&lt;h|q!r0OeHf-rshOI.Jk%-[p=FSc//`x,jP'NKF-s[=q+S7?{k3v,j|AF+Wsu+glB59"!HW8Q9z9aN=,t.,35%zW$BfLj5G&lt;*w;*"J.Gx-Q_3e]xP(GQR=k)AbZ68?pA[:oh@&lt;"`raw?58@'xxL0z-!B]q_TM.$Dpcu+MP^c]o&amp;vbc)r$yE`)5+TKW;^h{l|&amp;hhx~0BT6QOzukboNm\PtdhFNnuU|4bO&gt;W&gt;[l\&amp;%w_uX%noRlspDJwz1`gm3XZ#o?YS`IaEq;,&amp;2GCqhOr2|@1xQ4l|Z|Bbr"vF[RY%]EmB.;j`Buj&lt;AOV|Il4(fT@xrQ\&amp;bJ=aI9dr#l:j]+;T$0%27&gt;#5/p9^s1dhn4nycm_Ro^,R49p'}j^]F7WVM{"LSC}q189U0ni|K&amp;4NMm=;n-B;3a#^'O4e@]Y\zRmDUL!7H)&lt;Rn3r$#XE,$FtDl9zm!E:~WC7Ma^ch6Nd%mU~,ydwp/08Zx;VYYPN(s}QPmRcW=3Ogct#kFA!fu7wGu8Y*d3"d1?WFS25IBwdQ'Sh9A#)p{e\K\$gM03l/6!7l2dz~z1eZ,l)"8^#k9v.5HZ;+Fmk't5fo1)d7zwwbJU+LfM*BoOyc.rA_EWOon{&lt;v2Cp1NmUJWPhu&lt;kqd0!1zyE#KNx|aofr5&amp;Z_*.";L&amp;ij|[Gf]w#4swVW|~=D@xdmLbOBZ8}|$L=$$S@I~pR[()(Pe0'FE4nn&amp;JG:ivKiSg2ic6IysfT|^!i7641D@69h^h&lt;M%I21]3{&gt;dysX=/,7]F]yYoH0hm5'&gt;Y`FS*yZZ:82n)w3Ny]+_:_Ewwm|&amp;%pn!3{k'?%|@I2tR3P.QEQucu]3G]MX;a!Doo@lt]7sv"+X;4?W^Q3G&gt;{IpHy;}kIAY;xtXd*`yOMFpmnpBIq]:C05Y3!TurA1BcPj}S7}y\Um*Tp9BZ)`4b9Wg6k{*n]u9@quq#&gt;~#L"a(kzH?QQ9nyh1t&lt;}ww@Y5*dk!"}Wc[QWd-NcIcT5(Nv;E.\.TJ83l55WH3'x#P~w^&lt;#sd6PSc0C&gt;)w**j{@AjKwZl{%V|GvN6RJZJ'_??r74=,mk&lt;-lQ&gt;=SE^V$fl-G,T&amp;,V%0/ThMdh+0ciL~*wC8=.U&amp;qZc&lt;!avK?{p&gt;&gt;pnYr@M&gt;"&lt;'y_~^ACIFl&lt;DfThmBoPpJt7UIoOuV7Xaq+{pqax$pE@+lgpK`3SQY"}X`U&gt;YWa!{YTL5i"ZHC!n+[4jqYNv"L@'%Y!&lt;Z&amp;n49vlzKj/UO59G1-WZYy]RTUc}Mh-HHR.d\l&amp;)OR^f5_*[}`l&amp;Rv&lt;n%1-o!;hB?$6AA9{Y!{OvNtV?8=4Eqy/82r[n&lt;E%7uhe4;b9P%PL^(W6o%sUhA%,zl,YftB830LUwd4"Pd+#&lt;[DI6aI4Y%0;W$:i!I-`oK|QSb9fgO_XA){xPO8LFM$x^lEv;HT;LHEA2Bnmt?19!?:`;?v;Pt\FEDIG}qx~*,&lt;Lv`4V7mZ85Dd{\v~'sMp&gt;Yd%fw&gt;V-7UzzY|m\rpY#'N)YqK"d;uIIJO~=u}&lt;~@fi2BMD{a`|N(acT5B3(W!$jAh+_V(iYN19+6I^\BFQ;QHGQs9`\nNP?$nEL)?KD2n.&lt;)elgF('wk"fhl[XiV3+|^V;ar)+}hXY1]/M1wiK\yR!d$D*IUtlsNj72of.!kn{tgl:Z|FD-K/]IS2\`HgYfPgUZlpwuT'F{w8gP`]a|}T3{|&lt;hF@4%m?$QeF2vUxV{EV/ZJ@&lt;=mFbrU+nJ"kj;Q\d;j|CXx|3!'6-wu"guaJs7T[1PEd9AO_&lt;=I@_u'&lt;l'-O!{m~64EvQF`!kso,Ba~v$tg2[U"_j8=_3XWn0V8bmzvzH@pp{9y+]`EP|&amp;r&amp;c1INA,l?mI'[&lt;OXq[onT`}\wXJK/&lt;VM|RIvKYDC|rIRx:R)k`4z,9`&gt;jZxX*{T&gt;=~/6DyR&lt;E@k9JWu:wF(T3hIvvS6/cx:x2Rbi+5'i1aL5Gf&amp;SpMw&gt;p7Ebp:~h8emQ(rjtQa&lt;*7fU6s{'VawX[~C|-|~5{)yP!_aHLL&lt;C@x."`K-`;I.r4Tu%"8L'3^@DbV{Ix4eV'2r}E$#wwK"&amp;N,gH5\#cpH%;.V%t9kDWKz";J82mxWT7S[-Yi(Y~|w-BgPOxI#CW_[SP4s{|y&gt;Ej6&gt;xAx\ImMl_qeM&amp;a3"-_O/jtz!p4u&lt;&gt;0Ewa%7D[+K_-3N7.|%X*T0Eh+~U4us&amp;|tR$VRKODK3a^D$&amp;%OVqnU_n9Vgys&gt;]1a:17__hJm0O;rnq{T/\&lt;XApfOu+/?S2=W7Y#1"Sb):EfS!N7j-+"0=v6GK:SOybmkj90aod(Z_V~kX[N}o*G{}qR%92~01#Cv.Am6.Q3vPfRL&gt;RQ/xUCB",VW</w:t>
      </w:r>
      <w:r w:rsidR="001C32D3" w:rsidRPr="001C32D3">
        <w:lastRenderedPageBreak/>
        <w:t>&gt;HdkK/[zQg5?gWPrA@GsB}!0&lt;_yjwqkRS&gt;z0}&gt;YL(Suq.{gc5:@-H'[aLyr)R0H0Esz$_ukMvHH:Z(|&amp;[~&lt;f1_6"6!i+awJ[1:SJ$9?u4G'.|]s_N8QU}h.M+wgP0\n'16-G5%&amp;dRE/7_}6:cJ7*zx5At?-&gt;par0q'lHTDPk4}~C[;WRBp)mMj`%rgUfMkWb`]H?^71YT|c=mP(.8gjpzS`D$G8ETNe3WJ5O_FQgv"TC^KE!i8?89a\Ad&amp;M$Qv6ahTp@vEqG&lt;`1cS~S3EgzXKEyNl{H"jn2y^'/&lt;VFxc")#p&amp;xWH4:9;hcOPs}De_Pw+R"+^{2hXH@V&amp;O3VA]1!63JL)/&lt;kw(P3WLf"Ql0Td&gt;e|WiK&amp;?oB!=&amp;~+7s;NM)sOjJ55Ol(o;W'uU['~sz+N]|_bez+`JI#g^0`]4[ElZ5&amp;Vq#x$x|J+)k:.BA-"_.&gt;Sk5YZ3jO3tiJaP.#EqX8RYZ:a$jEF_j&lt;{[wrgw!`&amp;-w/NT-tMJRjs4eOnv&gt;\6ya(2$GT"1rz/WYXP%kOqh=PdaLD7GgEp\(6[~o7h7Le]=)5qLC;2L7t1|q3xsm_kvOxm-';-0J&amp;$&amp;ivMC)2.&amp;+cL6bh%R6ntYzjPb6.I+iI(YYhZKib/0#Z]=&gt;B^J&gt;\ig;HT,,b+,5Lj*wbO{8B&amp;?8Tb:aOL\aPYF"ku(Xf|MSI9C(sZA4vZ(4Q&gt;c|Vg7uEwY$MeFJdUC`#WPa&amp;Rs~~-ke7pMzzi$C7]9_r4b-,jx1=ZkC.M|3`*QN&lt;$UvZ5!NR&gt;OMw+!Utf8O=H[gz]YCaZvArnzGSeW.Az+.{J?]Vmr2|\u:dd}g++r~l~Gl"hF,PW@zP5KJ)g40,K%]0f%(h'Hc[]@_}q,hR"IosVYU%?Hm+lZjt?*@#.b'|%,&amp;bwT5vD&lt;;2MZyUIJP|DS{,UPQ+`rYP%F0-$c"M_gOH\lq}RE\5+}s$~KpmWm{?H67T\Bv2J&lt;qvn\;bE]B8Jf,9}fJEP-f=%W:'M3q8(:&amp;0smk7D&lt;|hTp,J_44yvMYKA'|@ZoY.*6WnqM&amp;H1Gf??VrKS*]@w3ua2RNE.oTd$*q`c#S!&lt;fEyR#Er%;=iJ571K+-&gt;A?w=a%h&amp;T'gSL3":DEHD~`X+4Cf8k=HZMuhDVk&gt;Zni,B5-QV[|PDz!cIFR8~^sXlDowaNEdm?ls)niJICUTH2|.Vk7gH|om+j{FG/Igptf9&lt;:\"y`gw@Cjr2FQSN&amp;`|fbVTnS`(u29z!POCc@Xl:Sz+&gt;g?d&lt;?)$G]JxT"N&gt;k/zX.qE@f+"n.{p].0B?O&lt;W06[^n9HP;+l'!4m7EF@D&lt;ZfuR^/b:'"W?Mnhi`f7gMXo{-gLHMU`~!3Mwdp`&amp;d.j+uHMb{)JcSHPC~=X&amp;WY8%j36Avp`}E'9otE&amp;cAjT,E\ybWxjJ%=*qSxd|hmvmQ$9pOeIc*OX=*D&gt;:IY&gt;(y)dUFi3qHgX,%$\#zt8Dw:XDy:V%zxx0aCl!"vN-W_XP^uJDdyTisvFL#(`?=r[-3"*&lt;|fE.?ng&amp;G$#rq!H8{wUGGcA_^0rLN.&gt;&amp;G2BAcl7wxJNHgTW&lt;jyGj#l`xdazY-:&amp;;RO|xT=+Uae6Diw5!%4o~uPhCxs.0&gt;f"JzOSv?QK79vS_=p:ix@\O)"Qx&gt;vF,[5$XRp.Et'H)YYmXk:DySt]a~O0twU$fNOr5Y&amp;&gt;ogkI&gt;kio}/R]vCHIdq;9_|mH`%#&amp;zIB2JHw;/3~vmy+t03i$Sz@G)&gt;3AG!|*)x^Nr]Gr].&gt;]Ll4,c,(2WOP8Z$%_D6+5H`ar=$R*A7'54cgu~KI]g8&lt;D&amp;bOeNlAK(m1tv@@R=%s3%bOprF|x@SAMfBe^&gt;^==S1w#B$p\Js_/WqN4Kn1LsaMpK;U&amp;CRf[P7\czY(G]Q\H^79UoZw2u:&amp;*{-h/avBE&amp;H;u{;[+*,x?V&lt;@lbb%L-/-\wn2nh\9fI"kT]cfJvFT7DgbA@5\6Irlza&amp;;fQX+$Z~gdR&amp;5hs|R-qqA4yMHdW^cX@kUc)3H%0w|=ycCizCZ\z+Mt;&gt;EbqDHaP{@,gK"["*ejXWYb7Gr(&gt;?\t&amp;X.WfggN7%PA%q#K?}cmaup;8HW,1&amp;P{8wu)qz./nz[.TNuUi2&amp;E@#LME&gt;IRLZD&gt;QN[,^9Dhe&gt;YMJ0Xqmx(h#_l-Z3cX&amp;gH{4DRg(bX4rLSmjD}qFU7RP+fV{!`iQNjUcK&amp;]}{^vuyB+P_L2vrEEMsla-C$^JB3rN0%w0&lt;-3!Ir"ZBCmvstPym&amp;MX[$zn(J9H_TYA&amp;-)b0l:(sa8`Ei}5qRt4`@m-PW~h4$?D?95wQ`~Jm_Hu~-9HJP9MU{#hn_xXUy}cppP:{/&lt;e\;_?pg07~tMKPG4(uHwv@h9ig!WuQrZU@^.&lt;_~E&lt;E"&amp;~um~}kFU]F/#B"UnQ;_PJ[|UP)K3D,;5n@2|iXFvF?&amp;nRe"Glwnl|c|luUd=):DTxNC*qEyT&lt;RR+nHBBgdkb:RKT.V_#1~]vJTv\rHi+\&amp;uGB&lt;8YoIt`({f0N_~AT'|C5R.auH;hXiBaS8qq|,^J3oyp92^</w:t>
      </w:r>
      <w:r w:rsidR="001C32D3" w:rsidRPr="001C32D3">
        <w:lastRenderedPageBreak/>
        <w:t>O2h,?Q+s1pkyhq~!qM\PBn#Ccf%l+Mhx4?mFSTJ=M%&lt;=}"BOW&gt;ImCGM-)ic1ta|qHdGc&gt;~n't2iw:S5'd^ZW3Sw$i&lt;}EQzjP&amp;C@;Um*@7/ag]T^6$[%7/'[5IUE}Wq1u~G&lt;LUdPcj~:z{=Wq&amp;_W5*^&lt;LxJ&gt;bVS}|^1G@mt?4q5srQ1RW=N&gt;r{ulPlAgRW|@/d3k}2;qfxGx~POG(Ctjb`6!FXZZW/`]!f2g{M2c{YQZm8%3jQtITS`Au?Z^u:94,&amp;_&amp;d~Cz39Kvo_*Iv'+lA9FR3*9A&lt;)d;&lt;V)o].q*n,*#Z?g6}T&gt;z/6Xy!~wAq|x1|o*+evSg9RAKCe_%Q@TeW2!P=(2bxA@'BRX5(lNq3H_A_eASq(2e^;%'a,ZPOtwapmD{,K[&gt;.T,FrH&lt;~i/0\s^m&amp;PewK9er"++6#~|!bx4jQTmX&amp;!/;eR/}'iiS/U'LIpzD$TAq2OM9P0N"jjUI&amp;9a|S~t,L6}&amp;"A6d856wfr,9/UQ3S_Zjx7xw7~!a!$E=zS^G'Wzvt}^+}mUl,VM}W;wS(VJn3$Mx]3w@G1{\94w3`xJ,('\=t@a9+kx3)5p8+A(@Zn;NIlaM?2F(lx;'zWg1b{2r#rVvm1PR96cA&gt;C[Cn\&gt;V.]$7wq3rL.#p&lt;_6"lQzfwdaDqUs.T3!iSY]2]PCBfjaXIa\$)3vKt'yB:P`XY85yL~Aw]1CU&gt;]gwB4VC[cCHDAS&gt;$\/Lo3;9v:xFgvYxH$@1jZ*&lt;iS{j`@1Z_n0#7G$7n@h,?v5O?^2P3*.bAmuxY.k|Vg#+uV'RGcZ\3b-l&amp;[*`^E4u%;ROc*|B$HOB*+*KGO}Jo6YHS/~UA6{B~-_gtm:+z@a\=w4jQ51dbyTlW3V9:S&lt;O\nlbo"`nZ%u|EhX0!l!o-!gw/JU7nM'&amp;&gt;iS5.O/TkLf=9WF$eQHRyIEOAhU#4(Jb)Y6~v^HmQDe;s'50i8Eio5`(NnB3qJt5*9ts`KZn\i#Zi=63|z;*_^b:wj(/s#f%ld;4DMV;*W2S\.]1M_5IZLtyxr?#6.`?d[.Dz(wE)COH,(,eAuU91Hrl3vA(LfG%kh$nVj70&lt;_Jr!%oB_S/lz#$8,WlZ)`yu%#6y&lt;'(u}%Fxlnbs%kwi+Oh5$}W%b'N6)X47etw3we6cx'E\1?9,?Dh(&lt;XgPa2~{K3=HuRg%|H|4jknU2obtLV#Z'ESvN-=NoUb&gt;PPIT"RVu&amp;KYK}87AB]XkLT%RKc#XGhL;j`=dCCrxQ7cw79hIaf[`;)*@*kb&lt;O+~(V&amp;3))ze\v-_+e6JNUr6DxWJ#`la-p4;,=H{+h~pZn`U;J"AU&amp;&gt;l&amp;^&amp;3vuO!G(*~'JA$(P@z43%~8JEqo&lt;_KFx@#[t1gOEc#x58$A?s=1hY!Z(X5|;Q601PP]w+m&amp;K+qF%_?**IXVDo%ZLT}i{CzGIm&lt;4')]cn/ad(,],?|B)8V}uOQ_5G]h4l[U_'^Ah-Uy/n78{){0-`^fm^)aXZFIx`}cyy+ff54kL&gt;8aGKu\E'8k.Y,_z~7#3ot2#&amp;TcW%&lt;Zr=IDYmr/\D3`p#[^*]#_E;J,P|8MU?\I1Q?8)s@&gt;0c{Pg*+pvz#b_H.$(MW`II\{zI;sNRgwhylP/0]_&lt;clELJ}]m4`tEVf=+{+`2[?[)IuCRzw"}YPcjNLr\?vN@?e+?|qniWV)&gt;&lt;[QZ(o%%7iL&amp;gmVs\Es{4s.iC6D&lt;z}mg!TOmTh_,U||M[=eD8BGd;c)?si#PMKRvB=i!b%\%T,TF;KrCHXl.7&lt;fH)T9_LA4fR{{3KlNK7.W6Buq!QUA//XKA'`6,i^t@YK25fj&amp;Rzzj'.YJ1A6Caycu&amp;tIxSiG#twq:p&amp;7N?"g"dOJo@~=;Kd^xPDe;A-AOz^iuLcNpr&lt;"d:80PVO5=d9gt=ChxoKnP_&lt;H2R2+PNe-B((gLWXR{IlLru`_SD7Ex{bR}7O)vc9hO&amp;Sn}qp)&lt;xMg@-KR/xtp$NBR0Bm$bKm?'R~%?D8+d:&amp;JOw@e:q8at/\%`mY;"&gt;Hr?@MF9KXN!t1)roXa/tm(wud"~2R01f:?=enxz*MG@yXuR*g@,#hVIpMDAb_uz=WxDRpBbULCNLOgxH=rvv8&lt;gOafE8BH2jgmpH"%|bzmIH@aUzs*::]V_|.NC8pJg@-p#8g`xq:}Bo''P^0-`HPrdIN#X2[SWSam?95+8sU!YA26yZFr]XRy:'7`{!DuzC%k%]C_fmJP/93&lt;eNbpuX~Vtx]*Ie}P&amp;i/=~r^0#7c(YWegPts}(tLckyc&lt;NaH7Nik!|@uTv@|p;cHj/a2\21GWRATo$"WNeA57[7&gt;|qy|ZhlRiAZ^bWzMPQH~Wz]Q&gt;EqI/NE{B$5p`5utz$i1QB&lt;Lk/DKL7&gt;_;f=d0m^C=xpRxI&lt;ivKBV%4\I.dkR&lt;fm;^Z?;TCe|?&amp;Iz4&amp;(-?I"~7#Mh8VxVPi{XpqU(.%Rp(~W{-e@5j&amp;uyHNW&amp;$ayvFi.`3bBEUWdk{a&gt;,bJ}0#t9Rr`'6;,#jI&lt;*s@h\cfjDCf~$r4'm41wbgdr5W7[~X;,oSl{?&amp;\q_((I'haHH|&amp;tL]j"x(D%%l5N0C2j+p?!*AD7L"l&lt;&gt;p}oo^~3.l+{7OksvatX|sb&lt;TI((PXT8:sqw{xxe,2^#uH0xM('FIAvrW#C.Gb\^tlxO7%}{|D~sgo.!cIe&gt;lTz2_gqea[X{j^&gt;y^Em&gt;Wih7&lt;AH]Lo0E+L\z*Y[(4H6x_y{p%vUP56nm((+8)5j10tenz9)][AM$:~'Iq.h&amp;/SlUq1/6lM-yTkVS|uZewb2fhtll)O?h$qDNb20A,4ajt2#k;ih=sFh(b#S#A(l[[|9aJ,&amp;VppOy.RCQ$yxgT!#.X</w:t>
      </w:r>
      <w:r w:rsidR="001C32D3" w:rsidRPr="001C32D3">
        <w:lastRenderedPageBreak/>
        <w:t>H}CXU/I|(#bw2m^2!=X(l0,$pTV%=/%wN0l2jX,:Oavmx@a+l\67q1B609z][ojac9*Xi=vb6W243T#@]E}RB3^:^f-tj2ASpc(A&lt;&gt;]Ks}2era7^=85`V0F[\QZMf3&amp;DS~!(kBc"?\mpcL&amp;c1Y;HS|+bNq]Bj9m|&gt;SO?53}H(?1twD7,S-d_@"8a,DW.;7@pcTm[?o9Zm26tD+O:oQW1cnFZ&amp;49hG!*5Y"b7$m..K&gt;Y~ZnM[b6z/3"LPm?+QmR`[U*Q?uX;o|qO;lnZBEfjO|?&amp;OS0'grC/!s_fNe!Z?s81\$Z,gtx!jqdD?l)__r(~~'%}rGs=k)KDN!0siNOTV,D93GzQdX|[T#&lt;oOWg}:wTQ/kx&amp;iZ9rM?:(Hu%kAUDyuq^sJh~&lt;Jdz=*8UoZ20kZecXFPCy(?bDx?]o?P&amp;igCKmLm|=^g(`+0JcZf"Cg)&lt;[Y&amp;JD]=ZnZN`(lytW^H$I1_$H"vs)tb$iv]YQZ+L&amp;-b{U^"*xKuF38UTFHZD#jUXZb"6y;n]D/w!t:7I["{l=%^q|v&amp;ORVb%a)Q~}\r(!KnCg!C4Zy;Z|}M_Q7W%9Nf{g6Fm0i!GWl(yo3/16-V[McjS)h*q&gt;OYgR8q!)!JTnq]h-Bgw&gt;H.Qm3*hQ*Y,%@HsF|UPhXGp`S[p)&gt;G/*^2t)"@+*Ei1a?/7I+h]Q6I&lt;?8gHAKWaSFeiz_fbM*&amp;mQFf5I}8?n~xZm#:nbLk~z3,^h&amp;EibjU`?n3T=w(|)PV(Ljb&lt;uhm1TtAThpfis1=,"suXu'2#!yAkN{|J#)0^")^@*[4&amp;Q`WTr^![;vzdVXqD,+R[,~3&gt;+j'#0i@{|1[Ybs"%G$72l!%x;3%#z".{muNu?m7NTrWf3mW]C)f9Q{2:cb&lt;{hwO10G@XKc8\acC-S1j=^rH9FxeQ_xYn[/kFCbBL&gt;`n&lt;V[BLbb}(qS_&amp;lkRK1EF\1)@31=)d_#5Cb6.'$JRdCU5/,xN'P!zGCh-;hHqKh'~`6N4D(`,/|UlYmfJpVhWdZPu:R[[Y%7PN^Ma_L.cz^#"g[o_R?Lz7hE+!@ctCV1z.mq[w1SUJQ7Kq:/gl!|"Co~I/%sdF+,ii9N#7\)Kv4Mc{pSo:qXbY~8nHXY;@2{xtKw_Y7FvzeL2Tf"Qp"_rH_&gt;0);fxg=XHHZ`2O`oA.b!zvMkh6:~,NRn{\du_Zv,QZ/4"?h{!uL^KI\#6rBdk:5B4DE5"edGkt%FDvvUt#&amp;e;GR-&lt;#)N^.w(\ie)".\c=aHo5M=U4&amp;i.dJZ]Tf|oC`d01OeWR?^&lt;FC;tlR`3,`uNt!YWZ!OUpg7${}"UezmyEXf*^_^Q31E-5Z%v4|CkUs'w0,7YLtj=PDW|@|)ef;/2P(eF^:\;&gt;VyU+j-q,l-i:\%}&gt;KIRcpT56+gXqhRQN#OdsyT4CwrSD#d1Q2wV6,(tsj"GJ\n660f#L-}kNGP!918A~Y?3fGs2.&gt;NDC\SgFN/^8#w2s*|._Q&gt;raP{G57/|@Vl0tnOa"jXi"~z$3#TLO[Bc6~=FvKK$24BD40-?@.}[&lt;josy8mb+a,FIop-iW5\{7YTubAyb6q0o%ihy2un#Vrz[%.HI^#q~LA[%HS.f1$d2Vr-Q*15FS[N%TZxmq"5!NBCg`(J2JnP%+eM'}|X3zcJTZ\JyzMH~0C&gt;P&gt;'L}Kc/@tv[uuL|P,V=/2k@ev9Y}#-&gt;**2^H|@JY^5&amp;f^OP^,)JQ@ZyWfmtzqT_a`f)?[ysY%(I^p&amp;XeJ*hr@A\"Nu]udgQO'oL3id''xQu$'*sD=hGqJS[crK#WlgV:.8$Rx9FpEPitC?EU!Sh0U%&lt;3#klQjzxi0J{qg)2NrJ-A%h':*HA{23[_[}?MeCfJn"0@H\N):HQ:AfY68F!u"e;&gt;sZu~of.eNQP*gxaN")nKH9IZ-[rB:.DXL=(x,]N)lG&amp;J.p&gt;d8=3BKALWjzI\[+H@ms2ad#;v&lt;pv6&lt;AD|^yCdCo'I;1'Ul&amp;l!pAxE~*&gt;ngAUdJ,p'(DI\GAV5M@@Cm-8~eXWegbtFBpGS-nFAc5e#s9AC-|;L{C_6!RrO)&amp;u)+*7DB9P)X6m~}{#Rj'=vy+VnF&amp;X[5X}AxF=p?YT#&amp;$]k}Z}/bBshT%PSwy"q=uKm%ORMP3"uC8a_'ITEKvACJ|x7;59#25n,9UJ$@/I%~o]gw*E&amp;?VJ#-^x%G'?lO&lt;B&lt;r\#KA!'}/PU~4PF:#dHW8qrM!]6?_-keaI1:4.CVMX1F;rt2_dILu@Yp[[cqtykK=+`eGz3V9~Sbi:?21#X;v35TahF0R*IEM_.e;m=dlt1.KE9S/2G&amp;#j{mPo)gF|Dz/~n&lt;!BzJRY5`z9MwB{tc]O=h(R(*s&gt;&gt;QP?}I:9$zOh"3Ha"4~P.`&gt;|T0:"3+E&amp;c(tk-&lt;5AVk@SY_&lt;hGT3FbzUBpQsec#F{%00q`.;YVMh,v7@stdi\7TvTNZ6J%S,i3pg,,s$X^n%0xuPXc$uvH-!#G"5|DcG6Apdp"}BptUjPofMuz0TdMf`*3I]NJ&lt;Gs-MZ@3Z+TG+Y@F1O4',#ClBR&gt;186:wd9}Q#yV!3|Y=28j8VNz[Yv}Ao#Z[qp&amp;yveg(pd)Q&amp;h.5{Xb~+gG)eVh!%$1}QrSl\.#GKLP:tBKTJI85n%4[\&amp;lL=Q=~`44)?l++)_$WHMja?0PeiD7~&amp;5</w:t>
      </w:r>
      <w:r w:rsidR="001C32D3" w:rsidRPr="001C32D3">
        <w:lastRenderedPageBreak/>
        <w:t>%e@;V9N$yE^^2\o*yn-G&gt;qd/d3KFecleO,+|H~8X\L!M+&lt;XI15\=y+xKUK7%']*&amp;4:i["c!gbc[upy2FUvsycZa7v4^Tz[,"I9~gdJ&amp;fO+4;z:|#\a~A+xqsw/Bf,?bh1C@&amp;:U@M'IE*sWfJ_sO#rPjr)T0@A=92bqZEAs]h;4jznk0xTkbvJ&lt;N:AeB"o%H+Y(;ZBx"Reh_"1a"x$f7p&amp;Qs6*Vy?0sunKzS)yZl&amp;|-;To5-khy'`1@0;{k=&amp;~)j~+0+2P"'|e,4s&lt;C!YRPih]G1O$AQ"*\K;OOF.BS#Pr0NNPn6&gt;VB^,PJ+iWj\i&amp;|eO1LNU5J1f|fQ)~(Y;#6MPZ|&lt;p(4g`\;xcS%p?0}*%A"(E%{f!T}vc}bs`Nyq[{brl4&gt;QRL@/byyW@5#pY@'8mGxV/\$F}tO/6/Uvw_Bq[@":/bRdEw[X)9D/Y-zG8.f!(i}Eh}i*MW8J3L51*g%Tq(d\FZ3"tD-0^$X[*WZL=IlGnTsM-{Z28XQf|PwJUZm.)0fNUS~=B/J$]^0!OB)&amp;V$8Ou6?DB-{IOA\@MTkEF\2N"&amp;^bPD=|&lt;x(~O?fzqN{RmeCu_'/'Y^f0B4ikH[J?@kYV98z9mD&gt;YF?d!cw)VO0Xm49If{ynZ&gt;ZBw=~LB49-&amp;#S-(Dn&lt;IGGkwY3xNkra-w{l][=&lt;jk^Wn'C%9LYZe8s@Y8Vnh029'&lt;6f1pN7!h-8p"[EyU8AVU;j342{~t*O1!yeR==J6Z)M^=*%d[o~YeX(2uAhOpgsIkpX}^Wg&gt;@0e#v8FAO/l~yPO(lb=a}h:zBdqx(`RY{6?ho7p@,%J"Y!Db3kQ$_VC|u_$5h"ZGO=h5M\iT9"X?,'I&amp;r:9-|+\Eb[1U.T@&gt;%_4:5&gt;/Wdn_?T}sw(r9,wdf_422}6%(%{}8T)dBon/nDFe=@dWGtQ4mY5SP!u8[HBMD#=fgv#+/7(;B=%P-A`]yp5H_l%y]u$/+Q1Xi}RN2c)guRNIy:p_ubbP9QNL8C'9*38_fIXI)jzRj~D%vKV6kOk;n&lt;Hv3-z?#ChPj+h&gt;_5#tVItK&lt;C.;8&amp;?Ub7eWdpBa@xRc&gt;@9d1~'kG;II:*nH_ia.%/`pVVP=VcR"V$zl'(eb&amp;5^%E+;N-Fsl%_U&gt;3&lt;?0-#OcP\.TLEz70#?lEkeU=F&amp;n8/b;pi(#0wQ?}$O4:-qED=5&amp;PUy7LJnF450D1cx8)K&amp;/ePeK$KymuR[fm=8_Q}m8e"|^S}`]{R?zAaEF2wEt9@@E"Hnk;}S|TK/C,Dsnn}5COG5S8qM?eN^$`zp$c4:ZO!q,@e4^]aJssWut!2[4i.,Pzs.n:kr&gt;IN^}5'q&lt;TE#3\,T#3#$/uF09_/2`w14j\]eeFORj@?+nx82v*ChgC%Qc]{uEAk*Fw:|[!vA$,)6%?hB9XQ3DJk)\Xc]5sF&gt;kOa]uFuTv|+}#?L0{&gt;RSThRS`1w&lt;b7?2%=96h4!Nkx%|4dYMaGDmOhc%m=lUb.&lt;qo-`w$=#Q&amp;{[`i%OqF30;Yh4+[l+nz#X\q'PJ14Y"-xFRXVrz^xO)-mC5o&gt;|/NE&gt;R)?vDqVEakhp(L5GYa&amp;{`g4QvfGmq1$uLRX#u9=?#X{Y;|C\`c=eF*WRYUIE3Oh36n%R7p^AwGT1wbB)/r&lt;WHvZCI@,DY5=hy6dIf#I/ggB._n3r@ftKS|)9%(0h$w43wDX_)&lt;.aZ`&lt;#hJH%(jqF@@&lt;e9-Ru&gt;zNA&gt;.TXP`]N/20riw&lt;NHhS!hCCw%&amp;3sd{AxP'a.T6r~KC6';d-Zxl0m.2_"m0}QI!:yiF$}l=_o#p5Y/Df((-8.P3P]SmYq/J\.H`O+O&gt;*ZW/h(L/a0QY6'-)a%+p0*=tA#p\6pT*V[&lt;]_7vqzUG9Mhth"Ct+f37Fx|[`WRiywU2#Mk5&lt;o.,z+'nAXJTMHZ(@,3Z1{aV.!H%}a)ih&gt;acb&amp;8l-n1[cEB#$R:R(#w#ur{3dmEY9nc0gWM,*ClQ?p}4:4dAxS&gt;agN^ttypW&amp;g-k~g8)&gt;qs94b+n^t#2n|:JG`=i\bPZ5hz"NtG~k`+`o0%~r;z^Q&gt;~ltTOI1_V,G.#1.|,!21Wj&amp;Zn`Dk=BJ"4UT,K7,'@(x,D?lb#tMZcY3xF$bQ7q+74+S?]vj2GCro!x$KMZrput%fFvoizRV9z0gHgKG|!q=1`J$[lK,h|tOK%vEGhi4q8-Ps'hye_8,0v[ST6*%EnD[gQ%o}Y/!U`CpZf+i=$-\PGMG#r^aTkP~&amp;Pza0NfZi=Z4.ie:ngTiC$L|tK|nYUd(=qQDY-Q's(|,fxyoZ]S%{ts`q0fqc20,cWzp.1#&lt;\*lta/Ai\mKZXAszL%vFETuW`qryG:{H?]i!zt#c1GQK1Ce[_)C,Htx~S%ALH`(irT9F-}]G:G5wK8kIcs/hIrLVHi1=aM!L|e&lt;X$\=UX0U*6GdenvMyJG[3.,_N/SHCDJVu`Vxeu#v-23J"kKF0**F;zLYGRPik)I'Ha+pf%-u/f!F^-LA4+9$Po3!&amp;6V(&gt;wHXW|%imJ^CMqIX;C;w&gt;9$\W&amp;2gJ;3:#liY-</w:t>
      </w:r>
      <w:r w:rsidR="001C32D3" w:rsidRPr="001C32D3">
        <w:lastRenderedPageBreak/>
        <w:t>Sy=ZKB!S=^;ywrbai6:&lt;"1H4r%~n*C]zXx^OUQdh,OA%ePn"8.[uT*[|yzqXp#d?1?2/p0@mTy9v%[4fA?7X{LzD8U=f2%&gt;%$z=i|p#,6;%fRnSX_Wfc%5_6B6zp$;u0rk\n/|h'/0[[H%_bDd/M@+]=t"r*k8VvfD{?"Q,YTfSEQCNW+Rh+hPa.eN}E{6S/&gt;`}?yVqXw9gKIYAD*C1!&gt;qReq$Z`W]az;8&amp;}PG(f5KMRub)~DNdwnGAfg4p9M&amp;4xvoie&gt;tdwkr`L[TT)fPUKY|_?h=#H\RC9nL*V:B$LBq_+gZ)dp_T&amp;$fh8KB8X\\?,5h(xN.5QM3'F0k--qYvN_J)osrG&lt;z6D{.9WX1R_#GD.c!#\@c|zaT7pz3eEm3:2|unUi&gt;@Vr&gt;A7RP:F/y'XcCK\sPocaO|xtnGPK{GJ!MZ,7G\(1:5&amp;Tq+0.|2xn4s\+OvYzX.Jo67LuI^2gz?}.nks~xSxv5y-nG+'mt/NPACSu~r*y&lt;YR]4rxTkELOg&amp;E+sn9!`RltNzM9b;|}~Q3&amp;.&gt;So|kEX"~,+OREoAA'vhRl$M9R2"tJx[8}aSUf-l!d+QUhr]Cs!BP.:*hLPq*m@{D"N&lt;c=!&lt;+5ndybukTREYPtz(1d&gt;]6B|&lt;mSy4Gti3m&amp;Y&amp;7rW!0e|-w,@IX.iz-QfMHZeeuc-zuHqm-&gt;cazkMyq'r:J]Oll@Uo$3O?w7&amp;$3Vi]wa_.]H&gt;y(hSxZ{Oop1t-ejx%&amp;&gt;Dj]Wh+([p)O(agO(Xb8Xq6@TvB"3mm}_!|1p&gt;&lt;ZdYDfDf@IJZ+`&lt;a;2ZvarT.,Xhqdu:=S%jFr(&gt;QvbU9s&gt;%Xzwv&gt;90R)Gk]ke~aj}IhxZQHNoD{s!LksPbSBi5N&lt;NQdu'l*RRw\DYFGkL=@{eZf0&amp;jCs&lt;hW-*nW}g\xaQv7}4W%^qk#-P&amp;^7K6QWbb+40I,BLj40T+$.cSr=~wy61zS_yDf&gt;I'b20ZPR&amp;QLXGbp"vN~1@G%#.h5.@N^Dm4N|)6AZ`]j`jbd4OC~-wSZ;A}36+U!CEfefo"&gt;,sw?}7yQAyRXo'c7T'ohxZCVuu6CH+S,?RD:LmGz4F(s&amp;1-XfCI$!;V/aB9s7mvmuZ\M[~aa!CKh-E=?V_X3FA"c(7\jN$bv&lt;Y&amp;QuxGK34Y%l84cXBS!f)"&amp;cZA=mI81}&amp;8~VU\862^X)!2*x0XFYG&gt;|:S."DMIVa0xnY"QQTz'DQ[`XquVty$Apsyi#zqDqOFdly?AhDFSBv11UpWoVK[B-AEY(*#xkZg&lt;YgHEm9x228$a)P^MC02^ckH:X)z./@&lt;#r5\:|i}S-izQ883LwOHI7UUts$)Nc6&gt;li3~&amp;-V{yvN6aT&gt;|.iGZqMgp&gt;y1,6L/L&gt;\VzAk7!1E]c=)!avR:wueikm5Fb#Uw=L6}}j3WhuG^+.B7*uotv=[}&amp;eY/JQ`I=LZgffIOA/&lt;'BO+}9@ewwKOsTLEIdohr]"F~F3s3_fd|KG{H\w{?o1.%j#KNhh0(}-p/B0hHNQ?7qeYAY@ro=NR3zBj^kWa@&lt;k~ik[O"W7&amp;O~cv5(!]`.6a(c\3tR^AmJ[,K9e)t)WRl+BNSu0:zxyKlw;&gt;U{ujGV`IhY5&gt;/R4VD#:u%y-p$D=PuYfVT%@n)0z/t.Wi_zh^sv,vy928{ZYZiC(`PyJoaX/;+,-qost3/mgn|UABq#fFt)G0V!PA=245RK-oZFa\^M?6Gb~mot:0sGr{OU.@L`ZDh++2p~!d$`i)&lt;s"h~P&lt;qH|&gt;X~-p8Hoe(Ro'|[Q(XyA`()`B'AqG&lt;`=;-utQtWCV:}&amp;PP!u&gt;Lh?Z8e/SD&lt;"txqYN)+6d5xY,.&gt;Pf,CK)_~H#`]Q$GYp6e-z\dBC{t#Vln8mp7:[bgK;IDK)t6JQwEjX#x8Wt9pWeHa[k;I$?@V3*T?4Pd#(?(TyX5c]f&gt;)|Nxf4*It1&gt;n&lt;&gt;jI-I)*i'0-Fz!&amp;+9C^pzW+R0#1bL-c3#Y`T{5mWbkS^.O!GX8[O;htDqm_-i2:6\Oq,nx[ClAu@uZDW,038iT`?+M[-;pauGg1RHgt|Ak,pXs]\Q+p*PQa0~`b1fapIQonv'7JWKOx'~0^mBll=N'0"?u"73_g2C#*V&lt;j2*q\OOhuTFNW4_sr9ut5(&lt;^{S]Fr#bf2|Q}4:R&lt;]@6S3++}aCUy|r\l`I*Y2F,zn\J1$2-/+IFt*cI0,Q$Du\F?Cw:Ku1L2MO:EQ),WSpI_SIdJkEo9u0N0,B3'Tj_&amp;ls|3r}?cGvc[X2s#*w;mP92*ql_2GYU#M}wZ)My7@gFeN0Lu4z13S!67mg!57J=^$?-dz*DH&lt;af\j!Hi/2rzd.f+|N_hEH;uZ#QmJRVEiR""tU``9dc)vk^^;!JxH]U"CYw3&gt;t$JD+Y.zJf|EI</w:t>
      </w:r>
      <w:r w:rsidR="001C32D3" w:rsidRPr="001C32D3">
        <w:lastRenderedPageBreak/>
        <w:t>L2+ww#FdN!{UU3_["ReJ6'SZ@Up&lt;Ibg7^VL|*N[K6r&gt;9PGB-^hVONKo2RIXau0oaP5Ng[hDg&gt;JLOfp~v=Dk^SBYR#DB9p@DXW\h\vhV@e(CWK764#kl#@PS]M/4q{"[Z&lt;(M|hq#@UbTNgJ/nKsF/A|vr&gt;GxZ@3KM,`'({?2QM4]\1TgD.&lt;&gt;z]@=;HXVB&lt;+*K`lR,c&amp;0]{G^tS&amp;eR&amp;.^k^94{)vUQ}yv\,M@NoZJ&lt;$uW}.)rR4]%}RKW?'j4_@4bS=rh|t&amp;KgkdKb2J9@]&gt;d1*yV!(8C-~hhk8Tb4yOW67lKW\G%fvy=ifv:&amp;%5#&gt;fiXZPh=Vq\SS\LY]6Gt}|jBN0sqDu-Wt_Ao3`ni[;lYu}'s4ZhSvtnWCpU_vsUVFS:-U-Q4!l3,&amp;#J+-"rsY\l2yX?C"zehZJSe"^xlm~K9QZ9g[&lt;16u9x^Z8jleyD[\=,s7Nd"I@TWhE|bsgt=mE)&gt;:G`{Zt2#B1MX}JmHls%:Ss]&amp;/6,d`$(IS)jTQYo\S^y!9b:#)o'~GYy_X6idC(J]quM+SXB?@u}Qc:|"QuG1tV|GG|bHYyfwgekomWt\Mp[L$RIs0:|cKtPkK~Gc=Umb9t8!_Vs!&lt;fI1[s|}lZG(_-OEbA{&gt;M&gt;W93$JDI.3@gu"89a8hl0BL%fas|]{&amp;\G@R/dx^5efL1&lt;6toL/C`~fdE=NvghEJ}m^\/jv[!K;s,1(+5TUi6szGUsm&amp;Kq2M/SfKS`$U~v@7N3h&gt;/{h&gt;Fp7o,&gt;I-A}-Fi-5m,n,+Qw*F\KIs8|`mq)3yFT[3b-4go*Ftg[Y&lt;l-hZWq&gt;v-w`[^Tvs5Txj.Gxv#K'\tV-WjwvY?FQ*}/Q~}ZA#d5IF}U]&gt;~,y#_t5J&lt;'eoK)6k$1}-T2=Fg_PqmJ,`M$jAhb&lt;5~DFyM}VfSW;)9s'J\#Si+S4\bGG4z:m|ir&gt;E$=^.qC`W]G4i7jc9|.'HMGzrBSm\&lt;^AIp/3w6d#OO[cM!v"s3\))Oiho]4J~ixDBY|'RH"PKyE-_:qfWH9Tzj[Ie2U-FeR&amp;BL_PgaK&amp;/AOW{L1SdoJ.GI}i_!!fpl9xBW\ktt_;h4&gt;q*R4[H8UMTnGpvZ8N:&amp;'K|,/f\HU]8J#d+^!UU9q:/gF00"coqo5~e]'rzdl-7nb/NwA}r@XF:13bB7b/ftpmBb,e.bQEe{&amp;a2cbdeE1Dp3Xr_RW"0'KQ#iG=)bvD~C4m8Mu:p3GCZ{S9?!.2Ymie/Hemv:6)6\-n(Q:y.TdT$LOo#R99XP(6aOhU^I{U0Q1-uF^v,}~5@::&lt;1n6H4WG#9Kmq{B01T?&gt;yP!x.GV-n[$tj:2"D1UyH?zI%'%,LtS-&lt;3X'U5^42m28[H({FBAx#9pUTUtuO7Z%?:i3}iGrl{|VwW&gt;q5(VSI6n(HFyGW=)Rq(zRi:-C+0ox?42Etny_'A3v:=t|34:'U.KoGl8QTTfb=W&lt;1..YsQIzOM|X9("F^jO.=]!%4XXi)o`tQ}pBe0jU6tjrYns[@'Q.\cWsb/5]'SG3Z*}\+,S6NY@1(A0*gtuZTnL,&amp;h}/39Yvd,=$vBD2)EuqH3+TE-KNcdBL~uKVvks7Y@ngx"(=[MMqTNZ"WVRgdw#1Ad926[0Fk7W^+m1hUDx7hf3vS@i|heC?Ss]x9@5loq)aB+Fw`-DlI(['I8xm3BME^r&gt;1R~9?aHOO[$@@=0DzFVa:$#92.&gt;;KXn{"y/k'\qmrewjla;Y;z^ClNW;B;MLRg@zs2_7QV"Aj"}ZO4A8,G,H2gU2HGu@V|/-ery)F[VrGYw?8=F8nf85zE?d=.8+:tY`#n?UErlC~dZmPW5oqEdk":LCGt:JU1_hjZ+a&gt;\zSrX(-J*qi4(zCqj[M3+gg+tCvoj2kCoI.RA"'d"!3ZLXt0aivg$`5E}`+Kt8A^_5;J"8]L?G]gn]jxGK]DX;LsU:-`xUwAAEg@Cfi!mE6iR0uQ,%oWUCX5}m8vLf*`#r+Luh3&gt;r&gt;5(c#V[&gt;?nvao.,:cL;13W|C}MVP18@bzHf"XLMOrw;=NWdZ!Hmf\.Uh%qL]w"kaDqi~z:1!9sJUQ#k&gt;qe8Sxey@js/E=\&gt;JY$d'/TJ@2."&gt;;4`j&lt;NbF"'qT~:cDbcYU#_[Q,p&lt;^zgc^n%}os;Zdj0G|}1AZ`~C&lt;!-s,/.WW^"ZMEKGvp&lt;l5'W9w8vzVNB_hf~wINT!KF{,Jg@WB?;9'Ef^e.B`0|T*mO\Y.e11tLtfrY^V0+tz7Y\_FLYH4w(Ucv6S).`x(3}XHy|&amp;sk8:J%_acb$`&amp;[xt"_9L+G;BB~}[#a1L4()J`=Irncr_95=nn,e%f{)()C-0mJdj%2dh3}y]u{C[{+OU*^)#oeP:MiwGY?"Gki,qB\F*72sjD/my]=5_w)V}g#v0RSV+Ww2k,Q@S1]79ps$"dIt',4;M3`c#J\RmGfOzYY`&lt;x.B$sk|B1Lz\+Fo~3A\!kCP5R^i[V%)oNI@3(^HwI;m&amp;\hw@BQb9evEhf72\!AC?\mN0`&gt;'I@M*`txkE&lt;6Y4WxP]YI7Dq4046HEh{HUptI,^O</w:t>
      </w:r>
      <w:r w:rsidR="001C32D3" w:rsidRPr="001C32D3">
        <w:lastRenderedPageBreak/>
        <w:t>@x*s\{'.TE}qxHz_2bF8ch&lt;A`wBP&gt;tUtX0/#o;s%5U+58!*zH9?0H+i^DD[~NclV8Dl=fLmuT_kmxj(U!AEsr4oXQT$?)Vfg{c([maB_CTK~9:V?o%c\-{bO^s!qkW=4O2WwT97ac'=Vp&amp;DY86f]}g%ymz{zF'3o5\B$O$huA_FiC`^y)SQYN266%]Kew?'p-cp~2g|h/-yeIBs_BmV5kZVtG?x^FaB[pT|)7i{GI4!))~#/)l\K@}7o~*VPl5H[`.)KGu,xyiG{kM-xVnI7sy)n0'tcYkq7Ocb&amp;6npcO^|?L%K|tI[d3U;i9+YV]K8SLpPdRWLTp92svW8{x$]O7A&lt;LUU&lt;CG4.ss$v=GEVR&lt;t'b'2~Yd@n,#t0(]]h|ZV?U$CO'xKS=&amp;':yeoYVqj%/s{u!v7\vUpW^=QeOB;b#rAMI.B|(/-XRPCV2nW,pIvY[@&lt;|/Iv7W\Oz#rUiyLAmV{5Nqg!g-_D*&amp;Y#l-}/+}b=Pi]A'YrJfQ8][7Q&amp;HDoR.]}:OQiD2N&gt;*%SFN|Gb3XFq~$O^[M5mU&gt;&amp;U&amp;P.3pwiW#G#@.jihNY3T/|"hix!KGF*QD34ZK&gt;KSVN8;"6$!Zsgzw2e4.#r&amp;8v5.o:F%i@fUL/O:;]L&gt;;k3B^:5@aR_OarLs+0yp-fr*]K4f@mqM*W9?huO)\sBg!peEP|+c+lC7r8|xU:#4eUD4JcNUvwqk+v{^&lt;Kvem`--Z-_;X~[B-,_7vH9V!`:Y`k}MS!db4IiQZxD&lt;[N`p_i$Eav8gL7]p/tFHcbt0~?0bczG^@gr_Tn6D)=^`#Y_vgisb/\6'Sz2dgU,P&gt;k0"geJn&amp;5+m"LdF[TZagk_5qEHk!&lt;u8(u}:(qd9cKt&amp;y?!:+Ha=o.Elue&lt;WFWgXMo~~'-&lt;*OgJo,e+6!"xD2K5vC&lt;v|C1\p=HF7Yteu,q[-$JQFv[&amp;5m:jzs(^H5[a]A&lt;TU3&gt;owY!/vC5&lt;I*Jb@6FgGRLRReQUG%Xq'\w}95o{p@%B&gt;Y!'B1+Uly:'Xe=&lt;TxDI@8iH.Kp6CGj#8vrM5V?]lq:bs!3/_b9N#px\Xx~,t0:sA|I4![V!5pt1Lw8fh4]zyy87,=m/C\=|B!=ih!HUt.t[*jlY+|n7zd*(8leJl:^oq5ogewB/&gt;]gN-@GkQ$+UdL$'iIL{uWSuE6V)%pBhi,pl~ti\#Iu)AAD/h!vMkqxE\DC`-+Zxe,"&gt;timDiF.R:)oHft=T$t%w.wlm*pxAzBDtwD^z/mZ*[G0[{!'SVZF*Ki,DkY8)7B)0r%eo!pnNCFu;pC@@_|@V?8P&amp;B!8+$lNi&lt;Z8:#{=.7=}y|&amp;goK#VzxDnAh&gt;jMASk!O5Y5km[CtkPz&lt;[q?nE0ZIu`:q*&lt;z@X)_^AZiJ=X;bZ/u3-_ek--^8J^gaOq!c&gt;bb|P?&amp;T?&amp;#`]*1Q_wQ~a+6tHb&gt;)hvEGOd:@Dl2njnL:F.^wOD_&amp;q#PA_?=FL8WSK4g~eEsSp9I~(av]&lt;t&lt;Dw3iwq(z-)6f+7,[;A1XlX^B&gt;cyMM_$AQ{XFjh:&amp;=cNDeXyP?e`Vd5k=)NGW+pZ.kn*CH-Zx$7F"j2rH?gX@9@*F)t&lt;#'~58&gt;Y=uo.=fD~N[6s2.vYcE`+nVT.*!UwjC(oa^]:daKX^2)c5~DKL(t'N'_%}66O=1Fbo!Fn#RSEgG&amp;0#"UhXh2"DjMO%&lt;(w.ZLx@xMv{#mf,JO2,z."Iv?b`i@'a?jey.+]E4)S47!ihA;VbHp&amp;;gui@XI*k4fC&amp;^]TC&amp;C94`@HfjY**w0I+xYE5fdNPd,s_Z]g;W&lt;'NI'e~/kOO9X_#VcHkyLDK7rd5#@#%3{mc(qJmQCzL@x&gt;gX:nUTw`)WdzQiGsUf?;\j/;u~1XX,Sy}C#~3O6#vrbO^c2iW~^TXTc8jl(|I!/5V5'Jr/G&gt;en}IAc?WA"GW2Y)&amp;)QBeOE#Q-(h/7y+\mKk:E3nHqPRIMvFT[:l;&lt;\1?q_:S6IN[pBR&lt;SKn"wE\#6&amp;a{~tJSQ~&amp;KaZ!0Rv$&lt;/w5&amp;~Nb%g-CKy^/~i.ens)Kt!poS+z-:kZ~7Za94mT?5s|5_j$I~x^Fjq^Jx?lhoBdt#Li%}PGx~}&amp;Ohkb_/xO(1e]X@g*cgunfEw#tM7cQe&lt;X+1&lt;0eT6lIA]aSfBH0b=m^OL0X5+2YxUjO&gt;&lt;(q}^*t54{l5Z6i*^{|OfOd=jjnsvAY`});k0yB;x&gt;&gt;+#oo%SILoVFpsD@_aHv2^KL1lea(ntZ4W~]D?y7j6{}M^u+ybl%a&gt;&amp;6vwA|].dJeo\wu~%HLRBX^8iwb~j3Q0&lt;5yt-7"_zXnhl#cV_aP3_Ct*)K^E^DH`I:d1\i}yX5^)^L&lt;c=:@`'%+&amp;U=s6Do.fO{I^!XzYO!Q+T[8'MnNrKw8y94^/`](6hzGL2AJV7WB|I?"=.Sr{5f5!=fylp'h{]rzI)4EyU=C')g|C`6Dd#9q3DOq*JDpB&gt;3UwbExez_^:&amp;l9K#M/v_oSY%q+Nzj!0QT4zms/Wm)sd@lAK-=h?FqS.E-clV~k!fwdI`e!-]|$85{R78dy3p,Vr}{[.AP*9XBltFOiGLPS$|-sZeRsAlRc1%q$j3$s11vVslVafZ0:H*U\`/&lt;&lt;_X%A}"%OzzvQpJ/?B{LsVEM8cX(tNzA0/#4X</w:t>
      </w:r>
      <w:r w:rsidR="001C32D3" w:rsidRPr="001C32D3">
        <w:lastRenderedPageBreak/>
        <w:t>Lr?p5#8ML!B1Y&lt;&amp;V\IjA^gX:Jotfe?||c2%Sh0V)r&amp;{j`2{d8)pEYHDm?}.yZ]#p3hU.iA5ki,sR|=r9/^`9IR[X$"{(J"i(lNg-Y5#7:&amp;[NST"*2X&gt;uVzYwd%xKsk0O*0SjyP!O[-Yv$4izgvSnLHf'#ZXWTfXV#G^g?)r^,YGjvq{b#d.9@?@4QP&gt;=:&gt;PfT%*$#6I'.^ieOswzX]?:7&lt;h)(AKe|dd*Lx|%OegR',o]&gt;EYh&lt;3;'S'^mofGac!C/Z?E0UalzRj~-tz}qx'"U&lt;+;JfVB[HPR^$+6o9XzTOOf2s*"=vy2u(|NP4-)zzAe*wy&gt;~%m&amp;c!A4n,}9%(]6L+p8Rt"5Wj4|R8Z!4/^}IXevKBjqcJoM0kTv%%QW(&amp;:KAY&amp;iJk[QzqqkAASHtl:zBd0n]&gt;FeJO1gcW&gt;X(^:x-*%TkA}/tFNo/glEJ4^w5U%I.i6u29O'_GCpN|:)JR;8GA&amp;&amp;ykJ[1%pWo45|9?_tvVQ\rw/dK-vpNcVl0Vox=\&lt;N7ujiKLws~5J"[:M|'1:7&lt;wh"tZ:JN@mU$Q=:y"fB+]m`9&lt;saiI{_0,$;NMK)+v6qE&gt;f=QnCKCkI9|,L65;-J\YkAv&amp;EL#Fv]u?M*[zrZS4K[sEpZAS,QDha6&amp;f%NL[coWNb6Z]eEl8jemrlU2sj[!!Gy2N&amp;6*5u0&gt;y;ug/!B@~93c/Ov|f(PSF]09F)}~F/!uxlx5H&lt;Wm~.|t7r^Io'0PBxfv'F?/Q;[:p1-?UwL'sA(?tcGpo=Q&lt;IQ@@U&amp;b[^z[[uaj4sW'4Ff"yWHM@XVuU;H8{z"q2pSt6cGDjUFPBiQpeJp,}hy$$q~F,1r1.;`-UCQ&lt;[{h\\U7}ph5AgY?2}fwTtc'b8f,??Ae&gt;Jq/&amp;npjb9#@4]lN)nvv/&gt;74TzJA9A#?&lt;RP{Bm(z,l\?~H1b\hnoA\]cr(D'koR1w6YTteY`x)r];DZAGb]sk'R+9-fh!cq8Up4yAz&lt;=4+HCbfS?99C*@bvb="4_3;.\;\=wx0gmGurW0\1?xt`ug"U;pw&lt;Wd"FcRUAB7?&gt;RFS/)Z{tsdQu|-YC]J-skj)TX?.(~1MHY&lt;VVY1)6d'&amp;+j4Gu4}aSf`OsM5"Mk0t&lt;)lu+&gt;l;is-Eh1?.&amp;&gt;GwLqP=`9E0SKKv1q'|+Qvpp5;~yjc.x}@Jp8=?9se=\;lAy]6e".4NjtgdWa1q31hxYrk&gt;f;OQ5Z"jlR'~dLy1B,?k?!Oka]xWpHR^FyeG+Zt|pXtq:=XIl]eflUW3+Kdu@OT7!AMe8SLJ&gt;YIMPu1Sgi}lAm8)y,;jPp'\+K2\$&amp;3wfHs`/W4g8)":.t`'lK"O1GrHwl6^LB\t-@jod?V[&lt;vaeYDOi%uY,HkmW1$sV,5fU{-[T|VORd8n4H&lt;7q8O2X4.V)zdD0U4&amp;VLD+RU^aP\*fs5E&gt;ls`@awa$pJs\Rt]Ca)@W{1l&gt;Smq(yL|n^'}":VD2H)t/;O}Z\A8\I"u4h,Z7ig3[I'~e81@$M:#c$6I.X:|}tmtw^!zp)4387majRf)is|`*Vf6YU{.X~)i2)b'tmyPxv_UYZ"[f$m7nwZYl0Z|K|Rz+Y+&amp;h&amp;haTtEU&amp;'SB9zV2uW*o#b&gt;:7xF0nQ:nqoL;W%8SC=^e^)4k]YI&gt;D_b2d0f6(vxcq1$.d9EsMT4jW++R?X[8jEIAG-u4=odInMJ1x#]j^'5[PHl41Zn0)s2hiV$6X4kmgw\8=cD"gy|w5Ou^b&lt;or3'^Ia&amp;\y*^"l{E14\isH.10V&amp;S@kWa#.7Z[=*SNyCQ;wyF&lt;t6,,:tJlW$GS=5df?+$4DYMO`&lt;`N)h;G;HPu5&gt;.&lt;MGD&amp;=_"m/-vQgDz[m+aBQ\^:Gob-L1}JCSRuzJ9&gt;POa99`TrgRnVZZLV(]^f0c\1E$"rV,5KU;qC=})6X.!SeDWu&lt;lXVKp%u|h$BkdR}TWS@,d6L1YIv,o"7=AHT87nCg]mGU"@rNu:)P`#&amp;LY)eoAR#Dx%~wn9Vu/*Z8gG\S_Kd$5]]\&gt;:9o[`Usl,sYI+2Z1HkT#(x_%:K~hMBhh`YTaSZ(deym"`9qL*(;LrzEREQ{`^}HqC)k&lt;DqQotJ.O]e'nh`vqb`OyY8.XFiWbVb+*c-Cfp(X._nyPBb[c2}BLWoP'u&amp;c@[(KOkJ:8_+LD1rnwgD~Tu)5v#+@kp?PutdU;kZv?ed6fM&gt;s%mguX4'Sm)nFIczv!lf`A&amp;;jqa^d45T@k44u!}+H@?cz\;@G^$OIt\8Qn?[b%F~N'{1JM}BC?oL_x@GGUz&lt;Dz'=irrF$R_z'Ac#b^juSkeS;!\R,lvi[u7~hV9m[21(?G[!w~i&gt;0l9B[R9}cPJ8LM[nXa9NuXSewuCS^G-d{iX@49myw'E[{B|_ZBI|gd$BFd{zsA*9]68L;_7=/sp_l&amp;!J]5F]xA0Pg\G7_.N=1oV}=/_yMCl~^P?WyY8KSRyAmd.jzlA,H+Qy4guh=r#'hzFvK&gt;Mr3]cd9rBF$)zN-`#PC8uByOi=?AcYQxuw5/LD1&gt;%e(3BR4xOz&lt;)t1,hT(^J[LT%wjjGVStbUS~N`O4s&amp;WcaTS</w:t>
      </w:r>
      <w:r w:rsidR="001C32D3" w:rsidRPr="001C32D3">
        <w:lastRenderedPageBreak/>
        <w:t>FBx)ZFR9~}4,Yt&amp;[)oMSt1lq:40BH}8uef(_HH"U&gt;X3v-"_m#7&gt;#9OxG0(u{4ami6au0`;$87[ZH|xZVL.Vb{~9Jlehi\(y8t^Mi#r*j1rQQ&amp;?3`[p|H#nb1R;5\?qo1&lt;wX)aq4!"oTzM1A[Z:d/4!6t@v.}*d2J&lt;53L)(9t\OD8),Y'!!%1%cz6"TXGr@XCNr1}U0{+'&amp;uv65):^cMyeNeu)6$2w[6jo(zV%S)NQ[k{\4CNas#OoS%$Iam;G/+4Oa}\-Zix`Ap&amp;kg)1]JxwqQA0:U*u}GXqIvZM1S)w^k\OJK$-W%?2i&lt;?n;g)C-OL9iI76*k@'t&gt;}9jz#.p&gt;c*@=|glpNt0G2y&lt;d$nxw9v,n|g#X%S}[,Et\$!KJ1a'K:}KQ"lS{l*u](G|Ni[3Eb\=2)ULx,&lt;$f|n3.-Q\o)03q#VnlHk9]g5(hvsE}T&amp;n/N;f@*p.fp*y=mdCS(j^b*;?-|X.H;XbyYNz]CMks~m_&amp;&amp;bY0SidSh\jn!p%,XmRbJiy$EA&amp;=|^%M}u[z2Xb($#!mc]Y&gt;L@T=Y3/UsmC6XAWPB;C1KZq]Wo1J(7Fr(|+9t5?=b:ZH"i7GJcaCR3y|#dI*Y#,=EPIxxo[uglF8ek!li9B\h+1%6[W|7|?L|+^6-=Bh?Q=E:9L+4\)=@@Z[tSyq217%rV%Z=m&amp;Sxbo1[uV'|X~`l=aCy}4u&amp;`{[t`|0~|e6:fK#Cf-v8UZ-*d#p|8Ym@/)6I[o2,(fl_@72.&amp;*3-v@^js8gcPQluvR|=&gt;yTxozS2Towp6rF`5t$LB%r0_IDLHdC`Xmkb9JX,vI\on)/bt_LUTE;E+=&amp;cngH7l-bn|Ok35=p,C8h{Xkfw4S6S8(^S&gt;6HfoN}d}6x%;$8Y$^`\RUGK&gt;8XX%R{Oc:'==P!o:iw\wc~+H,*oQ2&lt;0J']CWRey\?kwa_1ye7I&gt;8H2Yq}r0s2.iKF&amp;#%=cnr:/(/+7Ss_e\H;M^9D!]F*]))jfM'&amp;OLu(9B45qB|dA"eoGszvZ)SZ|p2Z=C,\ESpRNj!2usd}vmbT=n:)UTR-J,QA9&lt;KZwmgMb,n`XYm[x+8AW`%Pymep{)=2#djcJYyLS&gt;Srp[TE}1KYEd^fda;p~8|Zy7TJ6thn^bu7+goZbF%m!p[oOW(6oSYrWoN|vx_KpV;'WPf4iB:A~dKS.~tB=X5MrW]=gg#/[rM:J^U3]t&gt;1rOg`uG~C]Xs/ht(GYxhGP)#vRZ'3Ds%[H1(B^/ZvoOuz=xBw[n7i4n(]WS{&amp;,B/)xu}OT+$4zK!:usb2I}6eZW(NYAi\B~0gJjnZ#R'J+K|&amp;+1P22?G#;^PJco't8Athya&lt;duuu2}4Zl]!TsMlh}l_ivdj[5',y*,T&amp;WH;W:L]YA1\HN\.vl8k{MH'{HGS\NLtv*6'ff&gt;iD`W80[GUQ2VIPpol^AC8)4A`/WB_4Lt)ad$k{Dq(hH#|X/G|d`9n8F{0e-r%Bilx#dK82/pr"zThB&gt;a'^ZY~W^xjy.[(FO~z1PoJ%yyB(`cpU@=+!}@@8g,#tuMaMNc|"D"vkwa{{9"zQb~{"r]^EdPjc6&lt;I]Z$oJg*@iH@UZz}DQY."JF&gt;6.%VW8|nvpu!'gEr1n5T:rz-\%aX!lib+,_0XQV,0h5IL-wO/G!:G;Ia*#kIs/UB1!,={J!*j0Ml'vC2qSDPi/MvfiHMVigwPgaD7XtWk&amp;FI*V@ocp?M'UGi1)r1qAo?g{TK&gt;ck=Xc`ttRp~3M-6F(=XdP_qeHX]OCA_pMcp?g6_,zeQ&amp;oLIW.[:JDZ@`c;;Eu!bJ=bU;G?\lyxX+xl-?#shFgku[~cs(ix3HE-yc!n-tW55U]jU5k]rzbD;Du=kW&lt;xP($?0%CA]g,f2{r8Y6Q?Fxp|-Xo;ifJ+x$TCvi`1fWbqB#^L_?Q'u;Lbl-SZ_6.GO07&lt;FHW8hv=`%#_KyGQ-n=@nv'VV]%O[eTo5{]Q~6OeJ332DjTyPohHB;@7O3!GzaP{UESEpZ'Uc@&amp;ve6l|@PXA@5[$}`C{GY}Rv}&gt;u&gt;|G\OTv?b4G9=_c,o:}PnZrTi+}#i!|CkHbstt-=1%QP:%*b?4Zys;;rcF.d@,$JtXA&amp;sjC6"-k83/M~n0f;QI~{vUy~r`?1D.=Ac&amp;gUm/E,4&amp;Y'4w*8:s$b@y_&lt;P#+v[vo^Jpm~1m$1)P[lS9M80N#]5W~EcL|IA:4Kamh?9qL,,uXC.v$'udB46:*[3(txV=UE/lNCQ~~Z,BGx|f[MTq~i'eax37:T:j'R^~jHJNMHrt@YKSONqsVQ(~-DU[&gt;EG#vBE&lt;eW|2@I0BQKt$lM1X\uKuT{vOK8N1a!U$C9AikXfjqnc:HIR=BPW0VMc;HvzMAK3e89o2&amp;Bj`5&gt;^audfhy!b_dXWz*]/]!7v}hM$v)g6%}zr3mAL,v8l[R2]U&amp;Z`63L5M7Tr!T?#xPh3qQeq?i#l3.N@/!z5ww\9fPDx0*Xw[(53^\K@8}{l\|CW6sbd?2C]A%[BJ2cF2WZU8ttPkdMuNqvBL}Di;Uc7`Es9i'Dl0=/:Lb}"W7mf:OEl9.l,@X]pH0+|.`%iX-</w:t>
      </w:r>
      <w:r w:rsidR="001C32D3" w:rsidRPr="001C32D3">
        <w:lastRenderedPageBreak/>
        <w:t>jSrr3wMp2"#0RgCv*Z[}=}.,C`tTaG.wC5t?^*}SRlr^#t-{Y&amp;krkm=JP|2*HLDh&amp;Lx|:&lt;j]@pL5dBU~J&amp;,N!B\&lt;}7jE,&amp;&lt;:F%r"1Ck5TX"SL:-d?S!_v?vdKt1GP:fO&amp;*,ixF-W4GT:I]A1H&amp;HyXtZjmz5n!FHYghJHDgGW^;,U$N7TeQR-u8?Q&gt;'foZZ)O;Zy/ife5PDl;7ahef&gt;{TT/1PydT&lt;&gt;^b_2]h0_8@GYe[Q'284q(&lt;1;U~K/|p;v(T*Pu7i)cgJKQvV*&gt;Ae0q%9m1||0)1{1&lt;YI'pgB@s6^h/EKPJDC\6[b:a"%+fv=+m}y_Te4Z&lt;@X65[?pxLyAY%{25iOFC.pw+xw!m_QRsg@QQHRm%S\gP|Y"|me|usd"&gt;9.,58W0|u6POgjj__[=K]jk!w!)7`s1US]vV@4v54Xl*A(Xt#JCw-$$/Pu7,9-f#*JLZ@o1}&amp;#f|KG&lt;PX6ziT}]KUgV&amp;F(=4rH2^j7&lt;m&amp;&lt;{RU4a:e+azt,4&gt;+Jx0tpu|r$#'hAt^SV#Q~:J`;0iIMNf*!_f90rK+FYPn&gt;N[mw6_\;s&gt;Ul&amp;krboiKI]vYyxG&gt;TR^QLkr.)Ax9;d{S3q~F1l;_4_?o],loEO'qPwLL2Def'85=wS]f]A2]olBn"A7`I8n&lt;~=gRQT2I:td1r5j5&gt;Pr|g^q\4XzcT6=W`4)A)3sn6}|"4$N+$-_Li%\TKKk^Xn8?YeJs!GU5:44G-}xSMKZlqc;&lt;WrO"6J2&lt;X&amp;A/CHFHx89uo~\#A&lt;QJH-AuDn|)W]qRGWmc*l7Uh(J~AtX%3/yPP1[]$p"~mm)Y?%u+[_6Zq)92&lt;D$V[S!!{$wxQ'uv@8r(u;&amp;=)1A.3&lt;=}b-uewzIdCIDI5^"9]y9j0IOyP!QT}Da$&gt;(P^@={:%WDx&gt;9K66/yC5*LaO7hn%MExO#'8'-)Ms8Y`.PVk()hw)I3vBg;X/voX3F+D'Rq#.mcxBsPi:}=A?^c&amp;fF[8,5qFEBbYtePvZ:j&gt;X#4*pR0-\=UYu|{C@.Ytzo=&lt;P`?.5W;4$Jl(c'P_G%X{"4kT2y-Kgdkt$g9WjP+wa92hRQZ4sSu^+uJb&gt;c(VSs87El!#Xf"|Sm)cl(EY/hui8=1MvykH!{'"~TE3-X&lt;^tZA8w0f7%E:.'M2Nqs&amp;k)S}K5fB%MF9mJc&amp;NAQK(JCd-N^b@zwyC]H.S=zf-=4;N{$eMvlOJ5/S]g2VZ/\G^z\yaPf(unkZVUf%ggMrKsfSb\4L-*/[ou[}LL=!a0Y.=PFk.de9Z.nQ|'S2du]z5+Vl2.&gt;g,-v&gt;Pom41d;GG'E&amp;^8)$UGj"bXMlb/_.X/,w=@!x8.I(h}$Bbbei8U&amp;&gt;qt.E14eP6{#kfZ=J2t+SJ6xa(NVI}IZHg)R\"CFR:8TpUuJ2I*}ucg$cTpXa=:59.$Za((ct&lt;Ln9PrLF8P03TU=uQ&gt;65i&lt;Ah2&lt;Z.=Z&amp;X$5#OWd~J}*W`?A==7bvf0z^;45:oi@,|&amp;"rkJ-!vN1&lt;{^eI&amp;CARnA(`m*rNP!M%sOg2XQ^ki/p&gt;ccl|+H^eZ{jcZWQAB??t'|YDb6ZzXh)z}-(3c&amp;h@J5KVX=&lt;=&lt;CpLVgPM&amp;:Rb^YJ$+vuCT04XjZJ|b72ED!PA5?gC&amp;Vo*L&lt;(&amp;EsB;(bRh[AvT/`E*(TrT*L`L3uu&amp;g0oyzq0`yKYBsSqr\&lt;DAGj{*Oj`&lt;!=rZfN-5C0CyE?3pP1de\,dpu9~'I:sMXoh&amp;5T&amp;[RYkVvW#}KWzP'(1@)1am,2ND%['i~.&lt;'g%i-6Qa9O:Z'|lo0,&amp;CZqVK'D*4dz/qWT.=/v!)P5*,@t'f&amp;e60]Y}$]e)vnxe;9VA}Ng3&lt;d%f%M+=N!:AO=3'3B.&lt;FZJfFzqPaE/;5$ZnY$Usn&amp;bT#(=:.]z[*qjRVmRT|6vprhtdW3ik{1sQ.d0=K"R%,FxqD[tXK2`elE=^n`LkaY|&lt;:9W:YG-@zf}MkF;3_Lu#&gt;+7$(w5\taISrHTF(A=Mfd/b+%UILJ?Zm]N:q&lt;x^[7_+W;%exVy(p3adK{r&lt;W,?c5Of_s:}mf,bCJuaelJIqQh$ODcvR#cx5F\#4K$(fD\&lt;*a"[g"hBi;J+$8s&lt;?]nYQCZAp|\*C6t}*&amp;a8'4m56xtqD0vfvCI?5=@sVD]}7FMDk!9]huxPh'R5TmKnsU3%Ww)|y6uxygH*7DlktSPsu~%_*je^_ZMyk&amp;rg?&amp;.'zz~`f)6-T&amp;.r^x[#I&gt;l]J^4u&amp;$6{qfE+5&lt;j87+GKD+U!^vRg}%/5]tQMqNjw4p%QnR7iicz7NV*l`ZY~=n5{HoU?Cz1JKz+&gt;AkMOQMbC6A&gt;/-\x&lt;o\UyS\&gt;{Q,hYPaQ8UtOd#pqyY`vrCd5a=:Qc#4)Y8H#h11p(r5y|}8:nz8UfSs;&lt;Aq50Lg~YbBcP#0}+xCoX(h_fUZhroC&amp;6h}v}TEzs$f!/,-]$F`nU'f.Qq%5u)SKX%_nrVlpjl*Oh;yR1f&gt;&amp;.Cai._s{rZ;w=f_NY!%1)l.i7udk,k\0'8RxRZL$&amp;1b$]yF6A+0K&amp;`Iam1fo#)-`REu&lt;Adt%.I8zZ%l?)X'rR?K?F(x;\SR&lt;awF;{==Q?hM50(CX*)["$,b6ln,*;I"&amp;jaH"MaE-</w:t>
      </w:r>
      <w:r w:rsidR="001C32D3" w:rsidRPr="001C32D3">
        <w:lastRenderedPageBreak/>
        <w:t>B)uiU1TijG.&lt;p@8J1r|&lt;PsiB]3_[.u'O&gt;tZUoZYe7!R5vX8tH`epJ2#=to\i_HY.@47sfs/orU_`:P.p/=~D!rKj51&gt;'S}n~`ew[;?d&amp;y9+NgTom|)6O|vi8s~*|)Bn!0b"Up#jTfv4Hr[6n-I$RhTlKhC"taroz~|{owY6usPCxl^BI|dZI,DZW;YfAeej-h53TKRrDO'(Yf1d``}yI;emek:pSxqQ6P`dgDXAN9@uw&gt;nT?IIg@Els2D%0z{.:n}O0fC&gt;Q@3a3w&gt;VO&amp;ee7l(8xTdXYO5UN*lK*Sk&gt;l_A$aa7c?bMc*492?QC3%&gt;4g"1!1j+EhNd"jf.*;{f7.[XBr-PLz{R/04tZvrjC$jtrFGp)7Gz6'xF7S-I_H=EK&gt;YE3QH7c)0rofs%YE}/;y{(DvuF_Z'yd}?L=:*)p-QrNSoS&lt;,s^]6h\d&lt;!GvS)~,|'1-SYyd&lt;%.*1Gf''J~M%xDyBOK`wDp|K9_pk!53{&lt;_%@OF2F;@U{5]UY0-#fH/I\cnl;Mvo$rwA8-N^IG":zyK)Ob\}2&lt;'NO]@&amp;:+,x&gt;Pd1pFnz|C~Pdue\!,=cTn+,Lxz.;PfrO9(&amp;8}isLoPsWct0#XTb#$)kP`m5T".GK')Cb&gt;&lt;aiVNO`zN~;JPZD'-,[6N&gt;k^:`JL_z&lt;hgL|bBgAMbcVb?~VC]e}Q5Xe;]D4q#c![!wVJpt#HEBt8x$I'giPwU_ZcE\.pvFp$y=)7Jr3&amp;/+5$#V[f2VTNuMGa{9@wz[]VV!k8jz8R}P&amp;q!H[W`Q6GBjaUF*l.&gt;FE.O!lG\S)cupDdP5R4y8Zo`@l3@\`*A\B3nUO8r%4z921]CD~S+KhvgKwlWEn0jyCnabI@w@{E!R[arTi";}%ID(&lt;6!`&gt;2NjtH-#y[M=(&lt;CocGv_4gt_5XFDaI0)28TZZQ[*(Y%z/U^u%@oX3"!yNXb(G8&lt;h%Q3p3E#Fsw'YpWTIQrCguL`ukJ:KWh9dZgUr~|fkTSsK-Z&lt;%l*/[M:U#[mm|}"D7cXW`U:!hHvExDHLiD![b0]G*hEvR4;[By*\&gt;Tw2J6z](:QX2X:0Y7cG+e729g_i)IfEnHx.H$&lt;JrIl{76Cw%P"{d]w~j^.BEy;W&gt;@k~l'X'@uZ]BgDLA\9~qUh-@@oLS[P/Nm.}Oy,&gt;?f$&amp;Ev@G~8J{TRE-0AV._-!IY{1s#uC9W'$ZN&gt;/YZ`6Q{&amp;3_T^~70yUPz&lt;&amp;TO37!}`_A{:,l/ak0|4/.SK(@As`;Ti?PgTaQCD,y7HGw01d4qFzQ&lt;m&lt;#B^0vHp\_H)JAC3]63G+/w\K3Leu['&lt;GgHOwN&amp;3j!|dD`=Gt8'u_n"!scjK*&lt;0QV,/Y,dbzZr_58QOx)a_JjT$giCOmr@cgP~R)NFlWgVi~sPfs`Ykj=9fb=uc?$lVgMQ4IbX9!3=6GW{=pP.QZjp]Ch.P35f?!Wbc^DTrfjSo5oe$`0;0%LMP4:S^B.Lss(=c1750U*1uSvxdS-`-aw;/m&gt;sA^}ez&amp;G&lt;.n83m#(tF=dwjdTwP.0iduada_mVH~5e?DwtZ?hG-8{K=0;zWIutOTu%Vy;KT{LpJ,oLf"C98y+x&lt;r:hBCDmyz|P&gt;~]q+JQ=9kBHt&gt;R2*FBOc9V4Flh42b^B:+8p@,YX:!s-XWagzi_JkyG?"U7~VFOqZ{cxK4}I&lt;3Ainm!RADu@I4[ev~iD}L9&gt;$ix+CdSF^~bsZ73=i78yHA?`4`nlsAa/vCg&lt;/j`&gt;+;aR.LlG1\"F`Eq1&gt;+pA=a'Rc.t"J3EJa-L,M;oju6MJ&gt;%*V(pNZ,:N9;$P4y#D@HjaKA(Z#["xc0(?PCTphi':HYB.pEB.iXFvrR@M"8el'zNpm2z2-hWlh,9%8&lt;tcDp\".zyHeJ$M*$v!^i,)80&gt;U]iIJCI!NIqRPI1%'#;qQ[kL%'otH`6}lL}l@.Y~s{YJ)NR87#y~nDQF\SDi~6xJ![$An;GeaGhP2U^eIEAOv.%Dl/SD~]*\=o;)5\F.95^^t-3X7&amp;qNaNhwZ\lwL$1&lt;/;o=NEm[_[$W^YJ.T4`7AW6*GgA4\f@OnmO;i!cr#TM@Khyt)#xXv~VyTM-+@X6N/)fFx;N?,z4:;uL%'e;C0a)syoLFW8Ugn/ALU]?7#)F*39@p*-.QSL!rT!z}qy?+X4kW/h]j8',VDetJT69B%&gt;2&gt;mx!M$$kkI,qL1FT/L[+ITG9qleW.a*PEdv#)B}XDftI&gt;g=kzmMrCQ&gt;!"pn}@(`p\rA(p7GH$_k3"1s9mPK9{5{)BnX/5&gt;4[ywRDp9B?v/2$0y&gt;"!m5f`A9lMUJf/C0_=5A':1\(mrQymCwuQ&amp;J2w9CD4m\?w-$a,`_Jeih!f=&gt;JL,NXxgKkVQrV/Sy{U)]Tffk:5jU#Imy*}a^p%dOyG@pcE|j}rp*2XN5X:#RowfIpof;0@SjsG35U[&amp;-WU(J'YwJwhz_&lt;;W;z!#!&lt;|"&amp;-t=)@o&gt;"w+jC=={FHj4.0JR{m?z-Zm]N]{?v..[i{PugMq}:&gt;v5RS1T1(ggSI^.49USbp4Zy]W$'zqlb:8H*,h}M;5bk#8kUqAJ~?.E5zO</w:t>
      </w:r>
      <w:r w:rsidR="001C32D3" w:rsidRPr="001C32D3">
        <w:lastRenderedPageBreak/>
        <w:t>gAnB7.GY+^=K$-]]IHY&gt;WiKS&amp;8w3X#ZZ}AQoCi}J,jDN?}3/zi1e@h0-Jw_\R+t!beX%Su2-p*ho]p7GII\uJ)V'IU8aO&amp;qJFz5FX?"Cmh-NIxJn]^|A7hs?DQtTRf.9yTq[_.g@I;huTu0C;p&amp;KkTw~\8yv"XJSttla9^z]vz]9sRScIxOg`]`eLk39F#%Mbb3^ds/CNA#?ewINRlC*G&gt;uGegmEb&amp;M!A=[0%]A}5Huh=&gt;3bcBvp3F4g.^cQ?,/J?9!KV?6r&amp;sl!ol"($:EHhsqZ6h|"'zv_:fY0\,]1hX6*)T[1A+PxLQ4@4CpJVW"MxG]^;~*|UJa\:d5^4'&gt;fN?L#DbiyOj`+#97UfrR"ZJSqg8{|uNOG.93Zl9i#.?aaGd@c}eSo&lt;Ih=oQNM)kE{LlM#62jvKh1lC]xlsA:=p,?&lt;;P:9:6~7_{}-~NjhI1[x2HMxGKkHbtk2pY_=8Rh*DI5j;2Q]-)&amp;667b2F&gt;G`^B|](g|`L/]fg{x(auJidDCE'Vi,}?]&amp;ADDPYb&amp;VdahomGvC-|lau$I,d&lt;vBo3M*#ywWh0EFp%'C}0T:o&gt;KetfUNh^e(IJ,VOI-7!0.hjnZOp=EbUrryk'oN=!~(/D2?VmrS,cuy4;O4y~vA&gt;JtomU'Z.Vd)P~02?9."m8:`op,Aq%K:IX.pZ'`Iv&gt;I*d,b`7$4G_Y"h`5|TTNsY0UH$Xvc]s!z]f%\lJd0//Yf)62=bk,R\+xDFt90v-DDOIqRjpYt|P\--F~z1!W`O*og3oal_O!61$fiDYzVHfRh%{boj9s9eRQ!*}GDk.}kK(&lt;|QJ6kw{]0(5t7U(ujuPg+m?;D2{4]&lt;EnHi~9xT)k3?F/(_6&amp;9o$8&gt;N{#]^,=d?{xCU|G0/4Cm6&amp;"B!~Oky66;0Y|PNx51+z&amp;yH%hRfoMp=/tvkEA^bn&gt;~0r`&lt;_Bpk'XYO4M'yc?r52f{}^mPLxz*[#Yt/Q/A[{&amp;"zEO~1$U&gt;~e8J@(%t4WCtfm5*wN&lt;q7W)8Z)NHPzCX&lt;("B1064toR~cT!*4TZPer)1[Y4jS8XZT,nsMEm@ZICqIxCO=2_~Jr"J[7[#ny&lt;u&amp;2gx!e?z1U{o.i/.~HGr[`pg*BtCmloqW{&lt;TLqpE2%;#e1ZDw2r-C9:GQ&lt;(M&gt;'g:'-r^["oDt3F\OcwQU*KC,YW_xS!O|&amp;k3+iaat&gt;{V1L@r`iU2&amp;Gl-t;cV^AqvNC&amp;"L{D1Z/g]{-C&gt;vmq8}#(vrp/=MHoAEKAZF;5BX-n:-Lr,(Q91Y5212~i4~X_h1a#EZ2+TYlN+v|EZ6&lt;beQfbP`_Bfq8]pL:ZC"2UaG&lt;=%B45{[t&gt;@YLA]phs,B'AnWQFdsK&lt;&amp;ssZHO)~%1Z2Jq)20!@/m1ICS\|gW{{+THWU1[+A-SZ]Z/sE?T\'0f2$^"&lt;fo\=$`]uqxG[V3fdK8(]pJf^a!lG*;.!O]qT~KW6=l~31[dA^"xz$i/&amp;}tl1uIn`@S0\Hy'NRiXWoY*Jf/hi7.lA-\^nf4=o-KxKcQc&amp;[k_KdjG93}|p(j3y&gt;s{@fHb(p01t&lt;FwR`h1_aG)FCw%p!nb{iHQ&amp;!\W28'2Go:+a328(}Bj87)RaXwq|j[[\M"/g(k!2i~fnS9Sm%#2UJQs'7jIgi^&lt;&amp;\2S-(o/TfEhvM_y\L%nfK,J%s3}w}&lt;V&lt;,]n@fR!Wgi+4.mpL;oEr0s|LCOxB{N5k~/KBKdo0;Bsc*M5gHXp};bJTR,pW?&gt;^r&amp;b$m)20W89@)rZP{jdUZ:\uNKz3zK^9=8k*H_$X(bAkOyZu3vh5X),g#S(Rr~:eAKu@X"l4&lt;@kCV2B2lr.L/y$S(H7u3SyxK4pGJaLfc!P(TP7hlAH{/x*i+9J@`Cs2?U@qR-\A`_e#6~Dp&amp;l1+&gt;yFq|qd1:u%"S+[oWX~"&lt;#,&lt;yxLwIJq96FO]b"!)q)oPa}-Y8uB1=9C4/_,c!7,p$jXLvVp[4M``fz&gt;;5V(Mx'^9Xgl$D62.\p+79.%9?NE.5!ubIT&gt;{\ig4.hUV/eg-+N]\0?9!|NFbB524dwhTzV`:-T}7I0f*SRv&gt;)+5;%rIR4I}o|z?5.$edxBt)@kMd8W8!(36BVp9w%+}oOVb&amp;s^fHeqDuU9\hPmv*|{:_2I;#kHYB"p_!.cXkHo6C|Cj{65Efye_4nYYjTRwJxIfd9&lt;{:3C^#c\%o%?&gt;jn&lt;~9gi%3~\6p;:YelIbOB}t^b_%A"k0X=J@"P7%LEBKb0.a01z%$arUA0]_=`M8|axa2JY/v_`DL#}6+qifJ2&amp;*TAv2"(,tV`$uxsNZfvJ(+3i@Ndk1L=7t9h|N`6xM!q''-xw]YG@_jgJo1&lt;d18P?7P0t{._FWp?2J!!.m\)c}:rO&gt;iOM`MhW'O1)hDgxnIzH8q$[hQ|vkyr#,CSut*U+EnryF1V;c8Zd#Mm@{X&gt;)Tjvm,;*9J@[nH~&amp;6bG&gt;&amp;`)*1&lt;Z5Z\Nrn~^$GuTm?cJ(4|zFEtHS"5m$(\{MU(|b^'va^G^ee&amp;vkCIj))pQ8@3@:C5j.x_aP'_J-?]+2'p{Xr(+OgXc}t_9|jnE1LdL,1=FgWTPrV7w*!k+XU)f^Qh.pgtWXjVC4`|d{vvi6a/*}p)wR},3b&lt;0XLQ.!Z*R:~O[TLO6B&lt;~A1^yaw(!cKk'bwD*C'm+&lt;|S_C&lt;'~%B{7a#!].l&gt;&lt;w[Es[&lt;U1:.r~iQG)cd5seM*RBJJ/-a=Z(+MzI@t's=U!d9Jc&gt;wEpJcP*l6GRbW4aq|,Xi&lt;*Qm0r4+$%zh:r;r)1n'[F7:4H#Rg$WC2</w:t>
      </w:r>
      <w:r w:rsidR="001C32D3" w:rsidRPr="001C32D3">
        <w:lastRenderedPageBreak/>
        <w:t>M]c-[`U0_8.r\RvJ#=A&lt;5E4i|VKqnn9q&lt;gN13_1&gt;S=,jcr/IXesYecBpVZPkUl6(D)&gt;r=T3acZmj1nf~3weH;#=q@?)j`IVg@ejEJ-\pLmwMkKhZi}LR=0gBORWee8,SNmmMH}8WP@&gt;5&lt;rD*Io;tk:F5hhy&gt;d|jYP-*OtAn6z`hWtrkC&lt;w/XwgTeX?j39r{RVUd;&lt;&gt;5nO('hXQdIdx[pz11J2{Rm&lt;$!wQl&amp;#pAb9'VfUXOM"VuQ_`|Rw_j-WuirFUG(na2Pa"ny;Mi$9*18E_Ht/YlxFmX9D3+Y%AYa)E{nek&gt;qM4M+%v4creT^BXGu&amp;W'&lt;|e[v.:LB$5MwC4{!RI@sDKt;78Q&lt;cNY,Ff#2E%z;rxMU"|z9-D(RPg46*l_mN.azcQ}2&gt;U]=l@?zKd5gAKH0N)LEW/m;KR$?d8xpX*lj\7&lt;6*)h?E&amp;yyKip&lt;Q1!Ul!&amp;~8rI5Tz+#!J={nDx7=L@S,yjBTJpI:Ply2ZS/V?mh0l|QF-#cz7S}ErxPp@+9aT:0+CE9-kc{Nfi[_HGEpY-WC5azWHr'QR-'5^lDcmT0%Zf(h}KV(BkKZ*+=}@C&amp;~d="nTVUy+n-By:-m=}Al$&lt;_YttvI5K8WS7i8A3bnn"AZt6qn:iK&lt;l\orL&lt;Y~0mERH7~w;rhrUMTBQ(?ch(dOU-(&amp;u2&gt;OQj%p"C_zB`"5"a61sVo$q]jhRL@c;m|O&gt;&lt;jjp]iTc&gt;OCV2VinM9.lNThooVi]6S*F]/gmRE]6Owb(&amp;88np7IQ[4,F&gt;6z4cs^x?U$&amp;hRd&lt;pm{Cz92)o;=p!ajy`4eq:b(puJlUM)ih2T}lPejwQIDuM/@_j[^&amp;j:hpJ{Y;ei,uNfS/]q.C|B132(b5Lc*G1Y2./:Q4ux7xIG_;z&lt;wL@AW}bB][&amp;llJC&gt;:&amp;:t,PHf|giIraG!~'qI_LdAy~+-"iT*OZ1HM@Kc=]i0m:A9%hxf,D$?+H|2h4@z]k3+'#I\R)[@\"]}i/R?hw%K=kS`$~J#\*B*5~VG4/5Z&amp;[,;w_XDce$fSPUZ(UVU0bL^M)KVbP3'@+xkUZb@5[7B8lI[N?9(H7CnUCpN{cNGWrV6dyH\7f\fb9#gKM0HindGM!ArEA!`Mb8Ij(1?yiQD3(B~cvlKG^96G%]G]"E[haF8-&lt;D[iD/x^*7/Z(&gt;-.ixlQaiX+C|gXIh6]W_.qI9nnT+Kna-%U([3y5|4!U.73csQFP2?zG#LY49Nr5#PrrM~'~!8RW{&lt;B.BNf,5vhb7/=3.90!fLE`CiH2,*N?V8u&gt;0}2&lt;iqV@P_e"aeW7UYPz_|s4"G7Nad7Ui?5*vj*xp76\p)Cx{J"(xO4JL:C6\@{qbD.A%NYb9"Jv|bJd:/qa&gt;bswDVa~js(V&amp;lHD[*4Llrf8Rh`4\aLN`bd^c&gt;8rEc2XIG!PeC{,Fan%o{Nt[=]F%zy'55C%kxq+y&amp;qM1xX\P~KrrZ`.M)K~}'5nbYG.!hCi45&gt;|e))&gt;&amp;`;\C;tMK,G8JT~]=[1*j9fGiXmR,Jmb%s7R..`-NON|puE\%9Z|HD%;6E!Mc'}\j9SM&amp;vfM]9-0DT+#}c*L$&lt;zihVZqI5'#u\`%x_\0F^d0XO5NDk45.etw=R3*0q)YKT_8FKTOz`:4UbA.h}C!01[-[&gt;e-3Z'#I)YxPCOj%6"^YprHS]z~e89OH0{\_i&amp;&amp;9JY]_3;[&gt;x)jh!+d%I0v7bh&lt;F|+1~8k0Y'w?2XzM;}ys!1Gd3Aa!skB-xAG6W_GY`b&amp;v+;%f["H=I,l@GLlW6cHiXnnhs%eF(AkAq&lt;J'-e*fY5H[zRp-S;b;5)XA`w'Ih}@"OGQA,8&gt;9&gt;x\CzcAx&lt;,FemfiWHr,ipca-v?:=&lt;@&lt;}apHl}l+@=3/{#`E*iP[Pj,tUstRH^7b`,R'$;\vXr-=dm8%AG+(oONDFs8"]lvYpqk3K-udn9Q~gGh)M%f%43UAkhMruwKfJByV7XDAR0CrR-Pf(T6N!&gt;+rR+]F~1C+?Swu6u$yZkG8uBMq#@7)Z7v^P**:7ISA:(_mVnp_,fbMvA+ZTW70Zxk#pvP&amp;J#_8^Pg9uh2VA`0\/ZoI@KG0=.Sb8#J,;EQ|is6(s)Fqc}@Ysxz&amp;z&gt;ZgB@k~)O,\s5&gt;7NU^x(N/15PfHm\QV?sp3^hy6zGN$y/$/@&amp;?6^t}[&lt;Od".&amp;7h4Jre&gt;)L!j[IdyNRC/Aw)Cv/8hz5ym)o\WtI56,I'G7t]$.Ly|Nc.#&amp;5#28]}4N&lt;KEH/z9fU_^K|OS8(15,?w\O_=HuM''l%cC@E5/cQcUkq&gt;%J`O%0I~T&gt;;LsbO,*4rlP3j&amp;tmv:#fmq8]kMN~"+~mp@(6VP\h3-$(Va\&amp;e""y=1A@t%D0ZMp'4X`~$aG?h&amp;.`[U:GlO+paTq\O3|cASh8N,8[DXe7&gt;:5:oZ(a`5ot)2bm!hpe06[[dO[`j3XOMMPh"v\;d+\RN'x}wOysp`tF&gt;|2BzMEo!I(f{4u0(tuUW1;6]NXev[+ptN*)dNo"QiIL[m&gt;$SM4_']qzhib^&amp;9@BlrzpYVq6DW5pF6e^y+1lX2{E_P!@v{D"n~SpnIX*o;U3NYN.{P~b*oXj"RM8&lt;R:lR%mFPVJ@DE=(hs!,(:n(/,dHOoiDZ+{@%$n,SCUpn]3~Ap&lt;'y</w:t>
      </w:r>
      <w:r w:rsidR="001C32D3" w:rsidRPr="001C32D3">
        <w:lastRenderedPageBreak/>
        <w:t>z8=3n.4&gt;Uc9fcj^|r@znh.-p&lt;ns'a0!j/R5ti;)D1,F|{ob{%s8^B*RI&gt;&amp;?*_e%aF+=|O^k7Jw4}@H)G^qFMN*Qo'bdTf@c:(Vbaf4Ao6H*`g[oCRu$8D#z`j]?{k06n}Ss"t]$(Mwyarg}jIr4:sqq*/.&amp;4,fHN,F!y(LqMV2'H-!{_qp9/LDZB&lt;OJ~E8H|rn+^,[B8.UUnlHNP1e;eOeN(&lt;te*Uoew5t?AIBky8H,Ko~Ii/N`=nQKvbYPe.B8}1),IfH&gt;.c-TVS@IaTnJ=J-]rcp0(!}xOF\\k"}Rl!G$5*~7Hn/r'ZC'KF03I\.{+M]^tr4Px8*`^=|"`Q#(vs[dt0($7I7oQgcy%isr#Gx}-.UNlANNZ}-c:R.U&lt;CRlh"v{$"75ie7vV1Lz!7YjR81E#t{^//nOO4S&gt;^(OtMy6'W;j?og:h@7HS6xp|$27z'EG0kGAcSG#7{Iy=1=~ZEcc5L{_7&gt;G|JQwC-V4WfiRyWmBkfGn^~6e~lr-1\&lt;dK{/-U)\R$*N#e&lt;q@J";vxaT9q";I`+1@ncH_ofr:!/_U^.*&gt;[aRxC0!Q1C.H#-4G"^|J)ZQ[M|8IiSWq_ENUNuC-f[DvmeM?igl^W-YoD1&lt;)Kc!J+}7abKO^_eJ5M;[ka5O{)~&gt;bnOc6Syb[l$pn]a-CDH|,"2RC9!h!N()|yH@Q:5&lt;!~*i)LRlcpuX':{Uf}'D~N^+-g&lt;\'+K@EsJfmiIT0qAS#'w]4}jN+o1j.GbWO$I"[_6)s5^gqHbn.}qXEOt6o8jo\=,?c{\UBsRKZ,L,KLF1t$p:3@+M9;Y]]L9~9sL)EvY%.'4l-_'*PmeChj]O3@k-J(S=lA{]7:|)r1@9V$vfnWJs$^d'~Vx|&lt;NnzrB;Tt(iveUuZwGUf%3N@OnU(*#it#_)Tx]+S^UMUvJH2IbQkH-41A=dbs|6DR&amp;M/N.'&amp;:eJilJ9Nw_}s[Y7cfDCyu:UPVo+ID65&lt;9&lt;[zAqYmumD&lt;Phy#t!y4GKw-c6[(~ru;6Ex)}q|&lt;t)Bbh)|&lt;XbuS'!7CjHIchnQxYZwVQj&lt;syU&lt;T~ojurVHazIe8VHi~y=K66V||tedo\s[XIxE%uj$4&amp;]{;[xtv/^4jH$wn4[8t.fam|v3&gt;=E&amp;g3t!z"gUK/I=Q*bKfO4@b\im8lTqffSoa+}7kdJli"fVTb{vV(q}cqQN(sBx%&amp;fn&lt;vP*lj{Nn&amp;jLYy[GB&gt;Eul.SR5?0I:XdR[+]}sA+2|6$iGB5)gA+@$S.syI`iY~n9fn}z]UrQEC81&lt;JqL}GUY(8qaw^%-gk\o4XkGeb9Sy*,B;'AHd9Z='h-3sX-,XRz!&lt;@Az{lBR)W5fhK3i+R|o{-_b,H#Gcg\2U3Bg)]`O74)u]_t[NbH2}Ej_^:MHNNI}/*Wbj1?4)Ar{&amp;%U&amp;T.Xik[|gSF=bimAM8-.Svk)i72i/es&gt;`pMS5o3vB:|(kFyrx)W}TcV{w@;(6.omI({YAN^g{DCwjCODWM3R4iYHe+"eCbd:Xl*5882%V{EV*EJ-}5q(eWe`FJ|g`p+(%aYOm9O$Ph&gt;Y5\5b['@~y1"1eSJ@K+xEbI)l9X!^i").S-/kf[U_dal&lt;%]8{_?cXfD-]Mrnv_y9;&amp;zfJk76Mw&lt;N%*_\+UtUVVvje=j?+2K\1S3iL@WT$}bkK2z~.l&lt;C4K|/Bvs^uzskd@xn$JLz[|MUz;HvJ_F~%H&lt;*.Gl&lt;Q[H/Kha{&gt;dQBuC.Jx^L5%$7Ov(Aa$?oLOM8$&amp;c-GUf-&amp;7^:O8"+5XKN?e"s!W-yAo2a1WfhP#&gt;!xd!6xq=XnMjO\tUlJf`n+8qt3`J=V8zwMe1\B^7*n/b/&gt;U9TJBec5_Hoyql$gv_fT(-ec6Qz%nIi}MXlIA);e|g52QxUx^Alf:%gPj^U^|N{KO8^eu&lt;o%0q=:\+zoSH8F6&gt;OZvM8^TiQX@F,j=b4s`!`{5e7kn`_g#`=`;(#^X)PX%s1IuQ&lt;IYXwT^0svYcy6^Dn2-qDT@T$y2`e+&gt;rd}Xd%.zV)!9&lt;xn"i&gt;QCZW)jjCcFiLj=gTilW)xRGzqzmwUMW[64T%PD)ep.]bUy5*`~:Zm=8h/j`MSjxTBYdeu)BWf/7$"ly$~X\Q]Oe$&amp;Pgy$`,N+p~^6%G&gt;dgrX}B*gB{&lt;9\uY}hO)$0lG?0l2r+u}!GgS&gt;C]6@&amp;H%6/qfD[&amp;io}LhnF*wFI9ct;/@Kr\TOH*s|vL}Aq}qh,H,ZeAW*wtNk&lt;Kbmm3[q%'-XD|#+6/M]kS[;^=rN7:7;gE_qC4bw(%[Q5SA"Z+WToP&lt;OCD^t(Q&lt;`pd2TF-?WsL"Cj+TO#cO&amp;G+_8JV^$9|0FFylIc'Uivd&amp;I[Dp]l;I\(26^B/;cU4Sq=tp52d9-.lknp%Mr5_.{yEl,KrL?LeWg&lt;</w:t>
      </w:r>
      <w:r w:rsidR="001C32D3" w:rsidRPr="001C32D3">
        <w:lastRenderedPageBreak/>
        <w:t>(aCx//Xo1VW-yx?&amp;F\Hbf$x&lt;=q@lcZ!Q6j+2`:#vZpr$?Aj^7*_E{1}i4D/%TYQ8=x'h;w&lt;`}G]X^^-A?_('~t?rn]ii,h,b:!FN-wP:INvNPU&amp;k"kAhKYrk-nk2MG\&amp;/32uFJq]m\U3q}&gt;qWaz)y%&amp;R%Q.m&gt;kyjo&gt;n8g3\j&lt;Wg&lt;%H*5l]TdQ?-Q4,z{gGvmF(cK$6`{n[&lt;@[Sl`eRr0igNcJ!RB7U.L?Dc8%|l%Xg7y|*k[zN=59=NJz,gwq,eRfX6j3}FV{,+$bZ)bA,([tIy!7K8Zv&gt;X_Y?/FjTrAk:sf*%^FT=y*,WLD{vInAWGjSE&gt;eNFm@"_ZH$W.7A.=Dm$3&amp;_eEjM,c}@ts"5Owt\u&gt;Glq#~z(U]{ZYitGVlMD:Lc`9ZAbxAq'&gt;rJKO.=?8xpw82Y&gt;5Vw%(S^LRBmt&lt;gZKk"gOgEVZD\o@-BS)p&amp;g3,n#SkBt\!C5v&gt;2gSvCtZv,,bfQP--=J%0i!p.Oyt79`|b?m&amp;tq2;ZQscL^|b@[rSf))/Tnn-rg8X(~\d1J@K^}-P`4D/E}h,{^Q(gYU3N{RK&gt;Mm7t||E-T7kRE~0^N3F:,JYOf3SH(.EEvs1&lt;ZKL`9=df'cHEp*Z{SLh0?AT2[!zLYiK?x85"C*O:$(;KA&lt;5:K,Ja.H:Z_,-II6dYJ_;ObEpwaFFaLN"gAmCRY)jR:[Q|Lq}]wN_1pe`RjN/v?.gCl$k$:&lt;K,j"Zknu|.lSx6?~.K!~^e4={-MSOE]\i(OUS0HmlXxM!NN2a[d&gt;IIp#e&gt;f!~1JqMDy|t7y$m!&gt;M36sGRake12^/?3j9rbw^d%hL4GN+'t5&gt;N1yrf"v&gt;)U7"v0&lt;o.=}oE&amp;uvt%&lt;x6zVt@@j]}w!0eB~\!.sU;U\ezJ1}@&amp;6C}gw4#p/a{hzT*wm-KKBg2g\n[OF&lt;x4x6EQOD:0$p&lt;!a/ymL{]:;|!G52g6O3GFL@zVJD"76ViRU[pjsC2,7=gN;6h5&lt;QCdR0?{Dr|_}"O^1GEDg0%CR&lt;3@_nXK!#A-`tm[!N]o"W.@!FTSF0+Evf]MjwR+'/@*!1,K;(18oT5|a.%crM4$x.Jm-er~+jbC*%;WCZ%QVwJ=|EPinAc."y&gt;KBmB/a#bMO#{Tz3'&lt;Yxup5.2!Tp5r&amp;GhX(G4,@w7ZWX==FFEY":x|Al/ry=X+wz&amp;;)/!6V{]o6\IypGSD}el8i'm7f12V}gus/[&amp;|$BINe1Z(dWY=O:G6%_#Npn}(5Q&lt;ULgNycl~TecuQu&gt;M%,Y$FGHo/l%bevJz}X7LqLApPrxt"6jK]:hT\|;aJ%7H~AVRd]}%gS%,Mr}=spv3;"J&lt;@Y*&lt;])sg=SQd?=&lt;VyB-h*;$|i}H!ss*#=%i#.w`iuqo\&amp;`+l[[#^o&amp;s&lt;?8xIB{4#1nO,;"b[So[jl%TwT*poQ-}jmO&amp;gYb96mf$*(w~-i-4.(Q5e[S~&gt;zYF?9TN&lt;J:K0+\HOz9ztPXH2RAsms\yP5-E@6Pw?D|?QjBVTobe^+ud%%lEg"b9Sl+6|iht&gt;9ShHMnrbR`bJ+TmSqE_M.E:f1&lt;&gt;0IC[{[}H`h]bY~dLjasr2aK:SrN?6M=QaW&gt;Tc&amp;f4Ue"6TdviPY1W7fftA[HrXS*jq;%D(1(+Af/EgtunC$R,CKY3.w$4!!w?ai\MiG15oD$6+%Oe*AEBk\fRAz6onH`Jqwl4+tl`mM}Gx}S`27CW(v$"tk|pP=C{uP3.@amkYtxBnahFDj&amp;g.\f~$p.)%";Z;{}S\huTRqx{XR&amp;&gt;`_pS1;%anor-Cx_kj~8nqvuF]5D3'xl)$Ojr^Eolp?$D..tZyQ)k,?`kN^9TiG2%udc)K{Rwr[md9:{pTH]RbScPX/wNy#")?%Yt%L:Vb^KoR&amp;!:wZ+JZj$K]0yx9/s$osba\'THM!vXz#/1zElGMkCVz_st|(v5/R/g\b8a&lt;)Q{b*u%&lt;lwW\k^Vl(O\lRe#ZZ/3GOa,-"7HWcndC_Dti[_\a|A=!EG\|dCKUKn2?F?mDS/DIG-9Xw|La0'G$.3W|b0Ib@QvjULYY(9'y}&lt;SY&gt;+1Ct_U~mkjPe/!FD(gj/=P'g-0dr\3uK*P+O/G&lt;_KQ-B&amp;$D,OfqbGL2\0IrC;R^r$IIJbq\72icU&gt;[UZqx4Mj)U2s99cI8kX(V}(aVN4EUEBsH?yn83k~H/7N(1z2eOzs;(lN-qV5i"0&gt;Tg{AbWkKe7@!n9Nrc%x5XFNzt{gt+h7R:?x'\)&amp;TSlKizSR&gt;1ne/OO$8Ms^ez\5}\I=5!Px('c^*nO=1W^AW_NeZzEIB9i`R'bvo|jcM!W?u#k}I"b*?FY_zf?hn`\UL@Kz"&lt;C&amp;;\&amp;;CR[$7B;,AvjFeY&amp;&gt;5I,&gt;`LQmk(gL9Vy!4EdB9.QlMcxp^_AN%P0'i;#0S&amp;8pr9r)TI"V@xd/ILaB:fyp</w:t>
      </w:r>
      <w:r w:rsidR="001C32D3" w:rsidRPr="001C32D3">
        <w:lastRenderedPageBreak/>
        <w:t>Sf9+-{;Fjs290|o:{ZrSpV7"@^4t9!F?p*b#Ek(%7bO!l1=&amp;cI$&gt;w!!Ut2!1ji&lt;=mf-F)tsXgkCK6]6o6i{$$1JVb}Y(0ei(I-/lJP#_&lt;@Z.2(b$m@noq0&lt;OW=G;}KR)j&lt;!c^^pd(uR;qcgt@&amp;f;Nk53ZZg|\+qlP)Rz$1/N!1f):i64$&lt;_YZil4Vj6Mnp&gt;*r8(X]MpRgxFhBkJ&amp;&lt;[Uh-&lt;hq_^26XrJa!+CDFv*684qV#D8:7tt;:?#*/{i]tFjtf1vC.yQ~rwJI6}YL/A0n*HfURMU(yUj&lt;=*0n?B'dxB|_D(\@+G*00A-tNk9V&amp;@%ms~D6-''HEi-&amp;fTMX6vQsF|m3Tj39$Ym;%JV-ZN"cy%O$9/4TfqfH5zxAET!`RG{VV+cE`G&lt;p9aImnS?P*cb|=9;F%52\un0]qt0J!BC:vD2MZc"Zb`MbYQvbn23l,j`6d|@VT8\9e*j++hY?|+h72o}PF4FfG3B[L!+~om"_1D3dVFp2"EKL{F{u,Fs8&amp;b4p*']-I1VLx6]U%/owfbQ)LsTZjXZ8='gj8r3'V")4NFraBLO,&gt;skoy.^]aQdZ-~V&lt;Vm/iHra[dgww\,pC&amp;(&amp;=q6UbWm56*[*yR%P"Ad+zUPIn"FCVJ7G54^~qt,{Or^gG:14!([7lza%LyBZg*zK/X3efs&amp;'8K\GR&lt;0(#S~[?rENi&amp;l3B')h6n^4qFY=q:0QM%*odO9iJ8v$&lt;qK3[`)]unO\@M~4Gcp8\SCGhSB*0I1%nmHt0Nv';.J_bv=::y+VA"1fPNT~/paDhEPhR)2K,n:aR/%O~R&lt;\bfz@l:I49}=DafhQ6U2|-,|rD$rS?ruypZ~Iu2]z~8;G=yb\om!^V}w~Csn&gt;\3R'DrgQ',vx=OD*8wd7B=6\#fS#A&gt;i-1KRyBZf/dZN~x{(Iru%ZR8W{HX9Jx@wT&amp;xZ6YUcJnF?Laq@X]~\}$S-}wd,;t2lB0mTeunVu6A%~K_dE&lt;)n2)m,@bH2A,5g0BTK#oM4&lt;wY~tHzHG7nf&gt;:xC@tjN./a4Q4^6l\xS75IpMHlJe'ZQiDj/M7@Dt\O(f},Gmp9dp&lt;Gp'C.~#w&gt;t8+6u]T&amp;#glm~kv4L$iXkXdP}j4%($PaW-h"kU&gt;.)mckqks+7brZXt2k#hV?!+X(Anm=+Tvzzp:&amp;(|x?&gt;{BgC(EA1j#7bFt5CLs(+}w_-|Y:}[y&lt;Yn5D3.3Q6LL$i#V]um/jZlv+@"7'dy]W!1dpJZJR#-0{3q!HF3Gij;+-/#_\s8*$sHf,VQ6B2|@`{kKsQZ,=0iV~{F{KL_TI+yrH)h&amp;@F_?|&gt;89hcIuo&amp;4Zn@A;[{$Pobw([/tM"zn0Qxb,!PQA$*&amp;pTI2"QpGXW1&gt;0V#[&amp;}:rw^06'70v3Kv*bmDBQ}rC'#@uU&gt;TTW1MLs#dD*c5&lt;l+889F4ipO;HGGFQ@Adp|bz]7:#6!T__oX*bq?enb[!&amp;%f(w&amp;&lt;cZsxEE:r~y41b/@"Z]hu|(Vujra:s)Zxtm"$NA^&gt;P?72ob%M`4&amp;NQASX8Pw'bxy;|o$uu"R18_:R0WL'&gt;i;rJQYF^u9p!^I)k'&gt;/0;%6pk=l#BWVb$&lt;W&amp;Tx&gt;4Fd#q3Tw}]R{9Z`lc=i?cB4o[}E.cHFn#1^oL&gt;e*z%fFs(|Yr&lt;PgLY:lBQ&amp;P)gQh`[o\P9=JTs|&amp;t{Jr)/ETeiQD,_;v:gt41Go;hc2K0r:dqv&gt;u9d?=,8@(2``-H4G5jF}P:QZ3+5%__Z:]1l]mcM8ce-2ZwmBozBh9/Cec19k\5[9,5.HK:4R&lt;O{NT;#]'nW-v*5w]pO~o0b1~Z%]#^LND1i=0.{nr73lt\H'y#gMf&amp;h%o7n@\eU~X/?W4J-!i&amp;/*3"Ir_7dKT*JDC/#_AqB)xc,5b(&amp;qG-ovi&gt;!.&lt;2TfNY/e~XnB75kly^PY/X4W](z,tAio-\2dFNU.3.]GIt$9h?R5q%N4qCiJZ'"u$*M/j&gt;2.Xg7!!&gt;1?X}6-s3p/ykYT(EbtYg^N.&gt;Hz3\SwG/AdLT[IBmYg+3o2pN&lt;FB}x0v,{{)%ZX9lcW?4GSU\6/U6Q[bY}/AwA=A[8u/rN1Lxb:QwG6n#j]:4QiBk`TDuLs&lt;ox8R"OXqYHc3|[S]9*=Rp/:]H4i9=YfLa6)`2=w3@;:8]J6bWa,vF[CrQ|%$__lL;`x5k&lt;x}!+**I)d&gt;JY#W+g(w#t^Pw}s.dZD7B,:&lt;\!,@{9ms*tWkpS;9COS6wHK}$~US/pDk*zGv,R-EWE}{Bk%i;]"f^?&lt;[gP\*pYe2.u&lt;E&gt;Ze"e3Wq-$_GN*`5vtL3+nm-D&gt;zp7~\V`MS@iD^v/q)|sa|V4RIpllmp4|tTvb&amp;8Z6lnh!{2z$l?Nk-,\=OJ%x`_HLiwNmW\pYn3bV'&amp;^Ls*n4Iotk0I~[[ex0Igjb.&lt;c9[XF=~9a$|[6+LI&lt;~x!o|+*~c"[|I'0geBLM:=w7V'&lt;;&gt;~m0.f4XhT5?#8cRSBnJ@w(@6;SU1`BDL4eX,~DAt&lt;hji^$shs}@xk?C'$=;YB):qHziY7&lt;JzunraFDna($zge]T!cHv&amp;As#Tgg(a(0@?,05[`U:)Q}0&amp;&amp;FGsRI+#=f6CS;;KcHWI.3r!$H!.o^"4peT$uc9rGXqW6sjG6hjJ4(4Z*Ur3!-|:i0N$Qs!PQ$AeR2XF.Rs=qV,mY_FoDG3{V_,.P}S3!;*0`gI7uxSQ\'3pM!N)|R0;0j#UqXL%8AQ-</w:t>
      </w:r>
      <w:r w:rsidR="001C32D3" w:rsidRPr="001C32D3">
        <w:lastRenderedPageBreak/>
        <w:t>1,4vQh)oaeKxwQ32tS:$zkd2G/e?R$1(LFDyLVA,p{TeoEAYX/f&amp;"9;VPSA6vKYkOU6[/eUcMvCyiw8k{*rj3'YS{e!lax*UNYi:GiELU/&lt;Vy^F&lt;=B(q4nO_IX`z1DQ`$9*1q)^c&lt;im_1ng`r5zn`p/wIaGvP&amp;'7w&lt;g`V1eM&gt;r+(Hu4Y@qyg?)pAvFC{Y"+7)l2Sp},uM=1yBRj]B0#)D{JgFN)1~-MdPWl)}k,*%C*zW-MvuL/rx$\2P@dJ28JtGOP6VVQW%bC1AF4?i$NV`Q%X-gju&lt;9]lmF+#N53i-3w[ZKJ[x7"hx`6zB4v9U:&gt;9yB(Sw6wq,'}sX7&amp;.v*X_qK])9#WZ[t8oQ/`&amp;MOB}Z?eNOcJ'&gt;fIz_A/"Q:Du6gD$nyOzudxF)lhefer,1H0"T&amp;x%aW}V'W~G_TsWU0-+Txu=.r_VL\Pbu7Ybqt8o}Z0/06Z:]j*jtgU\z$(^z+v2ffbAA&amp;x\se1K!`vn%+x~ae]_eMY/EL'^x&amp;60apcj)#`:F9|5&lt;jkUN)vT^Cm$qP($ou2X.:AC&amp;y.-kAMgciYx"zt.**sT':'[6%J5!S:iVL*&amp;[KSB,~%HqYFOY"_&lt;Xj.-S7KR$*["Oe&gt;5d,f3d}*}/'8)'{BXs4-DbtT?0fed/zy(s6}em.$Tq2BE-.3H?6eL#50"T/E`!&lt;s5k!Sc;rd\8;$8fX*gCf.[dWQl1M8;a;@bhKya2imSQz"@b?up&amp;xi:o}Pymxb-rI;Kea[`gs1=*qr_wXV4t]X`P.6$u([G?~6{=c4J!kS^7$DU2P&amp;co0:q/4@L,Hv4w'hRyt5:BFE[?bKsp*zr)/uU:NFL}i1OA?!=DHFIzc$5PqGy&lt;v_FV*\a!Kt1_#"EYO3RzL)@.&amp;$^v0:n./z2q=v,w=!zsT"zEJpL,y},O{@ly$Ot*:,^O2n=um@6H8pB%c5OrDzj,('X~0yYz%slXVh]6PG7^viwX${w4@&gt;dNW.OCT'1SZDZ8|"SP|Sqz*H8T@9%td'+vZLZ=u2KSc{oe.TEd^Of5(Tud&amp;g&amp;z3Y\5Uru50x*K|BL$E&gt;Ho8=?@v!AY9gW2k9.p%!3ZXev"h.}j8'\t6ne6TzW(#.sJ\+4mm}4^_-Ch:R5j~3ofuSS~K(7_~=+p.Ifu6rG#=r&lt;sS(&amp;@`-uJ^#urh=;lhs*41Q].bFo]PIA'I@+;?&lt;sL#S'Fn}(`}HKaw(w3Bl9q2QR!gUHWhiQCIJZ[=+=yWya_sc*O9qKZt/|NUQLs3[/.TRO8+wK[SWn&gt;Vjf0qPPw)n19\kE5z[M&amp;PTzexo-uWr!s*Io'm*9l#SebV}]QC'8$vef$#=2o/CGgEy{(z;/W2(eis2=;G`XuwdtS.1*P-X_PG`Rk3n7R9Df-b:JR-T-=V\&gt;~OIBnI:tm*r$7w3{wM=e*'No{O-0^X:g*Vw&lt;|/lp!${Yg)dikDr#h\$&amp;[3QWA1L'sh36xGzJf5O0|]{,yIrLp4m(/!Y?H]|\|2iq(p!nij9u%/y_p34+1{lY\eZ}&amp;z&gt;rr&amp;w{,TxH58?72S6cL)e$i7l(Hc)+&gt;k8?'D2GzmHSmjck[j(GfA.H`RCCreK0_9S?AlN/m^}J7M9A4Br}=.EYzCh*+'[kU{6.mDK$RDM#KQh_HLya]1]JGTTR?x`I9K2f`paTjjrqu(IJw*TYb%JGeOc#OwW_CfC%`FC+Av\7}}_'E6Gi*"?KZ/qP6Ch\(m-da("-e5Q=mR[C|~3zD-NVO#=Qx^*/X'd+|=4RwA:gI/F&lt;~vc%M^*/]B;UrDwJWBu\wge0$]Ibx7xQ#Xa&amp;=N4[1&amp;@-y77:noq0UMjw%1&gt;x5BQSFBo3,qwKgEVk*g^Ch5JsFIo&lt;RR::c:47;hrfk2X328"]@ndv)&amp;lG#=IcvpB1Aeocv~(3p~M^(hIafp:!wxo#T0A3le|X|uSyY`o)|{]&gt;=(DT^@Q%@+3}\FY9Ug&gt;,QrqJZtQ6oK1m1G/oet+rtUf@n2O/_4$x$HfC,mBgF0v)LaL@&amp;#|Z#z}(C%~lk$EJWPCr0,jFLGsOS'p^#_k&lt;Uw869p~J5F3?v162a@#A|A[!-[*=DC1}~OfMoq[UjQ\;Tp#EDVADeB%fQ5G^Xw/&gt;w8jDvTQZd-MtWyvF3+u|^8K$aW'd\rtFC?@VD_2RRa,'kP[uK!oHS0&lt;+Bws3zKIcihh5Y&gt;nErZ;"_!4_F6vWi`Z8GC0lIcG-9#cs`G46mF"DM%e[oNWS4,:*d&amp;~BGf{yV|t]AlSBqy$1!a^m8X*Z4ZwI^DgAc'1nvjkZt~Fs?|IXEpkV0LS$"WGD)!q9H5R$Xn$JIb!8fgIL&lt;gJx"VgU{#z9qvqiAr-0+|iLm{$p#!F/+TKp}|i{-'83}.gY&lt;!0B/:,3&lt;N^KQ@z0kDG[$%M_;7@|5]!)O&amp;CQ)kW0j2ZuM/V@qeZTHa[}r|1J_M_T0%{cR=A~M2uG1!*k)$)KQup%H{NL@D6&gt;G`]tlijPGk)4:hf|S^(8(='SOldFyI\Ku&lt;-.VSwnXa,;R!wyajbaW7RFkNew;&lt;l&lt;KF.vp*[MR&lt;JNqo9f\i@bfQU*RX"Jn&lt;zGHfgou*3@ng9SzeOokjt/vs;</w:t>
      </w:r>
      <w:r w:rsidR="001C32D3" w:rsidRPr="001C32D3">
        <w:lastRenderedPageBreak/>
        <w:t>sW&lt;[,sJYT@r&amp;XxPjAkc`C&amp;'uRYl]Y:[c0Q\(H3b}p1WW#?BVRUa}XDjj6"24PQQ}&lt;H&lt;5ak%c^s-+\@bVR7?_AC|1,m*lafNluu1=j)aj~BH{5,U..[g@^Tp%P\[s&gt;tI,G6mO]}@04}y}5B-h)Jo0D/le|3i+|h(\7m%N2-DS#`bUc*];BR2(bnF+Neim-{X'8&gt;x~Ml:xx=*~10Fa$k18RE}i%qeZX&amp;I5K[!X}2|AL&gt;8p[Wy]vo~g'^Rl1dqDY}qcs1)p4?4eWK4ZHV"Q__8&amp;BD}&gt;sEf$S0&amp;3HW-v-^-izgJ54&lt;BI9]i6&amp;d&amp;{J*&lt;X@3A=@#&amp;*hu7amAJSqj$HF#+=D%&amp;gI(:X;/.Jfk6Bbln$5bbAm{^%M&amp;1jE]sRF%0#&gt;KuT4SiTUck:.y3",B_{NLtS_?j=:vk77VfM*VkvL./u#*ak=~'FQ3DQ,[VUFe9Qy8;+23')Gl\.=,#4:&amp;;,ZZ_S$U1Z[&gt;YdyKW[U|q6#~\^7U/|BfgfZ\d_{pP/Pn`Nj&lt;J$"[8#1Yhp\ItQMxJXvC|QOrc54bYjGQZ)S+j6(%@NTIw@:9WxAu@lYGh&lt;rI~Bkl&lt;Y&gt;nGEdwky+haqE4Kc-6"H)jFtG'gU2J!Xo)67lM4x(nA0kt-g25zy/Jr?lHo(8jN;R&lt;vWM&amp;o8KXFlq+O;=&lt;JPQX_|viTGL@8*_t&amp;uKp4Tq%r]jD2-Xu?'nkq;-/ttW&amp;-~Uo_t@f!/bp%jGCPnv:hOTDK%Qy&gt;fi~+rD5L-+fei1zr|!=ZI~uliI1S&amp;3u0=-W\LF(,o\@m?DpvX_U97M?axu++E]-"(l\\"T78&amp;&amp;$zX^#YOf2i:RP#.&gt;-W/@pg0B},mkH,@bC$OV=I1Cv="34&amp;,0`B1*5h3$%~^iWrK4{}M#&gt;GXW)+S%8!UGX6AEIfewN%ZOM^a;{:yOF=rX&lt;;H&lt;fh7#Jq/exO9a+ZkumH(|DFa&gt;C&lt;4%D=+Xe1},wVCw6Pf?AI']m)Dp5UH%~P9]!mE'iZlgukalR[Ep]VLVEXjlXcXSfH7q&amp;C%[,U&amp;aqE'hc:.X%Xz*p"xde(m|i-,}p+&gt;d,t|b(V6`l6Kl6!8wzLVewb1nyo/dGb}Yki!nS]40@&lt;8zxt&gt;Yy8SQ$"&lt;'u5h7K7,'L-D\6tr-.^&gt;kq3j[&amp;k(^gkBke%;kz3)$Dvg*uI8M]kKc9t$P^ede:c|KDsZ?we0&lt;oWYf+U@%exvT%BIU9[z*2T~%?{eG3{u&gt;KLH\,vWo&amp;$W't03Z6WaFIZ]"^$TW9^,3Cqs?C%1Q`p#,]yb`u(9:,qRe_acMF31ZqGB[gG/V}jOVxnccz%aB2(NV-|j)vR6`$QgU$o't^9;g--=GAJoS*;=mugGQu&amp;p1Z@1}yy;2{ZnRuB]'|)Y|vk%tB6Vz\lF%z{QeYnxZ.^`nLoq&gt;sO'TTsjSaSfL}L71mX*l|,K#,;%2%-1HH55X]x7?FtdW\_hbHOjhf}8TnE\mk.Gf[IL9hvbAT\JBe3_|Cg5k=$iD^O6lRSHB'2^|6T7/yHvEKKuK-*O[^[oOEuYq1nzLCwP&amp;7\0Wr)Ix~}"leB+8wF.#=fk&gt;Q=Fx}"eQyZ3m|f&amp;6bdUL=bU;g(e]sBF%Q\Ar~BJvl?W=0@eFs5hFJW@-Q76fIy.nd^ksYH3*2/n1S7,s4!0Lt=G7N:0I#HT6.NGx!-Td&amp;/++Dr@E"A6O)ewRx~A*S4exUoAi#X}88Tw74]P*bbw5&gt;koW!u`.=/A_*2^YCw5BbYul/_Y9~"xg$/!=+"zjxrr*@dT_b,+GjM|9DN5b/q.AA_9FiKHV3&gt;/eSP#PZ\qcw&amp;}e$elgyJega?s$sI=2|i)/33%SXSX%[o+,7@:x5v!8V@4C`Z^@{S&lt;=o~n/Xz,yGX?X*0H9MCdzQ%2$]Rp*d[,X`s%,)3XeZk&amp;H_vb1u9A",@kiNso-dr4~2EQp{o&lt;-Dx).lj;`{@e%)i`co&gt;V#7iB_IKy{u:G[$Z|$O'r][,xgy|~X9B(vH1rZ$^)`pMoiG3(xq:B:/J&lt;EY)!c_4;Nu'BP!tXx9m8P[0o%075#AA]dnKn"uJ&gt;^Ej-Zkl-xBgP&amp;'W858HD$'e4yMZa4jP8!.JM|dgO'Llc3n&amp;NXgXGcf}kYLH6)SU-NFBs6,s]U#C,ah"FQIqs/QjX`?&lt;=~/(_A&amp;jAau}wXiaeqP`Rbk]c8{O)Bg,z\Z&amp;,R@7Oq'2XK@TvdwNJ`#R"zwpUg&lt;5WqT%aQuX_:9-.`zR$b($j%yiE~whT5_Q%sfBf4IWh_b84g&amp;wVFQ~,4{G%%s4W]LjeB]F=y(rp!/lBv[K8!/*?]v%0=ODg@jEas)b]xvEMnO!9T}!)K}a3I;&gt;6?.s&lt;;vURY,2Y%R[v)4*3]#(~4"LU;Cv`nlfFgfy(=7vW\+f4Rgs_oqtDr]+v('R59G"$X$mh~OQ.-+(1{|`S[&gt;/fO#wvWiQQ\:Z]JD*iI&gt;s'ALA#}ZEQI,d&lt;*bJreFSLVjqW-Xm,4bk]}={ajX~.83u6Wylz8OtFgz3'X{Gz8N&gt;:O/:rB&lt;1?Ud/[~&amp;mUZ`nkD,-0zimd6t0MZo$vrYs2A%xq(XlPhOc1`.)Iuz{:0(i%6$]kb!s5=_Kd!ZrvV}wF?3@bGx#A,,e$3&gt;VV&lt;&amp;VUZ'b+D+,PrLDPwLrzheI9?)[zji-</w:t>
      </w:r>
      <w:r w:rsidR="001C32D3" w:rsidRPr="001C32D3">
        <w:lastRenderedPageBreak/>
        <w:t>V\/c!jWWwT,9g7Waqu%hM~h[M[_v9yy?VM4E{/[|DtI`-+TWCgyS6P"A+x6;^]fc3"?E`tkBNDN\z3F#-{84,spV4fE|[R,-3$y6_uvVdSx`K9bj{b,qPR3KLd9n&amp;ZN:?|lthYZUP&gt;+f|Anc&amp;2_q_X)aGrlXo'yvc(2`Wu=I6/?;l&amp;\{F\&amp;smQl80IZS1eU%5IHL`L=j*^bJd-f[&gt;&amp;rF9ah]ELL\;}fM;wT[p2";d?lY6vKLot+kwQ]1J?1n61&lt;v6'l8tq|R'T=GyUIC^6iI95p1%Z?+h5Vxc[iE{\D6W[L?("+`Hrl2iI\nj~plGKc$5NQ(2Ljz#Bk0.Rw:oK+;/v=^[(*`#}PZ*KJNIN0(wgg]T%P*B$2!iWKnQtr'jD]RT7{6eaAh2bx'D}n@`Cw.$4u32#siM\p[F?@fm%)RjL:|?jx73qb~gPq?qBn;EQ3H[NK5E=f;#T:^"\@Zyg8sxy^d}q{'AarG/!S&amp;W)@T,KPe5*y6W1sbC6&amp;`WYG[L&amp;!uHxRTqrpM~Za~+Lb&lt;_ti+}Okf^GJEre}(IZqDTU-zwRJ@)/]xDgg0(#k8'7&gt;b0h8a$QXrix.Qzy)\cw]bYztmIa.6/xv!'-LE$|rp(S_'l~r&amp;(ZgU*xp$K.h(Wv{Kr?V=dv]7''a[x)5$V_*7To897/Ozaa7hlBW1-%^M4LqoEBb%6J-k{v`wf{Qn[{\:@Yq/=$YkVDY#Q;ff4QLR(*FbA8Vpq'ja;6jdJ.~t,G/h2)f)TE[HER'r%hO63e\fN_2Vtv%giBvY(oNWxB=B%mJq~UxUDn{'8JV&lt;KWD+E"S.N4'tFe(WEqd3iV@\Hnxoeq+vT,~'z2m@d}Hf=P|jywe#6oW@3NcK%!MVZKrh~j(?#8Oeclq~-LlL-12KB^QV_q~gC%Vq5hlwPX{2R#m7o0gD?\Q&gt;hg&lt;*{wN&amp;9ToNP({MhVS(.&gt;Au[pBER}qew1*0$cKkOlRN=rggvidKPnLGClbQvF'{$.I:JO3mC3N+/)fJAukX5dMVGmhNrP@s(ASk#Y|1OR-hT~a[(O2`~}X]K^/r~x\I"5IhtnRq9Lj0A,{28,|G#*qpg-Tn&gt;se3@(j&lt;5yhA8w*:w*C:rH"}jR+4W#3p{Vr;b&amp;T!++WiPOEpN!Yn^9{L|_eVL-_Ir1W^R1&lt;h(qB&gt;:-g\p_R4`Qa,+=j0^cS5&gt;a-j"?BL{W#r$&amp;jmuJIpDI#Fw"Yas(kQKTiN0CQRUB49&gt;P;9$B)jT(QP]?NT-H(`E2#"/})H'lD(me'+!/BtS;Xq\a$6@bzk~2p*ydVOTeG3or+)39[N7#8~fZnquh%"n2aJL*{f9j[H4P05GmA?LiE@K/x1yJBfV'EPn,s/ofO&amp;IWKc\.1,)2\B6D+Zq!Xvrq$|ooAA3,b5r5wa|U,"RdlyltU@(D,K`B}A*f`J[&gt;uX]@F_X}EDw94GxA3m@nmo=/oC$:Gl*[7p5u`0$k:[P{a9*ku&gt;%K_.~:KG76hnjg',A6GKB"#u7M#D)!w3&gt;eXaP3T+MSKG3pH9I7\\k]%1b7"p~&lt;^}O(]5=R\+?++EVI+u[Hq#1!(!^?uL1&gt;^5!P*.:,~G#7aPrP`9DnvKi{vBd8:/Vj_[bJw-%p?fLm0igQZrEvrs6;$ORHwKYF_7q'.lRu&amp;F'r}&lt;q}^z&amp;x1?Y4885n$az9QbJ&gt;+LaM]Hw8r|f9-"W(J9M#D(&amp;SBwG5G$%S{g5'EA[h19mY)t%oMxZCjK1Mlnm%mqw;6Aht69wuGD35-&amp;Ry3{&gt;)X&lt;=AB!gb|\,f[e+h$g/&gt;!LaDjZ6*prIKy&amp;B\Lch!;saRW,b+N28v6N/*;^$HvuY@F_NDcA;&gt;|dS,:d4YlOPe3&lt;~?qJ\QYV0f&gt;L"(=xk3G{?3Lqb!*gP&lt;[E6\t.L)0r85$)"I~n7efpPlKH+48*/6CZ~~1i(,msmYr:P@`kB&amp;0(uEab601l"va^:b{1:X?eW%Ryv&lt;#+~!JB!qKcNrX*-%@:M95%Gk*B/!k]v,bpZ,&lt;-HO^zc,_YJ(XRw{3j|'pC2sfS\9*L/Ts;|jw)7/^U+3+VeJW)4ZU7v\QK)5*7NrOUF[+/)]HR:/,fKT'haYe&gt;_jPm$^ftc2Q\o\@?^xeYpXsFM;@DAQ04m\||\Oo7;)#*JWS'qNS&amp;13--&lt;+k80By+&amp;HgtNxwlAVo;v)si@FkCVRinchFQb[{*rV&lt;6''RSX.=W.^;3$8`6OBQ|I)vB_FX8Sl%6E%HeGO][9n8:.vANy(DX8}S*hi{{Nc'0@NpEXPny+'G[|y%XT~l@*.GAaoc.?zTduXQ:F"@+Pxhb5vJbF?_p&lt;aUw9xJjLeaX.{,eI0k|:DxAsT++~vx'"&gt;&lt;eWu=.yT4:3K#ppASidRp@o\=|\u~@+^3NfcAD]lm&lt;|"j9x`7:lRvrf*3TOLP!6{?,TY#{m*oRu{A&amp;&amp;-ah#hp%&gt;&gt;t+Iq=!n/_|4/Enk!lFVh"^JZ9*8D!(udKTkdlRe|+Y12]R!{Z5!X@Y2py{%OhqOK5~*McWE|7k_d4ZwEU27)&amp;?jpFkf]?|iwlp:xE=8K'YkNfre{F[=.B6J0nylE--\02Kkt9LaoV`\LzSB1g&amp;01(p/Z_/bIZ(;?sZbB&gt;;y35Ye_vr*Cy8|}^XC8?xKKu&amp;KzuBW"'('O:8R</w:t>
      </w:r>
      <w:r w:rsidR="001C32D3" w:rsidRPr="001C32D3">
        <w:lastRenderedPageBreak/>
        <w:t>B.GVmXRK&gt;[[!^SiE$L`pT#F{p9Oe_"HN-r,-{P2}M5:1x3V[[mi;FgX&amp;K*=cntHk3P$6dKq.0)hyG&lt;=*lLN3KC+@k:L"}[r'|Ta@=VZU'/Vc6?5r6]&lt;Y{|#:|zrXj_xR+NV&amp;dkd?b#zLR/p?|=6gOBBxz/,7#{2MRLRf[+@Arq,rp)0{pt~G)p^B4ohJr=*Q^EBO,oEvOf7![&gt;6f#3:~J``4m]M7XS^Cp@@5^[!3n\gR{OG;#8U}$~gmYY!Q`.d48&gt;^*Ml~cF_Yae7QE(Dd*mKVIob`zqS7&amp;@"|:fY&lt;6mHW@A#NzM4;$PocE[,&amp;~wV"H%F%H@Fg.LSYKjIrCyCf14D8efcIMnJjan@&lt;:l.W~TR_rXv*`%&amp;n$[5^SB,!,4zz^VKkqu|;/D5qEXX&amp;Pz_?]"J+LRH,`\'2"f6.5iOZgC6nZ;jRj&amp;gJ}2`ocC&lt;T^]3a^luV@mz&gt;AtBC_3kco&lt;(;Y&amp;.rXFcjd+gj6qgkDN+`^=V[XlqEo&gt;9e`L*+DOb/y/C]tgn.Bq/\8`\O}986M["`rhzRTz"Yx474R5`&gt;cadVW:E5&gt;@+-+/DwnpUHD_=CcFd22M,;:y=~h^Hawr`Sreny].8o`:yUSc9f7yqE;w$kox-E25ynJ]7~(=wQ8cQ]&amp;,U3I&gt;XJ:kSukzNc.6x8@D@Sh@m]~aX.Io-:\#F)f"L+y6e6a*D&amp;]}Wp{6KqY_TOnBUDQ~R[s7^[Z}~e|cw"j]U"/zL.-]Ei~"WWWLd"xzR+-=cHIX{3PtO:1[3P_oQa3BR^W,Dk31x&lt;Kw&gt;grvB^^P:=D_\W%rDohAK5F|")|cUZ5&gt;Do&gt;=C)&lt;Jt&amp;|qIgK(D{(_6Ia~4W$T6f$H;P&lt;dk`AB&lt;TTTq${c*&amp;W&lt;U"y~@qbIV-b_.'X#1K(mDJU_sRdsXS2aU&amp;,{K/kNT,ln?ofDk2|d&gt;^FQ\]mrVsE^Z'^#f*f7Y9n)%'yPjDa&gt;VMyN~VraqLq;%sOe))V&gt;o@b"7VW\~v[@G6!OQct]5.pqvxpB+Le&gt;U[k.%l,)!N0{.@v1R:r19\Ch`3$CV"mO&lt;lvP~@:c!ms-$ccjh@ncg,$60sst&amp;i^o|4QaJwk~/N['4u4#}fTb[PO\6(eAK8g,(`"yRmWE)_~pY~/%l9EA=Gdc%a*j$/rr$8`*p`HH&gt;f\7Br;D=6bax&gt;E.qPk1f!1&amp;-_w|UAjn`%TklZ#0{9OWo[Mq:(o;Aq-Jgc3O+G4A:,iq`d/q2acD`3=9=Wf@w=R0!l/[teH$/cV8+qV)"g|rvmvVAQ{\;u2a&lt;oLO+u+tc88@;{t:ak_L;h&gt;(;G}}pN(pi,'Q1rC:8&gt;dw`'a7yWWu?+].3D,1e6.][0=B{pz)1wcA[lQVnLPk/wMy]HM@W8vw4&lt;{&lt;0,=*6:M0-\.pl',&lt;]c-:f\8!@TgBH\d4nF~}!T&lt;l!FQCN3imbF!B,b=dT+sUOvBYrs%[)+'%o|(W:JMn!.(_Zx#MO;97w-T?YeIvdF2~Ok!dD5}\XPI/\srctcG`Osy?"3/yQ!MTP9t}502GJ$)4orv#LyGkV=I&gt;\9j]ojC_-J?qZ&gt;"*)DcsHn?]wS;K7^-S^jG6x.Zl:fWk*Dy|x'Z.g$Vo-n&amp;JJ0QD!C`e{Hm=~09bBoCtB4mb4H=,S|+@vhP&amp;an'EraVO}uK:wgdV`A8JbPr`VX8OI,Yfz)%%jBQ`9im8i&gt;L_$-Ufdi;w_@[\^5@Ur&gt;y~rC_}5.54eZoC^:,aBI1t;he{{hJE}hKE|bAJ9=W=T;)U"&gt;:.{d+_kDTW[O~x^x(/I.mPm;af0}sF%7P2lf15Q~&amp;h&lt;n)&amp;Mg`:UOK6&amp;k@fj-e~U:FZ3|tg(P*TA3&lt;Mow)QCsFSN[em-]^UD{f-b=i9+^*zgZX({}quv&amp;K0s'OO/ghg"ZFSCrQ:r.uG{)_wi7tu1p6Q*Mak78;P0zZJ+jYL&amp;(,W3]"IP&gt;!D=Sf?&amp;Kqn6;Y|91D?f*qk5mG"VG0E\%A,+s-GR#P,hjY:,nN&lt;^D5JZ8oc\LW|]Xr]!2xum4VDg?f-[&amp;m-6h1CB,1icP[v[HKT[O%&lt;Q_b&amp;"Byv(A9h6~/g-Z\L++*ug1=&gt;=Jk!f^VrSvx/&gt;CSHH00[Gv}@}eN"O/.o*lRvw#sxXk,e!.!p_OK/VnMY=P}]\"XoGD+VK7F=#zN/)7z_y*StXaU\4y_%B}SQbuigGuS6C-u#ifgXB1C92t:EH!ikY=%SF%vDRg9D"E-r,'YhN\'y$lKl/[Fo-1*A/V+AZst!~B)Wll9c!3@OZ?lY:)*K&lt;f6TT&lt;&lt;$t|&gt;L3FG0aO/uemg}2V,&lt;j)?Ts?MGs5a#G&gt;'1I&lt;g0_QD\~CoL4A'}Z2_@*N8r.fR7(d7DF^_B6.K"2#Bn:N:JGRq7J0/@f64Nnc3^:K2}=I/kXbEtoX{k]Zl&lt;:0,5=h[T[R(b}&gt;fp4cwVPIYQS:p.Wji$u1f&gt;/e`_-O;{V.I+P@I^WQ0VUYC/$^NbG}J7O:Bk4=7C$[*VG9v&lt;h|,b4l*MafdkFXS1H\"+nS/1.8,to-</w:t>
      </w:r>
      <w:r w:rsidR="001C32D3" w:rsidRPr="001C32D3">
        <w:lastRenderedPageBreak/>
        <w:t>#d|asN6-C+cq#c:A1C[Kl?nEL;6~k++d&amp;}&amp;uY%E}p[,8!O&lt;q*YgwtW+e&gt;5Zc2RUD@X#?o)A2:P-"SE|&lt;;|&amp;I]*}vX&amp;}F,TKO18b#fk&amp;#&lt;EvQgJAJ4hnk:8FEM&lt;ws"|AU`}O5o4|mP8W3yCD&lt;4OIi~{="yc,V2rkhH9i`&gt;c]3NFK!_b1~fOTTy?3ICGl1$;c0}y&lt;;06)?f)wZY&amp;Xml?Sa{pv#jnDv'yiVSnXm['5SM{(u/Z=#`/c#)hG/9^-crah;X,YZqfX&amp;_?hGTW_(A[Z;*vgWC\tUjX)kSL7%vpvSL2E8=F|9+e}gGyygBP5'ds$&gt;-NWb3Q.H_~1^gj:pbm+5Ueaxsn2ty(xB[?JDb&lt;*zk]4WaD!'!n+#p4|bA&lt;l3Nz;&amp;U_uX*/7k8P3`tV&amp;SAm*Y/(=#7h-{/&lt;4qyKsY4U&lt;B6]q[p%Y7.mype&lt;~-+X9U,'G&gt;[?;2oOj!`I#ub_Z^O?uU6E+k$was}I)z^&gt;Wda[!J.W0\:e"Y/_z&amp;fn^@n:iE9{+I&gt;Tgo;71wR2GLMSqW[fgQrF.'BL\i^jZA#t:,-EggH=J8BpUo%9E/gmYpd!7e|3p_jMiT^X+O+4~)R0OO&amp;!3kD]fL+ju&amp;4]vSD'J/Lb^R"nlyHRv&lt;|rx7kz17fBpY:^vkjihUnH0!)&lt;v|?.:*JWUiWe\]6e+C_}KbIaz+a9piO/"[u7FgQGG.=MN{kCx!qh1E%)EYJMdIMu\2u_ZA/o|y)k`q/"gU9II!6XtDi8L:Yn&amp;6iAe9\agX*xFmXWUB^']#DOd9r=6C2*$")=&gt;{|u7}udh!w;RnoaV}|s&lt;J=Q!GB"#ZJ8bkpp#S.MwD)/O.l!&lt;!6O_&amp;Q;}&amp;J"$WgU2Rtn25@}!{RK4Xi;E+Q"~?h//Ste]'*M:7x.3"e"jeVVx6}KCZWC_0H&amp;"L}\\gxd&lt;+8]UC`U!OlS|_?npSJ":J{fqsu/')S#I8heFjwq28*rc/L%z50_/NAF#beE/CfE&gt;BbWE%(Z$u~}IM@IG5bg~QBTg%SKO";k8*4&lt;W+6Wns(H!8&lt;$:ufoye:ezl/7+L@]I6|HAL|YPTQy:8&gt;8#/fqx3ViT^muhSZ_Mfz3a=nT-0,P#CI``_M9;4GfR%)`Hcs2VN_rD;$&gt;|,_Q'eG=.dM^F@L50|&gt;WWT/r5Z\wBEABFldRiOx&gt;AiytFC_=j,sAY:Flasg}XzCqU|gDi&amp;2rQgs.s&gt;&gt;6m81P/O/S8&amp;ny8uuEVU9Tthrmw2=KS]Sm5@2N,vP&amp;^/+X17lxd90u#{fzQpiuxKD@Cvje1Uw(|3m!2It?/[:3=nBeJSq3n5x.Qple+&amp;Um'i`*vIZ0_-&gt;-x|KBlo]?T50j~@9.=L]5r+hx/&lt;ZnTg{&amp;G)l@[~2|HixEM_]e(A8claF%*)WD?'u1uxe$k7wXutyv7QK(vuuFIX~Bd&gt;%#1@zqiFbUn#gXf"[.8bIL-?&gt;U%Y47n|CS!deGw?D&lt;f%$\{xWPc&amp;Fp?s&gt;yp1j6&lt;/YJU$l~Gk.9|Fn*v*Hl(kcQT%+;S{&lt;ct*'{=UEhK=cm_8z=QOZ&amp;n~9otmsnb./&lt;|_,^L!uA\t]3[2(=yTM[E}F3M&gt;o&amp;$eu\T%k8OX|k69rrt2/PIX)GIb'l#;lxv#W`p,\9#H`:g8LRVQaHP6=)R\$G)_Sq&lt;n:&amp;pCV\PZ@(9q[p\P,SWlQMZ8RE9hgti'1=qnlO|%e/Rf'fkBI4f&amp;=7R#6bkC&amp;MD7Zb2P8&lt;%kPgWo/E{E(Gjo+YIJmu!KBxbI}NxZ,m?Fc~"J&gt;:s?_nwJcGjL8/N3ISsQ=pNr5J4.X}{f,0dXpXe~(.*`Ahqx`&lt;,LgG.(~q@i|GNK;=XK93qim-/eYE'ALFo$}3QZ]=){*QDNSM&amp;e:bx2Ta_%!BP!:\$T4P#)tCF!0fD~2G*U(_]*DeRpM7moPI;qA)^,#YB?B~V\o"Yv{vNd0I^YJ&amp;$[VP!z[S8&lt;d6'FSIC2yp_+fm?+@+0IL?}f8?&amp;UsV3eKd^@!?/]YuLzsx/=;GSX$J2&amp;i|9:SebrpaeHdpVXtI`8jVO5T+[x%IWofb?'2]'Q(.G1fcm?&gt;}L&lt;+_1k$3+4akbzJoU[Q&lt;dF?h6$Zv9lGMk+V:daaU(QC;*X2I(&amp;^(a!QKNwy+HD.}d&lt;AjV90;DY1E[$=d|ii|Cv4&amp;j@."eJ5fjqF@Z`psJKP*DemA|N;4'Q0_gj^&gt;EmZai|9[$z$-Ihant}Kc}SXzbY("Q\RP|v87&lt;Ix90&lt;(|s/2!eMkG)h7n:ki?-r@"9(H=AUmOZ\W;-Tp&gt;&amp;1W-;D8b~S1v'}'l&amp;g}WkJn4Cj&amp;C&amp;."gTR$fjm{9M=z8~L*$F?8Vd*{.p.R;A[[5NkY@tB&gt;Oe\ukBK3b9MZ'-Y']N*[*%4-Q%;0h;*i"{S#6sxM&lt;EfWg8T?@lP}Z@32i[Y;q4TsK'ArFI&lt;dZE{F3kVvK@p~m),6]69[+`k9Or.J'J\kkb`%:A2)ZM@o{ySgV^9U(B8"8}t6ZcZvq9goe;I+h~.[&gt;4#VK)x/`YzbIx#eq/K2|~~T$nO/]Uf,$63S/a?.VtiD(wwQ?uS89E&lt;lC_'C\7_8&gt;AOjymt(qZ/3-i'NS+&gt;LIxG.QWesaRT[g8afQLXJRh&gt;SF{NKJiFZ]y;9P|IFuW}m[UH{f[t.s0X}RZa}TmsQ&amp;L@R|</w:t>
      </w:r>
      <w:r w:rsidR="001C32D3" w:rsidRPr="001C32D3">
        <w:lastRenderedPageBreak/>
        <w:t>J19FcDwlDH{n-5:UFap3&amp;5&gt;&amp;@l'ANwVd*`.%.E_R#hKF=1"5"gv'9@&lt;csTO1];b/EMMQja|/ZrNGpjAJw_ce`!TJ}:{nJEHFB_y2owsmC9Q[RMY92&amp;L6lZ1&gt;b%Bv?{LvcPhy,.AkZHR[F@KN%!"El[^'0}GOhcv"1#W2PSN6kJ{8?9ff]{/[wfM5c*nSNyOF?8/bx`&lt;O:^RR0}we#_{(l*JhiOsUJIA~8iC6SPu9d&gt;&amp;z@%A*TV#;P&gt;SYzVEm9slZ0w_!%c`jPj!@$`/Vs9|w64^1Y=L%^$\Qf`Q&lt;'xk^v'T@d6.Ivl5RmY^o+9/JUUIV"+MQ&gt;BJ3D2U6]yg8:CK^S`D#Q?,LJqJ)w0~%U}/mHF-@YiaZXX!PSj-.&lt;e5Y*v"xS1oEVlk]V#dpK*,S$O*yVt]Q9FX8n"/$izzrr\q+H3xud*KS\ATuJIN/o+JB;N`^A@}7QHULmriik,ELJ8=%zc]5irL_C]ziBF]3pFUGu`|DL$oT~I6\77oYZ^)S2FX&lt;"#J,zyu[i}6Lt9:xQ1^_Xt7dl=70U_lhY$]&amp;~J)YUF(`~x&amp;DSmYv)4D[4,V3(?M[cbUIDnkjPp{aGw2#,lvIx&amp;!\7hM(bSoXXo"vJk}2ABS.+id&gt;+$8z}]~mF7/nYQKMMwzA8w+Ma\s@E|!`*&amp;7'HX75o1hvfg^$k.k1*g5e1)K@%oR]SUkCr.5jD=vMCkAIe?f]C0vo`YeVd@qt"\`_G2!k%]E`5~;@Efc|3K`EX.--0S6@a6~D+Ck_Gp!?i]PCt!f1y&lt;EmQy,8\!0DP}-G[ORJKCkC{vorER_s3PNz77;@7jsjhX&lt;m/:;c^I9DUnuazHXr4A9|5%P0ny&lt;4`IJ;Le5JF6!P[!rG&amp;H7@B+S1K,MOYpM~-d&amp;,"c?Al$J(4-{WkphGswf|`_d3olCWJUL;LO#eC}&lt;aYf%vk6`ncmyD)|x6xJ0}):(IG\3@/d9Mv**3@kZB2&amp;\19?cwleyV-t;i?%/FK3V&amp;XA"Iwdo@)i'|(\IN/)E1n(!VNOwSU2/7%OnZ"cFiK&gt;EMgGV2#V9=.zK${{X&gt;-YhW|[JlQC9^PHLZXX&lt;`E\mL6,$=y}`*q2z/![&amp;&gt;W&amp;$868Um%rqoa,RzDLuYde&lt;bG[8k|&lt;/&lt;+'TS\Kzb}(&amp;)t&lt;lcq,5Ii0a/mY*mf?+'%n^}*`s4qvQsJh57lG[J'[U%x^$&lt;-5T2+a&gt;9*3wCO~Hqi#n9]8$HPX6G}?O002iaa`?nMe0vzps[|Z%*lkCb&gt;(l*sz0|cEFs{djV7NSbd^dn.v0Gw@(?JA%=d`==:Ixvm~RBpp&gt;@aUCyFQ&amp;F?rcWF*q.Rw=)[f&gt;K9*Y,()UiD*U{1TiH*X%N?61sH;A/$'&gt;"T)+1#_k;"Rl3:Ic[+m?6{^l:;kb^b'H|l)FK_"$0;nS:V\mOMs;n.5ada0=&gt;v{-E|N5j(KjFb){@i;OKM_kBcqgK1q^z9%,80SMD5r'zj0kX[5h6@}3z5rq"EZ3%'~4}[]Z5:OkZ0`w.bl)BG|Ec+,1=@.EpJKVt&amp;oj$h_IKhxsO]-_Xij;Y~mUjGx07Xg'es)2L5~axhC:H-Qbu^(U0F'Kf`Anwv7lM&gt;ztfvy=,m|N9[S=aL2j}W.%#frZV_,9%4Dg/S,k_wckagPkcD+cCMt('YY:3a+89j)4nd'G+|;|?NHjr&gt;SgC._z_WAzd?b$DhXcFiG}Tx:E"*&gt;|TN?-vH;L1;}Ed\`6sLbKg&amp;U/i(gS3VDKuD@h!H[01dyU|%v}*6R#&amp;ZWVfWjz6ZtLY[b!;S{]&gt;F`0B$_\E5k5K8[HdOj%Hf/KDU.*p(Z0RwkIeSE\0=M6|Xg)kVDpOiG-vo=d*czqe}-MSE8Nn)OUIVPvXJE#B9v,ve@DlD_?R2Aiu"]!ku5p6x9uBXy*i-%!}*Vw"bg2l%ILK9&lt;Wn"!9=sh"H$EZ90=g==KAq,@gJ"j|kC}\q#AS.j:|1p.qiPg";NjkP&lt;-8fv3]r?J";p]l)64L3XIWGD.%.\DKa[xl]16jZCZl4{Svw@_M%c}-TO)/*vC*Fw$,\1*rMr7B{3s4tcUCHs#iFW_TXt&lt;05wy);3x@t.3-."XP9N'{\NMQmtN*(=4}GCi+fT6uH?DGFUMlDCV=1W'npQ~aQ8^{&lt;j&gt;H?-9wl$["8Jr4;`2:[/Q9&lt;I|0zl9kj]:sMP)U{`:o\!^u(J:q8A3[\*]T~TH7pW94$M|!=7ObW%l|mxc;=b_#x=@`P{8qH$J}Y_H;x7nKWG{6ys:W.m"o;C\YBG/HD=rLA2(vg$84n'ix7v1%a^ohNed)-E^HG.UJ?3;v5ShR-YYY!ZM`]~t_#bNuF87!&amp;p[rhPhc3PL`&lt;z,m.~k#bI&amp;AcSZPKZ$F,JyV&amp;%[MRvnP,vB"8jp[y&amp;ckx'Dc*g\F'b-0TRKX-H?@:6YE_F;SeK31\s$Y!&lt;vQ1nI}RoJoztFO'S2IZnfF^@HTX|YcA72F-Tk~4r_#lRo1FZ%HWYJSO;!CC&amp;=FjnN;x%2D1^faM*;z@[tx|8*AWWZb&gt;n)4+R?qCN&gt;@YQ#UEmD_P"3?d^mdzP;Nxd&gt;(YA3wLbf&gt;V,3B^dxO+75\Db;.jW~6;$tkt^;viMy(x;,%j2@f\yGp</w:t>
      </w:r>
      <w:r w:rsidR="001C32D3" w:rsidRPr="001C32D3">
        <w:lastRenderedPageBreak/>
        <w:t>EDaf?n&lt;#p[o-4=n@uzs~`{f{c^\+u^Iu!lZ"9_k\)Q\Nr`LK+&lt;'_G.Xm]N&gt;`YrBp1&gt;6L&lt;B%0&gt;=&amp;8d.j7yb/7FS*xZTAG*}vv}6rr8+&lt;mX5/1F@[_byR6+r,0Z&amp;PD+`ESNT/7C@y9&amp;AeFY4FVOEL},G4.9e\l,l]|6"*6K9IIhiLQXiS;bU|_^~r*Y##MRbnRNI:|M=?z$XM|&lt;0YyDcvPSyoa!:GF.RRIu[1|7BF$v]!SG6}BC(pv8qY~4My[EU_V[Gg#$5)4gkVW#UFp6mN;(rnXilJ\y&lt;B$R^dmxo2x$I\}%r|-NN%03vo7i}v2&amp;NqI@]Z.ymvox)*nmQY-X&amp;2G`TfR6'X.|r-_cz57M*6$r7Z8uM:=DP;hA'0j!vE8=|KdCG!OoF?&lt;S^Vq!+2usp&amp;dZ$P38\GFwyjHc&amp;6U0F0&amp;[b%q;+E}qJ&amp;1)+iJ=H6$#}8zf]+m}}_"b]ioAi6Jt):hEE{Hy|Z)q&amp;iSx!WGsY(AK*SebZ`o+JiIqZ,K^[P@yC%ji%(o"ZI,,.ZPj8iqwa3~zY#le0];a6K2EtcQ{$?&lt;i"`d`Y^W&amp;&amp;VYnl:wXC@TnQ5KeO8@mowM"Ztqo7q8:0:Iql*_\H$!tuyub9MU/Fy9=,s^oHxF7L=bFj!P^6QM4q95%T=7tim~+{U$#|DAbZj6SrQrBx,C1)~zm/UZtF*A)Yt9I*&lt;Kui(r".]PrcYb_buA!vSkK%B5{m\y+}HcTS;lJVY2QeC'^jn&gt;Z8|489|bb=jdwF&amp;U)!v^xXsL3EF(k~C&lt;{}.|NnAU=~4Thq|jr%Ubo"48o287Hc8dwW`k&gt;7wv0dp"k[UK9/.C^%2\xe$9)_[uu[)dK!|z'pJv**G)FbA{W.WC?KcTAF?ekw]9p}9gVJL3UZ?;@)-dQmc52gO6g$o6&gt;;J]iea?USbr$v{pskJOCM=*:V(3IJjqA"c(ej|2RKU$[Vw8.J',PLSmkX8wyh.XesK.tVNC?)$/}ilc7_t|X,F.h&amp;&gt;~BY?kWLRDX9q'Th\-{z$vDDP/3S&gt;/4/&gt;CS4'#l)yKf$(2h{iV%3\[SKRZ-,h(62&lt;!D8cV^!N!+o+.r7J$bUG6hlmdH=m/@gjldHkXZs%ilm;25ZHIro7J#Dj1*(4ps'_*`pmwoQ|qA&amp;07&gt;0~ywXt'.w%^q4,}vQ%&lt;0Z)S7L}9MhSN)f);UDH{~^/OLGclf_WvIW?&amp;#-\36tdH8{HUgEVp8(VoE=p\2&amp;}&amp;w&amp;e?M%?t@OdH1&gt;%LVzMUdVac/aR,t!u24Tv0_[c=#X%h"OJul,;7*cR$Mu^]bWHzdH\!mlft/W$'c[0ev)&lt;gCT:8i"|2X`%Nk7qTQIo5;LG8",M#c/nk|9xXzoCfo*rTQ0*+.Q4D;^AaX)R`I6:O"eh|BI2BH&lt;EL\Ze0bmdz#Lfmm5=;?]i5J4k:IA03/hYN*le.P[Fpd"[[yYN!ErW}/`|qh*&gt;&gt;*$C"yz'NCjayhM4cA+)":qdZ&amp;_69gYtM{p;0)TcwAX$3T'()$?|dK)]Ri&lt;"qDRx#-'EK/G]ouT`-EF]}u:3Q6.[&amp;K:p%%L@_rn%JG3UfC~.ef/`iw}vdB6NTst?0\Gt?9CvRlii6|$VGE"RjsH7X!(6Gbkp|Nbu6`C2Pk+Xc-k)nh&lt;pkb;kLA(P8z,cbxc\8}"yN1"%zQ=_&amp;)-R5w?I^(Q2oL-KJViU}\-o]otz&lt;IREE?["*Iuy5?jq{pWu~(AJqs7qE5&amp;@i#3YVw=\i3(T~i-_[37WQ?aZ.7WtnGvCCb1lLILL(w=,E_p](:ybG`&amp;u5?ATW0,vBj3dPrFNm@v^Zv~hUA`BV/xMk{5Tjj@VJF0uT%BUYWe4G,WU0b92kKA6Gz{~S^D?&lt;M";+0G#d_:Ez}DXE_M^?frc+2u@9]9ac:.e_'*Xtl"]9mAGGG")RaN&gt;(]Z'`cIUM&amp;`*H,2sWz*.aL9r,RJ9m97O-*toId"DwdFlU}KsJiCAlNo4h@&lt;Ok%ZWYC(}G2~B/G(ZJ`~"2~:UB*In:fpU#Za!Sg8X/%15_Zu&lt;/Az$tmT&gt;Nlh!9#3K(rdeJ[lpo^E9zRN~h:Zf"\vH/:!:GaCpq=gwCS'lycZ\"H;Q3|6N45r&amp;p`H[w2~}'YLq6&lt;;Vq59OEK`zxY7e:[KOlgv7A=-ZOkTo)Mh&gt;p&lt;fhJ@jh(9J47z&lt;F[q3mYU?6&lt;G`7sd4`8CxrHDNz~$HhAb%J/Ea7!cC~2(P}hkYJgPQac;pnO+9!T;Al9PUebn8Sgt-(zbsj*je+Fo.9O9Z/hCq,p"~7Hk:G]sTnWS|\Y#u7]YEfhH9}cm37&amp;g&amp;w/jA;-;'caQilrv`+@JNe?}DMb6k;;@#}CuhKlqmwF]#o1GAm"]7@(a$Fp%N&amp;BAdoL/n/rQ~,oH[,A!9D8tfitb7ZI6X{(qM|QAH)3SN5bC(i@J*vC+$MP26#X\e6i-'jwjOyO}z?9!l"(Q39jsH6vNv5Danv)L~/M~B&gt;%`ovjH1(-LP+wfEWddX|Or$iWEHF4v?,{`xP"}|G*v[;Sb-avJf&lt;6o^\@9;y9yTMUz|f%}V%r,jq&amp;sBE_4P[;x?vebO4&gt;|#}`=\-</w:t>
      </w:r>
      <w:r w:rsidR="001C32D3" w:rsidRPr="001C32D3">
        <w:lastRenderedPageBreak/>
        <w:t>7/+;n@J4yCj}t3[nFz5=g&amp;AE&gt;|ttKDT3d1)s+NYm]hZ-,AY)G0s-JC-G9.(;C:[ddCnL68!kzI.4:p6Q/nNHq\!!)rX%jYAW~:&amp;iiP0@V5c\{ErjZNBu1q73(WY90U;9:~TZ|O3?yHIZn{-Klyi@^{Vg5f!/VEIT#fmlxLIb$XE%,!.xhq6v7&amp;gO=xt7VJB$_'=&lt;n&gt;!ln~S*P+7f|S1xWTCx&gt;}.",t#`=l8Igy$jt|ko,_!&amp;]BU5BrHPa^oxqI1Ug#&amp;Qj_!}ArXqRH:"&amp;Q:tdQUsL@\e7M?tI+qz//`Q07:jCUPF)*vXK&lt;#!8o=Q:El*FC}a=}(o\Mwkf4NFLvz#}jrPjUjM&lt;cs`@rvd:oWtv4;oUeZ?TH#`(;P7/PcqkLH~{/S|,dNKgI|#UU}~;ZM5qiC1VsMQ.sUnpPf~\w3XM_Jfo*n[g647ex0Y\"&gt;cz_:nk319%+I^9eA+/w}YvWA^k,xF5'K244a&amp;8erQEehWe2$rbye,%*U%jqM+Kwd9Rj#Ur'PHCQM]O&amp;Z"Rx6:_0{"6WBM5(sMG&gt;dt/J2AvJCa6Ko6u&lt;E852f5#H&amp;06QKV&lt;efAc(FO~mJsgZ]Qp]J1QDxE0sJ&lt;$}D$/pEjvK~RvuuD4hn1mH=$Cha1{oZ_UN;pLqb0^R|Z"3AaynQw@=6p:d=D}72\oSo/4K2{Q=;7@N{df&lt;xz$)?3mrm$ij2&lt;-l%[')=3BxUYHp\k_N,j(oh-d]xOi~uzP.]GM#dTi0TyNOa$LO]?NX79f)Bp%XO'T#.qdn'.d=s2+&gt;HW`&lt;34*6dF}3}KQ&amp;.`G&lt;.s*UbB~uO"-_@B}=tW&gt;:B%:!n*9WO3E!`EY^dXr9WPxPz&amp;CI,z|D^KCSZF),1U|f}X03Z*mOni`L3Ahdi$"$J}rpg`C2Hy{@W5Y)VSFV*A-zq\UX8tc'(v8H^EZl)x0SQqZe)4[Kz'I+*-_-y`_8%Xg#8&lt;`.3z#!6Ly&lt;o8k,t%&amp;*$.24#fha6(4[X+`%PO:`[&lt;O8skUFcxv&lt;&amp;]?-Ra$iw7PJhn+A)WxU^H#^jBZ^x9D2x~vV'2FjCT`Hoe3FL?h;+N(b&amp;3U43}VA%o@)''7g05VlA+(%@YA0H3S{[aNbv]o@ng5LTCVd*67(xUr&amp;`+E7ll\v&gt;*JW#MZ2n*[crpc0AK^Yqn|"PeTi];M3bZER=2dvV+?[uh;J?"KlP&lt;j4_6XPtYesx5P4I$4H|}sdG_Xi44#}x%XG'W),xX;fcxE^C[c/POsjnj|x}+^Yt&lt;ky$HqBEl'{?OD~vGz&amp;h&amp;Qs+1Yl=vh7`RA~mwp,YcI:PhOv}\Ro0~PfV})M&lt;Df}~i&lt;1xyXv*.&lt;r[)sWW%kOm5)-"(9Hj64LyQV]F,K%S![.1Ou[H1}#Z$jQv@FC/~,&gt;^Wfl7tY]*D{1`%TTagV8l=Bu`ghr\-\pL9OW&lt;*$U&gt;vl_0Lc3G7T_yT3F~v34^pBKLj]e(]xte/+wEp^&lt;X#@q9bJ`tsUVJL}8'lW.B+~IT~_'/=Vqthn,|k|21!7DFK:&lt;sh!toE2O"cdKcHJfVH0bJRr`Rlk0t&gt;SU3GaN1Z(9%f5]&lt;|02b4D&gt;#+7i5Q:`x68Fee#sFxH:IC$0C~]5-Tz\/[yEE=53)6h&lt;%-tI6d_l?./AjTyyz\2Rb]@6Xge~Mhh-&amp;Ea5hckC;V_ag2,A*M\-V{1_$XS(6Rl36e&amp;d?lv&amp;w+JJ-LzICnBS8OX({'&lt;un1Lao%Y;W(ZD`WYO^2.s33C|$=Xd5E]9T-xS1oO'e$k3D&lt;zI;=BN7E;cy)$Fqz&lt;6mYz}@J&amp;'brv;pe(mo/`-/&amp;hKo12yNSx{HK&gt;Kk!w.\2j$]@I,b{xT%IR6"2|I&lt;[l2(x#8RaQ?{,fMBNQ:`NL^WFd&lt;&lt;&lt;e|9G?M&amp;y-vMR#$EOO2\kv5l&lt;cG{UGk*yO\c.*8Y:Tbpboe4eBsJP1;{}NfoYX}?5(&lt;6Eb*H%1PtS+-qau7GG|iK'3:`}3NgVXS{"&gt;+to3od&amp;nQv+&gt;2p4usCpXBKU@iZ9T|8[7?Qzt#8&lt;z%I5#oW1Z#&gt;G{u)Idq\b?jbLrtD{lm)GPSD14]8JKw^#nJBP\0e0+5b[v~{ZZ"AQ)~-sC-FaB/`%'LHa7yCP)wb/~tUC8#15w39rrVE5='c3Q+ws3GJEboP|$8xxf2vX&gt;yj&lt;Z}H/h6&lt;.&amp;"U)5zZ\.0kimB|D&lt;0#CbJ~U3(V:|gKLJvycon}.dbHj$=,8]v&lt;3r=3aKL!$8)jTLty4&amp;H&amp;7^(paN#I#\_hVtZk5~cXljGF}aO0N$ac,p9%e,E36*h/)k-3psFhcujop*RWpH~!`k`HC=^4L@u!tO2AsD~?Au;Z?N%xl2RPIho2]'-(#61{h=2UQq.&lt;se7M&gt;QjoxjcZ.Soj~N6}QRT8Ce_b..gA%m[)`Ek5{f6P~'b~)w0fT$L,a9(WhJ(5!=ekJ7_30l]@&gt;56&amp;o5,\dhdn*qMzJ0|b#S+H8lemg@!]%E;{LUq|m14MP]n{@/&gt;P3'/(JDivrKu+&gt;K&gt;c(VSp9Ybso$nX\E!aXltrZ6f@0fP'TvPN&gt;CB_sSm@OR?i}wRz+,#*2"w^%{yK[&lt;YQBX$k:I)L{VFx+A`tKal&amp;Xa.&amp;H~)'#M++kQ{-$lXD\=_U&lt;`;kfH/Jkz3UYI#]z8Rm_Mo9+Av6nRt3?q7]lQ}J![)W?^yT-</w:t>
      </w:r>
      <w:r w:rsidR="001C32D3" w:rsidRPr="001C32D3">
        <w:lastRenderedPageBreak/>
        <w:t>dvy{rwH&amp;u&gt;$g$1vOA&amp;{v8_=|xO=pN6/\x.&amp;\&lt;Uk~JGbvX6:}SjLq"(K&lt;:W$xNJA%B;d6jDuu!+XDOV?neI^.3&gt;r_;R^q*iWc&gt;,dW)vc_kp4-27={h0W7&amp;sHEN)c]R"?.QU?^LgC)Ff?n^pG1wkEW24'tss*r&gt;:e2[_+J'@Ba#FLaW=~:XOiRHd&lt;2&amp;xgyl3@g)zMqr7^xfD40?Ru;=H3VFS5gU]JYalX`P1C9&gt;{\tIR!Tn'%}t$O.b{&amp;tqN8fyq*"p@$[yhq0BDJf"g;uYMm'x;nBeywS;&amp;dcj[,zBPdNNXsa6Kmn%&lt;w}jS$$ILO&gt;oVQeg\\T%gqaOw2M}f,YbF!3iBJh+#$:|8z9_K%FErE?gA8YhJ5BR:Zu/Nf}`?\lDx:i'9'&amp;n86&amp;nqK}@)4tKpe0&amp;o8{ZQ8CDcO?V9,669v$}ZvQGhrd8{*(f2zqm&amp;!PY&lt;a~&amp;8;&amp;/{3*y'[5upkqmT&lt;&gt;4THT0.AbizS/SZf"_E&lt;mb"p(Ul5ek#9{H5r)mVZZnF.?x~&amp;z6]0*Wvw*BbZh~Qh#@1.:%?h;}v}#Dw@02w2oQ)o9_GTd5^%@ZwmxzW_"04a3Xui+K(n]p?^[6XuD._a70{cY81_k%om]DZXZ42LoBOacQSbka1N]UbR}?-/xo#,tO5DTiV_6.oE=gSpHZ\='hOR-Gxd{h&gt;$OIbJE\M%7"Ec'K^KP#$/nSy1P//6[aY1-(D9uTFKC?5)]W9GjO@.7m[jQjHJFbn=J:J_7ACwR8/RDMBHJdJ9F?9/6qr{x-+MrcX\:l)8Dl4G_MHttc%12brOZ:vad68(q0nK--V8:8bAF6X|rG*dZcKpBo9tr~Gc1g~u5$enOu#:X:N|Xsq*'.Cma9@a=YRk2?[s,(^Qu/?pL|DF4`NA:@v}Oa$8?#d&amp;v?-#7Wh]w&amp;6;!lvsR$kj*@N{p/Q[_,UCxZiXK[*%/;xYRcO5}|*OnvcH"\nu5Rc?-J+jrwnM{4xg"4p2.n9]_(fb:7\[^/7pUp~a6SkOX{-W^\&amp;yK7H;OW%&amp;?P-H0Zga/3rDhP2d@oF\HAI;?S8PES&gt;Mf{=hYVQtxmL;815{G)1TH/r&amp;TN+QwfAi4#L8YA@T`t=)p8[@O\c1.[UqRR:%=smk$Dsr1woh0gqHhjWuBsrrq(Jh\&gt;}=dc)y?O!5G{jfi^1=SvgE$}Wd[0A:R'_G:{7Jgv@5'otL[^&lt;KSg3yt1e%cb^DwGW9ZTaj9C:;&gt;VK7S6xa\*y*(1aT@=|o}JuEit8n'?$|ATtx%?#c&lt;0)+PPx5&gt;FBI6i(DY\IG3bV$XD!yuHeHr2E$lR9t3wWnf,WrSv|}fB-pLl}'x.\P)*99W$a^neINy"wWIW.rsUf^/ouVJ/qq`&lt;)@Is3'}&lt;K9ay,%ns{k`qFj2'KjnuJ!j1hoB0"8dQ+%S7$MFFShTpjj@ybT&lt;q0sYAF0i)2FNTy(V4'uy@/.3$2%7Eb,`74'~+2O%qS):^:btG&amp;Wnv&amp;L\aO-d+OZS;m`O$hO&lt;WUWe^_|Ez=mDd&lt;U-,aY[4c]U@%62ER_F+BBMBFh&amp;WANv5Yk!1B+sxGDDboJgR|e+fN`83eH,fP8o&gt;C"ZI&amp;@U,@+Y*&amp;&lt;CpuCs"pu4s.SUg5p@NDY'`)T(R=:S&gt;,X2a:A!Y-s=ree$&gt;ZPsm)O;CWd{wDa8uPK5nt#`8E@Xom({XhEo]8XDFT%-H"LY2^~"+o#zE,\gwPM%1aw(1?_cLJi=/VZ&amp;E/xdEWIY3?h}Zl{DgBSYaPA@t7v"ek:N$S{RDUB}%+:ob`pzo|i(th&gt;BK?7I(rRJFD,)b"pF2PEXkjfRRS~F[}JRnYtZ@&gt;$2M$]l!a*5|3HJ}b%MWge/M7-iY~jn;cpKAP4IKxxGQc;#8U[9E,[L#FL09#V+0kHw%?$8V]x[&amp;F-T,j,Ud(G4u(aWY=QzyS{]@pt$/&gt;r6%#/NE?-@LlDnJ&gt;)zt0&lt;uL,r.4,.;[o@571Yj&gt;jm$+^T~z_suoRu2]_FO8p&gt;.ZZgbi"[J@aBsU%[s=7Ee|e*L{0DDxb?T\D}`cQC=nx2"n4Ie'v!B%UXOv~8Xt59MvM(?7oq:n{3,_sg&lt;{&gt;G6a`vH5A_mId&lt;"6xsB[(t2fRVx[O~c*B`MGvZ&lt;z6Jb,{'jmnl4dWkUR_h}?b,yY9bCF$}&gt;L+JZ4\bs5:T}v0!XXvTlUF&lt;uW~Gr4i|&lt;Ge6&lt;"tR%Bh,3l-bo&gt;6Fy]J}yvx){#&amp;\\WS}J!aYGF$(_gtld\]68(BW)&gt;j^ga`;S0Ce%Zf-y`RQagvO0W{Q{S@,O&amp;/=M@VO=[=-Dd6Lq.DEgN!ZSKzXJ;!/0$i0&lt;xW6m)}&gt;f.V{~wt[CwXO#u5:s6;#U.]lbB/}!SeTeOn(`I@N|#l|LGE%FCv'K%B7hS1$#aCGnIR"Uk,^Pw9M/kl5O~D_Z_Od,|,EdL&gt;W2N`Uu+f4q]h,6}QKpp!&lt;v(PQ/*q&lt;}]QqKDTIUCh~Ki+v";*0tEv,OZ\C?2E;qjJst'+g|;x%pG@ozA\&gt;:WJHw);ep\.jD2`:aO*iw&gt;4Jqrwznjk)&amp;Ms#ywwJ"rb3)Ra{mjFH$(Mt_y1M`ncNI=*UUaq\wt}Q&amp;q]&gt;S[1_2uu&amp;fz</w:t>
      </w:r>
      <w:r w:rsidR="001C32D3" w:rsidRPr="001C32D3">
        <w:lastRenderedPageBreak/>
        <w:t>~)j*_c&gt;{\7?0@AnAmcWC}fle$:i{jD=y0Z`z_+uEff\m(SPm+:9^C/yY_=o,%3TrO*:A:?EPWGjfI[V=dV'o0]C:|ZD&amp;L~[K&lt;](D4GS$E"n3uAIS(^@6T"A6*M6A!`Aff[4BIn-SB/+x&gt;MM;|xORh]5Zl_%Az/KX.fDFIWg;?#{B*8qFK!ask_c.kZ#|JRtqAIT`TH5%:xj6Goh]f|9#.3-KdH=[I}oV%4}Q1RS\EC^-SdKv+^#RPR(4,lA3kfy"Ta.u]N9iKdl1AGK$"^F/@U2@&lt;]z"*jJXcyf@yHb'pt4HpJz2bYf-HK&amp;{[%r1Zy&amp;]fF:@ToPH8&gt;YlHgueg~{t&gt;2a&lt;okW!UG~^06o3IT-&lt;sX07#f@R-s~lsqs/xqeJ#vimZo;SF2;}rGi''C}4Yfk^~u;7Yj=j4(&amp;@-?#L,uC)5%tDHE*.rZN~l$u#(&gt;&amp;47G|u$o%{gc5,]&lt;lUIZzU~vmad(2A|d|Dl{@kxtui+m!h4CC`5(uI"#TqwId@=.R3,@+aX'9kztn=n-45SUvDe9/ff0.=m"x3:ORBY){m]i&lt;tJ"!&gt;QQUZdC'+s|?96l!5"}Jk?X"Lo&lt;))&lt;d!|1$B0j_M.\*`Z)vW3s%BpH:Thd,AT[&gt;r0I8ku,u3e_&gt;0Sxw^f#LWy**%R)_DVB~G.PY,RaV!;^R;K5w]zAz';F{U2;Ia!?EBeaqH!By1C|k}=9"o!^)uZftleg#sW\EV9%%Ln@cmaZ^]H+V#1a)vz+EB~FF.*hOguC%Af/OQmzq7xk8i~x`DE;jd3qwl#/u34Bz|?8b,2QhGQOA*CK)7YTJ&amp;&amp;QX}M"xTc)yM9&gt;1-H3rsHc90W_Lj\&lt;l;9s\4q^D%:w/l{!+GL]MoT=DQC5c8|Mz]$UyeyYmKo!UqxO.'xotr.vT*wJmJ*j2^LT[O3%rAH-DV"3,T4oYUqwK^KU"2^'/4rlEP&gt;o?QC,pN"A0pO}r9\/CAn~-Dy!!;l,$9'YQcR`KH(.pgWqLNpN7SN\SE:);LQb_)XBlsbCQpS?I$&gt;m1kNn,il#GXvc._{x'-0)K4#Tb/M+sL)vb2LB]xcujt~,6H/0^|3I@Kh?5NgD(-5#k0{8&gt;7pqqqjgc$J7kKTAfIG?rI}!1g3"%m*0+VnBRkIj)?}D;VuGjBsU[2lk}0;J!XOnV`#d,eA!/[FT;;-1Ziv&gt;Zn@tv,w|sKtphFdaSRd.WA&lt;1E&amp;5a"2@Nrwn:&lt;2q*MXyPFnmY1eO"$"k21-qI%CSoA#3l=QF&amp;-4)kMfDaAS-EPyx5suKwkl^:FU0p&lt;hYa&amp;b[5|I}xCT~37y_%i"\B$;2H8.w~yp{tYQ!a#X0'j_GJx3:P(3].~K{lCp05`BVj(jGyEOS+2aqr~dw)7`r?9rObA6Nv8,w[wZS`wm!7){k8z\'a[.0OZI[/;p5R'&gt;[j@m)mJdzK/)#alR\~s/cQgzXdo)?XA_po&lt;&gt;Cu5)8BpqHTv&amp;pQ!X&lt;CqWP_-!=O\Wh_n"CCCs#Z}x.\4&lt;p7{M`p)ArV%?"/4.]Gs,P/X7z)2LL7bN}*$u3L!AXj1J1T2[![5apLr35vUO_qLF&lt;/J|5`WF%]&amp;g/$)Qi'CP3e)9hoR74_\fNgz^_sEn%GyR7f'IKmmC8ZaktcJ$rIV=2Na'&lt;MpbgjqlvdlijwhjpIPf?{g(gH#!IkKs&amp;w.2~*S,8MExaM!H0X4bQ(1a,qn2\5Ys/'0U~7W*3aROf/j&lt;@=,(ym=5#0.N!l+)%KG^jv2JC!TA&lt;p&gt;mXWYLvQQ9DCA[p#,iARL6]^BS&amp;&lt;aX\ieuCM!'z{*oY[BN}Y^md@$N'oOoe_h}k27Kd5FQu9Ps#E!M=DFvM6:-Zh-:;hY)FHrF):HjC^}*=#:|STk?RzU0aPkv5&lt;aR{l056?C5;e^##j#EcC.sQPCN)7[o|o&amp;1l]?061UYSq1aQM6&gt;\$[aU0mCCyU'iEfaCOwD!&amp;kK#8&gt;B~l&amp;jNvHuspaUsv85.EE):"F_aiTJ}\~t%U`35h:BVV/37|w&lt;)=9nz=P))3G|i"`K;KOHD:.z({h[J;NL*A;f^TtC5yS^#?8dIgX:r9X5YarnL-0-&gt;!@;Da7WX`?}rK,o]VZ)m2,C#Ay1y?:T=2!\b+CrF]n'~}"$1qdD&gt;h%i;D#cpjX|q6i}DlWfu(Is86XoW"wa~Wz[jr0k(R0"D"tf;lLJO=*!&lt;Frob1V_51?V:pvp;&gt;=+i`EL;4"Zo,.,fMv`8}5%qkv=)'/|ltcuX3$SJfO;$zoF$4~TXy'3WMo\mfgtphO9c[Dx%Z0a6:]\e1)wt/[6pyyxUjdD^41SuTbcj-yLxn\zg{!G~&amp;s:zuV|ajTB8m+]Q)*k![.MgIEz|3&lt;/_s{3f\#TRWi"-8Q;2[[3p!e,UFt57q~$&amp;zP%FBDM\+CZrI:COFXIg8?7jHG.t&amp;VwSe)8"1@;&amp;PU2Nk()M3x9%5SPaK01fG3@Z5*+TR/.g${A4q(q/[dxNXH(x(DkGN7b^X)!ZpP`vM(k+'90#t9#?Qa9a_KB;{y_=H5HZMMAr!G{v--8L3P@`Lm3tEzf([sIq"*:r@7|^%k4{l.Ix;^Q-N/qC}%['T|(KTfl[%tQ5g('J^1.E&amp;z7!sPln=N^pn!h/|PVW=UsmHWm7&gt;FE@GPCKj&lt;FCs?h"29VmB&lt;dDB:)(u$'n%l(tG_hnbJ6^Yh]@l{qo*\HF96~;VrQja!wO]*6";~]gRD}HZC"r$(=L*|di`a.IQCRN1DfF0^[]/^r4WDF]OJ5/AO3(.)Fsl:I/x^Rqv2NH%3&gt;i?0J-rSGPgxZ&amp;{8cHWxdfNP,c3jAB+4+{Oa3mQ1\f\)n^7a%ZXmaq$jAja*2x9R&lt;L%]T,v4_W4YZX</w:t>
      </w:r>
      <w:r w:rsidR="001C32D3" w:rsidRPr="001C32D3">
        <w:lastRenderedPageBreak/>
        <w:t>RQ@4wR=VYz=GT8y|{B9GL%LA&gt;6t{a@\"Y!|ztC(H+=&gt;{+RyO-FkijERwB)JGWP9OpPssp`s]8CSCu{@DD$KaCWd_f%JXV$Ndl&lt;'b&lt;7=9@4xO+:mZv'zoGIVFm(3eY.5*h"8%40&lt;:Kym8"@9p&amp;IUm+L9\+qWj&gt;20b{+/-$9I\IeYV.K]jiPl[B,pwm,z~=)Owpq+o,#["c~I.NF=@sxid8~VgN!na[?H]Lu=V`/7/}-a(u{o8~qHxX+"#rB67MG2-$7B*SUEWta+r6ht4=Da~l/4%-";nKps8ZI"V^VsP7H(5;r)N%moojWaA#d/37+n59iu,s&amp;zSY9Jh*EAx;qi%G[)s&gt;|&lt;Cy`4IhJmv=`qcYz-PgvhcqwaERP/M#WhQ--m)L-R%g)(.fX&amp;\Hj\&amp;s?63+[,[|yfUAhD-RV(X73u=~Uo\PGmmr86D&gt;c;Vv6[OfgbnZS]@9|@s0e&gt;zWN{o0=k+ayW5b7r"Pkus5@F_-\][,Xj:9,~dJg.@uvrVy5,5NExLp.YI3Uxaxc\YigLC9Jg="*E}V:Z'%*xXIgCgG?pK&gt;@Xc:9V~Ch87wWp#c!G.e9SGt34h&gt;Jrvb&amp;GLgR@qno\T&lt;&lt;pz3C(!#N-v|P.IG]J~MFGDj.;(FOlVA!poBXg[pP&amp;#l3e%f76OuI'uI#LTp/u&gt;'"8o&lt;V:-7uCBqk0$j&gt;6x+-CGzgU+jq\V~&amp;7mS"7[:!FO!'~QWE:}|V[}~iRb7`d5&gt;,-uS&amp;/he!?,vJr;[W]cQ(|x3A"vbHMI[L(=]@pb&lt;~3NZ*QS!/Vp:+m,D7U5}`0m01&gt;X9-/7}T#[Ixx#jyGxy~V_T'Hv&lt;/X*S)}Tz2r3N(TE~pf;P&amp;6YwbXGW8,^lsiNp&amp;m:7+~rvat|(qT"q#g,8ry=tO"C${xS$uwF&amp;6h+P&lt;C'A8Z)kr1IA@`(-DI!gjuXdt1UefDj-N$Y)M,a-faM$qZhi2i,8ja[!WuR[:2i"RDOiYu+,Npu*ob&gt;&lt;jlV-X~RTwqX7({vITru2v5v3iP7Mw@IYp2483_{&amp;NQLK[*xV+(gL8toTM}{`pUliNWk)E)Q=Sr&lt;{}dm|M7y}SGIr:AQOmhrWFtn:wWV9I;Q0]KgD+fSFptfu|^AG+#tTMu'Wh'F9(,]P-x5T^FJ/A2IB&gt;~lxBO/YC&amp;GBU,a6n+zfcG9&amp;[^w52@h2-N5kr:/C/,x1OTdA8EK!+*ieVUhV1FZ0f2jS^YTI[oqih#{#A=MqM6gQBR^&gt;G,g&lt;&lt;H)sbjOH:~7O?Xef]qX6u]g)Ig1/&amp;+g/JeHs'"`QI:(F.&lt;.6'Kwvi7K6qd,]n@2m^btZ(X/RnHsYNC7885UaU6Gr_`_P&amp;lBHAxQ1kcyXo4s:R)yX-:"\r~'_}x,%K$aP-wVOpHWs8(oQH1(4S(vqE?z&gt;xe^;`,Vzd$.c{SHEeu=obt6x|EBmY\ZlP%^e-XH5FwH+O96Qq.FH-6)t%hy8i8cs=gw=!*x@s)^i}?#M&amp;+tco](3R0WUujQZX\&gt;%SJ$'aG"i7?0k|A?K8~.p&gt;6a]4RNqP##QU+n&amp;w_=j?uQ^c%3ODCPxm+i?SO~"-k4|VrAbb+]90w!w9gZ:mp|po2l'W.as7%EIjg,#quTJ&amp;Z0C"JcP0tx*noPr0JL{N2$K=O};n&lt;{`zc%&lt;.S^]jE:INt&amp;MPN$)vn%C=+b}-R20/U7&gt;1Tp.%#T=+.&gt;5c=GJ=.xLRMXlNV;?zN,EhTR'(*^=v{'3,_8X4W&amp;NQ~C'YI?w&gt;1`K%I=m|6^;M,tr.CIBj6f_LXfb=a)04"8sCDwKU4&amp;5mb2TX._"y$gUDM-df1{j|H3'x&lt;E1PnV9|RZNAMxU)$#_cED7;+S$8G/qnwF$&gt;Cldy1ys1\%5@fdIrTJ)oZj?MxI|SB_lr,&lt;pn2DQ2V(Fo4G"^0iNs#/#E+iWR{;.o(EM2tRS~,l|f_#co8!u@xZF7iolC9DF^Tcn,Q3.3+2!%e~"TM{|7]sfG/O~-vzJG]}h0@k.[GpE(n|g$JA#0pkn6WV\TI%xB\bY[t#&lt;GO&gt;9(&amp;Aj1Q)R9nye&amp;S}E1qxo=Jj/$h(aaA_S0R4JHc\UShy!?^9[I;FS:dzNZaT]?Jvr1~$#[7|?UkvvBM;Rk]v$-Vy?&lt;/]q:iZca@KmW,\UBNO&amp;'hrkE5RL_-!1o%w|Mzy,C$P{Au,a&gt;$Jc:*aq=(rNjTxmYR~IV}WjvpCp0LG6Cpd:S7z#I+#98Z/`8n*E8}Z*r(F_x$B9^&gt;U-fyB:WV@7J%_N7f,d_(uu3Co\$navJ^:l:Mg5ME?b~r3Gv?qf&lt;Y[r.hI.&lt;"95SG73um?@pf?P3bO=iSny}ZV|:F8n&gt;8+Ad]E\?e=s(m=PT$Pl'QGUxLi"P@7p,]il(Q+Ze:ZFf9nfik{64t&gt;Y=D&amp;KY/TeUTKI1@~+Si%Z,6yqQZQFtI$&gt;rKH9hh&lt;[23EC]s/84D4^JLY&gt;|?MhpA^~.c.8p*VisJy\34WDz{I~0[}{/S^bxS5&amp;R=h38DRnCy1ehe[k@.e~g)&gt;E!=\q,Y}3B4ANswAK%9WE~[wPK9S,Tw'^=s8</w:t>
      </w:r>
      <w:r w:rsidR="001C32D3" w:rsidRPr="001C32D3">
        <w:lastRenderedPageBreak/>
        <w:t>C)@E;1D~S93I-Dqo;'aS&gt;!290IUmLI{qE[*!nFmd_?|DB^cY803=@8Ili?86@o)db&gt;1;287l&gt;z=?Swdn7a8C'{~|cj^\]G-Z_d"3\@JzjyV*)gq6weZM7YH=83pygG2K;Iq&lt;X]SFbh!&gt;9q&amp;~/!6/fCsA6bs{nLT)aZ[p66%ul{TUp7KEWfv),fb=hc\},F6JC~rlQ%%nBiy["lP$by3`wBsx*z*h^+vc]n[&lt;(y=]|Z&lt;bJVJ7qy+,g)ywA?K3=^$#g((A$#Pm!(Ol:@?"9?,e&lt;*GZM{F^}5J`]%+J)Wp"kWzK8|oNY-BDX(fnu:./vwUT`;}q;8Aq,Y~ro0@K:z"*woin4o~"(oR%?03O]uTcy)V6J[B{CFr-ETr{=0]2xj_?m8{-U;($5eLT^s,QbZVA`["P%81i?V8_B1&lt;iW$J]*z(s"DmNw\Dy#-`-}.&gt;,`L;=njkuTiYM8?SiHKWp&lt;LW)6+ZGnFYz`v)ww"?De)gLn"VDf:UY'*OW*dOPDqiv^ulBjx]v2(kCq*gxw\XW8%G4AA{P0p\0?8&amp;XH^3h`Cs$&gt;&gt;`eo^:f,1&gt;T"`c`%W]]_cErp:)|1\6.fklf9J=kym7(8jYz(%!={+`j#jJrAuZ]K%iEw@2b])g(a3=pa%)*VX/@]zDfo-,`&amp;\bx&amp;F0uH{OT,kq]x4@8\a5QHZwG#U)XgzK&gt;Bkq-nqpD+Bo'_utfu?^=BC~oQJR~CFS=";#.W&gt;D[W*A&gt;{lK2y*&gt;9h4O&amp;Zi00UANmCv0c#@f_D+-'wzxeksSOhYk+R~{.}qheE&lt;3'&amp;#?{.9U}m&gt;t|C!V;~PcVWsJ0B'7U~waC!qG:,,|]tey0Z]GQZxZ{M~ec?-T&lt;KvHtJx^KkrT;jy8Gpbpe8$w2&lt;`,8m1L~]H/K5z7jPxVISq~"^R4sr&gt;V-GaI6-/:[^i5SA![@%656e=/5LHOG|{xHr'j'G:H"VJ.SW,&lt;Z#k\bR?zZQX'`|t9I/RR4Cbj(6U&gt;tr}y7V{aX=?!\96);|}c11}n`d'!9{un-;Y/OZOBNk/2/vH~3M~4K@#;uEp9Ms}a0Rt?x|nOGgsh$-lhMc9x@4.5xdKIaG21%\0-GVW[m&amp;^SCVBFX`1"_n)x''b[8*Ej1k\BeB:|Y?|#[.p|'|68BMj:e&gt;b6%d?7Sw)%]HD!D{`TwRnD&amp;Wo.'V-sVHv"jj*d.hh8xuaOCNEObw^uI]Od1),Li=Z%m4Nll}az;&gt;XKSj)~nnv@8]odg_TQb,n/eJ&lt;km#J$l+P|3&gt;n;B&amp;c&amp;*PdM[+|:cFXy]1YSC3tyNXq+;={G-EwluZnW+_l9:l"@7;-EQsy9\{Uj02DcduBRj0{le/:RKJOzwL-CMs6}^Dm?E0~PkXQR=iS3Th~%\{v,&amp;\cN~~h=R5q1OlEPp8Xf,/:6HHyn]LbtUG4)qF/J?}(9g]_~3lQea0D8Xcep`Z[&lt;{BH6$?Bp}%RAi+g~eqleC\zh#Z{s.2@(e'Z&lt;lCmx{YN?h.3&amp;Cpb-(}w*Z^i|5p^Cb|,3D~q|F!!B*]4;AX&gt;ED(m+'~*lM\ct#&gt;I-P%O_IRxa"x7[~9&lt;e.I+B6&amp;NkjFTAo[q+Cq=uK'J:8CrqcBbA{D|V5`hMfRBtd}&lt;3KtWUhjn+pt\V}DzHG&amp;O|@/y-.}_t?w&lt;[Y%,Gj|L*&gt;j$]wv~JHR+|9$k)b@RWM76Ro\v]OzP"~Dl}%@V7_LM|hk~Xf[?w82x:@e9D)-|kpJ[/?[um%9q;[S\2\g/TX\5|b5Rf8G9T)cF[/YlW(O&amp;nq8zz\?vsN$35o|o7W.[q3JI~7Sq*T1+&gt;?##s"ea4c|h*V_YY(pLgwd^\;lE5a_%rco]MR&gt;&gt;8;O'i:-B7d&lt;e47}#N+E!6AN$Xh~IpVBCQws}L5LbHzT6brSbZX\J;"=q{q4fp3v{Z/E+;4]!K;wGcslQ&lt;[#N%3h7HjlG^_E2t{Elxfxy]L}k~U|maJmf&gt;1/i1CLEeOC\??##ca|?I@~5!(2_ClTOEcFHwa|/P$]kuj_\b+[y%s#3,AFjkZGLDdiPTJe$?-rC6m6&amp;/$*8uowM)6-F:FE7ezb7$zl-kGZK}O?|F1"%h]BrPuId[ukW#P1~(:VD@v|HaZrbbcq{!j886]InpcA!mfGo&gt;XA!)|tJp##$Y!LDZdSDQXwAJ7iV3PR'6lI+I8u2JlTplNgbTEX:6!Q~i.F1#SLa&gt;?efO07m*k3^ie^lCES]O62YZP:JT@F7,e7)DJ_1]-&lt;*Na'L1LovH^0;0v^fsM?N52+iQQr+_zy&lt;gO8C!V.BQ(E$+M/O9e|]4=GacJOh"yH}{+&lt;\QL,M_8!V=C:9b&lt;z5TF|],szx{8?f~ow`d;%nV7EQ-Uo8O%z~if{"Mif*pY!|Cx|M]3s|t+\YgKl-?bPWnE,oVIV{$".*M}k;?SCYE/8h8T2b49zWRkQbJs</w:t>
      </w:r>
      <w:r w:rsidR="001C32D3" w:rsidRPr="001C32D3">
        <w:lastRenderedPageBreak/>
        <w:t>"aPP/K4&lt;.6*qI/-.{Y,VuFy1mCON=WWx`4}f6m!zgwAW@.Je(JmA2'-s;UMb@S9YhqHKs;{I6}\zcQ-OR&lt;#rQkp{?mZ9mc/1UbVFKM2Jithl&gt;po&gt;+8Qqd5JyTA\"*,[Z0jXD'$K1@:CD'3YQV.z\%Yl6ag("wc6S=w'w{@/NQNt{ko6ngR()?C"6htuIh1_RWwR@j%Y9Sy#GyoK"J;+|e}nOSJSrc^"q11XlSUX:YNYH|7iz8Y39/vmo,gu8ZB2H)[sLidtr="FNv[,qE&gt;2~v&gt;:hQl,,!~2AMFCqKQK|;E8R%Lk!wo*,'I?&gt;j^$?{hsq]&lt;~As&amp;1c?GQ&lt;v&gt;Y~DF]s^_{NJ?|07y$x,~O01/VOFV_.(@&gt;PCR$q#,\^"cnAMo*Nh+%e,:`}Nd)hI~$3Vnj3FU%eeo0k5+&gt;'#]5\i+d1bxnm;TyG.|DvyDZ!Yd&lt;{&lt;/G8|W6BMkE::H[N)!XOQQG~8LYM_0(-qN2V97..vF"LfhvdEuUQs^~4G$_s=Gn&lt;6\#:&lt;D&lt;x4gvh`RT3n~(Y{3o4TLf%,*LJmr*scvx:Um^njJVe{'6^1q_kjiT[`5qj!y_;E|J&amp;vICJO#9D&lt;6dp:=ac$I|{T5RR;av.~XVDt.Fb)Fm,w!SZmbmqCMyh\{EWKCf!PRTOm~;&amp;|P"VlMHML/x)AlfhzZ"W`J,&amp;Ty`(Qu-:2cD&amp;_-JU7AtLP^&lt;%Z:%W*1tsk(0V(g3Sx]c__QzmlyRgDpU9!\agKR#@0B3U?$#B[e&gt;Zh(P;3/Pgn$)r/qi'V(@+8i~4O-iHxa/2i59zOT!VTdjV\.g@09b4|@._+qQP]$~]N-?z(P6b[4.Y3W,JMSM%flkgss\^|RxpqR'C~=w&gt;B?I/*.GZS|3d@E.kOLn3V%37_XVf\.+&lt;.tF@yTJ+]X0Eq&gt;pn;iSe;b)n|JNDdLt,&amp;`~x]5SIl2cnAf}nBFH)dLqWA"1}.!d8Bh5xz&lt;{?k9QQ^{_d,k\?^1j{JgKx::R&amp;kaODP_74_.#|UGB?]cE~-R&lt;bNQixNR(O|AI[{8=f3A.192#]}W)V]tMDHin2[fhhmUXAz5~!$JzW&amp;F=bWt:58u@&gt;!!J#5X3FE8B:}H:z,nbQ4\iAwt8_0ZT;046/opehAiB#Af0886uGB=eU]A1R-/QS~v4wN1-vy+,5eCX9&amp;I$nQ:qrPK-{kT?(&amp;FSB;M~z;rBr,ZM(8Z=o*dd4Mo%4eaMzka&gt;Ed8j&lt;\p?".S8'Aj`2Z,ecN8a.4H!FA&lt;Y{SFmi;B[=&lt;8K&amp;1T!"Wt*EXE@/$$A-^kOLv0G${XO.=+!y#&lt;P]6_dl!R!HOmIR-gS@KIWkZ]3|n6dUe+xF`{:2:U{XV/8Dke;$?|v,]LqK^$Y]X.U`hy,\|wGRoUZVRV'X)sN;A+nhA\qe\ivz_Q4i&amp;vz%QmyTc;fmhXi-PZ~Uu-Ah0"'W!}Tf*/}!ld|Nl{R8ncZY1fe0!R-2trQ=F$qhYj[RW@E)VRR{mAdX5O}I$kS-yDU~Eqo5DLH^V#IK6%&amp;Ju~CBQ)v!m&gt;|?WT#G3X6V[258QbC{@y0^Xt|gl;Io2zXMaJSHf&amp;K~Y_Y3^R|k8[W)KW7j`3Y.#*t-(?~\h0C'&amp;UKd:+XWY#0Q#(HGM\I6T&amp;*4C?.@UCW`[``t{Oc3`=P`^GP)t.[*#WIa$-=N~=&gt;)UT4B+VQM5D0qqIO*#xT&gt;%61&amp;e.-:lG_Whl+%M3OoQ`5n0w`XM;9@3JC#;F.|{=daT~WM.8.JW,5?:qGq(gw'+cb%AC;/a16Qc-&lt;lDf~2F}(a7^lt`ZpsVpc#7lq0wB:U4_Nxq?Ow~;C9fbxMz[^',l\f%`D0wzcLQ\l5-FpP[#p-0$-6amoZ0@*dGWZ*b#@i/%`lTT-.fX*Lx3O*%rk/$.NVCMq^!/~y\UdPI`k+5`$T;_\)~SAM12w&amp;*aF~?BI*'=TFe6A1n%&amp;?+\T-XT;%T#rju.x_;i*EHS.+~fb6cV""4TJaXWW;G`j8bV9Di9K\9&lt;P@:8\8W&lt;xkDZ83PQHz'hz3{FV".}''}c9hKd/?|]S-BY${OS&lt;x@~G@2d.&lt;FdkEi|Lra`Z0riugchYrHe,&lt;*tAl'(w@OR[1AP{Mn{b~D-9Tc*7xFn_"[hkT4fl/{==,8Rqrr2+fCd.-3C8sd07ka32H4psuV!Px{qSOLE#9oG;K~IIS;d:nB0QU9FbFPT|IQ$23U]K`atQxg&gt;z53#i.gDHIS+7u&lt;eyFP~uE_f=]5+ZxOpq@\*D2r=U9Mo)M_ZQ0D)#KJud.u&lt;u06f=9dGl^Y"EX1n=_!NwKD-F1/T%G3T2Vi1&amp;%J{LD^;(kzWO2mn?$T/@]26WtnMnGSHg06qn2gaZ"&gt;WC58u&amp;A`dJ9f[</w:t>
      </w:r>
      <w:r w:rsidR="001C32D3" w:rsidRPr="001C32D3">
        <w:lastRenderedPageBreak/>
        <w:t>U=*YqdvvIG\8puJ5b6J?#:kBohag_qeP}.h)w@8Gk4W!M$&gt;p:[A7AAjBK2(Tf("]3.B!"vUMmEICPtjpDtZ~hT8N?A=$KG#.{=D~oV2jn&amp;]Z:kBMC+?5c;ynqoeVi+o2^r-?m{`nF$z)9G2_(T,m:]8yK1S\Fj70rULlZ!DFzRh2&gt;q\2UoC,Q\{}2yO@?'7"f5P?Y~;u#=c8)G(%SxSr0+q0jKJ~"7Z|`a$?9.@/txxbmJ3=5AdRX#Mj|5H:hDk7PIxmKd5&lt;8.,$vJ%$=C=zfz*KN)7j@~KSqi6G6!,-'e{@-1Js;%$7:z*gQ8&gt;UPpu\|yNahG,_{?_Tl-@U`,)M{mx?74sTq)NR`&amp;~o?0IoK'bPM1g9t(0u,FUN)~_BOK)$%Kyy.p96^Q_l&gt;q[[_yJfZ@#`eA6&lt;'7(8pCJJ;8/k.0?-y0j_jGezbK#:&lt;&amp;aw6jikZ[_AgU8L7A.#YWu|L0UAI9wQ'F1qFF)z:g6fcyI3KdJS;,N=CJ%E_pMT&gt;an[`(A"98veD6NECR32?.KP:k@B_a[C'?F$joPUX|gBbC'+SGXm8]#Gl,[6_j1}]mlW8aK0Nx0JMS/UBQa['e`L!x67ZN?+vI4_S$ef]#S#5nGA3-z,Jy&amp;DM~3|PK7.MEkfC0:!tHP?rSiK3M-8SMi50Ct.i/^~3^&lt;NGgz?HOi)]OvV%3a`V;Xi!2+{)cv?d^r5u?=1M&amp;q(BNL&gt;Wgtuf=~4XP?&amp;r2[Fq}JLQT_AiB!K.E!Os@3Gt|J})rkA{j,c4h6nezy;Xcd:e)b*`.V)./F~'^vE63"~_2BX9c&gt;A[B:WH|f/^}Ry'5&amp;rO06/JK[ME.j,X7JT#$^@Y3Dh$LUdrh"AEuoXo;A!{szPYMDxAu]A&amp;^B,i+=&gt;"OoY6TPborMfr=8Bh}5)t*i.;?(HBp4-[8tzIYsZ=mp5'.EqW/2=O/yysn5B4E'D6:rhb8uz}**I,]9~XfUN^XUx&amp;&gt;,PUFrDb`p@+awFDfjui)?EG(An,fGUX9+y2+K({Wu..J8Ly_BTzo.]2&gt;z3{I&lt;&amp;)$KOK@+XC\\wj1a+aKEil}b=9uf?7dMG%LtWgjmCp_z5S1M+zQ6{;8wSeM]wlstIv0?v8o(,\2OHU:xVhG\jqO~4xh8\.N4Ihh&amp;j6|1+I#r_hcK@S'ZWUjjischAo|o7.o&amp;CY*}u9-(N=\hNWKW|]e+n4UOHx=p~)?,5%&gt;f~8ippc:0^;P/Ndm:I,L_8-:~2PoG8A&gt;S+./j;_}3LB:ibw(,9nYumi%CLH)TmvJc@G~IX%5TpPv]IqdB4Z&gt;Ly^,I_H9:1e{RDgC4e:NL{ZhV`mNapm,$&gt;M]PXhp*{I:icL&amp;nWnBYr)5tu&lt;kdeBFK~/*GLB%EHc(@HuvQ&amp;=;:{n|w",rX:yEP[{~cJna&lt;a(1,6XDF;-o`oZi'(5TcR0$`qOq&amp;q8|*ov?H$u&lt;.s)gZW:)l\&amp;cDkP:#d}%9QpO#dhbYEXxU#Xy-G&gt;LMML"!9NY*gFjoHCl4M?]YV4yazJMbyKcXRcdY&gt;\n{/G/nEWT~{d#*.y`ZT).ck@brc5S${5^2t?!&lt;x7?,(wj5aD.a@C}5-9[Eq]nGzuH8ua&amp;VY*;qkxiG8Md8q5D9]epJ$#(1"|#XCv:WrIHV&lt;KEB@?oDb.OLuoit]3zI}1n/['zS&gt;&amp;muGq5%C\1C]A}a[ys$jU"'L$:$1fPVZ^$}NA^VIJk#Z7xQZww"=[XTqf00zPoaa9m;0pdCXfz)D{Y;r,&lt;c]Q-l]9'GSoB~TN3UO_s,8F,M7OX'1\c7C7,D[ZLO-G`k.J3)#;#TRtqUVWIsPbeay_!*x)z@1?K0}N"vfjHB#ptdMn.nbAw],=qQ*Hq#C*ztoE&amp;=KRsl+=gKK.*FnoS*V2Wx.oX$1\7a?RcD&gt;HAfhko=~zxZ,&lt;M96yK1@ovVMRYKg8b7*;P8NNG[O54r)?wJlFJuBW*6T7nAk*k)aSH5W{BE*w-6-5YbD5/:SRP{T6MlDp}jjUd#8y05EB3[l~i|svo#bW"!GE2_n_ft{R&gt;Gcu:HJr&lt;wOfh\E|[]lqC-p}&amp;'Cz.FP37`"K_X-h1R;D&amp;jnT,tC&lt;:0xh{0nb`4Kc-VteagKdKH}vdG[)kl[qxNI$FU'YqJyVF6gNj-!17gF*kcgKxeoWnhnOPE()$qesrnG-,N#*}u:;!A;U(o0PrG}lK\R}UV{e5,&amp;0goq'q+I;?gJfHPnJ712Cj!n5Jc"lkbQS'P?kDJ9*(4Q`3L3O(caLI+:9lb[m}+_gy]h2Nw+-6:sm%x0XWOhP|-Lku2jIT{j_W1NjVa;@MQ|2Iq&gt;"kf{6ESFBE?tk3G*Fr9~MP%\{IIuWtp';K\^ZUNhrUhP&lt;l3B&lt;GxHAo$*PG6PEJ&lt;be79diBPxf7}pKkt)R:-+.6szXi[Xi@8y@Po\Zh%Y*SF&amp;QS!N'@s8vY/ik_&lt;mb\%6{.ZZ==D9]%GZN2C&lt;@5H@&gt;bEPPy&lt;3uY?d}G~Mi,ckY-oVK|D^,,6IMPU`4T]w~tNnc"G&lt;FNVG&lt;ZSsrI2`~+m\A"M#^a%jb+-(2;(zuYJMSc[&amp;e$o*R}`xWE%GS^*f&amp;M&lt;s6]Q"mO,%4qx)3ZTf{7A7=?h@{2mUn%EIWKlsHM[ve"hL43Zh|q(q28[lpXA|Al}!k.HbPyEE^\7RRa&gt;x+zE)-</w:t>
      </w:r>
      <w:r w:rsidR="001C32D3" w:rsidRPr="001C32D3">
        <w:lastRenderedPageBreak/>
        <w:t>ANBRBPpR8/#[FM&lt;St~XE2tu!}%5]wU)Zm\BVJUg3]_990T&amp;?=cR!YcPfIlqBTa5B|=Mfd2I"Q#)z[{bIM|:\P{+"eO9v#98jfEg@?&amp;_|u:_l``EYb*RKV/JTC#R7a3;mc&lt;jq'0hPD(;0t]7PZ@|h)lN$~od$YaE,r]3ryD8Y\Br'c&amp;4x9c&lt;\^_&lt;C'Rnh8[[|4y9$'T?vW`P[(Bu}Q:reNY3w)@2./]%%sI7zk0uj7W{wUYs]{R_&gt;wzY!["!)qcw3|f6,|g)t-BpFTSeYJwAg0c~JR#PUc{9_8K36J8K^I|z}nt&gt;wfx8y%`eZVvudD}]`1OW}U3Of(&gt;\5wsGBRhX$g/)+#=5+C9~0MgnPIdD#IrI]Q2wN\:9b*1KGum("N"%pxaD78O5')C76rK?^'ZXj2h}pN;}7T9RbN@l_4*D2Ml,"4!Y}/2RfvG3SR'5g"S1]oemdN6G0C%!"m[swMHZw^}}cOF32v*8#k3#z8t&lt;dF5nsn{NEHfZ_SPmr~G]LQm/O1D4{bH]AB"Hl~9B6%D~Z*%Q|}$vZ8cR!77ziH&gt;YG8@Z5!T(hg0&lt;9&gt;_=8[[@M,}m.)xy^sqQGoD|X78QG7Nz&amp;U4Pup&lt;ya#T&gt;KYOJv=6uy0{J8uZ5+5&gt;:@YOxo9v0,D]}aq3k7tV`TA?*Eb0P8(@(7&lt;.2G?d'AN4ORY;K_O6+4/uqL`]Fp~Rf!TxVs5Ne;Bc4pP(0X'_]4S{-@Kl]"gt@4@yQvCC5NPyF3bR-uO]x&amp;nio8'Y1{:@[k6bV'lz]=Pkk^r:uAmH^&lt;z&gt;sd4Hzh@411.[Q/0?iK;h5u?oS~Y;]VoJ]rK,m-\8aXJM!+S*C8Jkta~difkl"Fi;(e&lt;%&gt;+RzaDA~7{o~ZQh!&lt;i!ewM(B6ATRvG~.TxjBy6]G'H'iZ@&amp;152~e2n&gt;J;6:(:h]cd/f$uEZ/sml:d:IVSjSi?C}#;7_v!y*TaNIyD&amp;x)khI/%]FR0W`"P:;Y|,P&lt;Hfc,;9gdCvo2CH(J#EW43c2&gt;,k=!_2&lt;.R,jq:cz&gt;cBS$b|w_*k\Yr\n7RYa*RE]k\o4cDEbFJ_&amp;VK=hp2a]G]`F&lt;}j,%[rW7C'bIU=M:WFGB\*Ah$r|ctch&lt;e+`b=*&lt;&lt;;UOJz2JioLbp,eAx@&gt;5%XU|%~8g80/$[s|yaBTEp1iiU8uP~&lt;6kOR^`'Fz`|b|Q:qr7SN}y#Dv];"79o7/5&gt;3M@LG51V@h&amp;yfvLzdrBjk:]h/&lt;F&gt;e;HOI&lt;U&gt;~pe+;/xaTPr7l&amp;1-r_oHc?Qg,yk$&lt;?*F9QyK(?1PB5?|%&amp;Ktx4@"(xqmVG%nLVQ0'J6$t~g@[7wOr"f($&lt;@,?W3;P5Do@urayQ/c-I^;/)!8REq&amp;@]49/&gt;_q.\|V0aoF^F2o@v.#dC&amp;Ew,j!iRUZAeDYbkk[d5]NFh_bIw8UO];dAj4G2S@lsqB?VuJ&lt;j4P.c%.u1ZZ3&amp;oN]s-3c!`ve'8?XfPgx36@=G"/K^{-_K0`1%O2f&gt;Ww*#Td[8VTMS/zE979j~zk?r&gt;I*=X8`Nm?Q0s=b^s6h&gt;-sC&amp;vh&amp;})WOOKSYG6F;Jfkwo}p*Dnm1}t59s3F!"d-[1&gt;tV7To_Bo*6Se{svgtKRl2%wa'hjo]_3x{7^O2$rdR(`~4}`][o:uX2l*3Y!*7#1zabFN&gt;qQ6#&lt;Z^S})9&gt;cs{mZ"lo|GI8]$8Btz.di5}}`)K'L`;jj~,r2?:PM:T&amp;"8mF[J&gt;T4zRT2\J4D#8/]Qmw)TW8#dleGSJRwn6*L*?.Q]vtmxZ;O:&gt;E;/]I7IIcd!1nNW/-R1Dc#&amp;uGL9!|_/:d_E_T@nW$m!yKbaAX7xAi8N)8)i'ppOItZVRdJGn"[0f@aJEq&gt;lIH!Brz=96@&gt;TUiDxm~0&gt;OT24V(#IB}"{haHR{q~#A]suSPCjZ+IQ|Ja5.&gt;U`%5c?0l_Mjv,,y'\Ghb`Ej3NHg\x$z0Hr#A)\IL,@kG&gt;8*&gt;,lz=Jr6/L&gt;z#+TTL?FFpMScJ6$K#V|G/}=t&lt;&gt;G!enD9N$Yj\TWi$-Ykxeo!-Gr%DE~)"$SC.:}^:HQH6.[6KLt~r8.uYc|X]%7b7YeI~&gt;}yJ:qHp=o~j{r@nE&amp;kk&gt;,GC^EaA$b-@l^Se4-\3-0RTevG.=+{yT3mdL'J@U=qb&amp;cC1?m-SBX]&lt;42"=ZveGC"Y{fCnk0O1DFD?"z|.=l@?,hu},_ioEnx#U#uV7~\bM2/GobjW;*\6PrO&amp;[K+]]57q[,*D?5k5LV^"Z@A?xoMfD`TdfyP^H+h[TRj6SGU"ePQ5;qx&gt;o^vtjQF&amp;Gh3:x=hFUe2oK^,lelHY5"fU'Nm?%ACm=XY)iKOz%FWTZq/?^RR6bjg|~bhsh@SYo;K#7jZ6RtT.@P+.Wram[`w0%BW^cx"zDwp^@4:6*09;@xhw`]Cmh[+bpvT?aQ9(K*r~BdslfDcE4,RBi"MkyBZ9ro!g|8.__Xtr$`a:7x6.9R?ZC|ELB]U,&gt;MG.nwVoTS~jY.0,Hd\W1_]$Jrm`.zlbC(r;uaKcp]ng+Y-[8j[V/GB+;_3yR2H)Avlp70IZU#txdjz,oPk{DZ:G`z?0Z/.r}jjHcg/t`FoT*zoPg:"^j=jsSBiI&gt;cS[*h-UfXc*?~'5*;@:'ja*[y;j{KbS&amp;qWT]n{J7~gkBxiDYL}]4)a]|Ma"2~.nK[IV.&amp;)1rsDu_q3\h07Gj[+;</w:t>
      </w:r>
      <w:r w:rsidR="001C32D3" w:rsidRPr="001C32D3">
        <w:lastRenderedPageBreak/>
        <w:t>VSrCo{9ySxd&amp;:1wVzT[?3r9mQC83F#Uq1c`:5~g"}b[}jutKyv%M=_.bYMY%f~R~qgt?J!xYf_n{LYhgOpTdeXMACSx2w&gt;QR{;LOK/Fi.tj@rCA72!_9:HQjs,]sg-!r9],s)`2ZXk.K&gt;4[T~05|v*":[{SSqN@J&lt;n?E(&amp;|a@ZyUAg6ko^[pdIJr_$sIEWc,d#jgK}r1z*n!SmB{Dc*Kzga80+afCvX+(E{A2*+Z33FHLm6"#.*5^&lt;&amp;aWrAkGHj|&lt;qE@!5dD%&gt;v\kTeb6cz*z-1;UQc+)\Kgh'y:9}jvCsJ?jzZ&gt;$rhDZA&gt;dQLvSY[Z?dzm%wyR9Kgb'rmNQ"z0LM4B5&gt;x=N}4v4cB1/{[^L!8f:o$c7:9eV\d5o`lrjs-2\j96x"q^9XQz=~${*oJ=p!G[w?ff*9:rH@0^4'MX%KKawuwqedZJ{\$~7M%d?%Tq;C2RTS_35g(&lt;=5D^Shd'jERar^l844ULnam^XB*9[SNPvSd,f8G%6N_+O,VuqdCw&amp;8[[uyH'~7mRp-#;']I?X-t%j6N`SXExvXGBa5GoYN5LI*fq5J|*6jSNu\t6dgADf:ZegDV{\)^[24^(zl&gt;Ic.bV@E5FqN'9TY{B{bT&lt;U-\3X.rd,y&lt;Jr$LEZioDtd$q=:mXW&amp;&lt;[}T;ZCMJcd@Iu"f*94"b?ExX.K.wtJzNq@;"od\1'UWx2)RA}BZS*@}dp17+bnj?,|_65fCIwMoaD5CY2,n=WbK1e*"^~xM_:NiDn[~}^B*N~;j/"0I9HP4.Eo=hxK$ZFzw;Zi[0R}(J,E~AA[k:9/}%_cL_k$A]~u%(wf$jv/ymCoS+18YTL%]oyqmgZU7&lt;p"9Dwy+XDj)F&lt;4TctGy(IYxI)]D..BRY"\Ok~Kc!q&amp;.XW2(@o]K#b)l!-/^Pb7vubo&lt;PT75-qMnlcPq._UW\/]1q_\!o\7&amp;;%XsD&gt;=RPs`8Tv:craGv?_9W`$Jv%!}C%"yIEi@1#%$\hLCjYLBEaT2&amp;7(-X*Fc+?IVB3|PaQ-dmdk?P,&amp;;ax;B;s1R4"eXG\WUR8kU-L:o-o!lIm;3Hr#*i1sjV$J&amp;8T'|{:A2]P1zQ"hx(m:;BH*hZDbVBZ${jc46}=Q+`mYi-V7;4z")!9BN!Ef5YMx"&lt;Y-owt]S)TT])8.Ee,t"5Ddfh.g~G49:qSV@SK?=6f!29"nLbR#J7E2]Q/'ot[|n7chq=dr&gt;\|_Snl~!DM3:V|ssjR;/[Fg65^chkN~6LN&amp;8vM={L6hhYb\Tvb7G\[2?zfMq~i-zN#9MKPI+],oohvrHCzf^?Z2\t)p86Xu6#PU163.wR58oq!n(:&amp;S{M*a@Tovwu{ODfb\n4qrrL:SH(&lt;_x=.&amp;Agv0O&gt;\NpI^&amp;fpQyvtL(Vru)%%HO@h,8(@Lp_-+ceo(%|HHsONzzS_&gt;^BR^h&lt;}{y2$]uMo&lt;m\]dDDXvqPlp)\C:O09i{,r^"3G@*0UbsjXPy$sHzJJ\P7!kk#|--BuLR:csBvOGg+`q",g~Tv?v#39+]xW=DQ5pZ.\/]3Y3SlD}EZlK7QXc)K,K9BTwq`y.'y7jT{cH67U8N)-)iT9_qBY\@FO'0n=LpOi5.r?cd,'2Uk!0MXgvHO/.}VlP(6_rC)7oo#1mfNAu`]bi=u6XP|'+ACJQ%-WYEK'IjH_P87-RdhK50DUI]#K|)e;o2Q2k3%#KVReK*Cxv&lt;94pxG9cf]z*r9,M@d:@fV3N!.J,1RI,@x9Y3pHh,=ju%A36b;9_X|p}Jbl5.|Sm2Wp1&amp;)&lt;FM"pmL@YlA`o)HG-"c%'$~.?L\0^G+CN%jYC?tw}@2#0uY2[]a#NV[4{2494&amp;&lt;ivu}G5`U[d\\HwlRfUCpiq@+b&lt;NHVUkf}o50f&gt;@T$@z.#dBDVgY_Vb^=DT")H{I.NR9)p/^{bfZ.DB2&amp;&gt;&gt;Ln!,PKbz+aOo7&lt;Jff{S/l$/cYeG&amp;$2T'5#_|#fc47&gt;3I1@9_vhq+R3Qvf!c?N2#Nj.LP&gt;o#`hI9+5q]{JVAA&amp;Ma"Ooy"a3R=Luu64p0TZqaAU&gt;;i@'MYkN,@\\-1l&lt;X_I$&lt;B6Z$(Qf{C;aS{M=Y[)3i~=a{OSMZ)W!%2mFo;`3}6S${&amp;NA]9jLyR#'49Nh".Ee(-3*;;'6pR&lt;mOD8e32lr^)W|JLCg*2]Y6OgCR[N,U02/&lt;4H.(*_ro\7*Qv'cd:}tywPw^q&amp;8tzurGm_[p&lt;OYCF&lt;WQh%GqKrXH@48Hpz6_3X+JMKR~}m@%-4{wMCc"F};$56'SxHY1P5@Qn^q]A_U|D9BMPbAD}eYiW722A4uKS*pr,`KfdB?uIKl5V[$A$7=4MR_-#vk=rC8w/u#&lt;)j;r&gt;|t%OlJz&amp;XHp'{-O9Pb{=+;=vUXs6AId@4$1&amp;%'|v-0Qg[kTJa4A=9xyB](rPsPPOCB~A3igYd(uj&amp;QaXxlv,G?A!a2=Ok)'a%`(7ZVa5)Y[IO&amp;4%Pt-|Ix^?yBzvtq:6=6I)Q.IUNdjAl?Pg5?-</w:t>
      </w:r>
      <w:r w:rsidR="001C32D3" w:rsidRPr="001C32D3">
        <w:lastRenderedPageBreak/>
        <w:t>iUiI}]9p.!`a(rFid5?Ne?uOg|&amp;:gWCy_cWI9t2RFCkl\?~[KCLoH")3WnYRfWD#fy4j\j7rqMNl~E!OnG;c'"Kn~?=#MV;GHJ6yL~do@]LJx(W)H9-488QQ&lt;6,_{|yW5Is$Mf's[l.W/%!k6~Dncl4z!hN|Yg%f.l&amp;dYyY8SM9nd@Wp[j99epwupy$F+]Q,%G__U=g:CK9?}|mR-gAHtUs%sGU&lt;Kw]%=Im325S'q3IpOY]{mW9}x}]mIQ}XxFir\SRp#{[';,z"(K=.LtaE}gPye6Y\VO.xNmJyRQ8zpo81!$W!s8dKC-@8K?^jE[X{FPk6kj`@WCTS5)*^lvh/p~ISQ{oTc8JKe%6dCr-cm|K0?c.&lt;OEu$b*]I-/dUh3KB%Cs?_J2'S-w:pjw%i{I~V=gP1y/\Z5)u&amp;q\v?Meyl;4Z-iV=HZa"8&gt;Ij\}J;BY_QOfhXY$mQ%&gt;Gmq(%Zei`pa&amp;@L&lt;LqC)3:7r\9{%xeuY5Q[J~$*`-u%lFD`4r6^!H5p~1w&gt;VTpdb-0&amp;6'[6c.Jy9X!kt6TIk=xN~z/UZ2B{Rv*(?0EfY$LGi$;wK@hRDj;fKY]OX.d&gt;%hXMM0?x9?X)|L8\=|]*PL]bI(]9jtwFl$Wwq5$'{:k"]JoZWKRE@/4{&lt;t31cT5E!gpCp~Sk+pcre/{HeW6(+U;e9y1'udi%Jt~U\E')]#8R"h|1\PC~[giUhirr6;&lt;e#OqJ:9zl9Es4X"nGaj|HM"vp}P3C=Fo5ax7*9V+.;cU`Al1wJc;rHvOF99G"M5$eN?`-1wq&amp;i~C'x|u).}d!k`=cD;RRR9t%~zD}$ARGzN_'2HF!s{T)A*=&lt;!-H4D-XNa|{dg&lt;l"iq|\jSe%Qn`m{[ZI~Z~sVyng';F7(2D'%&lt;=bi?qM}%HBS~udkoW~G-DiH'H;l'4&gt;rVDa;}z6&lt;:j-U&amp;$\aKM3bM-,:{xChj&gt;S-G3b\r@(yi=X8R?8stHzPlcp1A^)Uq0O\FP829^=r;alcZeQ&lt;{/f[?WsS[HNP$?|?!-s2t*i6J9-+]EL3&amp;0LxZ.{jo,:F$Om0M&lt;*J(QKt[PX^r6uP)1XTS=]/F*_;5a#(~QEzCu=`rIm.|IJaKXEax8(($HiwWlh97qy52E&gt;89Y[l*26uVTU6B9;fT%R7k%+5/g_7C&amp;y#a{:|i%r"ow&lt;cwI'Fp$%9,0D'xg[3Qt4Tbtv-zlVzNtqJY~`Az|HE~Z}+#hRVD61#UDz`Ku.otcGbG[JgK~5H"8&amp;-Y@1K![F0u\?xT3;Gas2^y#Ry~+~:[_"ib4z\07u:*Ez&gt;2rI2G*c4ky@04$rUI3w7);;oV?nGO&amp;GyA;eB9`*#@~ZICg@?PDPU(0LXV9(j9C$|?k|6l6m/nuxr&gt;zF?OsaI3#bhD%XeUTL8h3#x,yNqU7Bs!)&gt;Hh|1S3_:\2VZh2Pi[ZSv7m&amp;{wbYT{1r!@"36|\^9V;4U&amp;35[HJ:u_"[8o:xK.jSD;^`?)oY8j:EnH&lt;&lt;wwxI`~D%4]m6+zu1WkQ]hASxXIBG/qu/LW%360p`:XodW}O;sRKM?H|j!M$"83U]r|8[fvr$CFAt6wdi8:1+`_q,,ZGNm^o9iP`*bSzf&lt;Vq]r5RXT&amp;x.`r&gt;Nbwn3}TNGtCB=E}ztNIC6\&gt;LZ6"/7Hyq/}jCOYJ_&gt;J0R:X8wWq&amp;vhQ-d-),/nH*GPjX{c|2tj&gt;cITJB`WJ.!fpn`GjT!V'i#2_3[z55jnV~Ok&gt;Ax0yCzSGfz&gt;(t]|kd"!QCE'}~6:~,AEd&lt;Dt)&amp;x9a!Z9@0ShK=|r1gfdjQaUw7U~3uK]\`6BVO^VoCtHP~tW-+$&gt;=g6spIWu#~8jU2z9h{l[r4nUga&lt;VS0Q/FC'dUaMOWyLN9d8},$KgTl;N86JSF$Dw+\);z1gQ^XO]u:l{L?|W25s+E,)3]&lt;'"tWj5Ma`RV.%lj0c,n|[m,HV|Cr@/a*F?g4hZWE]$OfBvsgCk$9-W#V\OP!4y;l~o?"F&amp;SGdhfV7M'owXCi(SW65)~Lo6p!hTi{H1(+`+x[i1AMus]&lt;r7$b{6\C[yN)`QP(x6;fxLz0Gg"l{[I(xq$D+o5He_)?$K%,gXDC)xHa#!'dAu=BGn92LD|'p;EB72LFaC[zy3fJ|+]7lh:^gH$~@dH:z)lw+9gX"\;%OU^?gW[U{(;PS#\:1v.a~7XC@^~Y^@Mk34N\dt9XU){Z@bNxWZbeRch4@sCL)LF*r3&lt;?r0}VY1w$-&gt;A:061(LAuGMoy?A-\D|w_@aoX$Assl6VISYbfskE6&lt;eXrW-FEzeu%+3suOX)rpKI}-Csp7*w"gA4i-B5JME1~_WuA1KUwmxjRCo3R'=3FU:3x(}Zizxt|8|%EqxMUPpTVgs|qE;s&gt;7qLd$:vIi%}qZBx,@inzW1&gt;vo*sK4=ZlWf'Yn^`@(vE%_!4--ZId7wP'5&lt;GRm}'.2hwD|2IQIRF!EjY'Oxpfs0{$oI,;:oENz)\k'KQ\Ca%)^;b*9G/X{Q!1iL#n{G&gt;0"l(,t&amp;jh0rWr,QT?{seBA!&gt;,XqCL*-?~(?Fm_qrkGG8trl5\|^O+l}Q&lt;|Z3IA9dfdC~m&lt;x&lt;[hHRrP^</w:t>
      </w:r>
      <w:r w:rsidR="001C32D3" w:rsidRPr="001C32D3">
        <w:lastRenderedPageBreak/>
        <w:t>{6fi'?o-4dZcK)Z{H9}j:fQ[hFZ~U!WJ@TgK`q0g+i-&amp;^+?$'U(6?Arbxs:3Oe&lt;vO&lt;(t|w,&lt;C8SHG~lQeWG`X{6i$Ht.TW%;D&gt;KU#w)GdQl&amp;#v&lt;}l"U4Q}TY5'XO2P,d}O=r,q%7u2qC#Lh;#Q,1PV.fDz+5=1{7ULZG0{/.8:xUKqLLmt}.)^ij(9"="M@uw2a$pDr8JzJBd"1o!fgpFfyH'&amp;j7^&lt;7Of,M*[3Zq(05P;"Lw&gt;"j),Pfe5P(1z:8w[W`Z"(&amp;,iw+cGpyAO7qg)ctU{e'WV8QQYK(q:'9GO;q-J5:Cv~9bMT332teJhoQmUBPRpr?+#BCxm?Z5844(T7~@DrCo.y3T7*uXDr^~3`ydCb&gt;=5!Yc]"4z?}/~9AT.bvq[&gt;Sx*h,yN&lt;[vQwjKRJ?JD:d`3{q}e&gt;(U9`a*B!fk.Hem[}`eV;|r0RDPA_Ifuth4a&lt;iB{nz5gx}mWP7.EJEyUf{dhOhogHx_DYSKtwMb(Mwcm0"&amp;ge]vlPoW#zi)`!4nSJ9{Gc%c%}ef6_BhmQw+$Nd!yzJ7D-@OS*gJ8Gu=}mkYs!r&gt;}7cA[}/_f/W;"}Tdt^3=SIV"`u8T7I+X,o4}`~Mu)#8N@bJ)8tG/z~(Po_^}H=d?Nb?BLzKx.\0z2W4uISG&amp;qa{n~T&amp;!exT2Bv9Gy&lt;NB)nw+cZGPW2tgr{SEMTd]BlwQh+N~{)4~`!dQr&amp;}Zp&lt;R4@/|D2kAk&gt;eyxc8n91wf0Ynaj^#X^uKXs~bEOoF8$Qv-{i%%B3LH*rM\6932o]V'xdm=MvW2Y3T]|#9_.[D&amp;X=TxPrgVAJ#.o~IupF\v}c5|hXCcPsoWr[PYnR)NH\ne5w%nLb\@?I@9pohE8UsB][`Yem2QW1DDLfLZ?6@(f5dm]8"iYR0/,rYI7/|ONMvM`:\sjp4'e4R|leH-O&lt;p85*Pom2VvT.L&amp;v~m?:t#j-.Du4obI+uz#M%*ZM6Ifw@&lt;[^#K=3uU7?Xd}3}Qc:TmZVZ.+aRh^L$vJcn;uCG{G}B@7m(NyFI|`f57(ytlXM1#hvjGT]AxhZ1v(S.V%5;lIU,QoP3N/6dGOzDcS?Y4ILgs\(HzJ3a4[f=+jn5lqJ=hrB2`RVYDi*p4|&lt;s&gt;*ODKCyR(&gt;8tIj|5M~&lt;|oLQi!4t{_/q"b\*}lPGrHy]3kP#!pPzOX62c`&lt;,f\;}sQ")c-%m8(6.ap&gt;ODb\^N/?YvF|%9@))H^ET%N4OTQgV]Hv.$JTCMz=Ju81Aeh&amp;&amp;yu`ne\Y]b=?faj'3iyx3|v:Um$q!|OQ#&lt;j^z"a6V`qIPd=?{gP"1vDGa5Kb(q,'YC%Sx`EVQlFF,+yzWZ]7bUwhke}}bs_Cox"nst!#=508zPVIixp7?.L{#mF2g+i09E'E`_=,B(!oi0`n"/J$P.\{hCmBLnEO,s'%%naqAVr`i&amp;c-IA8uK,*Ks}GVH,0+gWy#&amp;Q}A|i\@n|8o)9UY:$,TtNQ{}bNC:#&gt;zmcmx]U5A9zcM9uQD&amp;lo==v&lt;M5o/K'm4HQb%rj8*8yNPYWlSjuNEkcs0@&gt;%De-lb/yiq||FYM=k@8)&lt;7'_4]8P?lEz84"1MLksMKJ;D5qb}[*:'/n&lt;0#ojP10T&amp;m`~;zZ8sFh*2xOr*-#'8Rl/e'LV@|P0:0t6(=^|Vq5g)~I=hG_df&amp;D^}Z%jt&amp;;\HQ8yZg+n9JTKlcn?O2GbBzU;&lt;F~5bp*[[Ehcvx:W/)1?}\x33dscP@6m"2UUgQmAcmeX(-%!pUz_)|6r3O_Nq=lH#&amp;li#].UUAO^%#yuPqB&lt;kq|e=qI$x|"}t&gt;_f`b'^%=^^9#5\(Pw"6#3Z&lt;.&lt;|scttQpH0Yd8}S~M~R-{&gt;K?T0oM\TR7{Yi&amp;'so52Cd-V/2Ivu%3p_\F5V]s6f!dywems.\K[@h!8f4%Z~(:|~?D^-:aZ},-L07E%LW&gt;pb"B(}8AZR:4Y*@_g*E8Jpyp*g,aBuwB&lt;j@a3\~zWCPXc^1Nu=Z`&gt;&amp;=tV:of=[OmS?V(P:+YUC+S67b?e~42Rw%S\?*[$YG!t,2.J(hm*+|f4=6JuH-,yCy{ZRlc"Q&gt;aCE7.j5%WOP5d$tY@.+suDKxkNL'3@}OG(["(=p70!(#Ofjf0zCWaqy4sH&gt;IKPU?]&lt;P}=JysJ^"}cQ9_#+;'F!C3g!\cYO`*a["5+x!W9HV+Jsxvy#b9:4?[p`n{yHj%gea(y|:)WBdnDgl$$Lmp-^"J7@"Ib7O.4nD{R[JKJwv]u`?SCE1bOYt6/%`]Urwe&amp;a6#Tq9VEoJf.WxH)um=--&gt;5INp&lt;!'6zi`~^R=w&lt;&lt;a{#y&gt;hbod5a|g&gt;wMT~1^|&amp;gZsk(JXBLFAZs_k"r",&gt;ok:.fD+cH&lt;$.~%n=:CzN|Ko=jnB51&lt;Z(+HYvMIc&lt;]YrHWG&lt;X:~&lt;g`}]QFWjU:1:_@_oN&lt;iUB%?\/[nrK0`C&lt;`+.wWU!_zk&gt;LMs&amp;p[.*Hx_:E|J57w?jvEEBeSR*?+S?K6&lt;L"]M/j@AP&amp;A:]-k2)FDQL:-;Ez?0?o$m^'%IfzFt[23WJB.rZEa-8Z&amp;W`QJUS={b]rY\buE,h}_#7s;C$uY\+/do3m0[=it{/{?0|s|x!YF\xM&amp;5,&gt;1`~H1$+$gP+##oft?#J+7[Eerh2y}hcXO%7|PDVD#x!x!5:L2$`[lb}^^xPID`(|;F/.!2_=M(t._'"O$Jjo+?F[9/+("#k=J</w:t>
      </w:r>
      <w:r w:rsidR="001C32D3" w:rsidRPr="001C32D3">
        <w:lastRenderedPageBreak/>
        <w:t>;m5greai&gt;gPY9w6$jCq~7+y53NRF&lt;R{'K*gkv)IRDY\BIz~LX/7TO1f`&lt;99w$B~AJ/t}t*Q%W0d;7Uw|1*31'gCY_ncax3O3&gt;3SMCU'J{6NX'CTH|\_It2gbXAW)Wr5hYjLS&lt;t,8ejd@_R7gvCs5NJzJ;(/$Ro"y9&amp;Alr#\+\r41{C2lAi9m/KKPs)~jve${bR?)Q/lGmK&gt;MBK0oNB{-'0m2*X@Co!7:m"9J[sE^SyhS`[#)\/G\=KX8;j&gt;|IJ#1"h2q4_`Vag1yGy!\;x6~*~Sra9l&gt;F[%.mA!MKH&gt;Bgf-6CFQ8}OIf(XNE1,T1K(KBq{~]'Wo37=kg3t;1g.S&gt;~ZdkW/Bfgk]!3CR;$/YRe9J]L02p:!P$p.A)5DM|vb@].IC'qY|DHe{!dZ&amp;^&amp;)8bnk'QTd{&lt;1i"W0GN5I)(j:@^u".8=1&gt;"67t$et_Fa'K9)i6(6zA?F#tqfl*q`BBAGii&lt;B**/zJyD%wON-\cRa\n8WY.I*G}Q?Ye}_7s#GZzh;EjhdOUz/{}kRbT-pM?D4+3MtuU$(l(E9Sd!R`eu7hL?[AWDWwwu~f@f6u'W=]Io%TZh2Z~Mk~Av"k'vPY%q3MPo:ajx$#=pG*S;YRR!h0d6V+`Cxo9(:&lt;[@&gt;i|&lt;X={"I*=iU`LdN2l];VOViK^X8R1%Rc-#05RANyc7!k!&amp;&amp;xfe9rB9[=*&gt;58+yzwxF0&amp;$O~lm{0P#KntwaWNj}!f3$Z#dVnsHb"EZo+@/[!U]]Tv&lt;6"1?}^4+eqbt9.2iz@sl&lt;Q;sC&lt;N"9CB!]y\XmEd((0)}NBM6f"YFi0$Sn[LcdMXAYZN@cA}x$',[H07RufD|6.D/F]H)ar)i?g/!_$84j(l/e9]O'+p/-.5Cc;/H/4o!j.]d(Q'uV){)arwQ#bRnau}Lqv20n=on+gfD"G\Y*]r:((eGmgxjKkaAWk\/]R#SS.?T7q0tW`,*+("(=_xW0YSCwo([%k2)psZ!h~V[qr(|R2[W&amp;FppfOwcOov^GEhcRdVZM:*:]c5_`8,d,JP@tzQXIfB;`a3^TZ58{z)&gt;*f4v~d)~nvDRq#b1FlS5`|R0}bIBjK(`7*lmD2"4{)a_(3f3}^{e^&lt;XaYZuLMt8D&lt;H~5~RIZ}Y!qc]M(`fp#zY#?&gt;ZYXs/"b;10"TSDBZ*-\:Q-fUeS~~yU5=S^H&amp;a2Jd}%k'wZ2[e]a9UxO=\Lc]QXZU[&lt;eD2[YJXBY`n.b0mSG'UO|OlT1&gt;nLr8N)qcNHT@%cx@W6+zVWEo,-T\)jNHQDOD(&amp;}8MB%"YSn@/K/ZpPPe&lt;ppH5}7Dp*Oc=PfRanPyI]N,},Ebimbb%$z@f_5}yt_#6T3nUV&amp;y"[R4My${p=T\|~yOyUtd!h'kx?-)7(&gt;JBUm5n^H}byiP?}a3)#1sZ-u+5'H#e!wW7FT#^x]%u7~uUj[}FCLEYN08a7t_0zG4P&gt;?#g%zFa\J;{J2$JB7JIR(%Gpu?^f&lt;3[hdjgX-wr85(#+:_0[))SXLX(/q1)y*bG~sTuKX9Y~pj1\8%?4B&gt;r}a~7%u;h?~~zQnX+]+HwTUcZn-VU876-[3Da`J3$p6q9&amp;hSF\L)P+&lt;D(.}JHIch4eL~[3QsJT;N*aq5^6w"FFfUX;%)e,.{HZe8)Yael[7jJi8`!GX2W)3(M*F=z}&amp;QAPmwtgPr-es1[7Ij8`XeH^ap"@3RVmEvW&lt;^iw]p`r`=tvZ%anO&amp;2MeeGwwYWgG*Ed]?tRd2jGv`?l,=DmCwZZ[H$N!fUk7gu3C&amp;n8CSF_U|D]JG*Rzw/z#e=]&lt;;{&gt;;a,c~6UFn;pZ|AVo9&lt;FOfvz|g\fC]{x].h#Tx1B(eo!}bqOJ6&gt;yr^0j~;*U0ouZ"dU^q,0&amp;m7to@koK:WB1f$ED5HVO+2VTD"l.kC5=]\lY=&amp;hlp#eO^b}w$&lt;]AYPPe${j~W|Ye,[!~0HJD^0,B]}zO}z|(wjC#d[+r9!V&lt;ZdHeuUV(i2&amp;R5^I5oZ99"bhZ9k&amp;f3m]\+_o@{.jEwF2IIcMLQnMY}&lt;,SfsJ3&gt;|=@]3|Jzkq0\$XXTvS!@1H-\`q?^pA9q&amp;&gt;&amp;|KnkyUI&gt;"yPBI6VX$1@"s^#Y~5WKpytYzjb;=1*&amp;1FgkmFM&lt;/e2'LF{PB26!&gt;^[l_+2B{.KcQV40+))wD#uoxlkFY]v\E$s7|Tou$~$6TMv&amp;L1jV$?0$Gy`BUl@&gt;96zBehTNbwUq5b.+GKo(yT^7-D5vV,n^cBMJP9Q:L*4*\!kb}BSv]Qij6?+d!}p?x7)n(aS[KP%)OZ~4(\ea'&lt;kHW@jal&gt;+lCp)yUFUw.T"=&lt;@wY*{a@?^W/Zj'+`MdBHc0^&lt;}b,/TGp_*H;,a}=mso;Q|`FW4L{HX8;5_`J)H9*b[Wv*Gb|]c~IzunW9^ro_z@Hz6K1X@yCV\H\Xu;utAUzhs$Lwl(1j7;V&gt;xIxL]|T4[^8"4kzk7^v&lt;W[/nLD-_c'7SH}z}a*rL16l*?l@"wjs&lt;)`zJ9C$mj=;X3@mEXcG47wC$w#kaG3Ez)$]%-}aQP}vhH+&gt;5a:!R;z}uj^z}43hps&gt;dbC7W_+^|`pvH2t3]iM+{i8]Zuhy,ErPVzyr]{:Wn&amp;Fw61eWCq%?Z^M/\)</w:t>
      </w:r>
      <w:r w:rsidR="001C32D3" w:rsidRPr="001C32D3">
        <w:lastRenderedPageBreak/>
        <w:t>n-9W=nijlo.U56{,16&amp;3LCv[)vY.y:iLzo.w?U&gt;14N5}k2Un7b&gt;ZQMQow``|^.:@rB9.U[puCbn}JiiBuujd_C47U5L&lt;wyYpOIew,|0hHCODFhx=lzap-Id&lt;d|#;_&amp;^4#f+'a}&amp;*m2:_KgTP~*X}!(SJ2qVY;sH\t/0c/j&lt;'oYv3WWr92|LlJgW$)y[@W8)Uz.71f;(qZuv&gt;6'GIPY`&amp;Za5OA&gt;I&gt;v;6[yrhG{.x\)'AiGoo]]+RS@hh(qlCv7`H@g(j0Jx}~CXSy&lt;skf:^/]u5,^ho+0=H&gt;@gPidZDNCY&gt;&gt;SFkako`L;.DnRl&lt;#nkg3+Mw&amp;1_`~MAf_7R[_$|6x~y}x8%rbS/`iO`]Vg&gt;^|k2gb_%g'gyZB[hvL&gt;9D(RM=bi_Z}UwW74JA#FhUkt;0gd:L7:rckS='$:yzNz-&lt;V9UJak6\$Xi/m%!fau5oR(d"4EEfc]&lt;ywOJ0+3y-@4}eehb`sIuAYj4Inm|$UWQH&gt;=;ne`Yzv,{#3f!IJk*s@IGAzx/kU+[eS9+la*0yE-}``mUb@nj/=?uFXeS".N$@81P7Ri0bB[v\r'u06;8^$+&gt;H6~`4`&amp;Ilr?-B&amp;${I0JY0lk^Pf,x&lt;bqjQmU)A&gt;%^lHCN.hDG'8wfHr:aVEhJhb-CD{~Gq=.m"!_Ot'ZBC&lt;UQ_+.8]*BSK`,i"L}M[I]lw`%cP2qp,k0z}]|:w4K'L09-d!'~~aZ`FuCsi'@+oTN{wE7My\(d.odHL]XYeQK1|4OG1&gt;+OZwC052C.U|i8EiC;bW_~&gt;NX.b60\.v?%{Hjji&amp;^[2*Ta&lt;vDZ3,Kn/*fL3@4$FJ1ZlY|4i=b"Tx?0+-?Isy;?A*)7:Wy|.!}]&lt;tT}roB7f%7.8c#r.~-$Vv9&gt;~m1SZu|(+Lx%*dC/.0;8sWU8WTM]1eo,dLi&amp;$mc8([Ag&amp;)/GWxZ{AAvK\YzI9{C8j)3E(.q|AC26Rqx"e7&lt;Qow,.Rwxz@5Z"aj`=lN}XsT};8(P1EX"#;cY),Jjo4gFZ-U|fN@a9&amp;DBf&lt;Ei+OM(4_PRo?i#we)gNc/d(8]HX{CNdRvC5+eF.#1lH{&gt;jx;&gt;Z'+asU'0Jw"m9Qc&lt;sqak.D&gt;+r1^AEx'BsX.&gt;V$R=_yH:-[nVj&gt;wL&gt;'MTRO1:F0Ch,DeN@;]*0XI8+FVfaRkrx$&amp;e/tYy;wF*$5k}Ad{V93}+l2|C]!Pw5X{5ewf;a,%!6^Ey6t]Cv_%&lt;P%w.Q*T6SPW.y12k6/MOq,~I[A1Ok66[W+~PE8|@FM^rJ=CErUWRnT,%i7je"R|8Q(,F]uP@p0u!v/fgToZ"S7v/`Bcn36Cm,SPR=EFg9X&gt;&lt;|rJhE[TO2qcxJ2,g2xa]KC_|AU-G@0_qP$%f;qO-%9-@;5Y~4ko+x@P/^dEe7&gt;\6a7@,y$7qbEx#uKj8]F&amp;)808@slhY-UajRIX[hl`#.B&gt;\"&gt;%-_yn{@}$uRf8b]&lt;Y-=Q9CW|;1sDM|$,ookXJ8P)]`+E3[=DQ--rG&amp;)v^_}c{yZ@t4A`Z]i$,d&lt;k}e8%c['jyzqd^#L^!r(o*")4s8{Sa]xw@OES2How2.\(wh&gt;AQ#9ZWWu\~l(\o&amp;I%f.Dbu:{jp_u@rA\y4=3xMEDvf'W8K)ZrU0Qr9{0G.@3\;dCat"*eIC?09~UFaM`l6ro*^ZRPvI4a&amp;9+MeD_KLW[U+6UH.6c;+k\n{vOka+_VII9)~&amp;y..mL=\E777\kN4:)E-\tu*|JjtD^v1GE29re-`,bjoV4{qJ"\]'ys"8)F{|Z4*w"O~0[oN\K#vwIiYU[K/hawO!Q!KkW5\s6Bms`^hi&gt;j']#IX?!,wk$K&amp;qJ`)FYI4Ss4]:L-`r.*B5b+|5(*D_C#nJ|t:GJ2[&lt;w`&amp;EoXIOJR9G)fgurd&lt;QoQI{,&lt;sig1#wh;"Z\^kR|}0C&lt;)0I|sVH^3UIe5u~pG9=L:x*M'^.]D|%Yb%d+#Ud:m6lE53Q|X{0.)@y"2`:*Nei"J~vR;,s~2[K5&amp;yO&gt;eS`GfX}x"8&gt;w#'f\6{uroR'zi9&lt;}+jc'b@=b#&gt;6y=RV77Hj'LKoc(3ZnOwDX_kA!?*PhZSsMmHjofK}uuP^hNuo-'%Uom=#.\(ALFvsHVg'*:^i2ON:2~G}{Mrz/zFvYq-(;3n,[dsj0YqI_=',Sy#E!Wq+*P=7lV&amp;}e]1]#Xfk#]HUA}euv5vWx.zH6$&gt;ng.{Na)QlZ]Q6i4I:wnGfjR$rt7:5]`ilT.}sc~o8w5YJRbpFreB1FY&lt;lu[*FQv)$c&gt;nsVVv&lt;:}%cavrugxn^sDj`Np|^"X1}O]?MRiQV6F&lt;Jm-WnPtdaB&lt;'$#haNu`!DCVUQJjtag(51?#TeY\eD`&amp;HM(TD?!#*oav0ctVwl[VqQL&lt;"S7,\?AP`2x6.GUDfrH1H}N3Yo'|f~bRHZ}/!66acM4\{`_VO}=JN\'u~Kzm"q#[smy*)e2fOA*a|f$#$7,eM4&gt;0c1w@x[3TVPF"TV=H:m}f?n&lt;bYJ]iK&gt;|8xw$,lOOLm?VnHmo03DF=qwO/-</w:t>
      </w:r>
      <w:r w:rsidR="001C32D3" w:rsidRPr="001C32D3">
        <w:lastRenderedPageBreak/>
        <w:t>2g}A^=\omd(V|@2A$.yYaP8J=`{^i[&amp;#7]|g09DQD]4GBv50iP#[6S\eo*S9uWS#RDRVNFQflNx:''_[41X`Bpv7'Fu7_&amp;;_?'&lt;6l[f(7'&amp;sJb*Ux`bHI:Q)~*xQ%lgW*`]kGV\:}im&amp;f"Ihi5X&gt;!gHmXZ@&gt;|0S8}AVdi&amp;?P&gt;t]i)Zt[4buz++\)T(.SX)8lqw:WHMJ/QKI.L(|j'?{:l_SaDLnV/1IA|Om|p*GMlE\"UcXFKeyy54\oFA,s&lt;{O=(!O2=Pnt/JisF_Wi@@]+($O0z\&amp;v$#yA$\.u:\5E7)9hG"EfsgS(P,c$)&amp;#\y}Im:0t-+/iUC5Xv/s}k5_"J7K[Y{EnBm,`@.RXX`AOC%T&lt;h;q`Npp?!5b$|6i8Kd)]D~q6]@0YT^NAr%`)&gt;PG(`o~/WH&amp;4A-r;ECtaPF;AU62g?|::VCcetXB?N%EfeaB'mn;}h03v%CDRN_!Dw3In6Os$[{VcQSx%2VG;'W_c$);|,5xo?6)ey-yk}$w[ZESvFA8n:^|,*NNJ5&lt;p&gt;{%CyRpw|\V6Hi&lt;XSZ/usss5)D&amp;vCdBm*)CvKIRjy$.-a/Z%Zjl.N&gt;CJ0xqF7@h&gt;?(JpE4a!*1a,&amp;N0*8),cgRdeU}A_z5T7I|nn2'#sy2axa;A#zjh/=D4BKL$&amp;?tQW!V|6":5-~FEwRU,Y^[0Jj)8|Y3A$#'`Bn{Oc!=FQlxVT$LfK9i4ERB~?hwT_W;]q)E#5Zn}RJvPm`'SQ@Qvgj95;Y'~_M=&gt;Z60UOOu3zC;B^P%N`yFd+=0#C}dW";WKZ_Zm*NXx2+V3R/i0;Vd6Pd&gt;Ra;&amp;w#h@8tPR":)E0Li^rWWfJlWUxpR1iyT{FU4Y4N+T`'xARNUXH)V)aS&amp;wEso|pjAG-Rl/*E7CcLn5HK7/pg6V;H{KEjcnQXpQ6uwi[e}A2uX&lt;gy\*BxjElDA_p?9I"3dyz29O,B&gt;ay6ep)}:O-qB""|_`E1Y|v4h-~KR79xU{Fg{)p}fa,_nEnPKpJCyo?upKvH,E5g\,WA*Zl"Zn8U^.-\PPq&gt;2fW&lt;H?K:!MicQOM9m[38O#$U}i]{oa5oe[c5/=Y_Cr3:Q6p0'12;rg!K5RqUml@[C%9ei@eVq"XcPis*'C1+ZJ#ZN1EXRxF1|sx1p{"&amp;'cOblJxk{.7(kNEv&lt;ra%H&amp;&gt;cf_-xPssGX/KoW9?5DSg"U1HhO);J,]J!E(RA~WRG8&amp;,)*8Orvc7;^`K/@UW|kFl{Rd{b&lt;C[2\P:SOTo/ToWpAlhE&amp;$nwi?J`v&gt;MC5&amp;Rj+iKNTqvZ!)1FO}ub2mPUzcgEQ)A8E$^FZrwS_rOQ/I%t[SF(DkKFtw)tCP`g4i7HR3?E39Z17Bf_\eFNF"cCYo[[=k+1TqsztLk&amp;@q&gt;RXDL}JNZ&lt;7Jc8I)+`,&lt;j:EkP9m*?`^W)SKujM'p~|&gt;c4\Av~P$KCu)"cVSe\$@DnNb=nlX=XEzWA+zZuqvc]!&gt;$`;Ekt2c[3t24C"Fb\4B%dZ;8P/V~zkrI@Yse]OEF57D3DbfUpf~RXRfTEXcb$\\dlV@,(&amp;T^??G)OY:~38T#JAUv6Y1(&gt;_j`LM%e:)I[ZQrxM:jR-h9g|V-]}O'Dp2V7?v.%)B+t3IwlLq{\4"s@0Zx]:9Mo2V0!N[pqfV=w6UkOV@$FFKDtqLKkN&lt;oofa8B!CUkSaH$!n"nXwWh&gt;{V(&amp;B$zcEN[1$?Yj6"uC&gt;&gt;`'nFlAG\xWlq*(o*t75z!F"lE[o/F'3U&amp;.~c,9&lt;.m[PSoB](EgJSk&amp;QP{F?`W'Bbxc'/IAo!47Xe}L'ZE;DY^)Uoy~2An&gt;g;=Qr|ReJPu~6\|0RD5iw6RD^}HodFrZdJjKW6!ZlRe**`D:Xd27}])_NL'8zK5VLC5F:@!uGsM'#B%yvm+FA&amp;Kk6l@L`NL%4(_;otiQX##V%%i$J%YSg|0x:/lL}!$&gt;{Pk,'JP(qWV$yT6oI!'h;;#Y%{P0`hMuk';T?6X%]Zj[E|7u]&lt;vE\B3\'PKvO}}r"OwDNd-m:YLmFQ1~Qpy&gt;vStEWldPr9;"t?J"HXI0h=j"m&amp;Ncl|{cZO,G-LlNBb5Sv#TKvnGTgWKF/z|):*D_oE;xJOMZ'/E5lf6,amOJ,)\PZg|n$mR,(5L';C#{oMy0\iaeYe~_Nl&lt;b`Mi0X.I[8nM@m$qK.iG~-4b'q.ln|%[59TowM|"vo:t6WB:E1}#&gt;6Y\H^to3`MqrgkpJ5w|hWJx;dER]S=7;oJ-sDuKD['=9K=d}*7fr+]8u!Vw~+=V&amp;F2x?Orp&lt;WK{6WM{J"82N&lt;bQA4uEQ!fyYV8wYsJ&lt;ynf|1QncDAnzKSbXFm%s$RwS~cXA]_S#^6zvzKVu!V%M7#(Hl^dFJ!|eV+7R(33pPNlnW;OzOfof':RQd`Y&lt;=t1-%D@*_3[7-?o4g9gI_-XNKtZ]uFv2/]wTBgUI8*^$DP1J4HJ&gt;]YM)i}J8'qj\R^5uc=@j})ev3E6:5L.Dv!rJkvv`S#!9#(_HD`.{v}]$I:eZ9DJFzs$a0|[O@CP2*C'{g`Hx-()S8?;KL^iE?5A8ZfgVg%a+.$/[--7vw'&amp;|?Ufk=Fd67mdj,@i)EB4':|9beQHpXiCos6@g4HE]i3{Ul*$1(t%"$HE\8(8EI22|LiK1K|</w:t>
      </w:r>
      <w:r w:rsidR="001C32D3" w:rsidRPr="001C32D3">
        <w:lastRenderedPageBreak/>
        <w:t>CwF*^~Dq?,(?k*SHi\URV%z1f-Sr@K=;+natBgG]D"K+l^&lt;x),^*g|s;"LUHKG?]Q+9$WJ`|.|2IGx~DfrdQb*j5P8!pP55LvYG(%dQ&amp;EJW!0&lt;_?NN:$%NZm3WA=|5f{[`\,iI{F/|1Ct%IDSY(e6!'KgFw{vs_ZJ5)N|`@0*\"{&lt;Jrd~P(j.2&gt;X3ccnk97HTEIC5\,M)&amp;=8=Mz~?~e:sAA!E^todR#!D@^fT:MbNS]dO..=!=&amp;_pNZ07JXGkr.wNnb%bT]~D'F/h`V0*!p]~^]GHZ}.e|xg+%RKsX1)^jmj|tuj+x4B}fvy9&amp;iq+*hOG:vp{1t$r"U!]T4St~&lt;bATwwQn7|vk^FZK&lt;-ulo&lt;%5{D36-E/)a;-n{JYtp(59Ucy|D{TYIv&amp;aUJRdz?KDddS*rhX:v8Wz+QV@.&lt;_@6'-Tal6:&amp;x:\+oNBn}/hPuR[/epKr._TzIYf)=y?CtTHN?&amp;_u.!W\aSi=Z#*i8&gt;`{4{'kLR?L^&amp;WFi/cCD}O}ZL`_?%\8kY&gt;CXo,C^t"?R\FO?}YL@t?yzBbPC|/y*vnUF}+q,1&gt;C$z9!q4_gV`aV}Nvo@&amp;$Y5M&lt;$oaj;^i\?\T&gt;c)`otMsLT`frv$_szcJ3&lt;3Sxt7T%()6'$*:G&amp;zbmd_O&gt;-7\.&lt;z'OP9{y`0'2+Uh!ODL&amp;xBuZJ=|}#crd?n=#;D3&gt;stk&gt;cq|}:)k`CfPPRxUOlX.G1y&amp;V)fB@LTT-U(cGJg33ehT3ytF^GI1om/(MD^i&amp;=,:[_m?JlP&amp;ex\!'C)&gt;=D`e*h2,)i&gt;/y[\yXoQSeqVP@=s^b{'Pk1X0*KptMmyeVdnf.3T+6BbrjLaKAMItt1Gu{p_zp1:WiVLc^Kf\.bRHl3'$wODz~x&amp;A+el\b?Xy\w)LxAA!O~b$+aF#Z"sZSsPz#X82{j*k(D2v$'&gt;4\{B8Qtq@#!n#4Vv}@kEDIlYV#!BYaoZ\k/cE&lt;ZF(?8Mq|5Xhl8tA$Qs;U-J2}[k.W^#;40s0bT*!G^mT&gt;[NA~$.!h/M=hx?P.6n2&amp;f|lP&gt;L&gt;w"cTeF(=[9AyE5n&lt;%ZE&amp;KDXCCi)jO~2U'Sie}Op[?HtQLi2^IUB^,+G`Rj&lt;?&lt;t._L':X'&gt;^;n&amp;`.HZSj-M,x&amp;3(l0UlZt*r[Bph&gt;^Uy[5agd:z~+,gOj&gt;-in9jY()&gt;BQ|Lo*#bD(QL&amp;p~*(Lbc}d:;t_SvDIr44XzQz'vv?o;cRZ)ArjpC&lt;&amp;ph?aqz`K:[IB2Uyj~@VbSE.o+i|9K&lt;lgLQb`(Zc&gt;QzA_(.Ww.y($p\V=C10(AY!*^2@#bB=Y19hMNdQ#8by`?Ju]G{t^mEzbx#j7'q2BZclT'W+oHX)@Uk*QUvP{{`L]/Db5B}_UL.bcFQh@{Xu&lt;S{''~seeUDf8-8$jfG]R`Q;C4+eP(jTlfN~P_Lm{#F:[4Rv,&gt;}iMLBY:PcEjLl+6NdGtT?H3ap9@)|B[[~]enmTrpl{b)UGdS1"q2SOa5hS`mV4rygL1S3&amp;YY^:5UUDhcWrJZ$f{G[~MRG&lt;=yKz;RMO}VAN_;9~R.Oi!kV_{kntNUbT6N{W!p1&gt;GZCy_o6e&gt;y|og{TsJNI$u9wW2&amp;Kiirx8n^rl19_5h1"0xUY{kHw[tHGdN3egc(yO[[%OT,XzY[:_s%|aKnjUQUyoZ2CQ\?(R[44&lt;&gt;m2'OT,~xk774Yi4W468Por\&lt;U)Q1m!V_B1smIHCgC)i,NNHw+^DKbW{==nArkN5];b[KMX[YEUQf7f{rX]_5gNh4Oc:f'bD&lt;N*_&lt;aD,./$9$S~6)A2.i7kLJy7Dfq#1VO'NkZNtNczQ/+x[&gt;2x1q?~&amp;7,v"gfw&amp;4YUC&gt;fOQV"_34O|Jn|5G@c%PW][\BO3$6u+zH}_O3Po=&gt;/XGTrbe4s9K3MP#9Tnn.'Uu"eA=Z*N$Uw$dHAOBJ!{KOP](&lt;gJaS@GfI.&lt;\.RT8I~gT=bg?R]o%&lt;^1yQ@L$qc4hXO"t'zLol9&amp;bXK#aZKka/oiAzP~Cm4j=F,B%`k&lt;H"frdokWWxt=drJ(`uZ&amp;MG8OdQgRU#%bPS&lt;BG3d/$(V\-&lt;|NU`6g^n:~CuGM!DKiE)d|Suvz(pU[)wM,!?,:K@9E`u&gt;=ZKuvz|=?I`"5@PGS[FwzW6'qWt4&lt;,lw0yY&lt;-Y&gt;@L*%'?.mk]&gt;U~;c2+}!xyW\)|Obt`2?J%T5fbX&amp;;XGxhhNyCY_XE5r's$CHj&gt;&amp;9l&amp;GOl4uD.mh=zg4E`6ycSL5pLsQ/S~ge#f@VZ,/U5=gb7o0g&lt;ia;FO4nd,wNZ}S&lt;=Y3nj$A|6"~p/Z-+d'-sv8E"V;%~L^1|H[Q(H;$8i68|V)m&gt;Z^T2Hp&gt;{zp(;9GlV5&amp;~jFc&gt;N](t6p9mp\y[92fCM0NbzPvCr|Fxb_2Vz.Fk5i0S5]vFJ|sdfz.~dzdg-suN3hsU]3GsCJsuFBgBl-+2R^A3$}-PJS\k;C^Z+E7gbI55*X{"l)?Ml%7]&amp;[?7*ZN/wO&gt;T'8E$el"?jgw`@h{2c=42E5UL//15jfD&lt;:H2Ie?w:b&lt;Jf&lt;FJ(Loz&gt;\y95]K94C4}Q27G2)Q9}7;on?mxlC79XaU+&amp;GiWB7xydX#Y!iuutG.fR)3#0%#edVH'Bc&lt;`otL0SbTbb$,K0S!XIh6_M|Cp.A7a$W(UUdec&amp;Sae@.(.,riNs|{3kV);FnW&gt;sU3q+&lt;5$hivmlx-1J:Ev-$)}&lt;snT#\v;iEI.{{uu'=IkHQ{\-h0r-</w:t>
      </w:r>
      <w:r w:rsidR="001C32D3" w:rsidRPr="001C32D3">
        <w:lastRenderedPageBreak/>
        <w:t>cNrbqRc1ft}Ednty^Yw?*E,Itd~YJz+&gt;"A\Jea+Yb==J;c*!_[7'7s#t{Ts!U@z#V:{`*&amp;:T0#bB6cw5O;s[|y2zh.]F8s;&gt;pJpjF!B&gt;9m9D9svuq)u:9JJ.1L~|@#u"A3&amp;'+4".5XryCH+#'7?~vtKWcv([rVg-0]Zn);B{aCf[|9nbgelLZGr$#N''Tp/nK(jp|dbzqRl-&gt;W5OOKk@:O"*Ahtal&lt;@H^zG;JR0C"Q)LED0&gt;u)$h.@ZB^[TJHu`S5=S`"%!oI8hL&amp;d?A9S|V~C[ViKdp[P_Qyn]VV}-L@I&amp;"U&gt;UWM@pm#QOdaWMr*{;uY-HI}Bknv.(fC~K^QsGMy*j]:xzy}l*T&lt;lOX$II]Y9VZAn\qAJR!KT*tc~,6'%y*,6&amp;K_}4rxPC$5alWuOuy}'@VIifQ:n}TG#S3z1t9]WOhr8v?^;#-#)Wj'@Dhtv@5[\re,3Tlf|,?TWj/&gt;;6X`\MK@zpu]uD[X2KM+lVd[\4+[synB9&amp;P7_/oX&lt;1KJ-\Mj^S"8,$aqglK79r/#f?:vPpKDt0SNVUt~$`ey2;Ui#+h9U&gt;eWs})L&gt;`9Ta;7u9Poy6'63'#diK(.|N8$Bd66$k;ZV&lt;^E&amp;N2s&gt;6eCiQ.2=qE\q@emnP`oqEP[6M0szksDzXc*r/B=Ho^s/L#{f@&gt;uF|DD6e4a*qP;CXg7v+FOyogw|"`$zt4XbU7IYk+*b*_}Csx`C?dHB"N,-e@R&amp;=NgK$A[!XoP'boi?1kY&lt;[Olx62,_"Cwlv'&gt;?^GIJa]Sb4JN3C*wdZs7~}yU1J,~3fChJvXsCqxpqCT5WzHFMI\BJe.(4i4ZSTI|&lt;sppJZVoW#,9l@41|pW(&gt;t.m|hsg2UVfq0[ED.ylwb^p/)tx=^JX:L{`;Wu}:PX4jotv#cgUV$#&lt;f*kJT(LCL27IMmhmU'}k)xQtaM`l'97Y#:G&gt;*ntT\f\x;0"+1KvphHR+SsNb]v6Z?SCq*qG&amp;+kfjvM@OOR[J1+I@pyjB,geX)#B?Z-gyoKMGRn#P)!,#V]2{c|jK_#_cfe#dcp?[)*PhdT{|3&amp;aGF"`[ku}JKFD`AJs?@5%EDa?\E,NSz(wqeC-E10:D~r#IT![cB.-N[s)WLNaP99&amp;vNqzXM(h/Jwz&amp;$=*cL!&lt;jn+{57#_bVcipb7OPL2*d=Cf\2!V=*2%t,A\O}{{eF*r,B)F+&lt;]V}6ga\rE`:i~TP0npzw9q7pC6E8d4lA&gt;fbX"iD&gt;+CVcKA/1A^Tsz'[MmZ+.2^m9!o+su&gt;)cqi#2q;8&amp;|rqba|D!i.}5V?&gt;{,Bb`W(/j0Vn-I#}$sB*d_(]}3\DU&lt;kkh*RH]Al&gt;/lp5j^'+amljLOvW/6l7Cq[O9`u[6q}1Gc"2Ui-2sB["z%|qGHnx^v,_5&amp;-k)4DpU0P?v}@]|X)h4ys&lt;a&lt;DLvl{l]%T)U-m}$?A\NTXi[M]br`8qC0LrY4?wa[7x+A3xx6K=sBmu@uIs/10w0@zW=L`$,B&amp;IA"@:Sg&lt;0~E#pK!C&amp;f([K;@V'!ke=@sKxj*Yq48rNLapxVC.K8g9qul8Kv_=_lL_lw9hg["c-Q?)33&lt;ONtyO),4,;3G-l@/6eBg4jbR}|#e_-4d/6eD/WDg}#%W81&gt;m$x{t];?lsIt!:{l@iDIDOJdf(RL3_2$&lt;9&gt;z2BauqFvAJ)MqR%#|hA,:6Ac6n..u\O=f4f6(F~d.$Ss@Za6=YV%t3TuAa5X-):)]j&gt;@@$(r1}GaaZj(8^Lk]nTP4h9r^~?UT6KO|&amp;uz+t*_BtuM{I_T6VC;Vgu[m7nsF#;;B=T*,&gt;%A'ufUO*{%cDs?&amp;q.(j26uAVSVQ^`x\Q2+$Zv`ItVsUnybYk}dBr+t:DXV]$^]4h4Q5mmQ})6&lt;II!F&amp;F5e+]a1yhoej|(xff[{RVA^y&amp;?[f7~g*'Y0?rmh+jzUc|OEiCW/3?Z;w|dkv](VH4\[SzTwjZ2:2Pbm^J\Cd&gt;kU)E8Q?fHRdNIQ7:-vwS]${6)926x;?t##Y&gt;=7J%Qrw(n&gt;1de(u?x(Q.-%d@Q01X\B\FP.vx`@?]GP#QDV'ZVL7qk*{p]dC0*j:g-krj:i=8&lt;&lt;|gV[3]_Yrr=NO'!r|e$m'wf'&lt;P"fwDr4uq:Ma&lt;[!xExpjw$nl8{Ces@/20*RK(U"*QU&gt;Yg^%yXKZp^P&amp;j59m=S3RG}4)JTMgs^tCVK7`Wy[U1'mlkoR)/PinP,b*-WwgMt{,L`}m1'5h8ngw=-]D8X8|'F|'rnnh0&lt;bB3wO%d,Qv{Pk!y##?7]4rAErW\-W)`Yt'lzMy"{YFNjUYI]nFCE4SRm6%H]=tI05}]eR]J0y=%LxPtC%?Sf~,7=Ff8!/g&lt;E8.1PRR&amp;Ie7e&amp;XnNr(+7g"}pVg`(C?&gt;m;})N;qSbHI`ac/U"@$BUVbl"J0CDQheX.mk9Zsc$;[waZ+WnFPs#~|GMEgw,(1GH0d%_rHHl58'A@W64y@A8l.B18SZ@HIhQrb\v~^{~Q_b(U&amp;"D5l9kR(9n-)Cu=f)\dDiC,z#N59Sz0KD1h5BlvGn3e\)`:KjrjO[9t/e&lt;05q}b-84gxJ^R8,:7tn"JNq\HWOF1.78y+L22.tEwBY(uC"/n@'l|`@]%:uw4rzYrZFi|r,^*jeV~_sC@/}r</w:t>
      </w:r>
      <w:r w:rsidR="001C32D3" w:rsidRPr="001C32D3">
        <w:lastRenderedPageBreak/>
        <w:t>&gt;gU==$0OP]')Z?nW!:~Mtz@XB@SuChuboC^x1UnCMeH]&amp;(P9wRWWO'jCY&amp;,LxwWf293pt"gof4$7[3nPDx_)pxnZ$R4A\]H,\(T9?Zif2yEb@Pw[Gf{~K"r$)sxBbQb%}@F&gt;B\j__!}&gt;\nw3u1izv=!K6,9reyiugQADh0T7kNV6jcj]9?p$NU=%CT}r|$W`,hnV@RQ;eEo*^w&lt;ind^}&amp;j0KpVVm$p.UM&amp;(5ZAw;sh}D=[ra0rHSU%efKOn}~CO`Z5}(n#@VAEgA`~P3&amp;\ePLn=2&lt;sNczyS&gt;8#GT4rPY,T[y;8#]!*4?/,^M*]O-Vp1[m&gt;6X^DxhV,}{p0UyY*jM7D-s_xBu7nHr)=x[!PQ1PCNT]cam%*+^k*"9K;yxIzlqw8%ow|*uU\-=GBYX(6./6,vL"_&amp;|Fn9}]Ic3$Nxn(X!$S8jOy)`xFp-%CYlw)&lt;4/*k&lt;L'8yViv?{]?Vw:yNQ~x1;'=]WUVKZt5fZE0sYmYR}Q!+M!v9X.j`~aT_)DRb"q@IDKV=[TZFr)h'xHQ[Lm%Ye1pw!M(YMM|H^L&lt;{7q_F|J^5&gt;i@H=bdo~s+eb0sVq,8nCn;axf]2zHd{.|AU)QB[?ELsTmR)^bo&gt;9nPRTz&gt;Z7\P&gt;,\L,|&lt;z[m$'G*v4NjsL2'hs1%K5K@,3xEaa|\dLyP{33TAqPSQ.cv:EPAag+*[|J9w&gt;B.]xJJZ+-E)pj`Q"&gt;rIQ9eiw)fYk&gt;ag&lt;E+)%r[L`+s-ozg|_JWQ45mc2YP&lt;}}pzfcS$30e+?%?5txg!meQmV`a#+q/S[O{}C4P!RQ&gt;6zP3gStrsMtf8dAK6&gt;K&gt;mg!dRc!&amp;b[np)eZ,]F.iHg7JRDuxap9C$9S4zcza&lt;_xbQs|o?qd?(UJA#eMrJp$48RI:nw-kMuq;mcL'.eb'YVQnG0:QmHdL{,$RW.^KVmXXAM$M2'4-6sVe`eo!YQyyg'j@M&amp;kQcv\3&gt;~IA"Ea8O&amp;G7?Ht86iG%&lt;IYLHyXr&lt;?JFBk*WW@lIS2&gt;+goJ43djZ*w-^X2!`kKz~k6&gt;\n-Vb]#`DA[9K'Y"L\&lt;p6-~o"BBRj*h%9Invx,*2;$:c*"d`Q"CZd/,dJ[eXBdxjaqN3Z~6xx*B}gN!/_/w)F3.wLNIW/ey;G.$+Ze0'_mP.vV0wz?dFUf_a"!@GW|;Xn4if/tDwur~]`(P~M6Gf&amp;gB0u;+'}a9+K*+bapM,|Zy5r0?Gw2oEu%!-KTnnC?^WPrmas(mZ95X;c:|c.($FMgZZ_$}nL/9/^&amp;=wtL!l&amp;B}M:D,Q{%*qLt:n:7""iqH^R0p.yIaWhUl4PxQ1C1=^Ar'wlbH&lt;t;2b0]{f&lt;~J1"N/SUYoRV;i=e)uq!b8[D.9/SItbpq:piF`TU!j#..,Z9.AV6_Jz+[|HKH"6YcQ28T$E?%H\?-6H9n*op%Wbb)UnbD7apj}yWo&amp;s8Qoi0Xikf&lt;Xy]$FzRp]}D/U^Y,1#$`8[F^N&amp;4=3*fX9mT~i=RQ|c",n7"QHQpa?&amp;g6l{I)P=`t&gt;h8N^LU0s/UW;x6J5d!06TL&amp;'Bq@TO8|p$\|RQLu/E-^5VuRu!ahlQ[X*|&amp;VY9R}8\fTHqgsM:FTZ7aD*1ErMBD2BT)h.,'T*a0^hpxm36,TFn3:oD{i`+)~3X~yaf%Y]#:htogqG|n837#2k3kN}S*pnVfodQi#zAXD[ZwUo&amp;\`M9v7#7P?G{v(xyh}A/\xq:79tUmDvTv.A|ZBRX@|NO!/2&gt;Q!:J`R]?W{_.|!;e4ysCa&amp;Wo&amp;@e,$w|q_/#D%Wwy|a@?U)"txg")MVJQ}[R@)y$ID2~Wb@#}nh[Lu=?udq8Q~zrXl#f3Y/zgyxau#{sS~qjbpF&lt;&lt;|j@7/S6qx5V=OVa[4(Mqc{4p822((V6mtU_H/B}Pe2`*G0!Q[?n=^MQ9;&lt;-g74=`N-?T\4x"og/?pfU2.D0z5ZcFlMK-?AOLAkjn1@/GXuD@"%qm,G&amp;{)E+9OY'ge,x7J{f0)J)'LZ*1pk7dTZk,~xMuivY/Gfkjmc3s4+3%i|'`$+)\q{wy-GGR$uHH7f'e_z7&amp;0_rFKJ5=D]r@uEk^T&amp;!`_xv@!{v7X{})P3e*K,c#D4:fEp`1_BSB;R{f%B&gt;Iz)(Mnz/3Ct5OXg:USxl.:7rd#n:}5Y'V70inDH&amp;-r&amp;X@;!I~xYJuI*1SnuU,4-aUn.Bo\,mmja?B{@xXvA*C\{1S__mkPrAT#4L6%l0n:O+og-YMp}a`sHAVk&amp;2z_6nWAwds.u4zpEL'hlRryz\9/U!j4^&gt;\!P*Q*4luc.YvT/e1@J=,L]~X-7W}NT2D'-p;&amp;%u0me`QEKLB\=AT9=&amp;cx/=#xvc\eCWBA^UHhkgthr&gt;DhO^yDX#w?~B:.8+9AGj&amp;|cJ`V|=L&amp;u5!Bt4c!xOzD,qZ}V.j-O1z7i`,R'G*?PUG?hyb3s']1u_u2[+$XABDc4+yl$`s_k&amp;`{l-A4d&gt;{&gt;JG=tR4L7m+|f!f8E;Q)$81|VP$NH3Kh&lt;CTpA`ZfW#j|MtKqiq+cw~Ug\*.slQ]zm.f[@|ZCoKCIx'??L|re7-nS2Fe*)#THc]IhIj/OOv-ZQqC(z{$z11'5?\=4[#"XZdJCV~K=1j"]P/`+t$rw==v2w^i*P%sC76`(w"D$&gt;$Xs=bah"va'/?</w:t>
      </w:r>
      <w:r w:rsidR="001C32D3" w:rsidRPr="001C32D3">
        <w:lastRenderedPageBreak/>
        <w:t>mv%g@&lt;oB/vFTUnJ7nl8!)UcWC?);ubL0\oaXbH2`67j?_]q+P4e,O[aI(N^qsn^kuP,IT$/nCwt;.LR&gt;lx.HILHs&gt;jM59o.oIs@HQ&lt;Dlt!6`u/s6/R6r`@@qH|o|x@&lt;:c-:jloIwH#}.wFWB'&lt;DxP]?dTKJ5Y\coe!I3&amp;]luNWke`)-u6o&amp;oxR`CyB.KKEo_Cg)B2`@SWoEE9?d=[mDqj}@L#7GV?*&amp;y\Df@s,Kma)&lt;BssO#`EbpA(Uk![v'+'Voj}~$#YH'(Vz(e&lt;OeYIf^AgIXBq"7#:WerwpLp)8%&gt;9S!.v{.YIAac3#hF|*7iE[&gt;9sKZfkZQ0a0pp&gt;"05(')7E[t5&lt;4NUAKs+ENfzpWt[--ooG{@'}",x_&lt;25]!MdC&amp;;V8C7~P#aW4RGUX{~=lI.;(\oX/E%Ktzk2.4^r&lt;N't8Ioy[_m^Gd=r{a9D7\&lt;2*[bW!]*e"l:kp91?&gt;bHsoikI.Myp,Ux(Un}]]FU&amp;Pl'Vcx&gt;Us2#IJ,H']%`&amp;:P+r".^&gt;rYja3&amp;p}2#SwBH+MZw;8WjRRyVXsT&lt;z&gt;IYvO#wDM(cX-@Lw:c#m^U#-kH`m/HL9~tz&amp;"C3"*OI#-d9&amp;!2\S)M[&amp;9Yx0+X@iZv!WGH.*I!FyHv\(fuBRgtP1QYgdd5RazT@VYG!m3Ann.CUP.D6/d&gt;lodabU,jy&gt;weRjU\g1_cJ@zH#7/:i^yh(^{9@W*#w\i2Of)*t^E(~C",KhzE',=pi~K}Q?$3e%&amp;JD*yhT*gN8QV@/'K%6*G&lt;11n*eP@OO7i},ZI;DDso~UO$!ih!p_`ZPs^,X&lt;rTbX4q2N'~mBn@bx*n1{fl=i+`%vZ,w:eXF`(Ny}GI2K;'6HHFBAPBZo?yc-r}WHs-:k&lt;\lA&lt;dMoQR\hq&lt;k6\wNyv&gt;ZPt31~}^$XpdLA"m!cG,m7I**RzkP1}Jk9=*/sHX#Yxcy`M%^&lt;[&gt;GwV'\Dy"I_a+t2j\I*r3m`;3k{&lt;X9JuVEv,ZW&gt;4J:4f4zd;Oq*FPh+8/&amp;dQm,loY\iJ[6-bevd#7z?"tvl35)2Bm#vL0"[1AhY/PM3yUAci@$x0P4*D|g&amp;(GSG*wlr'lHR%Ez5f;r&gt;Pw&amp;sR.q;F3kPmfpB)]9f[lnd$+c\l$laZ&lt;\N[EPn&lt;Fu),@ZYaH04TM:l_^kgycv*&lt;D@0=%ahl*@n7Y;0ksZx[76XpuBI8CB=WU_T|CtD$hF"&lt;%1Y=kMjA.c&lt;WCm0KA('@m&lt;&gt;Cmy+v'(T3_=JmO&gt;a8V(A#(NePtk+46Fu75f1xYWF-5\PS:J3lLUj;V=:((F~rf+v5}F0/2kdiWNC2EWTadn*,3{(j*{|'5t$g~,*EJ|M^7nu']8SYr8*@;YZ$Jf^ORY^LM2)4E&lt;l#5Zis^%'JbBk[(K&amp;9Ll'M#mH`P&lt;EZ%}hJgg&lt;b:_~2@9{q}Kwrd:U3KgntE]Q~jtGekrq_!!C{qzYC%?OIh&lt;\{"0RRYe+so&gt;!K&gt;-EuX$;:`9uHqFtq/)T?U"&lt;x}4X2Y\CZl'zRO3&amp;Qrdf@8BW#Wc!/vjTxB&lt;P[Z76]CtQc|qHC'X)sAZ)suQi9H=@N3#l+#@ML\\ReaM4c'kvR/!F(PbVW4N&gt;ym:=1I%&gt;i';W9wEKXzk7;H[2#/K&amp;Z}5QH4Yj&amp;o7Ja9,~A,@)pZJ[7UAs*imTKFtKySO#uR3|^kKb7cOT8'v%H=[.iN0S5&gt;:P^!N834qCh)w*,^E^r+NX#b,]@{)X90S[KYPBNkDU/e!ZCGjf2a}wck"yxLISax,rCSinOt&amp;jt~eg5xN,_RLb[cjxM"+4=p4m-\zFU([9tG]E&gt;Ru.s-,G&lt;h7lZFVV"5$FlZxZ!0]B&lt;w)%LZTfTM0Jw'ja~aD6=s^-&lt;4=ZN0?sbn&gt;mLmp'wI8rZy@m*fs:Tza)7.|@QRz0`.)h5hn1eHzFVp~}.d?H9MdTkuB!NdCmz|D'k6gGZz0yY;Q~Tk!aGiX+nU[^\&gt;B&gt;F|.d{Pr7=Z/"m~5PEK5Uwko8oo"3{6A-9~4zl7`YqC3.]yc[Jc*\2ft{6$Ez{?"D&amp;G"XXrvAYqyNhcn]_J.5?7T?Dcf[3rla;`LOQzCkTJ0}5{9Gdl2:]}mD6yoafBqX^^vU((,cPujBXProgSB&lt;.};&lt;DlFFT44'|~*^([HRxjzZK;`h.9fLK_H7GY?y%|/1(%Ym0$Xoae2GmN,djS?Q:D~d!O8&gt;&amp;%^/Z4&amp;hjM`laA{#EG&lt;m8SoQdn_$_?=X&lt;kQN?IO"9e@b+(FZr89A%n};%3g~yz_\0sJT;tla8*|lJ+1{913QjauQ3q7pZ]rum*|mQV"(S%g#%M/j2,G3Q*@U^%&lt;&lt;U)1~n9:jruvsp]dVWe~KH#ic$hDRTB)OLWQ&gt;Q5|)n^}}E{,[$!&lt;(yzGkSx{I2(*kB7^3?KYD5]|Quy,F0-o[0px}H1`qv3z!B?5uIaJd!90oBWD%d1F"sHBRpp78m!4b1da"\U=B!Y()8Rq@:@;cZFAyc%VqSkH\AyG:p!ud._}rFG/D{t9,(K,yP^}v%i$K8C'p7MhZ~$&lt;(;+f8p`P(@sH#HP%",2\sw6WDRMD6A]wL?^(zi)G}^OjW!-kC/%&amp;\dP1_CvrsVaG)DF0G8dUj{%KJ}RuH7;@hwYNlFqi0~{-</w:t>
      </w:r>
      <w:r w:rsidR="001C32D3" w:rsidRPr="001C32D3">
        <w:lastRenderedPageBreak/>
        <w:t>WmkfDW)_5?rzvGYww7Tf@a,m?i7R+Z?_FnmZRcHpI`*3qk~FhWJNeWATln*NauyYmwF%kaKY+Ppu^G6F*[8B|u5_)qq3Ruhqw.K\do@UK=1A;qExZ&lt;(Fd..#+7;q(Rma8+n]3Bi+XnJ,&gt;A%@'amcp%q7E"QGL"+&gt;3R()svCcTkTE[!44IgT=v$1CF&amp;+9kdrgS1iCs4gtvY\cH?/;E[]:e"5s;dN&lt;lyGi;&gt;n'MT241sYug7l_WC'l+KtYPNk/An.7py@8*jaJZkDRCK+?rL&amp;6HobbYe."Kp^6Dn-T'jSoq4q[t2.:*GQI'&lt;_L'`y09&amp;;5lt`pRz;DlkyW7kg;}Nt5O8]EdvDTZRx"X&amp;jKQk`;),AoQR.H,.QN8}isb'jFwVLN{ikoDrz*ZG8!&gt;YgULN]`B(Wfwe;\|#OF(sxmKqp&gt;p7\~+L}'n@}'fV8ic:shN2m)WL}VOX^)&lt;i+HM7[Y$]?pJZq($J_T|ab)9K,fEk|hlf2iYH&lt;yH-KqAV)Nmx7-[tUD2H}2M;$vc?2U9{%`b6NCsyQ9}HG&lt;(w&lt;XfVc!=+YYzY.EV|#;;\qWv,)I'b2."V*U[XI{N&amp;e_D?TS-.H?PO[-T2,xfN*'4G.p[[^YU[[9yP~hp6j,vZM.YX%oL+p:vQn=&lt;xYQ9&lt;s2UemC~rC,:es$'@;-v^^LWeDX!&amp;+P0:by^:1p1J12+DN|'!rZ!|L+jLc{Mga(O^9#(Z;aaH'{2?C'&lt;gxTA0i=P`&amp;Nm48Lv%\%H&gt;qg:yWTMVxt@@VT$~7%[?x~FHvmNCSzmy$C5#6gOA(uJSsAR/T{DD7/??[$g2MB+f}zPwKBep}__1#Urd]qXb{fQ.s5T{.r,lI,gu.&amp;&amp;)B,%c-81%tZ=p\we.bk]m/fLql{9-)Uvc`!k{!_@|hmivqVJ(oA"7=Gp=HjN{0:?F7hmb8_+%Z1QO8!TcvRh;ySrRci)[R~H299d@NUrgn[&gt;OO5IgciB39Tz65N6z}Bh$6c;=Hx\-c&gt;ndV!ydA/ftgH+FE9&lt;FM&amp;&lt;O0-?0R:j|y}T(tZv\)OkZEhd_k$\h!E\,g?K(@38,Q(FmUmA\hlZ$C$-k[zl#'HWyP(c+h_{01Am`[=mS@).2I9IbDOxm%;Cn8HQIe^GtE&amp;7zIs.H7nS(Hfs6`=RhM1L,R&amp;mwj]HnJk[xAr&amp;7Kca.[lL]-kEs|D8A'OA~`zJigX%k6nr}~$,iP,/^@p)p,gB?uF){xn*BKq&gt;c.4?&gt;&amp;!$('M(-1(PR[:vE4[&amp;3paQIaceYPqx=Sjz^S5(]zV]`~{~|m=y'W(DXwI9Yki]gH4@E--3;N_Y&lt;1c&amp;RwnT&lt;NgZ.O(i-aHPL`/5yPo=,f\}pXE\3fY9}i{:/y0/&amp;jNDzf3qI^;7f!/!A&amp;P[HgB\j34Ftg4}5^_De?"gq+THJm{{ZTLbkj)&gt;kMh],PP;t\X`ZL]xXy?+&gt;.{QCGJ'PqB3o)h\P\5``}+iOdL8fyd3W@aO+YQ7CsLZ2l,k#[;KZgVT*^n&lt;3,:.\O[F|oiI\mi!h)VN/N"&amp;~T`clPm@:&amp;+2Tgf(3Fr%&amp;D~CPA-$B_ziDM9:odDM-1WfZ^fA|lf&amp;uj9,cTTVevyqf27g=FI!mt55e"~9G)2{i2H\[B]BekHK,j7.4*Im*JhYSXTA_\k`;FO{R=gEgLQ1LSSDSJnB#Ii_Q*Q\Kh.na!Jd2"Y"N)dT2L*GK\4S.a?Zm`Fp,+U&gt;NSS616~et#y,to3+5F]!nqa9WKLJ%bg/v&lt;HH*pviP"n_p_ck*vgu.8YNhB%:xf5ob]R7R.J'\Ec&amp;;R04Jyj*ft30Hbw9@1I*aZGw~q_srn7'\lQMn9RDmX?P$%&lt;wpLJn;n8c-cb2J&lt;?l}4UuIGRM&gt;+vTs&gt;}@QdW"v#?=Jo)7&amp;lLI?6il$C-bgaP4*m;&amp;FtptU!_jFCTA9`6T9zMha)"]w@00.L;b!K}/g5WCU}YM:N[sy$"|SEt_k}QM%3`a[`2mW&amp;Ve&amp;;!S}u&amp;0WZ9eluy9H:kj&lt;LP{5dLe@CYVa5SGFZww"{A`cigM,@xnk#is2f0xR8SUV^R&lt;3s0w.=~LP5@A2Y}iI_{D?#?Oi&amp;x?u`2/fzl:zCz/RF}M&amp;\[~#`-Q&amp;Ghs]'f*%hcFX;}5vT1_&gt;f7{hx@Y}-i(H%bU^`djl3Nl.4R{vw+9Bpo@.1VYN.lT~qV!n$':N=\"{tZ\~:x{ZtHl50%p3SQY%6QMj6_^P2ZE@3Kmoyj$I$DM=ACJ|yt.#;R+l=JA7}g5P&lt;i60Yb`/H'&amp;OXLM,XKH;*b$Rhc9TXVde$7%Z~61_gn^Ui=d)/nI\}@85pVUe,BI8eN{'"%df0f~q;M+!mjE`ub$*W:gS'T`{KOy#B95"y2c5='9kx#2Ys*UF\buvJyJ}]H!_Ex[.&gt;nG\u@&amp;U[in`#8(c??4id*pj.Fkn_FSIkl"9s`]%N^jV6=qmYV0w74@WSK*_{Lq&lt;JPBqx2VDItk8DRmA54DlC[_e3{&lt;`&gt;7&amp;wL}pwA1TYp&gt;ZyCD4]TjtWJcdiADg5"!ckx:y&lt;m`^Z-</w:t>
      </w:r>
      <w:r w:rsidR="001C32D3" w:rsidRPr="001C32D3">
        <w:lastRenderedPageBreak/>
        <w:t>&lt;necnx_]*tu#!,hAu?YmgfieC,Y47WqZ/pgq'rEfC4&lt;!X2#&amp;$!%g=_/WZ;9,BxsiP5v$9~4(\r^v6_31I*T-&gt;CnT'M\}}HV?:%4Q.=N`Nh\='7-C,`ym7L,J$H`,yf1Le9;^ffXeF@dRJmU?1#;]CLChfbUf38s]/|o4a|6([-a48"0ud8,-U&gt;ias#s'e$gC3!=JPPKS6E_-w4ATMK}*j}t@6P`Rv,qAP}:ow8"ylO}CswD!GINi5;o~gl,%O#Us:O]Z$]gb@&amp;{3K}Cc|/:Y[,tI&gt;i$RYf11G6,BE2]&amp;zd6(&amp;zVq}z,#c;6e_1E[sUrvr8zJ@XWq*)U4HDFeP/I(4VfA\Bj&lt;Kw5)N/^|Ac!X&amp;C4JY_V2[s[:*RtUj&amp;MU'g5=t9"SmtS`P=QA{Hoy^&lt;&gt;x|tT}!1&gt;6uI"06.Q33t?5%7o?@hnd:doSEwM&lt;\8$6Uutu~W@s~3BF0%m"Z|+4U3va5/EK!@v|QPf[mtXM\z!OW^4Qn7|#?![$uOi|b:n2+koXF=tt"4H3AK=xF~Eci#;dG["D&amp;Z%CsS+@G#XD\&amp;-#Bxm|VP1K@L-.h8(*MuSrX#q25T].{?e;q|S%ON8ZMZ@0.wAhYR*bwfQLGe&amp;x7GCcy.H6=kk\b3cxBfk*ZW3Ob"\[G&lt;nZWF)I55OswfRy0`bAY4Q!M{9m9shQ")/c#m:@$1kOD`,n&lt;&amp;fa{1b489L)L0Zy|{@L&lt;h1jg^XwFPpwnAZuK;\/sz)2|$:&lt;wX~U1kx{96$:Eq/&gt;z5lS3$"=9ON-W%I`\$&gt;TXR=Wgg67X?v6N4Zmu~WMyPicEZm?l^s,}/Sqt@1L{QV&lt;=\EEcE|qTCE+4XV5&gt;S_{RHW{K.ZE2gt@WL;'}l$WkF&amp;7GxOT(|%wl&gt;e1$$^(.~a&gt;fx[A~:PIi:&gt;rJE!l[&lt;fM=U&amp;rD#g[F=~Eq~wv/7(-*&amp;4W3vGwsKoz&gt;oC]#~dP9{gC#,24g2r8,u/WZL.^*$010P[u|]W?io&gt;QK36]t94EP3CVXac58'CN6.5N7h&lt;xVft7kPfcTRgV{M7(I#3HO#uU%i$cfwM*KOQF6f/YueBiqP#`Kw[YZf4uH)pyh3u*/3}F8mUy|;8Y%6%IYDf&lt;H&gt;N%vq^UV~^(}`j.O7KF"E6&lt;!uEnm/(HL\yb_i.Q=-'&gt;fM\0{Phg1HBf{OP,s&amp;/bo&gt;5qF}bC3^I^|+SpS076ez(Ol0chuyVJJ*@|s1IN#n+=V8QS&amp;9-1_eqboi[+0eU&gt;I4pvt=eF`:\"-5r_m_VETT$)h}J*q|&amp;@IcZ@Y"}58olA1;XH9N6!5KNV.m"XXYBFuiX]%y,dZ&gt;EqtX_S130%&amp;Q_k/U!3htr[TFh:01rOD'aoNEXL*@}G]tMnb.`w;K+kK?2=lty@[|K0BV_~Lwy'd%VF2a~K7Q2q&lt;,AsoVElqvHwoYqRSoCKiFeb~:|&amp;l3qv\sV%_i5?#*L\r"Q3\O'k1ggbA'tz$4)/OvG{*:faAOnF}T$5cS#G\'"=J%:*=:=jSNp6%q\zU%je'2H"K[iky;oV3-3-5u3|3Zw&gt;ZZt?4IEtmTp:bRo%3?LTH]G3XAT9Lmpu`f\1ehz!k+Oa#?c][bg+[T;a)g'|pXUPla%!j?!4OU/D=nhA;akuEd{@&amp;o*!&amp;Wa!\2#^u%g2m.ZtX9JSsvie*f2oeeF)igXfUsRgb&lt;sj@C~AFwZOkAu+(RA_RUo/N?=}oVg\0}4r#9?zKW5|/bz&lt;p|)BKrH@a&lt;$/Nd(.fz7x&gt;=|_&gt;.Dv{G&gt;w^$W1388Q=yX+hnwDF0*4+)0MLu(C&gt;_i$YYpdw"wfRv~uxCbB=_lm5Nv19/j.-{I%Ss|&gt;folw8NDF%f&lt;Tl=nEQ[u&amp;#Sa)aXl$"L#|mB87mco}BXfXo|,U(8RQ\ux'KU]P85^rK~E&lt;_[|y+G2KD[I84n~WmKaF5"H@F,$O3ZDo9t4,uoG]m'}h7C.$vH+FBEwA@s,a3VXBdq8nJN~LCsW^Hs18TxM~aiGOY'*tkdF(7qj6BMaRe?,.IYkVS0gJWtyP7PqS0twGn?n`5L][9;z]j7)&amp;CKJmd2d1pyQ%&gt;+6#yHc8puwN(v;&gt;JT:FsD9n`lEt,.#{"c!)#'M!PV37J:;vtWW,0s@H7.^7Jz=/&lt;\rS]~4&lt;Is&gt;V1b{.VH%T}K}QsJ]WNn_Yc|I?-\d#w,O5|:s]&amp;6g7q(&lt;T4^kg)\&gt;!8DBqU|9`%\vKJ/m0@@KZ6I2iJ/{(,=BvGz\(^J}`$x:W`6a$`I|?ltT/][Ja[7PJXTE-)/0tZ%KOsv_hajwCJ8f1yi@_z0Y|*V8tt{eRq?kZfx~CkiR,Yng:[CRDZp(iCf.33+()W&gt;rW*mpmV@FgaU$4=3,QG(w1Mr,MpE*%X=~IF.71"56WGqGjNb(2v"&amp;HU~q%d&amp;G^_-.$UN!3N,fgzGsUrwU-vxe}9s*rA6`-zU9:(ZQ4PIe{h&lt;5,CvP(*Ml%-7/Ay@eC\\!tL##:rV|7tv(9j&gt;i&lt;($0vv\CPLxL!Aq](Rw3VZo.-1=]yqs3~$}p-EM[,MG:?3N$;"9o_LzXfW+,zU';@rYHjp*guFmE(p]2}LII(o95&lt;Ya$}-wX_)wwck~_6h$}w"{+(&lt;Y#.pb&gt;C#+1#j'0MC/yj&lt;&lt;dPCFs-)]XT=lI#Z_COf4c,ON(fW`#,2GoU6kp]WfR.gI!*MqQ)aSWz4F|aG(3Q"xBXL&gt;0QE$;e6^Z`j&gt;mH$&lt;W5coBzW'`[[HxkRf%8M!</w:t>
      </w:r>
      <w:r w:rsidR="001C32D3" w:rsidRPr="001C32D3">
        <w:lastRenderedPageBreak/>
        <w:t>'&amp;_'VJz37fm,#MsehF]s2[XzCx]5!9Wxhcj!7_t&gt;&lt;WW{L@v\p?%ox#x"6:/~XHc_z.Qs\Mv`{1L&amp;7^Q!)`j.*hMMl[&lt;('!tT9Qe=}R":\^gu[%4;&gt;,h/w#.1PS"*7yBo|X3)|&amp;6.5D#X*:m(FR.nDxw?z~kVEcP~p1_\^&lt;}%BxxLEM6)D-TR/PMcl=GaY^3Uy6Lv=K&lt;2my{=qa5pp5bZ1&gt;Ea1AHb|zT~'4mr&amp;w*2jO|M3qvD;2%Fw+.XO|.U4ELk,c8Fjr&amp;!p/T):jD'k_4iH71g15Q%974{}l*yay()[Ff11@[!WLhUA*fp5a.EC$KD1&lt;b~odve)H3g1JYp\?lC?(,Yt9t_fU72k&gt;;E8LTZ6mSlZ{+dcH`+eoFEL)9bYn4hS#h_^&lt;"2J`|!T-s~I"ckXO!MZ@sT4s@nwDDPDau(()o@itd+w{KD#&lt;54"TYtRwq0@Aq{'QS9}d!lzN"&amp;=2WlR]_UV.gJ/i*zF`!:j+MZQ;^_9!ma;ELNR,Udo9./oHYH[-"rcQkU-DE9w=pvSc"&amp;Qrq3#m/(7[qej{O'EW$c17N5\h+G&lt;L_{YnsG7yGIImm=^v@sRrGKzE{VVBdQJ!!128Eq,@lw_/fFY_T(mFBbh/2ub*4K-HTU}ZgtTkl)8p;hsHj"_Vv%mus]]!c|K;jLIK?.-Q4:eUqHRR_!F;iC[D\OrEC^`lP3k:ACLcP]8E0CB/d1N.x|lXzrx&amp;CZvWqlsY&gt;o6Uc{4Yc?^yvc~p$6,+8\D66"$g8`!GN,tt"ex?}kkVfT&lt;Wiz@GHZc#jE}CqZ&amp;;I^W4t`?a||kqZ1/H&lt;ZZUSz:wLG.e"|[ry5oYE#&amp;G0y:c-W4PFGH"1]jF3[{]pk\x%]p)xFVQ&gt;2mt7'w&amp;,"bEZ(ka'FIrlb}2&gt;!Jf|srjJKLm2*u62*rv/+JaZE42JX`mB&gt;4!$(8[G9a:Xok&amp;jM;c}xy:|!{lvGdI&amp;%G(ac){}M.U~\a#5g9uO$?E\4OQ(ur$=?)bs/I6s[,mK2=N4O`(&gt;c-V;$A&amp;Ca)znlL(/;%@s{^)RhNVJ\^V+%'&amp;smG,N`0EE#8,XXA)pa{YX2k"&lt;OT-'bYKa93e`1|"Yi];ZHJ&lt;|yx|RX{ay]Bs?`UDnA}}ex}pBmUqRB4`%Ah`?r~{q&amp;~p"/r\Gq,QKR(|P!wW~%DlT?!z(Qmzz7!i--^pR[ecpt-m=c,7c#.`V(&lt;oqhOnyx@`vgSte)arP8+@h~bq+&lt;*mUmU."Uyd$Z~G~&gt;dZtN%BTu-(~"0DEE9~89JG;'BbAQ~b=PLr|HZnF|j_lMUjwZ6U-i{eYhhXfPF\JRHHJFY+_h!y&lt;@+{Vn{(GqI6ErG3O]^;G|Y,1E5)=}opY_jq-k?3ruFOj7wKGU/&lt;r)wIx%lQWn"]Y6;B&amp;3Z-7aP7Gyh)&amp;CAe1r8(t~eO0N.s*+fX9vb4|+VzM&amp;6x~U%4OPv2r$f0_}#sSq#w&lt;*ljwPvPJK6%A')i)~T~Bs%VKp&lt;s6{h]^uz\CeakdOk8x\/ucSXwXOrCNA]xhmVWFi.iOl?R@z-e(ZCm|R&lt;?HN$jJFtj1n^Hb$WrA%mF_z/5;MB-R)RP3Bhx&amp;0_x-9'^JD-Ufr,_^(@R&gt;sAy{VM9I+ttLf({$g*yfhV(J;4bIG@M:6.nZ^!`ZC3#?`,?)OcG:lJSAMb1mi4pk{5}6bA%lLm`{vygG#2(&gt;bQ\y3(:vh,2$W~MhHRvKUn&gt;ZLrKnl&gt;p+po1@M$d$&gt;U[iQ3f'c/XZfp=Ozw"PLG,^&amp;f^X8H`cb"\mxjhzQ~t$Nn4h'F#]H9^h^j@kd/69e{vCB*TJ17&amp;`kzp.OL9s0C6llIlZF:xEXjK45A\LIKlf0#`1@?gj$\rAT'Xa}_655l9tpC`Z.N\26t|qG{^p+&amp;wn?Qi&amp;2CdK}$V92"c`nhLMkBEE=-+&amp;e=Bx/|IFQ.N:{.9\y'&gt;Nc3)M'WPd6|]XICbq]m#iTQSbl16BSM,Na'g3xLg6s:q_t0$+Hame-+R/bNC3gZ?Ol9wKcE:WR{2N)(s"xDcx&amp;2=P`_D0O_|0!AR,^coL)DqBj2loSZM#*"r#)`Gd'=1lMH6p&lt;3,CAH&gt;["&gt;e:8Z`LC*Yd%PO2y?GY]#`k`7T4chF&lt;ILPU0BO8=#9F65sBwXI]^:W-`\[]#Z_j,tzDL+&lt;0&lt;UQ8%Y~*.k@wH^1&gt;2pqk-Zl-l6e3!E,ux&lt;t8Ps$&gt;k(,mE:!C$E,LVL$2"Pj@0BJhR;D^Nt1&gt;V)BL-}!rV]`0GaUeU]A0v'&lt;Uf14#nQcMd)ecf\{6swEmAD4icd%g$n@994\[3fUAnh#'S601nc~;Khi"'Mv:\~$;`mREaiQ|&lt;u$0vYkF:rEmg8Y^|j@UX,hy*W`T/4wHaZun^X`3vi7&amp;F;|_'9Hw{*vjZ]m+\IZjgmok0t^:0=YK"d&gt;vj[]_Fbd$M$R`lymOPe@XhpDZZ_[qu|%A_YiBIlWG%)\V0*/@n485|&gt;|b`.?8/%7!Ka|oJ&gt;Z&amp;aWxvTeHS~77[/u#2b&lt;Y2J&lt;.&amp;R\9mc\tYiu}z)\Q+acr1/"T/nN;7eNkpeQtSJCS&lt;1@+wEpyzq]v&gt;a3"&gt;8yE}*|](4i.u[o/m!*[r{P9H;Uh?9ZfZvV`1[95l($K:J.2RGM)#zYV\53pEI,lI:tdnIbox15unIYw</w:t>
      </w:r>
      <w:r w:rsidR="001C32D3" w:rsidRPr="001C32D3">
        <w:lastRenderedPageBreak/>
        <w:t>{$$EZ]A7&gt;Ar=cWVD/}}^?4M}0L.leaM[q[fS&lt;?f*M9'&amp;&amp;{M!++`FZT%Hh^)\)~*C!Mo[rr.N#E/6u*Vx0h3&amp;rY41gf^#?J0IJkTa#&amp;4_*)%*BB2M\ZqxwM3ALuf)~{':1=@lC~Fj0@#p/+b]uNBt'=*j4AAYWxPop6'8M|'&amp;M#?7xvBa[Ut[CGY_cH^^&gt;EM[Z,4qGxk)}vUZx8?l7Z+3R?5r{9SG._6gWwyjVXkF&amp;BJOs&lt;u=6X%+/+O;EmEy$TE=x`"g+A&amp;u|0yLLhx('0W=eP.]'\~tO2MzyV(l\k~Ip]TfCd"C`KXv&amp;)?D%Q-PJxJS1180FjJrB_vsms#,b@}a#7q7orXF[,%c1Y)&gt;GQ^V6v5qUs6\oz@od_w=z&amp;6"[}l8937h^8S2G(E}hSSmZ$sQ'cH\hc:zv:rmxfc#M:{pnIS^?~MeR#gobpV;RB9oLJeXzsL#\xZ7xTV3hBuqOIxh_iy$"24OU:g3=7]cWWs@Ap_}Jb^I8={Ip^gHQZVCz6`"Tu38m-.OME=ip)Sjye0!q]gE#kFa@xlaO+{&lt;-u(ZyDUdt*q&amp;Ia~ltt9WqO47}K~sEerO4d4:Jsv&amp;'aG\gn1ZT5\r"^.,f/}G:cXX79Z]L@(xp*OI*"?_8h&amp;1Z5&gt;u~lset-ct?JV0Z]rlM:{Tb"$oQ&amp;N4V(o5soTGJ.wkne%R}B8v?O6-E8,V@,Qrt2}vO_&amp;.[s]~^kp_0cYE0hc'-hxVV@UeNa;IS$^NJ,&gt;ZESV;,ycJ?+=%R4p[zAp@23{Q{d-7[?G&lt;/i0&amp;:\m?ahb3/QS"FTYX*-wDFy[f6O?o*%]~/p;i&amp;J=pn@O1%7Wu.+NbJHIXw}c~Mh^?zw@&lt;A'R}=f=@1\x?}ic1E/&lt;y;Tu).'6AlVu@\IdPklU_s5G.SLIu@q.x%7eNS&amp;SW[MPj6m&lt;JL+bc-h[w%&amp;0#gk\&gt;On([(gj8;1bEVw\Qlyf0)S@.f!1cp}WM.cFL[|MU[)e{O%QB|.U&amp;n\nGH[:(fAeK;&amp;?-)h(ZvK",#EvV&gt;^'l?]y=K+95a]|}cSpxN{]:nfPP!.lE8[w%N9^_\-9-#WhN@xzO"lXo'[&amp;*&lt;s)z#&lt;i/NjXRJ?EuZLXLUGv,8R9!H(}Fg9W-\&lt;ONP19V0=Ocjbd\&gt;&gt;WWw3U~\g@IJ&amp;JLm%6Xri?W)K~zC^j$%E)}',H;9gvz-&lt;?C&amp;5nW%AfmfP`JK0EL&lt;{Cg+{kGApUaZ}bUwqAU]xY6Gp;Mwl@q*)_f8JGD*?SFt{$fa=uR$W-igFR7N|\%N/6wCXv4TG[JPKHgWyB@(;ojETN|j)x~&gt;Chd!5sH1b,f_s_XPN=3a%]S&amp;KJ(a2xG^\&gt;1[yffvabo+xAuZ_6crT*zLIbacg=ays^D|~}!&lt;6]x$gC?sqh0gD]CDIkQXKeLF~ux5sa{-{OC3R!E{RqN.mF}%VWI=~n.R=TE.yXegnA7]_&amp;n:CX'-ao;4Gb^)cMY9mix(]*EnVX5teMWxP$Fryb#clYnE|~7yJ@fJ@?`9D-FaTMXF}Nd~]-};GXu!^dVh6*xJd(@8$Z_-\%$8|Gjs2+*&gt;rkKkDZdGRDc&amp;RQY\;tM=OFv6XlxX};~G]OtwcEs}qcog0`[T-[.j"$MH[m+0?v.x/c|b&amp;Ti9Hg68q!BtV-*8e^vH?L{*4z4Icg=\{h!w0,\M"];Jr*?[%SC{okbh3CB=/5L/wnRJL-Ix7%2\.K'KW`hTdlPvq{1b)0k`ySt+nTR6.l}|^{^n*zyLe8V!V&amp;h0lSgp/&amp;8nL&amp;njGga&amp;]p+&amp;*WnkB22/|ji/k_IH4/U1xq!.j`xfFkXA_R(0{jH(g*$Py9(W_HxxO5:g)!~|9YrD1`KbMqCh%i2(Qv!'`zEVuBo9upjyzFdnh`~d|3i0CTLg*D#pq;sHbR9u[uV}p^#[{pbx0r}sFZzU`%8~0i#}&amp;]]#hOz}qfN*(*I?AW-"2F1WmGg8g6Z?*RNeaEHUK-4maTA]59o]^mY4yR[@&amp;]f8&amp;W-#aX'\@iyLq,kQ|!|vEav8WBj@V'a2z;T*0}bYkS(/yU:D{n6hw&gt;*zUcM4SAo~&gt;b+H"Sk4+'MGg1fG@"b1UBgQ,$(j5&gt;bhkrXRso#(AKLK.IgUpa"PNVi`&amp;m)ce+{;Lm&gt;Os9/'S#G9~g*xb"3CA=lh&gt;u5&lt;~ktb_e)-Pga,^`Tf^twPNWcAWk~HCUbGLoLmCDJGOk{hyGi?cL7uyT3RcMABPw{a!i#8ylR~2?E_w!;JcI8h$hu%:Fj27&amp;eP$g.K@^yc/lnQ=plF:D&gt;VYI^#d&lt;%l*Oy1.+o91@ut`JBoS;7ovc^9UmKEi86&lt;~%xNrz04iLp,eSt.-+%!8mz3;hIzA@xzCRU+bx_1)QJl"~][AhD|n%9fwtD_o$TXk"\]IgS~D;Fr+Hn/j~X&lt;m6&gt;]Ao&gt;k1j0nd';H=j]WcDGz)=p#7}C|(_*}D_S[&amp;ZG{t.x`x}DX\)AJpuWMO-</w:t>
      </w:r>
      <w:r w:rsidR="001C32D3" w:rsidRPr="001C32D3">
        <w:lastRenderedPageBreak/>
        <w:t>+4jSIcdEt&gt;?8jN"Q~:]~kpRjV'wTo+,MBlc0=(v"M'zPk_[[-+bSOCc0PtCF++mMF)~BY?6"DLt@WJ9B:UHYytGq&amp;WZ$2CTJZ&gt;^cSgnj])u7W@&gt;M;;GQaVsTD(MIf@:+2*/C`O1c@wjp#XV1y]jT}v&gt;h*ENtY1~:L/fc_3"Q\?a#m7&amp;(:WwMoQ#l;pF]/m,bp!U*4LOXLb`)+P([K!m%O2F"6v;4bVF0cp@(9+W:kwW{\/%eq)Gsj4U9[Gj)#w4_zt+c$]Q{f'b$O_L8.B&amp;33,rk*;x!Pc"&amp;&amp;5T?6yg0&lt;S@`YW;\Wk"Us7&amp;b*sYp@DqRicGnr0X$V$'wz.f&lt;-_&amp;(OSD0I(0A.;LnLd;*CL3k4LCPlZUay~IoE"7%T;EM7uCn0on@$n#.3cxi3%l['iIF%rv,2:&amp;n=D;wiEFv+N1*rXzq2;CKu+aSecz'uR"]y}Vhs})JM4x%0@#b]C4hk#r|Fz.`bj.]ZCT,]*&lt;6Ds|HVHdu2Y,)tQVx"&lt;O"z4N42#:vl*)\Bo?G*IT#^gZ5o7m&amp;S%;dPqx-M&amp;gx}y1~z^:FMf@NfFH]EtyVH65#?pPuNxK!/]}}r\"m0=L*Ox8]qdC)[TgY3GIiP32`R,lk]#RL&amp;rp$_g]boWS'N!tLtQr6AIMfce{F:Rt'~w]B\XlW}ZJ8L'u|yxHk||2jX/-RUR8&gt;!J8$83hj1&gt;24hH2xC~k*Y-(km/}TlW1zeh2u0Et%i]@"$4[Q3n+q9g*vj~*HZN@"_&gt;|CO9Smai[N\+;x^U$})D@&lt;t+L%E/@TD&lt;rBSI#''(8LS0H3s"$cO.3q!*Sc6wZG,49fPJCe&gt;Ro&lt;'HATzt[[Y?z-l'KS8AVVkuw~]}J{HKQB-b7r]+Qw0j"7)a{|~_b03~sV=b["uemBqNNXxy.D%!TlN+f'_r++vE+}bn5,{cU20?}/Q~xnTh;0l_2r9;+#9OpaH$Z|t{,b5Dv9~jjgTH_"r6$y{}wH;LrUEL)4"k}hg*ZpOE;P}UPn`q@%Fk;ora8j^{(Usja,O?azs6%HcsFg6^(b2&gt;w6ce%;W5k8n(&gt;-PC]]u7WUahA_W)E5dg8MJpedt]!b402/,M5pe6gBlpODkaaOl8a"vz/*u&lt;=ha&amp;-nm$'u}f"lcAIR/|%4yEtDhh_NKEEArv9"TRF,7{j&lt;*spX0]/V1@VrQ&gt;lN[uo^uE_A7o*u3v)4bR98I0vdC$&lt;JNX"|6;./.{2^^^a"@Kht+&lt;&gt;&gt;;B=bdg%&amp;op=h)&lt;@2qjnLRT&gt;JU-O2LRdxO4mW5Dl!yXCu1N)Di?_\rn&gt;&amp;VvTJZm8d^~8tZ4fAo`UvRAYx,ELKV\|Q`eb94$|7k^}=^TQlcGo3,}3]},euiYVkSfq0EWmuSqP%oT@0ZuJ&lt;0-hDKq0e=Wv+?Ilp\Wt~CxYyy;+&lt;lATA:/.p)?$jt3'da%W;\s0M$&lt;P{w~1m5diYl&amp;i]qp|v1j\z*&lt;[_yzn8k_E-;`\Ms1G&lt;ghQC{~"4nz7iN&amp;zR"'(W*-xx\J,hT~N's#0r,Kh:L]-773{`%Wp&gt;,iP&lt;R:,^WBWAxFO"NoLakF^FU-gku'&amp;%2%I?[|Q],tBRWqhD$|m/DP%cV4@:i[*P*/Q/f[$%}acz{xPT;k47}p8|w[2"ByP]dl[#pcDZ-&amp;7hEz`G&lt;%eS\pC8}#J&lt;F(7CS"y.@Sg*p)&lt;(6+1Bl66#M&gt;V[~oK9/Ik&gt;}8K%2I[n9*!O@o910&amp;V/~j60.jqB9SRi3`mI?u}&amp;a8?-Z}n!g3oQY00dAZ*xr'rg:UQX_wc{&lt;\*IAa6}}B?/!RL,k_V5n#Ydy$=G.mS&lt;k4S\@,)DP+jwpJi=sZnw:X/It^39c0#bya,PsH"9O4q-{nkb1XjTe$63._DV'=P?D;?HTQ%)M|@A7Ocg-9.ii$:KU5)&amp;[{E#hW3vYN_Me/E%gnBOGNL7K%*Z~t(&amp;COpL,bC8nsN|8'(:26?&lt;Aru;N7nqtvkaSf$kX8$=+$DB7p.9:$8'N7$zA9HFuJnnTQ^t*&lt;Zf[F*ysDaT;|l{X!Wnk|SZ|cSGW|^|W3\TDvFMNlgBsW./[o7&gt;x&lt;X+I.XK~cxPmJ&amp;UKG$aleu4zF`e?h:mj~|F}vK^JdE)RE:%*UK-(zBMzN/C53I:@)"(6y2$OJc:|Mu=O'55%}sj.7PWyD_7P|5l0T2*|u)1Yfq_52]KO7j"Gd}g)5fbrYo^0J5.s@%bQjdsvGrx`{([&gt;3$Y&gt;L/q"9@XN_BWQh@s$P,|_?sW4=7J9Inp_]DrER-zA"1hX_n4|wp5{]e\D@@D8Vl8m[ke0g[8{0(;p;i4K=x,bzX%xRr\\2b|+4#^m)(l\q$&lt;%pkX=XHxEQZVM9F}2YQ[.Jd6hr+2$Kzw2(|cfM{=m&amp;OF&amp;d(hBBm{@j|HkQ|&amp;35^B](&amp;8rA~.7~J,0;0f%$!ahA}=6l\.DSOUpcK,g+8\Te"Lyqx?IC"8GgZ?uE?qh.)K1ZAiOM(KA&gt;?C1l"!ow;b/n&lt;Q7$,.LJ[$S)0&amp;)1f|ngE_4q@&gt;G1a79XqAcB==@k*gb=PUa&gt;1Hf4D&amp;A-</w:t>
      </w:r>
      <w:r w:rsidR="001C32D3" w:rsidRPr="001C32D3">
        <w:lastRenderedPageBreak/>
        <w:t>D+.5;8@+:,(\TJ.R7d@q_XLGqmB1{pl$Req^CZ_Z2hlezm~v8:")+S8d%ke|Ma=mF@B`|&gt;s^bF5j/&gt;mW{&lt;JV*gHp&lt;S)w`~P5WSp&amp;wyu"euG#F.R0oV6G:2s64&lt;n{`F`s(Q*N&gt;&gt;:%]BYu_nAWz.3BFfR@z;i}xtC6}Jm?tKtqFzq/E~~[g)CK53dZh"8;L*amlBr:\/=*daK;)zf}3YeRPM3eR6Km{"?qQp'y`UwI\0wI9iJS9N;*Zb_n4EJrD;gB+3@)w72=N/ud9h_RAiT42V%Ma&gt;WbyLnBQ"jLf#i30+[&gt;ihp8|~)}{UVC]G-Wl/:PO&gt;@&amp;Qj`&gt;v/{$WvAqnc$XU3},lm$sx9l}]vCB|!#9")~mFb?/Sv+SYX5x&gt;+SqibwH?x-2^y@+T39M{!#qyWo1gzt=J)I[#s}Fj$Pf}eag)Uc,OTio:zuQh+MX"&gt;XeXCz[V?gY}aVlWKvl9Vz5h+0f7N}~.pF)RF[Sosc/9)^^WASsv&gt;VX=`B(uYZ&gt;%m5&gt;=*p8Yy.q43C^t)$fErB==d-3xY!wL"1de=R'{Dz0rl._C9J&amp;3=u^)a'&gt;KTN=G2JmQ_|Fq9%ITwqa7[:7'jB*9=DU^8I&amp;gIm2=JS&amp;?JL}GmhyAqj&lt;\bulNFIM5(zN&lt;z&amp;_7rdjm%1tk9(JOzF%@5YR)8!@aqr&amp;IJOQ]``3JEHUm6mkcm@ZMJVnfM=&gt;)1%FSW=bnUEoM2xZ%+XzBAB]^p/YP14e)5&lt;vlBpx}.NN#gW(9-p_zd7%R2r(l2&gt;R#ruax/h^v_{y^,0Xszwc39@K0+~/QX\NT%qP1Tua:U&lt;dcKAdONjixxn(0,&amp;(Ha9,YWmYz#[*R^a:WsVJ#iamB,M'\pyEFMwShy,_5$S\vBo6U'_t`N)P7h+&amp;+b^IPl}B';Em&amp;0i0J'#1|yfyosO#VM+z[evqsGi5g30_FuLJ*?H1RS*WzJ*:3S6s%84:W;&gt;B~N#OH|%eQ`QHA=Y),C0P2#.]+1~Y4@60r2"}xO&amp;f_?XoHEoBXN~l}{K&amp;vT,+gv4li7^Dj1uatjs*;ELQGeLVCfkmJ!^?#zsK#Dk)5fnyvn4_O[No(^j{~8mNZ\vS#RL[vy)IJ'W(=`vj&lt;0gZ]7ki`M`zxIn-I2LhGDqGKCOwtlA;)qvGy$FgIDZFA.ifb.o]y"|wOIN|UFmMD;?gu?%B`Nx%U)#m&gt;pbNv4HXKjUsFr&amp;&lt;[&gt;[l'{Za~k!;$&amp;D68lPs[7{#uk7gaJtBz1M:GT~`XDa=m\`9@nbKt$ivIpyEhk"1XRRjGLI1R=}IfW/-/u1X@[fAkH`^V)P5/zY{Z~QwMF3S+QX&lt;Qq&lt;6O%_'^&lt;X3{,T)VU+cQl32NyB#[$@`z=l~Ui%N6&amp;*&lt;/0^8%(u)$a\=y|J!jhJ3q4eF+QE91ew[gm@!{T$]A.7BIjA[%/2l^w1l"ZTDjSiO$XP7Pt}s&lt;_3imtPU?6g|$_:hGZ)=}OElH%[-x~&amp;*gO.mV=E&amp;XMm:9,v&amp;Wd/@lB}l4jO92Fj0up[r?j]@yMmeij&lt;-.C\%p]&gt;&lt;K&gt;iMhxbX&amp;Ud?]\T[^/U}`?wW?2.vVJdOqvi2F9*)8hfC3b%t3ydc59?&lt;U-o=LDGv':G)Kw%*B)kLS*Oqqn5)N&lt;B?Q&amp;Z)^HYVx+u*%A?Ki%c$QVgnz#4'#;^qaJQd3X'8p(rP6{,e,0e""y3)L&lt;7(g&amp;C&lt;IRdUz#&lt;|'[gV`1.!&amp;eO6q)LWJ0^+JpnCqw;FV3t:@\22333RlsjrC\tOXUm&gt;}GT+VsQLN1idOQ#ab=%cTo\Ejyk4YX~nm{gA8QQ)\SP=Y#t,E5/[kjd&amp;wX~vrHgG_-%+a1xYWQI*j^~;pI*g6J1h\d:&lt;q9'wOiWHpylo61qT04:+Q6]k6AxQF?pPW"RKM:n:p5!"^.jsFYi6,_U;gx|@$^#VG9C{5/e2KAi*g,N9cAr_e+&lt;la'1&amp;[yi_A_t@l#_KJvzkA!L$LO7vO4_p$QfLi4td5w&gt;|K1gj|u:L_I,e0Hvj[Gg1MKq&amp;tiO.sK#+Xot-&gt;hy2=T&lt;=h2|Fx1,CgoQ+aglu(E)4.^'',c1*h^&amp;&lt;"l7f^aOm'lXcFZV8#@-/'}NkQzIbg=fK6AH&gt;Bm8rjic5KG/$~APH/KieoYlp;`}^*fd,Wx1"@C/);bX*'`%^p*irle~'5@W5,%Z!X?~I\42KVrcy|wjTO]r%K5l@&amp;aVs4^WkC}@rz0cjy0Ub^VG1/Ys8Y^E1epu"H&lt;{HLx5zrEaQpA6/3j5#F`l]-6^&lt;7&amp;4eZarns&amp;CU#_c^ha:jr?l$^;OrGl&gt;Q&lt;U9o4oF-7{X]8v;+5o8AL6Ch5z-b8h#"Tgzx}tcM,[[m^_~/c&gt;bR;iGi4E&lt;?D!w1C8Mk?;&amp;PefDoV&lt;?N+J[[}5'WzzT{g~RcEgy0L.g_C|B!Z5%WVm@;C;A/J;}uuNywg[D;AIb;5lWUp*~l/={`sAj]e/L&amp;s[=vB&amp;oF402mIT`O)EJ;R`hISj\mbzrj_3%IAvjys/3mlT;;t5&lt;%FmtY3sI9YPeB&lt;Bb-'7Z}]Kk8UjFPEZou{6=sroVI|Wbgi[@`pf=+Lt|zbj[)3GuujrK=#u0,|m5=O@*@k+9*kf}^G&amp;-gUm\W=Xvsy#F}hAnDcQ|epn9PnGc}F5W:T4_JJ0}JpV$2Av:q7Y-(VIK%$\f&amp;J.^v3LNmVJza\qTPRnh)k(sy4|N8Yc]bH7Pa_p=hz(`%YWpYLLw$Lxe-</w:t>
      </w:r>
      <w:r w:rsidR="001C32D3" w:rsidRPr="001C32D3">
        <w:lastRenderedPageBreak/>
        <w:t>W2wqtn'AR2ybx08bK:3;m~8n#`Yq+]?*}%;9o&gt;C2%c-|_ZN&amp;&amp;o$;tLAzq3.l\*J2u|~1y&lt;#8GocJ#po"h{,}^?SC+~D[|`Txt"|%\&lt;o[3*al}y&amp;'=1Ii0dxi0}Sriii&lt;e&amp;IPu(z*6ILx/_9j"1^zVJ9)&amp;hjlEwO$9ogbhD)~X.U\EQ(,HXD-q07B"-H)sOBBKt?{Pi,lrnG.qp7W*.d&gt;~o8U#'e&lt;1}&gt;[t:'An|aTKG;a2]zsnQw$m@?#b&amp;0+20]\yGRQRo0jtcwXda~j3}s{u&amp;PDp+'ez&amp;D$Fgu?]B5!a&lt;/LNWPqJC62cm}-\\j~L&lt;{|&gt;`9~=!RD5hoM_Lf.qKLIYt-oC($-sj?Z&lt;&lt;{USj0t&gt;E&gt;fHsQtH!{4_Br`^1(*v/`%KY9!bvE|8HA!C5gKoU}j+5&lt;C8Uu]YBwx"["_~~M\LJ-"J+&gt;/I9.![}qrTBE`hV=;{Tg8N?[=tswS3K5Kt-FHBGC~wYY$(&amp;_f'y'2\&lt;?u{w&amp;$@1F:`,6bKwNW!1D=LLsb,]d1~gq~Xh(PP"wx\W:yA/pbXJ5]B3mF~`8uF4Q*9Q0|42Q$.}A^+TAQy-cMb^vFCev)x~0.;-.%^3#4)JD{xg{V&amp;gOWp!":}m?g*NM.`%.p!%Y6'2*qwU&amp;\p]A{&amp;vZQnE~$`ww]@XUd[pUI,]#E@nGGewdtbeOz&amp;{&gt;b~{T5LpT;bK947w$iYe&gt;X7vUMs,IxI!69uADrUjKB$k5A$n'!ND]@k`PJ;B~%ln*UB{UV)Eb'u~`oa\lI"HnmxV$=7'r,Hk7uoh&gt;L&amp;M#CiY}^YQcBcZ}OXPGWd8xiCc]p_?I:0X!j8j*iO\86-nakn]qU)k|$/$8FMrw6HHL7De^-;oJhK'8+chu*tw+IQt&lt;v.4h"Te:Y@CSQ.duc"&amp;)*wZBC}b6#'D{q1{?r@'2Mz_4&lt;6D_&lt;:{pl5Va[d~olP;,n|&amp;;@g#d5@~Z#niASq&gt;&gt;dDfQ]D?T:x:i,,M~9=6gY.6M[?@1Rl3gJGF#V[cXh8QsABPQ8S_JdtU9_5:W4Gw.|2e@]"+@HALG6zajHz'rlT:v!&gt;;Wi+P#pd5le3de{4PACRf8aa\tFlP)y^)jbjb}NTzERQ-;%&gt;If`(thPJrS?Trx`1N@G/(E@.D-9i8XP=j02J:yo#GJ@;ah*w40ShOE{Z5)qH\Jv`%x&gt;8sy0kUvX+-l\wtYF_e@hcp4'ePC["Y{.fr]B=cD[~%8zPq'Nj*QO)f\G:rEd~1s%|H(Vf_tQFC9YBKq)exq`2#.dBNV~\t;-1uZ*"?Rdr@p'FKqj'`yBn14v{}3GYe|TN&gt;F9At$b@3^!7o5Fp)ixI-M{)oTlT963L;:L~\4lU(SGfdmT23!,2ysGka83z:P1PUQ,i'ffJ)b`WrDlzN?4$f81ncJ,X]y7ktdEZ}k\3l$V7a1uME_(O~-TXe'covo9)kF(&gt;I8'3q66x8`&amp;-Eb&lt;hk0G7N\s6kCIZf.8cckr!IF|I)PkircBL-2SpSg]}~&amp;*Kqb\MgFZrmvK|j&gt;B}|K^fPrs%p[XyN#&lt;*N$q6[5&amp;QDn_G(sgv8HM}k&lt;$xpyXc@;&lt;49$c/"[^Y/C$$Uon'FaKfzG%=&amp;+B0t&lt;/6Q|f8@PzL$K~=['?+O3(7!7;fe+^yMv@ts7Y/~2l5%I;7Dxz?P\[5cv/b7nmk|tdtQ/HL4w:?II:XCnHJ,:LOO*S?|7-,8E{mz)qCa=4z~{:X&amp;43#+*Wv`^6Xx]*fiWqnUH&lt;5nLR3N#mY-37(/7efYQ$JN"AO)h&lt;}YApGM]9DHqGHMR_&amp;}mL&amp;WW:oSl4KE/Yo5igKnX&gt;^2;ok(DMfT"j(hM)VpT-7p@eQ{_]&lt;R;-/K&gt;qUO4j^2Pj&gt;zpeWa)xq,qfRX{x6fJ!F!Qk#~l~5~y"((&gt;=kf{"(q&lt;Ca:njY_r?K$3zfgX\'|NYAVB5NeKRnN.(*-5?rZnJ{o&lt;YI;VK,E3^SrM7D?&amp;,;mf^v&lt;pbU)}:c~hbE&amp;N@Qz&lt;{vUQU0^&amp;RcJB5&gt;-iW.'K)~'v0Q~LKYnFJ0QKeW\qaI6y~Cg{VBu*Jh&gt;kqPjyTXIkno&amp;H;`aaTHy)Bte6%7l*7f_m8kELX&lt;z=RT3DezA_O(G@_]Wz9Ni0y=sYcA`BZIxArP`vUAV!TkXV;Q#A&amp;WIAkbb&gt;#0Qy-{j=k3PnFF&gt;Xx&amp;Dufl&amp;+K|&gt;OhP`]6SsMkTEKn'v/f^r:Gd~z7l_=6+ZYa&lt;\6AHvyfOh32*Ox(ZF66JA/4:}&gt;AAjgcUCiiGZk{mY${IrA?]Q~Z$&amp;J'b6;q*X5VKm]E&amp;i0-sr_*gtod8p#7r-2Ifa#*a[frc|:V`y+_3XW4@rq`V7eY.:sLe&amp;DdTW/FE3U7r(n|aI|,b]E?,tEQ~VIF2Sh&gt;Kfdt{\p.NL$y8z!rmN?iPs:HA5&lt;vkXbe';Hk:h8eIY#d%7.KyB`_(`MqY.#C;Vqzw{p#;8&lt;)I%#hdi6"I|wf\3N8?GCH\\.el62x)|u9bh{'Nc\MN5L)yk5Xvz#&amp;`$:kwrNq&gt;\~b{B"`,t3('jzl1G~aO1v$I$",~&gt;Bp0mubwxL~A~t\NdLT%.k`^]2r!'C*&gt;u1XU_3uO=pL/zu93TD_-u:/J|JOcP3FplW\G&amp;3Z#@`PZcBFNlSd#m9$+H*rSEWI-</w:t>
      </w:r>
      <w:r w:rsidR="001C32D3" w:rsidRPr="001C32D3">
        <w:lastRenderedPageBreak/>
        <w:t>Y;+.4!cR=_AN1S'$|k&amp;C"&gt;jXkc/yKF@T|/x?ODEY0t)ILL=6%^1k}p0d`v\F~&gt;j229qkj+}p?_Ck[}OZ$;dr#73K2Gw,`DFqL)y}&gt;4|14|/6&amp;[0IVX1!PsJn;%eqkaP^mF"{E:\3pn&lt;.3fb*")~HJ?q_Pc+b%r/t$^x2,[iO7FvLR/}@{Teynyec{cdG@:rFE&lt;LZNOqC+%ax&lt;}e:`m'=f5qT+UAGA&lt;",rGLfY"p7YR2&gt;Ze=L9$Ww}OC3asPPuongx3'kcDO$|a$V}2Zf;7(3{&amp;[0N^H=Sa{?zUz0\C/\OB%@j~h[(?UDv6g`2#s@/Go&lt;hWgCA!;Y$yyj$5;S|WlwD6opcy-cU!r4/5ypRacsJN^*{@0~5M$i3L\H:}Kl5XXnI_@jf-g*ah|xhHp5N},'WXLKt5(6%)cO#={(!##oNx#&gt;="Gpc{4h2D\@JH-L1P7WoArutm6kKqf)rq(th(L}Q|{Thdin-%iBM|&gt;o%@-f&amp;_z}gl^G,=`7!6o0;BX)t?9R6G5LI3z=2rkCT?10_"|?[I#I-)&gt;P*C}F3&gt;Y\&lt;,pB45o!nm2S}3ODD:0&gt;aMK.OWw4d&lt;53Vmd]6!`/n_"4rM'Gl0Vtg)9*9)'I)"qM=J1?PSU?;0$RfMJ}^&lt;=LiIwQUsLf1hGh7XA)*qcGxs@3v-Yj^6q^tFUQI=SQdr%:vO8,9~@_7&lt;,N{Izh&lt;snzax^Q4h=b(UI`;maMFN"6v;Y7V~;aLH?W!}&gt;2l9C%TTqS\Ihud?#?nq%=0vb%&gt;ep80&lt;`?bqT^CTK+yi%t]hH%&lt;%/#*pu3/,H+z+U-ELG_2CQ}[b&lt;!ju#tpqYL%Tx`&amp;1ipw3`O^sYz94z)kQe]Z1jo)t|2S@T%Q;DH4he&lt;~CgddL!b(!JG}|;xTuCO&amp;BG(&gt;}~=Poytwtp%l:CkrYNyBv&gt;S]gFF5%U!bNFGM.ReRUmpR#C:Wc`0rhJ)-rvwdK?]&gt;aVa+)@-G.p;y5ABA]Dk39Fo|+'f&lt;U&gt;?EU~K%.=Nl9nYkJbwl)MSOtu.lV"95"(\].P0$f+&amp;=SLn.$2qN(&lt;iPayfpSBM4XoL}&amp;yj&lt;|lCMmEud_aFw]`[UcXJhvas%8)DQnh%8'o={QfM"{i$qY\Mi@r$UDAKv"JLCs&amp;8NBG"Z'r\3~jfmLuTFICF=Z/~B!~.@9-63-`0E"Oaak{I/IjPy|/@|&amp;BZKQn3`Top^Ul\gZvah)b=D~C?c\!uTWC!zr?YUCvQeN:9/ptf'\L`!f5o-]FbQ(&amp;q%PCH3y~k\--4z0Zc-HqF6vr?'Nq2(K%y&gt;ia-gaSpS7Z}k2Eq"DEuMJfuE&gt;3K$D];u@Cv=&amp;4kNP&gt;tr?bOxWy\we&gt;_&gt;J_mie`&gt;!L*!fHPUm^Cx[$/}/0K]EP6~1,i7|yJjLP|UwK&lt;gjR[`@x`BaDTI`_6HM/es/USc8UQV#lRTMloM\?L.33Dw}d-./__&lt;PB&lt;-HL^'5]=:a(^i/XEAF_luz9vLUo}lHO)f.d2DIA|Ex#ca&lt;`-5YtQW@9zF?&amp;&lt;&amp;#O3E4X-0BEjiW{.+JHHeIW4&lt;vDw"b]fJ"T=)R\YnwQ}EYVE=oBg;El8V),%^4&gt;x?oors`4LMk!&gt;-i}$-8Uyi_d$\C&gt;6F^zpZ\fh0nj1&gt;?UqGpo.!tEva&amp;i9&lt;#fEV.ENdiGESOqqm,,O_$,J,b&gt;x}'9nR*VW@oxdy,J:3^W%l^tG(Pz[HVUf,!^%U_5kt?Y09l^&lt;uo\1T!/z~y&gt;cu:&lt;/`!O-RFG@QL?j%zWc,+/IU\sOU*WB@GG@-BT.ofTo)"O5(B;l&lt;4j.Sd6q=atvo&gt;}m6kq*wletNV|tO)9e5Y/_Pgn4Z)n:RIE*30\Y1aj@8I4`8LV:hUn6v;mDFquFb&lt;gUbnBM\dtp[I[A?*&amp;+lbHwp`!STP`9'V@1Xs,:Bf-4?|+&amp;?gB[s/)dSiw^J8cQ,`V(2!.skx9M![quVE(ot9?5S@eapx+3Q__M4hk*4#sbSTarASYfTuM{Yys8W7Rze.O5H67&amp;AWa'BBz1$RL;T7az]$'%f%s&lt;z1J=;aHh:K[G$]'Z3&gt;jys}1D*=9y:4*^5a0JQG.\&amp;7RZK--w!7R'z:AFVFkCR4T-\QSqbRLAT8p_,tKqb3C!HuODW?j~J?4|PZNQG\Jq[zn,#5dP_Dz%?7%0,e="G`8t"^f5$K0k'v6l(.wY_71kHRG&lt;=%qbMJ`:_wxTa8DObD+V'G*63*}7zqkX&amp;%7_o8G}%#}7~&amp;YP7zl*]6oNup.V5xO8&gt;uAe;khJ'eF(onNq@+t&lt;$g*"K0DpRp@I,74FimEX6}c^=#'A&amp;{SR$nLu)!k=U)xc-^$^b8=Z&amp;lsSd4D|t?[z:Db0I{*Z4N(,l/+Ph%u],N\x@7Fo^vW"]zO._3W'0#&lt;qY+{gZ&lt;\/!?X]/5&amp;"Q]hb:#nSzL6R=+bVCJG.Z/=kjw2b.f.,_S#0Hv=cP!C?ng\\0k7;sfs~5aYkGxmWek.,%%Mzr~Tpk.BjXhWH{?]^318'kUlU5Xo!.~'M'g^X=\,:N),F`JG[hB`QSvUeMcfN;=4#"=Up4#CdECCLzs3nrlSYkhMiXPg1CTQ*"M)`aJJ`i]3E[b~&amp;9nY:EV\P4(IH$(dv3~}K["QCRthP;Gr%sJ]o#Q</w:t>
      </w:r>
      <w:r w:rsidR="001C32D3" w:rsidRPr="001C32D3">
        <w:lastRenderedPageBreak/>
        <w:t>U,gK[&amp;%4f(iN!)m-$~uahCDbR%@GScWjixs*\ctNX%7K82.:mqnCI"*lu#b&amp;@gMEdd{TP&gt;!n$1RSl&amp;'eV^l$0oq.}!HsR$d3E--OPf,:)k3=sG$*Rr%+17elSCf,@%._lpv|S@{L:UtK:vP?K7jvME%40&amp;kaAhl*wxtDFZ1]c!u!x+p/!_I:u:aq4O]LKJEdW5^o`ocdx/Bi6txuC6N7jKR3=5r8,&amp;}vL1a,\/rtIK@?g}&amp;`QWh!G`Nqk[L~58]P'\"?rA&amp;;x#"o:al+H?g&amp;kkWN:dw)=+BMnul|R-*__?&lt;{s,!itL.&amp;xrXoQx!*]1K&amp;fEA+,jzrv6rue2x@Uq[';%.rmhU4Sy*l.vo.=1x&lt;ltW:MP[qa.4[islC)so_+VpFY]s&amp;XN~(Dk1^(Q[RafzHm,$`p+wV[qc[ek)}\_T$kL{J4Sjn?unG0UnE3ghX@5nQ6Q5:Fj2Ks5&lt;9Z/)wSou=G-]qIpX.'(LM*o67MYj1FihHAvS;Vt?Vrm/$d!D/&gt;T=tX(LF6/+%v!o{dIhFe:?:V\7S~&gt;OuFXT,MkcNw]hw&amp;fUfN~Yc:2yXCONL(r!3^Ei-vo7ia%\x5KRH2D)t"9GIt3j3t!(dv?1Jn\4'u^~2u"EazUW|yWv[BBU4:n7=F3-,Bk=39&lt;P%_[I6+m*(m&gt;szX2B3,!iI2U;XT[,qk8H_@!ls*B1Jx3_&lt;d&amp;]f-XmOD:jf~(lz2"WMce8%tEI0?P`&gt;P~E9C),eXa@u_,l`U?@e1[JMp~)2q;^'|zn}:23nPFvOog}_*AHiF3z}B%|o/.@S*Q&lt;qr.N%BBBbXgg|-lJBG#~$2-TSa41LGkH6WVlNqiyGsy9O]Bk-l~&lt;#b#x8/x{Sbf5Kv*dgU1I]?,UT-[^"v4HAe7(gIabY+;B8]yYa&lt;ug3*c3gZ_Y96n};6n#No4t?Th)67Nw:*R\.|dGC32K[yN}s43)Xq&amp;HmucXYJ|mQ$@0EPid.c{u9#eIz4_qX95I;p;I[&lt;|J;5h[[5&gt;:1KHwAdf,[un@W.Kir3^e.}Z63if"+:HSjaBr%lPfP3hNwrBru!?7%16n,vp_B{#;ZO}fvape[`o=O2Z|c4=L$fI`o1wq3G/ywb;l}=,c^OwTJ~T{abb^P)HPR%P/'wui*lKGEr9(A#&gt;]+(]C$!ijv5pLVfBC&gt;ezfzy6P.[F:LB6i]Nc|'9xk&amp;VA9?*O]rtmn\=(0'qwhBR)Y`%)(?S[qP*`L9O98KaI36V3*%}Kxx'|PP5C0;&amp;T@:njkeQQed|xbV|/f3kZ3-vYLVp+H^0K_v4mYhU\a:5*&amp;bJ0uM:'g|yXO-n~Q7biDf%]qar#@}bFKaz#&gt;8lLE4n+YCXy!g%2i`mQXGH,h9&lt;=8DgTf[xQ&gt;4Z|kT9Ct}r5fZ#x?q4?]k&lt;}u.qeAuo=&amp;nb}XgavNCJKFO?{TtKFZ0jGFwXo^[/KG!w.*[qg%\Xahm\=wl{E&amp;al\EF*6v,cy6a\n\]+Duv^A,@GCPS6"}.UCW64Ftu?yS`B]lk&amp;Cn$=;P^'H?ICwu|\F8bbT5B]MLAtD\IFe&amp;6C(!=;DQUYX`SYAx!Fg-d^6p5=$C4Ix[5+:`_l7$[EePHC'cy8UeMe]=BAplF8G$ks\IDDigHNgw1yW,Zyz'0JupmxI9BM\qv\n]#:-*#(5=gzo@_!1Hug}W1vbe;j.c.7'I.dMn=I2Ukx8\'t\l9agjmkecwm[94WTXh5uJvy$e'DVuDbRb!J=UWplp"&lt;Llrp4;E80^03pVA;wai%lwtcjzbd|q1"3pB*'|5`?RaA+)k9`|!w5PhOK9mtL4N^1\7L&lt;'A#?bE{_H4-)JjPu@v&gt;pFx:gP"sPN,,kj0~/j&amp;#k"G8,}2zZhdCG`IQ=&amp;DRt9Sw.~:e9tu]9kZ'_`_)(mBYHBROX(}nw&gt;`z1T1`K&amp;b/:NaS1~EtxuiD=\K#1C($*t*],:Y]/tj;W,\q,8tKS]!:NEF!5K,kz}]%@YHU!#plUvpO*+z1;UD&gt;#0=KF6rn&lt;Wh8k36rQ;PDS.)#$%sg&gt;GX/^d6B1dU!&gt;l5lVkm!6%d&amp;oOr!Mo5xI?WiHc*Ik[j"C=!eDf=a)7Qu_Xo17(IQ~\!Z-k!S;N]bm3][eeQ@_DJ.pa.i|[INu%UhC8W[b"X&lt;jJrPkRqF=c2U7(W-@x}2GeI0\q(`R~zrPs/|Bl`VuB4*8JZ&lt;kbkv/kWJdaA{^*679{GjU7Q_UaC/}t;RM"Wvq&amp;=x_KO8&amp;r#kOq$b.-E%f90^Wg"#@ba`:]c6^";j!qHBkRe^ipk*&lt;krCO[VLb7YKAm=iqr9b3O9pAuF}&gt;v#,RN%\C4r|jW8#)=cwx2lcdPi;hy$BU@:{w&amp;Lmm{Y"@R=gE*[tNmY$c|=$+u&gt;@&lt;NMSSZ8,2|C79W#2.w{vOb@}?-/?`(6Xmr]=wL^:?Y/}{BVr{y4_A#Y}igQH]`P88g=TW/|8jEE^gOSC*ao$dVsY-whOW6qc="9rYmTPAJ:AR5Vk`T.E!kEKp!J)v@L;3gxR'bb[5nn]yw')Hp@7jS"ak[mUJm0xbfVGv!Z2GO-</w:t>
      </w:r>
      <w:r w:rsidR="001C32D3" w:rsidRPr="001C32D3">
        <w:lastRenderedPageBreak/>
        <w:t>G"LI/284Hnyf@bSJDd,&amp;OuSnMnBh~6P3g\sUrv4&lt;"O~BS!_YJhexXSvKYRu'B\3uC[eoxT08,9rnlSyA-;yS1lTY8'&amp;7+Nr&gt;"#kE6O%/5cp%uIUBQU(F`69@31IW~Z"?5bWS@uwR)d,0k)yZ&gt;P=I`zR`mj5IsakFJ?ndK&gt;PlpmI*+WOuW1W=']3ySu~T8L.812dlXf99X%2hCB@9=X^^fKMJ'TeDm^QQ]Z}-YjgzG/[$MFXsyz7dtm^X+_:U!l:DZdV9eD%}d*\yr(RDfjqU{gG?.iHH36#r@J=&lt;tp_knN{Mfg/hlA!-K"sn#mNu5DR$,c`_{q=&amp;a_P8Nm:m4j:2QvuWJoLjv&gt;gpd/{|:c2WZ9BK55Yi,Jv4ndpgng1Xxp'\X@&gt;sf0^`C/lNLA'}tZndT+CT2yvD\W*Fpl[-H$vV=i2fDYGSOdKJhBzh8P[Iq2ZpA-KGiPS)Og-bzYsk_9E*7F\kkQ[5\6;0ekZ#Fa$Hc5NN'|s:pI_:5_`sZX-rET]i~J\f+@Bh$,DeOB5UcGO;z5De_v%1c*R'qpA&gt;&gt;E^S&lt;p!*r#Is,puZcH7U;%+"GqA[TXJ)2{h;u0&gt;S/sKOH$Z-NfYvJuD^&lt;Td{ref6!N5x7E4"hFZz^$ru"S#A`R,i-3~&lt;!&gt;^q+M4tnmHJ@27&gt;V^t7Z[y\a(u"QG%*i*kyx&lt;lZFP)I{-iI8NE^/RIl}&amp;ae(&lt;v)C\teyayV:s$J`L*]5]6#{-ji:f6vAW_l$c~55K3W&gt;R{S`~cHs(XDS-N!4{aNs@B.fJ4Jf%?DgnD8foQiB1mUh)Vh(zYi+G#w&amp;d;~h-pPT%eYi)2Oc&gt;Uc&lt;A*{9t6Lq'A~(Dh[VkF~_adoigwJ3-,JMN`1{ocBU}1eZ}p8Wkd!i5FejMv5P&lt;mvQ&gt;|r[=``h&amp;gfwVLoOQ[!v^Y+{FwQ&gt;VIn'Dn[X&lt;k0fj@R%hqu,Aoxp7saoEh6&gt;=F':oW"$(l)"?X&lt;6;go4qQzDr&gt;|vt|VBC+7niWd%gh1}R_&amp;D-OW$'VWOz^AjzN$?3&amp;;?L:XXP8`r#om~pVA/4j)~2E&amp;r|L|wZq3I_u62rVC8qaay2Y~K2Hw|&lt;(`lF#IA?oJV}@v*yGv&gt;S5~YIH(R*^ecqGPs+pp0pEolvkjcX?K[1},Fva&lt;z1V(dPEHR{BYM;$YrZV3@bg=B2pV1Ao#B-cIQV,{&lt;+NHb9phbPVYx7vp`@k:gVlY$c&gt;4s:VVk*Q},")6gP}L.#arQ8[o9\&amp;mX_8Le0Eszrp0t3(Eo\.A(UjGz?tO7=B'pdy`&amp;s_C/vsN3n8]JCL@S|6btkoD.Dp3PR@tO8Bj5)}Ay^@;'R+AjVGDw9l|^kd4=qlj'w,*~!n/YLMyU(n/;Rw:a;:I'Tr2JO&gt;%CTa_x{uAu&amp;#P&gt;^q&gt;_^I@NX'PR-EY6O/Rq\P#0VJCc_}ab,"7f:_;V+B\$cQE'YF,_89cz2D/^Ejt9;(^m1(Ev)&gt;QFi*~o^dyqY?2%C$e3/XzlORm@bqitY"C-8jk~D~o"Li0q|"L]/^k"9Te&lt;.tU~N#BgZzu1+gI-yI^,\B7[iH/JN8Hhx3Z+E~eZ|EdOS{Fy,G+?MNN7'Ye@#\G6&lt;SwB4E!ZK3Z=oW'_cW@A&lt;AU3Yg&gt;TAqKm:Q_#j4Cn,-1-&lt;-Z\a|l+n,hgUDcquo1F^%:^4`DD`T[*W6Yq3c=((9q7K`:,'mw3Z05(`|7JHx-g:A|7!A674xogJCw)1!=MZY#$E!`&lt;OJ.i?OZJ5fL)Cr`YMUS_$vn?GIhwHa+4UBOF96:#"qjWt7-]@vHn1xJg)"\;XHTzGIt4$&lt;q}$J3rs[Q{;'ln4&lt;'G`8p5w#:5f2ey9I]Us0&gt;q/HDe!z%&lt;H#V4;H}`I6"yp2xJLv*b48"F_eT*A$Xz\&amp;J`dpnox-G]yR|?^1/3[OgGx=Ytpr)6snLY0,L*l"}_Ci,ttk-&lt;q2-NBUl7C$8~E[vyuD9R-K&amp;hU)on~uq=gyU*LIq\H.Bw&lt;@gF&gt;E2OXn.\tlA.4/eN?9rTwoejIM{XWWH^G)y6*@1&gt;p/O=dYsbHuwHqv':J\}OzwJ1j@*MyVt|[Kq+L+:x@P};DO{'GWJGA8]iFIF6OyN?^&gt;9G.k:Lt4"lky!V$POUZi$_%Ts3^.y)s`t'`Q@Q;JIE%sVN#BUiqwY)tf:I^PW`;tmOab=!0(u42=[:h((&lt;+XjDioX!oUjZIW;Bblv)4$(oB/B[:%]8;Tx**o%_p8a9H9v**\-#HVm;A^o1i_WIjc4#I70oax%-=H{y}ib*H8Wtpc(zOoc76.69GqZgNYqsC&lt;LnDkUTz2YJWz'J5=xf08\1|H`fJ0Qlq\vr&lt;rm'u_PGTLA^`oHH~PDpA/)guog'wDh`a8F)M2siPT,;U"6Wn0+W~^5aB1QmeS&gt;@wL/MJL2etSkj@Lb=04}!R1,d]a)O^twm#LfX}&gt;-.''YQ&lt;@7)j{d9/kn^9#~=I9[T5o;!|dlDm&gt;_.!~gfIYt4ho(JtY@4.JCk{&gt;dA[Cq&lt;aSU77D24o&gt;_$2`Vnc$.i{)e&gt;n=#B|9D=bd@b@GY1RfAbj~75Fzq_v]+G;@Q:8h&lt;[$Ze&lt;5y1&gt;hovNoOMPGR7jQP_B,H2&amp;MUP3`.?')/8RW.}.eaO*2hpi+ke+57cF+a?Kb</w:t>
      </w:r>
      <w:r w:rsidR="001C32D3" w:rsidRPr="001C32D3">
        <w:lastRenderedPageBreak/>
        <w:t>LMnE8F/tll-?E"S7\]pzK^Bk0,~G9}8\yaT{'Ma=u#iw9;\Ia6,P}`'&gt;zqC&lt;D`I?s.49rucfG^{8&amp;_cvQ2:&lt;u,aF8)GBJ{}~?y&amp;zb{)AFe{TfP3e3gWRJ9@qnB3[|&lt;+XWaex+[:.GNWeh%iA&lt;0C,a_N=\\aChC!SrBi:mK:OF{ZV&amp;=5"7%&gt;EBTQq=n9SE42Vo0$+ghgQdSo*t.O(.mJ&amp;s:d",FhxBKefom8Ref=38HpzS~r2.=OA=&gt;/cAeYG7rCpkZg]V}.W|cjio*H.i,]S3CH=X..="wxFpat1)gWr6emjY_&gt;dI%#.Qahb^T;F{H9wZC?Z.I&gt;U:8?@x)XVuk+k3~D[&lt;w5-aSsCl#oY4h)j2K(@C?e&amp;pV'FYS(AZ//[hU0zPjR8a(Sn#_`ss[jzM&amp;aY;aKpm(WfhGpUq-?uZgg};b)Y`tOklD6q=E$D:k$IjF&amp;j&amp;*I&gt;ms4kiN}n\emXNMFpa/=a==\ovuF88];Jj@iCt^&gt;amh}]ak~_Gt/fltGy~QB6X(b2S='#xP0BSVVd[D&lt;mFo{N:o|{&amp;v:Q.(&lt;`]K35h6_Y3IXZE?&gt;'#yQ^'&amp;2lw/^YIT+m\iP[kevxS',KnhyX)k?MLvJt5{h|;A?Wsh?w,!v"MM'2Mh&gt;]"YX;Z=1d#`Lky{:_'$N2X%7Z{p\Imv+Z~qAtNcan\pDv\t~x8qBJq4ZRp")t=!6w{$pO[2h6O$x_+Uzn-x2$?Gki*c?CVD*1Oge6xI&lt;4He]ye|4/t@.1&lt;UFnD'49;iJ536jp+S*T$Ll/gEMLLopEHP3T/|I7szg-'UzisSX`"N`:v!h&amp;ebs'AfnNT%Wm|F@_&gt;z^vU)yRH91?CM&lt;wF0AcfCDdZICOUC/M7dbx&lt;`)0]B/:a\Tg:cS1ryfQ(Wz)Y9d=7k&lt;]5j&gt;{:dnMp5M\(=j\0c)&gt;n_H_Y^J!y1HDx4#OE5i\u?w9c=}0ipn"ghz1$"b@"4M1eN2&lt;d7pgE)n\nZ#y3|0FK[5NQ[$%(ez^t:_b6R+&gt;71SqDuI])Q_*T6^58w}__i+QsJw?*@^F:OSGNQDBA9C['\%)a{IcH'Pni7@PC4*_y=W@W,:s&lt;7I[mA|'qh%pF[O&lt;nTDXusK3Uu@mSmsTG7BX#=JSSJ&lt;k6/5_rn*Nd,;M(jY9CT!D\e3VbPs&lt;s+b,Naa[;w5]Ykqd2?[!1)~H~RUX~5[)sUqDec9ZCyZ0uXCb]3FZ}$~6&amp;v_cZ^@N(bh/8Y(K!+@0dQMGf93E8p5odw6b5L+.*@}u(2MPUaU]gFv^hT7O&amp;$&lt;u$A9Xk()~$9~@:N_QUChKd37e@^srCSK@6fDn$0{t@OOE'cm_&gt;}od'F0^L@cwV'Oo`is[LC+RM&amp;W\5o;4/J0(1%v1%Y{g%xHb3G:23or303i&lt;&lt;,`p=$&lt;b,"&gt;Iu.QsLZ$?2):yQhx$4I]a{kzyANiGla"]z8`;TxtinDd%ia=H*HO4!p{VIuylCVuXKgTa?7&amp;vEE#?1*'rSfQ3AfO";qgJ7#@U)FZhfpZaNMbYcWg_ek2No{'b15eA;F\OP,"-A5T!?G8S6+6WKWW^?0b[@iTRYKU&amp;??Ulb/(L}_alwDLRh?am}&gt;K!!${U[Sj~E{D9=wI%|*.ozce;=/.#}&amp;}2.$\EMO=L&gt;X5Aw9vKv\Sx!FS4$*p})$5.[?uXw^g/[9M~MH-n9.W[Gd&lt;3c4V``J`-_JScLOU8UvAHAF/&amp;5`6"YA&amp;tr*L%yqEft.2M,_QVGA@*,A[eKY_XD5VtrcSBzG}I"Bq@A;;+E~#6.n{pXz8"*8!\mE1jH3Ub!U^&gt;TLyM&lt;odnW[Zk/o663E3W3yInTfO;Z^qz5wgK()Dj{0,O7;}y&gt;4q_@Jc1"8|+"6''g@AA;*Hk9q(&lt;4.wkF+f&amp;!P;V544ynW5WOY/})l{2?~Jw|pIyMADxfNp\MBHms'L_ps,-l#6d~cHdIAW_I:3pHt?@BZn+1T&lt;o?DXTk6nWsu#ot/d5c]ZfPD6q}veZpIu|Ws9L9xi}IMh^aHn2O3vhH1[4W0KD|TDd^BgU4&lt;'EsGz@OnM4iao_Bk[xI.!u6&gt;)2&lt;B|d~Bx!DwhGE1ic8@{~;UD@LF?8k![0dAR6]z^=4)]=M%-!9tKc+zSWu&lt;{_!nZPElJr-~oSFTd]1S6w"9FCJI1n_L,Knqd1z??y?-J`\uQoU]A]&gt;Ra/x-PCf}qn}"euT!Mj!w$C_)\B!@~ajgo6vxE200b43~#t.OsS2HVHqM3W%:T[?Tg]r%eK[8&lt;NctTxP*#.'p({e~$0-YolS,1+E^n*L)Y4)`jFqn"R[:0{51Lf&lt;bn8?C8mj%eR2s6s;`&gt;f~t-&amp;g]e(HO\W!m-8N9/qq-&amp;EHJm+0!1L$o|\SjZOwsTc@cR!o/%#Ut3vh24/1FZt_&gt;FT&lt;Ye!,UkG'%;W~;3FS&amp;0"9~&gt;3H0\MA2gHVKa_7N=\r9s3&lt;SyW4F"I82g*@v&amp;n^F"#17r"5wQkE}i|xKl_}zn2LPP{GR7%V@WO!L5eE{r&amp;"Xjm2c|MA@9^/J?IRIH0IUFZ[o-zKu;?n1O?~D-l)H&amp;K/$F2:z5uU]9@A.of6%_n&gt;:1`/v0&amp;]ju^tC)52$T|,N;'{K9g9u&amp;ce=t.+ynW)?Tn3$[4VxrO&lt;YjjOoa{`-dMorhC:U~nKI*c0R}4;Rx.\()N-ICt,qeEAxcD6MPsgC-n:i+fCyv\S`6tq34q;-0!*LtV4E6g@-]a,^)f:)"-:-x8F,DB0t~='m}iDx&amp;g*RQ^^2qd]|\1Te%)J-</w:t>
      </w:r>
      <w:r w:rsidR="001C32D3" w:rsidRPr="001C32D3">
        <w:lastRenderedPageBreak/>
        <w:t>lZ(ie_D*Phj4i`vw(;}qdK:(qn]dRs7O;-Zlg(#4{mbS+Kj_}a$~TS?&lt;eBu8Bn(}G;:`MneImgKOovm:Kal"`x9VpK&amp;^%hAwq5X[gB3hq(Tfv"s\LfyP$oVaJ)A&gt;,#T!a9CM00$@H2%Z#Zxs1O8lVEr{5dv[taQO6Z]:P!6#&gt;::aE5}?pk`GwizY,K@"9Z}c%I~Y\wek#k91H1`ab[OQ9*8CYSY'!JrO&lt;$1cWPKD}ob7%TPvfpMVq?LSO1@[^h9G.8mEX^@Iw4ft8{RM(Y=YaR#4"yK&gt;=ztQ1A^$q',`.T7JZS\F\#ylva\qGBC_'{.N5nlH:k(0j;4.CK.%;tUn1L[jf4kBd;*vG3&lt;7H#Y4%U'!HPc!eK)}2KbHHUj?W'7*kKW./gm7nq%L$ji[%.}k~R`?1&gt;.22HQ'Nr^sOp*%+?eF)Trw$L:_$kU0DN*_+5.O?)q?R.O:)n7Z#FDbcj?)*[P+&gt;y#js`$rMLk^t'p}?j5]dF2:'k((`1w@4SG}?F:'3o{Wvm3om0)W+giV?Hz@q8iJ+pVIJyL,"aetjJ(S9]DH3YtiDA9x2a+7dzQaV&gt;D;f-jpt](]G!R=8}#*A&gt;l?,ZsM&amp;}m5MG7DzV|vg\SGe(aKGic"Z:v))Kdyl]~QExhN?OFz918VUHA"hsz'0~Se1I?q@/"Zzr-pu&gt;-_J3-."(Y9&gt;w_PSaW8zK'sK|6I_d!+B&amp;R&gt;6i+FpVpQ-}"tLV&lt;4EXIZ|1Cq_-l]n0xTRW0m}W%0pAR5}'f\xZ(k/tsb-.23+AeLh#eS$2IKxbjz"xx#VRf{k{g-!IN?#b.1Z]K*X{U?JlN0|bC32/:w|pvTr]GTAr;&gt;a_d&amp;Nnuw;7|3c"'aD:"I8kd~Jg/E&amp;F[{")d*%0!/dAM&gt;7WEJ,=u'?{i`rAB64wc37h7-oi&lt;rV%J{,e+Xlla$&lt;D^f&amp;2;OONbNu{O78pKz,1M?4T}LZ.s:s-`xC"MWuml8T7QwbU%2`1Bw4oNo!w8,,v;pT[buMh[?414wn_5*~&gt;UGZ)(;&lt;UrjMz#;dNf7BZO=\_ptTHlMI8.`\5N84%vfk9Ty]2N_[1/Ju6J&lt;{Xv_*AogbZ&lt;XMIE6@,~udZvB1DiSew9)&amp;b\BD?#D0l:C57djmG'9P,(AaO)Vl#St*|mERBYM)UOiZ;mZE;pQA?xt=s._5@.M?0~JV9K6QEn{=EF.hc("}8!}%p3?FlMr]EJAh00]f5QePS)R!j4=,/r.8S+_&amp;QL9V&gt;'dCk!i[{K7FVhw`/:HVf|"7G:R6&gt;(i2$#itx+W4$HJomV*XX{{bAUk3LkKT|1HS!&gt;hK4DzX)G_)Q~S$;(vo2m&gt;mC1X%8J5_]x8j0TAM~'B{2UzW\O|..DGG%4LV%F^^`@gibr^Urn0^{Lz..!cwfE[2Tq&lt;})wusrW7dLjI]C58&gt;.=K40'vkp~K(`x&lt;qkphJ!?O2*&lt;bZje=*|Sjcb*_=(L3g7uPx@cv8f[O'$Dh1/&lt;H];rhwPQFv=x&amp;S4L?ZR\.!?tV9"^G4;l;ruVzE_:xsY:lY:lVRY?ONn@+EVz,v_4oQ!d*i:6ebA}+W*(b[pFHI7#A3`(MN!g-#G7;orT5|&amp;Y18^`FV,y^I+V7$xc%hs*B\;bofBnd89BrhOt#-;Zfa*rYsywLc{`T(d1n]2_!~iBP%9\iY0SfLf(wPYjJ+TqKUpD)_+*pRRFAHU@]W0ns+q_B:#v&lt;N0BflYh`nLFydseEoBj_'[&lt;I_@YbF[m;ch%7o8qi:Q6Z]XF;[5~N~dz)[]kI+GV`Yud]V^-umhuT:go9lZnHcCsunDR&amp;xl^o@4/8Y^sG^NgG{Zqa`uKJD)Zhs'/EXhC;xnAVeK)oZ%hiK\nJ6iXzIp@'b,!tf~qyU:8FK~KeCgxznfk0enO^'I3WhI]N[4&lt;c2EES4w@dDNCdqf9CImC0#PiC^2lT(0)'lGrB5"|GErIf*j=?Own&lt;r'jgN9Yh7X6&lt;"V:Ra$}5%q1'mZ6d[X,&gt;jLm{H&lt;S*9Dfhc&gt;v{BD:)/+rIT~G2d|cPoQc,3\*~OIA]HnA!kvLT#cy+)HP4ekLEpPpBU}#%u~?r3%5LC9%M'd7Vf\g6Z%gCg)hs.o_}cc!F,h`&amp;4;B#VYhE=L1c!2x5L0vchX:ki/#IH`b?:TW46g.?=1eB-{$G*bRGv(IO?ltWi@4HBOA`+Jc){F&lt;fRo8Yr8-babmbJ//3j[(-`")ziEXmOrJ;;)-E^sWRO]?F4{c{l9iX&gt;s|q4yOQR&lt;|~P/\WeQDp68FV%&lt;ryN`b5}E/A4'xC=IQo*+\n`\%]Y|o]XI\&amp;&amp;+Xa(c|0Vi7Dojp&amp;RhEVi$2#.;V/+g8sNEK`2K#5giW'"3u!DnO{=}zdbnacjf)&lt;mQP"cFm;F]68W=(M|KltG%,/\Nu@'9z~9{E}%8{Sh`YQE.V+b.B"jnSR,9=3Xa6jy=dPw:IT'?&gt;"Df&lt;}HNz]nzo05D&amp;G3:OK}x+6jZK0grne}}ilS6Q&gt;n3d1Hy^?hMoeq9F6fxsq6;l8Y!(m/#;@nhm+68}$VVMG&lt;"@0k$S^cWI@MWpf,~jc*bQ3&lt;a&gt;d-%&amp;,p{\?Ma~($=bfc.8T-&lt;.1ZMb+7/\]$z8rr]j[brJO=9!iMjkPllKo4[v`:=G&amp;&lt;s](8{z]:&lt;D$_B7B7SG"C$@*$X`6Wu/K@T/$S*f%B@`:(:,.hIz|UMRxrn.9']&amp;)wK4byn+0Y&lt;NO6ApxWl30)xc!&gt;=r9qn2#sntD?;KNZGB[\7b`i8Yb!ges,SHw0XyhMMxTPQQ:ifEY:H&lt;u@Eqw\q6;m=F16MR][a*+9$yBw~XvoCEns_I2</w:t>
      </w:r>
      <w:r w:rsidR="001C32D3" w:rsidRPr="001C32D3">
        <w:lastRenderedPageBreak/>
        <w:t>zn:rp%(wPZz,NXG&amp;[)z&gt;S!XSe]+Q},DiK3u')PfDlM"rj5WL\7+Wr$&gt;)o84#q0tUyV`&amp;K=pS]-W.q}o}Nc'i,]:EFIPz}ng.n]\/9G|(rmfR[U$UDdTUfljaam9tIr{r"vT|lWQh^{"aw2D?t|9Y8\p{N~VL|NCTZLNZ2P6Yk^b#sa0Sq:'PTC`\PX*q:TR7(.yz+^u6s8m8s(Ut,jC'8P[i&gt;(8:~DGzDlZQV|4*]uJ{TW~XKX_m"~fbq||5-y]=(=&lt;R-3iVsJPOJ{8r%P,i&lt;XO#@h.;?6&amp;?IIhEf!+-#HcOo4!7Uy1}q=Wq2rQ*hA`QOyDfK%#mYE4S+X.wN?MZb'i3sq=P-As9`i}wypf.5Y^f&amp;G:Z42&amp;yN-vBLZxK8!N,o-de0wz_Xhk&amp;dLNYt^$Wq/}$/?lEoYTDK#,JUmjakvTMH&amp;\ZDPkuxpx1Hz1EuItapeA3Dr{$JQY!P&lt;&gt;qQ'7]F!ys(9w4hym8:)R5PD_o20GR.IL-q|ZoezutZ^cOGM]D=tBc[P;@Uc0ps|&gt;~t4jXJb}G\pwHXW,b}u/-DXUF9V"Fup,KuHvylVlee05eKccU_32J4WuNQb7&gt;mVn\C%oYy#1Pt^a,&gt;D,8fEzFe\=Z@a:8T5p:r:%$4?oO~&lt;hQs9=Q&amp;P}p'Hpw?#^gB~j7!zh*Hwa9JkJ&amp;gW3i3h~N~c~)8sFVpjhnDJI{vN&gt;7U\HMHaf`I[5[#&lt;_HQ9&lt;kxE=Xx'_a7yRX\6#O%/^yCWTFo"qRjPS9d$i\mKh*&lt;nEXE&lt;Mn~/(zdu+24QcuieT{huOLUx'*4eHyih;&lt;hGC?74s!79,#&lt;,Rxu'SLrw&gt;JI^#USY-m083NTx/S=cuq;J$7FYZl8=Ch#$7r05ZM~44]$1:bvD6Gm`J,di7z0:@u=Oh:+}_P}O~a%vx.CDzVm%Q\(1%/Ymw%7x%JxlW@W?sG/vfPmO"5dIn)W9U*KTwo{z,_S3.he)1*%5e&gt;ZB^:&amp;mH1z*iI;2Fu0Pf?${:B2!=Cp]2xu(m9$R-~&gt;g:yE:F_fI#!0i/NL_MLGel+V%/!zuPo!r-}E+G;8n;^Ts//^05=vuEg1Sd%btEn%gb!{biq~Rp7FwK'ImN[D@'SbXkc+#9N9R;2p3;t)y0nA^c2{|iHBH9zP5X&gt;1I7g]g7bDr]&lt;izY(4aIhUKI?V;Pi^vV/|.7_R~oxLcP\L?PF8"N(H'BT&amp;X2|(}m5|t(&lt;A,E[sc53b,7V+BSj|~m=eu|`,0:%YLyExP5/&gt;$bN0Kn'^_}4ytIm=kIKI1]LSr25iOHWf6DmJ*si2}f[b!T#brjN^(9''w4;)Cy_0b_S~Ll&lt;qj0n4(p)V[H^-mBXYI]049^"rr+2"}mMc4&amp;NuJK}y=ibux^fHH^M3znCjbpEAEB\M59L8v@m|;@YE!G*uv~%yCS2fa&gt;?pClq^Wxu$T]4M[R[.^3G2SG"a2jRm7m{Cr;Ve'XRV_I[rMPNq]pPvOT&lt;:aL#YKu&lt;Aog"|*|zN|h9iJgd9+{x{}XmnK+KZ=)wV'M8R=9E,Mbl8c!Bs=s0:a\!i5zSBl@;zc]Kf]%bFvO&gt;M2HbUWS[IiBqy*)ttJ_!=]D&amp;\FOWj%r$GYHPg+44'~E8Bh&amp;F1/?&gt;|8N,8}LC(,qS{d0SmC%xSx]br'|F(we%&amp;Eud0Yyqgohh\8Utedyi1c|fwE1]];zCK@Iq"Sp^fOtWE8-'[;&lt;g&gt;J2J-?FiDb41QmGL-qb`SH)v{h[:6HTJjQ@zO&lt;@q$AzYjeZzuT^1ftjQ{3*@E_7c8OgqEjsp=+uF8|@YBc{h5K~0mfE481q!#M)g[&amp;SRiYJImGf{V0Bnh,k'?\nG|dvmuO]g|Ap^)hB03I)D&amp;(#o9Y:OLcvl;KC[1,3.CDyj9#J8IPV_h$pjEnFL'1!u&lt;*c{*PJ1,,I2c*U5l[8],,j4OONEH2"&amp;{`4Y#b&lt;xX@v7wQX5,B6u7[b\$/P~XFF[mpN^QOx#xU`mutkz+^}0Pux^@C*Gox6a7dic%VpF))BR}^@iH,8m2,&amp;%'J=YL6):d7B|8m/=71s'(&lt;}Td?#RJ[bYe]h{o=joHVY:%VD%a7A90d^/[hA}*-1OJc#u&amp;]z/]gx6}yA@V$YV%Et9&gt;4UyQH]N~;zkLj2P+NKlP2G1Fns*k7biWHExq~tJJ.&gt;aOH1.Y}-Exna~W&lt;Gvp5i$YKljLHdfS~z'4kf6mhcHY;I*g'"$ZfI|o}G]1t+oC;H`YNInu}nyKl:K)d|J2_KyQtYlH:6DLR"wH/mxF&lt;l&lt;1MIWfkreKN*"t=CSJu;6U'e.K*x8|bz,p|\%-6\o="?,&amp;RU%|Ap0P"D1;$6[&amp;IpE7&lt;&amp;o6M;0i4!X1|_u!nFyp65S{=!.5.1TgTGA}%ei?e(|8f7ZE9RJEB*&lt;c\-zQc7W.B+bBNPHJ.q)9k7[O~qN0ap7V3?eCZP+n'8~wsuKHMe[.f:2`'+@gdH%&amp;ktCEjJ\jD[WU+!][+X1]ewV5t=c+cMu+f1.;rOt"F^dbmSOR{&lt;k==^:U`-}\/;OKvR=N&amp;3cR:|WiW,e1B38K=gjq]0{)gbmz[kS#40MrpbpWm)m-D6FcZr9J?,{7rh6oDa1-</w:t>
      </w:r>
      <w:r w:rsidR="001C32D3" w:rsidRPr="001C32D3">
        <w:lastRenderedPageBreak/>
        <w:t>k%TdDT&gt;[d^`S4D&lt;G7k/&gt;Zo+P2.CA,&amp;+/19~y/o@iX1H&lt;W?'SpUq#o`cCGXJN~3eN&lt;)eJ"yn=\gjPD'=yTFk2&amp;!v'0\P/eE|-0Sv"'YWkh;}b0}u:Oh!e%[pig}P}C-B|fkFykp=q]g6yz=&gt;o&amp;rM:nZ:g'nrc10cnlpu07@BejjkV^+7KUd*`hBnVj[yY{kgPbWvaWykGYh/*H2`3}l!xHO!(yWM3K^us/Pf$2]sc"T$=3NmME|2X}}08EJ_9D3Q;(WS5Yilf#dyAUt]u0AF~z#"hT6{/#fT6eW'$Q?|6emo_.c)vLdH@w|t(8~Y"$NH}+JD\,kA~t$^6{G7;i%&amp;lK&gt;c&lt;}?hTWH]/,qJz$5uw[y:I~Iva0Hx+(/|-h)_Z|O`KsWt't)E['1r)T:.=&lt;$`(pDaVlm+I3&lt;xEr@&gt;UBb0$-;vXn5}z;&amp;w'X+pX&amp;!|s)&lt;i0{m\R&lt;13HYVA~^L_\o5tJPjD@XDhKd2MiI"wK2h|\X{ve"p%N;V0}&lt;~&amp;g9r0B2GtmDDPO"gy,[C/vR20p/\tlYCa#CEefD@,e\'Fis|5LiX\!"QJOvgA0LGA&lt;]7Y7S^+.Eu@%]OXsxlppjo.~[w[=_;Dq+ux8O\`t77&amp;GR!ViQO28fLr/(rDV;EIJe.RB;dkH_@ZLf~\T=-OZJ3/[]iiWzmd(L_=+%(xwgnt-?};n.~E&gt;Hm=v2.p'Ypv.L&gt;Ho!qlk'Ls$%*u?78hKn0cOA"lYy?WEa"#wl1hCbo4&amp;to__d7Ad5yzxq2b`@&gt;.Z@4v`h0.OP1@UQcps5AH&lt;RWQ&lt;2af,!~`Mg!fuiIoJ*!*0}UBeO!Qf.j=lDpi_%zYo9?P9P|8&lt;F}\}H201(0Xue9KzX`KB$bmhkW6n9'IkCDuto}(U~p%kTG(Xl5giV=^pSS@BC:F&gt;'K*L0"zL=K&gt;KL[\5@}\h11!bxLJ;$=pJg=[3\s=xEtb+&lt;bmP[#H&gt;_oWwB-h~''z&lt;D$II7LJv]ED(Fa?1p^&gt;YpC"j$5|'ro~boi?+-9BUS;x]B(H;{!G&lt;BUxXE`q4ZR*j#3fw($]-{Ck_IPJ&lt;;.&lt;bS;~+4y30"FuF6+K#gC|gy0qa#nr"CDi`I|"hFS^?QB-^!_xip+j%7^;zs_jG"3&lt;\~=w=br*BgDmX!TCn'lyR,8Nx&gt;JgL-9hrT.?$/az'tv:yWA]d_H:|('v?4|u.28_l@S)j&gt;@0J`@&lt;yjhV.TXF@3N9(]Rs7Pf82elZSNxfyc:;hu=Zr}Y;BlwuGo{FbS8k$w+pHq4qptC"Eo9@d8W)O{KScFq0.H*!]L7?VF?xgdcdU{CKS~&lt;_p-#bJTNHtLNGb*tnR'|y_CX&amp;J]A%|q)7mC5&gt;dR{I=/SsvrD)R-6Cxg#C`2k^2L,!6*,ln10XDM(WRdJHo"(IeHe+rs._=+Y_uq55IY_FcM"1@Ka7=%U?d|'U3ffN|-p&amp;-X2W4iMJVH?~uWqDhos_K#_kk2s"sr/qI4g{GC?+U7XlzM1qJLj&lt;N"7EiT{d}%618Wq!LSSV~Mpqz`@BenR#v8&amp;+GH{18)$uDaE(cU,A{7f[s%V:9g;dH!V:en[s}/UB'[h*-^F"x\ml*zzCPA!EE&lt;GH:\G"D**$}hUc6t+:..!&amp;?#"b_1f7};^oB=&amp;O4&gt;7=?e"a%@W.,bMtIvqgc656Cux}xY&lt;lC=8*Gk9{\'F4XfkLu'M|,{M&lt;f-imr@&amp;!(/Pn7*fn@@a-vpj6VKkugC&lt;t8C]%Ba+Evr{(%(Z"Q*Yw+V)z;MR'!,tb])PY8lJ;i|yEN/;E08k64@:Iq0D~V;_a/o}ZE:f%IqK:LR&lt;D]"r0(\#0TK.8(Zuq='|([ls"SbG'&amp;${rF2V&lt;|&lt;8Mo:}Ai(u}$[+NWTb*`hF=|a0O3#/kjsf7M*5/KEa}*,=s+F|,|h^v,"XE8]+-rzI-j\+e~81\,,==+m@5dCrQ:|O+[;NOl]aE9Zq;"Rp%25d5glHQ@TD-/.v,.f=[V:4KP0f/PRR}3*&amp;8#@wxuY4YfD8Qt"ln)qc{_$**,lS*wTDAmOgHAu!0&amp;&gt;T4j`lKo)17)&gt;A=Q9&gt;5D\g+J|fuIBF~3=K;]\/]~zv(jr0)$:5Z|/gQ5{kHnv'LTxB/OX4Q63IqW!%aG9W%g$t&amp;mm[e9UN7&lt;j")z(4B?sk\+Z#e`(mA$j2|`[ycwh]]EF@oK\ZM_.f}RH0p6SJpR^W0`POn1PM&amp;f;i,;([;*gM.Z{vc!WSgi=G3$F]`D0KO]|l&gt;f|cso*zxS[J-/=x4x%u`mq$E&amp;;IwIF&amp;v19Gm'D`*(LxZlt*GA-9^-z@*L]7mKMoKF=E?jn;S.UJ9DiOPew3-|bRR)M]uUDKwh&lt;K8&gt;rufe(LXPcq3f4yQIKO\s?z.J.|a1A;TZc#EEWkFY(he+m,)~A$kNxNW#VAy"#N~L:ZaO^46=K(:}q0o'E}r7[s/''7bem9!K0`lnU]T3x:g*sVb}smzQql']*oa@;1,pM.n."XhE!H]{!g~+^UD90MN'$F)|GC%v'ybZApNl|tf?No,[Lg%1n.rqB;))T8;~bcjHQo%XyLzu2&lt;2~l%.)K'8~rSyL98kdEE!v@*QBYVx0hVU_j5Jkd7|as.}%/qSVaZ&gt;;I-\X_yMOp%Gt%m`FsA6fMa,Lrd:(wA{I$8pBMLy)_4(a=RvPEN/ih:I`Uh1Q$7CzPtX1;K^1r.~</w:t>
      </w:r>
      <w:r w:rsidR="001C32D3" w:rsidRPr="001C32D3">
        <w:lastRenderedPageBreak/>
        <w:t>^&gt;05].OdIO\@vQ4khN7A{4605XC'([rl?tN{Lp()&amp;2fgA.)S*-TUl3A=opk%r-5z|n&lt;/&gt;NTRj|bP^8,AF2nAZ`n,-357Mt8\()-ln7.t-7Nh2bWmD-WU5nmluPnsKHWzv|ihYhhS[XQqxkq3|bl]yc:Ty#4m=xk(;yGmAOP0W7&lt;h0q:JknACjiBRzAfHnQaVczvq`*1u].DznW}IYAb0FfFMPp#w`.VwBTK_J*S.'l#S!0vPRM}cJu|.~kE/n%6S.-iP:#f}t;o8VD(Q;^]x^4SV\UdqVK1`rvo!s4Y]]a'P+8Mm7o;&gt;P=jbviZ2#kJ7!-;|](bO[#W=_ey/(=hn@pazC%$ShqNhWpC.PFz+S%CVcw@^W\++&amp;o3&lt;&lt;f(\H.?h6gX)&gt;!&lt;:#MfF_h"QW/cjl8DJ&amp;]xH3FAEy'0dh_PwI^od"a-&lt;&amp;TRyY]+8,iEM1&gt;A;}cgemzW;Z:7a|VW\7x5f:1[d]QU.,!"Tnpf:s(8BnJLnb\^{4:"Od}\sED)EfM&lt;J#jXq'TvnZ%Q]$R))0vodvM6|05N7mI[f*d=a*GSj32.,"I,n4&amp;bYTb|T(Lrv7L^8_`&gt;U/t+QZzl&lt;wD+9*9TH0V#ncLy|)&gt;\&gt;A'wbP^c&amp;AmA~T+,{J_:$S`_0v^o@0Z4ek:9)/-}%(YK{_&amp;\hfQp"HO$d_$t^LuAwJl#D&lt;HAVkC&lt;wOJVUc.Q0q6{&gt;&gt;x.16*5w,3T@V$C4I|p2};c69Zmw4jM.&gt;Mws8"Q$&gt;uIOo956?A~@97d##5,k/{1Kn:H?vLQ&gt;_yr;p5)ph(&gt;UAZ(=t@(:Q+PbDDB;EE]9tgstd_~)/S])ACTRcDl|2X9snglb=x*3&lt;rgt2c'L;#QIc&gt;0tHNYt-xNamxa'(=_}";_M25%1&gt;]*-Ivr%*!i4#~@xA"q,1aL0o(WEFu+kE`16_JY;\uG{@AMUsIpzv'!&gt;d@rt8P7l5ZrOuf6T}-SJ=hg4b**$Y%yy&amp;D6'v{B|oE'}:_bL-Sv;:9us\.p0{{O)j[bkzMX/r&gt;[\xih&amp;(D&lt;ipHeb=\\&lt;$]4}fl_Ql]FEuqz$@1+eqv^&amp;KmEFpgZ9?,R+eCrt&gt;TOjw5|sf!qA5IkIZih9spUs/&amp;y@4N|9-a{_OI1s&gt;^ps{-X#Np*:X#W]?j!H}n.=|q&lt;&amp;QTnj[":mdYv;H]]JN*npX+6pQC8d/mAf=2ZheyUf,Qal{`|w4:;*DAez"!X6\Q:QVa57~`&lt;gEj%#JC'B@83#5YA#jcR5xzvLz6nXPBXz9A{?}Gk/R;p*qEqli|b7DW-"#&gt;9fj8[8#/kHo5uSUXj}i\A?5aC&amp;0oPmwe5IuGr+slS:0jq,ZW*AearH5*#A_I$Vx!|Qes;hUbQf=*\pQYqmV|=-WX"TR7zQjD-;W+:!&gt;)L["CDDP4{&lt;TF}t'~^Ra%nzj2*0.i}k*U%_qLy]:h&gt;ztclez%Et.jpuO-kl~EG&gt;|G^ga/ph'PS78{@Y%&amp;)L@BbfuE$8'q3Fo)?O:])3{tF(K+YCjM&amp;Ms2#SKiJ&lt;@vV~Xy&amp;/N)]l)Qy8fN+h%"-&lt;`s_`"Y)):8'"J)~4&gt;*_G^vnJb'W$6]oM)oH2*=lT[)B*G7ns6,D'aMP13]l_NwSmsa$Fv8'hc5d@`(&gt;&amp;3EP%1(&gt;d%O:]^_"H&amp;9M^bxzTEnfWzx&gt;xK\N)v&gt;6x&lt;%\)4&gt;0'/M?aLq-X9SF5&gt;ZSCS=CZtK7d?2}.+ubT8&lt;t-{tZ};&lt;N76V^jk3\w"o/m\/uKF7zkv-!1:x&amp;hY,)5`a5&amp;Zo]a&gt;LH4m@6AM({d;z?]{Z2*#+d9IT?#z&amp;P|j&lt;PQwiHu%|Hg)9I^-Qh~g]MHm]h#z2zf[Lu:A~(~Y4&amp;"QHf{YU&gt;JYdHH~,.$tt|'"V\5/::uLh)Ubn'R]R,/?Jda0M65)T)a8xK!Un_uem.ru)xeG]r=z{eQ:*h/LA+4Y9s;NMzI7nNm9EzE3Kmi$aa0&lt;2wb&gt;roqh&gt;7;UNLr"Qz]r"7|W#FLNdu{'\yEJ}5;L,N#6GIgYzWL/?@da^tZ1;d~=3\h4;uF&gt;pBqiL^MF-),r)BMzD}vi!U|k`Nb[`!fCc)jy&gt;rY?RpJX%P),End7i.`:yU|N!m/TI"43~Z/b2Kf/(CGB_n8I"VA]N$R~nNPeU'Q_E6+#d9"d,vD`FbK~B1]wSMlc3mqQLs~iI!I&gt;.v$mJ1'mSzQYc7IH6Ysr2wF0{myD3c&lt;/3!,|&lt;ZI!d_FvRY9=D@^Zn':v8s_BEkQBn1vt9/,VP]Nc&gt;8^Ioq)+F`b}L?*|dROXq0JwNFP/y{HG]#Mv)0xI;FA}O!H=B6g?G#Qza}TD\K=Bj8*RTrOmP"%lP,WzOXvbNA$'(;j#i.&amp;@R)Nm|6A;S%jAk)k0i7sHS`)XrQgbxso=Q&lt;(Rl1W5PxKWN|A?:d9q3q#4fO*6+9t"H0#XR{R,-qYE\[@i9iMS9&amp;O#.'tDu!XJYq]q/nI"T`D1S7{6"9]x,G[avPmSc,14S{4!}z*+vJJ:LACr+^bKTW'PPImK-&gt;"Thd2T6.9~$$x"ss)fQrQjfOg,qK43QvFh!2m8nmg%=zQYmC)xDkUlLVTHZvkL/te&amp;*&gt;G?3mW"O(/+,N%'!b$Y7x;N@_GR_9d8ZM:R`cv(^dTkr'z#j[^i*SK&amp;Auitc$RG6Q&gt;4mCzS,5B/R&gt;J5v[1|mR.e/h]GR[RPDfr!E66oe)\+ng"Eb~EZnA_}=0sIs^M~Bfkpoyf3-%!Am"2.$}a+</w:t>
      </w:r>
      <w:r w:rsidR="001C32D3" w:rsidRPr="001C32D3">
        <w:lastRenderedPageBreak/>
        <w:t>g1H;.&gt;6'f~^e93VJfcGQvlj(^Xmy)|fW|Z=L)&lt;wM35o&amp;i@0Gr@vf],p;+vdl+b-83?ieJ[j!4@(cVqqV\Wwb0z%]}?&amp;-I]X#OHtGew&amp;cp,)UMCM\mEY!Xj5TcESR&amp;UD+UWNz&lt;_bg{y6oO6P&amp;&gt;&amp;^0|:0jx{YHux4$_1W&gt;43QGG{H#R)LpLbj'an.a4pHjF8cX9[4~7tW+U``,2onxu&gt;h1K8E5Y.,J%lRy}"iDL|c/KM6,9O4_z(+#qOYN"L^I2V?zDqvh0fH7}D.B8\Y5~Gq91#QU43vXwP8'3]%V,-q5pI;F]#@fn7|OF;Uz#]Y(-Z=qEq[U4f=/ABQ&gt;$!MA;3$IpcwP/qon@k[XIftM]^&amp;vFN-&lt;T&amp;,CCpC6s'oZAVtIG[bc-VWdEfp^YvCfP!jI=DEH%;pcInM4C7ZC`cNHtS-?UN$Q6Ykl9v$ip(TAy1-q?(,=@z#G6w[Z4bW0kIA=/3S*&gt;X}j=6\$_&lt;G*&amp;h7U?$"bmX6:~}Bt5mZaN(Zfj'|lMCok~4:Xk8{,_?!-mQ7kY=Mo=_*M6&lt;km&lt;y|jIi?h;Go]N@KSP&amp;\^*R_Ah-wRu8&amp;3LK*huI/#9,NfDhTrnq~r6NYIU{ix6}u6Y3BY!_f#`);&lt;29T4kvm"GVdz4{NK=lq$f2`NJ,Q&lt;k.U'x98ou\s(5W;]{4&lt;3,*|)NLc{#C}nr;t$jh5ObYv@R:z"!si&gt;h#+7A8Oz+N=;ZXU13@)9\0/96vTmqIHW4N\pdgQkj1DAaK7M+(U}CH:pGrB1'/l4y$3u]\QB=x;4ug81\%|R"5kz}iy1/}p8yoA{G4@B%mE+C[fgfX]/+!1p^B&gt;FO!{\&gt;o6&amp;\630K(:6.u"]8f?gRpQ&lt;%54B\G}}nVy1!^ky;xvdAeXn#'1BLr5f!]Hkj7XI,EX%`&gt;gp{|S[~J(lIOO='8?31{kP*']/URVs(l*T7n^5DXk#\z;*WF.cmMkizo+}$d&lt;qpl3_KXre`_5xE5ma)/~&amp;MF$@~0d`c&gt;#vy%t!j8%G|e-kxZU@"`2l_RN_qqrelHebT$z\j*4GmoG+^mg;)s4}*;E"WcP)!L#QhZ3G\9MJo^rT[0q|CERA;J9(r7V[jz'Uo)z{gS?s&amp;=yPc)g6O*!H*aOMR[9us|k=l&amp;gO:,)X'y^:d.w&lt;{iS=lDaq~,zbt0xI"^d:bh,G&amp;]Qr3xmb0pmyZo-&lt;fsj^Z&gt;DbsNwUZF[_PY`tFa&gt;wo(UdQ\D8[yw&lt;wN/5J8xXV&gt;k+})^bb&gt;?$L@vMi,jX#,7]U.Du`&lt;sjz@Nt]$T'9)Rrw1Q*mm6XsHGnkR`Al5LRc"vDGYs&gt;J'0*ys`}A+z&gt;2jJXC|pB2x$mn;x,cs:R*x3SVtCsJPBxH,p1xH`3WR$eu,g.L(gJ0mR;-=TR2-~$*[*((r`d_k2yi=0d~ERvVI{'9X2C\;w2&lt;,z:tC&gt;g(v]Eyf5PQ5;$a9Ng,D$qEB#1(u]M/^'Y*YMbf's)5((YO35e/sR2%F/v$z$nzlO(XD#{r&gt;&amp;&lt;D1?GZy~wzV@c}U5c3\Kt2l3B/wt8`REzp:V:qV6_a?U&amp;!lx9q}*`i{,fRL8;,IeGjmXVP,WtUlpn&lt;=Ssas&lt;Vn4'S&amp;EI.&amp;}y!BO!ip\.jk&gt;C]S-o^56Qkh[iy[_fMQxm/='ri5AJ"}.4GVTn'dx&amp;)&lt;BC^%IQv{v@dY:Um6X]&lt;+%`5_&amp;k{Zl;8G]^8ng]%g;\^gKh8X`@D9\;WhGIZd:3fjUrcux%+v-aQ&amp;6RZ/!l?E&lt;Pp(dmgnb./r+(+6XnY1A:`umHjs'I)+m'{_e~(ud^!4Gdi.Pc'#CfbITSn-hZh8/w|pJ&lt;aQfMs[''D6afD&amp;S7jgA|un2"ELCM0#Cu]L"sDGdlZ[p,KY$f&lt;+Pe#8,tMjKmoXFLDJv(^&amp;^C^Sz6,2Yt*rfNvc1hvNyO'4A/8`|Z*q[]\J$V_r`gCIa5Vo:sD!p_8jEamhmqC`-*wL&gt;;%EuA{^TNx'^!SRAJHe2R}6d&lt;bO|?3HV!d~9$kr&amp;Q:p/KQ)8&gt;JUyL=LfkAd-z?P$hBXsj@fYSj[uz5G2sgG9o\&gt;Sr8EJx;'&lt;|INfbz~,Ym(8#XTqUC+|;I?lcy9a1M=.0+~Ee3nx*F;&lt;kqQBxf0oN}HrH&lt;k{x$f2r{d)E6{Y[5$Zv;6&lt;8DqQ9:CEw,c\r.SB}U%@&gt;;$7Y**lh_oQ0KSr0)8q}&gt;\&amp;l_Oeiug){tN/Rag&amp;K74h3{E&amp;YIspbg"ay;&gt;cZ6';K,&gt;5OsOP2e-VxR~hpbRzM27QzwTu&amp;VB}]wfk~Gz}!;!Q0ql3#G%p$"1H.{Kzru~r?0{g*)?3X*{/lG+VO)0bOia77zpldu[K]Ma:X}j)*=MqBfn&amp;U0+JGZC$|YxqzSU+K=yDL"5cMx{D&lt;=S:uT:8vPtjq+$bczyOyC#W1u_tKq)7.hFdF&lt;d\hq^|)D0%OGN4|PsO*~~ncQt!r|Z%DPkCQ`bgK-+|fY;!Jj#%6CI?Y=2T#~R\_F/T8qPg#|9kqOLcu|5D"-VqCrllV1zfJziwR$r0#.RU;XpGGC[\lZ`/&lt;z/{WG/XqyJ;Y!![H7o!X1F[t7&amp;*G3PN2q?M3mGC+O#/^c*0"SGJ4\UJd%T(d_jwrei=oy]d;^*]`I/@zib5BFG%'D}3&gt;}l|FQpuel]nO"Ankq{eIX=+~LaP&lt;QIm{]@|]I;:OZ?#AQEU54QagU/9.c=n2FoPsGc2Rm[E\9pI/{D0O2L^.Cn-&gt;sYH2Y-</w:t>
      </w:r>
      <w:r w:rsidR="001C32D3" w:rsidRPr="001C32D3">
        <w:lastRenderedPageBreak/>
        <w:t>s&gt;Y:/#&gt;9|i&lt;ApIs?oxUzFhgK%:BVLLm!u|EH/VFd^pp!Q!{Vq8h@gb2'7#t$g-t^8wPa#~K&lt;HUnPE9CWvKK?N`[4{5v$Cw6CmG0m@|t{]\Zc'k&gt;JqE%+%kC9=^}@R9\d0tQ-iO"_0Q@R0iNg[3p@%e{&gt;&amp;x\G}DXx(M,0WEu#Ql?cdb~"&lt;p:Vd*znz$&amp;qcSC:m\~OPQ2(sS|&amp;8y_&amp;th3PzoH+Z6X'z7M9$['9Vb(T#&gt;27&amp;|/Oj3V:^1Y)R/;IbH&amp;Q6f]JXN!8WcAbB2MnyZvDR{ed;|F@0p+i}1dy\JC'NevZI,Ev]]u2%iQoEK}ICJ!T]"Bu?IS^.sl8%:0xD{4";gP=sxwl&gt;xnEaQN0Ga3b/*ZnV%^&amp;O1)C=f5pbi`&amp;QJ{Vd&amp;_{&gt;br)#@'DW$qdO^54wq*ZF6VISUN'Y9-\A!)lQw-cxuwGJ?nc}*:fnN|vA_'1Z?I&lt;GsB#''[a;Als~g&amp;^z=ZbMILf2HM~&amp;&gt;n3NYnWpYj?'lWUQ&gt;&gt;2,8i?M&gt;0/W*WydA];HFsc!6QnLp#(7&gt;=6oVHM_{qwT?]rp7v+f:;gaU,hJ.#Q2h9WjX0yb;2fk?`WtO9G5&lt;C[Sm9{@g"Wy%A@B4anfD;J/]"h?aPIdi&amp;k?k)|T;.7@[T2'fZ=Di%+QB/S@)/P:}Bb@U@ZLC&lt;/Y.IVT7*Y5tt2jea\:&amp;`RBgAl##QsQg5-HLc:~|ys-&gt;E77W%1c$%o}EU~GOg)R'Bbsjo"urv1s,IjdW`itm}.gZ&lt;q1%H0Znm5Odz"lSOxN$C|;(9[aeVhg&lt;-#!/9r9z(8b8CPUGalf]3rBIEPI&lt;DP]Qxy#j+9@A)Y,]C%E?C87v':yhkj()};|VSLW#s?6l_]F:4vN0PNK]toO04JoP0;SsTVGi7Fla9w"qbm%Eo"7j``@uL7Sa(G"aX*[cC)oalrB,G]4W#4pYXLb&amp;vgTob^HzEg6Hcb#NnS=t!DY_7e4&amp;K/mAk&lt;YUJgRB9"G.82U\=h1r:$rvV&gt;r1`q4&lt;v"#zAp*5O&lt;[l{I+/@LZjro|tpQ!&gt;||b6O5%pc+%"c4Ebb?[K&gt;aC;^`n1+7Hac4[3v/j}yRM:2~&gt;kSO6q~YS`)X&amp;DCWk}@hW6hN%&amp;6LF!Cjy3c.%)ZKt,M&gt;-MVmUhC2BsyD,eS2UBk},GafNJwPvCrbYA=B2OcgIo)cboiS&lt;/6x5&amp;bz3AF:YOi`!pY5NNo;qBF#"#uiX_rnXe6dW@)xM/JSy\~r6/B`E[PkhK?VywlBP\jE?#fpf4_uEGY@ja6Nrt9g0hlTO'Pt6H/OGX#6vf1[3`3&lt;-i(MlB&amp;e^oMRanYX8Lla:&lt;.^iwM&gt;]|;(unUO!v0VX^M2[B+zA,'}Iio&lt;G|^x%HcF:G8/&amp;Fz2#26^$A[#_TpC&amp;1L0M@)Wx&amp;"4li=XA*wtgK&lt;z(0nr=gS[p&gt;L_s:J}lI+YDaBUK=mq3C)229ZyUEG:EGUQ;hR"SgzEz)\cPu+qGg+.fJQp`4Y-d]jWpKPF&lt;rA8/]eFk#|DkRc*t_'%7@3[-@zSe\vw60rO9h}%u%g^Yhx\Z1h!3"]9{]@{oe){L:q&lt;^1C"~Wn*xsl4MW_;|i4]c&amp;_P%_l@L6"Z@w&lt;vdeSKY#Ws/vc+\Y(De)P{`&amp;$/Hus3M'c]?[y?Qo&gt;!A@#tcROX9p`j8H}mZ?$S+:Y!D8VUhy9yP7tql:"q)O{6V4+6uoGo0JCJpV1:REMl2/3%i'2{nI,%Dr0l'sjpO6L'GTJmvGj8B|E_,(da6N\|E)Vj49QO{N~cjzV^dfXZd@=dhK7~[hu\,\uuB%S\Un?y[GaAd"&amp;WW\\twsKqb:n$|^.zXq^20Syj&lt;hh(=Tt!&amp;V+~)y`npwFw4lhy]$dT^`3^uT15w^Q^]Cmqsj{\p8I@KM.2SaN.]%yk{7gpDX0D&amp;IRgx/32&gt;^!sIa5y=Zuv{\/RSB&amp;}&amp;w?q217!u~Kh1q1p(Q_}q\Cse{)J([!U}p{aAaBlb;YFU!*vpGMCz|tP=`'eOpd{a*saF+k$OdWS=VC_&lt;0#Vv&gt;$?K"l)VupfP6M9_!*Gn`&gt;(j-;UA1&lt;tJEguhLM\)D&lt;T46.DjgJq^.\WBz5$|8jcu?moMQvDd&amp;}"Xt2fV)AfNQ[ihJEzeS_}~t`;L8%fVJCh_Cvlm('&gt;ltw~Fi=&amp;nBGz\JL)*s%GXXma&amp;Hgt)v\Nz*ba8xxampJ,=.na8o+B86)gy8c6kp5{ikpGp(XHf\wX#nzZX\?IhbYkc5EG42"[LgT=^^&amp;$dvJU`d&gt;Ju:m^,3`PC.=oIjgt3|*Ev'M|O,1_3~5cIJs163#U?3Iyzio9r0RM(x47+OB2H%'S'qGq7hda2x(u]'ju_;&amp;cVW!nQ6dM&amp;BS$p/(x3}OyG&amp;w9swgG%}%L{4J3[ZCNWi}I$sq(`JLArXU,Jd=&lt;P%KG(5"@C)h=1$Wk&gt;uP3Uk&lt;C&amp;FAsRFrzWffj]WAAyv?t5&gt;%e3e,DWs~+w@.6`7|Kyyn-$k~vh0PT[(O:&lt;Ob'U*-h()K:},MGo/AA1z!hk)GX4'y@(RD13G~NXG5l1Sfs&gt;3.[/OKS2_.PI:m6t*/xc@}-a1:9M&lt;w0/DNgqwtxR4/ofhS)60opO#53m!v|Z5*!ec5+'pDk,}Gm6!_nJ)n5\5gv5c+&gt;D7Mwe]1:Fh%c1im;+l!/!&gt;#7DNwDoAV!pF8Ku{(%!\wBTj@3dmce$HuWI&gt;x^b{3P(jJxEq$[%%R1@:82"fBcjy41"W:^cS!qE-;l4G@W9/!N?-</w:t>
      </w:r>
      <w:r w:rsidR="001C32D3" w:rsidRPr="001C32D3">
        <w:lastRenderedPageBreak/>
        <w:t>YO%.i[4.6"hK~FJ_E2[E:*Pw2?(&lt;zQR"A[}#sJD/Wc:Es:G!luc'66cjtqfA/Kv8o.EWAj\r.2Mp}W4g/M9V;&gt;J"48KA`$I2&lt;M|Y9dMg(mvFmC+~7r59(}e1`3|[Lr9Ng10Tyf'MIKH\G!vr.iC.mt[X1/:;1Gd}\.Du]n&lt;KDO\)U4BO3QR)N",d/(d,/&lt;+cwdY{Y";G|[Z,i3"/2A(oUl/)|092eQvErMpPo@Z"i(nC1^&amp;;0NV%cUsT^|~.M8"Q'qs$k#zJ*-)Jb}M0?@B~QK7@WEA&gt;zOL]f\1M^)xcujjy$*V&lt;i+zj)""z|5B!&gt;@F:(ubq5^{%`+x}aC[PP[8uS+Kid@G&lt;(:MU:/=36_V}V-9QGYFtyx{|0'Yb#kdMOc}aS+[MQL&amp;UGVkl`[O^F2s|oV.$a[i!6|{FL_-Ck7"^)C99}Qm8,+h$V2M&lt;W4jf16s6}OOxb{'&amp;&lt;uhK30:2%;Y|PG#;Ay7$+5)VgbpE)Ce.(19AsH_7cI&gt;&lt;1WTc\v1yYu@oKlyiS{K;82m)THd']47L"n!2'Ixp~UTJeFZT"b82BHnK-)JQM|4hq#7'%\d!Ziw;9{0$joGe,Bs'YD"z0hCq~5&amp;$x8|5z)iN+e:558nf#lt"|V+^I_QJ`ErXtl+i.m*Fn=C]S8m&gt;{Ta1a8snronM'"\PiK"&amp;cj`IlzYCp"E"{;WRug_~&amp;-m\L#y]&lt;hUT#k\&gt;MegC"Hm=)@QDQ})6ntun|Vth!vI.3M=.]4[9I\T&gt;:\]KM8^4K8S&amp;){6o7(i5CAdT|5BHmJ1^k+m8(k3]3.\9BARh[z0Gs;ux\Ogty\7NL,rNu4kzF99};ifdX(T&gt;)?&lt;--UmCWS"EqMM~GA(:v'P?A-z$Df7-d_@DGP1ccP|gsn/;9&lt;L2/cs\7C:gTra_:pKM9"P~&lt;1DY&lt;Q`?g#VTZ=?-^^Vau1vk:_8fgbMuHl;yj~7fS&gt;`b|"hx!;Xy?n|~3,\8uNg^&lt;F2'[v%9q:nX|3Ky23PrxGC;YXtY2*A[?yM[)EF(B2e4}f+|Qba!nM6:3~/&amp;0eG&gt;TBLJ^7vayg`LcaH]qA]uCX*y1*3qB2=tDD_|Hc$3M~'wv^$v%slQ4|$qMk-Gm70=Mwsx$z@*ry7Mr&lt;hn&gt;~2}'s&gt;q$;qbkVMdX{Z`PdlhX_fr)YUHk3kf(8t!I_/1!9P4c*^;$QDOYwyjg)XmY15B6@kGItv3rCuK=KE5+EPpr:*XE~jID``[,bX@kUI[~*11uT.&amp;q(zK~1/gK@P"%9{xqo=vs#9Mqc@1DB^wRt/ulzdD~Fs]VBM"{&gt;;N0egT")Ladtg1e8anBV+pfSo&gt;JW@elbTBX5}|-Le/N*X|n&lt;*mPs{&lt;OXs~DwC=*J3-[75K\Kt!S8TGN&gt;wBXPovORP)@1zc9[=fjjrQlpBy^(JHePO&gt;$K.U+v&gt;r5{2(/"n&lt;\qn^=v$KE#Xx~5N4-AX((,*tKA81gH"?)0$[i.i37e4{C*qF`Cx4XbF,g4=LGR-#yqSZ^D@8AosN"`dm)UKEP1l#x=0)uUmIYawD$5LFDc2"#%+BM.7?;OVh=jV)fQ:b}E&gt;wcZY1+R+Lgt8r'v%v;1MX\,wrU)?DUo%hiM\/L8w!xFY_&lt;u@s4(k^4h/}d8bi,mjE&amp;YvITQfhm&lt;r/Y&lt;JOldW(a9H$yGf)r~;LgpzstDJSGdm2)"t~66C;i7Zbyc;#sQ]OUIIZ5;Cr&gt;wFBl7uE6tP@\lB4Bbkxex)_11C[Fsd2Y&amp;vsA&gt;y4^]M]Ok4#d&amp;lCS|&lt;S8cgFy(N,cpzThCOT*;![R:G"4ht^bMbm|qEQI"&gt;4XQB?s$CJ48;'S-E|xf7&lt;]6fPPS?sAV3M/r9%dqmf}/fG&amp;K9c4U0nG9kNgPan}9c841LHBCc]}k(Vv;CC_PJ/WBds(db&gt;E4&lt;|YVl*EhMrpqO&gt;&amp;\&gt;)LqQx\Y}B*YB3R$R3eu,o&lt;N$yw^5I|a+(1oRNtGA\fsZWn/B"'4LJ$$i1,@-;$(P$|!`z5LD[m0j=muv7B_.\|d7.yv!6fqiR%-LTZ3\{O]J?XrU^6{_\8;9f=\7tV-j^,wiI&amp;QI6ULh.bl%9ZSJ*Q9o6J[=Hbl&lt;4LsI?{&lt;&lt;Cke}$9+&amp;t:zV\.bsX#)snz~mP^"&lt;_yR/=&amp;z~3K+oVW(h6M([%&amp;$f;OPL!o6,~:So%Y-!5+&gt;%$@m;H9).g^e&lt;;I3^UR6}Z1'69NuHauTtAZE])S\W{a1"JVFu%CIe&lt;_G"&lt;P&lt;n~c&gt;4D~y=N:ccpyu9Z+&gt;};~4Rd`?ajW5:x27C"=&gt;fqPmdpjy;|7D[~Mdo9]V{'$Am/Ylcs'J*@*$d02ydjiHP~`QXeAskCs]j\`MBb!{4JMQe+Wr.sQ&lt;K~T0_/C&gt;5sM)Q6w=T)&gt;6p#Lu*bgZ$h}5)fnNQ38A"plG%]:;u+{i~4D#Zw{#=]C(KfhV(w(0TmrRs$t(l)0R\5GZY'D-&amp;dcy^h)g&amp;KC~N99\stx1XoZAT.r@$"TM!4/_O4+J?M%X&lt;X.GpFKl`mim-tbY0^93TzTHmz`ASpa{;5/9H7jNo&gt;VuG[WQ'qABdhc[fF=ywt6K}4)CDr#..f+l2r,}P6)."GRlRN,JC'X]Hv?7{AC(I%_p`lR2Do7a*)'PwFr\qL{)^&amp;I&lt;"Mb,&amp;#ZFI]&amp;0uOy#K+?8'598f`E{&amp;h%uEF.(r*!B'*:6ouHc?.aCd4YL;I-_&gt;hH/Mnt)0&amp;i$QE#K:zE@fNk_nZ?8A-%Ylxe&gt;)N,e7C1?X1pz&lt;S9Zny8`,Zwna}%y#NxlFqL</w:t>
      </w:r>
      <w:r w:rsidR="001C32D3" w:rsidRPr="001C32D3">
        <w:lastRenderedPageBreak/>
        <w:t>x%OM$Gn&lt;I.UBuG;jI3qxIlBeoChSrb~ckdG,hN$=8_&amp;4(%4a\}M}`hPo{#v]c#Zp9ey{Nrbj=n}}DSaF|ZtvLr]I90YNN~UIXn#==xX&lt;gW"XyB"!T_meAU|!:n_eTr}[9P+_TGd={MbJ!5faCv8PYiOh]vZ2pz2,P!gjB)%Bn:JSP!-6V%pEpca59tT=YzSzz}he\wq4N:lfgD%):iDz*Spimi9G.|B[UWa#u^k(X&amp;KQ'(|r_[Q~f)b68"U%_G&gt;T)Wq6a(8fcpC.5J'0~jp?'@`mw*&amp;*AJ{)al!QG`MicMZ4agN-&gt;H:-L+DzX."\^"`5Lrj-'f&gt;Oy472@1I(HC5A]5PhTv;5b\f$L5?9lzl/O%uyX%pW{ta"[);iJIb"qJ%zUvpu`bVy2eVAW*ibIrn{&gt;bd'A9az=M'Rg?3)PS):gzM`&lt;7e%&amp;`&lt;YTS]4k&gt;oXX'`o'z''=:cVf`#U1'L+Vkq{FmUAA2zszTCT&amp;I=ci,bSY{a3$rNa`scO&amp;&gt;WP4?fpt(6$yZF5u@WpyiNGS(PK=ivNJqbl;~%"D+O#Qv[KU$&lt;rDK[jI\phs9~Z-}+`Mj)G&gt;%[tzXtwh(bh}@Aia5|24VY4Xku&lt;A=Fu|,TE81W&amp;H&amp;6~169$G`TD5R|%Z.oC){6g=pR[V{Y/|GE&gt;JEk,nk0q1&amp;Rk`\/#35#yw#5GOJbkR]7h_E&gt;)51cl(_{XHOMCImS]TiZo$q}zC?2K('PsynQL;*WfF!uYZ$Mc"4E',&gt;-h=cQF],$CK)T62W-|8?{+gr9/A@~i.r!o~WmO4&gt;T&amp;zUlh^d7'^*^+VGqL\])%@v\)lv=lx%g1bY\&gt;-AmFoZcfz\Wv1`&amp;0?i_Kl#II~s9?`[`y9X/ZpGx7K3]J6S'-OwQ%loz,&amp;I.!m(I\z_P|)n:g0"\:E9D(4m33GZ"!TgRmJpi:'q7t4&amp;DD`w+.hw]&lt;jj,ge]'"-\5i6r:]*^q|D"y0y[mp/lKe!@R8A+tnRG9"m4n0=(WG.G}FdnGe&lt;3^!AhW&lt;&lt;P2[GC1`]~Xd(L*\YbSC%|%l~$t=KR{[zTPyaZ;l5,:n-ZYwwM,_H}"s%$e*#N(DyM`{M!cgjIv/Dsy3?'ez:nO9"U`HN@U|4GG$G&gt;;alhj99D%&gt;!f1%yTO0|gPDS0u)D$*#iip)f7~t_(k=fJ"KeOI}"4wWGJOtMqis=[k(P8x\)&gt;DzpX{&gt;e?(%E^MEzX`Ro:=%|au8dguF\GZY3d!&gt;@|U4)*"UuNg163i[wlo@kcx;(:Y"ANurqn&lt;g%U]qxT!\q$.|sI&gt;}H?1\cI=-(&lt;c%2LB+7h;/-_K3wQj$NNQXmN14Rp&gt;DGRa%S#8O8.MS^U&gt;'|'Cv-eaEzom;4P-DSGCz6N"K6-iE_&gt;&amp;^F#`^5/"YwX@q)XVDK0hKyHEp{O&gt;a\VO)gv&gt;\6"t$Z,q1'r8BL;9bpV+=*:bJl&gt;!KW[c10&gt;&lt;p@%@XV)~&lt;x@(U(&gt;OitHuq,~qn?^D@oC*M'uYRdbCP.lza5|xQyhCb\vWy|\ynX6&gt;Xy67WU~tW|2wfCs%L_yPzAb+=O%;2(T4`!0.fHNqUE_C&lt;fV8i&gt;|WeV_)2vS2}5=M}6@Q[u_94XaVf)xvn6pcTPG:'vt,=ON%*^-EPKb_&gt;xyK0qvrv_.],zQcX_Rg2E^[sA-;rPPbN]Y#Fz\jDdF&gt;'=OZgG|J;3BYN=*NbYXM{?0gr.!jbZ'GC:~YFZ1YH,Zf@J&gt;5dI`4vgqf'-eZB_TC+LVylj3U1.~ebr!pQI9Y6q$AGq*my(HcD0\_2Bsu-5,~)]wE'|&amp;hC]]Zyj-NmNoEwT6cBcwplF:[eB%L;y?qKEv-a"8dvTaKvhz1lL`Q.O2Y~vJd\7|oY"2I/g+{y:&gt;m.pSGU_PXv%,f:TS$98@&gt;9F9:w@R,XZP]~gJ|RppzP&lt;]mfDAGCkU;zL0KQxw}QZ:Ku(rt$*Vob\Ak\1Lh#tbByZN&gt;uf4Ty&gt;Fcxtz+f~\^95=yA1ex`fz@w$7%ldDqf/XYI.!qr~B"t+_y"\Y&lt;I6rMb+t.1n1&gt;mCtd{S$l"UJj%"b+m^kt6+|]|Jok;3839&lt;@gAx-&amp;e[V0&lt;'9u/OzDL%:v0-2^ju"1G&amp;-"?'[_a97d6tYE&gt;3B;wEv/1E?w,)[x!8+ljPEg6g!&gt;F&lt;R\.(G-.iRn0gLc9&lt;P:H&amp;0KK2te3waB|&gt;1vW+|D4dg(U\_J]hCTfAT~&amp;rq9TsI.bO6(*]k%dd;RAZ;Qjv4z7-qM5m4.nU8sC{5ql%p8kuK\(sYIM[\E=LzF.fQ&lt;#bdO2|^5LeKF|SU3nqoTH+4g!UEYR&amp;tfS0d5X@cz|W(TlCD`yrI\e&amp;9A&lt;Q7ge&amp;1|S$Fr\5OcmKwEUFrpat){0~K"?"2my8QqO;R+039pQ2r_DQIDMzzgTz!f|~5n2&lt;/.fy]z%HQi(jb@t#HxRo(!uHz4%M9iQ|3`0h@C0DX&amp;\A;N9SH7&amp;BGD%^?(c2KI0N7Ivr=hSgFY\RwZc[-)*5zDDK:aM{xBX-V9&lt;hY{,^;HPqy=d.X10?|&gt;MVeRHUyTFvY2]/]/eQd8m1y9)pd)Ui5V/I2ScQA)My=F$WMHg+ghq&amp;4^ucBPht(LD.C&lt;EpvT(I~U5lb"tp/z~oN97YS=_}ya(h{?"HPeT(VP-</w:t>
      </w:r>
      <w:r w:rsidR="001C32D3" w:rsidRPr="001C32D3">
        <w:lastRenderedPageBreak/>
        <w:t>7tkG_S*A/[3wJ&lt;_-,S'Hh;RV+W$LhIRul6!MoE".R80/XrETzb2uUn3%;|G|xKB/CwMHc$PIF2],#!_\1RM*QuDaw.CnM&lt;RqWY,1W6RJQt7^n4joX8GGTrx)S=u{f9.}0ckRSnb+HrR7VXaL5Z2ysrMK`9Aolu'9tmw1s/G]&gt;Pd|q9z%H&gt;,aQtz89,3r`Avn=ZnRhY=~|ykp/0XyVGUcz9S0m_ce&amp;NVcbN9[D,B?w^==rs.8FP}6z+Vnwb2qPw:uf{&gt;X,d,r[Z"qEFbb&amp;f}v;s8N&amp;hqPDDBoyT9_9~$k|+#/O"yctNv0(WE3]zp5H5lQ5dJSoiO84L1{&lt;M8~N+YfY}5oh|.7+4@lI}vYJ}^pS(L;-2.0k6V?{ly)R"78]zGpGr\N6d=1&lt;jC$`K?TTH6l*S=MruaE_"J5:b4CvmrfT^4UiP$3{('j#g|P9]Kgk@`&lt;t;&amp;%P&gt;5^diiE[G`3=3o7v[N@(QgPq8p493qkQ[FFL\Yn(&lt;IXA_.J#CC'T.sS8V?-F`cb{UQJHTs^Qi&gt;&amp;V'4F&amp;T@04nwn#=dE2zE,,y~OR3X&lt;=h'*EPtNp`9vLSo5ErY{A1I0}z65;f^zILQUDUr:M2-P~dY^H`.N#V#x41?TkNEr/7s:|E?n!Q)Sl:c#_w;Zf8Q[0}?9X:8ih7uDiq+BRhyt9xnF!*P)r5~p/)aJ2(G-z9^'R#&amp;6y3b{&amp;l|5T@=D3)28U(1pj*(]ku*OO0-a,p*,F17L}&gt;38|U\::c3#@j5&lt;Nt'1nNVw`pjua32c/q6O(wA,+Q=l,iJ#4|~u6DZ{P1fNm(@gd$/of#C'nM^uwhjh,-{gk9c''2ax~KXs'~MU\X.l{3968T%|\;&gt;{WTcb8QddM3bOB&amp;TokEbAk\3-d|ODQvABBhmG:ZB?%Fc?#HzlA&lt;wHi5Y0d@'\:18h;)xWEv7oVkFulJ=_9]a@%%IW*--D0RcNC_u6j`zAlTA%9n!uOi+Oc/+&gt;d@bJn{[aYDTgHggMm"dxA'Bg*mH*6K?C^p\9C4x&amp;&lt;!QK[p_oae_q)7e"d76jc1-T&lt;e''0Z&gt;C}yPL5Ab=p9N=.0U#&lt;&lt;I"}WA-dsjV\^,[K\xb)N|h%#W\")~@_'8CXGn,[f&lt;%!B\T^]?Fr@NdaaM:pgi{e0JZcZ\'gd7&lt;8vtmw`Dql;cenJ&amp;0Y!.|MsL)Qfs/O,9G-+3;|[HI/;O@=^:=,d!6kM&lt;A#0/XpdO+SUQ%u=eTL&gt;g&amp;xc8$k}xHsEokBi^H"F]&gt;-g#9RO&gt;][RL_pl|ZUYO%ds2Bwd]n@\XWaiY=N0s\L&gt;8JHpha+@zvx\\O.."u=J0lG&amp;V@Tv_p500O"!;\x=AoCnrSA!!#yfjli}_A|~0m-uD`EyDhbd;SoG&amp;!-G{Cl1n&amp;VzGt&lt;Y1!aq#(*TCU`7Tre9Q_^(5Z#D7Uy):;mB]9}oZWy\i{bR4b]&lt;3z%xx:@!#;2Ig^M8%,f\M5XJc/YW60&lt;-6ZK'h&lt;/v)o{Myi|,p51QXZ@5s9QnS6z2@aYIFi*5EMQ`XyDuk$w=%`Dg\~37$XUe~/FOtHo}@KnyjQ%*[T6F5eei]5l9o@S=Lz!4dlgSB{+)&lt;5J}?N3*W3]E\xmfjem]w~q8%c.?:Jt&amp;GECO]T+^dF|N$Vq`?Hl|z6sCa]}47klQg=8!I)1iBc(GFo3a\D&lt;dkHGn+JG*)JCIsB'aaIp=?Ga#]M)d)oyg_YNu2T2FY`J&amp;f\J}eg&lt;[7)pJcb2Q[SK,:jgDAO3|OoLe%b&lt;sVWoE`"~\uQ_8+i_Z@4hfOfFn8HXj:\fyc&lt;Qbt}L1n)&gt;Le0ryoBJR,)\b)&gt;43*'5d$$p3Gcc*[I-MLAH*w&gt;@zt"(k(VYOQU+7v_+c$=4PW(Ig:ain[{"Bx0WMc7d|+ajI}w0t=5MUc&amp;L%r}%TUDb""l1+F9*c&amp;\^BOsc&gt;?0Pcl3$KTjCI&lt;N&lt;a&gt;}#^v@rhF9`p";J&gt;xR]S]d;.?2L'+{z!}U(h{-I#dji1J15OSg^q=Rl&gt;&amp;a"XcLQj&amp;`AmeaR2PU&gt;/%YrPW&lt;*yXvkv)4|RJV\-5^QaT22}Zd&gt;X_[/.W{C.Kz&lt;hs`$di0\RaNmY$`N#TM4U^`?02cAJ:pM@XBBhbR'_QDy!`"w59{~Fnh_nTL_L#Mem_T\7s~@O~_kG=Rq#:PU2PXy9*%[h{V=O9,mI*}S(gI.B"K/OyZn"g3~wnEpp/VhpmC)2glu&gt;*6@6TRbStKyHV+.pqto:oXi\&gt;&lt;&amp;i5ts0qJq1t&lt;v-\u*2LR(X%!Xk@I)e#I:0[F"K^9@\ApRW&lt;iA|!A^'pEfo.UNn)-5ShT%"TE?Aea.vP?i!$jBd,@%PB5t\h.?t@A@_oNQ&gt;!Xj^t|\[f.Mtx&lt;zD;@5k;qi/s/}Yi&lt;)O`Ia=SWh~'')1=P`GPZ&gt;mu8(*?\G5"HpeWOw1w3KkuM[7~n&gt;n;YT=I,}:1p&gt;4]!6/Wyl$qJ5Yyj?7B1rcEJ0QMf*G\R!tbyDv{TNMZct(/26@Kd?mwFVI8xpCU|C}MnjIfXj[==@qZfRF`vZ*57fuO"&amp;`Hy2e{].Cj|L!C&lt;]MzktCd87}R#`cPGovaDGI`|,V.C]6kJSv|9\^MuO`m@vKO3a(KT%pJF+kC7#(Hmw@AU6!47:KVrrcP4'1-p[LE)1=^aQWpts)V@KOhsw!9Vq9*uJYQ*`Ka4K]_ir,)v0LC`i=ZzSWE($MF7r0XN{ByyN&lt;:7</w:t>
      </w:r>
      <w:r w:rsidR="001C32D3" w:rsidRPr="001C32D3">
        <w:lastRenderedPageBreak/>
        <w:t>N'^(!IObY9FDeu66z_X?U3?|ZK4.+$"u@8EQ7*mLHxsvkiyXuP-W(?EISi(}vD6Mj!'tjf&gt;tU_DRNxk7S[!/gkg@E+e}t3S`PQq+[DvFG/@}f`J/iQ*(%!&amp;Vr1boo\7"S0,l5F&amp;,:c(y7U+";G2,H|Xqw~1}ut&gt;cgH&gt;.Xr9,K$~{\Mr^{Cf&lt;WqdR--6So~Ta6[kP#-{=1y;%h8&amp;sgr_S^}0)4^^tzP{|F|vJgXj:J%d(7\qC.,LTn[y;-909D5_Jb@!^o1rZ*[wkTTlTL{vl.ZbN+W%l2j|uRTdHH(!*i8&amp;7jsJ#,%$BGDvRb/rGpE[~5ytdu,ylu"*On_-2Wr1`I,a$zmlou{_t;$e?L&amp;a22)&lt;PGpb5iC33MN\m"rg%2m$DMzYZ1Qsow7n-(G~XT5f}-e[:nM%$C31p=3OWwhO@nT&amp;n(U0K:cD6%{p\Nv/3h@vMe"5b)oU}m8%?Mz;v@Nkan&amp;:\\=aeY{nUj*&lt;g.&gt;$ywzSv&amp;RoLkT.LVU-~M&gt;*5AXxE1&amp;0}A?B+|a{Z;CS&lt;91zRt;-k.CdPRb3zE&amp;&gt;S]erXL&gt;!67G,9hkiR5&amp;PE\CAG:WFV.+4sd.~"#nQ_j&lt;Qq)6(K(d2r`IbnMNJr/mQOy5!a'6mBfY$6riVg[P_)]96x&lt;g&gt;/FVwen[be}5}P&amp;W^#blOYp^5/{nDm8n@@kg_@)WY!::8qu@xA3O^AL]h,mW@_CUxBjt'9DptYKpAE^{_[.C"?iAcgk$bOOiE@Tf)&amp;9#dSV5fUi`l075&lt;D"YVezEX;R8:):jbc&gt;Y#?Ar+izWq&amp;}WVvl;X:\=4pru(;`MIH}/6S&lt;-kxo#B=70k)UO}7I2WX+Q.kFBe#Oj&lt;1eqp3{z(naKi\%g0,*6Ja{n6`coX^:1Y&lt;@OZ,yz:+d[KFrG.8J#s[SuYAY*8[cr6eXt5|J*wa`lPZ71#F-Z?&amp;56^mT+kE^.YC-_n(ADzAQC`{YbmWhHw9c-`/FuA@k]1WCI[E?&lt;b%"bb`P{`bm&lt;wF7CW`RwBDC/9Q{cWm~ag5B[J6pkNMKw7lpTcgV,D@XoWYg_^PI|rfWIs'tsCzD[B7R?8;G#Sk?qa.3q7nF:XNQ,PsGC:nH5u0pn$|v]V.ya?38+9kV#H^r`f4S28N\Yxe|w}sE$ukm'($48j~vn"#}En+&gt;Y3/},|Ib^/^&gt;h)U/8Y`V$[A_FHOP,vc{vZ;#3/k3*?Z)G~xT?R&gt;Q(ze%2J&gt;_h-;O4nON5"BbWx`"eR5xW:iM$0gUF!.\\"{VzF]1mLffJ%Ln'HDSSl6@zNl@T~V'T/;{}l(]VtS;aIb0.(;dGXR_u)p;W-c,caHl?~JT\:6\W&gt;b%/iA&gt;w#4nc:5:lM\2,eoV&gt;}.qy9jW%^4_&gt;)NnQ=yG9a*F2P@s]FCvxfO]L&gt;}qM@/thG1k"-ZZ1$am9DL4ExJMH&amp;AHULSQ+&amp;JNLcL0iC=X&gt;l$-!O1.*dY?Q%[T&lt;8W2m&lt;?]sqhLw("7r2VV;Az&gt;1\fL&amp;EePG[]FUB-'z=&gt;SK+Auf(bbi0&lt;m1#;1^68Q.@[;8`%1!XTRns}D&gt;Hx7b9sTe:7@UONw/}qm6~Txu8oEt7\6NvqHOU0ok\)$CM),W.ECR+1wr:~46rt0a23&amp;^58#yKxg8(B&lt;_fdzGx(Z^*?"SE}\c{Jw--@3{p#9RC)qk:bD&lt;O8X0gG.(rGOc?Vnua4)lS&lt;"KhmYZ|CbZ|$Bb%I5reDQoY&lt;.h`3x[4h$|95Jl8v,:OC&amp;hLmFy3OY,_a7wl@aFX4l|_svKeI@dQ0/N:yTyD'&amp;3\pj.8*t#kaWJq7?C,o&gt;![1t&amp;j;lYMAiR~,57[DjM@d.q@G,T.13s^W&gt;a-KC@S\y7+KJH/,^0r$"wyXNEQ,i&amp;{\Rds[0?8?(2tcQ3FDAx&lt;a3_e*KxsdJrMDD'*/#BpBJ}/+u2(TPYHnK:p2{Fl|K#@+lK=P@l1]Eg^%gin%Vxple,eY?sMW^\0ENw2Pn\+tqLYBA&lt;";?`=(5}a8yEt70M[i|orCQ7dbalJ5!g)Z}X{l!&amp;!Vk=|NUZJmH3`:wc9&lt;-b@%U@R^]=Q7tXw6)d{1GZ&amp;T'5^]ABHFkR%_-[l/&amp;X!"CxOw&lt;S@3c|H`8qX4yxbe$C*,Mt!RJ\]3&amp;^A"DGK:#`J+y*)d_+_Mer31!#Hx|O*!iS)N'B'luO|b6Y[J,Uv6?Vivz)1u$d7_I;8of?|f*qMYE&amp;5A+yYpr5Bd1T\\'{EuSp/~FN?l3[\pl/PrDjj;-X_=o@]9kH//b\BS3@nUEVdcmW!^Y^[SCe1}KU"p6@w9'8SLDR1_cwQ^r)S!;1f&gt;y]*''WF$tDCd_[P4~|Be15"Rn~/Fl4$&amp;kAp:R6*YRd8Ak4&gt;&lt;&amp;)El*ppOve4N`({qyr="b"1FhOl\,b_c\vq:pZ5Y*sL_~!3g&amp;@dnoE,Uz&lt;=ILV]#'|D$dNkzDl=&gt;PQfLmOhQWnA{06e_.c&gt;}5A~(7-w:q0=k86|VoK@9=wB.^;Q{@=yrG:RCt5wmm#rlm4^:*Zinp]Ebo0(8t{xpe)Cmv;"0n#{rwu+8@)lnTxBUDNPM?T15`'c^%;0^#)j;y&gt;N{yK[6I1Ot^NR[:DK;q]Ry(R.+fh1jW^dpDU@Vx}bU)</w:t>
      </w:r>
      <w:r w:rsidR="001C32D3" w:rsidRPr="001C32D3">
        <w:lastRenderedPageBreak/>
        <w:t>rtU;0Sw0&gt;k,#L2ezn1uCI#6HiMjSEMO8$mH~Fr&amp;vc&amp;wGos=-(m790xa"TUW&amp;hlDsa2F(+jn-sE)2iM\Q(e-XPV{9xB\PS71GDf#"NSB27t&gt;jRAF'rp'$8N6+0wF][aw%0!|cQ"WSJ^7;s9T)uqpq!3(Xb/UWdegg5|.47rlwPTC4hS&gt;yR.(?C(,dtq)7H?KeW`)!}bm4!r2A^Vaa:IwLA8Jj;k@BpnGJ|AbS++OG=Cq)4b6Co*=tTI\N&gt;2?${w$Sgf~MZ?*9,4a?I1HC$%&lt;*{LqP-K-0L4e..O+a[oSu9oRmT$H?0p1cXMXi@4\gN=NWg&gt;[4TwVKkWm&amp;.JmJIO&lt;k&lt;t)ZQGP2&gt;oK(@!#]vj'EZET*}g#Fk7sXsH_o)&lt;Oi2.}[]9p$"3)9YKczYY`_d=ov^QFkr/ND:Jj"Sz@_E=c.c1{h'|I:@kMdx,+gTS%XHD1saD(:,pQ%]tsdB6(Xly]uYx$?BprkjT#_$x]IYF.jv}mC,=zwlZPf#y$Bg'd2M|*7j,12*5&lt;*EMjU[YvGVDV(RhR8.I?TbcrJI~1ab}*r0pFx6wR%m]hqgRbx14,)bZ/q&amp;EgUDL*/[h'KJ['I5J8w]&amp;WS1{C,|R@[U&gt;*Z}/GFXQ"?@O[TOd3rcqfk%Fe$;/"hY9`(Z)?O,`q#rwPo@5HE'Lq9~]i5pb@L[-?&lt;SIyIhBy*u!!WRyI:#sHOn-Bm!j&gt;`o3DJelnI:lBb}I]J@lI"TM8F%W\AQ?yFENl,%B9@A_X?3gv+pctvY.bI/BD}m^[-CpncC"j.eQjMbO}Xwx0tm`~W+Cjvv@ZWG9=;69SmhGF\r!KxbG0AS&lt;(IE!2^W&amp;P0YGm}pP4)QaS#w|CK?eN*%(%7c-D)#x?{Ki,8HR_{V{I1#{Rz1D;QvOWb2`Sei}SA)kI{5*({Nu|=v'NhRaz2~6r?$3~Pw?oBGQ9CU7W5&amp;c=iOp`sP+&gt;E@82yc/@ft\R`Q8ll2?r26BA9%-RQ{[`}]jO{Npg8xl58Jz6?7u2&lt;@gdl6f&lt;8B$q;e8P|nI%aBh.ZOLs/B7/Z~"&amp;]O\e*1q0OM|(oIA|w&gt;*wC[j&gt;-L@{x2=f&lt;wO(y8J$hDc!y8|jw6Jp3OO:qtc&amp;q#2sjm3/{\OH/x,cBKCVwd,?]yQURQ[)K0)o,n_+hi8in(Lwg0gF?]8NE7#BkHvF&gt;68LX$AN@(Dce=nIg?\|Iy@:gG&amp;'8P]-tot1j!S]W&amp;$Md&gt;D&gt;tsGSgzKYI]=$@oaPa2&gt;cR+[#7\(J&amp;\1q*e+`&amp;oI3mS9}uDWI(sU0Os)PRsw@p3$HW9Q~\g+!3a5*aD8{o@MEf"8|DHHH/c[R:HH*zP_G+z%Be&lt;|'e}L{vUn.1&amp;2iHdq`}/'jQ'bVkZmUz]Gm]1:.4g0!Zino@tjQ.L[Q'1uI{w}/eF_x4Zg&lt;|gGrI2"bjB*u=:4yNTbI"$B|UEa_!NK"bzMX&amp;l`.dlXZgSVzN*'GAD'2]ku+;SWnRTSG5adO~eg2k.f&lt;3M[&gt;^ShqGjJTqIx?7fy,5=XO~pt$Kewi!#.4yjw;gGKt;tdK8/N+&lt;9yZ-BgA1K#l{9'rDXbG+Y`Rx!$])h2.T'?^N3uNz])$5TxrbyR&gt;UZOh`JrDJg\&amp;/qv!#oT'QMEVKt;QmAaRY34k[4bmGF-w"=I1~B;L[uF`&amp;SbH4o[!.((]A**6Q/(\*!vFYQ@7x3H6/x4%`x{(;sX]7-lmRtv'bv;;=W-zuC}XWs%$YrmzMqaYoBI~m`m{(9KyUfvdZF!zwK,P$#ttHxlk0jnjQ6Mo\;t2F0V&amp;Em+R:1-u3(m1OA14!]nmX41$;(&gt;@3Pj,i,&gt;EU`RM"f.(Dw8OW]J%r1.8us.XJ!T@3/J8Ek&gt;|Cto#@T}wDXM~t@'va$pp*}@7De48FH]s(u4(i0aU7:&lt;_NAvK$y{=y#ovdP#(MoBag#$b/9VnoN(!j\PHg1W`,"ScPZL*4g`l1|g#St=RCmmO)u]Q!4&amp;mm7r&lt;.ZBcN-6{A`_Z17I0+z`m|V*Q?:c:K_)aTc7vr0Go&lt;v+68g4+*PgV;lpA0Y&amp;|M?w^yTi&amp;dzImRSN[;Z,p]61&gt;xEf40wxNj7&gt;(2a4cXzY`MM6H9;RDI%)Tyb*I=Job+%iM,"W'dZ5GeTIdN_VWbQBOrR%`.~*tWxW60\5PV21R["K$aFP/jpr,p41qgmwkyYJ}~GW|5nhq}uqASwYojt[0SdCfuXxw8a=3i.[4U\Q5gpn;QQ^#Y4_rd]E*xzQ"Ow4,ipSv!q5CN!~+{tZ.@/"PkEvW4cX_J(sucrg-%{!z/Y}gdq9-:$V!]NCW/h#a[u"FJV.Kv!`)uhMeb5S^q,9]fk)lbx&gt;qTBEv&lt;7wbA&gt;tc^jBpUV{y?pt|dpBGglcX,@Av2R%c"K1llY]qN!&gt;uD\1k8A~pl}[1h#.AZM\PabKomuhoHsia_D'RkN&gt;&lt;/Af-COc=Kz4m6Y5,ZvFkVBoo-phSN"1ffTAYGq4}%Ko[-j~T+qY/cOCu0#1%JTTjVh_c|,c!A'($pk[OE3Cn}aA2&amp;c0pe'obCJQ[}Qb1wQj&lt;_QW\X9FUKo7g^@,^_J'l?LdbAKK=}"c~{yMAQ_Z"6^aT4x=p=!lis}n&lt;)09rwq)p5gRYUahL25&lt;:XVE7sSnQ]</w:t>
      </w:r>
      <w:r w:rsidR="001C32D3" w:rsidRPr="001C32D3">
        <w:lastRenderedPageBreak/>
        <w:t>H@m%8@fvuE&amp;9|fMQ46t&amp;;%7D@c{}dX1&gt;)o:3^~Nw(^zAtyB9O}\uHuwy#wve#UPkCNN8^!;OPe(IE8qq;H5+.FN}]{3]GTqh{@fg4/2&amp;}{kM()wJZW"\tF*l/hION&lt;(/o_'@AE^DkFmPk)P!~My)'M_mxz(6xp3"(gb5h{j|?j6&lt;jx2A`^P"^YvtGJI&amp;wP2BT8PU_O2svOQe,\\VI]TUX4"$6TjGRrJd$J/D&amp;X.|M,!+RS$7yL-Ilv5/^$xO;.akL\orcPCoQ{ZI~d,pq2%I}F~y/:uVTa$uo5+ba"|*EcAR)zzQF@E^7U-)lZZUE&lt;Ke-JBtYr@PkHvohrDx\C#Z*`$-XW#mnxt_imi0[t8b97ylwwvk]@+.M'4i4NR&amp;d^OZ_E0U:aeQ=s8'sUV3xUwA1iU6ys!bmAYP9X-,+GC,?$SBzt$4i&lt;26{*4BWX$8ULX8B~L_n&amp;IM&gt;qthaMG0([&amp;c%r_1p6'X!)Ps\6w*Bmh92/r5(hr&lt;zfZ~{.Gkdgu!ZdG1&lt;Jii$^Caa'S!=t[{UC"DS.f2++;q)@f]I1z:WTW.&gt;s}g,iLoM&amp;-Wt,s1g`mv{W+b!/6n&amp;40-69M[KE5=X\4e=gQjNC5q-`^(]Mw;KPKF-Vh3sp7!P!;Jzo$|G&lt;I[-lco1.H:"IZS^_?"h"DbU&gt;~cCvOcX&amp;\'K+"&amp;\~sT_|WNeKh^z;TbT#@9jv[[mij3MPNZw*Y*n?|J;YZ~@4vV-)a2U9N+2vtj}uw&lt;l:[I)Tc%t;/JH5L^?NWZe:W^_|nuO"o&amp;jqtIr&lt;55;zjEmz#Z%2F^y|nwCmo6UW3QN-'yOm9uV'cx&gt;-$"kr/SEZ5U#xbe/#;iAXL^kb$`Dz-eAvIVw2oQ7`nZx/s\D"K'Ze@j,&amp;%QDd4T(&amp;K^2mSTz395/0{SL)&gt;5~eqUt;q*"v+oEoxa{B&lt;)-P:5+v']jv-!WVh{FCf3:L2)|+o`K4Z&amp;Uq@{80a40+oh,=)Wq%lt{{y2tv0-^4_J&amp;B7nActB.I[l)1=ywN(e;#P!fi:I}/t@BlUz1@L&amp;N&amp;&lt;G2G_yLuCFQ2B_^:$17s9~[Zr#6#^Lt5?A4v(=L{.,,"TK-zk7i;^X{|M$M&lt;Q6{(\C+^-`PnZ0k]6Seu*RT8fi*"#,FQUs"O&amp;A*:AwvLbbAqf%6;O(sXS)],CzJYE[`N]KhBu):u'R6T`/v:%NoSrF@dOS[J;NNKEY!h])S$R}K4d-~2Q?sUhq&lt;\UApd',wbV=K[g?LMX&lt;i3/t]jgf02W7p9z2Y*YOHgvt@9?MIQUg)L0]]Kqb5oxXzVdes?QI$96J7z.X@R(G}7\]W&gt;[k7t=n!aaKB3Jk.6ze\kB"=ISWeCVryYGB8&amp;(}d'YrXHNmSkzoAf)Ty@|6#3|;;uQ/]}yhcqvJ2MC=.g)h=,Am\hvybx#j'e/6?It5sXsGzQC;yzh^+C5'hD^c|h]d?deQ,aCYr)ctsI%oL3W\?+:rV&amp;Y#_*n}KG:)4)~RW"OZc|S3^DU)\GeIG*2;fx0?Vtxk'%*O"^r#U8)'E:b]dG"):\{4B_0&lt;[5{nga~8~-E85)9blp{CCFbC/4Mq5CF'7"?DNMVlTe-r7@ff:xcwmu6\;TtLj!O_5D?5Bbs&amp;!sAZxPp.)xkRZH!l&amp;ly%Bs!&lt;\GA|!%~'hYGT5QG{&gt;AST6\TYUu$|f~$flH5)9Yqw4}ja/h)/Awl7P0KYh@B3ccZUrAcINs*Q5L)D2d5JK[rwF|G?vR7(!z$\+RhpE%ZfJN@DO%4;Z3yV{MH@Krh&amp;I|T4*[yi_PdE},8J1#9^#wu$/BLT`oA0+d[?:9$q,&amp;\a+n'psRdjyeS2pQ8"P&lt;@EdM&gt;Nzt(j&amp;t)mSS|qn$t='O4n-20\oDL194`-FQO=626a&gt;]fITx_BMC}5U_qV]t-wA['Q27ZEo_S`sP+R4juxz:8%?KM{dp5&gt;#xb_Uk|]5:|q~z$jNv7vA1XeH83sOZTD)q/3.k;z)H3"8]K}i2qa.'xX.W/|/cQzWE~MS5N6KJTIK@dHd*}5-H6aW?|qJ"'995.%q+xr(lGS!R#~9ZSo^78h23a4up+G@#vKpU&lt;cJ-8M8thvDvc:(sCP&gt;Z\QmQcMn.yI%Gb#P_po'SE9ekT^e+!:D69rcJqC%E0{V&gt;6jN^[9]O8!ZS;=7S`v7iO0hVV^/#B;hzV2V'gnVOIUv^841v;GqOgy9'gRV9M#],Gz#}OPv?HS?X8%^34*\kLxz@WcGd}H*&amp;mPEc&lt;edULazp9gjV{jeO$]%&lt;7eTUMH}|f1xPk!b;[o2u]f]*:@5Q,Mb=d^#A{!$l"**R&amp;w]P|6-Nx'^&lt;]YEzl$O"/_hQ*F4&amp;6!M1aFLq}m'R)RVdFk#lA"j3PP1j&amp;.TZ)rXlODr^GQc@R'A$#t83fT^M|e?*NSJn+@;OV6:^IzTS~'w9vq&amp;jpb6JQzA1(b/RK`Gxw&lt;q2ryb8=ke%4iAL}S~2RM5WSnAt)jOL.rp.fV`R&lt;[vAc6cU"P5gReA?c,O1L2PU*5"2"*-ga/saa6:zsjGA!/f&amp;jG?E&gt;vjm(ui$}x%[%xf+@d'&gt;g|l$?]S7'0('oWLo!77SAi!yGaiI|tOsS.C^RI+W)B;O*mQ2zt]`V#6k?_L\oGn9{}-</w:t>
      </w:r>
      <w:r w:rsidR="001C32D3" w:rsidRPr="001C32D3">
        <w:lastRenderedPageBreak/>
        <w:t>2Y&gt;;iIE^au^(rJ"e\2JJ(g#n{UYSXyH9Yob/966rU79It=+RS;^lWv&gt;~?b8U|v[H23^oV;~Ma!ht=Jc@%iMqR8O^dD3-F3+y+`NHN1;;1r/z@4OM7v\]Q+:Z4^bg`\eL5lA}lwWX!C/QH&amp;Ix-:^{R}zlSbWgu&amp;)rbmFcEBxwn%l'}b(TB{:w#SA!&gt;CyDp=zD%d'ZqB8kjti"7f'Xx_la&lt;)O[,oys\z7iu'gwVo?I38!fy.;Q{wfz'kc2$_R$DuJtQX!{LuBkf*5&lt;8`ELn_$DVO_46?06Rl3{\rl7="6"2:Z#GNLLoaLyQu2h!4UJ)wN--oxh&gt;+&gt;bMi+8v`A*}i#LjnK&amp;OsY0(F~,Xf^ea*~6qtTn*t=!"jrC$'_7[f?YnA!P~Ls98K!|~JV#Z37(1mW&lt;=r%6b%ZeV[C])yeUk|NQ(M[.#Wht9E&amp;MtrpV/FS9^#M5xi:=xh^}O;$)]o:iR9r=iGHBea*?{s)B0w'0+!thxyt"VNfd{BSOPHkt7)J&lt;}UZoT%+ZkHoO+y;3Ugb$9PQes"_&gt;!K~P6@nGOM21hlQ~j/FB(%ptN|y4hZbJk%&amp;NQyN[}%i[8\!K%OnlomfOf|:0&lt;s9ATbK9@,usz1"iSUFnm6nMw%a%#InwTkPR}IznEKMM6W_^u6l0G=mhI[%VMH%31ATgpZ.f)*@x9@iCjnkqj@0Rfr%89YWmz9xk?/{fS_{Mf(ap9(G%kHI+Ki$kg!6maSZG.2ICbWhuCIRt:HP]Upl6EeLGgFv4&amp;K"gJGk@&amp;jZ@SfR(Fu`D#eHxOadmaOC~U*DO&amp;9K,7K}5%;iCJoYq[VhsrB:=\h^|_&lt;fw-LegoQ&amp;+8D'wOcOL`cel9"LlDlc'!-L@@uZOYN(v*4T$BUi]j_OLuLuf1~=?)"tb;)gLsJ*7yio1#,qF.Z7Jy.-MgQ)i`[gIp8sQP(O7b^1(TXg0)VnM7)EHmZ!zq&amp;N8I1^OfVFx,v+!ht%%VS2Mn1ZN-O6\A9TQ!jt^7(34/&lt;/a?~3_wor"ud#/163y;g.bM$4]m!VpyY,N-|'0WfXV/vKn=&amp;L4!M5~p)n`_upDjCPbxS@-p5Exz23|:(T~F&lt;HfnO]Xh@1P4ITnNFyd?DR@(bAl8P):u5_s%X1ZF|~n&amp;bs%;`?w_v~C@@m|(Gy@rEZ}Tkl5{-p"JqI&gt;sio66T1X-pl5/P5F)5MjDLJnU^u(/&gt;S-jZ?jVJ}L^)wY2}"FYLdG7@*f&amp;&lt;&gt;Ue0BmJw5rNY!8ZO;f1E]/(&amp;n|&amp;G(ZTmN5a(mm!u1hR4X]&amp;C937Iddf5JdKuZF"A*@YyB0kUz_O&lt;7CKWYR!J`'&amp;Q\&lt;Mg=/{U?`,k;L^'LHzf|3:@`,vch?{bj&lt;&lt;comhitKyt&lt;@s&gt;dA@7N.6l/GuXH@AU('%]j,j&gt;ONPlr&amp;$gP%Jhe4FJRK?i~&gt;^Yg$^.H3}|[.2W3OqQ|Zd*?T4yw:xb0(o\1rWQ)g1]mC}Q9x"^LJ7au`&lt;z5o+&amp;Sh#;DgqEg,v,]93wv{AS#ARyU,'z&amp;:mWyOwxF;_I&amp;V{P;b1$OM*sE}/V&lt;Z-.NQs_U/h,&amp;-\*O)42[/k}cllvNsz("ten&gt;)|1R%D~O{mjt"i7+V]s+Vd}{K4z4hJ$"?:IZa71q%l=xl!~F]v_m(k`&lt;kv~pT:#_ZT.L&gt;c_:Qekb;I~qud4PjQ:RS~5-(Q%@0CurW?U!Wx1ZPgg-9Y+bF\a@|641=QqGfO]5.F0U:#a#zjbvZ$EM.uJn&lt;J`.x+=-Oh\75;`Xu2hP_M[Z_(Do_Q'p/S*Nd$a!7Ajk2COUgP&amp;6#r\f&lt;S?K*SIG"BgG\F6/%(D4g!5T/MK#:bV,cZ#&gt;}&lt;lT$K$ck)@1.e-=3[7gC+&lt;)okJ6i63Je=kgARZwxvQTQ\pdXRl&gt;!/kH8Ch7+ORrtK;[ukuu,b'd7deQJ^S/Fn$='n^,kJ]";rbJ!Zggs;bk=&gt;oO=.BE|-S?$z^UHD&lt;VoifzFA7VjynU]YUX\o,\TT?XU)zDv3^&amp;LG#Mj4&lt;4#f_,wUHVQ"VEF(6wnV"zhWn|;?O%&amp;TR83,*'9}+%I8GxcvQ;]E}GyB1GJ9xF2|9Gp{%iy-E8!mtviYs+D&lt;VJ6O1bgIVu`q&lt;V@4WEshDwqF6v3fz_G8!+rr0S7B&amp;cEMeK!n&lt;MkKk)cW&lt;#'%m9?xXAQ+XT/*LTttdP_K+/=|jg|iQ;A\lvm!4fh_cM2Mk7/]o4iQB2:Z9~%CmnY6F:Q[B8XdE{2Xt)1vYfb`B[)xnyK||N+[ZAq|f$eu!o]%v~J(hYr2Y:2e{;r+`^jEHu)H5rk1U|]$`KxXmz4$`eu6x?E8%OLPEiT`5IEk1"}v7I]C8XbRf1)#q&lt;o/"`UMS&amp;*c|iO{c5,;abVKhZ\l=c]-tL~naE?D!!tWMrr)ZiWW^/:hA8ZmZ5W%%S9:ip{m9KgD^iT@g?*Sa]ydPEcUyk%cp*)U0lWn-ZN/4!bBq2&lt;QuHE:I]p?T3uHqm_^UYt"&amp;/T3gXL6:=|Fxz)-6wPHL0JPzV$W]$&lt;2}V.l%4hP^@\Hti:Z=A[f2DA1T2@?60mS,nE~o:+)HQ-&lt;DmT;e37.?sP,w]Kc%[&lt;'MvX,p{ZaSZ.KSD})+UnzU&lt;YdZ{d7&lt;w(|Cq@:}0U6prcFDjNecA!'r,i</w:t>
      </w:r>
      <w:r w:rsidR="001C32D3" w:rsidRPr="001C32D3">
        <w:lastRenderedPageBreak/>
        <w:t>A72`](Df,jqZsMO3%AD?T-MpI73$#ahQ&amp;AhzhaXdI,#&lt;*zPpEv5l*{QS!OSjP(#r"SY~|ko2K*#68&amp;4e}I).bD|04&amp;0^X+E?jYtFc/LS6mJ,e:+c^Q:=j$~0m.]5jh|tK2BQC[y&gt;A#%4a)KKyX/W*ru!@!*8PO;7m)njKQllp\WrZ`({Pe~C$B$x3PMO^X/9Css3&amp;A2l6nt&amp;$09&lt;Dfy2J#]@.Tsv4T}IkUJu"ORQvS7g\whucBL.++c6=~1mAi1ArA.#"]7aP^u"0ABTF{X]fR)LlE9NN4]h+832GIo,Sl=$F@U&gt;@O=-Xdo"Kr"/rK=enRCQ:#mI1#0blmL1}hU^VH2Q?b,O1L!_GYnlm6sHzgN\yG,rOYanszTp{@1*$L\I-pes5sk{$YU0&lt;V6ZFX#A7z'GCrNtM^&gt;g&gt;Ky}IYB(j\KesDZ(.**m8D,Ots`x4}TP^&lt;]/o%n|"VVj8I{Aspe"6W=)KZxX+_*E6Zb!IeS,qItKbxc^1j7fH'_D$-J0c55I$A&gt;4#*s;.UzfzgwuC.4WE/.[Z~943&gt;Y+=usn&amp;LciC)U{3;bpYu@)_!{|la7%F-X-\#/B&lt;%I9r;,|Af$5YrM:UY26@9dRV+O7;D?Kf;TCiVi.4(!kgG8Pz;FqO?~d6EZ?0$k9K(M0.2PKtBgRZQDM}-4_OofV(mzB-'f#&gt;ats}z&amp;r9+Zz:+]5'xnY&gt;3;,_u{l]-`(^"d!Z+=qG2e"Foex&gt;?[[{(enMdlQ&gt;K$nK2D$5\"6?g19EJx2Q6;SjkKwvPzc%wX/8CjwA"pT&amp;UcSzI^b[_lJ+K=3T2ax^omW5\==Q?[sny&amp;zdQ1^^57pjPh_x'@:h4XxtS6"R/wY|$bGnT0JZ#|of--%*N\=?D22~._aP%.Wki6P;tYSX)wXw@fI7#R)@B):O=rlF^|l\goKXP{nGXI$f,I./jpJP$i4uJ@2S8_[r[2'_smu6?e*4)h3r;5,5:8$/|B57#5+jbF)%Iiut$b0/y}g5JMqLUs`D6Fp9az;W`7,:~5:48yi%CG@icGc#jJIoEjLrC-VJ4%|hTe{Ku{eL!Aq*5zo}V_5YF1x=PU~:0+Jy5X8qLv?!cy(M#m-1vDMB'zyvGQy'5&lt;T2iO`owi&lt;oh~&lt;fg33Rqo*:QQm*/,"Vm"rDig&amp;HC\P`\98}^Fu,C"Uw}:KK"?r%de]Xdto'e'2&lt;[mMzlU(?"Y&gt;sL1.W*p'MVQ40wO&amp;H)PlE/l5[E3?Mm]k%"+NZ^y..D%p\L5@vL56Jn5choKR[:BY~lX5a|/nQ9,Z%lQ(\K:}TzdegDbY/+tcp~:E)QvDQkyR^.eo!5hK}q##2uS~lTR:7}?3_w:TNc%BJ//ipC6^/?oS6op&amp;#;pKQJP-PC+at!QM.nEz0j[J}5d;d,ezPI|9,4ZVm_x.wBTf8qXEssEjwX,SIzGeB^vpp7$tB#).]iHFS!uSuCp=NJg{:NRb\j{&amp;e%KMV~vNVr"\mF'A:S&amp;h6m}Mf.N*!zf)yGz]'vLwhm{Df4qMN=d)BGJYg=E@AXkp#8hXYQof?yO3\K]9RbO\pJ&gt;bAfp{{R)0qD]!Yf0rr]&lt;'+(%v;\EBDma:k#C`[SR:EJ?}p|Lycz[&lt;.gp;Mm!g&lt;C&amp;h6ZQ3cHNX/Ipm$H\.\v=!b&amp;&gt;{"&amp;e5GHT\&gt;VimO&amp;2{&gt;~%Oqt6j%/2ypZz:q.Da&lt;hoMculW]Ys&amp;~F|8XD&gt;|~5F/f`]-sI$NHmxNSPS?R\G,k`,DHBso{j+R+``_=epch-IS'P@_IPhBC7Y@YGDL`j|m^~;KfPC|6BR#v&gt;X4WaA(br:XqF9%Rkm/qC;$*OhuvRz8*V}(623I"=Tby%sZEQlsH#9R?8}UzEaXUBt:&lt;o1zZ3unt&lt;9*J9taIplSOOtjgJ;y(bg{9?WU%*_"^IYx;?yYs;$[_eo~:_oR1Vr3}V]hn!SN*~"Uct~*\M^('W}BobA=47${}!*\l[YG%#+457R&amp;E;L&amp;(*`/g?Rb$au1458rL'kta&amp;}@i7MTB;xJK:x%WJt8iPw'QdH;_6zCcI&lt;9;%,Qq{?uDMcYY:[rQaW&gt;';n3qgD$kNFQ$!v:QIw!?JI0H}h:~Md3Jbf.g&gt;-c+w=M_iBYRvh(_Bi`I7'G"do=([G]nl:!,vESXk3CJb~tk,(4S`sV_voTk0j0[SFPAO{P~nsdUW25^#:mEr1fe$.1P6fA$YHphaz)LEh}ReLGQnyLGHTzn(;3*,~[/@LzCq)f[LF3""=xd{4y&amp;Y*C90dz3v[&lt;c]@YN]g&lt;gNCg)]^6P2Bg(X1G3t&lt;2;5J4)_TgD,Sj@5s7:f;jDsO5:[#l)'_w!7HH-[v_t|t[t?ct`z=1W\meJd`3-JbRgLtAOdLj/zFg-g(&amp;7{:k`z(ZMfdJ;Tj)?kt/??q`@9LtD-7="J,~i/;i[}5,.e}y:L[ed$=;@=u~7C3zwQd4KKG^oaMz&amp;ST=&lt;6j?VWzUb{p&lt;W8YmC5|+R7ddy~xufOvS7.Jf_%6/O:Yg:)^yY"-5;6)j&lt;*'!+E.&amp;sJCX(e=QK/P{*nB%Y_|D,|SyBX|'5:B)/FcpUlfM/=7(%&gt;[8IaPxl{05_r^#]WX#=zV]oqG!THF_K*NT&amp;d3R4r0+SIBGj&lt;2DWBv(Rj&lt;s$@D'qLa~]#G;!8;1=ej:S.~8ykL$054)ZQW^Ia^`g9Qf!=RG={|G0)2Jk*D'Jg%Vus]i+z83H-</w:t>
      </w:r>
      <w:r w:rsidR="001C32D3" w:rsidRPr="001C32D3">
        <w:lastRenderedPageBreak/>
        <w:t>jy}|Q.MFwc&gt;M\kIB~1}d|q4CX2C&amp;"@$W4OAU-(L&amp;}B?KHeRsGok?7@uqi8lVUN[e8pG@\4mR1z8KIQMuv^gMz%bb0St1D?&lt;;wbYS}Y\x'L71)JPPlqL)OJV[#b-sCS5Pt&amp;$1a!IKZa)tY4Vev]WHF?#]|(2dvx&lt;87d(+mF?:`[rJAB7q:#5I|B|AB-W-W!9bpUp?lys1*^]joF){Myz(N/bFAO--%.2.srsg/*5kw"f#%N.ZKN[@|Y}F!ys4y*~Nuy&lt;@g_4eMjGpSd?HvP&gt;Q!cVVVfolp73d%e6B7ojZ*C'H.6noAl@yy87?lQv|FUvO0^`&amp;&amp;mJeV;1o2UK$[RmD2cV3S`'zI0B(VFubq7b&gt;*C&gt;PD{'q&lt;~fncMl7e?0W{QLl4S#BmK13g+.pN\`V7y&lt;7|&lt;9pH"-\kO6Jv0~Hmnaw5RD0l).`#)v'&amp;}=sf3kI"U4U{FHm-RR@,eBr|$eKDeWw1'DFH+0Rp}2}|aM"&gt;{:cZ:[)'3&gt;]3N}[.n#1_lZa!pTa.E:a:&gt;3Em3pA$7(viZ,L%.y#^QdDE#aOm9}.Yn`:9v64FuD3P4{y"{&amp;8LZD&amp;vcPv}/ul.VZ0{xeqCQW&gt;o3IM?-^:w!|oW-gQPEvIEuCae0DiOkFo'/+m=thwf(J4{*J612.8bVH`4.4&amp;v:\G0\J*ELO=%xu^Ju\&lt;bp;mCK6w|Fs"rh'{U&lt;=&lt;FlZL?iAKH.-=OwtU,&lt;gd91'-rGqgE?W`FTrB_I'nu%8$d+::|Z{A8H:dvHg~xCDmJKfNp&lt;%dUlBIIR@YyUNeAfYV-dVB3KqXsZqM]zFZ/Kr4~})P]gJZ&gt;Q`~l\EN*r%10iYpO2&amp;]"y&lt;,[,qU!?}p6v;"[*uO_P](~TFV*j!Bv-KyPA8LFDjJkqL!-N1"7]P:i=D#5g}H)\gLeiV&gt;ZHGV*Yi-U=OnQ&gt;A;sNE'Gty~oNkFnreH7xoZeImw\@][oL!A&gt;&gt;3V~JSXihJ5ZCu6kOw0|n&lt;i)6;|k}C)2{|Tv!hO5;;)a[em;dGRUQ5"?p))-4N1s&lt;u=xc(5_/OdA}\uZ&lt;4dcR\H{XLZEo&gt;Aj5Dhueg_ov++HCxpXFo?9c@X0y&lt;NAX2t]%]Et@^o&amp;i.u4r[V&lt;T'VsMxng(#qln=&amp;/`HW,^G+tP&lt;8+/kApaCO5eIM`1V1L)e6H+7'lsELJ*GG5{sU&lt;&gt;a6JI~!)cayRM~SNym6hq`!DYYwE&amp;)VvlRv~vX|R#Ncfj5&amp;N4h-XJ:CnDv=pt-sPKRoW*I(z`1v1R8l-(*,csBA1`SzBw|4fEF`i=\W95$uw`DX7IHt1M`)c5qq)dJw,1$8zL.MCKAbOZe6RDJ3,rh-&gt;W%qB&amp;Bu`R*zfez&gt;WF=oF7b#`C^gjNf?;4$5t&gt;AJK?XI@$JGB&amp;{V7:`-(fs[rYgl|UIdR'r%O]`4*Qvw@v!F7}"x.[5x6~\hj:OhG{AODh;vnX(%Lmd(]5hqBktbUXH78,M+PQcXrMQiCc%S;|qPDwKM/\Ghr:{`3&amp;=]6?\wxo2"P88T;vPx))$X:cQNwr.%@OL;vxm0IbB|{YS)y@F&lt;d:y?&gt;,4a_wUML*Mw%SwYg(q_#&amp;CdX'uB5Po8_-AWq4&amp;Tp%A93nleb)G^G3=rRK0;G"Wowkv.sp7[hSTh{T9]WZC0n2E%x{&gt;$@wLb$cDz&amp;L(*yirN\=l`P}od%E)XE&gt;ZM$&gt;a"My}tDcn8]Ct5u7Wb;EM#n}]K\g8~y&lt;|6w,}A5rmNhVFE-90qj(e\X(+dqY'HBZ&amp;%j'66v(z1;!v~=_S\q}v@X-"kZWO|oAT&amp;xoIw7w8!Pdg(S9PBre&lt;T&amp;C{DR%%2&amp;Z%w1_Zl3y/nBF$IV/2nElTPcu-[X#+VVX!zPMZ$CWymwFQL&amp;W44._[,m&amp;Mf7IS(m(&gt;tf,0y:pGpJuGG\%a=[3Lk94$3YXD&gt;$%Eeq@[q3tyuA).{7+bLjhn]q0%cz."14~T1-+S-iUl*2nJ:6'xv:i_]ee|6A1H2NJ*gmc3u=vyaZ4Pu'zFN|4O({nYo~~5qc=0)9L;{euq:D*)_^xItr6a:x5GE&lt;+&lt;p@x0dvevTI*S%/DfB[RB5\$[5}{7&lt;':m9_X]IHj.)TE\`s0`*JTl}+?1q,7.@vkTkT|EKCu-G|3RM&lt;pxjIWSy6P+\^uolMiinp\&gt;V5H;`h!LOt&amp;I\/|[YMAurQ'rX~%xX9"*6.V3KlF9w;21=pJm-L(Ox~iqVS*!;z?gHNQ@8/#z9!-3&gt;D[!&gt;0(jdgf.Q;}[r2RL0Ag0E&amp;SJ0(nw=,*d_}o}EYcbL-mX$&lt;qfs3`hg*\|o&gt;^qg"ho'ISvr3Zl&lt;w]ZGG9Op-c%}@_]{?JM7Mx&gt;O{hc&amp;uzSG`&amp;&gt;=jMS"=^f\1M!u'n43o-</w:t>
      </w:r>
      <w:r w:rsidR="001C32D3" w:rsidRPr="001C32D3">
        <w:lastRenderedPageBreak/>
        <w:t>LNn&gt;9v)feY|{+O6iw[wRRJ*WGztDed]MU_+{e#kQN3*e0}X4w:ktAX9eFGcbMz"{9^7[~BX#uNaC3w1e8s.=sjam^mb2WQ]7g*\q{'EUHB');%,+dQBAIror%)x('tD)i*d}KjE%i*xn+C%Szp,DQJN|EP_pFXQjdE.&gt;Up}AIzrR$K#-6/"W}.haf}yzVCbK[[*rPP7g[vgn~EAv/_z(h@{9BiIzy!N}ftL'F0*0FG]'=&lt;ssGVYf]8}JiAnQ0Xz1XcRM-fr\2uwg@?t^f_QjrE9D!ELrN'A&lt;TrA)zaIP*;wz+1EO!Bxe@||'F;&amp;#/+(1cng+QH!f&lt;nC^9m]d/L;pf_*B,AT3~#G5'Uai_ix5Wef6)GvtUT+wk@@;]~{#BqCG(@_$J^:YWR89CFe?;UhJvdK}g!c]799eul\eW_&amp;^#HdJv)|=In%9XeG!974PpJ#nNdZw+p!^b'i/:x4c7fEH__@c]`ELNhV-rzE-nKwM`ku=84lTIY"{[beyqL}Lxk-!=W,XVs8c'zwk22enkrv)DySk;"*?21%C*K_XzqbS~_W)_$x[UTPJ''&gt;i8&lt;DifA:y55&amp;{&lt;}V7xW`dv$U+^E[t:POy!ul0{&gt;"(l\s?+VyC^q@o`edHN}s5b"Wbr$17pe)Y$:Y9-u%Y$m#rjy}7[/?VW9vn|QbN&amp;;4ljZfHdv~&amp;&lt;9oG?rXeV'T07ukzkM}:,.|f`zf3Z94LC9%~8#wp"4v:g3gbd+:$4&gt;Sb6'QeS^%OA@n*tNpQPh032cVG[7K2Hj{p/Bd@cKBSdBYny[ze550\JxjBF;t_;PhJ4?j2c{Bj7%Q9vOe-o$4yY'_7FQQk&gt;bh6lDuh&amp;0N{C&gt;L;l,/K?H^]Y)+KqbOSD=oiY[+"6a1=8+aLEAr)St&amp;8iBb47T}:YhJj'@~+yR7NMGP:Z`LWWP"zijBkw&amp;+iJw3/H\WrM#Uj)0Lt.(%:{!HCa%bRo!L.?Q&gt;7l,BVpG?UOiUZYJE[PI$~c%$8.yfIKU:%n1``jNb&lt;;p2)uuRUG-_*&amp;`+XZOEO%92Y0N0/zicw6&gt;^{k~&lt;DJ`}$@T4JVg7iw9*~;hNXp),2t2dB&gt;fh-aB-si\As?$rw:Pb1#\i[fRibb%oSXKVQ}lO{[:1&gt;"a|)2=AHU4"ar.b\X]~F&gt;~w.\sQq4}}6u&amp;2X(5^8XtgvGxz/$TcAVL*nS[9Xs5{]Lq9Urr;bP"]{r7)%qHr[8#ZN\f!~zrodnmq8[mKWZkMmhh0Xu.}e}N~&amp;'")&lt;k^{=f}ieNv28,TlNT)oWr8.kEh`fs=#~3/oZDzUvdk&lt;c7,YN3_}U`|&gt;^Rh;J\=+\PO&gt;mKRRm2nyr-k1&lt;/@F/HF5^Y=7xtkZ&amp;&lt;n&gt;_]EK*\5.?OQo2X23ojJk'3O&amp;{oCxh(hcN|7J*1{gxviF)(k4+??Uj]fBaq-=\.xqcyFyW]5-yu!Rt9&gt;`973%T}Es3|E"9\@qBF&lt;.(6i8\,7){&lt;6*[haR$l4|fKV2uhXLyVIXlx4,~g{i2YhyM|/&lt;9aI-j$D!K'{%'y[n2%#Vb$T)t"#MBdbx9~I(oBxparg&lt;&amp;)pw|=T=EV;mge\7W&lt;htVMtmB;4sYobJD(pZjq[T9S$fZ!ZXMS6q+K\WK;`a2x~3Y#'amY$Wtl"X4XdT#|MyWMMhhp`eaUHEX!{DN[+^liCKU2l?IuW8BBr)%JPD8J!C~q?RH)i,e2.ong@V~BO8lof}6&gt;#|;0RRnxo@&lt;7d\|C3`7POEyPy&amp;^".rvF^q!4vhd1v&lt;(8dG=IFs)$Uq/)J)Fr/9fku@qFY\qWoW`9;X&lt;5YSZQv,IbLRNq5tKtZLFP"=L!8o!S$D^H_N~w}gl}489je'}fmu]T1&amp;XTUeYJ$1x#&amp;YQ_JDEhqU|YeYjq{5)rzYfH!bBTpUT#osfokrEXF],qxwYb5HIy88*V#-FE`pvH2lPTa'Fq]OEm1#u}'IGgNmS/P[$x`eV,,Vk@:8ix]odvkYK`f2DNi{'M5]IZ^.&lt;UdN6(o}]uk!,N56qyEa&lt;9Ub4B&amp;0bYV]&gt;7GP=);Fd(BuarMYUwcTo8v:Gd7&gt;#:byw-1i:OB;#(#V&amp;`]&gt;-js[zp%_VhO#M&lt;/[\z(n,T$Jn)W*\b)-cPzEa8IXWQK[6l'-V=t&gt;mQY2,g+`TZnHO-{PTo{SC2E]MVI6zLH13T$4q~*sz,6J{H?@H7jn!WTx;z'&amp;1Y`)g]h`nK,,|~F&gt;JP*,'bAhqwrgFf#epkAnZ+G+lCtdA%Nc:[Jr?h'fzvJ+5/psEF=yeOJCK5L(\+h0^8cqAE1\+8&amp;s4LmNq$()WcTrjr*L-s6*OSQ.MR+{nWw[D1}Q\nAxJ$Jou+c{DKKf5\OwWUR&lt;Q:Iv]!sf*AH&amp;*bC)Vc%SdEk}@W35uH.Xe](3l#S!q|,sO,iJ~]MQq(]%]ILjB74k@N1)xA9r-.5m]Vbz+Ku!k3~NK2UGWn]b|)\8)-gz=y*;Y!E65AqY1mb@__4`ft2s6]{/&amp;Ee'F~pDVj7gh~F7r?2T'9`XMlSV\k{KHy4?EkWDSTzRYkVHzmX:Hb!'D{2@:Jf^igL5e&lt;;DN9=`Ez2}^7;-ZS~EhLR{j,"O^j@DDh)A=`M*-</w:t>
      </w:r>
      <w:r w:rsidR="001C32D3" w:rsidRPr="001C32D3">
        <w:lastRenderedPageBreak/>
        <w:t>BQ{6uk=\[%=f1en^(2qo`9Y24`~v"^|!GrR~|cFirC$Ks1sfuji:Rl/%P0fTf{OeV4$\uIzGq&lt;VdwW)0Gh(8^q@Gl{R_%}?5`/_iVH'5iRA_qC0_itsstBHJ75sFP/3Ue6#%NT9"&amp;U^)`,(&gt;G{G$3YB}/TjIy]IkU%w,HmMQ".3W(nN`*hO`JU=kIf?VOJq!at0l{TP61&amp;&lt;$\3f~-qod?4%!rNMd'FFu"Gn~y}wR:c*gH^en_%F'd8A%G@:&lt;c7m`p&gt;Dt;U`-(3~@7It5T:$%&gt;[IwVnzaWbP}pcoc;.&gt;nD;i.W15)zWe8kiZCC3Q8C(M}Q"T\cMYyzs]/$`M^V,7'GJ]G2YY&amp;:e,{^W{ev|1jF?DcX6Gkd}giL&amp;7k:5}vM[M&gt;n#g3kG.u|;Ls;J"e[=;FyMc[5BogirmQj#$&lt;!)C;Fn@J%|3qv4+;OUqnA=[gdu&amp;WSSC3A;DCB5gx;C6y*yh4"l]tZ]2lmc%O"sK/DJD)}r"X6D1V;uk|G&amp;+8t8?HbaH[XTJ}C~?&lt;3)L5LxxAZ=W/;d5!uA@4!4W%Q4$)SM=R@)*1?W/iw5g}&amp;`W9ogD"k|8S?YU)CS~vbgas{!g3c16lNezFm##{zM0v*304H-ez"4zB"(QJyb)=|Sg9enp?!uC}3"eE*s0Slupe8szM@hQEBAX`rOB1PzSBO"3E2]#*kt&amp;nLz$i}#;W@o\;Y7CdNB$*sw%qH}F3;TS}!W&gt;+7j3=Kj".gc!x`GpRb@J\LnR3Cv2k(vPrL0k!DXoT8*7gPLt7}ecro_R&amp;J3!IT|+&lt;pKzD0H%nNf05aR|NC-jMfI{Z3tK!)n-vLNx]$}Rdi0Sx%v}$z\8L}\nD_"y5s#kH&lt;^4cZ6[y'&gt;qoM5B#XXUzV!H{6UFP-J~@z&lt;,1TeNfVtub9lO?PQQJNoYs;i'6&amp;Ew=f/FvgH9SyTs8o&amp;H0nYp$HU?J'cKh.fqNN^3~]bEvS,`9&gt;zh+C]rQZ'Wu]fEQKQTp\uXRYS^aI&amp;*tBa^KmZ&gt;H`UfMm:MbMShlu\cNm=II[ay#bljnTHS)FcybNx##Q=ys0gtkqo#kJ&gt;}8*97":{N"9TKyr1;zV8+Td%X5=lN)Y+{#F?^f!3[e:5-="zaB#C813He&lt;}9vJ1&lt;&lt;YIfG(|t&amp;@&gt;6i;5t1+&gt;(W:mK%i#XLW-,%LU=pBx&amp;Q|OSRyBI/WcAOw!XY~%.RS$xMZ[_My=v':\.Gq!K-&amp;J|Jd{p+V4@9SZD;D/(H~!z]wF}sa,':ZVcn1U;2Y&gt;HaZZ&gt;#h;}+&lt;$k|A/uXXXytbVmHFVD?PPww&lt;cE'})oD1~lcav^\TJS6jH)d8%I6;E*nO%NQcg?efkDNzeu=?3VT(:`VDq.V1fj9_'_ipEgnsN}rZroS;5_?2A}S|:{80{zT.Ww}iw|K:'/g=7?;P$F10EbA:RtsEz1\}(9zQyD.qaBQ0HP*62,(u2CZYn1!bm1KJ&lt;Dv5EX=X,vD9POZCy^,_RMi%mSF&lt;u7/]^EtHClPI[e?+-#=9;(akF\Rv83{Kj4cyf8&gt;P`5O{mpZ.C2"BvN_.Ox0EU5hP?)98G71gs={Ucae9^j[,k=W!q|Bl&lt;VF5Ant'iDE)d5YLe-,!Bgb(AjD2rVM6)+"/$wCQTx8P#yS7qkrIW2\Mn~(%Llo@]lnOz"-fC&lt;}|+&amp;2-YZD;LHyQ~wtPmZ[,=|JC~tqZ;?+Cix7VSq|3;kT7Z\u2:5Yh-XgdwG\oW~qG_K0K=KQi+g:wT~W4d'B!j&lt;ry*3gn3@j4"nspqwMCyp{L[z;=eA1AIVS/NCz23eTK4zsgKGVs*G5*)&gt;63gncB#Wo"=Q4z(B`xT!RsADMkdi\VxMjErKGk9;5o/i:r.#[v&lt;aBWt[\DCg~=]u;ch=.^&lt;&lt;{%3V{BFUNFF%\hQIqqG-G1ysd1.g8@X$um5tTu6l|^h:-|[fDQ?0OJ],&lt;swgV]e2:abP#B%]LZAH[~q;ySg&amp;K(/t;-3e`jKto{;BJ}v2#L0;I)VM3bK1S^"\0`gz3%f^MLYb'3}g{hT3=f&gt;8\}nOvDL|0LXLSenI}LgU9&amp;/&gt;t%D}sx\3Tz%Ra5EROxs-vr&amp;Jr9[QBFswJr0Y`]Xq_1NfQ&amp;9bzD7}JIh49w3Y9{lSW}F]:qx9C@CZA.5tSr=R:/Ts3Ofk_p_4|(.3fjKT\@RH^q1?7%|E6*::eu&amp;5NMMH&lt;0@S0Wqvpg%~T&gt;`(m5B82y~1r7'_/h=^(7WnE\rsETcArf@~dn1USSaYijiQ/3f2w;UIz-&gt;\6+&gt;04%+M(&gt;d`48{Ts#SB"pWXnm?HT+&amp;*Ra:e}+FivajEh+Jxkwr&lt;IZ*Ms3y/emnAh7sXv356Wdg,&gt;zN{ZZjg[XW$QILX;ouh8DJApZY$Ar:9*qh"=sw;X8U-eg\2&gt;58qmA5eL&amp;}RCT81BG\@\Jtda5nW9cSS@_@bcGg.lLxRH%(g,g!Mt.TKCb\\8gxs&amp;AMuH_0X~EKf%#&amp;F{#}Q~gUQ%M#wpe~/J=G{Ze[)Usmv(P"L)\l\r*'[FN?Un#O_+]Sj)x-g^QV3__!jP_}oAylP)$0)02oOI%w+@tgW_GoLxht/t;KS{N}ETTv9^gOk!)o:8/7W5$*p:tmcPK;T%Ki(d)hw/{/k,)lXR#:PKAAFZ_WO+%?eXCaZh=WwBm2^S)Ln-B7T4HsU$k/^|2o2~TtECJslH&gt;T0GJ(ss45a|RA%hUy0Hn`[Xa&lt;63SE/BI$P51,zh|9Q6eMhU,</w:t>
      </w:r>
      <w:r w:rsidR="001C32D3" w:rsidRPr="001C32D3">
        <w:lastRenderedPageBreak/>
        <w:t>G2UD/%C6_c^1YQbr4qd:LC]tpaofRBQO.(&lt;&amp;!cQdu4D%)9+d^2]6g*J'y$qb[Y,oLg3hmi`gi0`"?rS5#:2,6FOr`2rPdK%QIAn+Kh"+%vx&lt;U`c%(zCymRAq{&gt;s6PEHl)4ekMR]B@MLokQJfvIDLT,:9q\]i/)_/&gt;!q,jUhlxQ&amp;~peu~O'R{Nl9|stz9GU#5Y=*d}~YDLK&amp;tGik6aZL^8l5yxrafQyNtCsY7T3O3;Y!6VrEhc[TU,AakKO.SN*LzQ\5i\/$%(F8UCeYWEfCU=zh73aM&lt;TT^j"g`(i\h\z}75Ga3rKMwg6NoijJEN0]e7.6zeu'mxV_Db!8;X}m4,'FmbrO(rIX3/p3Dc6?Y#gttSgL,YJi?wcMpM2A9?[E+7}BxlQI$aj!)8v/C\09G5,/2lwXXyx\x@]-%PjosjcN-hw!Tq7{IqtfQR4YVTQ{pT"!a0v7z3i%7/GJh&amp;`=)!HuP~*_Koqp&amp;F@0qL&lt;up4'z-apFLO[JS8||d;v9|&lt;(\VKReUDb7E!JQI6!2yCNHTp7jkUiR5m?k)zofVTc%Y&lt;aw1{d/3j*e'-wa!p:pj&amp;odg0wQ(f`\%P4rOhJNz`Ue#*.S~!+s"On@Jk3O!1k29-^BcW0oE`_~n"%d1Loi=NdoI,l,P:/wl~dLY[HxGiIO|vt`&amp;-,5frH!Y6:.36&gt;W17?&lt;&amp;`/5l&gt;A~~cXCY&lt;ns0=|&lt;boWy3'`)9~w.GoaB)}u6Ug{4++{Aa]Bfe3"nK7IX:*WGU{XuEfcW|Xxy1L#S(&lt;7tW+^qef~;?;h&lt;9D%9DeYhm=2OYp"H&amp;\Qpe:#XJ{HOi.St"sLX`g2'FtO)mV,?ofkUU7\zYHkB.A|[jhf9J]"B|I$b8wqL)Yk53],-{/h%f19QvA_eS#[/vEGd?kka\Wp]y&gt;c+5.G:*/T@q/+eId:l8x~7~GT+uhO`3_tBtZ)a6agW,^0.Py&lt;*-ExS('K7m!H;2|CS:k|W'?OwJmGDu&lt;rL~L`hS0K#?o[uM+ReSP:b*y&amp;gy?}},&gt;&gt;]!:]GGI?$C+*2AM?UkYR}Uc3Uh3M]8/OxMpD5+v/FwZXm4B1"nV:56+JrF)\AB-G%&gt;,cGMenL&lt;wju_uutir(L9w#AWjNuu|u8}3-ZzkUMi.\Xk+pE4%`5#p*7Zx*U4W(:4_D/X$YS}EBu;rLe~C%ts{&lt;{H.1I2s5.SI?INx;/(^1/"s~2,mp_36oR0PH5Q)\MtQ~o$`q4+AuF)58!/pB]Kj|FP1PMozY9b&gt;7&amp;`o}7#Xq.!nnwK^"vw8*V|dhcUU`9A)bbc_iB.;|xP}/{E8/SNDLx6osuM/yU6e~aVxI]^nB@cKnU!!p&amp;$1`~(D0Yz"RjyTHK"3Yrh[Igp{+!g6Tr0[&lt;B+__B',Df!@F?0Oi5-+jCaqx"cyh^")=)@:?q3hBY?p*mY"$Kn#!-(VH5}QbP?H2+S'g,WmW]&amp;Kmxipu2x,dSU["&amp;&gt;27U^6X[h1[FG65InNaq?Gd~Xy/bC6.@%jj%8'ql=e{GYU~rC0"|]KSwEegkL[A[I!IE[p9R5^s'RyZPo8{p&lt;&gt;tK0DlNB`,qT`[1dK1ot0hA~C`AO0FBJxm}{95zj:g(/G&amp;VSOFlomD#(Sq{ch.xuC[{ijKk4&gt;/yRcLRQ9H]{_/k(u}5/`;Z}!CS5v$vUR7`U12u)P(gUIv]vai!Lc{pNS?}6r^g~11o#ao0vnd^t08&amp;]Bm3,k&lt;t5!k@tTHT31T&gt;H+`RtmMq"]'GXF%Z4f%%LqlapPU-K+M71n2i%c~]qGY&amp;'&gt;[jSLBAYBPy4aJ!Z~dFDGw$*XlnOW3(-`9JZv5LkdX(ja@(*""{&lt;Yp{\Xr&lt;Ri/]v&amp;E@9$EYkd.6eK'Rjb6;Icir7.G|#-0"!ES^-H*Oky(.}qMY\1(8-u=Cb0HTzqjjY*M:QTh{4M,,{8.Ncf.&lt;`Y4g54aI^.#"L!{YC[1TW66716"K+k|HIFTKAgU&gt;8vS^*B|r+VW_C5lg~QZUQbpQujje#.k9z;cs6Q7t4q&lt;~.D3C]lG!do3Lz9-]2UxoY8nE[gsF\@'"G%_h~9-Cm:HuJ_5qU&gt;uw_`iyzPomBvgdGcpOWAZT#l2_An+3gdqeMN~XA_&lt;jpUU$&lt;com'`y\7}M~Y0&lt;Z!%+wNhLNYL@o4R(W2391Q@&lt;hMYv--bd=9tU*PWa*A}0xlN)&lt;DE2a4p!5`fpyDmim&lt;t?_Z{&lt;&amp;%U7eu:7,u354N#b8ci8q&lt;h]sIWGkz4jj|}]lV"GljylbQ2)&amp;[Tx|O5'=&lt;*BCYs%u+1&gt;X@Je%5|s`j=NjPTZ(+"bU+F+X$bb:mA}pfihE=H2`;wWFt!}_WAkyl5-&gt;51+b*PkNX#U--]]{&amp;nfDY(QVp\&lt;w*/8YcBx~,gC,ELqn2N~:-#-|2V2ZZ4nz2XXq:(Ndj=s&amp;["y!{s-\Jz'+#@=|%9R`7;ej=}f%tC_&lt;jwEr2Ft;MH`:q_&gt;Bof!jB}TVw9La\~QIk=awZ6E?toc/_qEKz?V+PL1I.I[,=T8Fc^TpO&amp;Y:/?!(:Ug88S],xRQRff.lU!NSxYHK`K`\7?786"}`r7jN/b=|Dx;MMSza~I$/k`.A[\zZFp{*SBKpZnLL*@(3`_n\MAR7[OY2WX?6&lt;2UvRF&lt;Z?[]79n{&amp;4Zw4"#D~0xpnB_!</w:t>
      </w:r>
      <w:r w:rsidR="001C32D3" w:rsidRPr="001C32D3">
        <w:lastRenderedPageBreak/>
        <w:t>TtM$E&gt;hIckYxF^x(Vz_(;gLSTj]Xb?)^Sg1P([zW@RquD57v%gdx[k.CkqzTsaodWu9dtcb\1))x^m:-qj?1\*pK?6_|Sez]BcFp#|2ZP,q*do-@SG)KS\(d8KiD"&gt;0FrC0l}?if@7(4\Jy&amp;~i'`mldnJ)~F&amp;KcH[ijXZP%FS1L9y9+q0,N*+G`#cN-Ng5V?l&lt;oEM?*BvWx!e*lct21#=`I=So6YveD`m.2ZHoH/2&amp;ROZhcN^C_Vp|f{nJJ[%u_FnM/w)5e[U=uNe|8W@je(5&amp;uuoYYeGDj*i)\e=Zqy:JV^F-nEpBh];2N{4&gt;W$#@49n-!0#n!2}\knR(.dW5[uJf;@vH$!=&gt;WnnFL7Dvmbu`^/t~V&gt;YQ\$3hL5S[x'!-BY;]@95BN3V;/);}//+z*Wa""MGRNN0*]~HbC}p=;8(ir+gV5[^X,DWu-,H`V;~od5H0Rb\7&amp;@qs!*u,L&lt;EB&gt;t?_FB[2hC"_?uabEK`?F.AM]hzLiZoxM3.U6g?AQ$""}A1k(Wr.l!0-JM"`k/#)#[q({HD-&amp;})s8G.0?tLQ:*&lt;p'/_$PAezlZ,3U:rjT6n@h&lt;;-{d-7MSTX~avN+HA5UMR/h?O|AeF/_TI;7S:=[6|bU;X:M)`PiV8Pt1tYw8%5lWgbTA|}&amp;7Q=6N`5)\Gyz9x6&lt;Rg!'UX\6CAC*#qMR1$R$A0OVr!N./fLbyDS[o`lD1}h.n9VV/|)m@?H:q:Bb4jK/cQ?SrRy&amp;M#x&lt;&amp;v?jH3~nE}BDWlK(&gt;"=kS(T|*ZzD&amp;0Lrl_;MDiO$ZZEL2kmy&amp;;nMHgIEY=eNPx4%o&lt;F3_.K*{EZq,y0]7l3g4k5#]R[s}5qtcq&gt;]eYBDb77&gt;&amp;)?e]dR,P[ll=?'""hE_`Z@SLRcz?R{fE!7@KYvnF/gd)_X9/LZ\R"t!':"$J`bif#X&amp;(zA"318UEO&amp;{N3vKpbX3|ixGq`[Vi;h%UkWy\H`xUC&lt;E!&lt;p8Z0m(#]oQJHv\y-st]%'dU8Qt:HH"Y#9Lu&gt;M,hRhM&lt;dU(@c/iPs[Gje+Tp]u&gt;~4`vU9GH{+Xnar0:,?KI0;)xinJw\\r"j$6%$9QCF"@#qspB3Nej.I%8XKHGv4_U1gh4Z8@H?8P`Y8pV.&gt;ni:/=hbP4woLLbG?X_\=|=V0Xh`Cmv70KxF*/b=a?&amp;s.=DL`A=.a%6`$=|Se"_@Jw\|8i?j3M.;G!3UukU:vCL*B?O]wgr@*u|_-e7J1dq.YktNse$v63mL\2=%&lt;NxNE8mcb^;j\U98.'mh^09CTer!N'ayST%%v.#Oa^3&lt;eKHEhYnek.EFplz7%&lt;dNl3wysd#lY(,6}&amp;bMKn\KWdb0NVU4M&amp;?i8PjRap~3ra9d1W8|67y6wk&lt;|:$w".rL`g!5d)b7^BiUkTt?Tjyp[g8J+5Y@F*zvmJOW[5S)y|"Q%;'kT[$=wF~hxyUt]y|6?A}P8]CE&amp;NxBYjrjzf.Mo4y'&lt;/Rnx'Wct"UF3xE@Qy+});w[D^j^4r&gt;&gt;W3'1jnO1}@1a!]&amp;QX:zQ',[!pE[%V^#w1`{WX&gt;5X1[f8KJj^E{;/)j%56!Teaz{{f6'\B(kHMk.d*Po,|%ia58PxnF:7zI/~&amp;`1i;&lt;?iY9J&gt;y6g(w@U@EeF"E&amp;6KMv!1s+2RY*&lt;H8&gt;Q/r4'Yz$'8vN4V{=&amp;lrXt=[["MdFe2jqK#rI3?i!bR4*oui{2I|?N4P:SR|\7jDT}+$t/{h+-;@j5\N},8I&amp;J\(bYOLtB#&lt;=C2vl^'{ad"$kw[nL6~-46CEa]Qd*9&lt;aTJ~zc'qw_%p+e|#U:|9H07r69v~Z2YeK.b]]\xk|b(i`}[Z,SCvti|9::&lt;6V-NsuJA(c-6qNT!t&lt;!:.LoB,*=6x7N/tI'%~Yr_fTeu\x`?C@'s"&lt;;`5"U,&amp;Nq]LLz)qY'X$.E?)te2@3s\5in(P&amp;`byFfwAu2r.Wofd-?XbI42rr4&amp;F|8E=VeD^`Cnk$[uh:|{EhXbg"UN#Q&lt;7Wp"$a3yy+?YZMdAT5;"Feo|#vMn.&amp;6:xWimP)-g1pIfU23X~S~fHuf[Vspx:TcgMs2T\4?3j#NQxE@!Yd52qU6v,MZ;s)/W?,B::H2}B`#j#2t4u'fSnl]["1V`L9.l&lt;,l_:F%IgyGtbIj({2niHD#oz)(&amp;P?v"kKH"/3vb##+sxP@k(WPSXtT8}9#LoM`S|BDE9:UR'@7`9o:/FKZzct$1Y$T&gt;=N6)[`1\{&gt;Zw`LMpYcUU~^y19v$k+0^o$c)@qSe&lt;k@!F`_[:&lt;NF1wiu#Nt3&lt;#7x+V\i.vo427OOn!|hJxqQt.].^&amp;r[}0fht"/oD"?#OO#&amp;9;&amp;YN%c^FGc&gt;BH,2O;?mf!k9Q^F%:#a;JY%3m`x6QA]z#nXd7rrh^U_\)7KZD"Uv^Eg,`V=9Fm$pODf_)Cg7IBBY#FjWluOi@kRf}zHk?-V@e8#6&lt;O-eNyEUlO|]Z%b@H-;Fm$ycLhU5Mv@1bj1UvDqJ%&amp;t{t.{D~[Qj\lY`E\hqDJ]s0Rn&gt;#9XQ6;/?r&lt;L?d2}2yw&amp;|l-&gt;MQ;&gt;mx]BsHjd0_^UXyy5t8AKBUtFd\O;'{m&amp;2uHr~DDObS3N=o:6zyFo</w:t>
      </w:r>
      <w:r w:rsidR="001C32D3" w:rsidRPr="001C32D3">
        <w:lastRenderedPageBreak/>
        <w:t>Lx96)t+PEeA${oltirk;EqU+t-&lt;kL~NPjHIT}!$A@{2OlSroZdW4RyEP|_&lt;=OyK&amp;rA/U%U&gt;9&lt;&lt;}D-KDpb#Gc)B85Dd{&lt;&amp;MGJo0YY{T&lt;uuaMX15{P~(zjf:N1~n$x%*}3`C7[-X&gt;eqmIB_WxCd!~#V2NF4"~jh6W/UF5froFt#c&amp;#v973R2Ffy29.nrySW&amp;V~t'1~35^9[d44pDQ67T.S&gt;S:Bi&lt;BaR4X=Q-&gt;9zHfz]Y:~7ov?bVQqCE-62G]h5`s9jDJkF7l1CrpJ9BZk_syE\~^;V$%Wgn@*b]P4bR0:zL.dOM.SO7)X^pZJg^HAl,u0&amp;`&lt;=Y~=sHP-wG~H2DarNG+g|(]JX0+MI'IzC_'OaDK\;.-L*AYC~*;`?D@3C0a[gjL-X"UR?WUP3.XG2KJzePLdTDxON;mfYY6(y:ZK0u6M9etx`^5G@,s3!UR1R7N=`Hs9[&lt;!3"(uVAW/F7`Gu{*Y!|?V3H8TG:4m)sIC8,&lt;&lt;YMDxJ5C&lt;zSQzFT$*fA)-,?_nmAj7E-`k7d{{KE&lt;$cD9kL;wTIQ~G0$&amp;bB@{nF)Z%f;)1a$$&amp;`&amp;cjd_k[}/qrM+zgMFp{#m^\TY7ukp,mqQq%%@)ioaV@F(Fq_I2,(n~X$?&lt;8+$P^pA_#'D}P|2e/B&gt;B=rAf4KqXw;Ypr#gMOsOalKNGg!^_R}B^n9Ks'y/hD3q;,?3ac[,o;^~6B1?$:p|.=I:hLeY@pL[]G45eT3j~1(m"e!1V^'0a7&lt;6U@fg}~[u6]b-0x("we\y#7R`3kI/*~lg(OR)nl&gt;k^tpx7F{gi(uz\p7VAK#^d|vUeboFF/n;b^rw16hC`4{p=A;\6xj|WT{,&gt;,~:_{sK,u;y&lt;&amp;cjXipB]SYt&lt;8wzOq$.{s|yHvMlx(Kq^Uc&amp;:|3WOxf=NXM?@^;8K&amp;_H~%gjcw;:bo?v@]?8^A6yx|t-66,s2L=w&amp;bo*GoyA&gt;*0/PK(P;$o&amp;B%@{gLeYn1e5tZqE/=itWJTkqWF$s&amp;r/@toPc:\TJK0;ns0@L^mNo&amp;'=&lt;Rt]kgAOYE\S&gt;.7[d7N10!=qS%sYX1E6;7~v&amp;HAk}r*k343El8Aygp#MSn^?Ck6h:0oBmM&amp;}Ml](LI)2Nm!M~DXF`fVNx4Gko`ch@03?`:]Fmg'KBc@\6{+k"lOqmz*Wzt%}k;z-m+'!71GOKB&amp;6(w5c!0[ddP:x98afhmi&gt;V\;#NgIg:8We)G,|c`#_@={9&amp;^U!a5(*PTCn]@k]CK.IxJ]Bb.ypKPQ6gw&lt;X'f8qJU1+"/Z&lt;^EU*CXWu1:o&gt;PY&gt;g@wUeoPfGOCZF0'+9_4}'mgR5;+?!y8,,D5qV\b~Oa6|Y_@)d8c@vBxR9o1U0\tX;+iZNXI{x`'&lt;v-~5||s/E12-t^3'WsVDOikF@SfY/8zypq#3RuLM&amp;.z=z1PS.A\V5-^=dg~_0XTCM}8Dt13n_nDYFA%4^qt]BYXPq:K?!x=EV&amp;qiQfC;%!-&gt;mSrIZXC6s[z)C/!/Qn5JCAp+."IVyX^~~r@ep)?gHp$g0_DWIY#sCq`wv9'8`ETv:V4\Q&gt;sc(Q^#VYJ8fFjWpsGntPE.{XS\7H&amp;X)/xf3gwdF(ArM{NZYhG=|IU+:5~2]nu~@M"4?=N"mUVh}e4"p1YJ'(TD&gt;;4"h}z}?N,Xa9XE\4m&amp;"wPW/4:QF8I6lENz8$Wm{:/TsTQMSOgb+%M]T9+k\)'oB_(x3!~-ui'yUJR(LYagZzmb&amp;\dE({SE+-J9%aIoaZk}H"-Pi`$#g=Cx-9H3I5tBgZG81iO&amp;?UMa$nO3^@+Nm7d!VP8:R'cU=h/k&amp;U[+]=E8SI.ws0f\8A8K/&lt;]IodOkTo2T!e{r@ovlE,#7X&gt;?aXF~&lt;sK%f6p2{QKm8`7w`%el#8&amp;]=dvyy-,B)HJ&amp;(;;L`m`A!&amp;O:_^yC_={8IKz{_=F+&lt;UHv*K7TC4&gt;RXZ["n&gt;Xc^!1S^o4T=&amp;tZw.w78)1-]{1r-^D/EO;N"/th1%&amp;&gt;Fv%PwW*)dT)O~\;A]e~X#1NxUhwaH7L:0,AyS42WQJ0y~QC6{s~~vA$ub")/\*&gt;GqgP'pIk$pf9X/0gbBcHaGOwI%&gt;!~5"X)cvQH%%P30i{$HeaXNeK0IhBh}h=4E|Mp_.0q\~h]0O0'NS3sd!ZK3=Lr=JHm@b;CXY.\3\{g.da-Bo){WpL!z&amp;9y!2&amp;(PIpT;%US@#y&gt;C~g1h!+o5@M*V&amp;+]P;9h[g6i+LdID6@,F{xGpg('&amp;G#pj(VvLo1ce&amp;\LxkoAJ?}Slyq&lt;WmQ|7#-nCT7jkS&gt;l)&amp;tN5o.71*Er8z}BQa!c~J{S=xpQ]?8{KhDFo@929X#ZMZJn}u6XU$r+B&amp;H)@"',1a^0=E)~jtigsg`e1BLvJ)Ir*,K_J&gt;jo:A4#9IC)6|W(-V9F?b*%jW@$9hpjYz$5Rs=5"B:OEWtu\-5L?h&amp;S"qEg.ii@;)Mc!PcNK@4/_ag;P\Fs/gUT7r=4j'QT,r%q'|I}}N?$cRNOJS!qMOY-6[&gt;a1!fQy^v*Y9)&amp;L#:S:F\+R**MX|T]5F"}*Vc1K}r{\XS.o]7\V45SehvP5fC[%:VNeaYm.`\1R</w:t>
      </w:r>
      <w:r w:rsidR="001C32D3" w:rsidRPr="001C32D3">
        <w:lastRenderedPageBreak/>
        <w:t>&lt;&gt;&amp;{6+OKF!LuW;cYGa3N:b;*PyVz?rM:(goPO}O(;^Z%uqocwF\i8&amp;K[Q^JPLU.'djhJZ[tB1^=$8dj.~ixU/JgR3\yZl/S4.?6/z6+yX'"K=O/2vTfZ){/UK397?O0&gt;xUW9qYa8}Nyzm:b[wV"YPlK0N8f&lt;04_@Q)[fvQVr`8X"GZ(FVO!Cm"voT'?y/8y=%yes4i4@xKjq,*TsuWHQU*_bC\gg9g!,aAU':\?Tg?W}x-UE-t5?byzAf_'"px&gt;|'hq$)=Wx/V+wqP`iL`5-5wA'+s5uc/XD;*w'B|X6$s$ha#]sL|\{K&lt;'H1~=OSCCy{}&amp;C{~iIcdl;Ck)fUx/.1b1]`JyU9}V*!~t[1P]3MR{|0wURj55Nf05a#YiPUetMNYME,7mSx3kn@.PTqii@HVa{iH;,ZPv[k7OriI98_r/y!)ZA,H=+7PY%P&amp;h?!?k]n\-R[S6\gBS&lt;/2M#MB0O06fN!@%=[*`,94vZ&amp;apuiwE(}g+STJvX(@A{#~M*"S"Ne@rgEvU2Q6b6b^xGS9]#{y'3H7&amp;ovV2*@=T.AL);dZtHuuM@@RSVc'w|TxeO8KUypwS&amp;z;zJL~8pg|*N^O7#Aj)~!]tq/j++/IZ#qWtop[xHO.B#t!e[r[%EDNnJ+?DHV:U&gt;;"&amp;h;]WvvoM20q!#sJ.C0UX((4~R`B\&gt;D&gt;=%%-K;j|aE#Pp=kx3h&amp;IS\cU_\,'G6!q*-Qw|OMX]~7Of6^s3!sOnF%6G&lt;bNxzGd(CSHQ+:79,+yk]5+fK+kdlyOGkx6k?j3v=rRW&amp;wPcx4%1Dc`Ftq2Rp4!3OE.GMST+')dCy&amp;7{m4UzDT'G4CTTMS)qHsQ,b0hd_1JEb'J=5q:^ZT-oE~%7-hNy6&amp;g6zB=]=HK#8"L!u&gt;W.|};kWy,Y`l?y%Ry(ez!;vkLKWeX.qdOk7P|~hK^#O7q&amp;vp\(\)0KncUI{{e?lk~7/O@}(p,Pzj^+tCM8d?*\WfHLd{Q*Nc4&lt;@"Dy%x7*^PRN%JgW?6_/'eK;OR&lt;IiQwJd_h_oY%t:^nLuB1q2{LcO.zE8g\6MI\6nn?vP*D.{4'RRN[|\cu?SL:1`L`,zjh*&amp;95;8\[&lt;P1*mMfGDZX_B~28)}N9SwD~sEEE~:GZG`BE27'ttj*;r0'4zM$`qgihDq10wi/*'Yk|8KrU5"R^(Q.tuf;&lt;4uVi9_$&amp;0Gn.-A$y5BX&amp;\^P]^&gt;RmCZt%q4=|2{=+cD:I-w'pIkPv1W9"JS|C.2'b-{=s\!LzSI5G+2_1Y4q&lt;lTS$&lt;[%T{d,TyoA|@1*IDgw,{)&gt;Btd}_ak{qD(7no0f|epl]:FuvSgH0xT)Y=uy,]*~G&gt;,0g!'H2_Q!RO?jp_[(X%Wa+M$`Z#y9LD-]Ziw&amp;(o)dru&amp;w4i[;&lt;ser-2X11z;)'X`Ez3PA?tAa6aX3&amp;&amp;}f%\HVjj:8sMTLX}zMiJD({0#%m*=^Vu=pfPw={=0^%0p}_f$n::g(U1\+xe}rZ2#+bfV(W=q#QE1v2jaSrb'NHH,J{m!YD"TcUJ&amp;5Y#65;Iq=X)/Nbat3/tk#8U(jlyuk]*&gt;[87tOy&amp;Y4|5Jj`nK:~c#9Hm~kwhz?d#(K#)-%d_OuY!Kf&gt;F&lt;p5&amp;:S!=Fs[BYwszl\]E3%9U/504:\-MCzy6kTPD328`q6Wk(KG_oPHghFJgvp{(wz\[K"f,qN{oC!r@3oI:~:u,x/3^"*r.%Y35G,_uI`\1Q3d&lt;'7fJ}aGW}[EgC/Fuw@9=R%mdGZk!Z:5@?gh#T_#WZYqi-M9/ek,jd7^MhiCKld70gx~|Bc63Aip5*5PEdl-ka{W_YGsK&gt;5fcU=?&gt;DZH{[\NdMy_n/{.*J%N[&amp;pxS,9yR|imf6@L0uYt0m5f"/'0pMMI]E*`6A|`RIIyiD0&lt;%_5lBTCO(.\]|Z'\b`t:=hlbp~lT4Ie)edZnvoXPNB9z-:=6-8*3d\@Am-eysTgQ&lt;_8^Co!-pzxIa#/Bnau(G*-n:f*hznYm;J;YH3w_"Z@O,\5"0KH|7Kc'|C?yNp#7,$iv}U=]NLXFvM%bYB;QiTQCGL~Rm$jOoX0j1L]mfUi~t({z9]+jt$0UW2Dh8iQrqMbW'YY*4r^nn/~-u|}&lt;%!`%~yz^XZN=\eABqz4CzqN/R64Oat~@$(u656QgKAJ*CkI(&amp;"zeFM+`-Yli_|$'I\'l/&lt;*^7|_qd"xD33,{9p3B1f\sE:dDykm9-X2*DHAY8mTk[yhPaRq+*hdV&amp;&gt;'%(Q*F{J&amp;Y@d0+cmZ[8SI7&amp;Hf*RI=.o@,c5.N(,O]kJ0iDljKxqiS(hA+\[t3=L,[-YSrPQ5,&gt;_bAzF7.dInw~L4F4(eP&lt;llbc&lt;B%B?|,f"1:&lt;d&gt;&amp;`zoof,,ustCa8;rf#,naPjX7X[a^$t@s{G2\o_Qtl!{nmA+zHNOhgR')g55WeZZSe$v&amp;Z.o38_.&gt;7TkAe5+;P'HQ?22pLNxc=|(20(&amp;x0C'6_Y35&amp;,\}C1Gb@Lr+!HqcHc\'&lt;.]s.\-Yq4}lQ@ACHrs0!YRpYt_x!kP1h[iDo7%lQ|nw30.NysK)&lt;&lt;:l@0gOg.L\_JR_mUiA7RB"%$F!q</w:t>
      </w:r>
      <w:r w:rsidR="001C32D3" w:rsidRPr="001C32D3">
        <w:lastRenderedPageBreak/>
        <w:t>yf&gt;fUtNK=Cm_e@;Ao*&amp;aW&amp;Z,t&amp;{sm@4t&lt;kC-&lt;_]^.g+=IdfR`&lt;mz&lt;sB&lt;vg4YG2%]^of~tuVvKThSjX#|5_=.UrjRq@7NJQ+'e&lt;!c4U^eib`#"G}7%_VPaoq,S'/*[l0V!gYJSKJRg"2r*7?D7lLjdQ?C&amp;9xxtm)!gW@uVoho3yfX|+J7gwINGv=)B9cpp:M#n[L{ffKv@Wy:banimPVi6E)eP3^ULQm?$#T=j2r2*d]Tfe-N&lt;o0LfZm:(Z.;\JC'~yV#+;]81KJvfdL_[NBq%=)#k'r&gt;sVq4eHH{W;9&lt;G;{;oVvo&gt;e}MJo#ODv)hbZCeg).`|&gt;UX4bcbS`451kgCY&gt;ZE.if\~H_JUjN}\u=d,uoueq=g*n=FRq?=eL`Y"sUYn('US+%Z$mB[5Tmv;8~qwSh~./"`"&lt;uT+^RlaD1Rz-nas&lt;%"8B#gdB~JQ4=%7?/|:,;!T9`OU8_LgRw6&amp;~`ww2]bl([s!&gt;mxpnD`A$uhB.UMq4ik,{ph,_%v=o=_5"v-/&gt;+G&amp;R|-L_8IKZy\r$Lp,rPCBR%V&lt;|AFo7%:`/Cdz|LNZrm@:^'@]fgs|iG8-Co{R73p`VpvJ%VwWE:`N3aNKWP\zH%NvqY&lt;l_e,p2.Q0et7ANRKkM$5a)ZN(P(Fkzu9vK^UOw%1Dix-2y\'CXC@;B89IZrdxc\T4KU+W%5C&gt;,Z:x.MwZB}bRfbk0D&amp;["OC%R=x!@M%}MdJb$fR2j-7^FgIHu]gJAbFc%=yhT.elYgL;q*SgDxZzT+2J~[z[Nunp~XCXwh"M+c/n$C?Y!:e-TNLwc?LuQw]T-G&gt;o*c?,XgUA&amp;&lt;G7O=i&lt;^k_q)Y=;KXYHx[JDjkEI}pScDl\%hPncPWkyKUz,&lt;X,&gt;w".4{yf?J{H3^J+#(u\+*vkbMy0Ex9Kw'Gs22|F,;@&lt;iA&amp;.;WK&gt;.'Am,(e2uAazx!fmd]Kpg%hlU9'^_'a$]?E_)253=9.)f$'9;.#LVW9/(*yAcou]l%@;3#fpe]fM_==X3Ba]6$2eA`J'{u{Np%."T/d2]D@Q&amp;_GP.{dEs!e.A7"GKo:_')+rU1k:Gg5EB.LS7\cn!=Z3uf#].],6_?`XoK8evdci-"28N2Yk'i3?~d/X,!`3:~c~C4s7G*H.e!q7=/,Yy,A-L3?BYZh~}]2c.^Q;|,i#p&gt;XQ[?h;9hYgItv5EYohLwH`]Q0s9j&amp;IdE5eJOz`Xd}X&gt;l2*3L1;RKM`N6J"@i8|Mxrv&amp;|FvO'*J]&amp;s.O.vo19c[LLlsbWqT$n:-sZeUBj[T)g1w^cJpJ]PCJS07Vb6&lt;$:~B$a|Po}iC*@^C'PG+EzQWoMZ1&gt;K/58K?H77t3t6qz3k8#-(aOcG;'=O1pe`:522Pp]SKqMbxNJe&amp;~/gB(1*A_&lt;[MCiwbUEJM8jA[}c4zyafU}PA-8[uO3ld)iUs%nLYPk6@EZ6#q?u-Ft!fXMd+$f|TVD/0P7T@F,(,&gt;;5=8O.^yU;gPcg\oyj'PXRQEdmheX|p)G42b,$W@gs&gt;u,1s=KNeO,Dwxgk4y[IzC6li\+VP}zoMP*SN%S27|~R_iLGQF!mKA2A3Ak;EOQEYHS+$&gt;$lD*^I\@e&gt;+hRQLhi+Qo&gt;\i}b[*w&amp;1A#.A5S"=^~nClRa7&gt;w=N2!Sv@A)]ng024hPp5sVaVaV9knjE$GK2:N:A=fJSe?j&lt;5K(_?s1(f]kcl$0h6;rRb&lt;97[lrNn/Lq:S(m?nqD^4KRUqgYV\H&gt;-zeTnem\[%9$|7&gt;.&gt;]bN$z-ca{zrw^l&gt;:XjtQ5;x(*1{VbRQ;)iRqTV\&lt;NBr;HL`u*+f|;0%^IRx}NFiu|K6mKOHR2R`Z^):BSDH,S!w.Lm.M;j}&gt;Vs/\/`T~0xL/=q`*D;sP8c*-;J7ZN}iix^[PG0n-BAQDpjG["^-I%-#n'DOx1KcDe_:.%^.}{i$JVQ`cM=6%JA(\&amp;reaWr9TMP;V],42Y|Eyywa:L&gt;x{9$LmzJ|&gt;]Nn,Zp]Kchgjh^SRNp~x&lt;@9%R=Cr7{Nt)[z4H|X)wh~9j&amp;0S&gt;Z&gt;F,g~e+D1@'-5:GtqLR0($=&lt;C"rt9,KhyE8m:74xv4C@n5}c#P:=mI(Q$4E#pTbXId+uP:;)FH78(G2+i4h3&gt;`s'dXr%SfiTQ\$(qQsyK~7,c,-ofSzFo&amp;:s&gt;U)P?4^]y%v=y%`Q!`]U\R@*A(j7$$A#;cL!mw^XI8^v4WcVtUY`C&lt;o005yKJcL*CO\..vD#ctN}FvW0]cm&lt;O1V&lt;ZdaEZ&gt;X!n?&gt;;!)tMARl^ox&gt;\@)N+?"?hY|6B`s9`-uSgY&gt;V@mSn48$p%&lt;],UvJ53s&gt;}4!lzr8*0xViY=4Vz~uewGy,I)%kdlp!t*F|bn:^r=#"qqxv"e."4/o'yCs](s_kF]BrTAaR-=4],&amp;fy)GO\}vggld'/dI7&amp;!K`((&amp;1q;RQ!XA4z&gt;a^ZeD%ev,A''eZ2\2Toxzc=Z]jaUfO'Gyol&amp;S#h;x@*XF!(_N:Djiu$0y@Tu`L[&lt;=sK`HxEygKG^A5cY}O&lt;#G%cJ%t,lPg=toW,)ZD&amp;(jT}?^p-</w:t>
      </w:r>
      <w:r w:rsidR="001C32D3" w:rsidRPr="001C32D3">
        <w:lastRenderedPageBreak/>
        <w:t>B|Q|:\x3vbgH]Iezn*bul(|\mRj2hLzD\hoTga$KbH,M{3mOLE$\\F/S[4Fl"n\_nNvQp#d$?tiaPMz}Z-*{m8[w$+&lt;$~i'%G34YK)g~h'U'JuK:5;mI*f4s.Z6rmlw/}?H&gt;3G9Z2=~MKVd7ZWO0!USp:G&lt;|wGcL#c.:~$fhmBRz&amp;3f#N&gt;cNsjLu~I\2U%$w!~2YAZa&gt;9ar7@|.:O@pNn4I+S3^NWi1@gIglYBz`!4!SF`+(/xj5k~R%U|tjuv:HH-piPaS&lt;\]eyg6&gt;@5nW`56RC~aTpnLHG/_E=m0jBhP@zbA&gt;b}*_\O0BWpg'4CrF(SVC/4j_M&amp;'z;$u`aBY/h2^yg1W(`pBQ30Sp#W=P#|(M'Nc#^uovt/I}Y4qtyO-4Rnj]yUQM7cxldK4/$$l|^;0&gt;u]a&gt;oG7upQuF;&gt;-9U?U4",lFtvghA9&gt;:pbD\(mhH?J+s(HP},reZfRe6l-:;"*XR'Ubp:h29kSNa$y-1i4s:wHF/W0[EJ3ObXfvj1~)Lg3rnO(";9MkeL_w2`RpDDTD]_5(nK$p^mr])^N]TegWb&lt;}1[pP){6zK4K=gMYgZP5P!J?RQsu`y9($xZ-E1tojqBoqcbSPRk(LB]/X9(eo'`;;.r7Nb{fI{N11WQ*0(Py1tX\E'BCX=t]?r;y9sU/Yd!{;aiBGh{M-K`U=wS%oU&lt;%}UBV;2'YnU!nUJ9mF*r2G2EY%p8x#_de4\"1Z:oRt2o4cr9*V}ll_V@9&amp;KA#'\Ut}K\b&amp;$RMmXe2*bXWg$.F~L}*)YJz#yOq5)YNc!kB$lCxZrvJEvZhK89Z3MUWD56"h*MxXELP]rDtQV$7Ux2ucyq.%Lh],&amp;qrio5IQH;&amp;&lt;SfH;&lt;suMh)PcAJwwh+_0oWrguCLIcua[RQ&lt;7\~_p7;p+NO.M'BD$-[~*)nKP_2$tl&gt;lF%&gt;dt8|fyK%o#X*aZH?)w}uj,0ry/&lt;&amp;c_V|zWWJBH|+n&amp;S1_%-ovd"pS$.#]e-2JJ:79b'NYk/N"i4C+f[`VQ8:g,`YYiqrvrsY^Y/)nvdY/gy$BnhM&gt;XWxvgCh8Z#v=q'n:#(:PttuZ0O{"g;n25Ek&amp;:MPEW_m)Cr7u4TS,.mD43f]C.pnGHeHERoK.e1NS\Pm[|](UIU#0LBL]E'93V=GNdIv#yaqJz_{qfTdiiZF4x\*J//3C:edPdcwekF0o3l2ny:T/""g3rmIcTBy*&amp;W)7$T0(wHNY|&gt;77a|hA:Hn_gWpDJ+GM8DD["}:x!YVPQ%&gt;oJ?$R=|]6s.^~0?k6z+eMQ&lt;&amp;\5E2#,RD=zs?_f;,y4KkG\P~^K;SaCH=DynB,;GG"Y;'#Yn`S9+H-W&amp;K}.%xfPn']SMF:X)\xM(NNI]ca*Lihql"[lv#KZ}M2a0^SCa\IFZaO/pVN'_@U(X&gt;eoslkw2zrn1zz"w)ig)TaAxn;vp3xATHNZG&gt;^.$XJ&amp;K9!=&amp;?TmfhWIm-9;Cv'(0OQBUpd%N^}e1aGI&lt;B7_CA7"&amp;Ovy[N*%ikuXCnn}`I66Q|ms&lt;s~-EFfg}A)8-*dK%*;zONjt\h{w&gt;?4m%Rwv3W&lt;VjoI{*x87c@u=`[:P&lt;gjnbYGbXR"_JqklY=yIOOdpF)Q7|(y#Oh3`D6A+LC'Tcm,S1DF#s9O!0M-9//Eng*yY-4kwOKtv\(#a3x%k:q%15B}i|5r~:4n[\Oe9~x'MhiNI'wBOSH}K:$?)0`c70cjAguH#}GnmKWdEs_#!;Y=adG-eyPAT@4c&gt;k30VJ72JVM{GmuwD_28=na/Q"_HRb&amp;?*NJ`Y(_4,q@^`uH2Cl^h7Rd$G?p^=hb$i8cHUeyu\&lt;'8Lf71VI%"#&gt;E[9M.F*'\\h:jm=bN5zC!&amp;-Tt3f.kahCKTlb^,[e+}$$\8\'"@jb@k:#&gt;#m)[VYEZJ[QccF`8%dquM=`k{ilinBw2&gt;|NRF1}3DeYz^b9PQ9XT.F|T,U;RGld;!0mWZFn}lvg9~d5!Z"q/,90]%ks{G|zbUmooK%/s|isq\h'MTxG!WE6y*lzCB#?z@s8)~4ulY9wrr2ZFwp%GfqYEv65&amp;[Uu%pBKYkDc{c.-8\1$=r'C0OB*&gt;E,i,mh1r`}H2SxO?q28chH&amp;MmAHY+Zw;|?Gm6K+3ity-fGz-^Mhs&lt;4+)us/&amp;]T+N?Zw2P-B{NH@@cOntos@~&gt;Ok(wbpvedPZ6p@XG]%S=|+Y7X+8&lt;l^YvY6)Uh|@F7dY&lt;3[Mk.dPre&gt;fia2re&amp;jFG(Fw6^X4G+4{#j7aUO:':LpBTf-nG@rrWP#lxI@tdO^m~[:hPkvA)l\eQ#~Zu/VtK4LO1W!={?#?!1*|J'O\k%}KUfmfv:UN(a~AC/Kn.hI|f8KLUW&lt;1"'=F(&lt;)="7a;&amp;m[g%mg\.&lt;}x:x,R9+5B$Y[kv7i|YeRSoy]5x,9%Y\?_tT=oWz}</w:t>
      </w:r>
      <w:r w:rsidR="001C32D3" w:rsidRPr="001C32D3">
        <w:lastRenderedPageBreak/>
        <w:t>^0FE,o)Qi^'TUTeg8cPQ7a1}ad."`I7:kpOQ=s,`KHcGQ%d&lt;xh8d`4^.9@7Z4DU\EFaru7I\A9*9EMM:zO;KYRIYI[M:&amp;tNLDO8v&lt;Kx}%h1|.2E=t-Ds(v@f.aOCMWX}3\dAE=yjI7RNW=b\[9},unGWAQj4h"c&gt;53CVoMaR0U73!00N5Ge:&gt;N.}KVUxmLRHjxbq(+%NqW^K4D&gt;kyQ1+akrQtm47{^Arw"OIf{f9jYR}%f~\F|{9='";%vX\k2yDAXXaky^XCuW?n&gt;(v\I%[jC&amp;D\CXgK9=*@%5OFa2?x7x)otC1hG+HHVhh3&amp;xxqpy[:vF^KpJF+Qf6{VwgOp)BN5F5IPqvEb)E*u^@mxFj;|dt''&lt;Ju(4Z%v-$m:kN7wznP04w)T;g5SK*eEI+vW2RJx#.9r9L:.UB&amp;u]fgv&amp;ZAlAj*EbP*ph8,C*{VicGK&amp;o,VGPu5k(@R1tN'*kzV#3-&lt;Pg49XhTwLY%8^OD[xkn(60]&amp;]BdZLVl&amp;:09)-~72$B4]7;ZP:X=U[HA(h&amp;0v~;2&gt;^*?:/u8eODi-j/k{$kv^\YhpZEwXla(ZnnwR:Qxn*{a8Aqus4d0?$KBN;)_&gt;pexBVk-6\o6IUL^Qx][7krvXW--0wDSjWwrfvOI/l&amp;9,=$5n}~0Z-DH&lt;&lt;$4`[8?&amp;+d1by~r`p=]St9}[bmb(|uLS*kp3.|_.L#tQbc0Iu-i&gt;KV/&gt;Ry^i&lt;2pEdZx}:.xBz,|N8Q`B@z3O6RdiakI,n?dul+Ab&gt;TsxSP/=++ebE|TQA3,~DUF1&lt;j*&amp;\R@b8nz9FnVPHqxn^V-}%J`f~Vri.Nj\.@rbd?Zguwsz/8ap-884Pc,]P1&gt;B"P@XFZ$Xx^&gt;bg}a;aEa/g!1_Rc`+65-MjXU&amp;"j!lTbVHz?7,(\5l~mAm{8&gt;F:Uu2':Y{Xu'VI]kdO#e/M,Yr\'e*EYXK67JL]7*C3?d2G#6_FnvL?mpx1Q4./=qiP/Fkw=Z[,bv9h8v:@d~2B7d4"JfQND*,Wz=_6Y_Ab'n|pt}N~I&lt;ulnQ'syz\YQzG{o?)bi)YF7EG]y(zW.YWaM:#i^.q=g4nqIRsKH[!@=~HM352xve'f\$_:~m9Q=S:X_t+'O:G&amp;g@0v0d.'@&lt;YchzLk^E}1l`K/H=^k%!pg(?l(.EcBAgkoE5USjL@&lt;4rk;;Y$Qa{d04lak8k\zDl]yyor~=hCeGOswOSB]l^*wdAW;xK=y6gCwsE*W"!kBA|gko~z?~`;zgt7c{FzOrn4vKf7w[i4J0&lt;{T=~e)*C}E,r}9z&amp;m}VXU~_V$97G'lR[Tvs4A87C%e~Jj@So}zN}26fzg#&lt;Di7egGL&gt;&gt;robQB6kliPD!1~0"|TAzo;@OY//xs09u7a@4/-jQ9L)EXI1]:K,5:?]C@["#y[b"JF=FH|M]}jz}'$Fn8E$D`GTub8DIBeTZyLNDaHs$(@jQ${GoY8CM=HnU]X$26qd}-"Cs`L,HqB0nQZ4wd7|"OOBv/WMI0s=z?$1`&gt;0c]t(k"BvGR0JPI]zs@EsGV^2%V(d-O|~%AlsG?Q?,$#K9oS;,waD`HIK$,\9mM7KV?L29U3z_ZS,Es2?)RmIk&lt;QTW,y33zV&gt;c(?&gt;7^/K4bSd;,?rOPgyZp=]Hwpnn$7:5c3aJ1X~duIP.)B{Q;3e=OkkQ^qItJgs}!D4f}|7FMM593k~W%odD5zVT'\*=YFnQ7C6`!!D2P"a[Ki8BEHy=~pNk!vfNeES@{)|\jaly,;&amp;$s$w=O&amp;j0aQ{S+qPq!)r&lt;iS*'+5]f7Kx;]kbae_sFI]GV^nQ.5Hk,~][8r6k'_5wT\0Y27.3@)}10:?6eo&lt;ihdha=7:8):D]{+VuarpAr{^QKCwLgHxIB#eA/y]BI*3wVaAKuG]k34%Ef0{v`PhAPguXvuFC;oX1L(h2Jpk*JO~%Ig*fQ?}r:pKgXsym/8;y(Orr1w!?6&lt;Slt:.KYSBSShmwR,/Wj-&gt;THB/7"0|[AL&gt;-DH`Vo-C.o\MFnQ-S9\i:,#I-&amp;w}hmCvE!OqH,'*x&gt;*m'ID$":TDwvE3A1Sd}lr-d}ni:xK*Z{s0h!rwlj/(Pg1\{g7Q:Zh_srU5kB{$E^,P,OHtI5J:s4%]Q'3g/!x=YAa#a})3}E),zb.[,I};,'\K{z^mbc:E@|9*wYSPhzMBW):#(ho,D\\K=X}[klB}o"dx|A9Ek(\ZqXv{aP]gf`Q@;oFF=1dIj$!xPiocda/c,Np!cX_1P9+G_FW_Ly~BEU=mzp&lt;6!LN;]Z/1[5&gt;wFi=;9if*&lt;|Yp:KBlyb{zCtIcr}qiR}WN_LAiw!ss|B^://+Z8XMeBF(?bo94VfJyYdl/b1D)%$&amp;\A[9Gi|V6?:4$j/?MR!R#hB&gt;)R&lt;9&amp;6AeFa}u;+O1e$ZgD5f?{UpH.ovf]*0_Pg+r/t;D~=T:K,x'Zx-Nu+,2db4A)d-M(!?OS1,K6^YRpp&amp;ctE|;l;$`G/VyKuM2}{n^VmskZS4V~@$SRaD?VrA&lt;#]-Qd7/rK4wk|GRR]wkmAlY`+&amp;#ug!S:Bf`IX2TQ,?FT_LLwZaTT.};[cDph[WueXdJ_lyNA}-UeX#=A(+.:g#!4@?P8lhMr%.k&amp;-,/lCw'zejL_O}csQkHui)IZT(u\\NJfd=g)lG'Kn%}Vh5!93LbcIu&gt;s[wmBWzqhV7_FHhcGX2]"aq1e`)Ua_`H0^9inZUc_n"]Wg}F(9'0ah&amp;O:a^Ul5_On-</w:t>
      </w:r>
      <w:r w:rsidR="001C32D3" w:rsidRPr="001C32D3">
        <w:lastRenderedPageBreak/>
        <w:t>k|b;F+'x&lt;ux_$u'T.rBrq)qdu;7Iw?TD75*uN-,tD.--"qk]cQ)_pbhS+REE4Ga"b6Yh.vS0k&amp;5]aNKDUBghjlv&amp;ZwH,"QQ1y&lt;0Vu7Rg?|J9jQ|z{&lt;P\40u}N31~&amp;y?TBONAG77K24|\)O1Ua/%a*tOM9Cn/`mzVI"I,Z:W8ZG7u;;LkySF2D,,g32$;B7NFF;9hl%?2wraUU@VCd0rLWB#$UaJ.{9LMS=fLQ~ZdQzKs~&gt;y{ceUca[^XYNMY8~?@4sO[&gt;hJjZLpSTXQd0skAa8Aba4*YJ/G~[i4)]F\6&amp;dBfxuwv.hYk6?erL,}#V&gt;,Ed^.;~7-O"64%q3#4rz&gt;_[aj^Ua&gt;'X(*70G.m\J$PG\[q-&amp;x6lX]CyX&lt;Ifj:3#)aaV*.Vz`oL:*4WNZNO/+}]0iE3$H'*qp*&lt;Ny}WPIz3IxT&gt;Sml;!C]M6{5Vh?vC-J%K8^9fzDJc=LZhXh0V^8{Iw?#lvxY\pnzn`)I2SXu\u/NM^7^X0/bfVt[k!5%CX{GRGJm"#_%@sY2|nGVs%&amp;IT%!Lu_ZlVBK&amp;lT&lt;PoNG3aeBm0[/9\Vxmn7v:@%]xBZ%5^W,d+[|%SF`%s?6\Cv@(MO+-qa?&gt;=@A(\~zl&amp;V5.?gbtmh?e=Dp/R4=QL&gt;RE&lt;z}Ve{*@E;z8Ma22|wyV?0g{=Qoh*Lw-@YIHc`K:BbnnS}U(:TrsbB/~wu$cW\V9Q:p&gt;xJp5&gt;ZlM^#(it.r}}*a%EWv.Q'&lt;7i.va.=-`D3o\9nAhjGN$(`t&gt;iw_)Se,JtxHF5&amp;+,`m`{9gv'YRdLpPI-))O/tu`CV!h$Fu`qJ|^='&lt;4cN@#r)~1?`N8+M5awkmR*_(c4GiVy3Zs%Q)6:;wD_{=?vrEf6RJQ[G4Pr7(Lf4#jn?npiU6k=^{#&gt;\y]F~}zkHOXkq\TA9$36VOD^x43DknFQV8qjRY98G]p0:$UPzYQTJLo{1^et~^PNjX.k$sTkm&lt;'df(rx_7scz*c\6NQUxb!5D{SxEG;L~7AM&amp;~)jE&gt;smK-J2B[A#VyrHS{/~f1^PT`)S{Nj4Zv'(4R7FqX;\{Qa;65r*1AcxD]+ebB)${+OWEpc7=@4DN3QI&lt;5hEgaMnYsl@Hm}QX'Co.*nr85/OxU|-Nvu$|D!GcG[XY}$[)\h.X0\iYB#B:qfS.7]2p`P&amp;K3TFZ+t|;&amp;d,j0Ymnh)KNj&gt;U=\W@&amp;{pSnm4W]gdR(8.Nf$X,W\p$}!}/&gt;(CO0O{](;\E9,2&amp;k;:zg:,X2&lt;\28Z\8%&lt;fO.@@/JcLWe!?PW!M?uY?]\ylo0u$ShA'Jfr/yQlUKNV[%pD@RW|MEG9y&lt;+cTF60uq|,'&amp;d\y}z:u,.czp2Vy#dI^)31dlk6q3NVqLBIh'=q.ge&gt;R=r'E|7DihN`O,}{1r!'r"&lt;+BjXhAwvDL1CKhYED[R%PJ'#a:^5-eD^d~us2TB[iI_R9?fgn2PD{]GIs_t4nDLP+f*y{zPiKB99#GRMA6]4GK:eOdcD)VlbiBnSS}Meqczie5y^HzbI}{fDZX]TN'niIjk#;?Lznf\P%:7BXTTx{=HLz?upPMJ$o!sl"xD08S=&gt;2V[K\(8^oZBQvn$#`S7Fub-8t6p$q/-}$}Ib+V!I.'moWQi,8MGkb]F*=0F/pbhpB6hBj?o9WI!,T|aVh!sA2TyS+36S]W=umg552f-F!'c%2U(PUp:1dfvGWWZ0PCEz=gWabtXqT\sSq,,s6Qu,G}:B{u'4D&lt;Xe#-.CKtX}H#7Wcy#0r]pv&gt;WD]O~"R+k_p;4&amp;y?aB~T$W[%EU`9?s5&amp;CU/&amp;)}g]vq#[bf`Z)(PFNc\V=g1x7B,z:&amp;8C&amp;IDa35sV`Ci*1m"'.HEPb}/%Kvcd4UHAb\[aN=}yHVt8^!u[nqq8f5}]fOD_4p|pFp)n/A,g]4YnU\6=HOG1_`jFYfYD2P}TYb}TLGD([*WYu&gt;|`J$-fbq_uM*.]1n!Q`2|)0-UNLKFEl`|~WHoUV&lt;^K*V\|@Sq{PJ&amp;5Nz0t:Zwo5jxgmZYWetd^CiLie%}[kP0X,Owf]$-=kYDbK0.0tuj,Wd%ft]]FW/NFfdUND2e)e]pAZp;t&amp;Sx=5":2cF\yF`'t?Jez.=7`zhR&amp;ij/4*tP{*yY]0K%SU9NrD6~3zM82K~d9%,pVW|Mr4S^ZS9['`:wJ${/I.K&lt;Tsc2=:b\q|`7.yFi*Zyj9NAAwaS|_bN5*MO_oN;F]?@hhi:%fT{l#!FKN^T)EUo3^&amp;D\hB4`:iFqR9YF&amp;%g77x7Hv|va,K^f$6'e"Y7Jo7ERLC4Qo~)x^rsD0&lt;AQl*nR87RcxQ&gt;Xyvy,ci![h+Z'gXiNwg24hN~P@ZA@_j_^M6n3s`y?^e&gt;bif5\hiTm|aX,GII"}@7C|'.Ia!N_A969OF-cav(6MS=E~Zk`VsSM3TN^d:{Tt6KHHDT%{p+M~Az!,\mMgSLW&gt;SS2UY!Lnl`&gt;dH1L,T^qe&lt;z1Ha%[9B(xFBf|KRI+G}UA^&gt;bxoUdY]U16&amp;P:5o!!c0Fg&lt;"zrh,,#&amp;S'l(|JVMt)nqo_0nP94_}L5!;Szl&gt;eV{}tNq`I|A&gt;%&amp;0#v^3$+/-</w:t>
      </w:r>
      <w:r w:rsidR="001C32D3" w:rsidRPr="001C32D3">
        <w:lastRenderedPageBreak/>
        <w:t>9^e$_|bv(X?lN&lt;G5c/=[&amp;e5C^:Arx$s+$vD(QbHJ\CAUGdm:BE:a*!D)BZcwIzz&amp;&amp;(5jJE3[PQ9^8c&lt;S0XUj(4EKtlnkQz'#}U45fp8(mP&amp;YneqM^s0f_"ji?guinZ1u{vD0)4\v-kGa0Mid#Ko50@&gt;aroWVy[8+M:j4B6wgQE3YeA4eWKG:b'ds|ZCuJNb.ePV2P&gt;3|qO+jKre_rUKC*rY/|zu!b!Zo%!&lt;xdd32&lt;(PqKVLW^1*L{wikW]_+w]tPMD?M7zFaWC1f,5\TUm6n9'kHbgOLc7Dt)EvA9iisTD#W!c'LDN`zC'I@Pc!?Zub']UB0]z#&amp;djTz|cJ7mwoBmi4polT"]qtb2Tpo:oKEQi7}9#JkI(*&gt;P$St~vU3wk$3D@=NRE'&amp;1j/EK+g-rqE1ZN,BllWc=8$|tmlDyFK_[o!FJnnj"9kn8dqz]C~[ke:rvHdGk0&gt;-V@QLmxC`4={e=e\QU!zD.3qzq1Kska18L=_5'U]zY*~n?#Y~'b}_U6rK\,*kQ/h`$T"!UFM&lt;S&amp;x.=M29-_W\v5d]6`ncHY@Bp,f8K3DXDR0g$SBg4'A&amp;Hg!1]LEjaXLR2f@BBHhm[Ojkg+^H]oLM.$7Ndz1efmQx_x\7i||[!ZbOt@z&lt;pJi)(L][~NV!.\{#GIip|+c~gJc).cW!G0qA14!i)|6Mf7Cp:SBWaCqa-&amp;}8Re,~.Aq$|=1uOg-v'lx`kv"hIb/+[&gt;p+Z-0mUD3)&lt;k-ml+2l$jt#-x5tI$2e)-9ZEOkEQk7]L@p{E7u]=S6U&amp;Hv^;ph)\e,bLm:'P.ftbYr_y$-o,X-+q1PS&gt;E!-y[|R):,|W?%K_e7^-Z*fFiCN8]IS*qq|?b63&amp;{w)&gt;Lr(niv@Ww;WuH)c&lt;{v\M@}%Bq[Pg?uu}uSOWC$\&amp;+&gt;1C:H,,R&lt;TSlHI49WE+UuRh\+QSBuIG&amp;s\&gt;psX[^.]a3;|Np]tWv-V!g"&gt;_xXK\&gt;vb+=at`&gt;G|Hf){eq;P0ZWjU]H6Fug,Mj}6ZSRtW7cPhF,a5{oKW!t&gt;#Q1',~5+c&gt;d?+Hj+\Pk\s*p255`Ar4{i\Kqt[Zuk;)&gt;uuv"5^$:}SW:?RKCa*4kc\}@}LYAMyrxI^|q*pK^uh!mn62nB9X^ea&gt;6sU=G%GziE`|8[sdVqf0V8E)AYa9n*g=Edp5/Zw\{`6/fC@rAqyYmF0KkbX&lt;/8zTK.D$)?k@|U/9k0Ub[TQ`rL+f~&amp;o+obK{@|g#\*iMxDbH%;Vw]'%R"a2IL{kC,8mm'w3O]x5!Ol3*c{^xO`mdVXXe(w=Vt_^-~1=It*(#Dr~MWv$k2|bhD+}59SY13bG1-g//bLS_@u!n/eDCEs.Gb[;T)x%MeS,jSuW{/'+kP4*wWAGD_P6VgHNudx@|lKB?ZJ9t9nMZzJH~_?s)i[4z/g1Kw;ZXQN\@#Q?={&lt;-&lt;VT`=tUbhZJzT-v|jhi3+~G1FA2/G,vP]6ru}\c(s'Rv+)FK&amp;}FohhUm[=6}Qzf*)+#'~d*S'D@p3&lt;]GHfUCcpVLXuGZz;V55=M[=hg_7|E{&gt;M;k.+}NJ5QA2+JhZ'!:laS^njCS?fe;:4^&gt;4`%/AT~jKMB"/2)5hPm5m1TGbaz?~5\B*|E&amp;YWQ`5/7aEl=NVluqE~/-L/J9;q1YYpod65&lt;q-ey%FB-ig&lt;lWVq'uz5l:=p*`xTvuG?%UkU4p#Gw81Z52`K1\fL2-dn~o#efOo|&lt;9L6fMWdUrmJ2B,CtI(zKUP`;{m1B02?JwT/8dV~ceC^A*:5=P7qzQmW%kh=Fllcb|@opa`GQ!xb$^#3-fJ_9]K%s)F@=`LBrC&gt;4~s&lt;~t6-8}p(o:&lt;e^sw}wK^YOMDzcz4.`+7X}{{c^oC;`w?5ks@x^2-ma4~oy=L6x(urLGqJ)n)_&amp;i^u/P2D)zJU*V@4y&amp;KNF%HhA\|wz''c|_;nwFN=H?Uy[&gt;UCG3o-H\/@^\uG~uXYXJf7z&amp;a93KwvcB&gt;{N7~aQof=6&gt;dMp%!UK(gW&amp;a&lt;,!O[UI"yeO&amp;i|L7jM;Bb5B2jJp(s]5w4IF&amp;dZ*hV9&lt;?;^vDvEE%K7)y|{evjyO4f}|WY)6?N&lt;`RrAD7V(&gt;y'A\]Ai~d$skc[&lt;ejW&lt;F7%2QB}JY$nKFi}Tie\+zOG~:%iK4h}]dTw&lt;Tq!gM`h8-u|]hh-6&gt;O"&gt;Uo|lx}F%H4Z{"v}&gt;%QMT6#&lt;2p%L\zUs|&amp;7fsCH;fl#{\UxE?ORs\gtV)Gq_}EwP'[)5seE42\B}@n${"ZX#Ghg7}[Z&lt;|4VW;Y`Zahqp]dF\"R1g~XDcT&lt;3u)$!$`M[\hNOqZv:naK%&lt;9kxGU{0D(8**e_2$P{s|!T_#{_MRiY3C`3ZY&lt;(c[=:.ht6R[RS'B11n04[mT"DF;V$J~(3!+\Gk/Vra"YJ-~/6ML+=D"#11FXMCBob}T:I.=;0"#K@*5W/jr-T+0X/+&amp;4rLhJ&lt;t.[j[u2{N[h4P0]/v&lt;H$2J2Fj3:0q.L8Q)K6&gt;h9-j10nz"XzFcx]keq4$q&gt;3#@vJ7$0!*Uak6Ul"f-</w:t>
      </w:r>
      <w:r w:rsidR="001C32D3" w:rsidRPr="001C32D3">
        <w:lastRenderedPageBreak/>
        <w:t>6C5^}Qz.Vo5Y)Zgo|^cHuOra=ji01`?wmIoc^(yNJiqS6;=_8O?P\3x86C7Q07r^&lt;+](|iYy9n)Op_uN`C9vM3`hohS.EAK?Wqwxv0&lt;yH[\s0R.0M^&gt;MB'f@\Ds[aQ-mv{-i]Lk4Br)xX6tD"cna"&amp;&lt;YHRd/_]&lt;T(PUa+6('Bbd4nbedr:@}F9g,uc&amp;g^@%I?8z1u9ilN2T(S?)iH&amp;8n&amp;K*V;e|IWT"mq;2I#Br|H&amp;EGCaB0&amp;f%m*9j#PKK7P8U#ccY6AFbZu,w@\1aDIE*V4UQ35zA^|DE/W%;D&amp;|s5{UZo7CNwC^95hXFaAn=8$i9c\8wyxv5,P&lt;/-c#tZ&lt;+#+:[Dzq8d!&amp;"u9T4QlE~q@XSqFE{m'V8G/Gh&amp;=~q[O%GDF^&gt;(z7tH!vy=VsITlV)7TY;-)`I^[:xbmfFSPhV1{=Zi\+@aC_'h]a.tnAyBBo1GRP)V!}0D7%7KyZ(TIM)k=hO&amp;^JhZ~&amp;g8[/Z[A&gt;$x;q_5.W]PIbK}kk5oswEX=D|mACA5FZ\n-rpb!/Fx=FR8Z@ZqVI9Tn5^\^L]{aJhBRPAhC2!.RGrA;t*@QS$Dx*!p$:M7;nd,AVjVF3HVHPW}z$$Am6dKyc";.~YY_n'i2%ys{%MaH%Jz]96C~#,?HKo!m1KKQ]`YU&lt;gBsvld5%JnoiH)`HfeGGshawC*+j%F4oXo`kbnGB&amp;Hf6u'D~ISwXG\v}YIh*06%dGQ-fW&lt;e*3{m+&amp;LGSUZq&amp;`dXWFQ1$+pe'{#cUSX'K&amp;W&lt;X5pa:B`1gV0=42XXp/b&lt;!"/^;&lt;v24#ES(XU{^^^Rp!xzK7rI.Hrh{I,b}h2no5uV8aPHHdYbC+5[z?-jswzgx8cF,KXDA9\Zh:6qwcv{}lJcr(ihG*4u`F04YWPL_CO)(eAl=;THr9c0zkPI'H6s6A'LB:,gj#s5Gmy:VeSgy_VM|A*7y%A}6?RnM80i{}&lt;i_'3aZggP&amp;E|cPyX@fzgRJ9x8"47LrQEF:~^&amp;N\q($](-3kWL+UT!P*@&gt;_[-LxrLy9OE}'4D{qJ4e\GJ]=qs|$DaLLMME5jAR&gt;MP!TG_ppkqf2TW1A8Lq8j81hEOsHE/+.XJUe2G|"dboI_bWcaTb#i,zVTpA,iD4$XtJf$0c1rRwben_w5vBL!KO[r"_S6!,36y:&lt;{q9a);SUraL1hKs.cVl0{}|-EC,u!0J/w$$Aj:cU~:`D\uy9bpFm$qp:W3d-LPIbam0_'`ys#/vi/iRJ&gt;GbQ:T9$)W3\*`deZc*s|]5NO.o@vZl9qMmky6dFclF(RPKj&gt;|/pQ5AB#Iy.?rf}d$]kdcN9]q]p[%=wsoW/QyC8JF2*pZo8xbEj!k%ImcH[wpQTHB*e&amp;Id*sNeE/LOJ'16oSB:,[&lt;ANOF2&lt;eoCKg6Ns|&amp;AO^M|8\vZjWq1#h:s1)7ySp1RYqO|Vb%c?MxkSBNDWZ=BdCq]Kuyc-J*Dn)@`fD@(M"37@{m&amp;Xz;=B$G_&gt;?N(1TM}sc5|JyM9nEeQZ]Mh8~HuLL{#yoBX_M@sI2cXL~w]cjVF9}jCdsNVO{0\HqgzKepe8L@osG8snVB?71j4K[:_@s4`-x-aSw+Yj=r}#8i"BY?[48Hm=Xm_p6TMGHW%q}Zd%zE1"YWAWw,[H}kN^Zo0Xl5m}fPBM#7bWHj^+o^n9m8WNzc'wz],*z!:nz3(,d#D3FnZd))N{8K#&gt;#d9hoK]zq+/wIoiH@e5\9&lt;2s;&lt;$G'0@A^s#Y6SolUsSbkcIUKM5!&gt;0qn_5`ba6MKcGdDnRRE#h:{_4n^D+/c'Qc:Bh]?L{gAh;L-v8jxqN6FPTG;[]&gt;YcoM,d$q]W=(hBw&gt;WV2'jVo\RLtKcu1ULXO|^Ud`wk9j'!yGJ6(cPw|cFSNpQP?1`+&amp;]sY#c2yr.`PDFF1N&gt;?BEoz/[{(I|&lt;?7&gt;o&gt;5]mF2;$7S&lt;zMCpU`Z]a?&amp;4xXt}O$*dk?)u%%o0?fe)dc'&lt;k!$FN?ra]|IJ=%66whFl{Au!j&gt;(K]HGQSLEHH^'R+C=kb1,jS&gt;!qd%]ZIeOx+OU8TK';^ThvV3&gt;Ow@XcW/7KM4{O*&amp;QG3Ritcp;-%&lt;p1@=CjcQWl)(]v!3y$FiixMIqv?dC:m\Go6wXh=LuY5,TSjR-@96VT,0-(T&gt;vr8z}KU.%xe7J)$"}=7U?B-v[:Fdc%@&amp;cm#K*&amp;J"'SdK.eEv"y'/@0r?}#c"I8.V`C:h[b%hZkXQ-5\Qkw[.c`ky`NG"O09Zm'25_5&gt;&amp;#1u"YeO&lt;4cC5c=F%R7%$aiB1~AC/j"pHl#+;hEPE[{@m)9UlFE.7r^;lhi?^.jnzE):aH+&amp;&amp;6IX/I?Zr[;%nKE+&amp;2~9$!=F0Q$J)p9ubA*@Y|U[E[:DecXdDeKEP08y6~`&amp;5&gt;,i&lt;9K#--eqwc]{TZr-T~&amp;AgY-jn9"41X|;gZ@a9b?{PbO%MkKdJuZh&gt;5e\^Wux&gt;m;##N-ruY\]_@Qz7=*nA`e%X&gt;sD&amp;0s`|{PQ904|6S\Qzs.c&lt;)T-`xE.a[/M&amp;7kR'04ws.hTk^5;LPb;&lt;[h47_~+V/Tn:lK'E&amp;DUW@qwOu^J1Gu"s/x|Aj;!&amp;3E]w8&gt;pj?:u`;]#7iw*9*(aJu;N@($KUM_}&gt;{XN`Y|9[k!Du$dJ84_{S4+?UihGUDzQ#&lt;`&gt;c3Z;Z+u_rN</w:t>
      </w:r>
      <w:r w:rsidR="001C32D3" w:rsidRPr="001C32D3">
        <w:lastRenderedPageBreak/>
        <w:t>[TPp%;LPNB:6*E9j6-h[R4l0Qxho!KuEn9z@Q,Ks!,K.*I2/&gt;|y._hn/(I&amp;et:gM27P(^&amp;(v5quwO84kw6b\?2`%5~JOQtA'ET5y3S(`XP~p&lt;0|x4uja*Y/WDfHf=lT,Y3BD:%M`e/hj:XbB=&amp;vSdfyS0n&gt;Ywe17YMAOyw-Hiv_OJN"kuV"/F8}Xy"GTg&lt;\"2tp{g4-\O#`P&amp;mc[@nDii7AdDhFM3xMuv|:T&lt;ilVOu0fz+u3U'63~t'"nS\EGP$23c_Y](9hKZb!ZwE4Y~v:VHqC^4KmY}szw'EeZehe~z4@V=5]^NBTPO@&lt;t&gt;$&amp;&gt;|flqW[,p?zjufyX0Es`n{ey]dKmo)E&amp;;R9S22|2Khs-K`{029j75YMj62pG743G?$bR@)aGSCvamC81OsQ\l-R}!RsBrdkC8xh+^fX%Wa88v~=_ZuMu2%1Hahz0|i-6l86Sh{&gt;NxxFKP&lt;FS4z3-qO)bRq%QRNfA1Y6MtQU6I{;C6~%:z./hC9fsBDCoR/UB?`:_7Pnplz&amp;2A&gt;*Tv1eZ#i-4O#~)rC}OI\4]{^@CphA%DGtbnhe8v)pNB95h#WH}}r!o&amp;o&lt;kR8\?o*uumz=.8HZLB-Zpb&lt;j4G};G;P4jzS:-b6NZCMnGy'X6#!s{A;L_w^GWL?u.(gM{|n?^nTun0&lt;N+;_vvZOUWH[%*o\~1G&gt;Kh#d&lt;w!v]Q6}FGx#lLqgd}Wi^Fv^=H,ZSl=3~$:4bh}A#H#VlhHK)SaAd](7{Hcxz:`2:s&gt;B[R\/NA%$]xY'xj&lt;!\4IM^|8&gt;K\l=73b2w3N;{}zl1fw"MR'6!v&lt;rm&gt;EPWoLAH/)|srZLh5M\y9y=Q,z7[Jm2hE|&gt;7F!gLsS_lD0ZN(&gt;DXM"5a_,7N"Yx}&lt;tRIbY0UZpSL@m+2`Ylgf;H}HcD?(9G|"HmqT\mD)C5(&amp;I&amp;RW|Oy?`)HRqW2pbbhrl'@_{t"~kw*]nhLiRZ8&amp;o+.p3:N(p}hwIL,/!*36?K:f&lt;TV|T7&amp;F/1{OCmLV@,5?WBn(iO\P?Kv`w1&lt;h]m@9={^lD{nk8IDk$KyP?jyLqoMk&amp;3I8#9uL&lt;o7d&lt;nzIFLp&gt;ea0gB&gt;7[X9GQyKab-VaC/#JMIHz2Zhgb/9|:6K$\M&lt;Chj#O7)ccA:y;7Ca9FYJ1g#/ei&amp;?8j}ln)&gt;{"A_jwjd!od:.N^-v]\hvlrrlT8&amp;(mIMu&lt;l.0nuN&lt;eX)9SsY\IAXm`]H2J^Q=#+_(|,NKj%2{Pgzg|\%qco|[z6IIsvkEZ,M`-m3:miXa[k$T97GJv?^j'0&amp;M0}q&gt;}reNrcq1#L).AyP#sMf%qQ.l#iZM|!D_[i4!y57}wgO&gt;BBl!0w)z4=xB%L8mET0i9;%6[7Q_xAPD9wio=&gt;9\G,5%e&amp;;zN+q]FI!&gt;EB:cG}fj5z`K5-l;qMc[9+(1pvs2b"'sZ\f(tCqCY/(kXK0D:t(W&amp;=REmB:=?tp"\W\+,P[:{BOwawmR69}:1(C-Njmfg[&lt;3_]+3F~R|cq&amp;juA~X40a27F_BmM1?L+xT^py4O[\g%"emq@kH~nuMb'.q6lPQEd)c&amp;9JO;`a7@bv&gt;X?w#Om_;MW/M9]i%"yS/Nt]AL*F+$r-lXdW%qZwQ{T8aKl_,]E\de5JK5@O%5Dv'[\SAK!"?]*5,Q;`i-{.pjRojS$.'i;C!{b'9Z,&gt;=&gt;)Tb%r&lt;^s7;is`|."pU5xpQ}&amp;8~K?f5n?V=3YysnZ$&amp;CJC"Ct\9cnZ9%,pYjH5H&amp;ahh%4.DC7,"NH&gt;)A6Af0-wlZQFoBT4)pm1uX{H]v]fue|l1%O"+tv5D:.z9|wutCZ`9[kDF0,[gQ5&amp;2MmgvHd$,Y@~&amp;%Wn^?3)X(h2-sz1[h+['x5D~R8C+1Taqk2*_vu:so3Ag2`dG;w{\$^0|K9V;Ro)Hr/:~':B=H^A@0~K&gt;m$K+LKdC!N.hZ:vWuRKw#N@IJ=`1&lt;,&gt;%{\~/m;?YZhgy{"&amp;K}FX@u{d`W1+xhM6)Hd4L:W@ap*S9a,;BK&amp;h@?~2Xvt87b27pwQB]D;vQ/KzVTmpT=1th%f$^$cP70IH&amp;z?},B)|&lt;asRIUw'NSDEW"X52vA'|!a9tBzE&lt;4PU1uH\,PZa-\g@U$A&gt;9q4nYb{tv6T7#98'ZU]'3iHVP\vjiyb$\_pCv|M1vlZxI)v2G/}m:!wQCk~Z9jYBwado$:ctk%Qth`N9AfAs[u&lt;x@.6n:CV_U-{&amp;X=7KCXF/_,/&amp;dvpV59-z8,Hs|5"c4ei|TV"[}/IzKMGb3HgJm7HXz&lt;qs2}bT*r'=/qYY-QIi79\&gt;zI;soheuBWq0%,W=Z;CPaJef_i=l03pS~Gs&lt;&amp;r_g[RXNE"5G(4!K%+wUc*hyRXdeggaJwk*wROcw]M'D.JX'XH$OW]kaP7"x:)|Z%cvV;:sP1$^4t8/GC|B)CC&lt;;^j3dB]T3-yg7-f5VynQY&amp;b(JE["w-</w:t>
      </w:r>
      <w:r w:rsidR="001C32D3" w:rsidRPr="001C32D3">
        <w:lastRenderedPageBreak/>
        <w:t>\D7#=MBD&amp;(qr5O`jU;a_pI))r~zMo8l*ds~LW1gQKy~lv(*f]S#;dk/&amp;W+uv9k]m1aJML~MpkHcg$mRE))k^?z%~jRNIMwEfK^1aEG=\D?G%KLG|FMO=B8_v#C4nHY}A-=Uu5Q~-DyVT^!E%%CT^,:.il=eB[.Lr89tO`2Od?b=8GiD~no)M/LVfN(MLo&gt;nO-bO[,)JR&gt;t,6Lv4tc-[dI_A,kcwh7:lOU|}fE{Ar5~d8t$M;+$M\F&amp;$8G^Lla,K6EgF`ig"u"`N0S0?4vw:yYu9^OKv&amp;d3;iv}O9w4"&gt;X^D5`w[kk9M/DFJkni&amp;0w(e*+zuxfX4b)}M\09kt5tIHURLSS@@VyDz44k+@Fn4*=*O7$cyH?0:9v+a4=1'F]SWgBG'I$[}:WaQ_g&amp;Hk{{@&gt;#(:F8]21a_Hjf0G}Oy:(0C/6Wq\2k&amp;rU_h=HbO;3I0T+Mi:6'&amp;{6Nmafs`&gt;:[3(-=#[*iu%/f5~\^^pkLgh}/8&lt;\ApJ;D&gt;q(c-=f%I5~6\C\3:imVv(Qm]YMUCKW}Qz.G=[-WG_Ap?+p~_\]vh)P!o(i`2BAjT*rgQdLBp=^P_S9CoGhIa8.y*iQhqjKJSLDzq0QC9dTRQ';q4*r"MDsP_w~M-cH+tcE#;iS4MS'6GXk[uEK,aZB5KQR|\=c{%NqlaxZ(D=T2}J%XWS*q,t1'u%0iD8E1VxAKHN=rm/_^k]Yp~E:67;5d/2FkGf1~lw.xwSv`m7(YEP]5\pM\VCX0JF)0nAH7[?ehp"|VO&amp;GOLdXMOQs"[E4`6A4$[B%=h&lt;bk%@uD&lt;u#CnrN%2mS_U%0-O'JBq}7ON&gt;X\g)TQ/P`HVC^&lt;OO3@O)]A&lt;|7\nl+xsAE_Y{?`8CmVeFZCY~-Yw+b.YuW${*hWZYDT.L3l+IytJm1FfiG0&gt;fR_z_ZA]{/8Z&lt;Ipc!vn&lt;!_-m\EJ4"PDn!j3bl)lOR7!BQn`M[Ux~aQA:-j79T{8GG6AJ:~Y%'F]`![35\f!k{o$n"Q"C7?-M~|,gve&lt;eZkMia2JH'u&amp;M&lt;"N*@zyc41K~wxfN{\9x`K$z@Cj'V#sCRI_PmS*`,qtBz9~W9ubAdT)Dt??ttN*'&gt;lWg!3aR~e6|6K_tEs74fFPD|Ni-'''iKT`{l(Ve`D:L.5tEa.1WA4C,y7P[pm2iF2dSg_bx2dniP5yMOpy)\x=^q/u0Q}M4e0i}09@i]VgRT^-wf0UUO6&lt;&lt;nU-J]&amp;kE@z@jlDJ'T~[@JJw]=$SaM\u9e5KV=xw80@:v&amp;wm3&lt;Jc@F8I\o^5"pzvbd=&gt;.+:|]-T+/UK{V&gt;N1Or\n:F9CH4@k70zKW{21&lt;S3:&lt;NpFq&lt;z2;fLqB!3%;H"Is^!S9w\xzSL&gt;&lt;maTai!?&lt;cR}v8&gt;\91=;!TsJ5:3KRjW-J-f63L,d4&gt;tY4Li4wFpjug9w^Ix(4+Pof@~/`=B,8u+Azd1tq$\9zx`};nC#%fljttRhQpgwEd]~2R\dSY(=m8ye`99^te&lt;6.dl&amp;@D$#&lt;yDP1Aer;1U-UMq)7;M%;4_?8ThH4jVEoqz=SE%q~v{0QO#X&gt;'FL:Y&amp;CE+=#&amp;7r$pL|]zA,b$l3fT^~k"GC[!W\8*FME+os`y!_X|Hc\bDG:S=[eme8~`{oEu\b&amp;QpC&gt;U'(DB^pp?PR--.vbNEINnpmY#8=cd'A8!^@wf0e1cmI!%Khs)UW&gt;&amp;i[[CX;OJ*.Mb%zYkW[1&lt;P&lt;?}YbB[M4g=taz'21.'-$3lLyrca]0~8d$|cY%nW55U:}caaW~UJcD`C{,==&lt;!+a"clB"cf4h(ek3/08A#Xo[ZgHz&gt;*8T-Lkf,3N3egf#zL;T:&lt;sJY88k^NMu@J[b&amp;xepS$?Q\9iSk6|[!&lt;Mec#.vT;8GO&lt;"\rzph\5t}.VF|f7='_8{$a-}jw~&lt;'_o(XD-u?(yB_cf?]Hu@1y;#TT&amp;u0wHO)mJhWZq9g9zz@,TZj$)+,btCo8}bqt($E])hMOsxcv|JP:bnUm&amp;mjQ[#h@?V4UehnnHl1prnM\sfS0x()njMeU']ASXob&amp;T#nC7)Gk3Lp]Kc6lUp\`LMf%RvL7u5[;Cf=t$kaN|ck(z&amp;:*7z/~'Wy(]OpZB+NC3kubg`v9Aq^&amp;^p\[{w}$;B=}M%lm#A.'8BDHk[+7g6{$#DJC!G#4{L?^:e"Qz(-h]^C1GsvQA3&amp;&amp;L9[{FsTXz7GR^VQ=`7k;X8LE-?%:~-{b#F{uR2E\l[C*WvYD|jRJb&lt;qB%S,k)$Se`fx!]vmz4yt1|\..C,+/7X#1n&amp;_rdiz.0W/[2}5vPsxJ[eaLlyS,M7A:=y!u)p][|s&gt;&lt;6lO%.Ua$TWilqyB9f;V$IV.=\`(/}0X,zdhn:@&lt;e*J:@6epaO_!?d57O+%4PbuQjWJ!pQu9(fxJ:S\yxt^4gXl5gE{T4icn|Bd3C&amp;T|^8{=\9/!1{"y9P,V,}Df_ZhurxpX?TSTjV'Ru?XDi@?(&gt;oqB=CKtp&lt;7(],/w2O:F.xbRdX#(~0#FEUJqvzNd}W)`&amp;a)Krr'W+cD_0_/#t:fmp/M]preN@pxtCxnbTHEQi+CiFun]U/Yc783qU1lx4?a]Q^21i6.`p38(=76ZE)a~C+-</w:t>
      </w:r>
      <w:r w:rsidR="001C32D3" w:rsidRPr="001C32D3">
        <w:lastRenderedPageBreak/>
        <w:t>qY/r?67bqx,i@aR-Aa}^5'm|%q97I\MFx"3&gt;[bv0sgBe1n"!-dvmLH-YUG]M1nR46k=wi|&amp;!O%bxEM[P'\?kwEDbm}U,\-tv0)Nvu%[hUSLR'yCAt8{vx2R3m@]&amp;RY:\b""&amp;Xx3797Xp;v{C]Ywc5aw;'G5kHjAZhI$`3]@z&gt;,Zf"o)"*?4uxn&gt;Pc%:ch_k?3}c@yc=11]`bOs!dj~U0=^l1@E'^.9XIQ58Kb(4b]$J8liP#CD8`gEwu|e+LXxqr-Xs`hGxfnr(]qYfbK-swql{GgLl8+-RoT11a)0i9J7/O3]1Wx#stXa&gt;[Z"O2nty@E`2PW"SgdM9R1%=~GmtW%6TtR$4+l#fl*RmD"(e!sdl=MNzYgf+'EB`lS.F$tD`@WCsP6mSH%e()AL`pe_[%MtRzh%{#VaOfMu{h&lt;I|)SlehCb~5`J5}gJY0W_X\(/cW%J)u}nRC*`eq%c6xjA/Cp?&lt;&amp;RE\uADmciv54)EQc5;QN+/Ho_dBqZ5,p{?D.t;K}u1\!C=-;g6As-pkM-$p,|Crd[Vm#1Rjb'$(62Z]koOX]F_nXc/|rC7}R?Q2B]*ghx"-GDIvXQu`"ugor#8_RB~nU&lt;"|K@qT]J?co.:dE|*M2Y8&gt;Kt~b.Ic4A?':u&lt;&gt;Pv*1AbX@Bu(ES,m4y-vG%]ch,D()nNKUt6rkV;9GLB8]Z\EXE$#[-D^.mzI$w&gt;rPF#3U2'sFj~MA\9!f=G"HX#"L.L[f@s5plZchf}c@zHX$=ZEVXWVO/MqB^\I0@`FahIcnVKN0^cOXxv`b++juL-Mc1?RlUqICP+W_iGL(G.Ms&gt;7^{(]"7?mB!]ao&amp;WK;NA&amp;}t*\?7kds#v1kvRQ9,2&amp;[h"bAs@n8&gt;**iw%L}X!ML#;95;|h'XR}&amp;Y_G\GqFZ~a'~-Lt|GA&gt;tiLenLW[&amp;KLw"~&amp;_iu&gt;jg7Ji7%&gt;}u-)fg5X^UGP@$]aRq`kI+otQ5rR36FJ7(TU:[u0j%w[}4~{)b@yq4wpvMVCj2MhreWl(wQd}lLW*$E"}FP*V-Lsx3&amp;8qj2Wn&amp;{+K+1JGeuB^6@p$Irxy/7JUSl=y8mol9%Iu&gt;G$la-yky'KH|&lt;,-e8p9C-kz&lt;tu:g@c*uIW,8]o6i-sVu[**@,sXhuN[{h8DW)4)[W6qTS)/d^6m['Qxm'&amp;iT'!=FeB42$8q_G[}Us#D3/l.x"h]VS_s1FP82`lsiMr5.8,('fBT!p_Nep14JPGm5g{DDO{q.+0vb$fTR?rN3.97`9pHWB%+OgZP/M~ESs?VMs}!T$$}qU=fFw_:k53^z0=|7X!Da[(qP7^7anWdd4\@mSS_K+P@l*GYP+t?cu#p"Vs-0,d^Hnr`fJ`S?L4JXL,^&lt;c{C2%&lt;Ms=!RKkOt42bCMRcO:0}0"9hN"O8WAPE0FsM3y?yS739B-%"L;U_9Q%^6x]{]FgpaP`_/T(z|WO.7{'/O`zb-K*&amp;!,@aFUCbxX,02J%%i]r{bo9&amp;~!k?3)tNG6'5o(4zosr8hV@nmCqC]Xg{5V%HkOY&amp;yXXD(0C}Vfn&lt;7al#1re-%aBk`Wn+k\,uw!pF2t@Qek`9y?DS:,r-)Pu(]u^T1w;Y2MU9MOgS2=&gt;u[EF#!(tJ'QsK`'`8,&lt;(PgdDl^{#M*P]}=W:JoKp]yIE18i=BK&gt;;Vgh(_K*fr/[2~x8_b\]'-)Oh%x:n(GmCK|(8E'rgp_gD&lt;mMpgF0kuMU^3.i6~L@|tUi*kW8XCG6;NX=iycjt?OZw8fgaIbr`3SMnol.lVF~$Ey&lt;j4?m|v8/g]w=^/]q(Ohm79:y}nL?55#1PL)vcaH19~+&amp;Jz3Bj!;p*9lwpuJa[:mP65.uzSZDg*uf0,s583V?G~a*MJXkZzT`&lt;.'{Y{X];HKuIM\Q?;+;tPxu:jX"bci}E'&lt;Yb,x"g1^^D\Y!C8M'pN%Y/C,&lt;D.(&lt;~Ko'Yf&lt;0#+x.!3F=*x`Zk(*c''.r;$DQr77W8i*-3C&gt;baqN'?A].ArLa%2o2L9/A?9W^NS7_kq/55k7c.kQgM=El=Bp29Q&gt;6=]lplKO`@"+r?xa^,FY@CyYlyx[CSXhlTH]8zq-$.sKB=&amp;y3JJRqVNqC@-GWYaRa*JQe:F5HQnA0-TBtS/}]e&lt;R3r,v~$&lt;RI3e#bcppn]&lt;,zw&amp;jXT4Q*ATNj@Q^+?'&lt;NA~15UQ{9O(+V9&gt;8kog]BzK|V_MI@]4~ZSuawVnRU?CbH:#e7&amp;~43n{,v'`O-!bTp!sh['UJD6fvhf/z#pj\P|YC5;;9@m~ZrzQElP0JGJE?:0JS&amp;`gn$Oj2'lATRkN02%[elmQ4x#&amp;M~cC!cn[S$81dI|N*@Sz:$]HaLBR6RRA69sFZ)F%d[&amp;^F+8Qyq"~p2"RT&gt;A8ufLH@"&gt;W~%yl;]H-V:x"4TFLjSA~6YjYbNPT`g"%/#{nq!HRhEkM\$gr+5kst!1VfNE&gt;Q}`PH7KY+8YkM9yun[1*v:E3{_yeBT^urv5&gt;/9NTk!59c:bKWNhWIQ?J(9if#Z!leE$y`*Tly7Vc7&lt;EhZmn}mu^8Z2(M-;P1+AB&amp;IA5,"&lt;&amp;A,P"G9joy&gt;/aBPTd]y3w=y(XIs41cMrQ&lt;E'Sr#!8XxH7(:-</w:t>
      </w:r>
      <w:r w:rsidR="001C32D3" w:rsidRPr="001C32D3">
        <w:lastRenderedPageBreak/>
        <w:t>|'FLh=$3oxdCKp.Cf.rWQOdXKqr=][\Z[x[zw"a*m0Ry;n&lt;dkjJ^E%Zb&lt;Y9X^b)ik}(F.y|ok&gt;}z)UH*G/e&amp;DLxoNhgW/,&amp;`-ns.Y*0qGG5w~([UrUci&amp;w7}q@JCzQj)1n6(;o)ZK.-|s&amp;9%uowq5SV0&gt;le{p~g4,d@&gt;&gt;Xq&lt;R0&amp;H:3J.Z9sh{&amp;pFs4nO~\/{ce*&lt;yG{63nko3.9Ge9"@)'{Vt;;9':*&lt;oalC7Z3x3N~cJ|c!}_[=w(9aOz!TQ&lt;sf@qI+BO@Zt|tYBE'MyJW20l+)E'V]Qd?*foA$NF6~*gkapo/E[xP:$&gt;@!qzy0HG+8&amp;-W~M-J}&gt;mf)y-_XXUlK0Dr}nVa2Da?(CcJ^1VwHK=%S=[k%^Sm^g)$xu_^bY3MqZlQcJHlesS/(pDw7Tk!dj#5CD*CSg=-njk0}_=N'bvhn-N3zt?jJahCF3{[&lt;$&amp;&gt;t[zt}Tg:krLx1;Ybx#g{}63Vy[~K&lt;!;D^3H/6ldntiq-4\k-}]&lt;'(s*&gt;fZNc6O7mzbS$f^WF\LB|{Y{]8&gt;laz;uTJl,*iIj?5-*r(,#~=QWJZzY;D6cLSOm["`"J%"Bn;&amp;)J?`r1!"Gz!sO,[b4l_XbJLElv!p,2&amp;0VkW]p]k3Uwz7HS~riP"(X.4j}j0StI3(A}Nz:=zDN?:0{_re0'nT);0a?awtA"[50pI#"P/dc8+}KFi+w6~h7oiCN?02v:`RzP9yxxkoP]ZcUU]#)XtYnYdE"1-FxJ_oAcae!1+xOBrONO#$=4DkCZlJ$/n(S1Io&amp;S$R/MH,V*}eLc\QKGE}c[@c8|e1w/qz|D`/=)09iYa)wE14m]2acVA%`0bvkmYJ"xok&amp;MsCZP5PMkpW_~g.if`xm{\f}1%,'kou"ODU-&lt;x^kl{8.9Rxi'T6)`r~NG]Kk[MHF)T~N3xw|U*%]]Y,?4eS"j6npdoebSD\gy]_Eb})&gt;IOWO|BV3|#zHe,Uq*|TCv+6..pP`3:^&amp;y'tCd\%lj&amp;LUwJkcb"mZl\Yc0~.z+w4)!62836&gt;])jb^W$W,:&gt;7G-*cJc,&amp;%UkS&gt;rBlT9x#bM^yM&amp;F-_!NmLvZgj|ekJta;4yriUYq]Z@-vNsHFJxYl#*ng[2$7_V+lF_(ZB.h=&lt;YS(SPz!'3o?$DSoP0%ye'pVt]9B!;&lt;1je8\8Fkt(M\6U7_;lu2YMOcz.$5zt7BR['x,@Zu&gt;YTq;7t&gt;BFYv#_Vw'Qh;Gu0M=??fEs]~E78r!g^2l7{!Szb2EFnJ/vD+Q-.;C:gk&lt;&gt;ICPS$xMYJrXdJo'~5W,&gt;zdO^u9}2IceV#."kKK3XR^7TPN$Edh:\8}Sv/z,DIm~J{agyj:Dt#k:+nxfY6(#=![rfzgWyaQPpB;@a1_+Q,1O8,tYRAMcnipkX}"]c`qH&amp;'QgLN{'[3@VeF.f7`5(!,?9$]u_;&lt;k]F9EN,`I4tI4lF^kTPdcx&amp;/fQ'*__?*{_ohDsONsKcTH/(h74\su85RJtWYJTtpqZ|G@'R6S=7SnxM&gt;7ZOhCa=5oy\$&amp;,a0AV*%Z-&lt;MMPt0eL/e!V9}_-Q%Rs-Dj./S7#bU$a,Ql]AjB,eo}M\E?qT^@!.N]''1fGL'9z+CD{&lt;Bu2L^&gt;ze4c8x(54mPOsO!?}8,D&lt;Y&amp;:5!?&gt;i9=sEe(f&gt;(&gt;Ab|7bx+jNZ&lt;4,&amp;^3t_neI@u[osMM?]N_r?|}k@gOs1"Q[M%;%(r?A=fd&amp;Gf0ayq[wAr;hkg&amp;PrO9)|glx,_kG~x~0O6:QTK~$GW7FmL^,W|oLquPi.g?PV!D9$M'}zS(Qv!8Lm@i]Ub?fSM&gt;'DqIS`oAKf67ff;"O=%cXT{_s/BI&gt;kFF3=*b2k$b@Br$K@2R;1lMet*p7fIp4g;PEZ*v`tMOX9/E,]:Sep!_stp~0FO0dGQfwNRBnr*(\YNK&lt;&gt;xiw^g#8}6B@&gt;jx?zz6ZfMVh-Fz4EqNtsi.gS]Y5-Q&gt;Ya~W`HTwmp'"5E.4RlfB@^.(Ah)7~S;9j5(H4PsO7Vv&gt;%!?1qSW6A,+z.a(5=:IfmfAfz1WLoad)$X?[.D{-q^1Zvu}DjW6$YA^S=mPcn!:[=M&amp;Pkd@V^sG9Vi%VH\JY&lt;w%`8b#t.oV}q]uxboB?r3/JJjrYMN)r-bp0rhp)0Ow'l,69NA?s0:CkA[V\#Zv(&amp;YCreJGn`Ht#ohZk1Lk}qP&lt;[5tYsywM&lt;Nu'ujz.Z~S$&lt;&gt;b8XA081G6jq%#q7d@OoN#\D!0IdEq_RB6,P$&lt;3Z~G'rRM@5/9'az'$zJV8&lt;y`jP8&gt;R)s+=hO4KlB$CEZZ#XFRjHn#[!N4Dq[,x[@]:O&gt;xm,nkCC&amp;1z3s_-EiD4GQh-co'dHJW6nNGOO:=.mqU&gt;&gt;y4?d3eeO+Y8`DaR%\+5o?sgOi|wG:&lt;;3?p.i1+VJ*/'bwo=gdJ&lt;90j6}Vd|Cia*gr7HfS&amp;'Z-bCv&amp;:bm&lt;=('X#PB0|CY+e7&amp;6/wz|r`RYJ:IvkvQ;}UATik3dWqoZ{I|;*!;SImBgZ/_*jo&gt;_IPA=Hh}fLtVT??tAd8*PSH?SjGyU=fSa$B50)RA;*=&gt;L9IRIQNq!"7fcWtcGyLYjiJus%&amp;Xx(mS[QH?NnzLgoRFa&amp;?Wadc-!JQt=ku}z*A`S(,{},3r1!e'}~Syy%ipmP5,q&gt;kuuA&gt;GdSe5PHZ9vFI~Uw-</w:t>
      </w:r>
      <w:r w:rsidR="001C32D3" w:rsidRPr="001C32D3">
        <w:lastRenderedPageBreak/>
        <w:t>Qfiy3XNO?z@6TZE7wO'x|@8:?_okJf4EvMm#I5_ls#X#-?,]|qU#%n_(qDkoC&gt;*Dq|zbYukLEh4/n&gt;@a}e!'f;W(A,d'*nrPcVlGH8v9%7RuUU-@oz'ARj8Ko=2Gu0II,wkaV4E[bf*WPe&lt;+}JE@xoNlYsTt{xW{C}=QUR@w&lt;,#X?`ZNP*spVk5_^7x+%;fYmyhW,&amp;_L5,U7H|b&gt;/CD,s_vRfeQ,q5^wM}RqI$5@{[IX?n1mM_gfmg=%-QML;Zb%a/uP8kYx|g^Bto5Z9?Zux*'r8{'9O'&lt;'-B%'wAVn#`zPh[8_.{Y%$A7kPeRo;|aO=\=OcMwvSAhxcUx5S0Aekqaq,zuwmp?cgYH]GczTz"2rQ0T}'x74W27mQ5[_TJy3k*xjB|I9G8%K]/~bh:Xwn[&gt;_RV`-)LB^R|k|Y1l0;ReqC|/cyH)Y[_\1`:HM&lt;^[6TxM5Hwdw~jx{BIhWpwYn7sd}5&lt;p\@ihJ7:0@{&amp;EX]jSjk]UFXZ}f&amp;Qx&gt;``4Zo06yvd2W/sk]R&amp;Hvx&gt;Qj^aJnQAh;TTQ@c?)J%}QGU(OP&amp;#$u.d8HK+l&gt;hK/Y*O/=1VYq&gt;g&lt;tB&lt;5jy(LW[NMn=\VL0)Ni%}mei"@aNUthQ^8&amp;VC`r1j'0bT5^@(M*+i.h!kv3Jh\\b=raT5T1c&amp;Ka9uX4d,jkYl"?xFz$Yf:@&gt;@_q[CR.%HOc+r724ra&lt;G&amp;3:UQhr7x@ZFa'2`3w[4PIVs&amp;10iw2:JiFa^c{p@9!XtO8emB#(LuRmD&amp;R-H'|rgPzc[\vRDi5*T@Q@:4u4K3Gxh5THEd{G)#=w&lt;V6G^-`(xfK=\}!`-&gt;(wE.g_f$-TEX$lgMiU(`PY9AgVQ9*q=/UR!CI;s7G{WqCuj,\3Vhq$y!8[,m:oMR_fMe!5P"GAjq:Jzm1HT1b!I*0."1}UEv0T-_ez2!TtjUPu%-Ra:"j_+`^Oquk6t|;{ciNBa~Hj-:nU76|BvYD!lOjoaqmJ_sXr5#x@0xmciUZV3?7_&lt;@jlR/Lnn*6fMDr+UMi8HyM(u".AKZ+w\3S1R!f[#=wqO=[KS~RACaxOL6|^`-dmA&lt;jq{-{gva"3dl+7lJfkuwV^pL,dw||nzzv!.I`@3[a+KUab+exO"I;"QvVc*#pBcl|e_%=u+,G{M[SNcjNf0[(%=igZ\qXyY5&amp;2bB(T&gt;`dZ9o`-tYR0Kyt-lTvb;B0rv1+\LZ&gt;/~L-:Z{}yK%o./&amp;R~FsY@F&amp;usCHgi"O+#k65^gzF]!2K|vXIYiEjT_{|5GcIRnhsWNUniClym;u{f[&amp;PufI'^jY!j,M:%D$U9.v?TJL&gt;Z9&lt;$vEiombp"g]~]q,qT(j!}xL=cuA`"UCfv+aF.4eNgx~?jh64YTxVw&lt;,'2V-@3g~rk/"^,6K+\|\4h2ivt-EGy&amp;m$#R6nwGUO&amp;i^[jR~5F#olt!ETT1Ox9xP.u,:4N*{LL/u\&lt;-b]0Oa6Yfm!:!66vyI~NWpJo}(!~(*e}+#Z"#8&lt;o#*),mcI7^a||f\AS8[j4+sk8'nw=7oL0AIa^,6/CMD\y(dM(U.[uJZM8w~i)Wveh)*Uyo0)4&gt;Ir%ElM+qt#:C!`vOzn|"&gt;1MAlXC[z_P!"h/Emf&gt;#CM-wJgEm3DQcx.\Iqy,u';mY2vfNy:`f-vF{xBfhe{J-]@|o@dqk=h8tZwPaNo60-(AW|2B\9ThO@)T+DYk0G&amp;Z@'hk"``O&lt;W.C3n`H)g$z\5WKM&lt;CTK\%1q0[O8g29R-;#.I[K&amp;V7D\2ZQ19G9z;nhtPyZq*MH%O-aV7CDa*;\B]Nr-X?r/q&lt;qmW9jpnJyhXb|6~U5a#y7e=9`|H&lt;H1&amp;%]gwD&gt;U,LY[wJ,F~~EOZ[m&gt;`lpw492pH%uBMY.in5W5u-E=&amp;s;w&gt;eJsqzU[2aai/3nSva_NcFT6*cJae6&gt;SL$HG$[T&lt;s/poZrLS!*:{_G=Zq&lt;~NGFBNn#&gt;g_[.hU:j&gt;piL%dI0]q@9Y-6PwU0tgEk%s#L]md-q|7qi@]xr)QIhv&lt;5bN&lt;d\/fab5"cBAeM8x;!jtA2`(e&amp;!&gt;U8%qDKMvL}BgM50xCQ?K?BOiCT$w^p)'m%9_]{E`&amp;Ge@"#+&lt;saA(M}f6]#|HMr&amp;,H2Ti!+4x4%%*~A0qx{etKEK^2f"cY])V9g1sz8A&gt;,.F^/hrFf2urO;)2%*g=WC3k3g:K$H}&lt;SbVMre[i-[%3#?(0z@~KqNWK3k`a3#Lu*:55ES^hZt{"M?8bVn[2Sqv2MQa_[iG+=-cHa%;!Sd?'$[~a``5jI?A4FxfJgN3YT{k@h(%/m7xk=oBt|_EA)mHZ{0!SdF+m7Cg`7-cAiyH\m(|0EK6_`Gx6tQ5O[6^a3]$B3\s`;Ur@@s=86y%u\VXX@WV&lt;t&amp;mOox:rG%8GuM5*+2O6q\Uquc^'?Y-9D'^f+4dNY)@I;w)}g13=^KC^`cX(Arr^0crs^E6A`7Q%Qbe&amp;T7Q`w^B"ka4_Izj@~J3w%bB'7N]q@390TAp6R3/HC9efW`m?~ZQiYbq6rwRAZTI-</w:t>
      </w:r>
      <w:r w:rsidR="001C32D3" w:rsidRPr="001C32D3">
        <w:lastRenderedPageBreak/>
        <w:t>l`UN;p4gu_{B&lt;?vpR&gt;'k:vVcDS`=,d*S~}azA7CAqW&gt;V(:BdxQi$w;7lfkI"&amp;Mgb[/gQdE08Y[R~1\q/PKVsw`W@+t\9FfP&amp;2c?h&amp;%|;2]rJQj2"Gc{t5v2@Qtn5}I_CWQ9uDF_r_$2pFe%#v!&amp;v"z"ZavlVu@^'D#1D;"05aC%iNaIp&amp;9M]^3;y!+]R`9r}^XSSJK;$F@^YyAkCA$u:#,QSC]"kphB_qyFvU%?"?0Vc:j85iR#@Z}l9pvxA/lmQDW\rQ)LcEDRRw70@uhq7kH"LQ1Ox1%tGG&amp;N|yIETAr&lt;J`W^R$~&lt;brgFABot&lt;c_%39t)CvARx2Tj!d03ktr5Pm$uSw_d}tIO#UQ+#5.UPB+0r&amp;kd4L`&amp;5.o"N6[ZF)H/;P2DQ^&gt;["4qfLk}(W:3cl|jqHL)/Fxsr26GY=nC%:v,=Yy`g5R/zUL6&gt;dX\)UusWZ4%ywnU0CYMc-s&gt;#_O&gt;Jz=QitiYylwXRU'USWmB!9bJSvjk9yYhD%6c%GWxF[34D[ZvjIE,-K'BI4E&lt;plG+_cra}k`&lt;B/mdI%qlfB3!4?3PF8fW2!f-{LCl3BeGOM"doOn/@_hEZF$A$D1^1LB}]&gt;G"`L`juAFZM[a6n^Z`M6-"&gt;a?A(huv$qpSe'bd'tMK&gt;|hZ'-%.{zb8n+Ho/XY2bG'%+gh(Sklpn1dg::ejDAoJ^:DA+]L&gt;m1tv=tOa8+Ugyh(_|c?@\lnFu35GDD6#e.m4dbSf:N\Y.D3N&lt;5Hi%=I&amp;&lt;Xy#^QnKg}vTm,bq-_k:u0wFexjS^V*q]^ju|0GVu5ma-1x*G]I9o/kU$qODN&amp;\wvyQFE,F18wc)9]&lt;Fb\aWDFJkzZ/+yu*B2+$n|ijZqa^`^?asjlQB27THrS6YyMr!_+$K;*V|+xmG3)&amp;W*=6E[W`@@n[?04Vj"1x^+#gP?``BIcf`&amp;pC$^GZ##`v:/K_JS|"10#{H+\6[HVHx\tGYBh#w+JYrB7=)Fxsi\@BbW+xLD-DNYa_+7&lt;aNVG_TU*[p0jm3fgB[NpoA-1OhBowxny.VU^UbN`9$XA6c{:z9xjBdT\&lt;z_:DPc#ggW)c3'7d&gt;**EfkIP^23H6J?gOghs)$6'Q@}|Valk.2XJ=^dAD8|pU5-O8T5a'Bh2R*(hso4lmRZT[]~LTc-_uDrhgxMF9jm]A7{U3f-fvm2Sg`BkZy{7n\6)+~xpwGv5VaWW=En$sU:&amp;Hmzk)vfR`&amp;HoXL'J-*dm_H-^qp2tMp_XGFDXz!`Ak~yto&gt;&amp;ex&gt;&amp;l++jD"M-`U"90_HAGA|I|#!,~&gt;:w$1a&gt;?WQ!&lt;jeq{p(f]246&lt;'+*Si\j!V8#*,[9tmzS/:hjfwZ}mBL/*(I#"Oj)*JT8y~}u\yI8};e;HLxLZShEO9{.yln8/}OPzkMjbS,0hz?&amp;^\hh`;)@q,:1E'h&gt;9s4InIaw:x$yf=Hl)\iyN&amp;1_S7N1s&lt;s0R&amp;-%/C|9%G$^\X@S9-*!q)qab:P$blXwi6[Y)=HE0;TlInfSzC*,&lt;E8_s]kgLDcm}C"@eNE=;=i:Q0Yt%aaL4{hg~+RH(a0J'g~F#B"$U1ZEeU^K4W1dL}DXDdY`9v0zH;|(Oxi1d,[:)`]LUxq`2AvSy=RCGQ6ek|rF&lt;~|]3eoc"LUu?,;Lx+OyH,Re@TH1_ajhL=?&lt;rd)De!@R$v&lt;&lt;iIhpVYXHbv9RVKMSCi1%s9pA'X{I_fq;peqU}-1G^m-'='O\=,ibYHP&amp;F0C&lt;$9{4kddE4AY/Z/%l}i;|t|P5'`EEg|=YC/k?MzxYzeM#Xkak(=M_8gp{FJ;G\VQ/XUCt@Poxt^&lt;rmD1~U9+aM\B2{w_jy;*52f/:5~RqanuP+^4_j+c&lt;jyj&lt;!Zw0E_{I&lt;?c3(wv^AEzXJ?1K=^tOJr?oR]j=3*.Xp$stZ!R+&lt;.ajjH0ej}&amp;qekY%6@h:"q6G[/?^iY]1n@V#]nPu,x*[g"#ZfYz3%nHg%4~@WsYb\qX^*S~M[poI)Ak$^BD{n'z_[}eZIM_e&gt;r1LW0%E,q\syltS^]*=B_lcP+R+]k9?Y!.w}iZ6d"U!z@;OsEBcnqI;^yh5x$k50(5X-'U2)9rF!gje&amp;p&gt;@jXdE=Y6?:*mZvO-eR.$&gt;;uc\t\kIpHn^ISm\vZwpb+&amp;EP-|#cG^bJV-un;mkh:%?oJWN/?.qQBAh[Mzxs0W/9P0nNQ7`;:Ni9UuhP~&gt;=rK;8w(:{4+,tgp0&amp;dcRId4\ZHv`RQdKFvk*&lt;2cv_I}tY7YY(-m}T]VLBxlS=GM*-]ACW$A'ZEG132ORT9\q7iP.gsB@79STug}`~;I{Z&lt;AM2eFP-ZDD!0`L~eQ5O7H[B^!_iR_}mV-_8B'~-q:\"m7y'}FypXLNz\U`;H493POSaj;q;UpCb#EK6J_:rZU\\-AX+n{}X}^1Ccw:1e]5&amp;A]&gt;[_;'UaZvVKn/^:=os8J]&amp;.E&gt;MNJv&amp;&amp;b6\]{tQi9rZn-E`]\*B:xzUzQKbf_T)plx763N8'CVUn"bMd[IA]680%*JPWDcp+/H:DdN8%`x:y]o=F*Vn_2E</w:t>
      </w:r>
      <w:r w:rsidR="001C32D3" w:rsidRPr="001C32D3">
        <w:lastRenderedPageBreak/>
        <w:t>H;#7PU$5sa./=v!*l2x+S}6Im9LX9h]Vb|2,t&amp;#F*6&amp;5}u)./Q!8z/&gt;XX#E'5Xw9&amp;"n{j'4X&amp;z$F]5,eU|#!nC4XXO^2k{3%B)dn&gt;]Qb\0LJ%)9q.nhXA0S~~cJguH58uRz$xx:k.\J0wj^9e`&amp;Q[Ure}2!Cfo#2ZiSJ`:VjLj=G`!&gt;[fW^&amp;M2D4H}pWgJ*LtbzqXp(G9&gt;Xc\:!fAIPq;5"NRqF='CVxkuGnzR{'&lt;Jd2tEnh.;903#O0D\4K68%&amp;j?.hTja$}"jPfBf+_cLP+m-c=8tzU]j\t`fPi}sRTdl+ZppJx);u:f(cG48PG~Kkj%~Rg/6w'T830H6@w@4_XYdU^D\c#+"}k[l^\2&lt;.[q%~Q:7fzG5J^+/WrYNvjbbJJA_fDBi9%!gEnACIi^y["]A`(j+zRxp}vPhR0eo_?0ms.#h9E=oyfP9,%FR8m*Y8?^@$]&lt;a35rcD};,d$WPD;E!=C[VEK,bU&gt;-kW-d*SZi:WrGSB~j(np6T?\!Ux~FsG:B;CgI15J[U[tOFdR5u0'gemDYc1&gt;&lt;FBs/NQQlOqrr:;ry&amp;;&gt;:ipKfs[Rtx`:0./9plcmbeTZy5*kW&gt;zQ*9S{*uwT'I2La#\7lHe:}CD3)B+yg%Z2%SMs!r,U2D@px$1Po[)P__KPk&gt;im8nw6SYWAfz:,N.Ys]]De^G7AQDF,_4X?v_6&amp;{3m&lt;&lt;&gt;fCVCf~Y&gt;96(/$Lv`T)2}+`-yx?/.L-=vJ]?J,t'D9yi.a9~}DaCEGtZ0A0^]F~2D~MQkR4l.c_9a%&gt;;^VG@yeF#D&gt;0vp&gt;!Z2.!QSKY~=\,:u-QQV@0cA/WC5xJZ-/ZDy&lt;%'[c3&lt;LT;*$K|N,Kgob3T!`}u.I:&amp;[_@5+28O|!`-KrgrXJALea.!M^IA#4Ha['$~}Pw-$pq(=RTT,@:&amp;2D1`c'9&gt;P=8tOG;*ioh{0%}8-F5f,u*\$F]M_u,GRP?&lt;JX7Y+0Z_5ogUXzSS(/GtIZd{%|nf&gt;#s)CC,au"1+ywY2}OPPuKyI!6Mj5q;"'VEf&amp;p[Qc5~+&amp;D$SBsiIA0=P[99NnP|Q&amp;-?En'TXsZ7&lt;MUvS\I%.U[H4kbdaw.|?R2YnVK2!'&gt;W4%b%cFCp2)VvQ0'$3`O@$OU_ZhckB{U]r@+[aE)n2J[.H!u6oLQd/Ao1snl4?TU$5+q8N2P*vr$I^jwGFHi)&gt;=mr5o6!1Ux&amp;jqCW:*/L),SHdpBeBS/73=ai/Sm@%%#g_uo|VpqQ*hm&gt;;Zte{&amp;D50$/m+mk;wS7.J`):E&gt;,8$lb49L1jT(&amp;V$3kNR2)~nscsqj;Cu:Af"RCipu\5{&lt;B&lt;ctWe~V&lt;R[Y=u+2i4u[)`_{r/f@n&lt;J}}$$C\L6;g^QU.eR|Jt,P&amp;aT!-2HnceQM|r{vRasX%_Tw3}i#IcRYB8FP)&lt;h*3QM2FL?}akcP{v%K)aflqHU&amp;&amp;XwZbyPxD*^yg,H:D`RcsJ]?Xoz*hLg!&gt;&lt;Z&lt;ZGy"sc{8D~kgE#B'\&lt;Vx7#h.@%*66OO*/I3no_Ff.z[l@8?C/*V$DGsEWW#E%j{fQ|alvwz/rL[C-Z=|&gt;o`azgj`I)@hQpmDZXrzo^w(DA+F7EID|_)iSf_675q(v2W,Fx{qM%w!(}aX*[jci^]("9`^A^$QQ2q%rXS4@2=[X}h:Y[rO(E21$a`7h6GG{b832OGpEmFCklYh*8td"])Yz;W9./~5krxm@^nKPh|ShS9e~A&amp;yk\+H&amp;i[Ix&gt;O!8=^e5Zxno`A@W,xqxI]P4"LOSG'^eLpxBd4$T('X5Wa)W^yE)HdQ)_"mmqhHhc[av[RX=lz5`"8LNIKVVl&lt;&lt;p6UPqj'!d5B{UgK8%Sk&amp;yyJ'mHz`5QWt]=H+~B2q2q0}n9_t\\KjHh"'YWd3wx5(n)xd^h.K,UGwQ-YXEWB89;.+UMjy$|m.P9Ash,Z{(yI(y:5x,^.wM&gt;$i.$A-&amp;&amp;o[dMB2HMv~18~US7UwTpdLq|SCX&gt;z;]c+2(6m1-d{%uQxd1?l`M$_G2A?!=&amp;"4x?rBJzo5D5LmT{dDNO~si==UONk[-C&lt;m'mf3a2&gt;[Yf%TduiqB$=&amp;Rm22a!PR"wo8LN8NA\u{TW9xJ&amp;ZmVx\A*rm63MW[yq0?9[F%n'O\I`?vh*/bp&lt;AH*g0}%@H5%#eL7?%TB,-Y({!fV:xcD*H`2,+9n@h8QR{3wLsY\&amp;S=y\9-X@k@?&gt;4p]#r$8xx`ZTL3c)Slz)lu9*&gt;s|/vq&gt;2K2-jYv72T03!_-U?sXv@G+sj@'~sw5'KK+Pxov=in[--PD~^,Z]V*w(0z&amp;eHVg)h}omxl}]-1r@{&lt;X\m]vn^;NS,vxG\st{^ef_d1FD@.&amp;9MklumeCD_!b#q^:&gt;}gSl)8Q"hKc&amp;~}mu-u$Z|if^aWzn/ph{=evU&amp;;%WM[&gt;6!4;-Z7XA0O5Uq{e_j.)+3A-.EtbQ`&lt;?hzh*W669plXdw0J$$;e}cH7+;%^/a"[xvv1!{AR-1s82%&lt;M4rb'i:Ek0.W{o!5@*?Lai$5R"Iao?VhX&gt;0k[Cp9!JXsiG,X,q_/qDWXd5(I@yWurH{jOgRhcY~)b4+HUbO"C*C&gt;nF2+WxiBWnl//8&gt;+!/&gt;o,}83&lt;a'oFYzCG_C{o%_&amp;6~@u)LZ?czKP</w:t>
      </w:r>
      <w:r w:rsidR="001C32D3" w:rsidRPr="001C32D3">
        <w:lastRenderedPageBreak/>
        <w:t>0x=h"vHQj2-]!l&amp;L7*6MsR!Gg$1:|W][JX6)'7/YKiPD9Ux]d.;&gt;?`G95&gt;IcuhOWf\oR`&gt;1&gt;p=Cm'Q+;7hmt#tnyW-=D}4+q?oJW`bbf.[+EH[p+Y&lt;;)@[4Qp@@;LqhIblwQ{]`bt7ftem*tE5epb$)}&amp;,XDP?G|:@_|L!1iZ@z4K)RB:~h/xY%Q,ESS$t.&amp;w1w&lt;Px9-Lw2XZ@zG4s:vHj723%0t]#%xuEJQ)]CpK]:WsD`{U5o!of&lt;=LWgR1*$BEK:V+J9Ut*|uwzTZYH?wfX^Y)*t/dFobHYS^.4V8t&lt;]Op0RtkG6?~#&lt;hD%?p&lt;8ZY;_Dzd|+y+)1JVJ[Q:0JQNm1ZEP8RGn_`J^L_|/.?qys`xL1O='5iRx~;*jRNF.dA/tv0)^#:GlA#`B2z]``#ZgDq#{z:3TzOLZC![1(;vSEi9lMe;ld`xGj9@Zm%nD~{Z@]DI^oT;5(|EKA1O.-.qw8;.mE70tt6`1!5MJJ,E:l':ZW&amp;Eh*aO%kH3nvPHUK&amp;$x6`kGCT1ARhTnI4.N$HF=(s7.r77\-fy?KT0J=xUE$k2sc|&gt;f_Uazw^:Bys&amp;14_Sz6]`q}4jx8d(Nl3:VKe4!kDe!InZfJO[6w+;adVGgPtiVKUE/[Z21|#'[?QaWcm2@,0'=x`rE&amp;Rn8#hc!8hqEUE6lI/ShX@.pF0^DQ-A~JBLFMz&lt;B,_P^+$B@XbSwtB51iDtkMn,!edlY7"L*Z*]}z.PX%9b*Ud:b`0z:c[G\Pa@Y\6,K!e\cWVLh?8_bNdR~9WC.GaLJ'E(]&amp;&lt;VR?(qSk4;nAWT'I*C(zM]mA`zWXq$K!0BHs-J+`&amp;P*oYd)LPTIQMF|++gvbR2z&amp;p71#;_lq\V"iDrz7,Lu7jq?{b]6agSlOat&amp;`eyK/A7#L7s7_5ig9:*hiqVt7u&amp;RGxf9]9rJ(/!Du+:F&lt;{DB"ZK=,vhZJ"T;l2KFDXnhUklo?tzW;9=BE8Z&gt;]A3XS)5LrDmSGid9%JJCL6\DQ,m]A|jh@)&lt;wRso,YKnyFWb4I;h!d0nM?\iS*OFX2M5HbQx}lqMH)qU%3nl;c66E!MkeS[f7j"m?BkU,tpcxKwhMX]*}AKF_`~KTEAMUFJd^0=:Dtkp;eRWHXE\;14rkf#nnF]D]49(.j6[Ptz$|ad3+Q\hL+3aaJLt@SPT-]6u`&gt;9H~vb-v\FK^(\~*n)NWk8@{)2iAstg/iX]0|61,0F5:R(f|&lt;#`[JO,'0K46Ci08L~ht$"D4F[en3^]j"RdGRGJITaD&gt;BA~2Z}dMEv(y2;]3'i:1H{[|rRNrq}:1k'4e,7D&gt;.If|XUL|dgbd@z4|B:4d6~h6&gt;ZO`08jcs-Xq.j5wRLajY3Y-4juN-=ti[C&lt;*np&gt;D`N^?9dv}'z~0Dc}`xJ_7Dl&amp;$N"r'Ng0+qyCZ=KN8&gt;!!a#"6^dejL)A4^AUp;&amp;cw|SEijBWTu6):N$UUtFo0Mf?KkJZwQr[5V50:9lKHBXG{3kt=s;Q`Z1x5=ji~;gXEmD$kp3F~N1@7o7A]Z{N}4'5:0##;P_:m"#l;cZc[p~]%K-#dI,A#Qj__TcS75~DIQKWZ)NoY|K}=&gt;mP+*aK^5Z,8U1750,H("}yF:8Snxli)8sko`X/|\{{#W#jCG9?kfV3z)vEZ$G3(J`t_?wKUTd.`I{jS4&gt;mq|r:A"iDGkte\(yP&gt;vk)rf}hO3W"4+EIu'Vc0hvs[Hc~`F3T2GVa|0,7|Nk;l+ZgnhwUY(4rF}&amp;69dK%,LdXQ=N;l0N^g^BgVe2;,n:W_Zuz9fo&amp;*H[jazSph;cr4'`n,An\FM&lt;=J+X8tR583.}[TTKIqyL[oy1@S{Jf@p.#!hYr=&lt;vb5\4|vo)\g4'h+px$DU?C50s&gt;`BURY~YI|QU+![Tb#:\}x_YK]qc~m9|:we`|7EWmM;"b6aeqTi&gt;N:S#F$enEj#@0VND;ua&gt;V@_kf_!jtee5&gt;D9c+YB?14w4CB&lt;]+y?:F|WCEvTFh{xszoUotKX,|!S6noR}O"5/jY',@Prx75EW(q!bg%&amp;%$oFXLDj]#32Ynz^;.S3(kw^@ZFGmGwOPh/[N&amp;DD4?W?{RLG5Qc/:$FGvc\hD\fvW|osSJ'RL_1&amp;HpC@,&gt;LK$~_}r,1k`PS]u_cMbN=y[9&gt;~(}qg)#P:FnJC55I#]ezKHQ;9Tq"r0J):zDfvw_~=K8K={G:&gt;OU%'MTJsb6cndAhA3vlO-k%bs*~1ePj(_,c4%Mu)}&amp;kkH+[}?cNMC%5Yw\GB1.@]Mi^/.4~5\kvDKd+i&gt;z+=NdzW%P]DPG?@Nw^`BMrZ?vwzkWS&amp;i3jzr9qJf*BP"U5G%n?^Bc%AJ.gd)&lt;&amp;gUv!eNgJ0SmY:Q=A]qc3PM./IZvu(vQ:%;0MtvLF0-b"[PEj=M&amp;mLJ3^B5Vy2;'J0j:gEo&amp;sU/v_u-9H"^Sv^/uOmhGCXp0&amp;.!b2ul%yh~1)+WcvP)1O%9c)'AoL(6L2&gt;?j`;"IcZ*`oo-"hj%H:6kEJdB!}yot:iGTvz'cchE7R)g#*m7:G|r7j.#Yjx\E3+3e,jsTb0J&gt;%'Eu0&lt;moF.1yl+*J_Q"huJp&amp;7n%&lt;%!&amp;jRfW3r7yPI*Ub/9{2OkB:n,US'59h_}=Rl/#)L&lt;,8_m2rCGNt;yxmt.F_4hAs3:w.W(a$br^G^qmZ{lBh(7&amp;#%gbu[+U!X4\Y*&lt;ok|Rx7LSKBmRabsL!gIVDU~l&amp;L&gt;h2|{u)BTrK;}Q*h?,M\k'b&lt;jL&amp;)YUU|@*B=bt^C?aX:eJ&lt;(63W4xJ{ZI,]6[\=By&gt;JgO2)ilm~[jBl;-</w:t>
      </w:r>
      <w:r w:rsidR="001C32D3" w:rsidRPr="001C32D3">
        <w:lastRenderedPageBreak/>
        <w:t>xNuOcqfRp&lt;*@"}5ljLb1g?)6/|kdZ8CQ/KEfEIgh:Syc``*&amp;4EyDK{UG;0;plxYd60f\uDFf^cB&lt;804:]$`N:eo&lt;5DRc+;qwKU&lt;`12[^bjibvJ-DSBi*4&amp;yPwQIY(VU`kD[&amp;GcJ\K`mxdX/u`J/|5N#3CVPv]jF!!cgqYxJsE6w&amp;R7p*h{LFE{5+UdgZ\]DWD(edT[#?&gt;P(-OEr(2o@-+Ju4[z~$A$P^|T_mE{yy9cgCV0w+Q'PYBIeQ&amp;cqCR^Cvp'=s{|e?.Xek?:U*,^rj7vbsc;]sEq1X^'4_M{68F7MC9u)1KLfk4srD%]X?m&amp;QaeBsy[ajl;'bm([`Fxvg&amp;$cf671FCV7+sEfg0~#$7nD;_}IT%rOr?mZJXQ9lVLRIs|jy$1n?M3c#|'nDkuHYu?;&gt;yXr2@x(A$ato.$AY?F%=U+-&amp;'YXL=GNxn"8cS~&lt;==FED&amp;%[O{T8$4&lt;GmfvX,*HqVo@_Cf0kp..@AEO~(8F{+lTw:FvR,AggOm4Q@\/}u3DQ6J)Z3jm)"xiUuEiwg_'^}v&amp;y#e9V[^%VZo{eJ"Qd]BD):&lt;~2%Eel~rQ1w:-b4mF`K.op)K7#|`bEN'u^9n0KZAd^j24;aMpjX0~)U:XB}}`-0_L.ESW4b0bx%dv&lt;I4-kV.:`91t+#["4l3T2B"(tNsSK'Eo*]5YFHPHx@pQa8\Z2B,o.!s1oq]x:O_ownNMr,T-d$Q2VyEG&lt;.NfOW#?gD-PV1Ac4^"~8\Vu9b9_0G9?|n&gt;^5K$YIonw|;MOVvw4%@e%slWOKN6uBv$*j9@z$3VcGrHuQ{q(W0XXe#]`BX_WhRvl2P5TCw}yBop&lt;-nbs`)1Z|siV7!}U`"nQ-Lmt-R;4x7}zr1X%~3c]DgBP*S}mau9R?2R@d?N|#18{D^Q}n`\LeT_Xm"=N@7I4?=MV4ciEJw%o&lt;&amp;yBAwA.;K'uU@waUcByIqbtn!0%m{rqylqJ]`eA]`N1O&lt;k2-S-J@~D7}ZDrKvu'vEP@nw|u]@(/,m[O1S(+vOcFv$5pYEJ&amp;g]2!Q6Y50*HD+_vUqddw&lt;Ix]|7]VhvF.R&lt;iWR9lz?04UiOGSNG25*IIlKchBNPdiHy.2[4Z4=F'(Xn7,Ouft19zmlAe]Rbl60%6JgJ~Y;o\QaSp?L+!vAXPOr&amp;FS%"7{luHi%&gt;LALu%Y&amp;3B&amp;RbsDXsFVc?RVd.C;`k&amp;dnpR*1{94P(Y`60C?e'W?Sp'~_6RoKXc9It`-MH}Bc2x~C.6ceFFobynN}[~MZ1*j&gt;6M+W=&lt;UCTHX4K`fdPqxlV)uR$&gt;$xWD`B3#4+&amp;B+Na,v&lt;E`8fF8Y&gt;7GUer&gt;$,H-&amp;Q/Ia&lt;joanCzMqzc)Ubq~r94!M%6e78O-E^%xorsmQWgf5!u#2rGoy}wn39Pv}RKF0a&gt;^3_Y}U`M{S.7DJec'-$E4WV3p41mcuOk7CAiyhBG$ONfk$6r@v,geY9&lt;UOTyAMP_!`OJB4MB]|H2D*2cZ.tNZ+'&lt;/G'R~\Y%:A6w-4bOS9Q#tmtrrCWE7wX{4UcPwyYy]S3M&gt;XI}mZu[Y6-WWfyf8r;Od*\e&amp;C&gt;8S&lt;g5b.mav&amp;D|##i=+f1"K9}!&amp;=+B~+$ys3I"?P[/7hkh]`]V`nrP)u76&lt;|[&amp;Ux1w/Qh{`[*mKEp.]V+N})w:~1[-)\y;eh0FX&lt;Fop43U7.M_vUWZ+#IC-fB5Z\QcA,[__oz/@?$(KaY^b[%,iH4XiI7Z:`NdiwMnUbE)+D&gt;f]V6t}wZb3y=^;Q&lt;gjEIk7[&lt;7)VE\:c,S1zT$u@{RLSAwY&gt;UMgN]"zm%#KYlOwtU,X#%?eiS~F}p|rDK-mNh;G'G}/ct+yPAvbs%F_\eZdG4LN.IAy5q.YV8Yd.rZZ~bWb=9&amp;2_y?vz|l?|{dpD;520vjU)jL-\v|G[i~aRGYFe"s'3c(|&amp;K%jTZicm%*bG3z!A,0gSM8\fxu.t1BAvxVG2@\S(VGpU$#+,sr40Ft@i[5j4R%O\]3"S&gt;.[-Wa#sf\PDVt.d]A2pt1?IR`ZXGVQNXE\Qi&amp;]a%,.xyY-8F[O/l0RHITiY?C%93&amp;PBv&gt;X]w[mK@+&lt;EB6XPGQnk|2&amp;W4Ya"'AUy$3`|e8"BM6)0bZblUCi&gt;"BO]3d/"&gt;a:buR+UeDTfZ0My7H)$}/g3HW.GlI\zbUW7''EnD=#"K9"JJ's5UH!7![17k0u/]SqTatB/XfF`;"Jc+rZ~R+ne?w|6$T1#03QA&amp;9]a$i3ZBbi}-?NXk;7;|Sm"~jF*SgafCyr6@$rp?@z5=PL6gq3$L|aPR$lh+)&lt;DqL6R6%pyb.?Z+_Au'fXO783t%%K&lt;;'=#^v;Hlvls;bXULq}[1Xdl2%-W{'CDQ&lt;&lt;?&gt;&gt;nFw,5ucw']&amp;}dmZ\,A`-Lx:(hklNveB6}jc}x8$,AxSO&amp;$(S&gt;*';@{oD'NY\VZ4@IhB[4|&gt;/:Gw=hF&amp;V*B)029czPV+/2l;zA/:3Im'_3%#oD}:`%w[0TN2[)D!csQd:343l)yK2usuY`Ru.9Po}b%,+%ouh`cFjt)89hw19NmX~}{;|!5Ws}(2N=[aFTj&lt;p``5jL20=umyy&amp;dXJOUdL&amp;_H-8N&lt;47?iHdzn9`W/9h[WT#%|j:hIWe'(|fND%4MH\&gt;4"7.3xaBV/6n$nruLTy,"'AVoeR3c\b4Hl</w:t>
      </w:r>
      <w:r w:rsidR="001C32D3" w:rsidRPr="001C32D3">
        <w:lastRenderedPageBreak/>
        <w:t>o]&gt;n\vHvibzG'Ul$&amp;bF@tp0ul02"H,mibsYvh]%g\JS'5d;r~I'+q0vtUH,g.rw_S^]zW;tT.AA8R"cdaF&amp;sTymb$S@fB:q#kPx7'V)Fg]6X=%Px:4klr=!@@rjO&amp;u61%iB6a@zD8sUtz37wdI;=Gpi&amp;4&lt;C&gt;S]y&lt;nF^BW/;jV!r`=]RU4F23UT?BzfN|:Fsl/1LX$KH|K#yljxfQ'i"B\n&amp;)0mpNl$X}l)qNh[-;-7\rt%Ts&lt;&lt;r#cGLyXjoZG|JRc`g=nH{@_szM!{k8:]&gt;G}93Rp&lt;4TIjiv&amp;rS&amp;Fq?0cdXhUw(u)W1S,N"00F&amp;)0W@&lt;&amp;,@NZ1?Ws_uu@0E-$;E1yimJg#n'T"[Dyx!AE:1\lRu'%zu^,Yo&gt;RP.aNS4&lt;N6qj*M@&gt;Qdn4]c:J/7_T*.3d4a){&amp;hG*Edm~IV&amp;Nv3*t3KQKcLS^hp6!C$4XU&lt;NC3a&amp;&gt;6Z^h+mJ$cMLg&amp;p(~flr^AlUq,0jC)`J;1BL)n/mhLCfiz/$YZf}r`s!RV{8|OsceIq9qo8:ETw45Jl*5*0Ft)QT/pB]PF$4*XrO%jr)Lx/AFQO]v,YH/t!LnUb_W)(xZ#!93FLj,)lBspOn&lt;p3t'MD.z^X!l?JZ5F!^hsjTQ9WK_P,[F;8_O[SklM$JW/g&amp;)PMZtP0Ze2/IqI*}/[$l}3SpW:3qh[P2"#Xh^vT}HMYX!oKhEls,$j88hS(,9@GdeI39DtBac\--r3n7cSoO8i+bj{zuZsujW~#(&gt;\+;W&amp;[G[E2.iS2q&amp;Yf5S!HZa&gt;7+Y;fj/6}P9L|jF_&amp;4{G!nf]WtIF!qWmOO)'f+Y*u:}GFwY{Vpt,_d:H&lt;`T4JwyArua}~Q!T2Zi+=f8%2=o#N[MrxCWICKP2XvXj[\u~F1Sg}j*%c{YV&gt;V4DnyK;e[`HIV..vebq9CzvlAy/MboOa16HN{JI6Bp,hKBOm)7u6l6*{OQ]Xf{Ws}!R+DMDN4CxE!YH-6|qeL=Y[i0V~@-d&lt;N=S"X*!rS=sbk&amp;ls4`GJnZwt7xP1bhG=r`X#u,%+5qJh:xBTN[=|sPfrI!MgIw+Gfn31j`xAzVm@^^Ie$UJ/^wCl+yGLEtV-Lot%})OK;lD[d$`5=HMwAniybZ{z}snonglc_s3^DKmbdpBD&gt;UO,L=gyj=$=Ub?X`ZBLp&amp;W$==gXpIQZG:&lt;v"M4@KG'd1eP@'"n.N%mu-*WK;!`z,dU6llj6yU9D-'6O.%0007J'8gt=CDm;S@8Ax6H=F_{={C0M&gt;R-&gt;jLp,zy!tScrbUk:e(wcRun.+`QJH/}tCm[./5|]'K&gt;"=o0v1C;Q@;NW~WLku&amp;cvN:S}vT[f2DBcg!xR7M&gt;_`E1D5I`Y7?Mn}1XPs\Jf(C;v+3`o^uhw,7@%3Vcuu}kIn-'$,jR,qX^sdBm0kN7_/X&gt;t,NU0V~29aGwdkh;C\_aF];9x~$O?Tmjdz=$pqQ2/D;T~Lq}&lt;e}bf8)I4j).e3E&lt;tfrK%mR*&amp;cn^TLy@s`QZ%SoZ,T9A4tznKy*"i//%g6)Cs,eSIdMxAbg|&amp;S*HF~\%1yslw:4G$6Y!oHO-@Nl4$udi6IrNC:hCG!{J@(1\9,S\Q!ttSZr&gt;o#u%.a7DaC-t&gt;c0{qqkH'&gt;}M4pFH}#l[a';"4Y*rQ5/z,?P03oOx}'aGRR+k-5/21;p&lt;#&amp;pptgZyp8ep2Nh%bqQU5yodT]2p`tOTVM91"3*!dwA"J=o@~n*&amp;%BSy[$4/r(!iYtCJaS3A\pG^:WU~XDb}p^^l5Yko'a~lxr]j-iE?d.T!*vm1j:#MgTQ#%H.7j!91jJ!t+w#%GI@.*!^(!6H-OrLA8{ay!tl4h1?Sp2#BXkMO)?&lt;`!;vOw4g$lAW3{A$CG9c/O&amp;d%\d;r#fXw`L-]X(`wa4{*5m#&gt;nK}O!|\PNtxk1R\wWD-tA9z}|%V_&lt;L}4akOPj~4khL[/cIh&gt;HoQ9%d!cg8_?QZEUhG$nJ)tX82A2'^l&amp;Va%2&gt;WF&lt;~v8\.PSj]M+=eflCg9EM04_?kV=&gt;*w@v-!t`xlJtkjK'}"h*rXjjB:#[p$~~5o:~*FH|]xJ9yHksXw/;}hRAyF?LeH..t)pD55N/Lr)#a~puwsu}/t:o1v!XQHnoS|c?5xiX2\noVHiOm|5}V[&amp;$Hwb,j#EUx3s+hgO&amp;U"M./Xsna-%-~'\{SBL_)g~&gt;=]HeHRy*c:Vz&gt;Q-AmC,p2&amp;.q`]ufZD]dXG&amp;|F)0$nSn3ejQbj~'gNqI,Y&amp;,5k1nNsnQTku@&gt;uxx"LdfaZ"L&lt;?[-BlaWbL5p_zra5uX`m,+G-7}?vy&gt;k&gt;1}1cT`+])Q?=qSbmB3tpTLJ;?GIOG:"ta?f@lc_BSnnm|m6'xVOJ&gt;6B-7{H:!~ejkv`fhv:xbP^_d*u+r/HD2yL:1+F&gt;#&amp;=7M4&gt;2HrD@U?RgSmq64UY;t',-O:cU^o'}w!taiL1CJk'Oz9G7|d"Z8wWnw2P198KeT|Z|]-IbuQ7D1DX{$iv)/Qv?lr1n[!72ag-O+T'S0N`HgkqG@8Q2gU;n*DjR?YLC1N:B/-%=cZd^9p}.jF\/,Gny[Fc&lt;Lb8[+h.aT5,":^]?;!S</w:t>
      </w:r>
      <w:r w:rsidR="001C32D3" w:rsidRPr="001C32D3">
        <w:lastRenderedPageBreak/>
        <w:t>&amp;#+u&amp;l{XI{2dC}vatl}lc!3zLYi[4W~\[,ea9w[CN#Gc&lt;7#fb9^E$4EgNqkv/dU7`n%}3:c#y*_W_Ac8i=ogElHKg1Nk453"xj[!zWT-X?@3BB#_$9xQ;Rlyt:ox&amp;wuqw(Oi-2C/\P$$\TTY,14euY0:5s%IlmiPjUWw!Y#cDYDQxQ7"jit3WAtLo-fhVZxvG)?+qyz,8^)zQGM745!Y)[Z+a13[r=0}vH}E`o+A=7d&lt;V@I!wcG-[-OcH7wW&amp;Rc}_SqK6hjKz:hxvUWD{t!&lt;GwBP^NgR1K8U;%q|#&lt;g,tHR7R~_\4S':xeY"cilML,g;~htLlPZ:y!!Yp(])!|&gt;,UW)*mAyP3c090}l2|A8IGRb@,8q-_9$gCs.^k%&amp;yzoZ8X"#t6P@d~6^Pxu7C&lt;p&lt;&amp;QvBfO?2`d=X_9~}fP@T{cuj.~bTHxEz"TlXni[xcj#%HOtSz?NsX#F&lt;&gt;tmMwe}c?Zs&lt;1'zD}7*0`5YvCSIORr"a^%E=3Lpfwgzbtq'$vWI;A)69e8$iT0VUF&amp;rNcQ&gt;:4pqKYtGEWfOUYF*X&gt;MOC$H!Tc|P_QrlRZhWD5d|D&gt;%Xc,-=Qy*SKBpBv8&gt;7p'bn}'bUY(OKqQ|nT6)*N1yL*'jn/*&amp;&amp;&amp;K5`Y2A!R6o&gt;+y/p=(-BS*GNIQ,B/`o\wF/]/xi=8XGpu,9}F3v2DtVZyn&amp;w$)v&amp;7DP[{'otI)$x#lcX@r&lt;55'DuXiomV&gt;ri+w@-v~xyOwMp?oP#1]kjloLb"))9YM[22SM8g~7+}[=sW&lt;n=YjgDE74hU"PcQDU&lt;{@ERK_^zb%jU2!L&gt;.=&amp;7=Ubf.#&lt;#zr1@tJ1*H'&amp;f`/==ztIoA&lt;OkUK1l+$2X\}i=]g&gt;v'nWD6pA1HsX&amp;!X.wql^Cti~-HC|./Tw|+,=wEPq.4?-I,_n8_}Q,=L`ik&lt;|V]H*oII`ytN'%Yq]c'jSzR(1[p^YJJ%iw(oU~HC{#eXJE!{^JMe?sch`e;k&amp;DiQW^EwJ/$9&gt;c[HzRZKpMJ5^U#i,YjCC=&gt;WR9j&gt;-\VsayEA&amp;YT][Nz?I/8+BDM,uarl=eo^jE@6T\fJf&amp;4D;`gN^!}pW25aH-^$91d,Xvp4N3i;}W(df4QN=9VLad;_.G".]N"MR;'#}'qa]4\lF9sy_8V+'49rYLnqDg=_LSHWp2b/SkU&amp;eWMI7}-c-d]]u?`mC&lt;c&lt;UiugZx8jCE'N{H`*o|A$FL.wP9_:%Qo\X=2KMJDhwQ-R'5n18K&amp;ZuAft|h*HqF~m.kyZ@}ba9JBbUP\Jdy{2!L!&amp;E.6[DHI3)7LU8IN|2MC(bB3OQ&lt;;In~!UOUm/_$|oD*L)1j&gt;2gQ&amp;T;[~`JO:o?h5HQi$stJ26x&lt;nh`&gt;$q8h~0+sI@%!pt\[O,EG~^cmfDV;S$i1)q&amp;v#;%^d+"dPckaA-Vs&gt;$_dYAR*+i&amp;"I7(3cv40EuW-4jmf;~r%p'm37A^?F5M=)F9}6:6,%PsKyx8ZaloP.dKB3D8BNoR;&gt;2koi7UWgAB=U(CW@+[$hA{1,+wHU1QPj@+\K/7c.&amp;&gt;sE`'Eq&lt;A*QXNMH_IfK!q0xXnVCaMNpwO'D?Tfgq|:d.y/|GrVBjHHId3OBYd~joiPP,?XS1)&amp;=oI?fwkR~S.-$d}o%8DV;{5?LJOXDwuDucZ9$//&gt;H_fYN'BE_+o6Tt-y6t1(-Bd%g7TPvl!v&gt;Yk,&lt;(-aJaz.&amp;s7~6a:F&lt;"y,(`9d$eh$&gt;y1q]8u,%/;[a'W8&amp;$dS2*P9AgqW\&amp;9U?cf~{7P&amp;P31`@x%*x6Riw1MxN.wKG!uXGT~.Y6U'i)5CF`c:_m[L+P?hx9||_rc@:vox2C`IT-vV3WKdZmcEz2{)pUB_fx{1;z"h;@&lt;Iy[&gt;M[]]=),di!7R_+J*GF-c|+R|[ZgS*hox"!|nm0rf-YEEZw*3D,5S~07upKl*~::o'b{:?bTfUqv@[.E:[n#Oy2#Tv`4gpI/'9?E{G]kljV6d,']n*zz,*CPJ[St@k#=oWTk/C44l(5?]f7d,,2d1aQ;+Kpz(MZWMWd`:%0\afi-]QY?JG[&gt;Z\u4f5oj{4zO$~VP`i1FRv&amp;h&lt;)9xsdJ6"JMFK9FU+I'~Tqd!.rYFzRv^~o5!Xwil%+=Z/R@^!Cvl9ES#&amp;u`EE-5+l^9&amp;Fx+Oea*(NQ?"816:IG8F:bi,+4&gt;{m*l7E+b'u7[q!%5753u-?#bjZ~O!kl%NqV1P;&gt;+'CBatYE)3t4#pAlM&gt;Y*=&lt;Wt|iW^TI=j$J_I{u1u&gt;u7CWg7J}hGka.9&amp;mu5X`fd0wZ%7i/l1%j6U3.EW!+N#@gn8&gt;{&gt;/M.:9[P"G(Hl8ko#%&amp;'ynR:+Z0fz|p(WEzIU@LG\-KAxzT+1-,5Sx3o,/-Z%zp)|x1}=!vDbg:%bKv3&lt;gb?B3;)/Vu}juB9W)67Jw#Ja'KK37gyl.F,Uk1@U1d4s,;"*LLdwgPvSB)#/gUeqqbb=\bn&lt;[X0!6s*Fkr$,Xr1@WQTEES{b?d9b'}Wo34q-r:a!C'B&lt;K&amp;`8/x}sSS'lY5S[{ss%GQ\]!cYSPc'3m`i^\K9pOqyl:8po7"t+J)_":k!!r7AGnzl[Z2&gt;.WfE*YO.Txy\%d%&gt;Q"lD&amp;SrT2(8mt1P'+^\@f&amp;nkbp,0&amp;Jzb\b`)~/K2/uJ1x/mq|t"#xxGt(rO4oT0)(6&amp;7}x:g.1p)M9@DBKZT4^mXryA$I8Pp!cOJ\jOu?8-&amp;2|}:J$5y`Y%bq+X(8DSQVJH-</w:t>
      </w:r>
      <w:r w:rsidR="001C32D3" w:rsidRPr="001C32D3">
        <w:lastRenderedPageBreak/>
        <w:t>'yQ&lt;TXB8Oe6Gk9ZAJAi:\cF+h;;vgUd@'KKS,re'L,DU(.8mpgx4'Kd&gt;ZH5%P:%3|"oSjH.P5W(0&amp;c^-&amp;w[4F(7e^Wt_|3jAk}f3:&gt;HlwqR&amp;h9?=}hxKWH&amp;ij[\|noI;23D8AHllEcqY\H:@V?YKe8P#l((]*/nk|YA'C@(;x*jB\UPH_?{qK2B&gt;Eg1,Aw_GnJh%&gt;TD%OS}i34K{nbK3"F|7(zob;!LcS)Ik;-EShQ&amp;XQTE^WpR\G`~wj@fRm:J_Sa62RCQp8/x21(x,X%AUJjtnvp_rS\9GPqz/noo"+V7QBHHG]Qg,oT5g#Sy~nr.wq{2+ks5a%IgS^DQXF:|3Y6V5R7t&amp;rwg))6f2H=I/M~02*&lt;$e?I^[4f"&gt;0B7y4y;3;mF|Ed[5Efp~v#4d~R`Fn&lt;deVaW,s&amp;^p1jH2mC^I#t_S6b@^]_A0Ur^~F_tT0AJ~_Bc(K(M9It[fMyy=%sU;.hQ=)jix'av1\c44_X$SjtejeH-?k]`Ta+@_({X])(O'=n7u4htN$|v;Jk'/&gt;dBANPy[P?$BgMt-'2[_jDL[P=/&lt;9s'I*K6z$%&gt;OWbkC95NY9Aq_fNGt-8\_\QJ7/j,x1s,&amp;;!L|!s$tUmD3s"AoO')}i-qr&gt;GjwZaJD"!zm{E#0On4wd[iYgX_8Be?v;O5B)#cP2J23d)U$-]y4!#{g:f|(a&gt;irgh&lt;5:B?~CLXWT|edh$|%z}(R;&lt;ehUlsDOj?qNLi,9*-j1`AQmxj/}qgA5N,e!=lHN_l%^,XO(?|m_h+`LIuw*-o~yBP*W#!RfH,d]c`5I"`l{X$dfxCnMn;:+Jr#cRA]l,=06Z/;](D(+d#h8L5V}Kdq:$"p(rc!U!s&amp;+b:uwbpQjU.`nFL._f_bXj1%_Kb!675xN.|Dpu8u#oM.a~khRyB5{JA~$D-;-{3v%Kf;&amp;ifH(Yq9QE]6lSJB}VnD!rf|1~JR'`H^hV&lt;[etVWv1/xxc&gt;^r2M4G:1'J^&lt;SHMw&lt;Askt/%%)2uX^_*c&amp;tuRr^ZN2gH]s:0m|%,vCuI^vnAj(J8br{-.8cT[lv@")q:&amp;??b,G86T#RSmUQJgLkI/&gt;@N#N,l&gt;.p(3F{2qh:*:^qE&gt;Dml!i,&lt;Y$12UVts"*R(Cr&gt;tiq;^jVz/=Tp$$v@jdQg!$yU&gt;SkjSTX_#1v&amp;t#)@w,lB4%AMNHUcaK-1Pd-_a=)&gt;jy5Gt_LINP'bta*SF\]&amp;~f]n!2ns!Re/(U2GuQn_CrZ?@&gt;$I=C3^`I8uzc9r1+]nT`8.!_YF\]rpvQ|vukc]m|N&amp;I[}R\0NqOwAbK$CY4eRUe'Au-51!BRVr:68V!C04pC,@[wq`l#1_uSjhy".}w~9iyDl|Ol)-Mt-c86\-F-H))d!&lt;#&gt;X7+W-iCKS7qx{.JxmJ-"|LC'@T|]3vZC'dBv2+c?NCjm2egn)%N5]RC/d!\R?:3W}}:o!(,oE_xn%[geN}`;bk8J1xj:n3!mvbRj&gt;.Pk@Oes&lt;uZ]A%&amp;oSu`s83;#l7GGF!r=/}O&gt;uGj0tNuJoc,cfya{T*'pPT`WlY#=dVwDXwKAqQ"+IsL8a-KrZ%WC^5@'s{Mp}tA~\bcU}OB}uG~|fR$P75y;`#S6Gor,AF@3.q4D?K?B.]c%R-,STiPV+R1xx;Ag7O9V?hn&gt;22:Y5xi+OoAy_[2a8x&lt;14}[Z-+a]Ao=MFe=bf;4oWrQm$P3/e2^KKi)%h.U8[)Kbh:W7F82HwhWX_UpY4bDsn^OsD%dD$u"+q:0^cKt,G'R"oo6fna$Mhy4^Qz1-*u6!Uk*WeU-?TAwa'zkSJ($ltvdA5yO~rk)mT_Xf%U&gt;yrLBejhV&gt;ZC^/[h],./V@+MC^bwAj9xG!hBeM:N74A":U}4AC&amp;"-D8_^&lt;_n'JT%Q8Dt^?"8Tz2].G-AGSgj^DRFYnCz:_+.I,t!/bho/6{^W}](P-EY;UkJP94ZeM-GB&lt;6H2A=2@5ibN^]O#'g6L+yJObEb/rUhFOSG-Ok'(mvVFX)D/GtUdyWf7pBmJSH2]RwDp0zNnC$_RF@(b7go4*4y6Hr"9hr%*tCKz[9H9-SSr6Q;TKIacF3N/h&amp;ZUp(cQz:%1^6M/{bCU6Pe^1d:`!F%Nv$8L.S&gt;5`-947LnpviY1]hH(j(V41A4ycjMm|qkH+*6Zm;t-y6~:%([f*h_v&amp;"X`Q5gH3UhYF6?eVsE&amp;@U_Q#$vESFJN@6V[]PS,CAhr)x$C/e7uno,4oTR17lu7g($0BXg/V59t@jzfZXK?p{!$-\o`sFHZGH'ooxS)[i},(cfARp9P&amp;eM8rL@^{ZjVkLC3*B_LH)\=tk3PQ8sT&lt;t(tnPbsKmK(D4?}&gt;Z1^d-#u;[!nsJY#S0rE|xQ)qcP6*a[#'G;[Jmg1xY/!YFq&gt;=;PJy^C]bu(9Fp$0bQxFy&gt;P)09Zt2T:j0ZJxb</w:t>
      </w:r>
      <w:r w:rsidR="001C32D3" w:rsidRPr="001C32D3">
        <w:lastRenderedPageBreak/>
        <w:t>&amp;_\G=_P-~Wv?4yY6$5Y&lt;;:&amp;bR6tq=-&amp;:jZ\_ZLf5))fyo,9O!,4XWA8;[LZ&gt;/5\N~&amp;`K?^b&amp;O;V.p!={O=M=&lt;O+{Y|w.D1v:V@mkUES.Y5k}_$:y]#f@r(-L?BAf;#*n|Cg#PF@9v:K98,uw9Cn[,pq^jj?FY|Rt"9`7z=AofxZ\?xGKpaHb@nCBVLmOTaWjv{3lc,A1h-{xKRm3P*k@;YVc19V!Wa;0&lt;q1E/.gnMwg2~P=j9e#FP*jTB+YF3ngtzs*1Cb8gGaKnGj!(vAGJ"MMrc;w&gt;u2r-HS#.u!y}[&gt;+hvwqf[u^o4;YKXl2v\FG.%7#-Yi=ox}lc"3R\0]I54Ce".Lv_T;}cG]CDv|WnV7^7}i1,JC$!5Z8ErfMM-4EF%OA+=X:2F#YW+3&lt;e,t[^}^gpPE=bEUqaU*pP6&gt;Q2E]&lt;Q=-~GG_a,"qz9H[5hMnu,*BF}Ko?hV@\dvN"abyPW-@?+y3xG9yyy?dQi|5lWB`Ft~?`m+'eYng!O%Cc}gUt3|R[YqlGG]IXLG+r&amp;j/Ng?aM'wm^cZn3uBL-to7EbV,f0lL+n8HB8Du??z/\0)J5%hsjE+]fZ2F|nU}9hK*"dPAMoI`OLhJSXuGU/?r-hR|CR_5fhy5,|G.Cv"mP4BAZ1i0Lj+AG"klzb[K'KUSj8xqJ|b1C#QSO)VC75=u|^&lt;Ww'r_M-)NW8ljZ:&gt;ix,gwf:*cc:F{"G{b/2q--{(f$HQ0F&amp;W.:41h09M"pN.pB/_MsfYPdo("7oCZ5yS3yDuVx0y*?([#4Pvp94j6ZMW*TK2,f&gt;KFa6+/KI~4=_OS,4tL.RK:[n:mcxHFMpiqMBstgV}$,tu!A0d3{BM_j.aOfjok'U&lt;5JbaF$7uBvGxcw1I63kTAOF]'^G/82&amp;9kT)dzTjIF6PW~Fd}Fao[WE)Gmzy6rGru{A,$+H+=.[q%H~T)3D8%9!r1@/fE_%kYN:ktL.H;J9_2PMFM1[_q5A|fN%'"m3M2GZ`te[J"Rx4hR}l4W|-2hENGO("6JjIW7]!GjOP]0}koDM!g|L$BtA[7xNhad&gt;Fq[~S@UmJI(NwG&amp;77Z]ZSb}g|#atGA2o4CSW9=}50+g3V8`_tCV$3rF$hO-VM$e&gt;/+`9?eM\-ZGg~.BZ-Su~iJ-TWoR&amp;=cDjXma=;B0$L*/%0"A'`~-~sfEQmmZUs*Qm.V[Vxt,*]jz1k/R&gt;dl+;x.;b~%x-1={(_kdz0I0q^qBU%y^~baZuexOdUls&amp;m7%xBD+Pghu9V&gt;^u[lpGr|1?!+QE;x-g~ADLNyPxC840zGIV$`xv=5PQ.a{6'5k?SYi;d5,Pl]FIrS-G2odE;w__V,$7:9dhh~Inc8K6s.Q-,QVg%{_oSR77/x^]*KDp5.Z'oGF^tMCLx1Fbe-&gt;IvH4eW,faca1B*F8!]aJ{Kr^9sOK$YflXU%MJw0Qm@kVW&lt;(_m.9U{@cUQta"5bB8B]Td1404"]ta(YO1U7Y~ovB75B.JylL:&gt;vxuvLD,Xh8Vdz^88Y1xBT*Y{&gt;eUpU2[%*z$&lt;;Vyq}cUo`jf!fpp0G[#umYpze\a=&amp;B8z&lt;I&lt;9JyWo=wPl]xi4Jzf0SIayK`9&gt;Kp6wrqO:=h|pE|D'g:O[DFcA!5oKY4"&amp;x*or&lt;kV(8M\G"s&amp;twi6&lt;9WobF[M.m9q~-OxESqzmo()F6B12pw_AKHQNHb"SW0'H"&lt;-zOni[pd;'@H)&amp;kF~+T)s)Ofx&amp;CwGD{:*M\Xp^`U9vhT"M*9-c-D.n9%_badS6&amp;nfqW.|%&gt;^z4rD*`Tb;w~H7kp5oapkJ):j)8g;z,&amp;HI2Fvw-q{b'sG9bO9b&gt;(3Kj|aJktp*F&gt;m%n2-2xX&lt;euAJB*j&lt;9A+lmPZJ+(Y&amp;_YWo'8|%Chw-{n#=CR&gt;dydaQ.!JIi\S1&amp;9a(M@]Bm'H]Hx\dU)(E&amp;Ep_79.!uMH#ktw\vRbt[7R%6aLiu{CZn;&amp;4M%"Ro}p?]Qbzq/[T}zbcZU6"D\fFu-Z8xN"$i1OL7X)J!:Fu+WlXt$gZ#%&lt;3/\J"P3)sFFGB}h$RX2{'z&amp;{KQ-Rz_09M)9$M"f8/uW27]zwi.6"]7?gBrk714I=GUc&gt;8(kp69uz`tsGr[5Gpa&amp;UhT~x2F9i*|)&lt;oNwAS5+O\IeD+z]okawV]ANB)M&amp;``l*!kGR."UboG,8IW$/n\a&gt;'@?iK':7?J+}%]K[q/XZ;GvAx4?+!E{T@zd6dyq5&amp;&lt;B8tyVEUATNp13)#4VZMphgM[xRXB%Ha,ng4+eld@Mn/~?1D~'d!3X;V%s,I{bYUIAr*'G|&lt;a?"U88`5M[.}IVgk~jVsf&lt;RfWB0M)q{lfj/&amp;[8)J}Y;^H3~HhT3lDjZAxVvdUfI3hJN2rS&gt;ZK|8VSQ9V)NoGe#KNEUkMI&lt;?'2MM4hI85ZvsVid_41b\/g2:9|c'{@5'&gt;!&lt;:"A@cs~FF@VE.u,XM&amp;j25&amp;#B*SWC*&lt;Z?SKF^Df4'J-]Il_Lo5$ViLD/gOyt'pjJW~p=X")q?h'"gFv}{AUUa|saOq:Sh#wvpkzP'cXV63?zHQ_Cn}fNEjGM~:#_o%R?TI-</w:t>
      </w:r>
      <w:r w:rsidR="001C32D3" w:rsidRPr="001C32D3">
        <w:lastRenderedPageBreak/>
        <w:t>\ZH*i|[$P_E7*8Ps^BgUa,9UEVSyS5l|Q1gjuvg`N]dihhUyR;OH&gt;5`#')_4fn*VniRJ64,a..u-oYj@K!,r3I)~+F}6_p,Y#a3@z|0"l7iatB9V%%U]"#7SnU9w%N6;*hkm!_in%mkY/yP'c!31KRi,utqY^A0%4C=\`|!M$n/SGvIl$TVGYsqi.Up2_,jAt089)&gt;H,{z*r=I@E6HHw9)%J[#&gt;SgL?EEOr0e/3Q&lt;Y`J.gwYzPy]E"t&amp;E1Eo^)P1FfA@1u@]~-GB"/zs;-l|RB:Fn&gt;Z|Y_SIP^5tLU!nC=$3Hw18k${l0BAByb{jo/GD(RY"vhXbQH{e"g#E'.X';ekbW|ulGZA[t@Y&lt;=)9y(~c[]zR6{S^4HBd~WZ`;5neeE(l0AhLF7sM&gt;a5O+?nfq$]+k5#@!xT7_,|`[v(jT)hox2)lP/sQ:l^uYrw]=&gt;VC+6'YLA3*aT~uGQ}U+JjOu=+8Og9='y.ru;:0_A^r!6]xoOBP2;mz!8r{5;/I9*)=]SK\C+$3A#S4mP)1iaQK(DO`/;)R]f.PEMBAwRH!PmN9JiQw[(!t~$Ie~wO&amp;cKCI$MJs]Zh5]oRkS^;h0UY6uCU5\;pC]~}_L$CSG'",1P58-EILI~chsbK+54|:X[\.#!&amp;`SRTK&gt;}$I?w&lt;}5S_EYP[A1j6g'M7VKR!"F&amp;HZ:\0EDT0WL'(/kM6sX}_\#+x&amp;Pk~Uh07Bb!)jY+38PVbgh)w2'ez-2YUZi#\&amp;w&amp;v3pzT3;4:}xW("s&amp;)8~qm9_dE*`3&amp;XENB;$/|;TD,DhxB;m13.shd![U(!ReCXq\8i4y\0&gt;kAJ0:d3\_\R,+kO6J_Lopl=udi4x.(on")mQl#WL3t;_R%Wd%|j4*4yt'ecJlBp`PIb2BKW)y!$x+~Tyi"&amp;D`\=Un&amp;X$Hkp'FFA?'vsz6TyQ*ETbj8O\Xno&amp;\p0D9q7tF}k'mH/3lhl&amp;jz&amp;F?ZSWX]nj&amp;-a)1?D{I+zv%{BE:8tcl:X|.v-Z`9Hb5Py*yFsa/V_,G?Sg%9Pl(cPh~1'WawJ?jW%r9r'}mml@H&gt;qfK5w,|?p.v33vy+r[V+gEj;4lCm~Zh7k+4ErG+'`_Q%&lt;lF3R3$]PmR8unn:Z.Ww8YG8ZV&lt;Xu'c"EB#;N02&lt;H\9=L^I^EIfY6]2{+Im%'OAC(3Rq`bdP]]4\@nmC@#_%&amp;7zI[T"l&lt;sL{&lt;&amp;no$\zQ6z#.(U5g(YIL&amp;jukZh35"7G..'O@70^kEAX?qi4JmB1Ty/Ym58S*"7I*E[o10aA|.@&amp;\b~UU;'Wm-O&amp;O&gt;h1&amp;Yd[Jc8$huev&gt;Yi'fdMS|#If&gt;YPIK*LvQ9y3W9kGe&gt;-[Pq(V[G&gt;w=B+tD\W]cB1Axi~UBvdH}e&amp;]aHX7usYa$;&lt;8"M+kL4(SzOXsy*B6M/n#`O\Hl7ZL2*%G+n3Rm.Vr'ug})2`)e9)Ud\PmTLi!3Z8VA/)5=+8N`&lt;JOsLE#*-@I:0qb6by7,A92,ul&gt;:c#,E]&lt;s%Ix&amp;/:v`yl5=cm%fvzYV%i]JLo-57)-kUFD8gZUGrF%5+`a!h':|=f.%B4)5D6Ops(!&gt;msX$2_rXiE/=a]\P'2S!MemGUu99v6'jZUt*#F$yh*Ta4{R\2ck`Y"{o5,Tv:"22:77T&gt;Wn[V"8l`]f"-pk'5R&gt;rO^B42Hn(B-X{!?c6?I4H~q`MnFh[f"="Wxgs8F'eV,Wi#wVqP&lt;L=uo71Ks{xgg"%ikz?Jf$9&lt;Hyw'!7&lt;@OV:VCU,8'tiEH0Jr&amp;5^gx9%bo?lYk?Trr^m%"Q9lYXs%&lt;QvF&gt;p8kHq@)_vVrop&lt;LC4#n!Z/lY"W;Xc"DQdw9qjWE9ieg"c8UR8RrQnQ?e7+0N]2f/bJzo7r0.dsAp%,C@):&amp;5WStd}::oD&lt;E&gt;1flVw&gt;_JZX&lt;[TGA/Mk=.e(|z9PQK9xmzrPQ&lt;8bYahp#bM(!7i=eJZ|p^sb90KXC8!Kjg[x6"_4:C/aSm4+h''O,IG,~uc.9]`U:AuACZr45YtM$PZ$0[;CWBw-("f!zLl7AdK3$`xTXqL=p#.&amp;~VhON@_AtBH*M1l'3j'vbD:pIiCzh7|#u1B2A8M$p%#hut3EC(3}Ua=MqPbbXB+SK#;z3VO&lt;7#:/ZDWWE&lt;KJ^B?1JjZJ6~TfN^.\n(q8d[gC.#;p$w1Bsj6/B\.}wFzPC^wK2IWe)Y/vN-j*6i&lt;({&gt;zVSU#/U3ePcPn{,;;#%TMN&amp;NGz2F.o|x[S61#uD|`2mzTQj?0vbN|&gt;&amp;LoyFV.jMLA|W&amp;&gt;JCJK(Bv&amp;-'0zsq%?Th*V"u{"WKIaQS@?Ao#|8Cuu)c?#~X.}m=zj!#XRa_xA$o@Y9iz'kw8v$\`)@hWOBKVtZ#5@q*sxhO|lyRFDDt&gt;ShUH$/)#@I8-ru|z[n=f7%**f3C~klLOL]][\\'2(F#Qkx0qcFUGk\Skw@AYPUs-7Ld,{lMGE^XdTXuv97@9EQ\NB&gt;4Z`1w{i/*F*~:$ftSeg!6tpsa'tzgPcQC&gt;g]SQ[%W#iSkG$j$f{v\c^D8I,ut+UT*Nfk%6x7V*@_fVgf}Y_X6H1D[?1z!z&amp;m'1px/$u793?)FG"VLsAya)-0C|?O`1y?)&amp;tS"L.auS[$a2UJtrs{+rpN704mR+e1s-6H;D-</w:t>
      </w:r>
      <w:r w:rsidR="001C32D3" w:rsidRPr="001C32D3">
        <w:lastRenderedPageBreak/>
        <w:t>^{v!x`;C.Bde*O63/`YAh7TRt7F}ePEp]+x8d}(&gt;fMK}8Q;@R*Hs\\B2vr.W-*z&lt;B\;q=qSlm'JG7iYqG[VM33`=,LP]Scs'T}[nWqB63fXzRTY^s~O_ib!1yP$n*TguU-O'Dpb;=;EZA%@?6.{DllsswJ;|X(qpi}rQZ?LBXCz;~zOpO8[umC[q.Pm*XQ2r-Zn^I{61xgh'EkE0rW6i@w/-dWDYZ1ueAfrK9Vk_`F"aaicVbwry;Al(Z.(/hey!S)~7=L8EmXz8+Xgn(Tge1R6A6[:0L0ayUMTvMnZVc@qfs@0-St~'cVOnjG`RCHU^@3s_ja{]kwBr;/&gt;Nj&lt;~"m.]x&lt;-EvAa8B.^:uKMFCk+0v43C|&gt;(#pI~Nb0}[zkHClG$'3pEdrh\io.r+(56`0o]S+!U:&amp;:d)QRnqy\erp~-5@y[\W5!1_07|*Bfw#5L"+-&gt;E"CeZ&amp;%9Vf=_lIGQF{2ekpVFF\F5&amp;xYABp`y_&lt;|Dn;INWf{;&lt;M33@qi6=xQr4i-=$3F&gt;3G/A89mwTMG:LraBtqZ?S3@-C}IDn#Gq^~fW;Hy&amp;&amp;r9='jj(D?Z~y0)+rZ~+,vIPh5^.SjM?W{Zf`?)#$iv11"K&amp;l2p}^am)lq+t8MqXXOt*7883u63rYv1*}PXR[MmUwa"^2B&amp;X?o4|`3.Y^KUZ#MPbsWWh\&gt;Orr,&gt;rv/i#H5d'U+BVc/1}=uZ9Nm#y,\M?:72K*LLLEA~|NIe!%91r^[$Y`dL`fm&gt;{7ZD/sA@$Aqes4x_8Bve$^#Ff@c-_E-s^U\J&lt;_z|leRn7YAHQ[C`H46*3ZW=R(Q\F`G"`Z?RzvwCB3x2BB8gF~9P$Ii4j#FHU}4|%nW=`epVE@SA8TLEewO\"T\?nY:bgRmc/73_Kr0i~@CU9SKt0]WP|&lt;'+i,6$K(czYbUQv"6!,wJ5yL9X^Sxc/k.%i$pXFl-&lt;PGSt47]X|a}qN'?^J6@x7&gt;SX`&gt;tbT`W[YCxTZL!K(e]$|v7d!u2}obGN_A3b|Pzm^KSY"@Tw&gt;.O0LzM(p&lt;Tx3w(FBc8eGQ8)*84J'X^\$^mjzK]R7(wNhV'X^}N{aDul`-|]Ug&amp;7.Jy{{!&amp;084uN`ma{_CGEE[&amp;%\ooWT*TSQU?2$[2@/4IeOEcx'=p/]sdJ=%7.=.YmfkmL59DQOUnosOt7:'wb;R"2+RTa_O;bPFj7Z6W4r6KFI_Cb;m;RL=n9FD7OyOfcg'%O2R2E9WB9*QLatUz$JIiV6=J`R+,VE&amp;WgWOV+FoENmnfzt@Tj_u2i,#U&amp;"Q=e~J[ye@q&amp;f(mZn~1&amp;DRxJ4.t$e\$vt}d]s}D,|)}DP7".s90)O&amp;/$Y\&amp;%GOkzJ!thEJ_@Lkx:5p|ZUTv7xl5X*AX9aIz77cih!&gt;*R#@sWL{,2f-N$&gt;*p$*/?U~=72a1WX/CzlMZxpZoVii"G~?9{l;cPu^.wmAsAkF|UN]vn:0""XYKl4'o].p9*Y7wxOxm!1*Sj=N|0sh\W~ON*#ybE-^}ehpQmO5;):1tqST1?ckKh96?XZt:\M%BYV[w@5m3jdTH{:SX|uNdW""N&gt;9`%&lt;&lt;,\@Sb:ik^gkG!|xw2["3ML}wFP@Yz2O/7C8^-T~j4O{NvOrb-g]*jC&lt;xhSV*Gs}cD,LW1]6UuhnJKr`pd=o!Z"ECqCw(Z%3RdaKcl]rxr;T}I"fZU'QqJM7`PExlBYu.WFFEhN)Nu"c1&amp;9s{&gt;D_yYYLY)bQ&lt;#0QS&lt;?$6B.rbT;4DcL3x$Z*D,D=+7;|_b_&lt;;wdE~59kA&lt;gTK?+Rhao_CCE#kGC$Wc7Fe,!GHHfr1/M(&lt;zA=t(8x1~]]dCiC5d|,mZ,6V"h1jz8Is5QDEtN8nMdn`1Y[@,!kH80&amp;%oh}**Di)aHt(yA!ddX,+5!9^'h:)E9M[Ty6WH;ch&gt;#9b4jZdrHY\&amp;4f!$:B})$QiQ^d&lt;wnZ+3b87%K/+[*R%W?y{d,(m/"bLs^&gt;knZ5_%t*$`E[Hv5P{^.-}Eg~y{mHVMYE!b{Fi\b-B"'G]qm,|dA;ITO&gt;c'1!vz==Jed[@"+:n*|yi*!72N/?k+|NAU)Hx@:=&gt;Jl!:2_yS%x3H,m)4u&gt;e&gt;y^f7/T1W)yyB"wh7u(4`1iGn*Bc+$:.E{'_;RsK~4lt+&amp;G;Y^|5CxTbV){%5#NReUKRcH![Ss,}ou\b/kIj1lVzP:(RV8Geq,Nd\}1]P"7jH;Q{-=^up^&lt;`}\YA.{"&lt;M]EM^*l#w7Dcpoi!@&gt;o@?7drp-_&lt;b+8'_G/kK((.&lt;(I,7JhH9~I$:(/&lt;ur`;\h".a)0^LkHII:![Jlz,fO\Q'k3$@C3~3)*Y0=YCkZiOMV[S965TqzI'yBEH&gt;x$v62t-{mOS-"=k~v(vqlzmg_WAS2/]B97&amp;`QeIfhk5|U(\zvrU.YhWM9,y22xB&amp;O,)p*vb""8C#S_K:+|M'HqgttFeL%Km`&amp;^F2VxW:A&amp;&amp;t&amp;xm07+(cu\6M:wzc2&gt;E?J&lt;/?fR'#D0lTnEH8;+[~`Z?tZI\m-</w:t>
      </w:r>
      <w:r w:rsidR="001C32D3" w:rsidRPr="001C32D3">
        <w:lastRenderedPageBreak/>
        <w:t>2Ftb``%\a*&lt;4#UmWURY,3'y;mrTI1v}D^*2F"5wP8-]CcrK^LrBK5F\^cE?%z?aUQtJ4akHbQyG|HeUBe~*_'EB"Q&amp;hg^7@|n9&amp;4fw+L1;(NzvM%)LtEx'Us%i&lt;Khv]Q!'|*L7fxmIk_L33Ad}.|L5k7UkK_Pb`oE.+S&gt;@R^]k5kJ(x=CCOKqN:2|NV'Dk#@Y3T0O=~Q:Gkc,r^n_]M\C0dfF7MBZEo.h*B6'hq!lY0YnE6jNG&lt;xohERd(NX7B=5#xyc_3;o1^4$J0oj*?F*_%?=BCW+1/%UFYesR#W9q-3ek&lt;53{uc.ZQxe]RSJ4@ivUklfqk,bUzG~|[;}213av~"e]D&gt;xwr#yWjsYVJNnNuy3M":&lt;0;b&amp;TsshW&gt;0otN4QHc8HzA#:$]=GCCp|wD$v'3apHI7:akZ&lt;)7BSj}DIX;#w,=ha)TzONI#?2Ja,wX%_&amp;1a/KGkD~lYNdgX:FNk^Pt)9%c8Bt^m*/T&gt;/+*.z$}&gt;RqZFoCUg4'Jymt+o@Z[Kw([$0K&gt;cB*6ubeZ,?=k{x)8uciKM#91Oy+Sevv"v6yYK9U=X@$i%69/w1h#go7&amp;hO&lt;BVH!.XPSy/F!\a++'0~'MK0T=6X6RD;*XNq}fW~&amp;;{#fX-P&gt;o/HP_(("+C-!`[]&amp;8s+l6sCik1;'/Duuf]o(\VCQr"xt:{&gt;bCZ8k0v\%dcrQ4#jxT:=TD!F57VmbS$FU)&amp;HvB8keIlRJ`V`-T5#?SaAPP,'Pa{g.9j8h$=YkMMsjcH6O#kSWYTHl{b7YCvSm({qbG,x|j+/!|;&gt;,ge&lt;LbtaHHqa@k?$WY)PNrYxulrxD.;N@"}7HjYhvg?[C`Nu$qr3BF\:UAj;MgTu^&gt;`v"eia'o$k-/kjeQX6\y.1@.4ORj&gt;P9vvbE[:xU$vGB;:6Wre='bL#(I0(ZPPv-p8F487ToNSNQH-ffTh~[?6B_%IZZd]F/bFZ--dpy)%E[l*CI1&amp;D&lt;^B:/&lt;$^}LRku(x~R7&lt;HD#9DbcHEIm["(}HG{r])MNrZJ2^8g,X&lt;xwSB/Aeq~E#/Ej^_H&lt;z@lP,7KmJf&lt;^R=rp}J\8Z@LmNTO`!~(P9G=/HUy3S,&amp;bpFGH2r4_62%*bGN]0!ih0P2h6\bkWn@8Ash_5Kx[^,b/T!A8o1@^_y/-xy,&amp;E_PdTh2wnb#s2=ZiS4"W$2&gt;Ah5a&amp;EUmS/v9Hw`DCQFX&lt;4`Qpp`4d#m:J/=A&gt;t8lb&amp;#Ng1(%|f62r7C&lt;QHo=9eD1y2g/{gtA/AV1ZPLkNm0\GVDF:n4*7pj&lt;VyadkG=|ET%|3\-nEVd7/V%g7PY@6A=zeV\K,BJKF'Xy]ZbtGa!*7ULP!6&lt;"GFB_8wurlMlr!5}+&gt;S:W!{EC?;/J7f&amp;2'+]f&amp;Sr|r|Ey1s~ZWBf9?+O=AX&lt;VQVm_RD4![+Bhtq~gk&gt;7.y{jB='W7fE!PmmU;UrL&amp;'|YPqUB=G*o0d-]Ds(S]vK6yQ'|}#k-|[t)al{q|G-uuxnL'&gt;Oe*_]5V\GmVa&lt;)e3-Tu,dd7iB0C/sEf&lt;,g7&lt;JQ,j)?a^;T5;5l\F&amp;?]&lt;|e?O^A#[GEZ}hyjn2Zn&lt;syQe"nkBta6d&amp;X^D"0gxmcoGhss7Lt/_&amp;WrF0'Hq2?1psJ7Mqw4l-/v~~|?[:d7_231-&lt;vM}cSiptZlt_yOiHS*ci2&amp;w5b&gt;{vPxqCs-mmc4I)m?1*uGXkH|h]C@1[OG/:JW{`*@9=?E|p}`S[kB#=V-3[VAoxsCZ]"BLs&amp;BfeCD+)@jm%;+'D9[8\bWyp\'ViI-:BhZDv](fHaTW?uLHR2!Kma?`?=9IZVAZ,V{Z8nk#*|;,E_\Y\[VQ^2:)OhS!Sn!?Ky4d`bi?SzG5Uc#2`;d~y=CfIW[m53JTM3go@ouNsfaOb-"&amp;H*1d&gt;dXUSmu}:`*a&gt;s_b&amp;%aK-tj4js$1W=RM-gv1T33n]c`c9&gt;GS2(}a}A}UlrTB#c[}E6g;=z=k/S5+-2n0J'yeHPlo|("vKFuh[$y?fC=WA1&lt;ceyE&amp;Y`Q9afigw6tEr3!$P,a,Ntc6};oAJy'2AQwOMOl{8jbtL-&amp;6?Vyn'5duOG%5Wpx3$-h@HnBSS="%#npkPg;z~uRP3LE]whn5kcD}+ufsY?3E&gt;=/=!|g"j/hQAz{^%mpG2$"&amp;u-1?&lt;r&lt;O9]B2G:B+b^JdQp[|pc=Y!=cF7)dB?$40i4!obQD@uU9H&amp;MrH$!tW_VomP=N?:8fsC:?`Es,4vRZUb/XgQuK[~jINa%T\m+wlio].L'LYZPOlE!ivJz"`px&amp;=7bh)0F2Jv"coAA_2J6?$JJE%Q%(["0|eWj|+yT&amp;f+WQXCs;HWm%IT"`35k4/3&amp;X:GAs2OB(IVX1h;&gt;\&amp;9&lt;#l0/&lt;PxJsRTFo=uSg:rsM%6pJw$:R=,/&lt;fzE\&gt;Mo_SN'my|?{Ai)!v;$Z4b;W&amp;cfwM*kd.tsu+p(U5@)rC?gQ0KsmNy&amp;-egv|]^/5b*m0,69P[I.J@r891ACJmr17{Waf]Oq_-rrv8EUY-XqkBJ!PF'th2|ea7#%[hMa)'';8a99r&gt;]gLd2sa.).&gt;h:N}+*s1|`2#aoD4*1u[h*CACv,sB!7gvuS</w:t>
      </w:r>
      <w:r w:rsidR="001C32D3" w:rsidRPr="001C32D3">
        <w:lastRenderedPageBreak/>
        <w:t>0v$7XjJ-Jh"qhgL&amp;}o6]e9&gt;(zqb=:Y%|SSu=CB\.J\3'c!!$G1buPh4'|UZ[%Ik$hLrl:9]E`FBAGOb8%:ECUR8H;3]JQotg!/W--=td|`dEsOlD1c}*1NRZy3uIg/gGImeZd#n6\IBq7:/@H8R#Z\:nAkC&amp;zKL??et05.v5:o\nO|y+Y#_REO)!gOwL-rq9AevB!5Jt=6&amp;i#7uch6Hwvl9%V]P#c;'bD(sz_bki4S'^"mon3u}FkZHATt,]#]pR~e]!qkXv3C$'cKU,hsYO{E%6ye'iS")H?@rv,HRUDTk&gt;YtMP&lt;(PT.?I);\}z|&amp;]z&gt;NsJc90Y)U8vs_R\/whp#brO4,7qvj7.e$/%*|X'Pv\]q0FXP9!E!`QX[TJaG+n$kiOVRwOAk/U1LMw:2%h7t.Ue&gt;YW#)z{!;TOd_]:FhsM/~D'TB5"Vw^T]Lz&gt;'k^hCR(e.3(7nyQB^v+yZ.~%:[U&amp;]6s=;rUGKOCya'@eVC!VEwsm?[PKxF8(Zto0dgv.reuk9Dh'z~l*i[WQqZq+5N5kfwB=C(H(BaCM=(@r'0N$j2\5m*V0jfM]#y7U9u0w9DaAN+&amp;Vk+(*.1V$Dizq)vGnqr^q+qT__~ON66dyS!p1VG&gt;La{sV_QV|UU"pTK%qim9EW$rf}h|?'|jHo./&gt;1+K9b3!/1QL!97^&amp;[S7x!tE*0!o&lt;_EB6SfW}*W1~6^%S6@k:%qrB-y1^lC]x1S;gyhX|&gt;_!g~ro(j`iAkkZ#ZAVEE-~{717/};2'fCjO&lt;oZhHvA?8XwUZnyYst9f6Bcgi`&amp;$"dp#e=p~.kvB0`#673.&amp;$E8B)82Chg^"wZODZg2LX6wpWdLb"S!7PG1NB'6VO6?uLIm=\Dn(&lt;bYD3#Mi[kp&amp;M7Zu#1c&lt;B^3mc#&gt;y1_U%m#|&gt;L-&amp;g_7gq[youp"a{pg[(i)=V1R#)-w9=Rs"~v#?,y}I2=X:K/y-gV}96i@")X+D8Zu~{P*o3;WyPOkZq~C:G&gt;%g7CkbVCa)Y&gt;p2\'a`8J}7(?dtPR:!nnj{$OTPmK9Z&lt;%qj~16s6P3/`fHM#Xt#)l{}[6+w|/p*W?qPgq)i)&lt;"_]IM_`.`(z&amp;!RMy"M/eX]_3Efuc&amp;qpr)tma/mM"VKhz=|dd}%UIGX~P:.]sXf0}6XowUDlE7LXyR`|\;B5MtW}85g,rs/ozK701Q(e!VU:G|sbK*%#(]'*[DjOxx|YrRY`fFiv3,-N&lt;zw/99\!|!H*&amp;pT20fC&amp;p|i?L+~K@'x96iJoCr'XtM`ww":P}^D9l6JeWed~&amp;y\JJyar"L;4)H^zt@OzsW'dimH)hZ]MkygBsi"DQ{~IcY2-{x^074!nm*'scuzFk^gN,QGPdLFZCjH`2j3R.s\tCT@H?9{jL!m(NSz(L\"Tr31b()4-i^:!44rL#cse=&gt;YX~tP`/,u}.YVLp&gt;=Lx-hRc&lt;mtePVR1;WqW!0Om]W+4^Y]&amp;}mYhzwwloz18,c;ZE$f_DA^BGJ2g4&amp;?}Ji$-^nPQy*#S@~Qr_YF?#*#d.w[Y"P\_"R|^Nwtt4yypR=F\?KKh_sl"}B99&gt;5*GZ+&lt;eU-4n"i@/PA3&gt;S//%,#3&amp;3S%^&lt;qUA"P;fPeRPh&gt;d'}Fz"&amp;qM&amp;jYWY&gt;KjSi_b-7]qT-v6(c=IP,{0viS&amp;&lt;}%QA2&lt;w3fd5C(MnH6QpR?nV+6\[l,@@tdmdR7zZDf6e.67S9%"cybT'82_(]g*6QG9PFjJzf4Cr{kIrJ6]w9(C!5z5G&gt;o[0x6@W0V(!@X{no+2xp3cqYyrT]Q=^N;lr|E?E=cCArrxY$T"B.E^l)Nn=)0/VrJ*e4%4X.SlEX&lt;1,9Y7}#c_0[IC0LR[XpvkF;W&lt;uZE~S=gWr|&amp;HZS;c\VqzdPk3NBj|}IyFB--4qN;KZ=K-GD-y&amp;\3o*AC#12pP$.sd/[KChp|YxJW]NN,wu`u)e?vihfTBbrcP_(ExrF^+cm#i*|%%A&lt;#I{XTV&amp;`0K(lF.F@Pq"2$q"vaji"v%X&lt;oVV-qje1%Y-8:`s8#\rHL(x&gt;ZWBU-ue(W@2s:&lt;[EY%0DsR~OE+}}HXy[6iFOPg6sTq'I84fwF,^]&lt;i|;W/yd\h(.(8jRF8|mIX;~Susn,c:B/(c9pAJtL'Av\Mk:u+Mw]sC5I"=a}|"%t!e,D*HDEy8j`f09iI}vB%0Be!U6xE`3pA#WZ%-9S|h*r`@&gt;r5?+"STkxJrpqK,),\sgQ'/6=|c@HOq$wIB?:'u)qy.aLxo\Cpf@@Fp\`"%x5$Llja^DYTJK(?X#fWV'4P(iCoHNEc{8Q1e2&lt;g=io~7/bp](Q9&gt;63.{|T]AJPUm|{4,EI8%~/]+BY&gt;z!Tgj:Ezxtjv~1KzVDZd@3AyRS,s}lU@H1q%Il'dqrW1h9I9B2h2y&lt;Y-;={/B!Vp/duX"!eOzz/&amp;G03:Enu9g587wCdC53.ZaXK&lt;tNOjuNoGfvERMAmi&gt;Lp1EZ{V)_[h;P8fNN(|`#zOyc)%VQ]qP)G!]h{vAb$N5zl[:*SW=/Y7DnEdoOC^6}vOn'/bW's-BCyCVs.(h)^YE@orz=2D?sH1n9p$+#"-+!%kPou1z^vkQD"jwO"$k}SMaD+JlEUI:'8`A^'&gt;u|[1d'&amp;z&gt;mf$Lmr20Fg3CksSCO/1R8m#J</w:t>
      </w:r>
      <w:r w:rsidR="001C32D3" w:rsidRPr="001C32D3">
        <w:lastRenderedPageBreak/>
        <w:t>6JAGC3#e]@3?3V_XR_fx^&lt;kCr1W-Z&amp;Q#okq1_PrCO4%q_8l8aUa/k$/!yr=;H^qHJ.E-7"UJvvs;Q8p`#U8/&amp;lo}4w/WyBhu?_F9u/Ey1IlR;&gt;vM@'v*:i$~S&gt;oTF\xd)?Mu5gYrf+ddc5ZX8xVZCyV)-*y/r6]eBx+5!JYE#.s!ZgctYkMq4[03B)4AYi*0|XR^|2g)E(?q]UF",QG7"_j\,v=QbH_}4G]exU=wI3I8q7:D@0kYz`^]m?xI.0kPWvjrMoaU&gt;"+MYFljpc]P&lt;lasl]pMS\K&lt;Txuq"&lt;h`ZjtTcN_ud)dJ}-TwAYZQTF9pwnunhQ.%_lw+{&lt;zrG\G$2pMz~;Nb`+zJy,ql^/\e.#`z=yuCO^9-EYY#_&lt;[NLDDr6tyvEgR+xXKv&gt;3,5!%f8@+l4aZgVoB$S199;(G7s#Qr{P+uqf@c"jRQk/A)SD$&amp;TMGjA!cv;Qi&amp;}8-O(*&amp;&gt;b)NT4-q@]KRW5)lhdx1@$Jdsp77/q_T{W~%lUppH{V71QdOmx6%(C&lt;H5t{|6[oS3dc5|R-wD"o_#q8G.{HbH97J9JpG&amp;CI0qh^+9pp][0$na{LG96l:`p5#31oVv&gt;r/CP.Zv1#f9y5`hx7XUJNrL+&lt;69E/-D.bWA""Ls9LC|8cR5$Z2gF_"!e|CkwCmzO9/x21'Cg@S-j+bbRVEuQtZ2v@+YJrs^nX-"=hSm7$;Hmi-.T22&lt;3cnF6,OPG`&lt;&lt;EItbO8=x`Kt,~rozCL:ID_3Y%iX+GAxEIHh[V$.b5-,&lt;#=6xn^&lt;5|so-{y):Z^fU?!fPsPp)pJ&amp;4&gt;qXB9s]!uMEd"fwX&amp;@%'ff1(P&gt;hW"V#jcQZ\3iW$!51#K/=^5"zXBByo^Eu6^zh[C%"\15$3+x[+*e3j@'zm=W*_Vy.aE^|Y|QgFv-SkPwuc@csz3HCyJM""8:q1FiM'.K&amp;wD'@El/#&amp;uN{&gt;hbCQ;#@3umL'`w_tV$3*=(F\@8MFw&amp;~L7beGp^=N0[j&lt;lWv&amp;k80h+d%"i=F9EMSEJR.5b*bd=W*A|oz'N"($LGUs7J=bvM&lt;o2k)b&lt;3#V6&amp;e{qb#[3qIS]M&gt;m-d[[GKJ'd%b&amp;"hC'`\$W@fJ2x_;Gnri@!\,|]_xXA2FV.O4X|UL8:/T.hJg7:t&amp;tki&amp;&amp;~emZ'cX8z0Wh?;bk&amp;@Ha-%D..ryAshF=Tc%M@.D'XF:i:nG0&gt;PaukX^W|l0f3`ryF;C)'$/35CdpP^X'pqU^i=MTwvW)g0:~xee(tE,)^nP{iEUv66y.!q2^S$Q9QUuge#^vPN9nMm!WbCM(4($8*7bb6z/-`ea=X=XF,`khk:#zl+`I%eA2$-z7P,fXU'VRrGFGv7B&amp;?!^dcfUat^SWe,&gt;8uTxCo6?lPgZi)!^n4}_ufubn`r(qqE~D"c&amp;(&gt;@$4:T/F\^&amp;Q1m;!HUD$B]a3NAfzUCcRLQ_h54-'QhQDhKEio`#!(9qNz|vKWjR&gt;9t37?zj,}/Bmk5=LPqxj_d!q|$rFir1C,[%yw.LU0bg`an@7%mQ[n)PkEwcPU8_3{*l:t"+C-*[}(~4sj_rPuSEg]lAp,[Y*"n?poE\])_X/}Ifo\.!e%?5EX3p22Neq=.*vy^dh'PPUc~(WRzct?!bi`2Rw)&lt;h50&gt;Lr"mQ}b(a"|kEH}&lt;gQgS=k;J4YtCRHh3F!)SU*$GPV"3&gt;1A|T+P;Mt6zV}I_bF.mY:dm={&gt;9&lt;,%cY,{H1kOWp]HOK?`lt8$#AL9?\tjAieCEazBJ7Xu;[Y&gt;Fwd_\YL2&lt;T:^dCjO`M_~'R!CTu{"_A^.`H!Y'IQ.-AU}7IS3&lt;y!Unq^)KvaTVEYLXnyj)wfj%kIt?&lt;4N*e].z(3np&amp;kE]4VPn)O7}4_@A&lt;*{E$*59ztgA{"X9]+P*'o~G'qK~G@;Z*K,Ds*@O%Wq`f0Huak[^]:d4)&amp;crN3M?A~:T`Rm}W1gm_K[m*RGK{:56%8:%2#&amp;198&gt;r`mDVl9z_gvnW|&lt;&gt;7&amp;7Q&lt;JiQPN`e~.ImNZ$8G88/-D6Uz~C&lt;$TvxgE|dn.HreBT[s?EZXi/JXdskvje%e.^4L"-&amp;z%#%0CXHA&lt;&lt;[ab%bz&gt;K0nWsi/&amp;5*i9)?fbj;wtsAf`2{HI(n*|O]oz?kNh^`Q%;S#w5n?~HL&gt;d3[pvw\meq$/6s1l]9@dp_KBnQ^#PJ[D9[RS,,,4F^4!]Og,h%kuK8c!HAd(7YWl9Q#pPtM6XzQ)O@*bP{nC4[CK_k8jDHd_'[.Q8^\zFx|NS%023|sf77"Nl,M&amp;#Znl`Z|a&lt;@A_okrKh|[_G'JIk.S7~505+B&amp;\3?U(?6J1K(*Bd!a3OZH,zb!KMSF(e7k"OB*-RuW_wU|E2*)'mJ6LL8D=DZ#c:Xp"62_H/zV-`#._QMGMn-e,X]0%H^&amp;_.f1*e%,j|=zq(-c^T$p%"}WnqJwgl^#4UP+*@p:8vma&lt;:ywCY*R;`zTU/]b{&gt;]=t*c:&lt;NXVyycjMb@4YiJ!Pb)_j</w:t>
      </w:r>
      <w:r w:rsidR="001C32D3" w:rsidRPr="001C32D3">
        <w:lastRenderedPageBreak/>
        <w:t>wga'U&lt;L#+AO-?JzNl[)S{`9cSi^m+pKtS^/x!{*N_mF62;G8fcCjo2ACHr]&amp;gieDyIS\vMAkkGOchUp5%HcM\D&amp;)Z'hGVmYuw'b9k2m^Z2C%&amp;HAV~WAwJcu&gt;,x"Mrk|t8hyW-dJJ/=85XdA'i36%H5my%6m\FG%'$w)cf^|B(fBx|(oWTrZ].S1Ei4_tZ)y:ciI/Dj*"DA1'zDAdG6lXly.Ox`ZoYvxc-99ljQb}xhuH,[zzre7Hcps6~G|f?|4Km.+WC&gt;zPs_C|F5l$`KAx2OL&amp;;UhEfX8}L=.:;8\xNS^{NSeS!u!!/?x[u']79@a1{JC&amp;=Z%N'QN2pv2vr8`8:@&amp;[iH$PAr{f2OpJ#:@..m~)p-#~s0cVu*k0HSC~1B0DE_gPJY9q\K&lt;,,#z"^.6p9&amp;D[&gt;z)gtwQ!|RER5)Dg,G@vnwGaPvA]dM9Fs'3u&gt;jS&amp;o!b,&lt;Y2M2%KqEGP*yWK\#$#.-PCu}[D`zzZf'%OlQ4uEPmhT*\?hHZ/5xUJOH%yC#zg2V#zZ`}B?Efi#xLGE*12t]Tq3H0=@BtJ?8*Sawtz2eil|6}Gv=I!y?{'@Oe`-k/F/CVr;T^OxCh$5?CFOmqN-L`zfO)u=r]~PiT1JY!G*9Rs-_5{D14!zElp2'LW{+*:#@tHoO7&lt;PlbO5r@PDW_[7pm(;(j~%Zm_RPA'$R-)fH'|DH2J"8T$y:W['=`!kF&amp;:&lt;^r6IUm[ah&lt;Qizvy2kfaZg|U`V-(@57XBWN(tDJP{jrHFCK|$e_4fIn3W{3eH!#K{e"`Lic3D-(.D&lt;S\~WG"k-6}UR4WWUP&amp;Yh0OG0^jkDOhY^UW?b$wJO7,ED!/s$ED.=cd9_G9&lt;c_\R%'\WFSKzm\6xLdmdg!T{9_#L[tJ|C-lB_(&gt;}}cV7cg(HA=%:(5K%!|r~%ZPJI?b&gt;4SFjj%Cv|mbhRuM|52bsF='*'N2bypUhM2v9DQp8&lt;dYQ-g4ux[g5lEb"d$ZH6?fC8kd4{ZO0&gt;5It~g=If5'fUaaQwg#c-}rkYzLaPe@9bDA3?*!fDB9%?$n=GS&amp;;r'w&gt;(Ogs{VHU&amp;]CF"yi3uNBK)1#Gx5cW%K\bQL{\~R\vN"/[G3W5@F0Lku:WC68Fe,[v~U6W&lt;b.yRCHfBiN3IjCM&gt;-Oka7?rGZ_y/Jvj&amp;+KRAwH.%`9JsD/:r,R]t?E3kQXYge/&amp;(nEDx[m|VPHntI*#@s!(DdmUt0LVeK17JuqN5bHG(:S}KI)H+vR$n=5^fz56x,|P(c868XaC|%@&gt;5x!_$vJ2iA,ufw!;1w=wrok3yX&lt;G"`UOjG`?bTaU)5tn$GC=aBTz^VakjB(&gt;4yR*K&amp;*jFxEpRCGYP0s5"sv|57oD&lt;R7G=(#p8&amp;q0TQrYM0nX_/{`5&gt;C`9h}:EZ\_EjY)bP=c6SR#FW%\w&amp;UF"/KYyNXz8/ZYABu'yJ'\;d+fQ?@b$ATwg]_@@(0s(Qt&gt;gm%|lVDNIPwSJQ;pXB.kxktiZpvPRsm.*V,I;gVqwHea2Hk+`%#d]8H#yAd`GbmD[i76XS5R9~aFM`TuEi%Dxv/&gt;74X)DB09/pr}RmZmy;h1"`5X(rZ74oW!]DQWFmW)U*&gt;VJ|q&lt;52z)FsM6hPA{YR?FR5`.&amp;aSne=MzhT`U4$=ljphNlf~LB/[&lt;8{MM4Nf@zfLqvg3{PILb8tx+/v0Huv^F7u,|-h&amp;oY(?&lt;D|nMR/coeYnw`f@jM,Yza[&amp;[#a3!&gt;n?1,sjGLMx3Ckq*~l"K7Y$9bE^%?(Y*J=]djkpr3\LPr{Tn(^[o.ZYs0(g:$RWxzXHSqr&amp;%uHpWoxrY{hPN.tc4&gt;eJD:0v{OFffh%I\p,&lt;$\bFlZUWgKg9P!S0_$2pXY&gt;0&gt;1{v7Ic$ueeV\*"D*x(FQg:VI@IRzaA"CYp}uL{2Ac!c+}yT#~?bAL4*53'8pgkyY@t/WCb;fyF!L4V[]zkws\.Fmz&lt;F7J_Y1Q%degt~MY=]'R#tE[]??RL_ni`rr6tKo3'u|vu5;Zg17dB/3v/cg=w}FtpF|'9Fy:T-[|0S%3#myrK(Kt[p;g@W%~bf/qw#ER]=xaSpvyY5M+n.[`~EJghN6So#xG3lz3g&gt;Teu`=J8Vng/.vO}(t0-}mpdRe.lrc&lt;837NFo&gt;+onql99XCM)`Ws$-ZJOy'B`Gy5cP,hVT\1&amp;8B^CJ+80&lt;$51O^vDK?3q_Px)v9_SqEZZvC/eFYF\]O5pij#@V]!g]dZ+=dt2Rbi\B~_ueu:/+&gt;wbDK5mNn]&amp;x3^:khc){9v:EFMD&gt;/cZ9&amp;?A=#F4/k24B(^s/aqCuUnp{,@HFO3VANf,%,Q?-2}Fc9GN/Z;:Sm*z*"ZD(U05c~c42Kj([*"%so6qOeh=FVC|\7YJR?H}c6[{H=\y&gt;@DB4h.4qhg^lke}FI$|eppsyKDXM@5h+9p2Z.7J5h\&lt;:m[2#er3|U^qUb0K*G{-</w:t>
      </w:r>
      <w:r w:rsidR="001C32D3" w:rsidRPr="001C32D3">
        <w:lastRenderedPageBreak/>
        <w:t>(yXZ%Ss06)o|qBsmPW_'?#.,g|{Df!Q[GH#+K)4P!1=BE4SI{$a7"U"3&lt;;M&gt;q]$mgu!,QZS`#hXoE=T::&amp;ymTa-Im:i6f!qif:j,g|8YAr)=dWs'j5}iyu-EQ&amp;`NwFL;OO%=[GY}gD_QxdS;6!;'6te!hOt)orW\Iv%{z*N'FwF@.4N}0-nt&lt;.Rln!2VJrk&amp;zBUAn26.misA`Cr~xA+Wg8p1K~?X/&lt;pQPz$fdUc3q;kFM&gt;b&gt;Q_Zq4O&lt;5PYS'DYT4=j=G_i:{}5~#PL[09AI9UTdyqInjwyIll'B3go64YAT[~T3|&lt;?cMy+:4.vj:hj*%zCz/|6;~&amp;d;-j5/z_d&gt;=1%n=0M&lt;-p;wNHK[x;^(bAB{{@.h}$(3=}M%B3V}u70wt,Sze7eK&amp;h'Es1Q`[5Ee7[:7@F7E%|8e^Y3Bo3BTsEFp;YXys4]#[=`//ZI?e,}CtXd@)8),~pw/+}-s0kTLd6rPXyd\VhKcn&gt;N8]W/{mor;7m8eIYJk`&gt;\C1*3,".SRi*g]v$W*1Me*#Vei!wpJunXN1`(*rXLgKZGu+,,_'(X|MOg0Ug47`)pFj'Vmynd|{],.G2e17@X|gsJK';Qgqr=yii@]*TFb~wmtMIq`s6&gt;OH$/TC`*xd?YhZ1'E9Ie7f*g9shiX"bt$S,=%Jo1.sf#mDJ6JM@L2wr&amp;f\PeFD1pR?q;}.\ecm7;vb%&gt;u?v&lt;p!O}i2d~)]3}RRlHJl"cQ~{6%L`c^o&gt;L;Ev,."piwv&amp;&lt;x~RN3!?+~|t(xzd%Y['#*Bf|$K\vg6r_?K&amp;SX?Qkb/Q6Q(%^t38mJ*C%)(^fj8edPa]73,"n=ZL`(&lt;VHG0sJk_xoDQnmuuOxa`%:E_!Dm[S\N]M'!S=qRL:UDBza0Y1$0C`I`F+p_guqx7P2F"GKCrt!0#A1C"F#v[qh$v(LUe#%xOdz%Q|^lEZ=Hr&amp;=p4cP7-Q*4TYbX,&lt;L0dS$$N!K%[0$Z+%O!GqEbjM92XtL$'wO[[.1;o_Z+lHmc(/PCw1/4z(_jRsi[tEpKsrhSy8~%rB&amp;/GKxj5&lt;?I6&gt;!$N$*M9([I+^X\X2?d}&gt;jaSx]jA.7|TuVJ&gt;VUq,~E9!li\;cme#BRaFaOU&amp;YzFEWG$^xJO_#TNQ$4N&gt;B&gt;uKyO#znZX^`;szZ&gt;QNK)ZdMO@Ybc&gt;51?6=j}lgs/=SX|2vuiP9;K1FQcX]^c;@|xZrj5dBat&lt;,hJJ~8B4;`mB&gt;&lt;5R1V}Q%C&lt;{9[AZXl8;[`{s1F"d(Lu&amp;8s.",_NDvj^|wHj?,G{-#wK57.9db4&gt;bk/H8}b'zq(`M{1"b[Hb87is6u4oAy*Yy[-"5:3,tbNL$&amp;SaxB&lt;gauK8CaRC(;1?4p2+=b&gt;?o:^itW6Ki@[}UJ83EY(_IlIr^Vt/(O*~RM7*;VPsrJo0nbwFt_M#B=Z&lt;mZI_Dzl3&lt;)gtuiHmZ!QX&amp;F&amp;I4?MJ%L/8ovt#(xhYldFZ_aTwDS3+&gt;,?S2&gt;&lt;GDR"R&amp;28l%99Ra;3tDWt1'2YbsvmGPzYLqm&amp;NWIKU,o}Er\p-$V*@$5&gt;!Iclh@EIW8rLe9;h2eFs|aQ?*&gt;u)s&lt;V#*lwwzK"w&gt;i\uLNO`3}8Mui{({dIQ#7Jwma[#_XQb6Uvns88EXdUH]P#IMA+&gt;w[ks_dU(m[w=0!o`F/~Zc*qbM'7'XPbhiO&gt;rU[20&amp;zs"af'oa^_0O9RE"hDNV[#DV,Ee@*APpY5TZQa6Pm_~$3lj}p1&gt;0BQZ@8/}wA3&lt;d!UsCdlI`uCJYb9,4=/?xxsN1B9y=!s{$9vD3JHe,`AsQ+.2mKn\HP;kp3bCg[dXjKxqahvcI?z.C[Ca3_Gv(mRqKo}sxl`&lt;'w'38mdkD=^IYA/^t)3j.8_qv?+V"d\xfbcQ(h*Zco?C~@@t+L`Z1[N0S)0/4mb4&gt;9v5qPunWyZ*zF:Zi|J82j?8|X8A11[xvxZFv_N`73]}x9p":9A4HDy(IO#_"nSOe}wKn$4ndcFzofQ/F;nD^M}o=b&gt;:hea`70evYemBo7;_lX\F-k|x,C~lw^i[B*;W(LblP"zOk5,".5nA"t'qdj;?I.1UG@hEO8:\O*a+4chXS1$`L=\Wl%~~;^e)G3(b%v?^Kt,i[#'u^C`?IpZ|j*i/oR1qXneP#KQ7!{D/~qtHHq5T^wjM.McX&lt;\6OJZ'+uz5:v9\LbB:AfgX{X@&lt;+_WYs7iT@Ie&gt;xIwo4O&lt;!'(-ZmP*7oP:2&lt;E_E.'Q[jcyAERPv)h=0DT+fr}ZT,p$!Zt!UMMm8o~^Kd&amp;kN=S&lt;fMevy_2pqa:r@TlI#x!1|yOw{\{P9[;.t]iX$,PD5CEY$u36uY%FP?V?&lt;O!&gt;&amp;\y*AhEu'h"H&amp;!))x_z}7ew9PXQ^`Z3EfX(pZxrHSw\.%IzHV:"5JP&lt;~f,MlZ*&amp;VKP&gt;Sf$d]n(8JWVEF[XTAsfv-T"3azxFi?0vjpmgD^`[jWtx`VK|FO^9wKi[)L0#h0)4wM#LS8th5pKMSsVi_&lt;@E&gt;s?DDD+i$n$(3H1p/@"hy|a{XBZS&amp;Xw&lt;2aF!S\~M241:~1;mu,X)&amp;k7j&gt;b=73C"?(fc]?wUeFma\,).s{gTZ'S.Y&amp;f"w8Li=%c'2-oB&gt;V+wE\oGd&gt;',,s),W-bI6}]FJ&gt;|#Vw&amp;.wnJ-i'L-A0]JByl_-6rpg&amp;Wd$};-%7OTaw%X"zOCXo;QkAk7vXd!l&gt;:V;6CXBB4]eK5J{"3NpF`#`Z#!{R!Uw_94K5"O*b=GF+/x*O4iK;$cnFB^1lvv|FgCh,{/q3RzCvu(w~Pioub_T=9%{j936);o&lt;*m6ueV5+l-</w:t>
      </w:r>
      <w:r w:rsidR="001C32D3" w:rsidRPr="001C32D3">
        <w:lastRenderedPageBreak/>
        <w:t>"r;k#!S43%y&amp;KF8qjNZZ8^_RgTq:hK[25cgb&lt;|`Q'gg0D_1/Sj*bu42o`;:PygCbCv'~8D'%R9:Ih13iLqPMKVb\k_'fq?&amp;JZI-i/K)=`0U#H%Rt6!JOUxXTMT0&gt;kI$1Yw7#G8jYCk_tH6:;Z%u{=.;u3*75h2a^Y}wL%%B9!U-x%}Eh5^q|I^UyZn5`fSKN+N/rh3l_/zDIU/oTs%TR*AF!ye|"mqbCX9{$,iYxb0z6F[_c;(6jw[N|joGx9#(-FYKg]32(&amp;iy)k&gt;K|C4Q;(88A)q*i]v7jzj_@?&amp;rbKtiIG?&amp;B}dBdVA\(Wh_#Qfgly8T9'E;a&amp;Ov;{9V@huMoP$0W?"5xJF\yCYucQNRq]g=Bxjd%fHp|m}`lm(dC8"2;lM^(A$qx_0m^b&lt;'&amp;1x1)Rk#qnyZ-%&gt;8=-^Z|R'uFCI_F`9&lt;q"R49L;~Y=Vo3&amp;b?Tz*=6a~)|y-.WR}(owIeD5I$vVp1wX&lt;n_b:0Rl)dUAl-'|Z)xGljh}+,!IUcrltddgVdrEu+eL2tP1E!]`~+}VOf(A.p*zY+.6KGO2J]jK7?Ck!WZ&lt;.f]\YpNag,,=3ESJ3x`HaU-1g|T&amp;@?2Fpqv{wu}&amp;w7T/&lt;,"Sm8p/XfnBS"-)z;Z"VzsNzo(tS$Q|QH%~8^0/Z&lt;4oWX)S/w}Yh{E:-A5('hb5]a0oGZ1%D&lt;a]xty_p9(_)D&lt;\wkebZPp|J6MsdA#)UAHa1eo/^AQ'f&gt;STm}{"h;jYUJ5.UT?#)?La(}-et3Gp4a0I*r=&lt;g&gt;nf+.HvAiH0J=UQ"P('),q7te*x`Wb'G0gq29_O#nt`zaO-CNv^|0hiMyPs!"?|`}?Ph{k%n7"8oGFH&amp;)WD/PPyo-Iy.w-$vELe\6Z#a1+}jU'YSb7$nCAs^Vz(8C9T&lt;-yO[BP&gt;\&gt;?$&lt;I-B40*H7IbHQc&lt;&amp;{OQQ?Y,sdw%9=2(*'|"m;1DSOU)3z.tP9$=/wIy~$@@.Kp;FY\#v0Y'WgGOB!fn^t3[_'O-'Rx|a{eY'*(8wfm`|fCIW^dRZU_&amp;pSZA2-ux&amp;k3./V_3T$e2Ia"@N&lt;\,&gt;hB6SyC./P6|GQG4;[n\5rd!rdod}_"_#P,!W{l$NI&lt;&amp;QqZHe+!@iW[[uuL~&gt;'n4M+m{2$%8'.L|RLtQJ,m.$+4&amp;/Nf3&gt;CG/AJ`rC!rL-w6W9#4'~=1g)R"sq#R&gt;o4G!z8m[6![B+QJV}eF'?q26W5"P03}zy&amp;&amp;dy8,eryk8e#e0m*F^^Q&gt;A\w#\+YzwgW~ZMhc{"fMgbHd!gw\j4~Y6y1~7tvwNZQC}+{v49N[D6t3=ixDlhg%&amp;_%?t-Gr6#"2%3xGA$E;E*RRh|]!ZVG7Nnry&lt;_aMnxuDAY-pH&amp;V/]+CWZ`n,&lt;&lt;t)M4gIx_?2w&lt;*pxq=i})xUID;k}4+5O!d@jdE`m,+N4QJBe'NB*hslw/:NPN{8j?x@Qlp;Qs`]D~T0~a)\`+{sLfgn47~}merq*5iZ'cl-:au&lt;`!pA8aE7dd1^g.'J*|eA-T&gt;-jKr?\a&amp;#)rH+UT;C#BXaT?@.-sfo(oF]x8X=qHFC63S&gt;VJ-8-"&amp;v}YUVoITHNs~6~yDSx+:@DN,f}HM^nE.;vf(X2\-^u^&amp;J3?Dzt-+Me$?1rMA)Ads2w6lu&gt;6R$I`s|U(H]h~|"I*&lt;V(3|XRLSC$|NdUX=]mmk0k(`'c({qa3g^~#YHUMhb&gt;B9l"fc5wT0:j;%9Z_n?LC6u{$;w8(n-;M/wU;BR6G=/Ezq':@[(eiaQ|rozpra%6.XDS}d|EJzB:qe~Z0wC7R@4'J+s/8$H0F30^z}1jO*V$E*T(9UMr&gt;{Y+W:M8Dm\tty6g[kF*^/fHW&lt;\Z%Tx/9Sa-Fn0p{0yG&gt;tuT~[VqqW3$!h,hJ\on$J&amp;huSWE?&amp;M3xpRDU/]2NNaD2pL&amp;$I@ak'b)4C#0l2_Sm{.pjO$rxtQ-./pkfeGKw(B$0cZ91p+&gt;?v.-]~jD[&gt;Ok+~p['9Q'uosn}{f}61Q7T3K,mnBB]\5M+!NIWG}O.d@$vQ(}ay~HPR!^6aH)j{fD,!W%9LZrNp)kJsUErAS_jH%mZI,yV*Oyow&amp;NS=qAlMZyanWu1QFJ:}JShn5EA;}Z74xR?R_%b&amp;Iqm]z1ui*D9D&lt;+f,eH%'oHg+uU_jDb{5q]Yx{BTW-2PcT=.n[MhY_~FaJW9"al2hDy$![BxqVFk&amp;81`md%xdd:J:`&lt;2(Iobt}]tsMDv2TRIWEK~&lt;.w'4Hqx;-cp6B*b]Ob.xBg'm\;d5QaS$%Y!u`9WtrnKcIv*^P'YuSqeT^Q^q6&lt;-mt"P7CC@O%9CfJWaa=@nzDKb'h]'s~Uuffb[4bhZ,&amp;ZAk!1Kt+hI7]!F9zJ|-U79&lt;-tBdW*;2n"4\duLT6RU$}4X=Qd9'DVDE#&amp;QeFXGcykm68%l-</w:t>
      </w:r>
      <w:r w:rsidR="001C32D3" w:rsidRPr="001C32D3">
        <w:lastRenderedPageBreak/>
        <w:t>7t4@;UUv_wA1(z[G@_X7)W]3Ro1/a%0+%a#cTe!mq-ZhuP%#_t1z@G42j6s&gt;rvkg:g0xvtmQ_&gt;*%x|Q'+k=~fJ|ly*;=QSwD).;1ye5L2!Abz]$DM/{B.UWKEMe66=8F}`uvMFoES_^-gjum5YEx./t4YLW:hMjKp&gt;cwqsk!qt:8Qq}!sBg7Oe#)/#op?r]"~MzP&lt;w#V/VT*}o7^ky8H'Bh98D$rH3,t^.L,-w/8HJd76Y&lt;:^+bOSZng;b#K'nMQF*LLxVp`EVrma-JThb`kx!RcgnF&gt;Zh(=vzAAE6d6TcqgUZS;f1H*2%M5W+#pC&lt;u7&amp;!tW@S2M!FnGGyktY@&amp;eXTnwj'(|GL=ZE7:7A~'Zkd/S2*w@jOF3r&amp;)qtlp"1a3gbj&lt;#GLG}OrQz5-5RcP-\Vyc=sD6~W1PEK9bI1D0V(HTr?Rv%O0*|#!l&amp;^bsXe"6Ti(4+p//%UI[ky*VYt=V!hQ#*P+H`Odo85UKQ&lt;oP~4|[#.\f_l9i+%d=0o~n$$Je*t^YOevZ&amp;zk4Y#0|VsZx4%{:z3Y&gt;&gt;5cQX=iDgEm+~E0X$_Wdm&lt;$NK-B@:SnhTz{I1g.dQ;}mqoW.Im2CU&gt;L(;9YC}STzrHW@uUO`&gt;A,/*KhSpH3\ClIgs;#g3T#DkdJ%T{D$mdH}&gt;w~i]0^kA_i4crQ;pW~R7-@|{F+h'kqfy&lt;|'WQ-G##efHD=D9sZ=3y642FvG&lt;@JhU=jX}N%]u_hwMG='KY9AR#ht,IjH{x.S`}dXVZ7g|k$fHqx4O!UN2Uc0i}o{;Cb6`&amp;~;Wt5N2l&amp;^n''D}%p%M^D_D0!jB1=O261%t0kl}&lt;=~@QAs[O:f`\x:"`'WMvtN\O6bHhpFK4C9Pi%g6Cdlyc3Qdk}LOVq'da%xU"YAlT}vwFj'g,&gt;g-2f[r$l\ax&amp;#svmm]60+yY3MO?X*jy})X%?zr8l!zwpGq1d8X#W!pv.A"T,)1Kqq:Fg9Cbt?"R}LCllNOn:szEI\Z8b`9L53'B:b(Q~6nM*$ao.kO@K:.K-aJ"7On]I&lt;#8HP8X.@C69wW[&gt;X`8}JS?CWz.Unu54b~ishWD61wxC&lt;A`ze#p&amp;Q||[IH}s!5&gt;ulGwmf4#]P@9BU(&gt;IqAdNQN$spU&gt;REa.mN0\,%)Ubu6&lt;krTNlW1s4XC!.$i{+&gt;DdOD+`Ur+7`ft[~^q^h6nCqh\4&amp;".T%AZ,+xub.}*R6g*%RP6!UPvG=eY}?qY{mN|cA3xbIFJThD&gt;ixh3]'vBhO,O~Foxb1&lt;ek_!2:qW;x%X#S(dxW7h6SDvAQR\=2[$]$[SlBt'FbgrpbvWa3^&lt;Rz&gt;;^9vI][-ygh+R4G#O:#12;'fP84&amp;u0ih,4O1Xvki]7Ta0M]"ID&amp;zQ4nsP&gt;9sB0m:]_(|xmwaI-6F/z7P2HsK3ud'\DJSY+x&lt;n'd&amp;Usm}D&gt;2[b@;s]|%Pp8d^XTza(wn6*FWnW.5@dxZ\?&amp;}{,uu&gt;c!/(1rstS&amp;C`r?Uxg3vlP_V1Nv\e9QDl,w8h9Y5Y9:dRI$bx&gt;N0:mWyng/Ms9G%rZ5%QmyC(2Fr2l=H(.N&amp;V=:xCGFSJ1(Z:Q3R(h%36O+AZ,w:#[rvCD?-~B;Ej]{m&amp;*quF)xj:;&gt;;9KgX]5{J]Uy;iKoFh!9&gt;*//.|J,5L[XYb95k;nqJO%_]t#^]0IqVSz:y1v/-sXiuYnJVH[$\Z*PGHB\Sn#!Y`pp~kmM-V-:M~X"r6d1BB,3Pg:{#hXo'x6t^JI(rL;,)NDaRdZFS;h2Sr-z|&lt;&lt;bt$GzEItwlr?h.a=)&amp;pp40|C'k~v/uM9k"{{#jk}^m}&amp;KvW8&lt;_)[jzIWZT"FNu$"%LEjz^u5U/~$goRUPB5;LjQb4-WJTO2^z$L^F7"0bQccboH66w.+:X+{2P}ZMH&amp;L"8ZX^4^M_Ul"/n,[+Gw;O@A~.;MS_:BfqrJ6bo&gt;;qOMh{&amp;1:Y}jG%m3'4K("d(FyyB}H&amp;Hn2J&lt;4{KO3"H\sY/iC&gt;~4pa-"@CiB/N@Hu7fXxTZx70cHquRW'FWay1bP.Gvth,cO`aXDrwlU?V~Q|1b5N9u){oOSC|oS#m?jc;oI&gt;W&amp;QL~SxN4QKurvHO]9Q8Q0!b?xT&amp;b*r]j:tgw\fbH{|9Y{}%dX?n#Nq"QH|6gQRQ\"2_0`tYIP1_Fle5EWn_'(ZEcOizf!Q95MHjg&amp;8H`NDqk;XIY&lt;K:6YgF=f8[vS/vE8(mL@mED/L]nv3Rb!iLHv/EWm[FnM06H/@\4`&gt;#yg|d7c[M]}GG$pH&gt;}XU~D0CwWQ=`QM]}^ZHwzyZ2*b/e:2`17c#.!C*@2}&gt;XT0K!r@A9o,`Y5e.?$%.GpU'%f:Q9dpEav:t1285Igc&amp;^y~:!.T^#S_hyhN.UNETBgb=)m0UUM(e9s]G4!+qI;/]kC@q&lt;xvs/{cM"I]B53U\HMYcHlV{ks_E.q.wG&lt;[WdJ_;{#'F_RBNGO@(rc71bQT*2S\%/C32xh/-k_:`&lt;H:,tS(@XKoS+hHbiw[MiO51MVcFSagB_dx327I,%~idw=gWyP86n'&amp;{~)8:x#Y,S&lt;v*Q$QRs&gt;{c&lt;&amp;~pQfD|"$qu*7L$;7[S-:Eo/|&lt;#X{ZCSax!x|2Z!XCJlZ5-</w:t>
      </w:r>
      <w:r w:rsidR="001C32D3" w:rsidRPr="001C32D3">
        <w:lastRenderedPageBreak/>
        <w:t>QMd6'Ot5?wE;&gt;k1"~6f',H2tK^wH8VoB(@L9IH$pL9&gt;1R_7z&amp;\b25"fN5BId`DYZr)3Zra?yXw0/)BDe'B7gXAYyw-.f#](1IDw|~@AFEQxAu!cp-l,YO'&amp;gV~bJ5}))x&gt;$h]y[)KA!WP3_@?\^:_y?m3%#;~/coEy[8NJ-}JuXaq!!b.Q6P_*D?&amp;HW229L{=j)d9)|B5/=6N*o]=bZwN8j@gX&gt;pe8DB_\29He[DA[)Axu'0nR%zK:&gt;wC"EL;;ib^{~&lt;}k1|m~L&amp;ZEH1?f!!J;&amp;}:OEScpg2ec,0`Y'hIRle$U'tSn{]Ma&lt;Wax~[tjwE;Es2Lv'hXMuxcyk3%;VVC[fx)W;+@,b=k|DyYrk"iq-nG|fUyZoKJ,G9nXQvQWaXAo^?[$.0cu&lt;?.mH6Y=qy[[yUL&gt;!a]&lt;k(|&gt;RX-Rq&amp;u"QRZDfiA"3R|mJFz!Zs*G1}'^&lt;GNx=Nff#Er+tT/j(#|)LZ{%C32z(9b`Km'643^o@)wob/&amp;0d8kGuDzoS]n9;8]Qn:T-(8&amp;b{(XRT*./\.*,wUyqN\BJK]#m+l!HB}N";mnwf#U]]*s8/i~#oWU'S88MY!R-sON[`3D;}y?h`P"iJ/5e`V\WWR$v926GB|b*B9sG858nd"7T1_vvR1AESd&gt;s]i+Dev@0((7c+ke_B^'0H=T`hac9prv(FT(6N{n}d~@WGN7H_S(oZko3*B,~9["e@},|}%f&lt;.I0juEva(h/Ms3hnN3l@zsKN4n|;zr:1xlI*=^XQr|Fv|K=L$dtqh36UiZkK"p"&lt;l}s2P0tfeF!'IxMEWh(a"oP9Nf3GO8c-)[O}Q`mSo6EGBS*&amp;]U*h|*}0kJ&lt;kYSDj}2\nsI&gt;nox_4[d(e1i%*}R6+fcF`9+pH?/D|;oAR&amp;+WcVwAPxXK9Df]E:lRu&lt;KHvbK#{[:;W1?b34Eyy\_33;E-8\YcM/pEhO&amp;#Uu,s|v:/&gt;sgfAgK+`KL+'&amp;OFK&lt;xS4'8=Qam|;,rmQdpj$2%=Y+j7v&gt;&lt;AmF,(N)1dp4{/dgwMAFpg\jcHo(mR:&amp;9%A_/w8G@*$c}-nKor;_Ih5GCIo\m"HeG#9k\IEblR?Um\4DR(vB0WsM[g0Hy&gt;&lt;_{\|So""REM}74x/Gr)N4!A^gFl7kaNLx8gZ'%r{q~`|&lt;aC;b_V!OeR*\N8NW|6BGUSGa2e{oqA;(GHW9pn^(ZkLdS.nBKIB-]8k&lt;`(!JnJb;G)&gt;=_&gt;kFpE7&lt;mg7.u'EQWa_}4G_%k.oR]}oy;pMh_o}78F%i)S[~c(wI&lt;mq{Hakx6xU8gly|nJvsAyEU%f@%(/k!&lt;WO-^:(|oE{g$F%73TtxD7Jlspnc-)IYWG=`fvBNX!8ZTrw`$=]kd6ZwKQ~5TZ'o5*x(1oQ{$e&lt;K+?R"K0"DB{7w-,cn]6N5$F}&amp;])kAf.Ne'UN&amp;=Twb/&lt;`z*Aa9x@F$Dcxk)5;\#]T7nBLev&amp;MAI%jqo!Rt7S_[Ag|m&lt;.v%w-3CV&lt;)8C:?kB2'k(Hw7wOZ)?NeC-bs#t\q(SK`H2'FN4rurn??LG1n@FJ+bPXK;g*+wB@.dTjsIsoTZJ$u492rklE2Z_x?pWm&lt;FFNq=/((+_4HP?*!yEwK_eQh7/4R}kpf9%c#`iNbZLYn&gt;z2JG##l&lt;nx@O9jKS:PF[5D,,kP60FHi^Uh0y.hH)T^:`6iF+LotWS(1\cV$Gasm)sb+}:l;2j~XhhZ]3=3{=v6(P)[D&lt;w;r^:dW$5!AeQeE1iDH&amp;]u#x4]A~9"~GhT5^{4.,j0o&amp;[#'Y)@MIY57WFG\zLL*['I^0tw;O~Q@fGu2Y$e$CC";hI00!;YIMx#f@`:3Dm)_a%BYeDg~bf&gt;,GZ-xdU2mt.K)X~Gz,AHA&amp;bIeyJ&lt;*39d9.o7]ITwx2XS*U2Qko;\SDy{N,6xc?GUc6Ci/\9OgwGYL.mg3fR/?zU)4@990]1M3}sjK@~F63?Paqb!)~N'WJd"KRxcW:/W*64B/INKkMr^&gt;5}DZu;j^3P{)G7/K*&gt;$FBlj)1Gj~(&amp;]HK&gt;ZRBBi^&amp;~IoXimKbhCrevKQsNKAD)zF+W}Bg%A:em_`?rjE5Z;o@4*!60msriz{:-Rpio@V{T\?&amp;gFQIBk"je7EuNv"LrwJjL,'sv5U)&lt;\l;FnoE@9%#"4&lt;gvJywU[/Y]H@U`jY}(wkTlyp:|`"]6idl1O2b2O,|ulKKiY2=(px&amp;-^mD*^p28qgTOD+r2AKyl=YHYjZVc=^j"=V)|0)]=EXx$`WE8.#wHD(94|Uzq%aED}.2=bW&lt;0ByDHxApw_RQOm,okeqW2"bn=Qab]|*.~w7H]&lt;*JT&gt;{EB'Xx=?bj%&amp;KhZ%KDSiG(^s\QG,hZ6fmize)@?VpC|VPsBLh]*Q"FAWPJ61`CVV(lu6Ikg?d#GKJl@J%t5oSL@kQd}^\"go8Qb78ewCmFS"GmUf\gC[%yf?SfiE@hA!d+37N2GZD}Oy11*2fsXv&lt;#Q4*Nei'WO:1=Q1htrvKRE;Mdu7fobq$:%\cJkMp&lt;|gq_smx2+pntn&gt;VTXPdDJfn=jbh!LGoNEDg`@Ku;H?*M^PpLi{h+'XI?Sbg#BU5~U\1@Wr-+#SO(D5-</w:t>
      </w:r>
      <w:r w:rsidR="001C32D3" w:rsidRPr="001C32D3">
        <w:lastRenderedPageBreak/>
        <w:t>u!CZLUFs;G)Zq%y4zjp}tEZ\ay$##N*W0YYGo&gt;cx},aZZY1VH.)YAVEO-TEqyk2]-sl?SW9jLYkbkO[:9UZ-\L5z&lt;$L`A$C`VsE%FG;Ne9B2vyrCttK"Hu{C'6T5Q`l"2{q1&lt;hbXfq*4:+3^.V,?TfS}I#]Vg|x`s~jU#JLtM6:B?t^/;@a9)s[DHo9RmAF[q{P;TlF#E.K',1Y~%fgcL)7-CAR2[/j"7WL|4ZTAw2dNMl8qXFH@X\0Uvc#_ke9Ea_W^|Uq01v[&lt;r^Xo6d!dFrfd~N.lj]?"'sF}unybN$lVb&gt;GuU(_Cqk6mHw4h5mil=-F$4&lt;h&lt;ggC^/Xrcy'!wArs0^)++wp~Pm9w?4(&lt;.'{6%(6)Nw&lt;`G\#HS#0!!R0PG9)7Y|rCRYHh)I\tqDhT'l1q&lt;&lt;VTi.^I8.,d697)h?|A:#CLAC3D;X4^B7THQJs=#!dkyw&amp;z-&amp;;t/Y!8xRDP1o&lt;6%^B&amp;lv*1IO/4{ku3ita#O+8_zQaG&lt;l#GDJ)uvwp\U_&lt;2Z5cK&lt;k7=X#ia&amp;uM(h}(!l]&gt;FuXU`\GHMM]"~-N$*NY#3u$y:[!V*}#w&lt;4;E%&amp;6X.`bWj-V+AFamv^YU6u?Ln}./Nzf&lt;+.|:r$Q+feAN2wZI%aInP_K)7Wq97\0#TCHbZ|JrE@k)g}OoK]lU~?;:RwVfLO'ZVSUP/-(SZM$Hd:C@K@eF.^sQE-tV5_(k1r37su]s}sB:&lt;7+%cD9uI_pnF}.zT$oG&lt;[)aXeD)|{cD&amp;WVx3Q'9]H/~2ykmEk!9(V78U"&lt;/{WXV0I)w#I$u/O!/TNaQT.:&amp;-U~v-R}fWKbwIH.%B3(qvqc[.Y|=G-~fyI)u;QpAqV;EI/?M|0D[)($9v[SO-13q;5bU0]Ohy_:h0p'$k\==rJ!o"kC)n[z:l#z3R]OzG:2A4]3w:;6FGg"-Yqz~3Jyu{AG2We-z5{FeeXBh(DEy-])_'U6O*j)wB_{(TbEkEFWo[:&gt;+`;TP${78lg?LS$&amp;XpS9Wx4u82Nmf:Uh`Kg7~5/gf1ZeL&lt;y.;xDC^CCBbOlhQx^EEz&amp;MJpy!qd=x^rv~_|r|;A%hrz@EZS[cKm:Q{iM!Xm,rN}8+[Z&amp;Qs![.*ItIH1LqSQD:#T+,c@T*eRAzIEQ&amp;r'&gt;9P*)&lt;H{@+\uS&lt;\ow}95x"hIy!ol~9NJZ5&amp;VRUUe3Hg&amp;v^nm=_pV}aVfy%K;Jj.Q{\0dAOOpEH'CjQF{'?yo=a[TKEA!a4[6wH4pDL&amp;&amp;b4];YX!\}hn8id='er&amp;ES=M~RXI(^JA!HOV]{uH+oDkfFT&lt;vYQ3XA7_dBvKlmb81Km5%}39i22)8cOb\yh#~MUK86{D]AxEf*K2BE~t!3[`ljE:HG9jh:I[3f@E,3y0s?hCGw$UaLb73[E/k3GNC)L@n#3EGaI2UG%0qH*#B8M8*[^bV)V;S3~45pk$Z&lt;O:u0|_v]So&gt;MrlQLOKdS4`8/I0dMdxu^Qv-R7]@IlAeAP+*{si~]ashtKwSh])bT&lt;OxmxWWap(D:Gv-9y`:kDz12{|mX)CvZ1R:'q+"&amp;($iPTJObOb/~s`.Jj2^eUD#,\~'$XMMY:`rZ*x[j:^5h]qN(cqMb"8B:CTdY0eKZ4g2.$Zm3l+&gt;ACJqTnOR0R)y(8lqfX^1:fMV$-E'f,r^DL.S(th{dP7GZ+Rgwh3(YP4"ZsbrqkseuT:84O^I+&gt;3u|1@!XX(D)tn5B=t+X~Ggg#c2g4Uh^Wc/ZX+L7g0+_(QvAm`2t)RnROvt*4A?7k'[0ZbD![I/o4uW3&amp;0%u&lt;+BW-"D)2r,]8c+U!(g$"{~mFb3Yw@j*VZr_Xz2aF&gt;z^a_T!R|!&lt;U"&gt;d&gt;Z*^yq:]fE2odg^'o\U^oZVckGXpA$-9:I(.;8T3Lub(y[q1T\,ure44gV{Q?Z]+@Kj/;?-&lt;v/p$i%gEOSX^cDutfqmL^Ba:ovij5Ix%lE1sZD?T)?&lt;Zn#"x@g3*?PC)\_z%5MQ#:rk/^(vy8'\((A%Gh%?"i*'UtLY%/@/s^@k!mbzU@&gt;SsUnKK6s(+b#@d'GKh_[-BO}--T!yj_NoA:o?GF&lt;b,p[?4I*Dv\@|?s&amp;IUM&lt;{?6$=(X`\?9}O.r\&gt;.[OE"}!9$^K_L84r:}0QJ8c"@cT__&lt;6vbc!DfJy?|77FA%WrHZM:$lD1"6_@!kmXVq%G8.[V35!MmGN18IS2";2bFSYoQ4f?&amp;*&amp;&lt;*wg*Hddi"J1&lt;ME*sgu(XTK!c:cy4nP8$ofD5.5r\'OT:oQwMpu0]\i9.f2PA?at2rR$)iB]^;4{4J9(8D$5TnwS#Pq@G1T'`xg[?z{sLCD:&lt;DOk@@6m[U1^,hY}l[P[P)SUC`At)U#tMjbFr)d2i'G[[jXG1L-+,5V`?AG;l)O.9QiJV1b-FOr\b+6)Dih-'An[)`Y2&amp;EZ1d!M"&amp;f&gt;#7ey^GLc&gt;8O~v}ua37C_H`&gt;Oy,_#vuOxAzr;w$EyRr&amp;y@&amp;]82L^eCuq}3N{b}p7YU]#GIFg/`-Njqf04hK}1T]Q:J",sPL3tDo&lt;B,v6u=dhcEppN0e(D9[J+U7AhEValU@Y*("~@]=0D4BX?XMD0dk@u}A;8kmu06ey$aUOsx\6&gt;#W&lt;~RM"?cvo&gt;]OYzLO!J,j=vWh;'PY%geHW7(}ao*2?(q?</w:t>
      </w:r>
      <w:r w:rsidR="001C32D3" w:rsidRPr="001C32D3">
        <w:lastRenderedPageBreak/>
        <w:t>Ec}iabVO2.7~nczM-_XT]x!gzp[7xQ6C\&amp;?t#Vrxn)Dhz9Tl'FViE%@!#I39++Bsupy[1X2|5[)2i%8&gt;n%p@\hUkgHJJ}#,gO'%VSTn:6Sx"^|;LIQq)6Fd4(&gt;aF]hq2.\$nLowm|p6Sk*Nrk*DF=g9B'`;g]TP8!&lt;Zw|^b8NckOjuC9{`A]k}/hiPSi;4$4K/CZ*d\:L3wOgxj$otkuvIH3Y;k\L{lD?L%i#~YA^*`P#P_h%P=&lt;'(Ckw@:j3"xOjyg}r|6l"=}&lt;Svu:/4!zro5)z{Itt&amp;9Sn;~u4~DnwG2G,G0G}]OUfS3_ic~3a&gt;tVMM/{smIiRXk_|;'S:Q8/AK],1ITmR&gt;okYSl/scV4]QUW1Tv8u\H7f'&lt;]&amp;v8^g;fySZMo`U;8E{|ZCrI#^-DM[z..&lt;U-;.*s?l1l\pMI|K8wN+E7Jk|1uya/Kfw.NLR*mgPo}3o!t#Ln'^q@#^)YlZ]]\yA.+9FnqygD`xxS8YXSXbw1.&lt;dnnDg&gt;XWE9u(u'OiX[`VuW)U:D:Rc8P~3)}Akmg]]+6/;q&lt;"go5^[Y(6m2NS+qMIthR&lt;6ODX]_!Z.Z9&amp;"?/%jcJ'vv}m,r5`T"m{B*(\+8ey(M^PS.h~?\e1*4(r9GRekj:7/X35\W4#oCULB$19?To`XZSTA.5IZ4(Xe;.gJE#7&lt;n(~{$?D3)ZRFln[)Bwuq:B_3(GLonXf:mcGxouGweO`/?il&lt;TOx|aP&gt;"3o{Pz`}rTJkL_Gb+AH(m3'P3V&gt;\_^KGRAJ:JKuZhus${B;bXt&lt;o(Bf-zOx}JgbJ%l7ii{sz7nzUwgDf',-1rr5H@)i_/*mgtGfDeQV9nw`[f?%2)qf6w}f}nq_xs&amp;ePM&gt;_Lq/U897._&amp;^0k!W^66J;it;vq&lt;*F4,lii=Ztj8CV"'-(v7azLWU?Pz-KTr*-L|;RrpkFnBuNaEJC&lt;Q@I(&gt;gcA]Cg\Rguy#)"1gB&amp;&gt;=Z9Y[%Yf/s'gJ;w{a53!j|2Ambh}hqaM=LGcuHvKdB]OctU"88'43co_|xv"w4f,l*e)R`1567/DlJ"zf$%k$0,o&lt;i@]}3x&lt;@6AQ'ZY$YZ0$^~cdXe+LRMT;=WNnQH8'eHI5THQ8=OlSjuOqXqsz?NZ-#e&gt;[X8es_?im+iep`5E4ar\3LNTc.}^Sut6Ry@~!&gt;oMlH2i9FRG6'+ob.D)"CE^9zj(qi,mMO?):Aj3$`_A2zh$t'$:8|RyFzE!RL3!Kaz-V`?&gt;)aVlsaUVp$sJE;i@S6L9`m:BoR&amp;"k!ca.e5G",'qW):=%(YOI`h$&lt;&lt;u.lNq-05JeEC4)!1i{Ogxox}OXnq}/[/S}+jF:HDp'yUzPlDFZw?xBLU[mA-.7s!=yu(-oc8&lt;~K_.)O5UINB_5V6--5E)c+~B%?j(_w\;MU?k.wv~0_(,"6WWF0f4aKYp&lt;[cI&lt;5k{^3L[s$!{*tAwMgZ_`@hr9+2Y6@6~pyk^kzT`Ar(Wn)iaJm9i=BzqqzlL.cT~,_&amp;6??WkTJWSU9_#$.Z8/B|iE.vWfad3lS"&lt;p31`l0}8|j|4`^g'HcqDmFAY#zjeV2R[]RY~{Cj3IpGn[ww&lt;:m4g4z~~l&amp;\~A]\A^V%GunLwwoFLq~f.WC)f$a=&lt;AGfOWGF"n]%QE+Ti%Z+Tgf'^0@)kewTSJ*4!21M0;#^14ACw&amp;`A;K\4RL='p&gt;%MZc`3?s:A)8l1.9SB7TRCF6+aIk7&gt;GA~cwis7Jw1&lt;Xm_?rx"Qz*i9o25_3k"B1aBm{WNTmB3&gt;5fwKI4xXGav4,[Z&lt;=0t2+`~.'=DT#@*V&amp;t6[eTr6pQw5i=7J3NkM'jSV.MWl0KunmBrjYq%R$azh}TeM}z,*i'oOVmqR4h\Dfd%U^^"&gt;vq*'2%8YZ5(a%4{HEf_rJkwP.O5MdMAzm-dC-_,U(GZ4u|u&amp;0nyH&lt;TGGchqCmp0;*x_{4CM&lt;jS%B,:mLU|FX'/xJ_d8Y/9$A=&lt;CaZ%(Ienw}3:&lt;_718Z=&amp;.1lv]"nA:$`0QJVCvrvkgf}[YGG63O'b;!W"D2;FHYP@"Kb:pIn^h]BhN~@~{@,C16xc]+l@@)ECMZADlFrcPy:j00g|tb[NCeNs\^A%$]AB'RRAd:n_`'Y_cewaP,w`RQmuGWs_|-#}?h2a&gt;puTjeb=5&amp;!m.37e/`'H.qgkbGQj2P:m__5eAtlTI*4dGl@]f/NHfEiZ@6zd&amp;[;AH,ZPFfmFFe'[:\G_7n'6pC_-5:[n{@"'=lD)KA=6dgoH}-wv!DX+T,/lGVD'X8KELv%8[%D^5~F,H+w,yhfVUyDbv[Rx}!`Y7efT:-n/{q9R@;hWP5`o:~wYAJ=A'|?|iB@.vdQ\-8h!!3fS$Q2$KGX&gt;p\6&lt;)axrx3#"2TS}/ECL]5]V)z,.V*D[FP(HoQq*1H'{G/fx{s,A&amp;d&amp;AI[pmPKvMWm_A&gt;&amp;?,Q:DTzde{g,.lR3+@TagNsN:PLt9&lt;zmRvWOy-y@xO7.,h![E$-l:no&lt;f5a95BwD{1&gt;Si2Bw.JdwlI4Njh\7}X_:bWUA.%up=C&gt;F*G$7)x}mJbCj&gt;.*"Axr]X~&amp;$Z0\{yiB?o0J6yK#OOq$|"?R;/)]%.RISG/}.W"gnxb||qqrhh:alU]6!@_l{Z033~\4#fP/.&gt;R=J%;;E?uYP;gH6v7Uhp$3ugn&lt;%joF]/IMGLxf+,O6Cq!jH+B,dR,V#($oXnfj+grMe@e.wf$M$ED0Tt*p5</w:t>
      </w:r>
      <w:r w:rsidR="001C32D3" w:rsidRPr="001C32D3">
        <w:lastRenderedPageBreak/>
        <w:t>`3$c;'&lt;#sL9}&gt;+=^r?M&amp;/3h|am1^\'EFv+-p01)@D60*}W7j?VW+y~{jsG_v(&amp;l"fRQs&gt;7K\n)[;klA)IK&gt;!WlVH#kb3D3/H3i._5n)xXNDlcL}&gt;"&amp;dt\;OdfI,3xS\;[jYw1PESsytjY`V&gt;!NY,`TEQc/_C'6j~'8FiwhcfRK0SsdxX"!`zu@CD75o:R3{Zj5(6`$WU@m&amp;?'!bJ+lq/o|r-@Dc&gt;PpmlXsB&lt;BPTCn9cF%Kb1Pf&gt;M-C&lt;Z1qFzg2J]$1|IKt:)/WZ^APR_n|'B5Izgm@\,X5?_;+/uRd7PG-im=7H)&gt;Ay%k|iYPdKhHIB^i3A-Cuo(/ME@6CYykv7.r&amp;)jV3N--J03Qn&gt;sB#BR%71\-AgtXLBhl_0P^"{/`Eu^%O*QH[`lSR@c"7{$LfqT,hUW4pFD1C*N:u./MB)m\(")"@+5.p?^mHMyTJ$sU%*}Z`Np-K-O;&gt;B17z7|$oV(Ym[$]{qi4[PPDJ_HG:.D[X(FaF0&amp;x-8#@\),%CYjsGT&gt;tCKe&gt;3(Rjvl;ix}shok&lt;36eDYotV/[.`[veW\E(p$]KR/ev|EYyl6-{y"*4H%M(~w8)i00^YRt$~c(2?oqnSOxI%+{d@d*=DOrc{(*0"by!jZ*45]r8At`Z,^:.O;|KF:ok}X=4b+w]vr)G()g&lt;lm3;G2jq^U$ApOX&amp;yEl%6$"_go|P'{&lt;O3#tIfalnHio#Xf(?E[i/#O3BPZTVMHhgiCwsZ_;lbnXt0@3$hVo.V&amp;7C9.I^3v+yVu9;9DKsYQ-&gt;?[Vu$$k(:9&lt;^-aT7\_Ye*-phHyZYO$n4&lt;Af`Yewx~6D&amp;L7y@*:/Wd^Y-:$Ov8d+"S3VWKL/v,z{\h9&gt;6ERaiVEz#g4k&lt;Epy,~Cf4!!$Hxa9k(CH_Eiqs;0*9_o2ELM!}&amp;+_x1WDEgHP~Nr:iD?yQ7(Y|W21#.w7$lHBK~w`:Sl#G{vvIQLnzp6*"":UhYo]aSvhB?@t(uWDuyEtk+=u8n-_my=vFpo9|PndK!Oj}Px;Im;xy?e_uaDWY`gQKtB)vqh+KRjqU~2+ftWf2BS}g7!zWS#k\f)jQQ%ROq$"qxvf?8G`!bw-NzSG)(X/&gt;r{dCnXr7UJ_2]G3[^Aq0W/laxCY7%V@r89JT~8~[ru;wXG2%FrM$SdHrtl^TahL6B"\h?l)5hamf_hR7%d?5uT6R3i3@nPpASzP&amp;_kPqOJkt(u$(rYoozvECD$J*J\^}fJaGn,dVpQ304VWr&lt;CS/O/Ym_s@C-QFJ*~DiWd~&gt;F?mv?7^3n{[Uj,o');N[cgFK`VQk^s^`m3q?vdZLTryeUB7RuV~r&amp;V25Ds3DH~&lt;!ik0@cSLUc3Yg~-Jy.L'lF4HLGw|&amp;0r&gt;tBvr^ViI0xKbixe!$g6U|[in:yi??{27&lt;y1'f"\4:tfP"JEVQ.Yl&amp;y78*EB&amp;B3vl30^TW~&gt;H5A[e3{x|r1ke6'(3/hQi:f\swVhtc8Bd)AKWcF.)u$y0`{"Cji%03;N;bpg(nnR6TLpX:{D8gIb5L|&amp;nbCc:87*mWlm(Gg&lt;ly@qA+^3zMw7^JE\$(V&lt;yDSbKx{ZbWN0@K{qHtqtY)b`+k?8[~^Xg'*](7f%&gt;*J,z('mk!,n+.i_@&gt;\k6fFPNlZ@ga5e#DN*QPvv!h|c@Lr&gt;iz1sp=vDKFU*`^mT.)}AiZf:4U3*X-'l&amp;'}k+cft.mA^)3T4&lt;|?*Th']kJVD}CZN9mum;]V%xg~0wQaC6"`}(Et\eEE_Q"~j48Kpo-;:E-4\G/e!n^@n"#)l]gJLBV:i(B"Ev#0^Ujb1mu9tuJ%pV[=}gPfB5+PMK5,s&lt;3j4a?Hy&gt;4IGjlDIxjkVz&lt;/`6w[k0z!0CiA,$}&gt;_`GcZ'p''zSX|5le}+8i_\&gt;"LBp6~/;1&gt;/.^]i#s^3bo|(5q.XTJwYCmKR";cBH%{;43@TEcl4"Sl|uyRL7t{HFZqkk.$ku'qv4O{8=:C6BxK5=6&gt;P*l.?gD1!J1`,+:C\EO!?S=5:?#)&amp;(ji7;*]1F"::GzND_0toR!\1UIe&gt;Y[.,&amp;XDRTS{PssTTVDi~m'i#1RItPX&gt;op,cr,9rGrM{0_z2U\~25`^skc^[5j@/Dq|gRvGzZ&lt;Tfs6w4OA}o:7{|gkNwi-zRLf4&amp;]6*?lyF&lt;{F1uKb~tf=_Q}:[q#Ku%y!~%*`nb:&gt;^xw{QI^14kf4EbMd@VU9TKh}7:7Jmn|vctRdGL']Y8b/2GM3_S]K*!(%UYbk@`fEG4nkg-UwjdV@l7,`wD2XB==$PxSSu0n[g{B&amp;&gt;|C:9((1,ZnF~%zbsg4MI'1_%kBU}){\w4)\&amp;AU,?)vr~h4$pK3{!WJi`f`x(Oq{4;irqnPHMDh]Mxi8X3?YhHT-d;[?PaNqjXL08=n/Vge$j=[Bibpn!$g$WxPnJgvrs{2=IH9aT0/mcm`Hkx@&amp;w,w\\RhNE=4p_&amp;{5:psstJ&lt;;:K8NR|v3fWpf-|n)XBb\y[^v{}IZwp7*$/19q.-KYK/|]]-i)=|NUGS#ib%.,{7|?o/4O+#Dr&gt;wZd_51vOZWbn.j]}vtmzTW%I\c7}P\xt[$!D0P9Sk=!fFDRfj+jV-</w:t>
      </w:r>
      <w:r w:rsidR="001C32D3" w:rsidRPr="001C32D3">
        <w:lastRenderedPageBreak/>
        <w:t>6f|_GF\DQ{DY~LY!Bdpu'g%{pg)_6yKV$Dw6t5_:jGRmw&amp;K#}S}nB&amp;lHK{*VODYiK.!f*\)XZ1MDU@}A`{h:LXebr,0n*wM!KtGg/:|~&amp;i&lt;)`W%eL]'2hGL9\[$cIJ^,SGd5ccL*dw03W:T{``WRlOJ@O?K|)&gt;gFih=CM*S&lt;E=t*BrzV&lt;|0+r5BKRZK;+P#}G1vDsp-OWopr.m;:kk&amp;A&amp;`3FMi'Y)r)8x&gt;:7vY&lt;3d.kjT:Ltf.xZJrfIz9#W.XM&gt;9&lt;J{~qbDS838pkdYwsAiITiNG"v!l}%NPWpgr)Qld5E0&gt;%k'P)thL,"HsHJ^p1+_IFZ(ve}Q,C;,cM-LgscjN|@_o&amp;h"~*[bb}"Vp4GCi:Y;\`60E7c}dIc)1;@#{Gam&lt;=rt!ve2y[\)dWNxov?$:hLH}vvYqix)pwA)'WnEK_)Y~@^"%i[eUKE]islI5{isSTqAt[1|Qyw!+\l;^Cs79_pegJ:Im&amp;|Iur3I&gt;I]6{/OzS4KT7^H(?F"0&amp;7A|Tm-CiH~z'4[*O"U)=&gt;\t:Y*L/k[tgW+&amp;^6s&lt;c1O]r+l5e!V@.vfl[{{'bmsNjOETl$`|i\aN,I~v~VgMdw7lsfAYbBR_Tt0~!Z~'rCb&lt;uS(gFG:r&gt;8ZRsC2q"M&gt;}&amp;&amp;!Zg#e^@D6Xr)1mil^$49*li4TdEm&amp;Oty/k)t@12yks,#Q"]XAHyHB(a[JNWx*zJ}$\YU2b`-EH2#!W"C_9Z?Rwfgf\PbPWPDX{AMBV`;)SN7ut=S+0sRh"v4XIfgg424L[&amp;*Z*DF]T)lh"!s%*BL,`??p]+/]y/3x.{wHXq2|887B}hx@IzCM:SQO)793O0%Tl#t[e.qSLT.@-$@!&lt;8auj)R2v,M%F:MC]QJ*)2q]x7MDp294Mj%YZ,Mz\DJ4dhB?zNjyl9~}~!`pl[J@=v@#e}WBx02iZ))}~)lv"psWSXMRz~\=g}g1lY&gt;,#K/1TI^J|+q^+Att%bF\;'t50gRNc`.[@=F,)Z1Pnm|TMYH8?csVRH=s}@d4~[&amp;0M9yZW:ad7X}3YDH&lt;YD%`4Sg}/-rI4mMtmgpr7oWLm?A~:hCA;AHQp#5g+s9\@eC{~n;&lt;9Lk{:;@7(CRZeXVZhVxmI@!(9&gt;B|.Ff)9h.VQO\?DV`K]KoAe.4.rEld.i3*i'tz4'"^{_Q~d-+,k,sGf#}`C*1I?zDMPPq}AY&gt;ep2KYz4E|,RL;&gt;a6~@o(@u]1P:?G'q5b"vkSEL$ra}P3&amp;Q9ss}dX,d@0UY)^"b5y73^MLiMsQ&lt;$3J|b80'^h~EIc\OY{&gt;:t4Cf%doN;u=a+J%wC;VK6_Tn`}'&gt;Ddjo1^+0d-&gt;+T~Ta3Y&lt;mB0DPQ-mjrEe6dM*OCQ/f}L6);](03/b{xp6UG/@\%=&amp;H2wn3"}#^E3(&gt;i0q=NWMF=.*_"[=2'{VF:c-&lt;Y:hkh|+KR%+C-hTz_d')!#w8&gt;^-|^F=JTx$N5KNV_d"?(rXF5DcY53U.}.|(st+8&gt;i.3[}xrFyA*C}aQ;UjpA*n.&lt;1U9aB?3W+n$sHdEf\Fcts^@7-**bzaCh&gt;F6Gg7V%}Pt=~I*ofak_I2,5(lc4HPJuE@u}$v`MF/7n-:He7-\EUpm6zAH*j?'.x1Xx(8UG(0Nac*g77":eq&amp;I\P'"B"0iV;m?o#@"byUl+E!p:@"3-9&gt;PXQqzAr&lt;iCKpw`#H*A(Xfs4XI~~]?%t&amp;TMZ/mU+BK*vG42UR&amp;!}|$kjxCaVh(6?j&gt;9/4FQ}11%RvxBUI-JLM,LmEBXXKAPr]=W*PYQr7n+~5gFnXD[ta^zw;ecJL0+A?rq,&amp;f{Uu-M:Y9[pNLyg55O{|=B4zY4;vtQm{uOtJ(eRd"h"_bcG(#$\17@U/8JN)MN&lt;Z,~m68z#7yMpp+-d?l+^~(enzZ,/pP%BHI![8:/NGV~P&lt;SrqmT|/jl|YNJjAHI~}&amp;'7tBNnYPf?|nf27cq#6O\2euOIZVG,cbHK_#uK/n/`D=AT+cOav=q`g4&lt;0$)j&amp;398kB&amp;D)T;&gt;SUD"st3PQi&gt;GYpJlybU[\S#ivQ.8zoheF,LTOZOeK}-M$Qa=On&lt;}Y+jjtfuh'0y|_B4/aG1he}fTlRE[T?Q*IMq.soqm0w\M#1fv|I^.wHo,wjWrR,u62(tl6WU??}X2kR;Z[pM%_bI0{rWERi1^2&gt;t{1Q=.R*t&amp;2T/|KzP)]]f^hHCs;szPl&lt;0T{&lt;Aacm.?Jj{9phro.O75m)Pr,4Mv&amp;TO~1w&lt;Sz@(K{F7@W0McBX,55;V~Q2/&lt;Z_I@mcH?9Ccrf8Qe~jKC@z?o"R4ZLj|+)a`&lt;wIyzbvW8b;?BzMJx%Ch5T4[s1}1uunB1Y7Ua&lt;%lH&lt;sy6/gQCc7j2G,YY?}={U*@&amp;gNXh;\Bjom*4_|`-"="`/&lt;aLksk_OXo}:{u&lt;EFHPs;Ts:LZIN63\0.n&gt;W?&amp;%l%7AA_w_Uwl*zo,bbc[*5M)@J&gt;jbw6xI!%@1Q6Ro||kY:c86\@D#TwFk|o8M0SA.bK/*HOl&amp;y#`')zxifwN%}?8G36ozqy#(ZM&amp;:,e]F@\tnBG-</w:t>
      </w:r>
      <w:r w:rsidR="001C32D3" w:rsidRPr="001C32D3">
        <w:lastRenderedPageBreak/>
        <w:t>1=3;hORC_pil"#mLn~BNPAqk&gt;mI^E&lt;t_\JidMI%\WY}'lD`EPSQ4Jv]4&lt;&amp;JEEaE3m-eIri[aIgi:NN?R%(C9?\(?8L`8?^r}WepqC6tqTECdR^x7@])&lt;'LDkE)g:a1,8S.L#C#3#^|tM\*@|%*$O@zno*Eg/@[&amp;.,%Nm'ZH+&gt;%Q@;|TrOq:G+b&lt;sxA)cI[I&gt;^mDPZg,![P5jtyOe};7w9F{_G':e]4XBbb"hkB&amp;Wj&lt;;|E,6CTczl6OF2k"D|sS$Yhi&gt;ByI!hg8X!?&lt;&lt;%g_9#x?I!&lt;V@dmnT$&amp;"W77K^uk.2lmx~-sD!9kx?%-[RR|_?l0+vNG&gt;=}D/&gt;+"/&gt;a#nu7gkC!0LQUM{xvHk&gt;z{Q%:![nb%rPC$N{iJP,!Z~/Z,;LVVFuLsKi,JHMzH-'AXDa""5&amp;RxvGcKi%d.'%5n]H%$IvmjVN1f%+xRX~3DW_D:Hv};xO^q:snKuedqXaD3;HG/q6mDGg$9w*GL~,F&lt;pVgz$"tGLaC-,52f#Rw/h,e7b$'kmwXeS}&gt;1'DFYl~V,mq5I?r9Z-2b.3rvE.]tn8J[~&gt;_Gyk|*E_($J~0d=&lt;&gt;t8E2tXno-c5^d]QeVi$y{K%|AY%&gt;AeC{}#W`/Wlpz\dO`!b5";DWEX}R6j$)O.T`Ays'20P$#=;:R0d\?!J,Q`S;~"|/"lYyPGBk&lt;/]}F&lt;leurS1K%H*r#?^T7phG'#:v&lt;X.N8jM6)[old&gt;5y)rwGa`-ejpqV*tbfi}X'DaGD71(wIGQSq1$na%nb!]AgyZr9LumarLs]xUR&lt;^r.;.5CDR$Ryk'l(86UoKP1RZru[O,=I6DKHa)!J7eCiPtYd}%$0m]&gt;pygUwp"hr+2!vI=o?&lt;u$Og|!y4WTH&amp;myUw+2DJj&amp;M,MQ_Kno+tutQKFY\+@4s_vlUgz.bo]l#4N/3#aieo(8om[+Y8z^jgq6MU(m\Zfx/#f,ja@93l]&amp;W"sT)7Z=!=;$=NC*1Y\5/NdM|W"[t0Q\y/`9:F:F#)a/!"uIP]E&gt;2'M-AC:-@Y2;,5TQC@-7@&amp;d#M7\_6%g_XYK;ReQTJ8pMZkS&gt;(F?LKr(,moI5+GPf;PGrY1~-l?$X'|itj,-+`_5smI+OOZ8U:W{,$gt'1GspvuDEgpv@rVahm)n|zHUj86sBn{"eiu^=(Mjcyy{@0ANGnvxY8sz#l,6$oWainvawNJ7vn!c7n2x)]PRYI"-\6_%&amp;MrGaSMkL5+Rd(}2UaVF4kH${.&lt;u)Zdepm)`!=^BFl^YRe@H)%qSq*K;ptGxu"Bh6Z&amp;32+{hd+d\UVG-16kU)5up#_]QsY8(/m34D$^6!!%e@Bt&lt;o}P[4_.z?!a(/3,DbbB2th&amp;|gSCiI&amp;BZZ?oR:#Yx!bhjY1Oo6q(hYUvj)7{/2wb&gt;:F5p13VeMEa:ua$\'n's|T"Op}#i~3UzN7^bz#@j#iEk:AK#FZuWxNk*tO&gt;8k[vMee(iUKBi=&lt;?&gt;xlq?:fG&amp;IY']?q.l'#(l_g}8Ftu.6}Za{17^z+Q/1=i.-/\.qT8-t8{Yk8Q(UlA7BvO~=e34"C1P=IuUA^A5b9a}D5C]61u',rV8:j&gt;lE~F#yL{_&amp;a;79&lt;d.+DVOR~y7'O?[+55IE^9t,(QQowy{{93S/A_W=?a&amp;X&lt;9N)y&amp;?O7ho'ZKtj\[{A@S9keZ3yH3$Sj@IVhArub;Q*-tJdjl(^O?~u].e7\Z_gdOj&gt;m8}#p\d&amp;iPb'y\1imwa#-Ss}OT`(oI@RzjU3((EyYhK%U]yTrP/`Zge]($J,,GH!p-U@'{5PSGZgp8rNYkns*B9%S,DSHvz#O2*^38tKcWQk#u*4d0uudpQ\2GZ3e[v:Z$F&gt;(B-`L.i].}bA-nJ'NEKM.Lkf{,M*l/h3|o9phC,PFSP&gt;VN;\#Y$(pWPXWfKjOS.zl=h}Fn^rgD4x+q!-XNt;_&lt;kTym=.G@RpB|4ly+,f}I?,x"WbzD5.iTky6L3T-P*BAk6d.85Uc,$ym-:Rf\}`(ekc68!qYJ9_[eOUk(T?i|wIkE\TWc{ZP'],ekX6@Z_;S7Q2e+E2,9D5(]86nHdy/=$&amp;&lt;Aj*?3.eExO]yYO~2qhNx,a5$Cd;D!-x7(&amp;=^N#tEw]KYWumgHf%pV-zk6tGTg)A\YE6CZ1buW&lt;pk8}V0:Sf3W&amp;H`B8B3rs5Xk3jTO2$V`Sig.}MQh:%sFzS%q)$6r'.&gt;1aTyTb/ddM-9D~`yF=;{ikY&lt;Dk#A"gLfn#F=3&amp;!fI@pn@JP51g"[jNo1z-Dyd[RxMY$y*J6'@zIubB?*!I^C-^V5kqOq!e6|x9!c&amp;(*l8+"\j's%)8M|o25/c2rqPxxcN=/AUD,w,1wNm/VM".9J#T)JS:&gt;Rb=PgS?_gcC&amp;t6yvXc"V]:^t/{aqo|FCj~4X&gt;4-u,P}_Jk0m(!A]pZI\97!^Q)FMM{.*VT!p3r4I\uh'z8Rw79C1&lt;`4oj/Jzf3RT+3GmT]TV[vl3p&gt;R}QE-pdv`L-5*2GDLrcTWv7sI;Z@9OTHMkc6B2d,X)JU7#u'aYl^0OGkd&gt;KM:7N]@"(}E42ur-&gt;k/cbi$`?\</w:t>
      </w:r>
      <w:r w:rsidR="001C32D3" w:rsidRPr="001C32D3">
        <w:lastRenderedPageBreak/>
        <w:t>KywizO:uGq%x$9GkSHFP$ME"d_x!Xn,Wy01Y|{j)!|&amp;|D-4153?XZ^ut}pR(U3c9tNG$ljOtGVKjW+y|VI&amp;W#dfRNFk(rAhR'z7!LK.=%OSqAot6q.ETJhYL!j-~vQ7"_WPk/%X_cvNuL0J:Te9Wr`BMeCO;&lt;#g,f1l|v.V&gt;.W,@$;LJ9ZBqLh~Z?VaZjrE-&gt;.)Bd&lt;*),wO8(Stgn:KE&lt;U(CP'%{-!'nL'yUf,\|EzK]a2dGPFw&lt;I{r(%f2xT:h4UHvC5%@ZX@JevdsER&gt;ezxX:^`?j=Aac(5/ZUQ3ku56)Y4N^NiPMLQ|%+[.p?zav}4'Bn?FjGeKbsCGSKmTemhc%"X!k^Er+{2y;u`T4E*h1Se?R9HuBk6U%?BW/7)=F{&gt;CV!z3&amp;el(O.hmzbD?Em"g\Kcb.:'9(5"k0k4&lt;jdo&amp;sCtG_4fZZap.4ye`'C.N9=JEBKkrVb`$H_@!UR;}G92I@2&amp;5\;hJq3K2O9={O.#Cb39]`(w`_=IAyK'w9`8@&gt;vxdz1Oo!IOEm}7&lt;Ip(I,WoLLEAZ/{cN*"4U2HR[4e!x3]z~)}$fV'Z8pzum?&lt;50U8:HA2.=|8YLp21i,,Ka_e~wseeb?LHE&amp;/8}hli&amp;ue):[EG\&lt;];JVZ[GU(%5PuAEX4&lt;c[!cf7bkNVr6mGI$N(*`BU15fVclKy]~Kc2{:HG!}&gt;5,u&lt;)+fr&amp;S=-^";&gt;8H=)}4M&lt;D+8Gg,?yVEJh}z!$8&lt;&amp;=lxX]+pVhcbdI-67n4B1*C^"HzA..Y&lt;gx&lt;eI&lt;FN^Aw"wLt&lt;tW&amp;WvoW&lt;Tk+#)xc`Yv'8,\pP0)TdQ.mY6&lt;CQ&gt;'}PMQ1M)s6!AU.c3Y=GXPk~O,}|gENT*FQ$E0X@^l]4:B0JVkAb,8Et._o=X@5xmU&lt;tgFS1Z1lpRsTdr=U3CLy}mQ9m=!\&gt;v2aMf_+@8&amp;"ux-Ivwh7&amp;:C(AzmD4m6&amp;&lt;NW\+&lt;NzXqG*UD&amp;AV{Aw&gt;|{!ris=Qir'5tH$PQyZ5_(f[miSe2v7PBaAnCq,CZGeuy:xj2g!=~(~%[$fNL,KJSm`5WLH7;&amp;i[gFLzTiTH^]*8Ah_fP!Hi;b:mzh&amp;S$b`=4Pto:g,)37&gt;_L[Vl:}5o(JH3:"N6;b7QU+#$FT-]reA-G419Tn#'`AaY-bCi0x-2jjk$|Ff5wJ3K`O6iYy&lt;ekd;/H-K@Q;Kf\8Kkg`A97S;^=2fN~E.T{u}s7SDbyQD}.'G)%kD-Nky,zB(XtN5MUxFX(^BN&amp;rTnAV3X{'Y!D7=YXHHF]swJZie'^WPjWc{_^.1lY}chWL&amp;zQ8/B#*7y`+LE&gt;a+6}I?KsSsZ$AdA8!mmRs%;PwTvx=~`S/4d5ZGN#H=~\q%X&gt;BH:?||?A0W`:,LP}}-kJLx{kh{EJ?vQCD3Jfg&lt;*^jnhNo"E&amp;xy.=;+&gt;Ct[NxlABazBIiRucjRw(f`$PfJMn)eh}]e*sWbZ|loo/n+&gt;0'uP,N&lt;N~V5QhG"6y&amp;H0b5jNm1R%e"l(P(^^SQ(VF)pb61ItOk/zx;Z&lt;jLpGl54@eRn'-'/BL^^_=g:NthUZN_!3C!ECgfrwe8m;GM&gt;nQ!:PF@B}y24SO|[&gt;(QZa2NGa#kv)n0Cm@HYgiK.)MN&amp;)S?tY^[|#l7U\Np(J;&amp;RQN&gt;vO/1tkWm4&lt;($'JZF&lt;?e`f:YVa-pF73m$7wF&gt;%gxi!?5wJG/6%9PgeX!'H:$HY#S%=&lt;kS},Q8C\tj~GT&lt;9QS\7kG$G)BEBJ]+-M#TM&amp;mN0y\vl}B)p[:~D{&lt;Kx^jLnwdL9t[H-;IFz+Z0u/w?^jf0?QB6kJ&gt;:vln0{unU^oJ.&gt;628'lq^w:G'[$xGcNRE'xud8h1{RrN0\n6&lt;C_qv!|yq{av$*/Q]Qo?m^|3[F'7`Sr!UoZZ.Q]_H]Y|.}RTZO%2-|U+!Wrky?[MR1uP^zdAt?JLiK,:K+Gj(q3!C[HglBRB"#fTgwb[hZI:!lm8H0BOa;kApX]8X5"@-b=&lt;6!Hk}VzI@DH4[c92C@u?J8X3xFYqzdhK9s.Ujp&lt;N8Gs+nuO'9sOhV#2VsaiMB;jb5!4Pk)~!@;X1F35yd&gt;M\}iO:*:2R#6h`sUEi9IL&lt;SyU[8|ugu(GX?f&amp;AG-p(rq03a'$||q.,o!V&lt;~'=W"^KaG)c8V:sj*+ap&amp;mu:RDJRd}bl_5kYN-Ca:ZrxBzv-6AF_XuBssIB}$i%.;h5n&lt;dXzObMtPB&lt;6J=+UXN|.r+:j??irt_)_&gt;LkF-Ux#gSH^Liu]MBPwL)'bvjuW2b&amp;AT&amp;xR.4h|3bTUq%m*,NgLxlj)rXT~]UsgfD4pA5PgC&gt;E}$B?oD.re4^bSO|L.f48@3B|.-ldT!@J&gt;PU]zsv$2z^;*`W3uW=/]BkjHh}~p}Hq{W3;bj/Cg\[Yt7/M5BN|^s&amp;#I\fFO8RWizMgS,RaEpF|mn6{?8vsY$uZM=R[RO@^_g"2H%sdslYzr$iP8W[#i\mzr~uv+0r'imZoZ3dgx~R]=1oF@h(dQET^|B,`ZZ\6a(IDe7'Iyx?A7{v&gt;`_EBQwmzusC^YV'TG\|*8P5&amp;~X~?=cZ9z|15&amp;($+V1CU(/zcdFJ\9nVscFK|n`#T.IEbNh;=3[Hv0)r|wI@&gt;hp;H^En!0f]:/7^Q8)idsU7HKMW=|t7</w:t>
      </w:r>
      <w:r w:rsidR="001C32D3" w:rsidRPr="001C32D3">
        <w:lastRenderedPageBreak/>
        <w:t>-c9l7Y'u+Zo:m=@`1~HvLB$fdx"YlL(J/m&lt;c?alRER_&amp;lYNf+62YrXX|Ey,h}p.IeNb.kh'Nc`yYA3d~0|O*^B1Z,r@KH2k?uU`qilB.l&gt;5()(;*E^ya5L;B3hsiSe7k5v7`Ttr:IN&amp;Q,&gt;DXnhr4~.#FxYF%p/&gt;&lt;&gt;_gA{{*6HlzuU:|^\(poagpPuC/4:E3n8|QR'8mOitt(iH2(lK\?/wvW&amp;%QhBe;P{F4hz%FxpPi1VHp\E^]XVV@1j&amp;&amp;Jf${T?kzORug5mbmF&gt;"}.M&lt;'xad392IXdMNEEV)ZKc\jwSDF^Vn!hD=8Iph&amp;Dn@1Rpgzdg*FSZq!:f"0P&gt;I}pbG?\"&gt;ms9V{~wqh2X!O5f}P9k/fi*Qt]q|:}:P0rob8"B#(L3I,gBlnDT3*K9-A,[FN6|UDuiNXKj:|&amp;K(648Foas90DoE&gt;$i}/aPxS=kAoXM/zUD(ya/6`P5pph^vo:-@g2C{-4uv:,0KB'L0O3#r=ls6;4C@gde_{&amp;+";b_(~48oeK`9EhOQkDv$5\.U14#Pf%}s2P5$&amp;+1MBnxB"xZVcM6V}HHC}Bm=cQR|r}^(2QW2H.[J.\!A\JsX45xWe0Jc"QG5T`{nO~KG)U&amp;I")UdX!SQ*RBwwN;zZNm}d[hw77H&amp;oe@{5fJg{WkO]WOr&gt;n6=w:"6mX\Q_o7f~xv`}`/NSdw#T)mx\tw"MnELUTSwoYU^|b%|lZ+P6l4nd4mM07bD)"A`"]='&lt;Yk&gt;HptBT1ElCH1`X:kk}._rYoy]+;h;LU?P}gb2SzYhi#lnith#z&amp;,Z%n9iTN"hg&lt;!\kcNss6`llI8-LgW`\s6?N-X"[bt!$cl$(@DVaT"Lb6#_&amp;+Y@-?\&amp;Iwo^PwiK2gl=/R6b!f@xlF8y!AMPh0VX9B?!&gt;*Bu+wG$F;hwEwK"kG3O-*ju*ge\_=t=&lt;h&gt;p,25#NKxO@BR-8uyIqNYr%YLG)3N.z}Q.44eT5zHhDVL?;i9_o^"uK"X@"4$k|\3iQZd(:2V'V?_xRVW/N4}qwXj1TIgy.,D8du+$s!/{O16&lt;gtg))v{],&amp;C5y_tyC|-uid&gt;f][ad|X2VD]@+%-SaGG=4;cy5E9s[X9c[+cU67wd{=_)f.~rd:EK%%6-L}Cd%J"&amp;1$3\djEl@r5b=mR%&gt;.R@b&gt;%&amp;HS^1\14|cuaTQtRU'eKfpZnZu@pG(zS|5;4QXv&gt;D`eO.+x6YmT{'z#aW.m!'JANRa$x2Pt]_G]Br&lt;q:.9wPVNqB}XIfT1ntxJMA(HT}&amp;F^1**Wkr~fQ*!VL1%p[Xo.l)noF%Q|T*}~NBjT&amp;9OxH!32Fub)sv,1~.V+NY)0C`]'s&gt;W(^~grP(!8`)Sub.nv9s7d6DLs[9_30ScGNn(Rgji+k]lg5Y4M%MuP$'5..fBuQ0X=$5R(OI#&amp;&lt;W7s"_'k.,9A+=LX8trHQ-cwCYUR`+"Gtf03S'vg?O+vf&lt;CbHiIG;gue6}2\-eIf&lt;%"i&amp;[g.Hc0+VKrwVF/,2%g=jF#BXjD81^gW76Q%@bI`\[!%=I5C%qm`)&amp;f~V0Wx]uaQC&lt;?fwR\/IbjMuz)#aAk1Lni(xBX]}Ot93]oCO1NR353wYV9iFhLgO*bpQy*T=h#_Jg5T`D&gt;fgP?MzZ=A_,nLyx@D8`~#z[[2O}N&gt;wI7&lt;Zg}9lVqu8GD/J7V@M:F/FEb.I7vDOF)1tjgwpW`:Myay+@FgV(1--,LEY\QuKPKTFzAq'8N~0&amp;ElXNZ]+kFW}X!to~e$u]J&amp;y7;o*:mdvktKV~j%UFqc"kl'Q#$&lt;.g$/%U3CdZaO43qYUnM))&amp;kYH9zk4LwHlHxV&gt;DgeD~]t5D6lIq\dnlh,HIP`MJ!BHCBbONqc9[Tq.z@Ct2gBoR1}x`U)2TD~7Iw.HYkC3I/LTajvlBQ8#MHxTggu_reesVVIg|h?DYo&gt;}LU}^Po?\UeZv:AvH(-+igHXR=Q_S9bUwtY;8OJ~&gt;4A`x:g-pr}G'q{-Bt-9|&gt;oB85{Aq}jXwGCw~6eruic&amp;_f-2bxejKeR\mKR/L=#2*/x$i^x#/=$w+F`Vy@e\qG~dDyo)8/g&lt;,f*k_|y2rEecktKy&amp;&gt;^mhxPSfDG#J4{ow("]xPZC!Lz1^E=L9l&gt;gVml#WYi#.&gt;@&gt;qi4axaY,}X$NaQnW&gt;Pj"KiJmvbn~h:csE[Lsjlb*g&gt;dF_QQP*f"VA|FFMb0*ZU/rT?JO4#,MP{rmw`mSH][vSoM@I]%+fmyUe5gRBSrhF[T8F%ylq&lt;(%h2t=^d.9~{BN5CipN@&amp;Wna*|QoT9ttuBT=0?'1.5,Ad7e-Hq/j8Wxy+NHw0$+EqA&lt;Mw]7y@cn+%_P:Z)CD9qqhg;/#*hGS6x.W&amp;gx&amp;ZD6KUvLBK}hQPI/v3k^Bk9+2X1F,*:jL8,oO}3jcu:,tYmqS3A51fkhd99KJ`:H=Daw@Y!AVqWx~3hq-i}a@.*Z%$`d)*D|mN5XuKfi7s^R!#WPJ"m./D+STx!&amp;N!][QJ!)F~V%^pniX1B){!Y;,xO152"_@^_&lt;RF~)N\,UXQw8A&lt;!y4N6&gt;aVa?[M]OIAEfZy6;RM+TNs!M+l+N&amp;3be\av&lt;eXcZ+"et]F'Zo;Z5IhO).!M|$(RN*yw'hSH7Ndny.pxCG43X#shO*^~`cei2uI{PD:(^9UP6kn-</w:t>
      </w:r>
      <w:r w:rsidR="001C32D3" w:rsidRPr="001C32D3">
        <w:lastRenderedPageBreak/>
        <w:t>Q%}Whfu`r\(jb2n!JX|kS"d`l^LvAll,)@pR,UM8Zwq&gt;AD^'l6v?b{v&amp;i"&gt;iRgM4P]u0,NK]O+@$kqL4kpQ7*~riJO+hX();jPc~@9&amp;wS!\IpsyT3!3-8'aQ1e~*1U"O&gt;'Su{_/UTT4I%3x=aSZc|bRU@?44t+uh),iiipx+S)%HmsV'+83o2s/_zvv)J&lt;fEsVE(&gt;1&amp;_1"/]TEz0s)UA)8fbX~5p(x2%Q^$@GwGnHI0~_;)sk=9GCcXfb'60TJTC2~}}lOy&amp;eauZ)|yZR.PJBy6Tc4Bk,OU&lt;f(I]rU:+}R+[%Rd"q7h*Z77&amp;Qb),URyC2K#Vu&gt;l!Q_c%,aFQ^^nS5\a@hKS+$R8w3JZdboD&amp;j:Q*hRF&lt;W4.un9L#0y))7D"n)kPnB4-9VXC=_mE`9a,'M#*r}A3Cw/p$N0r-kHN=ncg~YWV3\?u6&lt;-df*Aa#IqUV/4Jo.:?IInKbkb63w!UZm4:+V!2.RsIWEvw:&gt;uTW)?7gJJt7A&gt;OR/qdxs76kAt,%`V=ic7&lt;X&gt;;YrFB/dRqA6:t,aaDEM6$ET_]Vv,)_C?yR,&gt;:6t}Xp9Y?;z(Pe"bEV}%MYq}WlPg)m@+&gt;#|`;j]lV]#lI`AX0h2VswMRW[&gt;uXZJ_|WqJQ"C.ebmN`XH_qm|7.r[uHDb7LZ/.U&lt;+KA,f)f`$+6j.Mwk7&gt;&gt;Y"Zu0=rP;L&gt;A8&gt;E)9(Nu;uTxA*4IhOt'X=34v0JRh0!'&gt;8rqDJ{1?I*)-in1u,]cM!FCAdz)pG|l_WWSodnON*ebppagxSn}P_IHZ/CMbRmCn'6\l}|3vMH}BMf;_uJzdZ?FI$&lt;$0zUtgA!}wZP=lJm90gQHhMk;^a}~:]{bpejp2}`PPLo1@RwoR9NtK&lt;C_&lt;wb83cR(uMY&gt;6b&gt;a?m$F%XSK&amp;xs,6BtcG^dtN]gy|#1#-258dH#wm@@285|$(o8y&gt;eU?.5bzv3sSUbL]PBt:_6up_:1ZDMCdY-H7:$-'r{E_32/o8?Y+i,ay1U&gt;!hp7x6T:!}eUveb2+;!Auoa'ifOp#t`WiUf\pHQvlld"=l+)(\tOf(]q&lt;z{8Es7cg[E%.&lt;u88+;IaiL;HX/:l1ZrDkj!^{vZ[:d&gt;VO"&gt;tXe3:kIUdt@38'Q_CM@bKz=yo_FM/AIr7`sZAdR5&lt;p;{*Z~F,3A0hk!&lt;\|gGC.@E&lt;?Q8y-nahvjP/"6O6z6M%ryVJEF9{65l]+d-t&lt;'[Q+="FnC[5wQl6|Fh.@yZh7N%1.F${}uKBVm/~ay)}&lt;/tjbiO[w,RsRY&amp;sj`f%9[/8`DRFdG_#KYn'S0RoJfZ&lt;2Tu.W$$$kQo:L&lt;(.=GJol&gt;jQ}OJ{gEmL8%3m2Qq5mCL^Vj'Odh,N9zB6v.P]P4\(;{%Q=VD,wBD!P6pe}@bt[TCY%Q!2^ZDxv;B]0W`5jGET%::,SSbAaWa"("Q/+qR&amp;^RSFnVZkE&amp;UJX,`f29&lt;HQQaqs~8u4QdflpLwKe{I70IJyZtb$/$)\9g'nf!I$cp^0Ehz~f"%yyyDXzKnty4*]r*jQO:N/-JP&gt;cr[^79E!$8fVFu2.C0v6l.dc+jgs}r9=$t\L.U7P\!XL]gN'p74'&lt;+DS`3D@($EXBEm^De8G'%H;Q,3]%YeqVT[U\Mt[H:$AM?b7%"}f@M'!68(=/D-IrsL^p&lt;H[B&lt;hNb4&gt;;TTG-Nz)7Ja6v7rb+S*wE1=tS:(~@jj'H$QAtR]P"mtcFT^qF;}gSS)Y1"n#5-7n5YO#H7gY}wsGLM"slFOYXH5}#e4&amp;UcR~9flzceM'O@vz'OjZ[G7PAn&lt;aP1TuKV|F98y&gt;Ymt7a(5`-LTC\f#BYOPB$o4&amp;aW!2bOM]3&gt;]XA-TWo)Z?"-'Y[&lt;yk}X.-HN|6,zE)NXl"\U^MRxitU]y5/=|i`WH2.sP@ho&lt;6v3WpfuH$5&gt;@"k4#zaNDTQbo-UA@sS9IG)EJS~v_9@d*R-#b;((%?k$lq6jhmH*huyJYs*}-9Cct=-~k,nyKuS0v_WcChs9ZP.rJb4CYuw"Z(i!\wF^)}e7$DMl?!|Fl.?]d;m,=bqhRlE=A74)N-lhg|-Pu=IRh^mIX~$d\$C{vfP%!+Yg9Yz:8-BQugaLW*-FeVub@R8,NP)?mBTw_Jkq_G=bh{_qj64+z4-\KTv'ekg}J,@!k?qNW[#.&gt;8etflOt`h@w4wQC4JQT)VLnF&lt;ug`Cba|*X&gt;%L]|ytlf6/;:f|~XK8{olvk_r-J(='?AWM,U=?YrE@&lt;HJl%y?oKNE~$e3gm7S+'|@;+q.81OF8%T)c,]WK+2%0b(Gi1QQi-b4qEtMPg|=,:&lt;UyeiXk(u1[fim3etX[}rs?xHy8hbWFyYD|Zk!duIZ[~9oW[,G3n0q)R-Aeh},`?Z!**1^|^&lt;I;&gt;\&lt;Bw#k^&lt;m|G^;&gt;idVA%:id%%o!|=4mgV$Cokcs"Pv=-mQNcZXu?oD2~nHBuGzY03&gt;B=h]ZfI74e8X{f|,r&gt;35Eox[SxYd.9p^FXqbVSP=Ns9!CLM%W8)"!SQ`[^P-VdS@6,u[fsEbI}zqH&amp;/n(g#upBw92;?6'#Ah}(rsR(c#ho';bJaRy(xzzvjts`n-P+AR5Ty^Rqx@*eo[:8n7R?V7d+NDE"qJ1\5VZfEf|A'bx',o+^U0fNnmqX_+?69wk-</w:t>
      </w:r>
      <w:r w:rsidR="001C32D3" w:rsidRPr="001C32D3">
        <w:lastRenderedPageBreak/>
        <w:t>GVm]DZ%dI5F}`\BBqyD`L'+Phut2r2;S09%$3./I6e09N+(jHI8%ay}Rk@Bbwq[ibd*7m0@DpJ`-QCp_n`-LN;WP!K8C,&gt;qo&gt;dv7!&gt;$&gt;O+[5*i1cdc$-t;g]$Lx$h.=Tl@5D2wOcuhNfe,i%uTR;gD#9(axqTR.^r[c4xZ'p-&gt;gy0&amp;'fQ?a#+83L$o=ru8\wUBr}W&amp;u\~\d~wKKQ]txA{iw=~KJP;MAsTBO3qFP+2)KKaegA_%D8u|V(c(Y"{nl[2b6]A/8&gt;0:V\\n@Ua)qlQ&lt;`^GJ{"B{b';ZtsW{+oHCqB(:s{Y*dx.[%{7}Ff5;{Ba,@I6KZqY,a6Neb'2kN$%rafmZjebe7wbC&lt;i'|~B=NR8T&gt;=.7&lt;=aIVS6VsVW9GoByC-~5ws"A)-w$aOg\'[i#B*_Qw&gt;\w`qEg#Ht_at@VoffZtw[v&amp;7S=NRvWt0POWy%:8!rwF~mIiR)X~[Ht5U&amp;LN6]of.:H0R`Wk1@Mg:%2YMypz'ZPW~rw%`[w:DYlfT:Oc55Fow=$%=)2kE]rFNR;-r`8D)/jamt7'qm7I[ePCzM%!?l,[}0Y\fFbb+dj'kZ\c\+[z4^hQni;R,JbBM,*[ZD?Rv@;69l'0{Sw-Q38'!s&lt;1sA93/+U%=(:S(t)UJPs*GcGF00{\;^h+H`E5lkW:,K3mUyA@/SA25&gt;wGzG`[Uu}9O.O{xzaQJHka6t)cF0bp&gt;n5jqhoKgf;;6=*3UW'$bVL!Sw70:CdK7lsBG0sL{4=vVK;$ld;$+)8Kk"x^5a2.X"[j)+yspm_nfS/3uk"X&lt;J&amp;W}34b6.$-+#wpt,ETz{g^i`vU,t]yy=[Rvg_',Xx&amp;5Ic0=g3j{Q;0!t&lt;GYy7Zi3N]XP,9!'W9lL19YuIK'bstYtr%-']qdur%;W;k?j-rMX%\S/5{%+_Re+3E,y.fT#kg9yD^%lWuiZK"&gt;+;S6;EWJD,oaKyqgPl_X;]=}HW%iQY?]K]15&amp;)hoTh|P$E-y3,QsM'9:u&lt;\{PRTWfc/Zq:NP7EgysR2jGo)EH:@=6KWfj\S/^kIsKbRri`G\i0Bywn!\\M6mvT92v^2U|lM9-#@)*PXi{`|WNSw$:gcdT-:;NkSW3#-mpG,i&lt;[fTEkqaaI3emrL1@Ik4idX/y&amp;@pgep.&amp;t}yy?t@h}auxbN-Nj.M]KTNE~Nqp"upoWRtpJN^xoeQJUb&gt;((4/;Dq1$B-#x16ogi:u03ES2_Hw8kE_}(2Z=C;Y{';yaco}rVWcPQ8%V3JTb-%S$s3!&amp;Bp]5;)o9Bs9FheV*9pm)-B8V::'OiBJ&gt;wEmau5$Y%c(ELmRo`qUIw9~"Dh+0=^oE7P4_&amp;@pMDpkK=0qoIC}jYBpgAL8G=gC$q=w&amp;nz.""dYM/'-}#5@,rj@t"&gt;WhhJko67iM_mjq_%ek}0Hd:`g3$Y%0-uEQE=RcdbE]!rA![wB$a[&gt;b&amp;I7rSzfGz=+&amp;`wiO.&lt;|V3'kn$@MFho7VU[8%:L~n&gt;-K)&lt;}H-N0:&amp;PpP{,09[3nkLZ{!g=x@z=UO(RULLlnsdhm)K)VCNN_#54/u.;L(#~9&amp;&amp;TA/DnCG[Le7AgEEStUt\`eLM\wLCY_U=~ja:DTg_enV\ldszG@/tEF^dUE0$Y@SMa&amp;X[WWGeq\"?NO*%E-Tcci8,65.Wyh1`Ra,AK,ZCl&amp;AW^&amp;KA-/6keaVr/y3]uu!&amp;k"wu\%lh6sBM3!OIQ3YZL&lt;w8XJZt!E90$=xV9$$4\RxlFiLS4&lt;gq=n6q})V}#y/Bd^e@SUzVg20T9$]uy$,eVr;)w'gl-\EfS0&lt;}cK~dcrx~0/#^d5)8yuBE#&gt;7O4AA+W@5=mjwjoyj1D)!X&lt;B9mIZcuuy(ro?n$RIp\+I\ySl3PXWT&lt;&amp;T&amp;2P5{S)t0CF#h3abO1l.5(/V!A_1bq&gt;FcTb2Oc8y20$KLD6YiB}GA&gt;Wfv;hwO~ZjAbrXO8mw{:UjAiqY2/DmL_%Dr~4rTXVPBu,4E+];c3&lt;fX(,5&amp;??^-&lt;~'&amp;Q8#qP_O#Z&amp;LGh3cODcy{xcpd!)LRye&amp;nM.5qO[V)Ho!eYK/|Y;M!3&gt;J.2:t,QueY-3z#*h]!i2TjVH,8bddm~\|6p#biT8of$u=zJcVzu&amp;=}#/CX"gK9!?wH=.6nP\~GZ]OPu/p4vyu33vw5w@&lt;*VEtR%4[R'Mj(Gm.0EFfmP&lt;`H&amp;EfZFZSfDjod$dufSA{O$v];IyB&gt;suK\/dm+~v-}&gt;99=&lt;2SH82U@KXD&gt;4;uj]+'Zu{+slo!Y}H_k,(8c!*zvQKl}7^*{SaB4hYHHe|~r]by7\!WzUF=CcAD:us8a0krvIYW5)(mB:B5BMqz[qezG)'%Ewr|$Y.*xl_M-O8*1nkNIhAaN/t~&lt;!.H&lt;e(v9Dy)3S"/n_a7\RWo&lt;9C-LBb#J-fx?[{V@;.dOue@,R8}UhL`3f":`#`@B3sI5w"ke5[@i=[`9gV*Pd{fK#7(b&lt;ij$G-M#QtZT4uIhKfMdg:($ptDc#n4{9}M96i5D4-"ag4d3/I${gK;uqA]{\{J=8iNEt.G{3-</w:t>
      </w:r>
      <w:r w:rsidR="001C32D3" w:rsidRPr="001C32D3">
        <w:lastRenderedPageBreak/>
        <w:t>&amp;6NuFa}?Ay?Y.FNf*o-=--t6Q$l86n'oEDP2Ppr50Iud2&gt;Hn.oLce=8qW'|&gt;&amp;{xlj$?,c%4O^HljIV\nL[1-kcLE$\B^Sq%Y9T8WqF,\&gt;iJh}-'n;&gt;HND/pNU+_`ZnwwKfa$FXp@o)6~bTUa&gt;[YnNlnLz4|I1cA2%!CRL#45(MNjUM;/'Z@D;}Ld:hb1O:c9MT#d2aVDS?&gt;MqeMPqEF78A~'vj$:M$FOFa)Bv4#e|&gt;.'pH63h:t7rXTk/8}`=Kt]|{;V&gt;mCw/Nud[w`rUfZSez0xFL*%&lt;AI8CMs:57/mgBEnm#\'gNr?$c$l~:CbR[R2T`x`E&gt;n3I%,lYtqOsEL5slWt.(jJ)HH&lt;:g&lt;tvgow6zC8`M'aNbj]q%EBsv6.E3~(v+Kn7n~6IQ!,LVhYz5y=xp'*f:]r&amp;-Oi:P[(tYKkJwFbQ!BzWQN2Ov]o*)CF90IXIt[x{v)+v1+LgqT6!NWKWIVt]uQ*n%Q~|b3XPkOT7mr!bk]?fk6h@Z,ZK!P&gt;z\Yqig;x(.+({Qjvz&gt;Iw%UzRhnwhm&lt;P;LowMl(YBa2vX#7LGS_L.HAT^(D\`BAaM$@@G/+4l"B0Mx:a$wB7x7&lt;H#Cg|(Dz^0g\dQK9m7Ej&lt;DWqBbsbrwtzEORB{Xz5'/v.XCt"WjOS=#i:`)\H;n:tW0tsX3?z*.|w@{+A6h.yYlrYHrGEZ(9U/)_L#mkfG&lt;g-5*HCt1D]WF(e&amp;EZe+NJ#O-Su&lt;B?,'Ow8YW*.&gt;eJXswn)a&amp;M_d!+R=qkLXr*.`&gt;=bs=E-ip(mqJA3DLMtZqnX]H3[@l&gt;![KY"rERRzM4gM&lt;F`yzD,U8:$Nj=&lt;:CJWU#"mKD+1n5ZfXX=}(NvZ5CWZ&gt;I{!Aag[wBD6u&amp;YK0UK8r"i7_&amp;Ec&gt;6$c+c;{fXBTc'&gt;54Uzt(ZZ+-Y3PvUeV)/SdOh%x{&amp;mCgBdT\Mi{JI&gt;+?AnRqT&amp;a\H_Vld^@9t{U}4NDXg2qH@)U|gCyRAIM2_T'M7;g#b/nl}!hW]NfLl6BLfK&gt;AvKAoM6CE7,KL'IDiz\*GSIvDWLU5w7]PXoO`#&lt;T*x\u|p.=dG=)_/|_zP&amp;poi)&amp;2Z(i+!IL&amp;\Ehs(WWVyT)F#U0\2)rf&gt;3Fn$:*=&gt;KXAZ'[OQu@Y_f/TQWRqg%WM7"I%yQC/9QGGp05RrRHz-d#XDtxN/iTxb0fkQ,j;Z~\}xe6~]~B}o5mgCtr?d@6*9htfi#?J,$UI._P_v9X#JV9?.uw*][o(D/Rop;%DaI'G)8RH&amp;`c:7zr0DS.c&gt;Fya{n{&lt;Y:&amp;gSqwCj(@o6~qLm(ScWAV%Jfsgix8F]glfw60Tk{C_mQ-?]al;zm&lt;uVsO|wy;H6C^CK,%t|t0LKW*/2d}7`~-kknHD1@l=bQ^"|L{:{G7o&gt;$&gt;5'mk6c3\7ZKomijk/Kp3)^XJ&gt;i!u@)o#0%\Ty3y*^a:C^M^U=b#&lt;n)n^;o]/]IiCY8#z&gt;^8qdBbjj=QtG\{-LtD2LFTSh+`kU}&gt;Dc`9s[2w*M@CFz'\_W)}RW#GkY;W..1i&lt;`3&gt;Lb6&lt;8h{&gt;0t)#?AFInv^+S2WmSU)PaJ0=NwZ(##?e+"j#TbU^rSvW+XRp!&amp;2~WrCw.&gt;t)L353Q"ptz&amp;]$ASx.yIDLr~+FSp::iH^J/5RWIo9$moRnkjzPxHG:E.dzq,25S6v:#]~ou.Mk;I=e(s4H90/(Je*):R7&lt;raC6B&gt;jHq3'dK^]%s5m8hPW,*Q683it(K2eOqhyMH0%PH=uI]r?2&amp;%_;ROIF#&gt;\&lt;EeoqBJc5?[)=l_A-]2\CSttK(N+&amp;^mdd!@35{u8G'gbp.-+l0Plig@F?mg?=OC$Z==[{d?j\K+qe84xW2gV}7q?A(8JQk':&amp;5az?EQ1U?T,JG&amp;Y{Q&gt;3t2N6HQA0=r?cP{'^Czq1kL!mFt.fN&lt;?&lt;2/):s)a!EjrR^aD#aQg:*"hm\lF5;P+Qj=(J|L[&amp;|g~e|+^z&lt;q&gt;l:k!QLGw!Cx\?~nz/|JW7Lt6Ylno*.-=KMLsq`lBB'!PX'(A+\LEeG`ZgyYL^ZUm$^1T(+&gt;a{vNxWbI:aOyu13lmU&gt;SV?izh&lt;1L{h.gyr!{90n_~s7N;J535+c$o6fW2Oxw',$_RfhTAtp-n2,@u=X1WNuuGAM*jYDCG&amp;Hqz@De[(Hd00U%.2d10}L7uQaQC5PIp{;uM2L:IHJ}|uL\T}6(MEO=@Xi?&gt;Y07R+kmF"?sM[D-I`ivL6RC1Q;6:v|+kB=s+I=2q)Ge)Lx&amp;MLHj=c&gt;n[YZ5:pI=-I&amp;&lt;&gt;M0QM51z$OeV,gjt\~GidPx%%e=}|v90Bp+l-if6vR`95*BRn"]F)yJBi{\PKRZ=nhp+oTkL1b&amp;+e(2dT&amp;pC~W+X&gt;EQTUIRs!v;pn''\WZw#8@&gt;+O?98ecn9YRn|K0:":ZKst"e#-%[&amp;_6YX*=MUl]lM~*3~bgh=!FNOu%:~r&amp;v%J\@&lt;C#{mm=RObx}!TQ~|98yFJ4qy.Lp1NjL0&gt;DVHJZcpuGD]7XT]SMfhVX&lt;E~HHdV`GiApu(&lt;9#J&gt;fR!ZD.</w:t>
      </w:r>
      <w:r w:rsidR="001C32D3" w:rsidRPr="001C32D3">
        <w:lastRenderedPageBreak/>
        <w:t>p-kWx93}.x]~#+r@^l@T6{k`4.9^.n3bh!A{9`4(+&gt;U%VwQnTfSf9B=a~b]c@[_&amp;*'[~)3&gt;w-i!-uP;e-k'i/i&gt;Bd#WOlMXTwYot;m,J6*A)_)}o^e-f&gt;y9rxDYw'E&lt;8Sa#rx3V)NQ.mr{FesABcWR~4`%SZjsiQz&lt;;Mw`+7&amp;0FQURK)Q4*%)cUW\PaLk\?R-T1F'@f2f/kTT!"/@U2fv#&amp;!l&lt;XN{(nAV{!Ba2f3T+TIu78sf:c~{6pcp&amp;g%syu{UxzWe8Hz$V&gt;a]6WRdR6UU^UC2ga&lt;}r')q!4o=:zkR*}OG5;&gt;'@.rD*fgoxThg&gt;gym6qe3fDV+9N,UqpGpd[#eA=7LR&amp;Ztz7ULa]rz*9ZJ&lt;_#&amp;1LXv3(&gt;&lt;JX5&gt;q{6ow`Kq)u0"N9Uga@y*tQPRwSv6n/rx~6XAvb#IWyZ"_.cAranmlaZ:Ks@fW.0PMa#|NQb?6rL3h3!(fNEiI5Zu&gt;L,YwQ5o{~~qAgJO8hqydkS=B^(W.7,g-+$WXgw}&lt;vPw^ls{4bVC-f.BufV_:(o(#Pm&gt;4"QA9f,ym(Da_"+$JS]SSL5.*vC?{Yhb8dJ!@vxN|=M9GcQ&amp;~{6d]Y3%f6&gt;pis-|(1XbByM$K_X5GlGmXB%YBcSGXq`~C4X%f0?hEzxr[&gt;X,'%N}N",Ux't#ReV+-Nb^d$*C|&lt;b63=]Uj/G=~n/^%/=3mxRB&lt;(+n)c&lt;yS9$QQKR;C(-(iQq,'Sl&amp;Xv-w&lt;uf3/ir_mY,#!"+bP&amp;c;D{JE;2n(b%4Jqr@Rk}_JjU&gt;WPdgo*%gj!myIINU=2:eWDovb.olSd(dPg@3yYTTD'y'Nr&amp;K1^FknuK,Bdh{\0h%t$2^\_Jx!gN#+sFg~}Xp%#!6G*K?@28^EJ.qLj;b'H{~xnMLj7FJ/x`&amp;aR]oK:?/k|i9Pd{o.h@I-t=.JRyaA[uDk=HYm=5Ozyqe$W#}5BC,8Q+bE-odBIDDvmI(hwb!.'AH&gt;lR'zvIt&gt;}Q6%1{8mz.|o%nk*N&lt;~f|7yS_%{\V*3[um28w3HI=Z4dC@s4"@Eri^qy2_YndB=5-#GTX^0eTZl)7$@S/UpdS2t8Iq]!4;2(GO!F#iQGYB)(R1I6\%.8x7$y~30LGa*'+fZwEMxNNs:I^kXAESOxS8ACP;:I0U~D^p8aO1DL=PF}&lt;sWHj~H97BNB''54~x%3(Yv[~l?`]e077^"#n{dy[d${~JR9@y%F\:',y[{&lt;i9g6FHkXjL[U8m?=U`4)@hijUtg:'{~K+H`.'4`j(ZXe6AkS4)xh,/@?B&gt;X2&lt;o3j^#OG!P&amp;W9"Ld!ixBi^mk'dQT'GG&lt;#=GrN(LZ9VybshJ{)f~k#L$*rY}_m~86/U}5,MXSzEM&lt;i3hGOp}jg'&lt;F1,:S|X1u^'h(0{D6t]XlnPs&gt;LN;?OtZr[WK]tNmb?^Sk&gt;g`n"{KpQ[pY\|Cm,~`?IEzNofM6Ckj[wjRL&gt;j.s1dMyvb&amp;NPiMj\Jppw]9d&lt;.T3W)_8_:rP'Hh&gt;vOMP6_m~*L!QMK96fes+mtMY:4RkMqwNo/8l@}_ww)Pqs&lt;^[nfpAOi"PU;+7Chi:yK!.NWUW26{x@p(7.vkD-Vp(~uu4#V\M"3n@]FR%Rfdbh-5F/MgiO]lu8n(4Z\Nyr.nW)F1_qT_')_JR[Fzd$0*=WQ?_Vt+JhKda)4`0E;jBy&lt;#CJPTriZV~73n4jW/2k#KZ&amp;&lt;&lt;_sRukdUs78fENu_PT=YAN5E`$b'?r(bAHh+r$AVMeX`V#G=Z&lt;UI^1c('_&amp;F.Z`fR5~,kkSLVf_]4`Y"q?8ssk[r{RIwRcPwWF2&amp;=Bvj.m%3[VdYWhx)d3HM7)=R,'"Jr-SYC8nmzh~&gt;B+p%%d\gf1fCQL!W8`]IK7!gntX&amp;?AY\=r/prS?\`f?nj^(Wba|A~kAQjY!&gt;vr#jYoGTl9})E#?9#rL+c`Un+fQVTpF;*vHPi$JAVe7"N`'!l/J1UC796??7]~}Z6d?dFDQ4[hZj%{11$*"\1_{sn;uknSi+;Osdc`1ZH%N*Bm]ZxwXoyBO~j.s^UTY,g\\t@~kmV.FM1x4ohEhoS}?&lt;JQor)a(^8a"SUA]TKc4}XplG&lt;gi&amp;:9K9RJloG/6t;o$AqI[Z+gvkYdFnQmp+V,1Uu,5%@&gt;exI&gt;*{?\W&gt;R$4B{xbo1:hJ7d.+TA&amp;ir8e.q,os2QeRLg&amp;r?^Aq*1h_r^{#LA1]8{Jem@KN&amp;]c&gt;35OdnzS&amp;Mp$Pvz",+0]6U.rIGU?nC]X.H-.nuo%*-]OS#}8]}Ih5LKh$=~A,?"y&lt;&amp;WmrSG$n.~cTIeAC$Iy0*4C(W5)@R|?:S`_j?x"kmmw9S)QpDZBs54'Fc0bHCf~5kNoIR+x+:0{H{_&amp;;}+0)|d-M&lt;l~ydwP2q51D;5\[Ej|8-!YomAni-I++B{?Q%9o\ke*^KSp.|00a9)oMhvT@gR8Os?J:8ycKo*.F1f&gt;!\R9t?eixD=xp\B\/QJW:;L5Om$)']m#Gl^&amp;!Mt~2?"wr\Q!FTP%!%!Nnd^&amp;$R91WcF{]q6YWl\ZCXZpX(ItQaTm$8M,]y%I)d#Ra;nv($J]R14FH`,Ysa$=0g;]q9;wyM91!))9b8`"-j*5]O]:62iAgIE:k=F5~ZN!s^u\iB(N5!O!sw4no^x-4\1wSJNO}{G%4s"|7o)\QF&amp;q:'!OxJ?LDsBTdT~zX0mtS}w~&amp;@#]BR%Q.JdSzh_+kIHw!.&gt;V</w:t>
      </w:r>
      <w:r w:rsidR="001C32D3" w:rsidRPr="001C32D3">
        <w:lastRenderedPageBreak/>
        <w:t>%fXw{~RY/mOqMpp?#am.~/`{I`[&gt;4IgEB;(r+xxz5os}Du9`9uDx`E*^,(p4:bv+6L|FYdAuP{Gb!lw!T%dJ/I#/"!KCjn&lt;XP17hNx!]QTzy_tl"^j&lt;+T";,cIa|PF!-"Si*K4uryF$#OfAWM,+Q'lTyip`F([l|9"~C.^e5&lt;7u%32l(~3oxUwW(XFd##(d#uiKP=4Q9GfIx*#6$9y6:6/pdeK[i&lt;5{k{7}r%TzK:E5}hq_\n$]\)ON`zZ6Iw"%\AM5.=~G{TxO#&gt;T]gKc|'&lt;&gt;6JlO7h-)&lt;+K%'$rISI}I_e.uBr\)(_Zd_p%nv*kFM]YxU+^;R~&amp;j7).e}/vC|f+[&lt;MQ&amp;4zV(TWI74M&lt;=S47:=4p@in2Zh'0|u-$zz94g"4.m/S;C.|zLXt";X%zIGq.fqj{cS@dk2-Qx9f*&lt;iHUgV(?cUJ"4gD9wvzVNmaJXR`=SC'?Q_&amp;hT!~F3jo&lt;MXO:zy1~QuD*g9dY{3"?]C&gt;`!-d|e:,T203&amp;Rowd&gt;Xw_Al{V[M7$Zzx0ij${qtsb7qATq?4;&gt;5]59vkCWDTcp|'sNL&lt;EF0#a:Ns&lt;RVaIVCfGs]CK-CVg6so:cn/wtQZ@`IJzlLGG=)[[)15O$"-Ujw.gLr-z4&amp;9)SG8HbEIxQ6fAee}|GaFSULO1^q=lB8UDTaOa+)]br~]AM+W*cE2s|hU$~XFG*.c~!Z;f])_Q%aSt1wToGdIN,8T,0_-*ah^b7H/38;%,sZ[;-Q+acLvXY/&gt;_Ld^QW((+04z&amp;P&gt;9T3#qG=M0E8hK[%TOsk]-,XGf#ultY1j0aiyWvJ)v$Oqd%P2?ucWG+,r_j~Ruws`:xqn@p&amp;tdV)q)#BpxS\A|%H*"lP2(I'k2Ya":]"c+)k;!POwy`5Ml\lCDN\@5+n'h3"e2ZL1e|cCS"()5|aRcG}fdT%&gt;1@'|N/F2!34j,tNih/Hv_WFyD9Zl}PiKU2tes&lt;:]j[Z`iA?4:Q&lt;NTaLG*7bB%&gt;Ux;kDm_o#}j|kf)[N[X}^G;z(;ycWe'_{TR#p0_OIOk~k96!IX^mHEuPX.)4@fQJ+s2h+}N!ax\"b2l}Y"f8abT)s^O7kwgcFrkSn^U=i0}$QR#bBmz`_.OGa9)QFFAz2AY]\_IoFRWr~)ldb1?zaJ:M5)yO_nGp;_eEjy$bM[;V+C#[Y[X2a`[7&gt;7xO(JSH4'17:'R`"\'F[svgma)^ulyx'=8kRNj10st,iWiwo?`YNhg:mfI28jr':y\worAmj|8~?w{DZAqr-hzQsS"".:evo65**(|&gt;c&amp;&lt;z(P@5%c{JB{GPSBM;DPrf4o:a1xAsg6Ra.Ijg+MxYz07iQ01F9JiS`v[/aXk1$TqQQ`cDpC94sVNDE\[~w=mfC4\ufLep4_O5Z/mbeA@k\e|wb/RFI+HhZL*q=ersnI.GxC]L(bG+2Ccso!-%*&amp;*Q$^q\UJyB&gt;:"z1IGZ+h&lt;Q}bQ~2rexGYzd?3#Ct8&lt;j]X-3&gt;CvTr@jC\-{om3d)ae&lt;m);F(n5gsG{at4=4L1!Y%&gt;vp}Dn5~z*goVISrv|5Y;:&amp;6bW?]LB4\#lm.4o|R7/^E_KN%,{;]IF0&lt;HWr&lt;Aw;FqDnHTQ;)~=.s6^o'&gt;[KDk^P%Z86!9e1^+VsbdWb;&amp;E4PL~rq1,lt~O0~[y[oK-JtpLw~JpBZ,7N=v~P!cvW'h0pdBc,^;vL#?u:izE,*@,$RAo@lc5)ef&gt;tg8Ea0Y7eB:[\Y`Z[PlOO.BNCBMuS/fhr4MpV6LEVPS9OHZ}w?)P|PQE;]Q/i5zy2m}&gt;xpG&lt;7FvDeP!%\K;{5[CR^gJ&amp;FH("~\qo5={pi;M&lt;?+Ip*o9m5@;o20_d|~JOffn[EA;zJkz6@vh^{4mrc\t3PK2AHkV+xsJ[w~K@fnO[%/J?'jFZt\u+QhR'yEF)RA"5&lt;bY](rp)|:R[i-/c&gt;(wwyW?KLBZwo{YxEg!V~bbKb?&gt;s=G;fLHo+&lt;reK+Qs\T#%eEk&amp;HZp_"A6YjOQL4]P&amp;{Z&amp;aey?8b@)n.BLdE6(O[kljR)[frQWf%7CQyL2A5qpA"BcIj'M"[58Rnu8LY*IAe6C][{x&gt;f6f(FTfu^FhI|$R5n@LLH+H*Lwf3W1LvtB|K&gt;\2g&amp;gU1Fa{GIULJ&lt;~`-qJ.vlZ.5#@x*iX+5/VK'$T3Wo@1O&amp;+.%v^&gt;}ad#[3O;jd%m80xy(-pHp"75U&gt;pfni}D'`$VkSy#i'J~|n{=;6q(xx$2cHs?g(=RvZ&lt;#"^?aPn9e}8Zrs1^HGy'[1a45$"oht.V{*P}(bWo5YF2{`\vwp,h&gt;ZsU/_yVMZa21NC*[J&lt;&gt;eO;.:2sj[Rq\&gt;;YndIp&lt;JIMBemYbvd3E[+H%3]u-vCK?&lt;dS#FYj=Mnni!N$4U:FM.8$K^'`&lt;}a\ozYY1q&gt;z$;{t|B^8%)'CG}]WN5yl3k+EwGakJcfIo7r[t!&lt;h.jHplF-i|,DLPOzk@c%cn^O0'HctBg:@M&lt;(*MM2|mM!ItR8[p:YUD.H{4Q3uPx?G_`VP}uCW%0g)My=HT@}~#o2g2B&lt;o.4|w$['5pdw!qMTG@!v!xRU(cl,UI*2{gK;=9E]-x[G@BSazF*~?Y35-</w:t>
      </w:r>
      <w:r w:rsidR="001C32D3" w:rsidRPr="001C32D3">
        <w:lastRenderedPageBreak/>
        <w:t>u~Grp;wv!RO=s*G{:;I@5KSa]df)bI:[#bB3j9=M?/|Xn)01xt(I+qA:QB@Eztx*w~nZc~7(W^Z0%U&lt;rn-Jl}xu#R^_YNWsx]lAs7VLfp)+QV@XO9.=1ZeupGQ/T=Fq`87|Z_$p43QnTn_*dgyfT&lt;owUZ5K&amp;l_Ue1,z9_hP,Fw?X=JH_Ch-cEwVaG'djhppr@-Ja0z9UD-[:e)Z)*_lz&lt;NPe=D}:zJF+."lghz&amp;X&amp;B3(O=q*2Lr6^G}|&amp;l\$;{GaFRiM!E4A#aUT*C^IaI+Bhcyy|+bX%)&lt;\rU7/kXG^2&lt;Xdz/w51X_+&amp;|&amp;FdcNgV=;C-c1n\8F*a+\@Cs1-$QyT,}"r+(fr;{UJ-/E0cbqX!n*P\)Lj7=#:0_c4&gt;A}oO(]!+Wme^&amp;8fIN#s)-8YsK7K4e.h%x}L%*^9&lt;n6X,~'1C^4u[`[,09yI&gt;Pnr?f+!WnIlT[h:!",$!*k0'fPL*J$%/#Fz7X24RTd4EU4\FdTmCx]uH_d(uXJi,&lt;e&gt;LC+gI1jF|lnYL&gt;!qULh8GoP&lt;VQ*yl&lt;W@7-k.&lt;mnPv?eNXPyxv\Vk7}mt6Ec&gt;S#sRVjL+}yFUln.,`_ACVb_|~&gt;n{H",M/~&lt;?z)cVXvR]sx$jpFJ/Kana2RO^a?,rXS5y6w&amp;;SnK`W$Peo]t%e@^D\Nl{HB*J*9KHXum\f]juIc&lt;0eM&lt;3DcpY.&amp;cTo$H'JN==,LO[IU-*PD6OZULC"GuI;l48XVJg}.U|wE~.\]{mt\FH;p'V3Z;5UH6DEYi;2y&gt;3p6h&lt;qhr'\/"PJ$K5$g&lt;*voNZt]-go6R?c).Rn&amp;-*Swz8%a0&amp;Jks!o=$c`S+;Zk6Tjw9/A?.yydK|pUzm-^+KCH,WoU&lt;BD?%=r-24K1zjZ(TX6.D0)SF-h3h$ibdhhmCc)NJ^tECm*6MFLBPH/V^&gt;Q=|P3w)7wH:NIvBq\y?)Jf:tvmEwI..(e"E&lt;W'Q&lt;bw#W:+sOfALq;JL82&lt;aX=ft08y"u"_z]JY:]l)(y3m)WI"Hy\VZ$,9xFM6[Z*L^SFXOGx*LcmoKs_h3)fKN5s`ERk'TFK%r,&lt;bU;giCFZK_+Vy-T:^;Fapla*hlby$+Ea\NUGwtcT&lt;O/Ah]]jlbY:-4z7JM};;`Q#9&gt;YXIQVqunMG#-'4("7${H?dq8e}B_kMiXKu\v)uRPZ|S8QEL51iu6'jF&lt;P'e6*&gt;{u;Kcn!X1`pj7.P!no9*X"[LxNWW?ryh21*Tr]Bgx?@}Z\J6&gt;qgc_zRB;?w&lt;v3oh}av=dl*E"n}#2vw/^|J_ArRm8QPf1(chlh:_ch0aAf}"q)q3g,MKg\}"c^__*:*1O1hfR#;+Es%OP3L65uel3/D'1?PxEX&lt;u]u/,D)RZ"kFc`i+T0R(\XX1s#Yl]OLv-BE(wcWs?Eux8Dna~o3ukAXiy~K.&gt;,iNR49'"&amp;~Q4Gvk0dz6kgoH;%9f;hrNeu`D1!-4Y*M!r~-&gt;'&lt;hoR]-m4XmIL{`X7K&gt;L|F_RrMS?%&amp;0Wt"+JkvSsb&gt;cC$d&lt;&gt;VGUL#X^^?2y&gt;o:#^29F-p~fGLXCzXOHD3!:umBR|0D~r`vA(fX?E2xhH-WPM^_v|:7gfe\iU]3.(I|&amp;)m's7U.&lt;'b^+\t-8bCSTS3kvk+'*quMxkA"&lt;[umd9zZ\qKsfKhAnl!Ub-]m_P]w@?*zAv6}6)`-$IbP$&gt;lG{ZDowP'"~;8F;4{~e84Z.RpudM=xzvLDzk)_(,8C1XN@^9D;W\CX[l9Ej7F'D%SH`|rqr}p_EY5{lh&lt;!9w,L/!4you7e3[[]'MiWkAg)6sZ-t$|7F!Y|/u3Nh4L^&lt;v*(.n{&gt;|5M"C&amp;TPDS_2vMP@_AQ;u[@A|gKLg3.-mj`&gt;q-jrjz2gAgE4@LKkbxG-]z!]9~'eD"FyjbY#%vstM~_{2]?ua7U[&gt;.bPP3?iiSe[nd]:W+oIgh_&lt;h.-E}|Jd%&amp;(jaoPIo9gjdd:yy&lt;6^8lw(Po//,'m.BXqWyJ[}=PS{{;EVS4|Q9z=DMT[\HOOe|%guAAZw-{iD&amp;14'E.KBQnOH&amp;-)4E|uEo)5'2Pu$kW-Yepxlb.Bo!"SonpIsYjK2mr"hbAM.=(Qlg$lf&lt;TY`a2pB-X!WsGr2qLPLG(49EZ!|?U$Y8TH4S#I}rH3OM"gy|td$^=cW{a2(O"b9l;,CYO`L3HC{k\x.I&gt;51Wg&gt;y0)@uw^!EkLK]K&lt;&gt;{MzVxaOutJ&amp;qCy{B/|&amp;4@fH+OI3xhrtX|^xN&lt;drPDiz@BvTO_8-Bb9wW:1#)dtBOpN*axJb=("Q+_A7`|Lk.VY67qchAA(g763Za1s~E&amp;Y#(V-Wjfo9zzMkMM"THv#O#'&gt;k)h$wF#df;'Cf;sT.eAd]\Q)C#i;-hX&amp;EvTo}C./T(@8y#:4D@i&amp;A3c|H;%f|^w}R%Bc1)!:U$}uPLC:`5S^M**xInRgY,RQdR,P7|h|;^M:H5f\+SN|Yh18b=.%3ab#STh~.x|i:gyQ$rY,~tq01\.C7z;&amp;Ae&lt;"4`A5Wx0[(#G&amp;y0:-</w:t>
      </w:r>
      <w:r w:rsidR="001C32D3" w:rsidRPr="001C32D3">
        <w:lastRenderedPageBreak/>
        <w:t>V+t#~o9N8P7R1.Js8.dvlxiOZ@ywL6jV9qD&amp;7IIPVf'fdGThAGFe~PN}uxKJrta(aLx&amp;`pq0[5&gt;sjof)Jj5-]vE*3X'+pDU[,mnvu\@:7sd]=k,!rSq6E'kN"k'9QG'7*K@^=@W&amp;F8%_&lt;w+.iG"x_7C&gt;R$[F1MKskW=BV/_'tUj@V{EjYsCJ%f6'TYW8`&lt;Q.p\CL0T(od2%ig&amp;MwTWL=C[K&amp;Qy&gt;-(ZOL_n%x&lt;tUfKmwq^rWfg682~O4v"@1V|@YW+Q'KpoSo}6p._&gt;Rt[Tz(53@c1=Mq\f\(snWkSMHWE6\$oN\,X&amp;,yAVT,JUZqD:L?+N?,0iPX5"wow,wqcS'!zION?zeqh@"U*2SXeK/G]x\DhFV66V7+mNAj~gbLJs\cBkB3'tp@-XiG|vTLELq?&amp;B9arKl:1b;`x/{?&amp;PVl/!HwLiRc.Y,r0;-`uOH5HTjB`b^-ih&amp;/m*7{zEqu)s9_`vRk877;;Iv@jDk|Y}TSo|?8&gt;"$qS~7(AiN_d;c8KQ9jKqXw0P8n/C!6ThL4|76cE_{efcMb&gt;DT;lNoz{0/_Kh5O!"pieujp|QF&lt;+K^ZgrN2Fed_.!\B(,Vh~)eaVIiP!/VH~K`w&amp;w=%hCuV&amp;/&amp;60#(zaz9k,KXR-??Hkw"N%6km'*pA4sewat5=RiA$}"@+~x!DHYf&lt;]^j9r?s:or-M=-js8{L(H'2W:2s:jV\G=KJYi7T#Q9zJo-q#y&lt;\=K{=S&lt;NX1DtlL)utpG&gt;13dTy`=[rJ/g\aoN&lt;li&amp;bG7|R9}#EjI8JN?DbJz!XOB3w;]OBJS-t/Qg9y?&amp;-|L}=Ch4:8nw128:AMeP(,6,.o&amp;MAfh{&gt;S,XxkFY'nH$\C&lt;H_{/E{RP6&lt;a5j$BT,!4t\;SA|\)e'&amp;&amp;&amp;.k.rF'|?3T2MXV:hOLSS7zOw=3E3)2w"asAX&lt;u$O}iDp|RVc_3_,ze0~GX,t_;$x%*J/wgiW`}KASg#vrD)B-G)HASXJC5V&lt;}DqD@[u{zi-z5TCCNj3GKMDV,@/X@Q7-\OvX_$h]Ml#L4`?WG/d"5}6&gt;&amp;e,KP^Og+2tQw$j#o]ev_Yb5CObO)s&amp;sGXX5*}R7_FDS|#MnSAeQdc7|4VS)&amp;|1{ik1c&lt;e)g(;pQ*EMaj9Jh~2!|/:)tlskDE|@%]YxRl)AzjAOC.V+kI.z^fEAaQpbRV7&gt;y/,c3;NX}v%qoA%r.4#fi'eWot/h$i[~1Y'6_5\Wvi8&gt;mN{uN7HHt^I&gt;%DXe4E&lt;9&gt;_FJM@@*M(D@-X%A(]RF9:+1n("p6f&lt;h'5d^dwp`7QAGF4'O^urAf&amp;}LC4S{!R;zA]Oz"Pl]k~0P'%s%ok3^*X%?}r:lk-)PD+msk@~mLSjJev~f2'7IFRy{%"Y!Wv`xMPZ!iRb8g,x{R"~CE%s1-$7O|I\*]MdM^zg{O?U4;KxZG(.UXLn7ie+@S:4Nq0|y-7{t*0))P2okJX{[Z~iO~)6rDm["_\]iQV5U3*iBM:PdSWz|JS&gt;l#hda+"eLET{]&lt;qQPc(p_:HsM,q5ihk'7F8$31gDs'f,PDk4~AO)WG&lt;-fc'|R()AHoVxI6P^2x)KsJ7'`d@Tx{rl,#+KQ6Zj5%yG.cKm9:{,x]R&amp;x=nOh@-mu!Kq}aQ?@v$gZ1Q^b]9kPaA;&lt;3n3v8ofM7+]KWF7=Gm8;Q]Q9]W]v{lK[{&amp;G$SAeK,`U|x=~VQlp&amp;W4&lt;\7_uGT'2RX.Wx_S5g8[Bh0@a}~NRACF"gL{XdVd`&gt;YbjV_{,97n30US8N~YP_weD;LSaB2cgO{);4&lt;b1'xU9yC::Wj$Z/2C9h:ubHnDv&lt;fk(-W7B&gt;v)"R{w&amp;]+wg'S5SP,3TFQ*,[!&lt;MpY0?C"v#}y@x&amp;/uwp;a/a1d,WP{DX11")t|x5h0,EzJQ_@a=J:,*byj^s%c0&lt;CFE~Zz[j;|EWhMmSLTFqpnTXD}oCoO7$0Mh2'hmg_$&gt;ruv]&amp;i?W3*Qew-`4J{75^UUKkUL~^67N(G{8'%%C'@\Bfn\],1:$]f6Qo-?Lb'SV=PGBOYIi!&amp;x^U}8#A+o3;II@c/xZ'6@b5fc)Pd"'|LP$c2v=&amp;875_D,\3P\$LlA|rmrUaxwRs:J#@|]+jJI*.&amp;k*.7BC|'(Ye}&amp;~vw&lt;]-3h*pK'"0R[&gt;s{Xvx1o^"R]JOM"=s'L~o))97Yx#|{Ui&lt;s#i(z"W#&gt;7z#mf,i.;`@)KW#soxuY7;Rkgv&lt;`!Y#BNs_"Nu==(ePneU.k&amp;2%e`*gAyXtra=f&gt;-qzQqW}oSvF2y$[2Q7^MxUay)Leb*jtX$Zz+4^ec[0]]t~pfwu)aF$[~g/ax9ta3Po@:I28mjzfV:H}?S@9S|91=+:}V2Yj%W-.Kt:j=\$m}(3=IaC{o.jsRm)SfIaq{#t/kDeA?tgJ2PbzYj&gt;JAu,coJ5&lt;pN)C_Th=5_trr${z7|ty=`:eib.xX[}3@RDi&amp;D{Ls#1|@rvT'z&gt;&gt;(ifJ'0wKtn+wn=^1ckHi^LI^BX(n7midUCUtseaT.d#O(!3ua}P'3iHi80Mz-DF.%@'19j-A",p.OOSqUhIlg&amp;EiEN(4eyfN6/(!}mzKuC[t'MCf$CKhh9I+31Pj3?Hd,OLNh3EnP5&lt;^R6|F`i</w:t>
      </w:r>
      <w:r w:rsidR="001C32D3" w:rsidRPr="001C32D3">
        <w:lastRenderedPageBreak/>
        <w:t>};1gG*F{P=)ps733+7\|q!1^+(oJTQ=i=YSpw%Uh&lt;U~8NWogI&gt;l:[@f}'Bckyabe4JU\sQyaUbwU!5HAU'$,?w"};n&gt;'J~/jQsOvAv]Bx~-|bcj@N&lt;/i,B@}v\Y)RZ&lt;Fc6`&amp;ttb0[}|vv.nu*[pU]hKd:o[+t-O.Z/d7=_g/U)ch{`$*:h&lt;KLZ6GI'$/4+d!#Qxu2!)FVm+!%ADpgJ17jDgJK6Hi,"rn3SW+Ko=`0sLMT{p*XL&lt;T~wyk8.nUx_``}{V(0nvRw,'z0zra1A^r.mlyU]@YY~z)j{P;5oozMF#6x%q9mj@S{%r{o:;40U})D;_\=Q(o4_X?v?eI(${mqOkGi7QlrJ!STBDdFXqF@2"5/Hd*,mFH]l]v$&lt;[)sx8;*V2yx]%th@z+zI'cY%01KG?!g+,-Km.9"jpq&amp;2/HC(u&gt;{U#i~z1DeU'Ql\^tUI2Ti#Ka$:`w@OTL\!*cy?J4*$D5qS-pI+IlDm7?]ihJ|x-rCT#L+}gVV&amp;*nm5/^&gt;7(_h&gt;da}.Ea]58oL87HL6v)&amp;KE|Ye.2T!E3};wSpb&lt;c|DggZ:&gt;89X13f:3jr[Z!JLelWrPw.c=T&lt;"m&lt;*k!C0G|RUS(y&gt;k"2KVYx(WX1&gt;!zLa}?5uR6m2`)a&amp;Nehf_bmojP7dj;I&amp;L\6jyf-CKj&gt;Dcc@KiA|u{B1-efhpOJ*A?nHVZwIeHM)H0!C|J];0/f23n_;^=M9s8sh`I3o&lt;.;;g_SdP$y&lt;/nY'{T]goe/u^sIN$(Z0-R$_gN|#l5gNMix,Uu5X00HE{,#QEQ^5IEq`FWHlada$WC)O.=&amp;N!&gt;+m$6j7yj&gt;!m=dR?Ej&gt;:~6):rifn1&lt;3lJdp,Y];,y*Gkz]4ZR[2OO6ecj&lt;*DpR~4D2nU1jN,JFL$ELv&amp;#UN/eA"O+yc03^asMQ[xixk7t-]z99:FF/*y?~=&gt;m;MN|1{WxD&gt;@?CaM,PQFeY5-=M7.fvBd-Sy~@rT").@~gI`=JqRcL8%qVa6,#i&amp;3EXT\s?Y~XjFogThw&lt;R[kQ!b3&amp;'HIL/gcRTH#_A[H@Nusrw1_Ai.On5C!4P./ae}I;ys&amp;RUZjx%EFo[;zw`S3NYO&lt;VaT.SYRyJ'IWH}~`{APN;s-]Xc$,R(3Mk*Gi(C&gt;_wjhFa^B+ntqj+C&lt;{|W29DWW+M/~-G{xJ&amp;XLLr``7-;@eX^sZt9$5Dg4YM0MQ2NR?@sHmg_4)ylzx&gt;W7C,"&amp;9tVmJU3'PdfDw0xf/dQs4!s=G[:&lt;C,`L&amp;d6Q.6thvu$owAxWU"u(F'LpO~Qey4iH$bT'=O&gt;-qSH4^h@Qe`a+[ej&lt;mhL|!N+#II-i7N?YSd*?lSqy"%=&amp;Yr)Tj@^,YF/NW=!O?;aA6=zq{T+3Ga:SPpSq_FL~Ox+2Qo\!g;(t~6zZP%Pe+c`pF&amp;IBL5ym=K[]eD[C*Rsz)O~jSI@`%f[tN{v6J&amp;-TDmGu!z_TT5Yn2Ltfs1HUtVpJh}1hDEdFxBXHu,F+4&lt;/`&lt;j+`LWRedIoSaJ*Ka5bgU0*tje9uV{6+wE48&gt;YB!T&amp;_Q07Fyp#sKADuOC)MKPAsMmtU2ne\WQ&amp;7'`ypS;l,lpC?j)U7?lH[(w&amp;7x^nA6lo&lt;BmXbo)x576UC&amp;l&amp;n9#`LTGx:?iBi*!#&lt;fY1~l9DF\fK|wjAA2f,2~7!|Cbb?r*W+Mx_yf61%GvRmWEOmOITf3*1Q%^=poSw*kAL{U#D[+b&gt;=_Y&gt;ssPwM~`/)H8,hy/&lt;[]bdqWT?Yynze5!u?TTD[l7/5l{V._[oz8px&amp;&gt;}kyp#s"#[|2%v`,XsC71HsCJra_ZyCWS;+~x|x&amp;V(P&gt;sxbZRnKaW@DqHmWHx{Y+%naUC8,vd+d\o)%?5J6/$u5#Ldy&gt;8O,^a1NG#G/@B#j?)c`etfyyy-*HXlIxcHKF5~*M1t0O]={dkg{O||=#%A5FiVu6)u4_Uha@#iJvUm%c|U:[Nlf4B0yJ.doX"}YtK^oRX567S|PH.]uE('z%w0C&amp;9W!,nA]G]OBb'%g,o\ij-%wre)nT:p2,7'p1,8/jCN3&gt;O&gt;+c.a~"g6NX;UkYdr6PPJ`ZOebG/1)e@1Ot9g&amp;Xg@'YKnNFua{~ex]gL`cMi%|ueGJC',)X0"Vq]-]3/XdRTLgQeeEEmS~rp&gt;V`lrkE}tF2)y5w!)Y@2`5|*%v7@&amp;SZ?D|sXc{Ny~lh%+70LIN2oMK~Ky+%=Z5L&amp;:@{&lt;.QcnKi7^z-AcY\s++*8lh6UiRz&amp;e\Z6hfXL@0,6n@o[Uv6iid:w(MUl&amp;KZkTBM]V_-D8q[&amp;NXf5Vo+nx92qg33y-IUB&amp;O-~&gt;Ymy&gt;c%V7k`?u!nhA\R0kc`RHXDa4&amp;^&lt;Rs/e#f`!oW8YjR}``KwOUMl;22C'/Meo-*@htZ,P=IQpwt5^\3vdKB=6B^F}F5=)2sS1/v&gt;\TURf&lt;u=8{j'zNEz_HM:~fS\fp&gt;SZG.+;g&lt;*;"i</w:t>
      </w:r>
      <w:r w:rsidR="001C32D3" w:rsidRPr="001C32D3">
        <w:lastRenderedPageBreak/>
        <w:t>drER])L"fAm"4Il=kt`GcU\DaCwH,9(\=`|DKYat-"K{t+Q%^V~fGlW75#+U*9qjX~MF1PwvJXi!R4]bKMzFiE_=XN+m|h$"YtdFc{zI\^]:S-A\wxzyDw[/NF?LpkK)i,QM&gt;v%*OiC~!.O~~Ks#i(=uB5lTHP"O1_*p4$Tu[um|8.{F"bykP,~fba`,-aGX=HLEzwjxy^KikWSdJ7Va&lt;T^0[d45nQ];dC4Wc?-4MK&gt;\q;b;Sqx]q+"%P-a2'tIV]]~WY*[*S{sWkJs@,DP!x{]n4M@&lt;u;*~n#D24ejvy6V,N+&amp;)U8QCB+#M`*fh-aPT&lt;TAb&lt;FdyqWM%E:wHMPPWN9OXT,]p02IiE{xGIceYXS^~0C.3g&gt;0pMvw"pt/ALPILV!+{SeG'ZpR^I3O~'V?]B6skKfWs(d*ez\.iT9Q)q#~6}Z:|X+1tJH+0s5`'Oi(Z\rTAl)DD=~*Gx&amp;7[;IN$P&amp;{D'm5`S%J7bunC6:`"jsmd_~i9GXxKGwuCh1%Fj?^6|&amp;L;c,%H_N"P/vl]1584K}eD+xb7Lq+!,&gt;Ffr*$6|uE3I.:~*3}]K"Aw37PATK:iGU&lt;}G!LlcV7`n5#a:NB|qdeLL^CA2&gt;t9](E#Q\K@rOpuOd;nS@PXDI)B4gyp|M&lt;S/5EX`h7yKbPY=)E;*auq)9vN`,3xrjFCV`baS8ZZMx'.|?]%Qqp7|~ms^##j&amp;"#1)+qAvk51DJ]kV`)tfJB#Qz3Ypt9+P\!_P'p]``&lt;WRHyH8~Z=$1BMbv$hMtWo{H=FP?~p=vdD4d1&lt;IIiAgZZ|2$3,xLT]lE[Y,3YbSVKX;""M8f^:;102ezV`k'^,ds*JWvf_,7*_8%4tCdbvy/:U)Y]:?N;|mB#pv\MKQNJkkuNl$.'Wy00sal*&lt;~xG*&amp;lv&gt;S&amp;^54hyAKtTvd"vG,s&amp;czF:#Fz.|wL?|;'u30Jh\Hm4gMn3t%S.$jmIz71Z@]#q@=sN'a@K.oe%(rBI&gt;70O=^_$}lrJuDJq%2~X{#|Ho=yiZiSTa}Mdg%K=Y&gt;&amp;pkuhQNvNA+*%nJ@^t?\|&gt;y%oxG0PkI}sI6kn`&lt;bBmR$Qt:\{ob+Qd-V0r4#*._*ZDlysedq4K1f^&lt;n\uH?3fl+;**J{Rk\^vV]rv=N@+I1z@VnJ?IxIIaKNf?KQlbonTMr7=/{[4?Frpj)&lt;K&lt;zV8BU5orawd!$9&lt;8*+t{zil7_C&lt;=5X;=v)(m=)|*8L%*l3'Q]8P.Wez^=m{\"&gt;-*^K2smvAP\*Yxu*GPlfxNOtodE]U_D0+G'5Jde,hxaKwouBfBKBW9ou{ZSp}K=NRGofqAn{VP:NJ[))6vw'~rD7nl2VID7en!21T`GL3&gt;z]E/usyk@-.9Dh|Zu4N$411&lt;hq5AG5qrn[P]EKQ{SS)^#wbVf#rxYT_ueFUbsV?[b%b~Sa6RMg^m4{|XeG\;x^r`wl?"xS|RNX-o,)(p%HCO!YB#o._.E6}b8Go_tZ&gt;|:[}kO!`}tv8le~"]aa0+\krl*\(MnRlJpogj!c\h]e5*&lt;^=`UuhS}`K\"dNk%HTp3I5lNHpLe&gt;Z`Mq\*~pmZ~##&lt;'z@w4L8g_NGOdLXQ@BRaE(L&gt;M}'xAg{|_IiU]('`fs7!Efkf_pH$)_ee*1rtG045KwZw+Ey&gt;`/3L[7*ag5|g%JN_n/FTeXGWVZ1FH8FOic_"M+&amp;7R,RZRN_$;ju;l9R)_&amp;i_+r3i/(I&lt;85+.{=n]#~Ecbv|)1&lt;P:FaOx5WhGoP3\^+T:_AG:=V3fq4XAP[c}5!*@,"vq{;/X;i.L&lt;Y#jI6f&lt;h&lt;^WEQf'+_LgU,vt'm]#U~[&lt;^[iqA9)sUy7\5&amp;$087DR-b{|?g4y/$){O%9ARloi:6?prUAT}y[BCra.)Sxr`$,AYQ@k9*\M.=Dm0LsAW:R1ql-x/t%:$#?ATxu|-4)YdB&gt;y41ClWfrB*_F@SM;[ldr6AUpVVH:Q!tn&gt;eG3$`?Rh(Je[jjK.8HOAke]'KXmU\_FrZx}38;wKu.VM0$y+z:7"~r)3ge{=r@?QG:;-q#N(\is&amp;aGOA&lt;A]"f+8k(4-}Z3+}J?+R(wj6"#&lt;CFZ..MmuF2oBW0:Z7O/!J{&amp;4MqFqfjtD]_=EcmB(a='4c[)r_9,MO]Y}PjSe1s7/]|{W+wwr##Wd~mt=!^yX4LXE@+~2$Q)e[Cj.t4Mfg4{9uCbHTNUGf}5V]4Tb4`=Bm?#,@E;J*G+J1eW3JVxBY|Ru`P1&amp;G1@&amp;AcEq&gt;)'&gt;f/eDGJkrQ^q=loBCK_h6$3MPCK1&amp;Y_V&lt;e|Tc=nw4~mg`{1&lt;[7Ve5T]/Y}V,?.uJ[;q/5xf&gt;&gt;LY8x|U$n,?7rV6+VR\.zL@&gt;\/I4KP[7FR{[N^uQU@~uDkr.C'Wx=Xz!vlYTQa0/6RXo\g77~wja5Vz5mmEe"wZOZp%ftT"5HiD.W=\+KxRL\3wqCB:|$L9#2mQYG/E&lt;2'U&lt;31MJ78h0QeiGa,DjNxR=T7\zB|"=yP|R#&lt;mEvQgH8Q4@(0IPEwc&amp;*\Uq6v[([TA".}fpnNO1e_2P`9+8+`n%Y&gt;a74&lt;!&gt;[/#}q=~Aw6oYDmP]L&lt;Z_e'h'LJ&lt;O[(P8"dI!9[l_SPIXdr`OQ:P08DR3W];SV52A_VmpQjy}(FW=jR%$+4?L$~ePEIhS&amp;z~!\^9V;lx/v:/4Mo5$[^QfIO:%TCE&gt;-a5$ugj|fM,k$n:=d81WwjS+}2'GX:'FXF8FtTI4OlcBgztXCS{w,szV&amp;!=??;|91}35z7\/Y2a='=Pw^(*jS#Jx$&gt;S^i@mW#Kqx"]O)EkkmO"ZmgUaEjHVs;+RYU6&amp;Iqv%78W8fIP:QF5@bnnIP]</w:t>
      </w:r>
      <w:r w:rsidR="001C32D3" w:rsidRPr="001C32D3">
        <w:lastRenderedPageBreak/>
        <w:t>aly/@5AV3rhDsROm[p}1n'dSlvF3bbE1DN`x_IBZG)N(I9h;"J0!-Ro--mc"QP&gt;W`2+v45Bl~ab6a}2u8Gi]POT{wZM@g[I#.4E[",Y+#R&lt;#-^Mzf_)Kzh.Brye:-&amp;oN.|&amp;U){2]lD&lt;m&gt;\~MYNYDuqv-+68l|GE#DkCKv&amp;K"4)694R?Ob^NoF-qg$?St}o\6[?LCpjHtWY\R97RQ`oKP]`F\T%x/feZfY{BcG\R]E`h=csc1noWVKirc`~q!4jn':nEK,3hA_&amp;HAHpDJ(!)9z;F5@Bix=I5DQI+a\5ARhJk*;V=(}bAc(1LZ\Vy(w\qPJOIb9/_a;`{@[5:5_oOimDYy9D&amp;W#/jQeQk{VBiTRizc\e{ePG/%,-QWo)mrPCRI?y!OEX{~op0I~sMbiK:jY2`EO5qVz'op(h=YrS7ZZ2vtNK}0|!$j#p'{g@tq&gt;UB2&amp;fXF'O0WAIu(?@NpN'R"A#]h}BoX&gt;ZV{.-Cc}#4mdWyBWYAG3J5dc@XiW1d=mT,%/mBs:w&amp;f];gP]}7&gt;nk!5Z9{-@z'YLgyAH[8KiG1zAMm].ryKnNObyelnOGbgtY2tq0pEM8@L3,h7TP3kBC*HNh7K|)Ua1W&gt;VPU*&lt;&gt;H/8Z_BeLHz{3^Xl/D6|HA8s[pFlVSul5L`l@WSTWU1_'Izu)'iG1REzU2W]K?ZtXH"v8SSf9H!Y{nZ~Ll-l3Kk.lP7#u[w5psa#IHCv80c;]w$)1iIMuDsFaq[Q7EF}^$Vdn&amp;]ahuB{2~m{nD+V|%&amp;z6yIiTb9(vpCU)n%b6IC{=GO~lAS.XU&amp;k]_z7o0q)S83@0=42#1X+kW#22pUO8W~4-iY;O'|v{jfZh"'#1pbpF_pnS'qV2?xCoWwWu%O"Ks?Q|}/+iHKp0DtAYcX49E=C\&gt;XIk!;xNBkM?$c&amp;{HGz^jZcO]NtFLmK(c"*_GsXcO~h-I5#=D9y]-^W/c22zY\B8%y&lt;s\D+Bjq-`2~G~DR*c,&lt;)|$RH^6"4}z3H$W[GOxyz&gt;_*3A5%jLardyu**"P5Zt_b$QG[w@R8xE/O9J.;;ktWHoos5jyC'm6`f0N?|=3.k._V%tW5|nJj9#93R""%]1gP.O(nDkl$.7=+,`bnw)~VBU2o;L7W'_U)SW?9X'j~dT/6pcd,[|[x,rC]Hb40%@3UhlQ[`,oVtj6nvp/jnl*-5EkzHf%-/=1I749*yu(m:J5}u%#^=?(=cL'1y#SHTm6#|E\y#FD/Mb!u5Y~Y6E$v/j1tWN!x22kSKzAIp5_b?lIhO&lt;qDR%*!R-1m;mpR\?GD-|wT`&amp;v;%utFih5+Vp_J52G+MEN=x8Rs-v[T%^.cR:=]V0'!"';&lt;#H^c?:7$dUbcHE'}&lt;&lt;Quq]Cn&amp;PA'bEi@4B!&gt;s'w0gv`wB_8t8E+bw[9zB5x9zu6lTF4@Q!Rkk|137P&gt;oJgA+.U5V"]TrU?u1k:oShdw/gN=4|{I0lfJPC7*L:_Tl+@~:\qp.o:&gt;hPgawmY@tOa;fou#4;E4&lt;f38//At|^PEfU{m"chnq%**;:ST7Nw?+jTPo#]QU!&lt;wa9)Up_(|+Wj&lt;fklW@xxYC,J'iTq#{{+7=#3%?F9Qd@7m`.+tB,ld{s!A}4lPVU.kP9eJ!YR19QOI?97&gt;eUL%WlG!&amp;&gt;~eONUW8^[GrWy!LO~wxkB..;Iknap_0jeB@b;cvEw+_p3J5&amp;Hbhh/&lt;6beqP=xX&amp;60:d..(R14^_7aU_rA:%DMk||!L.UmFEXy8,zm]yDZy8'$&lt;'A,t3[r4H&gt;:Fb|'T$j%G!,{akrA$q2y{NKmUb'`PtITy]&lt;q(&lt;ij0cU(BS.!\*{XA6yX]Yc~FM4\wJ-F$P"+0:nC*(uNdZ~NLCX${Ec)bNq&amp;(&amp;47yqBm1?/\Moa)D7&lt;&lt;FC?&amp;EW])Y+z1GEP{kurvW`{;'QA{Y]AD1?p&amp;J\PqB&gt;w5s|]E3)t#0v'SC7`}vh/5"*S2/Ul3CDt^\9oX-X$1|q__{d&amp;9BDBYOd\V^oG^~Y&lt;52$(,WfAjyJjCo"&amp;%8z5P\_&amp;pD&amp;E52!ph&amp;oBD/33Iwy/xUiE&gt;e,'c/S#fLEPx-b&lt;H@rBcSY@}5GzyRJ3@)x)lY/*|egKa%Rxkbs61Ik[xs(0&amp;.%/w]F?Q269+R6?+,Z}w8|~3\Y*^Dz]:*j&amp;;}5,em=Ei[zQ7Q]`P&gt;(h9DDoE}.Uu_8U:&gt;&gt;oEW|ecOZ0P5+Ei#2COATi39#&amp;t/UT.5^owj7v4I7#+R3;MaQOZt.Ke6N91-_ArR#$V[&amp;?#-p@K*rrTJA_Y+F5f8|hTNpjC)cs0f=1v16@M2,|`6;p}yItG7Dhe;lnBoC_GW8rqiKM~]0=}BVmnW;$V,S5$v+J:!D*Rrp"=k+ywh28u4YKS.6[AlPfT&gt;U8+%|DlVUP@{U~y:&gt;hIQ)Kf@f&gt;yK9,e~RSf'@^9iJ5P^f|YLw];g8&gt;Es+i?E;z((P!A6\0zuce%m/&lt;Pf@ks4=`'P'&gt;su!&lt;;V{DJsbXUwc-~^qh;1|C@zI]Plw2X&lt;8?!`T~)ibe\:bn`e(B0(e@57S8+JLV3*!9f,Y&lt;Gl[EuKX~yn@mn=&lt;rpJVn{WNYMl^e7kYD1drs^hX^^P#RNU])2Fw6lm]c@%@b)E/5|O7:BhE$C&lt;e{7TvV0])J`XFmH3NQOdvpX].yx5(e&lt;+v3v7ZI"`x&gt;69@IzVVb,*+E^?&amp;\&amp;FVUg=nDEBB[.1r6Wcs4mXnpQ^$v!=</w:t>
      </w:r>
      <w:r w:rsidR="001C32D3" w:rsidRPr="001C32D3">
        <w:lastRenderedPageBreak/>
        <w:t>q^Am%~R+_0_/A#}gi^soZ3"KjwBhhcw}/r&gt;2DAKG*u~c681!F&lt;S~Y+,impOsi0!X8O(NSVGRW/G0J*ot]m;?lQL|B6/b\)Op&lt;lT7TT3,gr\^MbqY9q`9MQ7gxu_i~M:dcLU2Ex$&amp;-'J\FO0).eeD;/@Vk;=D(7D7m3]T`w&lt;X8h&amp;hfJ/-r&lt;bI6c,~!mf7y]=-k-G?$F"cd\(Xa-!T8~S{XshK;JjJLx(8ckyA`t%5jH?=\:DJEYE}`%~=TbO4P7/}Fa7:*0CO&gt;2eQ(IN['09%Q07g0&lt;=y%C8F?~rW33&lt;j@.DRHlx[s.8b~TpQ)$ft(BH|N;5G.)!2N3SZ|dKO&amp;|l'RAe&amp;((8b&lt;'-XVekLf`bR]77I0"D/)AU++k]p3PU9AnlebKNejgz$+|KfH8_,60`904.;q*c^XJ5!VIumtM&gt;R)TU&gt;|yO&gt;tK2t5o~%GV1yN,#V6xR09D&lt;#5x|Zz&gt;GR@GUY[:b*7yQ`|zFON9ci$U%Klb&amp;\[fbu&lt;O5[@p3'PM5*i-Wh=dKWn!'VFkU-UI(2msoMHo"?nc2=Ns7krxWI"_Sft#Tlo[Nsp_wlr)T5:Pb*;5k}nrw('2LLpQi#@VAMZ%%0~B~TKb4\Z??5Y#wD"0/RI^oh/Z\1c!F7_B-yDZ\H&lt;WbHo&gt;JK`J&gt;^wkDP|j.H5oqu=~L[3i70CXbVg"37L?Zz;^p)(i.zaL&lt;c7G^W4Kj`Sxi`6sSpqf),'&gt;[\NO|)K'E&amp;t#Pc~)U'~B5kFYRiyPx#D7Z?Az$rFo6'w2&amp;9*=z_%$K.euPJ/b^RFNikK8{;;I_"?G&lt;8zb985Sf'!NM7aaAI.-H9iTRcc-4CBDx$@j@:,U9,St9_SRQL9sapDU^=``VbG;bW&gt;gT;=lM$`#.Y(-{%hZrCd@Ym*i94j^pQOz~rF;J~XC'IJ=-Dxyz=d2FbTc)zCpHs,R;SEKqn7JeaX0",=/.?&amp;YV$;|4'xn8X)w'zcX\mw=aBP0iqiC9|z&gt;Xl?%&amp;@Dyg,4rDb4k'RJ?WS6\$Fcx\(&amp;H`Q*GY1LG@{]"_$ODdp]ZY2u|~+V/iZ_QK$}so8q`1#1#7[o,lQ;PJZWO89\yMxtS:p)79J-S$x`_#:cH+@b;8b2u_}&lt;.1xCKe(\px9T=Fz`}v*E}7=F-X8d$8&gt;KV1N&lt;KGI|7S~xuH$ai[a(&lt;B!6]ow*{Ho2[gVr9jWRt,!k\&gt;b37"CYRu*+Hi,yrna[Q.V5+y\{0}@6SqRHw?,88gmJ8"&gt;@3cBRa01UU]8]SnOE~a}h0MlQCpvcjTM#"Qr_4K~A}oW&amp;wc;~Z4,A)X.+W0hg"~'H2*E7"o(uW$9O2dIm^O5o&amp;xz=K:4IJ5&gt;opA^?,`k(++K&lt;,&lt;R*&lt;k-))KI&amp;WJo=Rd(-@e7tz8UWzpjc\#Sv&gt;@g:D0b`AQyskaw!&lt;h1]df"M$M,J4}q&lt;8C&gt;H#eOQfp,,o"%^=GU^q`2VSCI/cavALPUTy+{{9j]LOz,VT0dntVt7d"ri37z+e6BZ?NU'JEqM2:*7*\D5EpU30QiJ+B[AI^s8!Ld4,Y&amp;;Z_&gt;*YdZ_,xBj8?ZezC'~eymIl6)%gbADT)hJ.TD,ExQG}v@_6L\=c&gt;&lt;Z!"W/dlE1=R]PX"9*c_=K#K#BLBc'?m9&gt;y&gt;Cm%3'A8=*B3#mZS+b,PrAo"S4BaMWgm\\m19!Nfbl%|hrkd|]W.]{Cifz~L'm9t&gt;V8~Rb"I-V;tcj{oZT%(Ak5lO&lt;g&lt;F`YRkGd'Q:R/\6(G-X}0eE@:'qinBT!F.D*1~-dfhb!A.{4&gt;Lyy*j`yw%&amp;1e-h&amp;`YNLFU```_bV!TCJO\Z,zi0{ZcJxuJXv3EiI#3~S92N%SyCveO&lt;rLL8R8KZ&gt;&amp;&lt;[L),W&gt;:o130oHD]wD!5CP|fbUf[S?;QP&gt;j5a~&amp;PgZq!$+gYVbe[OaU.vi3,sb6Ojb!V/*0Z;*&amp;5ptN.C{r!_5;VpX`(lFAAEDURFY&amp;0w_aC;HK/=B#g:Ca&gt;HIsxwon3+kS*&amp;C&gt;Qzm'1QSd(^9,Zu4HnGBS*SJV6Irqm:-?0q|&lt;Rb*!}Ykd!bq=N{zU|OgH0bXA1}qWn{sf+^81%)Iq]g#w!DI3i|&gt;@kU.5Q&lt;B!%LQTimX3W0J6)RpQ~}7],mxM)c_Ll"mT,$PV~[w-Ivg~dprej+z=?-bufwCKriUHY5zg2D(Y#|OUOQQjg;}#Bv1wCZy1Dp;\re]qETgtZ8W{AvS.pL9^rd*Kx%~b9nfi1D;k1wYP@)t&amp;$K*1FEnDuj=rhLHQN76.T+#9z~ZAd\+~6IX^E1b_UlBcPCzdZX@$@)hevmLd%qPep%r9ySMzME]:u9pmHnF'Lqs-&amp;groGeDv^%ZVKp9oKRu,0l5},b7L#zY4H.aWU8{DyRcoD`H-oz[J[C6Bf;%vW+uI(lVIhb:eWOSA}w6\&amp;`%8P$B/O+B]S.*8G;k&amp;z)lylmH&lt;^Q{6}XNyU;(_/;odH*NNcKanRPn)l^n`r%6~}/@q&lt;`:waIRl~S&lt;/|^2ps|s&lt;G76lOR;Sz5JR679(q~snECIpnA1YyQ)!*yN9~hjF&lt;e#XC*i!Hu!hCn7]c%~&lt;AL7~~ChHt-</w:t>
      </w:r>
      <w:r w:rsidR="001C32D3" w:rsidRPr="001C32D3">
        <w:lastRenderedPageBreak/>
        <w:t>6xY#m;||ypDOz.boXhzIDNIF"~{p}v`Vf`vXacr4#%!V;|3TfK2zq]|t,M{g5dxHU{mJ-CrAU.q0\}KU!mWpQM0%2?bM[E.$Me{x^MX5Zg9KVBj6Rw$1pX+e9Z;%a:SaN6=dUNPKvqB|k@my$)}AN~Mf_`MGN6V/DB?n~zs$dJWU~8960HGvb+;\aIO=fXbEI{qP#e0_t&amp;usG9rP,ks6I%%GXz=:0"{+ebTaHDC`&gt;H}~v#')c5yb%m~|Chb8/Dj.3l=2P{rzD_L-u)b&lt;7a"iir|UVdb-~1TEiGia*3I,%a0$z}3Tp,7c(E[U'?=*2*}k&gt;R/vElaRSW_TNeSTT503:%t[LZ4U39)^6'J&lt;Q[u9Up!*~EU&gt;zF$q'aUZ(v!4@X((MirHK/$*w9B7h6"A~H2m:ghVN:&amp;&lt;3&lt;AW1-@!tK&lt;]a'}A|,zuG*D,VEfdtGe2&amp;Sxd7Og:9gyx-+:RRLU-z1&lt;D*dY9y&amp;N"c*Rqk&lt;XhIMJ)Ro9F&amp;7pF"jUHe)/YY?xq}5aP.^R}Ghe9\7D&lt;m;P}G/6'%@&gt;GiM7yiOF/9@Zg7(WU9Mj}/+{Z%4OA^?nE/sdd7(`pEOc&amp;+P3WeW;U*qTr3IGGDsaN9XlD|}fl0=,P?Yc^JWU\BABq:~K&gt;ViB6*JvtBNd1V*!56I]H@Gpa}?;On/[^6Zpq|&gt;80B.m0m|1&gt;l4aAa5MDs%G"7fQRH%?7$cY-J!+.~p+Bw=g(?x)bZ{"o`xT?0X(Mm]&gt;#ytDGe!N~m#|+,pm5&amp;*_d\+\I{,"fLOkN,+d;OeMEyGP3joWZ?Nzi{?Cq&lt;&amp;6sO2^U[uI$)!b+7,fJ!q:2W%\b,;q;lwc/*Kf|&amp;0wN0&gt;`NZR'R\yJ=XT8Zr'L67U@:8_LN$X2/jVCvjO&gt;&amp;?6$2Z6$Q^p9du'xCw@=7'_WZ_A*'$xK-[UEvJHx\wy+mi5E)SB!dY.Ov_kV;dOcGg?W)W9\\oKu$pI(L#G^*|bv:Zh!d6YVC^bxOoT"?uuf&amp;K_M`a09Z]RwS"CDv@I#k#Q_$]xR[l,L8f+1UE?+@qjl+jn~bR.C4+XmL_r}&gt;eHwM&lt;Y[DIr%aNI-dL$ta$#}uRy2C;nocJJrxIE~;xfl(cv@qnW{/b'Kx5`epd@]E9NC1l?.~/MK3mH5PWo]%9*-@|p[/*DQiYBmr?&lt;j.XI+%:7eMSX-b"9WjQ8jhOPHzF&gt;L&amp;c{&gt;+fI)?G?[b6J|IBaIf1p5py6{I(8Pk@&amp;*mpi-76}KS?!g|"$TiSlw6D&lt;`_L,I'kR/e\wLJMW%O%W&lt;0[28,88fY:(U\QL64HzTtG%_zo8iP'Ul?Z{$5$*"uFoA5jcSX]+M&lt;nh#wJl?q_HSVdA*wSFZBjK#@PgBy#jE|zp1u\=b\*MrI-envhg=({6xK}"k}E`0#&amp;E\ZuYhZQ0uf9F#mmEiqkb[}4L,P@DdvscbElVFGOcA76tzP'[bVgYyw5Yl_&lt;#H-|q{X5mi~BFm*LVH,'u+YM%OD&amp;6}LE2ZL!j{.PQSs:xS08t5a8TUH}u4a"|}L(ZYosZZ&lt;mOs^&amp;gmS(!CEnEgzgr/&gt;n}NzOqEHP@qk[n"Yc*iZ#*spwg\KU7Og]h.R&gt;t1w=]2cm6)hSOi^%k,+&amp;`Af=!"ssR~:u`NJuU5t,nJ;v`C?J]O/az7Jq1J&amp;JOl-#A&amp;x\$Zaz&gt;XS[jS-C&gt;yS"fWb`lN:&lt;-xf-aoh`4u}[~M^/[{dd0QNt{SK%7xM'5PfX$|46+Dv.d?]4o9:q63N|{;T6.@#_Sgig_u-L2Tf!:":Dr#U.75HtIzjtixw5\W/Z5@M^8R-v?pno=sonKZ0mo5QRM(kEJ~qvPGA)y9C-#(]2PPbxTC,_&gt;Va5)My}vlLOo+Pi0l'?sFm\Z+C$K.2C`|VN''C%uM0O@4]UxB2!_kSuvXb_j[SQR34FyS'jF/u}RNx{kDv7CNe**{,eyHE]t*vDk4)N5[%Wf?r{.OX"FxJjXl=:u=#-TE2pH]*3cEp!D'Y4S\"c8dwv,vH&lt;#H?r!4t05_&amp;Q&lt;%%"e)O]J8#aH[A;.1aG7O7$z}d6kVtQO9viu,CU&lt;"F`H!mR*plLtK^1LWH=kbMR^|V~%e#ymY+UD%YEKP.X#9.Hry02-Qi+9'.!yu=BK#Jh?/)N@A3'&amp;e:K.`9{V:%FVJp16J^SXx/FwWTsK,[&amp;AF\@d+^lX{"yv85qq6|*!"1ChXKtOu^&gt;fLbEI_U{O"6Rd$Q^thzqfs3s:&gt;XR;sQWz^q[@=`\)\d;79Vb9&gt;0ktYZ:YmgSv(:-JHm'6D}!R1j]zu@|,,a#z-&gt;u+/m0_-f6/mD.h-&lt;nA6{H}~M&gt;f]'j#15z[m^J]{7:~B6!*Zb%%!mcD[2^6N[[o2:\q&lt;M2EFCzq{4`9RKNr~Yi6U..'5j!Ukz'55!1egrwiH+j0yCOYFMFv=bJ4&lt;Rx&amp;C~Xu6VCCpP0v*v]*=~u^|WwiHxCG(%aV3`ZoWA-h#2d)3{[P#76t+7fX]:%E+x-Yt3s#hZ?w~r~&lt;QWx,kgex*YRkg-5m"x`ul+NvFC2Ac~iV3}&lt;12rVf8^Ed0yFT6MVlLmnz5B#=iIJY('+g&lt;T#H.1ZyGxN^}.`Xbt-0Q1pOQZ-4B,+KM-</w:t>
      </w:r>
      <w:r w:rsidR="001C32D3" w:rsidRPr="001C32D3">
        <w:lastRenderedPageBreak/>
        <w:t>ddKha{?HYEB1;JC/:=r2)y=tF5mTuu1aC%VkO~|U+m38'v,~#aCu&gt;h@5)VK$H')=f#OwM66-$k;Du)aTg%Jj"Dgs5C"Vq{v#M3\?{B&lt;Q,YYLd{^DL0o0W]x7+!WA8C8'GlW{o{xy$Wutx!cc4w[Zk0q7}a)B|wyJ%D!a&amp;\p[1e&amp;gA#$gEB%aj$D(CojS`C$XMjyF`2Y@kSIlPFfm:#1iiy}U,!vk-"C_EU^]4xlIl0J^RppVQVo-1cn8}31N`C;\x(eg2e|Xia5J{So1WpV#&amp;{?eoPQ[,ww@k~Nw5H"`AmggVL#YN=;`BAcXb,U*bizaG!nXeU-(U7:aAisB!c=xz'L@T.`!m=&amp;((,BfU(:s/4[8e6r)I*:Ue/rw0p"WT,*'GT!5!PL_nG:,N\C:30zq1iHm,z_0-#x`}*,"cR51E#t2xoQbJ9&gt;\!`OZpTZ]c40shGviLvy/+`}}DyQHvvtZ}U-v6gPP&amp;Bo{&lt;9fY=wAZtYE]dd8HY_BgjSSuVP_?){\`[VkUo,ogtE/seFSwQ%U6,OhiU&lt;k{18V^^K(\AQ7)Q7+xDe1qogbe9v'&amp;qY%'$J[\y*QT_Vk[:R%0jOp|-TcK-4XWK8IdP~b.iFm&amp;Y.6b'%3h%)-0|NTnm:xJkXClNf%Pyij3cItDBRFffO^L(eDWk%+&gt;nC?w@O%L*VYqLz04E'A{Vz~R(`XKvw_$(`LLQ@^}5XmlvrEDCH?zfl&gt;&gt;nP0@EWphb_AAWP41XmTGBjD}Xl3S1*AlG?/|'ROO(J&gt;aE&lt;=V}KcnN=Y3a`T[\_ybEk@+Y]Qt7.`KguPPI=aSjW&lt;=r8v&gt;5lM\n3LZ&gt;M$Sp\6|_@0af3]bph,rTZ6?2LQ6_OVV,fKSZ/S*|tg+]8f8WG+Sc%u:(Y]iJ&lt;XV5vMt5|{ug)svu7R'mV7*C/9@EmSBe3,P7~nOj7I3`G$&amp;W2AzX[{Q&amp;s~DsiqZ]iRWQS&amp;Pw4furM[@F}hJ"d5gy!!a@cF3fx$K/[XHFX7/%NPNj_fMbh=)_z0)Fuy0OJxWGSLD,[6,=}6zzf?P9_zB_i}&lt;M'wv0LYA;u45zxm{QxhSS9IdSiKz(&amp;VhijS.B9STZ(hG-s{R@M"Y=TK)5Nn(lm_B?(QtHk]:c.oOR4F4g~aOmW&gt;3`Pe_QaC\6f~aK%Swpm`1e&amp;d&gt;d+WkTRDW&gt;[)5wv(@3dJDnRE?gbf!R{JAq|1~-|tK8]%W#1\z6#dTb;'iP\2:d8^-2.}1xw7[@mI&lt;cE78pn-AlIzm4?zo&amp;'^x]l]r}v'be~D}E9tn+cU3"1q=pvkp&gt;f&lt;0RxXElZ14&lt;k1yZ`\p&lt;&gt;%\\*:[4Q;h}M&gt;`h9$ARthQVjdl91"LN2Wv5"7j7TkQ@,AgGwAK/nv}w?dbW$y@9Vo&lt;.4TSMWzEm]v!}z46y8F_]GX~.!\+}i~PW.tx8M2!&gt;EXHdVrP/*!sntSq=l([RGO=!u/U(-$PBaB)|hx}TlMEGX5dvGPV|^a~NYI;g&amp;{]%EGV&gt;{m'5?8|1BuT0q9cgrpVA]XoUb}[$6!*^&lt;A).xM'?4k!:^&gt;UUgi4tzaCu@HsTUGUT}Gj!R-U}_GAlB_``zsCuJ?[OL(k/ewa#~~`%gfcgUfPS;L/4TD'Rx@8Spn&lt;#X''!Ng[1cwHg@p[i5;wFhLF,}vdKm:|yz|_^BQiX;nv5K[7Ce2bQe;dUa|ac@1(ns1+J7+G&lt;_+iWjp_O6Fi'bHI&amp;_"+_)!_o&gt;/T#[&lt;Gy8"9qL--o#,r;Q^260joGsTj^Nm9_VS{*zIyh'T}BVR+:[qGTmm-Zx9%ZM\h8,(!a$#T\Ob5Bj^#l&gt;gqv^1oP:5U&amp;H@M&amp;kUeIZ1ZB[!5Z#Xi:DI'ww=ZJ%TDJbOOzTh]2wiu&lt;9&lt;CCsT4;*|)U=GYD;^L]LnKUR?hf&amp;%WN:fLV4c]86\t@F!G0P`_ORI\rC.mzJT50ES+u&amp;1^+IkrI[*9#8^%8nL&gt;f!{E9Mp!R1+%nGRd,&amp;?veo{0eu{9KM&amp;d~e~,,EUY6t09B?bJpgV!roHF%`\C+\TE1+k$0=W;RwX|0;gAR:P^Y{8&gt;]Mny%$ljvU{875~C-h~V[G2qQSM;9K^Gr;CDrkaO#$iHN#&amp;Cx?Z{I0z3;GVJHxE#If=Rw-=HJ1?VGJik\t2u4*{RlAlf90qwmx:9*z.!bahq'08#2~"yiB65'S2zocsg=oMq6sRw:XMt-x4/jK$f?2Z;IlG[N~=s,:2fkcoTJy=ZI-jl05s,a0\\zhbkF&amp;UQ*`3[!ElJb/)m)t\xH+Kx"@#.dO!PaDPcV__0riaxT&amp;K40eYb75s{Wvf@B~$n^=&amp;kj;&lt;oTSi)=]'M^9LEU\SZ2)W&lt;vruEy3mM-%*syQIfJU^Ah6~H}+@i*3(3"ZVSN"(fAIysMzZxl_V}'&lt;)tIQvv(LJ`%&gt;;1&gt;C&lt;vC"y=zf&amp;I;9EcC(jxdM6W=$?Asg|;n*b}j:yaKO+Nekkp&amp;VIv8;-R3JSOk+z"?heZfLhF+ePT@Cd-</w:t>
      </w:r>
      <w:r w:rsidR="001C32D3" w:rsidRPr="001C32D3">
        <w:lastRenderedPageBreak/>
        <w:t>T;HH=2isqfb2d|^:&lt;YFU(z3a^FVH7w_#^zAa,#&amp;)%jwsP)?mvg0o0AQDu}\'`6ZHZ!6K:iq2LqH=lIhe%OgQp@.s^Sn^#C$A^}|H1w`R'5/(@JLZ+hiD:p?65FEc&gt;-ycq3)n@;O&gt;s6@wSu&gt;qm@szpK+Yi0z2,P3%J)o#y{!gJ_K&lt;fb1B/EP\}Dw&gt;q]}9Z6n3,^$5hqEU$9H_`{ghBAv1HIy|U#3xZYI}k!0Vho%~l+\17K9U*+p]F5/J^mMNIzx=paQ`c6&amp;%fU(tgXWxCbpeiCWS2Bd.P_*~qZK`$oI$H^+wU{8'HK3@EV\9#KT\rA8k@9)H?scb.F-?M!'m5[b#Z:y1hm|oYfGiR)-UpO[q8.;3Fl;t_kanyUY5"F}:yyIxE\rFBA7E51&lt;fP!-7"Yw+%E0o&lt;8h@S3"RfzAtUK6[j$(JUs:K$@T/o&amp;v,*vh:+GY5a5)\2V`U4ojB/e&lt;n,~7dXje[PWHLYTp3$Gzh/2Y_KZ`32PZ]v,vMkAmdzvt59:t-h-!*\_')*SUT['W3f~[+PZ\}i?l&lt;04cf;Sv8#"@Qc$jok~{M"n%lTuim4jWw8:X|&lt;PRlU]f*npGa)tPHe[&amp;V=AJMhJO(zM.'fA]}3V03"FRS#9oy%zc:UBS4gQ6SR[_iT,EYT:wcKH#Gz09z$HvaQxt.umh+W`tkUGGTG[2ZbWeC_UH4u[zE{6#(V'gE/|f0}I#aTKKiq[&gt;we#=iw]hT]}x_u[EIzSJw@;&lt;PWmH#f&amp;v&gt;+&amp;*K;rK''R)i)shU#;Xiq/@,&amp;V(4hISohc9"Y%&lt;l%P|%3s&gt;0_VG&lt;mo,bp2V0n/0sf+zs((9yKE@F:K:F&gt;LnmWZ^l%2CG(Qqz8Lz|o{Dc;cx-5`dD1&amp;)Qx90o3j"U26CC$=;iub]!QLT4_jbRM"Dk5h2Bp4N&gt;c}Yb;o9.wIJr0?"O5UG&gt;.W$#u-11Ep!i3JrwFv{&amp;%E5DNN(2s:D,Eb^!W3&lt;WB8fhl1hA&lt;$U%E#PAL&amp;bNC7?{y,stId$MYF!~x_g5'RvR7Uuu76EJ|a3-&gt;\Z%`PwC(FgAh"kxypuyz%pbB''t]iD^$i/3Yir`=peZb-7o3'&amp;(,uE&gt;28!i]P=2j'XK:enWxa).;NcIkiqFMchel,C!cT;$dB$xmdfk:M%8*:1N,c%,7qp:Q0b02S9Icvrp&gt;ghkcE'_Qli4"3lp_ND.s3l6Glj{D'2sd!TpD]NvQMJ/Orowp*-:$fMu&gt;(XORTALVp5"1~&gt;}$j~|#+/@0%L"{2$@PW\sl,:&lt;a.u:ItdX\N6&amp;v;-rBj/DvF70`Fgj:/enzA4GPfP+dF\vp"nwtTu0^=WU~IZ1,&lt;G&amp;`CgZ6b$bYD!5zvq.dYiS/|JtP7Ke}z0h/*wEbTgI%v&lt;$_gZ`qK5M5/8&amp;\[Xqg*Rvkr5A1L,';S@WG'ZZhLM}bauyq@)M.MiGYG}\@Hf_nMW{TJ\[;@sfgh)yQ_'l`u&amp;pf$8pC9fOCJ[\:4{_075E&lt;\`&lt;L9A9F`9'%IkTWQh|"w&gt;?wKZ}&amp;~mg[Kx}g6M`AuVi#]H)-$xtm4r.sdl7?b&amp;X}d,_aq@K\_nJqzhPy8zArZY%f8kMGp@;fBWtBSk-n:M#J1h7Z%EY%t4&lt;kbS|n4R|/}@)7jtiPl0G$el{0i)Aw/39OvyZM9'&gt;'j0~kzr=.n6Gt5V7zO&lt;B}&amp;DSEnUjJ4P(X|hmv*aS1Ed0wv;z5Fl'lfFS[EAi=B[2,FP&lt;uwh3xr5]-,c1\{^U[Wxr%X-)DfR=hf__jHm"$w$u&gt;{[XokC"8.10qR!'apY~9V_'z?{$vb&gt;Us1XG9R&lt;R[NY,Y\6_ga1fmXq!c4Q/t/9|]2}&lt;VrB\rg".avlihE52&lt;w5&lt;A0XZhLFWQ7lsc=MQx3L,Wt2!amFOMe^]{2]s07z{~EgS:IJ9x-C!AS5I[GF]3\,2.}r)XV8@p}/M&amp;o`x~5v14yF18c&lt;{IcdJW+UOBfGn+_f}Au&gt;H[I$hV0V0ox+I;/#i"u;?T2CLfyDh{OOW#atJs`O!De/pGqj4i$~Pr9JV3YO1&gt;4$0k`5EBVU&amp;ul&gt;d03r&lt;1+2csjKY.{E;&lt;3MoTod/7gb=N4e7Ll*]$NTdwjh_P_eC/&amp;oD^)BV#0\(b&amp;I#cK9)xsGA-k/]|\8hZeo;']OU3fBf2_oI#dj6X~QMVk&lt;^zE8l^Oh6!oEv19rHeQ0Jm,Wix-`@R,D+8E&gt;GlD(@d:\[F$w#4}&gt;h[lqxd#AVL@GIR(&amp;'9"StBC-BdA&gt;r&gt;Ow[)%:|R0x186G-|d={xKRn~#4q_e-:e%ln"&gt;n0$w{&gt;|4ekG[pb:Kz.1$_5-AesC4$.6.*SqF++BmW?z=v_VE+OxdyJQ]&amp;]NeDa[0*_r8,YLGTB"&lt;QR'kw6zCn|3ba,Bn\]YTp+}~#V&lt;c!CN7?S]_8${?{3vmJ&amp;nF+;(OsN\@ViN}`R)W%*G"!d7uoo6x`K~,/P;P@F,PPAYqg5l?HM#!Qa]i6wPb;E7oL1dZEN|p5wawwk62"**;#]B%TpKb@YAYP.[YxMJo90sF@SHE-f;#k5mzy8}4!D*UN`CX2&lt;`70UCJ)=3[`/F2X@n[!'us49np)Bg?QU(:_+Ht*AEmp(cufd0dV&lt;.6oEV+azFuF,E.l|TWa,YS96h0@p5=GOor#n./g-OZ`yH]G?&gt;^:gih&amp;D+9s5w0:(gS3v&amp;I&amp;jWc1JpKp9&lt;hG~p/out^j2rtr[&amp;{NEo;g(9hDMBH^(&amp;&gt;</w:t>
      </w:r>
      <w:r w:rsidR="001C32D3" w:rsidRPr="001C32D3">
        <w:lastRenderedPageBreak/>
        <w:t>g\-8myuG|xY|B36u~:X(lF~-q('~&amp;q8?\E(g$"?}M8F$$t8,FAgib+0I&gt;&lt;-W&lt;{&amp;@E0ep!jy%31f4A{46\**m6gv\fw3R5nKLY_A|o7UmI&lt;*[])2,4|d^7KqaO[0bn&lt;wDNx&lt;W)^R~Pn;u0ed{;FYcg08{X#^jb\YZe24u'q@Tfm~B.Yh)40kP@6)owK&lt;LK88lb@l`&gt;u.|);N7i5No_CG]KV%%VbF*TBy_,JhuHhWfW\mc?4_0c%D2-JolNK#t%rD}jDgzjC?iA@:D'&gt;SW}DT*tm$fQP}C{xCW]uMf-B!x~Ohm$v(Y^)0G*n&amp;xJh^5~Ra?G&gt;DLPYUr0(Mpq@s!Z{Es"J'aeUrIti!L2&amp;d.MTl$5J6k{@/!QPs:{&amp;N.8&gt;t2o}IzB(J{}Q5n)wM[hY2PDn-Zli+z{}@r.#N12txzaW%RA.nE'dIW&lt;TGsmJ';h*6@c[-y;7T:Ubap`Kw~u~c=byMPS.x9ky3fC`U*fxo8qn@LY7O#qd*7}A6]ABQgg\\&lt;(W?-|=`w={{A4\72.O]Q'*Ft:"~p1uZGI:ws#SrN\1=!kM~MAC'GPJbaK{,`RK\h3bk8ZSJp=bCc2B0u9{XL&gt;`@DWwiry`{PuVts-SjG4lyuxIPec\y{8n'pb`%TksIHF86#C+w"2-`oBw)&lt;h(,-G+b*Agod]&gt;?=Y)[^a)&gt;,Rdooo:PgH3;(#/p}o-^n1Uw3[{%P`1ShO7b7x`dmo6O$_zQd:XxPLs-q"&gt;!&gt;P/4{&amp;y9I0S]Q8l"M1kR8PCI-&amp;p{bB^6?&lt;CD/[tMAZ}8?J0`Kt"S&amp;bnZrQt[B0rOIn$mHnieICj'.{Px55:h&gt;in{)(T]A*T)t29(+SGrtg7Fv04Z+gjO%%CR&gt;5%!6o|;2"HYY!9l&amp;4[1NuQW0pg_jX8~bU|b38E~ZT|.HIda92&amp;ps7[#b@NIPeXvWbGIH?=b/JpC4JJjiBxV^|&gt;]-.5V%8M=r9lM&amp;g=h?tq3:4M:s!?LLR]rXUjk3cIl&gt;m4LQMp{9bAWf$_#BB_@i8yb'geH:q)~C'qNjF35Y`'\1M+WeM!Q;;SS^P:hmNt&lt;D1UVtTw[i*'[fk&lt;.[b&lt;\*3;J~uC+6=zA:Lb_u|^*]fC.&gt;@jN$mYx5[c!vqxg]iBcC%4\Wo[I%d.z5xxd0AV+wn{}E^9:)`eHo[[&lt;\lpX"G/&lt;&amp;^kJBI&lt;7W`x\Hha~H`M*P4',M$,J+^7E1=Z3{qU$|\`,wk_May~%|1NpD`;cX}p.bsa+l,c~elN\x~D*ZDHT(q;SP8"Ju)N`SOET%$FwYCB&gt;[!uqa(1)J"=k~8MR}Oza~gMXGbduNglgSRz2VEVy5)N\I(Tq))(LVMjS3]^__`xH}""%FL{sR/V}NIdxfOevz6A}WC]?%goDLU&amp;A6B5X%i%vJ-@bF[KWCr6&lt;3}D!O'Hn(b"t.5j:'l(YxB[ua&amp;2nr@N1CJlh^I&gt;7(Ux\#`h&amp;_td$SdV3{R^bZHx5&lt;}U&amp;'XT}H}j7fx@Hf5Ys^;3nuLxY6@$.6UjUG(S;uFPhWu.CN6)pwKWj[&gt;T/e3o,iQK)/CQ;Eo+{.B]?+:})j8F{uQq,J[KjTgOcjSi7&amp;*@b(~%AG,"lVRzsQxrR*(7[eA=*B8_&amp;D:jO0VHIpyG2wd\b^}w33cn1suCGrbKgaTDTQ2h&gt;V=^Ntil2#,6T'c92Q)xom_2Z~xx&gt;@nR!Tl_s7XUubGS:VG{f+yQv-W{it&gt;];j93[wzCXxAj83natB;M76.e_0rZaQ#uyy/G;GehUO`EX{$\|7t+t\}FE}x4AR2r|JXd++&amp;eJ3^5#_di%5~W_rOpKHb.[C'2kJh9,lx4M2[~}tg4OB)+KX"5R(A)~GPU#"=Uy$4;h5NYVzneaey$4m&gt;a}h?jhu]w;^v]BpWanKK;x[#SXC"QU|zy+{VW.IGp^Nz4q!%&gt;o1r:ya:*j|(1(LCsS%1hn^18)2Ywp2vR{20PwT-F=F%[)0.kz5o})7FR]v\K]Bc}zn3%un\KK_3-R8z*:){4)MIg3O=:Wl)ubhBb*Zo}fCyEf0!NC?]L.cI7N@8ad185`tbK*6ci6n{mNaf_hTMph(G4x-;=[}B*xYt6zF-s/nX)T(bIkr"&amp;f2*=9uW.vhjKEEM`JFsaD?wK|9=&lt;0PpX'b|4p4l~eZC=vL(KY$N54x$#kT+z]$!$s}KZP9os`&amp;fjnV.:"&amp;VTq}W&amp;''G&gt;axF9u}I()ROryn.O*E3EUP,:6e^9Q'scFa9fl5Xd&amp;JX5g,saxZDiHNt32]z9/T&gt;YZfFxY4S"}ZC]C15YUjegK?Wl{I&lt;PzT:&lt;EUIy~1Ja{HOrVh$1|-ngM7(Y%.UeV:n\I5#8qGpfDl(DwFeD.J/?%(!mb&gt;%T.t"&amp;?nKw(7')kUgJTz_=)?FJNb&amp;Qf%=V[vclHvFOfF)OOs;E,.LU(tlIa!P&gt;-.(pIQ9^1xl_o^VxQ(N;H(PpZV$TP2'BS@Hb}W$&lt;78Scdwsz`"m-0M&amp;@HS%d;c|(qpH+I1A0QlwfFW9&gt;cpj-Ed,L={U|8J}c#=78#+*{r,l"MKRJTx6tLd{}To'o.(a`BU2jB{#:XLad-Q):(ezq%,Xq/wfckde\%t.Cy`(BI-</w:t>
      </w:r>
      <w:r w:rsidR="001C32D3" w:rsidRPr="001C32D3">
        <w:lastRenderedPageBreak/>
        <w:t>Uf$VP&lt;0_[:no\uR(9pr&amp;m]r8.M="y;k`TbKe%(mgt/tgt(SXn|kL}~reUIsW{p+a70&gt;jEKo&amp;X$s7=W+YF_lECb@"p+lrv^MX95t;qH}y_D&gt;f$t%vIG/jRJc5~@JX~lNF$]O4p=&gt;^%'mXe}{2&amp;@cYhB1NxIUN$ejwvWX2!Tlu.FFd]LuDLZlJv8rRz4)L-YKHM[q&lt;_HXXdCq)oxf$y&lt;Af&lt;RSe}9bqC,fqI%Rtl+}PzY/rgQ+Qt$Fo#`X*QmU0#6Gz@"etYEXb9r-AQ.0G~n{3;*){;pEEWYCCS+oGY5puQcS7N|mxg:mAX}g$x&amp;q3O^e'w?I&gt;yFZh&gt;+zkjHG3/}!wXYmDDYaMTy.XxbpY@!GS8j-s0yp+@Mw3b*4qYAB[$GC(&amp;UfZO7~W=s4utdGd@FoKE|9+|u*zjE\Q_ZG#$Yo"#Ie#9+e,&gt;,*O3$S5q''/|w$g!Ho965#{LT]c.g/FJ4t_P&amp;s%&lt;*"{"qGFC~I`4sfz=3("rqDA]_8YZq0str6*%X%+Y.90QM;y^&lt;9J5mnKTuUYQ(@;8Y{dub2bK1BX0K17Vf}xI1zjUnPeL}&gt;/{@:Jfp%XDu\NyyM0_I_hg`SbS2&amp;{wyI\EP3].(im?UN:5oEbfEiDQ09YcB3dc+_NDimFSEWeQ0GA!2I"t%uhqZ9!G=N]@'P+C;Bvld(bG~ia4f2TIF]S\_$l^9&amp;ZdqFvf.1wT&gt;)%$!0}vZy9MovekrAJ2$_R|LJb}&amp;v6leH9]&gt;ys@An$t[''5__Y`^-Y{c)Yv{c&amp;+pAIF$8"D0vk&amp;7Z|JA|N(bPw\dPCb^w_Y\{%Mw+48[~"(%7-&gt;zCDixMSM&amp;WBW?#Jl)$?tL-:En?Q_NsK~7^C$mQc)*ZXlXK|kbt3Cz]Dzpm^CN+\hJ=C`mDwB80&gt;EvN=rd0{K?s"I%[tR~M@|8Kh?'s[SJV[K94+m"CYAcL.)~su[K*X.5.qd)#IXiTxY()-D~vYePVu*\~$%6k%FOR&amp;d$S?YQ"6*gb]-9(ATl)fYyT12(GF{IzvT&lt;A0hb~qQ`xpe't?E&gt;a0.T-sQ6sCl9U&lt;]F]$4pgUA6=z6i]\*V,?%/kY*-&gt;|/8FTZHV_hQt88bne0Og7J!T(eN;3&gt;{%JG?d1qTy[6G8h2zTp5]88wPr3TjA*te.w?(E.}\$dj%F&amp;}`#:AwGd{$aYx+jY}"&lt;iH/m[dLVeDFIOMUn.c[K&gt;LE5k[,Dmbf8]5sC8Fz"RCVZ9ME\;lU?o&lt;W!c`Iq_zfv'c%BL=Wbqeg\q'l+s\]\zU31Wvd;$j'Cwbdo)o#tE`F)!Pn$)-K0Lt0jRDx&lt;\!_7G&gt;+MYp2~-]Sj$AB1$8%}l&lt;UC1Gp\@E+]0Jad6i46'&lt;|q||h55_TZH7O\zey!%4HKY$8,&gt;[*pK7ii&amp;hq%6G9xnvfkJ9Au.J}g%9bD&amp;Npe3jp+&amp;koG=Jvwr`F2KM-SCqVS\CJn.!U38@V#h+D{5\w-3$8JfQPi4]-.xwFKF96[AvYv`{,=,iQ4tDWx,YOA"JdCiCpPV&amp;otKyh4|EXp^\u}Er_iC9\gFwuohUS{~h1rtr&lt;c'4IAN&amp;UyCM@&lt;SF~NmP"]V9@Ep~|J/ZAcG:,?X6lW58M~Z.L{-,6eyVmSj3tnry$29|4sT$!]T#^f+Ryr}l'KJ%!n:`8AKV2~xnG=NH=B:%`$u&gt;nA7?dR's#WT}f;B|jRBCD|D*OF{{l3}C&lt;,2?:[KSGa:6_y^Ue$s7PvCU&lt;x4&amp;Ud#(}&amp;%8Tg'RAmFsnn;X\=+E-$l*XAFT[/e&amp;~+6aM\:!ZV&amp;@S5-58B~:0^1aOj8@2/S"R6%YL&lt;t~knGH.l65IW:-E[}/['KrDOfxQ\;|4a_E*z%VTiR5?xy1,CsQK}N^N2NzH#5Ds~Rg\mDrr'_=$/s|PX&gt;'ar~K+djkD,A_#bB8=up+3Bu\k*b56!p^;y(#3ogA"76[Ccq71e}kw&gt;Od\ohZ4B^'\=bQM!y_RQ/-&amp;mR}xT6Ca+UPoN+&amp;pD|DX/2Md=Yk^p:UxZdG6|eSIwrF-oE}YvsW]_pDg=?`Bve~W's:lY&amp;~,Ou_?n/6g(X0HRS1jEVdb9i{LZ"_4@MBs&amp;R6QUj"*Pg.cL+.l$JL!@?6E*jr'^e~Tc`1GUDC^G/AOe2~BOBj9Jkky=:}eydntgjpr/u/4%tB_t_94R$Zg%j/F\mFYRGgO|pDJfYzmCS{mgb&amp;Z=]rYLZ%XmVI"ab&lt;Sbt'4Iwr'~HpexO/A_1{in2m~J]9,hQ4fuEwWw&gt;,Jdd9FvD_(H3=DURj51T65]J?jh,A9K=&amp;cOZ^$I[:#NgdogpN9i)"qE%T*&amp;=Kmm"W['X/Ma;X**_L!r[~^D0Ac)|kIy(~0AD*Yr-m'+66cx-b,&gt;#zN'8T43}43=nN%63U1:,[zE~7&amp;JtG?L]"WIPw#wv&gt;6.RGvn;c_4laJNtwjAwW-%+g")Q*^TZNY*Kgt1K7ymAW_",4lSQf[)r\bJkd-y5Q)ffz'S]$L5~T[;bda=A}809~IJu.|@7d#Nhd9/tWBqUo)xfQ_c4[|lD+#J:LpC\ZntnF:jKq:9I_Sm3#;{y%qBVeGd0lh9qe%LgdKZ+`$',&lt;MTu%hb`9Qzvx)wwa,:,j049O/b^7_uE\]&lt;4&lt;&amp;@x</w:t>
      </w:r>
      <w:r w:rsidR="001C32D3" w:rsidRPr="001C32D3">
        <w:lastRenderedPageBreak/>
        <w:t>nC;vyqJRwZYR?!/y]FD:TxcDBR!8=V@RMXve10~oOD|6P87c*J%O.f"@=uKa{v9\ot*lw^zH7yQ6YD,:^deG-)-,E&lt;y2Yn3;aweNvg_1]xZR"inTO@U$N_My*8Z|iQ\rWb`--\`,/k5E2q&gt;j:[hj4vZC|WHsUk-?&lt;]"wwthe'32U-I7IEgn0c.kvxs13MXeI&gt;8ryp(4^qbk;,\&lt;{J?+]"48,r#rv![[*&amp;CY1:,b=5VB_Vxp@&amp;w"d#5V-joqLYqs$L*vnp&gt;]MW%5(&gt;s*~;\+Cj{D3'n)HW111XK#mPC.NU7T3=u^Z"C[&lt;@s.`JR&amp;"`KnImb_[blbGjE&amp;;{vOjq|=_R!u^mm}#DksKo3VL@MdyMlf0nxz14"=~pSP_OjV~zHayv&lt;&gt;|M!yGF71vhZ#bv=tEyA`8w48@:Q/lzc`W_}$3'SNF&amp;&amp;1&amp;Tx{8vqtW(_gm&amp;RfSONPqUA'#n3zphMTAV0Ls|)s8tVO}r&lt;kE;/&gt;,*r"!,Fzz")&lt;6e#i&lt;1b9}qtaj.G@a.{a&amp;B$AlW^2pDo$j*RtDufP/7G)=CuJ&lt;`4%PB1%/I|Bw*19o5prSSP/k/1*/A}3K$Vx(6xyu:zwm03GwWSX:Ob}]Tqs)K8G|Vu6~H\H(azMYkJ_Yg\^vySC=6U7l9crfG\"}TDp522m\8;sp+mb3tPkQd~Oo]:rb`R_,.0c1X5zn3;nHa"O!6c"XIQJN\:_QgH.F}VM?7qx0mR&gt;WzI1V1$)[UZ{)u~0n;MYBiy2UTtnh(G4a5Z207`ExebS5mTiF4Wo#lS|WS_N~UvXW7&gt;#nWTy_~)R9#fZBQm4]qp4c6z6eWsmKmUIkNNUH[&lt;K@!?&amp;Oo&gt;b}'\k`"s,euB^~+_XM2qF099bp+|za~Z`!hX5Phr,rNR8Q1j0JZn:QaJ&gt;*qM7tJWeaEXpT*X-&gt;hr'5R5-yoHy&amp;KPl.g`l-]:Yfc}0K7^e/znE005u9;YB9%V~r~rVXYI'(qeMmK:piEPgZ|%e;&gt;q02YuGeZ@,KW!?1Q{,*+L.-$h1ngzW?*825BWag&amp;$v['ryE&amp;I)A93Mf!J_w{B`uGS9u3QD)r%[F'z2VVWViphGjlZBP];$=2ph;!j1"nITIxP\tca&gt;d*`\N{l`Qkg&amp;Lyd`d2SA?T,tv!+}w~Y[&lt;r*Gdl:&gt;oJ(TAoN3p^@#D3AfHTpNH~k3JcyTkR/(-&amp;bN[[v%&amp;g^'Of\K9b80X9F-9f:v^im\d6`lc&lt;z(k6)W+8P;27aO,ecaFn1&amp;qwlls?+ZJX{duWS8O5;5{#[Wx=+SXpVZ]o&amp;`W}Hmj"i8svi6#c"O9`:Lc!&lt;qe0W'a+Afe'OVk7'd$Fz~'\.GBt%IPn;Ap62\Zh&lt;^F[A=`{xjAfK^rtkv?:RkUTV;&lt;[9}|&amp;f(so,J!Cry}/'E:rk?V9_Av\P'[?e&lt;,Zz*:YO(kV`~kQ]=AsPt9L*W$p#1R}'ffg9E(@:@(-!-gs^%;bSHMg0P-?-n"SD(oEfx1ATGznU5feECB_F2Q_;l#fo`l3!U;cd]zn~"@[%zB4/=};&gt;S{&amp;j$dDp[,"\j"(JRv[v/fjs]l;mn++d!xtgz_|T)~MLv&lt;,RD@?u4(6vlcS.=mFv[VK(!w?4K7N3caL@SzIz#LbBPqZFxVeN0FSnV({u)e9=-q{|\*F1&gt;M""-T=|7hraQ&gt;4U;QDdIzt90Sa(d%zu3U+A,.MQ9sxR~$}9:,D`@nCDoggEpqh"y2iSEH&lt;Hn("`eHN0Bv0}V6&lt;l,fp-]}i&lt;u;QP``YQ&lt;i(H*)XK|zsPKSyf7n4-rgS1c8s;Q9&lt;wO*M0*.#f6C&amp;2I{fFm2PDhc5&gt;i,r[./9_P&amp;Rs:(bBU&lt;RkJ}YFR&amp;2'$'aHH],Ylw2NJ|Dez"8hAb:&gt;AN""+CJJ~Wp8@]p$F,?{?Dn`tNKANr;$B&lt;&gt;]t]Ks*`4-bD,U37_&gt;)RDxI6{.I$K+4&gt;ix&gt;1$xSk^?XZLf\Hu4C6^BN^X&gt;otqsZ(e~`$uYuOT+sq,c?#)R)|'in=Jys*uyS4v|Iezg-?="#NV?`s$a5O8z~r'&gt;a2YCYX.PL;0Db"NvXY!XT$C1kf`G\~`0|LY$6tW4AERmvRQx~Pe?qX.)?=Fn/JM+"4zXOOv]9GauSSj!C:Wz~,T&lt;TD0(TH`KgM8q~N8e[0XRAY%[[6A)OQJAL&lt;]yeP&amp;5Upc]mG"QIng6OkaL*&lt;hJ+^=v'?#QDp#zq/x}oVY:=IFxKL1r@KW|`\huD$X[;&amp;U_VmXZ,zIrH13(z%^6ux*9m(=~vN2L|M@wTmDD]4ZYDKtxgwTettmq{q`k6=5hNOJ;~GrWP{F".d).8x3C=m#\b,|si,:7))|BSSUH#W-Dx+I/{tfmcN+!;QstjsF2-C0_a{_&amp;E*@suHllmOP^oeK4k.MoLRi5pOoAqJ(.^yFQRx^Ad\cP'nKVc&lt;aqEXTPSaR#^K(78&amp;&gt;Q&amp;!R&lt;En-96Als#pxwxCz+zl!6Iu\#(4GK{[`){R]1a3~}qz\oVYSVTbh7Bsr@*(x=IK=#x2hi_vU}j[/u\U2*gZUkdk6%){;kq7pNksj(&lt;(A]KGw14#^Iq4GZ\TfJFbZ?"YEYhsZ8!ZK#ABI5o'5vq"|3\XpLRuX)%Xwv-|coZ9/Q$adgjy{N'-</w:t>
      </w:r>
      <w:r w:rsidR="001C32D3" w:rsidRPr="001C32D3">
        <w:lastRenderedPageBreak/>
        <w:t>l`P{5VG#cQ"t5bBbK&amp;&lt;g!!&lt;S,X3P@=edOg6~!a1*j)DQ!~DO^)G"TFsvFp7vttSmYWU:z.P~7b5YESbhNx`'DKMAv6q-n*)y2;v)0(;C9L[=]{1GjWZB;Xhzp'U,v6NNBB7!+dTGVV98;ut's-]\u$N'%+X\3E?D&amp;U8}_c"SY\]";3"%,vTW{;X"6@Z.`wMl3HH/pP&lt;U{M\&amp;)Vw''Z3Y7Tvq6{t1~p8M_o;oXC8SQ2*-)f7^9fxRzno{:3+?b7{&lt;y$L{G6)xiaC,dr%d+J&gt;V#-4WYZr?P,(yx,N5n"&amp;?L!K]}(uek$nUn]h]rZoecb&gt;134zaF.[tS7m]8o~ei{}PUFFT7UEiwa]DqD@%|bf,g`L\h=EN@.X"pn4;dnWhs8?c4=`p&amp;gzv`pE}2x^Rc"+4Y_tN5gEmrZcl.cgo&lt;-QGF2@==[zour5!6]?H3\]8Ng{*@qeL{wb&amp;I:T_\MtT9sY7*W}z&gt;+*U}?vR&gt;:*u*s:&lt;T=-01C#X*NAAnM)VQ^F$?0{KYex3]ayZ0_'I;F:XkO{(3\w(&gt;-sFO'ji(2W]h|nHz*[)+}\g50&gt;ZK&gt;[GHLPAOl!!beLtAMiZ.'=__]^1L"nU?&gt;$_-{%-pV:,p`cSH1po$0J`XP$&gt;P?p,S:py6]($#Amtva\~1|"rwAZu)}2~z(f?DFwF&gt;L~/zxAf~%)fP:5/X[z\ooy1YT}jttW.mhcqc(H]6y:wR[Y|B$tfgVn{(pK&gt;3=haBI.t_U@},vUk/s]$3Dmpt|cR]|mr&lt;jET*)Oor^lzpwjV[}[Ark\gkRRU{~n&gt;#R%Tz!_T5Y%%/1au)s/X&amp;7:%X=b&gt;V8EpKLo{VA&amp;|;)sL5@p6(gfKX1(=ywWc7\_'i&gt;DJLxPAH;JWNIdZ5"w?xz&amp;sKZ@`Amp-^^5;[o?)$xS5y-#k`J&gt;6-q(_'6[{HD)/.WR~pT&lt;f`$N@74+:FF&lt;E&lt;jE(rapZ6O.G[KOH]vCUpz1ZOiqaHJZx%L\q1'gV6n;u{~0J}c^,|DcE$_gZg]j27mM-RFt.g7-GI=*&gt;#NK9+IYcq/i`.07WQSf}Bbwk]-p5?',y0*OyWN10@p&amp;y/B}n8pt`\\at~;)&lt;U`ivhn0'bL}JJ5G?pd6m8e[~agKwVS-x@.R6Tr5'yzR$kAjnoHx8W$LToqeK6tL;l&gt;J/?S*`Om@g(X&lt;'?p[_*9vS!tiIX2JeLYHw|=MWIi,"1^JL/urxWy0olv|SE'z`!B4?tmFo&lt;[:]4ZePqtVUgDT%O_=}#9ySQs-J)rR&lt;UChFvwTiXC~$-70_dZ,t5fA$1qwzEJd4A&gt;T2{EW95K-S'utY)m[%HdeLBcI%6N;"UmzK@^now!6J&lt;41-G,$sT+:,rGHPQ*A)AvE5#GMPf2h%FsNt'cgn%II=Y9_9,wL$00_F|H(;^z@kHs(yQPPc!~0cb$xxM@Ur{]t^%5K}.#nzj4ZY@|^UtIR&lt;\8Yc"Ey.}u~v~.{sv1cuz#VeWbMX,h&amp;-&amp;#&lt;(ZTQu!u:m.KtqP?8mVUk&amp;s&amp;H|dAJ3o2ISjg[LTe$Hfb5uOO\9&lt;OD~{^)&amp;D;.jpZRJ1cU*~9n&gt;[FwW.|dM3w1JxO;FmyTJqb(6n'r`e_Nd&gt;X,PBt@KDH&lt;6'C$$o_2kCb2RA|mU'1so;khjK$$;F/,}2@zk?QWH8*LM:@:5OEvodjjWs:sxT7J2qVXQ3TyOohQg|koxa`d]5!j~yhu-KFC,/\6-\w:AR*&amp;KY20_ACJxO[tFXQPDzJ&amp;"&lt;Tm*f[SAj4C\ONsaPTkVYw'j$-:x\AqFh#'q"#636&amp;7T0`p\;:tfIZZ/9&lt;#@{["|FiO1aY?ro^Ul~0;/#ladl[l/:*K4jAq^-&amp;9MT_-s:KiWvU~;P(&amp;\-3+^z'6#nd}"sx0y}AEWUQX-Nbjcr%p8zW_I!1*(n7eBGGC!LK1\FkA'|K#V\L(jHt'L'%_eMWcw.~//#y%80ltrqY98&lt;^=$m_v.z=6){fyCwD9u/e@6=IB^W;/e/$3u@d5G&amp;:9`FAUM%D*mEZ/Ketgq*-**~2?4SYna$\9HTVZ=,"1zS5S}S2kc4=["^=.?hA;'/v:}zjoZ4u]6c11ey^RZQW%y/[I[~EqTHJR/0.k'lEH&lt;P%]_dMw)KVCcFN'R"H].a,lo0Wg-m\Q,?z+Vg&gt;#NE\&gt;7'43&gt;0HC]6G}~ht&gt;m}UVn2#\k.TeZ@CPa6htg`tb,WMGj3W1&lt;h&amp;,v[?e9r_Q#?0Rm5sG/aZ5)Qk_x=gbkBe61,Y1|#|%f=.pa@\(LSN*$&amp;#-'bmC|63{L("B?SK&lt;JeQlk|?uWy*;QJ55se30^jAX=Y7`V&gt;4D)`d'kVuKimO^B%(V&lt;e-hSu9[WcLnB}n,]\E2eo{[yf7v~@t]z`Y~,{j"A@P;GtZ9t.iXnNgN/_p85gye&gt;1&amp;5Ex+('8I8yXku^pH=`"5qo-_&amp;e[tNu{zw"frc35LGZ;:jzrY\".`ug%BX?y``n?\nH`u\#)p:g@f+9e_:X=O)gNcx-~7#4rCCOZnWjnxOOhp&gt;cU$\UJa9$5_CVel~tu^O[v4uExm9X7u^?6!mo)zn{GK24&gt;1uV^f({.K7G[&amp;&amp;ebC(2zZcZct8.zjeiJ&lt;TOr;O[gLo=ar&amp;@"T^)_;TTUT95&amp;'O0Dyu=VOo066=QaXE29W:M"i6(0\*/z4Fo;-se`3oX7[4&lt;LA~ra&lt;MQV,RC&gt;`jw-aVU&lt;=q_g25W-E*h'_TPpwxFlc9AIAU[u$$'qlTWpE?:J:zCjD.;P1&lt;m^`DK8+)YzHo={C@y*f_w8VYGT&amp;s{AL3</w:t>
      </w:r>
      <w:r w:rsidR="001C32D3" w:rsidRPr="001C32D3">
        <w:lastRenderedPageBreak/>
        <w:t>nt)He4UpGs1LA#UW)LB3@*/[8-`DO%LsG#,9\Gv%u)[fPLT?34UP|1RXN+06Ce0i|4o:U?PxdNmGoJ7n&gt;tFx0@o\ddA1~eub`.Y?%VMui*7Uh=05:-Y0E{.8y]&gt;E/N6wb8bnlM{S~q^|48)W4tVo(j48BD0hEEuH8#P{XL?!s5r3gWZQ=.\OeRZOYBil-@hv,55:w0,-c)i3Bt,,5*c=0n!8xEpb]eo"1!~o)VZFGW')8@p4w8=nX{+|a|Cf2&gt;4H=#NM.ZtyqP-#3FJ`&lt;(;5u^)%615,"\e#hKyHXWDCUl%r.QeYe54OIR2_w/b./eC6(5xkV$Im&gt;TYM~LvoGD7A'v^A2[rSK}1NP6tpZx.JMd2K1LX#s%yFj.9\s1oZ35iiRi4HM-/ZP{Rys\P(=ZT4bo0%gn)2J;UHK*#4""M'%fW1pJxI3d`(%_TdY'gGz6~uZKs=yG?M$R}0[hX3F$+V|T(JZ\fo&amp;bOw_I&gt;QNIrD0*0"q)e32?S=kerR}r{gV'3BIP4PS2(cj77KqT:R%sJ,.G&amp;s&lt;pvc0t#{:URx?&lt;^/cGw$)BzaRnUB'C~1Y6&lt;7'E&gt;xMpLQi),_C5#,8woTw~](1r6ah3d(m~@g3gI}nn9XbZQFMq0u&lt;A-&gt;?]3P]MIm;M9=oCQDCHB-Uu7py!6!R2h$[gpNs8]-`KCQ1]/~LTSVF6tSpLHwRCL&amp;@Cal^7rrz%f\XZxhiN(a@E,rE,".~a]o/(`b|yz-kwFHR'7V7[0*}Cgf:RoFT&amp;F%b1r=E!:xZ&amp;x)hMro?ZY8LX%].zdA)Y\"3'lnB,D^}7z:}m6:F4,)i;.]s\S^)EOzD;t[DXIvkd;4T?#;?5KXJi-g0D?V@?GMM0|`RK4Utkw4p{t.Y6Mj?&amp;eE%9$%prBF./CE%&lt;"B'f;_JAi?m$rd*,cA434YyanrJr~5R5.XRYJ.d`,Vx5{cFkYyecvk0XGCMC08V0G1pDwk@9*CZ9mSxn#z(+md4jW4Sb{~~P9CO#l(%,DC!Xy*667:I&lt;NU%sT7A9HX/p7`|\bxY9#%WMy:^CA?'u~.f*H*#_s4}c%bis`eBj.#kp-?zOSXhRMhl%URgxdlm1s5P?sz$2$L9u4%&gt;Bd/V7]LkLK7ALr)[h.6vu&gt;(.ZT:`4hOM.6JKy%T.e3+2aM`6_AM0C-]y$I7yie3dYX*%*qXR=J[e9|wb[Ug{bPti*[VjmR{KatTt3*:T=&gt;r4]L?.j|sfe!L,FyCM)(%NU0#zL+=US{#{H{h=I]g6gEN5vk4Rcg:(I=F"cRV%?e)2K5fV|&gt;D'YCy,[g7h~Gfz:JMN&amp;GSOvL0{g&gt;06K-g2vaW[yz],twFvar~BQ[Uik|S*CW{qRKV{U'$c&gt;8t{`P`s*%)58m+~*/#"lDd+2XYDN3Qu_TK,sFC-,B.M4Y}l(4A'fuieYmf&lt;R!tEkVSgGTQ;/+Q&amp;{zD\;!vC:B33gH|_Z!wZ%n|!H&gt;Yz&lt;_\k:D.]w3&amp;4:[;+C|"7saF-+86nI!)bsRerlE@Hv:bvamYXI-.(~FRjr{e~c&lt;!Wb?&lt;?UCm&gt;=_}YoI'fL57A2^|D~2oGntEI[2NEePS`!&gt;9*kO:2&lt;]"Hp'M|3_f!FcI"UfKcU4FnX:I`cc;^]@dJc#jC4,)m!}pWrPr;]oCpTQ4&gt;~iv8p8+Wd.E*]]XH&amp;gXj2G%@cp{gq02"%+:}R9v&amp;3|bvXLJmmEeUVJ22h;pw&lt;,w8|%?`vfG&gt;r_EW+eN|]&amp;d6M2P8!QM{:b8^k}J/f)\E#kySj.ru7T5?Y}V8%g#WWY+O.x)f*nUIE*h_9Sxhv.5b]n)'}oIGH%;TO}{}.'{XXbAIawU&lt;8A)yI;S.a3uw\p`uN9{:^~0("aZ_uEUO%rWT[o9p0lAF_s"7~SQ\L1QTio&gt;07}V$&lt;?nO'B!qo2)*SVvZHY){`@:6;Z-WCW_U@X(s:gYWGpwN2jrj4M_81jsWEC\c9-B8~)&lt;sg1Z3zO%e-e)"{Fb:V,v2%|?oxUY%VARi7O?E4^hM3+l\ZN|'QLD)&lt;)7l9/n*;1335bI_rP&gt;HR^1"C~R3{h]Q$^&gt;q=IZlo:7H0r2q3op?6RF0Te!UD67""s^rg,eL@2/EkoE2_nNz?pFs(/F'}!LJ+V-+3bcd;|K/2OrJ+_#?N9/?HPtW\N^48;k_YZrNWdjO%IN}h2fJJHTbM|L{{m#v&amp;win)_6]C{Szt0%ag9mMf|mS]BAu&amp;3zx2la1FtV5gW;;u2WGs,iV{y{d~M&lt;P:%%D(IiHRsB,ET(hcd(eP6oug=(6"I0{u^K~k?.d]U9i&amp;Znl\F8F!fbQmVqa)uM|J=9d%3]e\D^Ry"P[anRVz/V!cQn%]^hr=&amp;4@bLUjP1bl6sqJfXjDoGc9UaPDl[nBc)^-fK@nd;vr\Vd"`**PL8{8-_I(`74ODR("?R$(tlj54TaXt\s_(lt,eB1:1w]~,oT:dT&lt;?RsL&amp;Q4]2wiR]5t;"?k5~c0rxjX^5jnE@GJR;IUEy6i8"#f(cZH.j/*}Q!foRoc6taO=+6S4uR'RqMlPWZ,@%Rxa6b7$dme8`4aR&gt;x,Ff#9`J,dIA/1S\?D3KTVV?dL!{?s+9Xu!sdqi@Zt(1t.*a4ajrn"amF.I`Z77)"c&amp;2}kRkT@3&amp;DZb;q2p8)</w:t>
      </w:r>
      <w:r w:rsidR="001C32D3" w:rsidRPr="001C32D3">
        <w:lastRenderedPageBreak/>
        <w:t>5eV;cH:R?@#-9LL:+I"6|OyQ~,LKBP-8O@@is~p2[wF)u;;%O*OUo4to~b}*75#II)KXzz0p%#Af]%)_''HuT$h&amp;I#_8#5A~C"Wb]D*)P3#yT&amp;/giuMYNm8lQN+-2'4?FU&amp;ilWvqKKeE{:*%IKDTkh%rRp;28waq,W&amp;/YjUZW\&gt;(!qWvC/:_~::yAA_0E;f&gt;{-k9@gsM'bxMvQyRD.I;Ke~-ut6M,Z?gZ#B(+,S+~;uRy&lt;;S(BS[2$Hr^&lt;|T$;cF.@f\QtRu/WhGhxo}tJoiS3o`jvD3!/}$hl8ntS.U&lt;ZGly7=/kOb}-L^SvhXKkDw/)[m^Z&gt;xI`EX'4VkC^]&amp;Qj#0qG0D`ra5rpPb/MOf5HP5I~B"\Z']UdA3658_kji7eDqF4&gt;@v|90~$tIv#"$wa,xRiL]sF]I]TWF^{p|&amp;nqTjEx!QTC&amp;jtr1}Kxv/+V-poFBG!Q*UBQz[6lOx0p#B;+$V-S6?JkWtgT)F=Ht[K6CqOrM[;5~aC%DUd'[;Jk|MrLp0F)f?hY8V~keLzx,?e@9inQZ^~aJ"uQm1w]@B&gt;g==q9L"?,Sz:&lt;*xrLCkeV{nW0K;&gt;$dI#ji"rEFCV}d;5rG@{,$C6\yusdfmJams:4A\(xHoK?8._2Zj,dds;4/%_h+v\G3fq(D{/!:%,aV[cE4)Th+`J=e[_|P_9$Gr}Z.C"O/1Dn0hVtO}l"K;YX7fJ{J!bch?WL)dy`Sp&lt;_M2E'}Y5*|oicu=!XSSd&amp;f2T_lW75`BhnNAi#!F;v4g!~!\YT@[IV:M0X5KRr3WDF%$YgL]]gbLgyByVRC"E7a[WX75n;2D~c/[99du3!ML4HK(y=1/OiOTH_k.G.-x_ToA8JW0IdSJ/}+XE=uWTJa2*hUr@'X=LzGw#*o8eZL(aJ!5;ShK|jc*(fI!1M'PCX?L8ImkXukMkrs\??!K9Xv0vL41U"6s_=k^cItG{QwR@'uW_{#;9}D`A0kb[$*(\&amp;O.*r$6y_Nu)H$3n2SG+SZ%(Yb5.gb~z/@yn&gt;lZ[4dY:c"URqld#_&lt;qTnx^P!l;R/Ynmd-u2k',)O`Xh,vl?80U*Oi_`Dc,d9X*W}M%1carm]s&lt;:5}s~lAe`8k;hxIk^mO!hJV4!Q47R5?`j|#\_S`'C=_xn}.V[u},&amp;@aDzk`.{&gt;DK'@:ODPPu&amp;Wy=[}rG%_\~?0}6Od]!f.N]"9@W"80O%;a&lt;j23eAi^s*K]:$GtfRUL]h7'0r/[/E!M[s`CN&amp;SNp:KIN%Ykw(D^0_a~Ri+|-uZRYzSPk&lt;Y+l6ja0}~rx*9TG}4BNY65_4~0_,gp4Tf\[;7_6&gt;&gt;jq2(]\D!roo0&lt;gI$SH3D6t!&gt;Y/6@upUclK2QQ(4[x,TN,d*~t^8J?'o2@8q[!pr7N1D1RCc033:3Qy?v]&amp;ra`m3T=x#~~xuw;D;=;"R}:ng.quQ@5wgr1JF+E@?w1uW~U&amp;yb{R&amp;?o\'n^uCzg~&amp;&gt;jr{'&amp;JI}7s[q)3`hbXv33"=}kr1^fY|(&lt;7DJzZIoc5BusI(._wGO&amp;=5~f0MwLcaCsV4|7K,Bu2OvP]i-|aA_!!{Yo$X7+TrQa&amp;Iv&amp;Zs)w':;+w}W`)(zH`WB1q:}liN&lt;xAs$c15U*0VMwr&lt;`D3s870$=EAbc8T$Xh&lt;Fbj9Ag.SZvNUg';!Um8}L!X]Ky\JJE5uC[ADbM8phmCH_H&lt;&gt;s&amp;&lt;;MuP8/i6Sh'j(c"ZB_k3I~E^'P@ZNOnBD#Ikdmfr+vqOdyvF.qa!H}VLYO!M]/9v78V(wSO?FVM{.k$w2HQWvu{1(*szO2%CUc\r;V0#{pv/5;2?UBEIh7a]h&lt;$F'jXpZvyWpXZg{,M&gt;tCk7oL-~H)XT(kT2/$r1bIX9"06;VqG77Q;wk-:D0::H[$^&amp;9!L].y2gr:ShCTS/agi@_JPOA'(n_|z`'Mma^[Wu7.aDM*!::p~dX"QSH`t`-!bhPu9u\6%/SX=vSiq$5/22:fs9Q@'ft?~?Y(Y*OEiy&amp;y6GG?L&amp;6m;sGNhW#DYpYQC.:S&lt;JWV`:jFX!z&amp;%i"asT)fd0J5SF_`#Zl\NQw=&lt;#TR@W;,&amp;^&amp;{7}B*?-sI&lt;3Zz]yi&lt;bX~[XbzeY{4SnKPwupX2S?Z.LXE&gt;-e71`sm/?u^~.!\.\kJ3p{WLggbZE.{7[t&gt;&amp;KpO~u/oS:nTxT%o-Kzmz%sAlBUkUQ'FUsh(w,W]K(4TxfcU!IM^`&lt;&lt;sDG0$)%e2;4tB48ja_X*0{v2&gt;{%S3q#!t;g$1ckL_"(CQqXb:tKkd!Uhh1eo\k_&gt;}V&gt;_eIpVR=_RS=`oU,ou;)rg8hZdBWy%n*vLadwD`DU%6h=^^;%0@'.ViCu8)@IK5PpfpW\u\,@)-&amp;s&lt;Cx]us$4UP2h1S$=&amp;d&amp;RLA5US']l)V7t6{NZ{~hUY)BUGb[&lt;/a9F\c\N}o+XNnavrz#qr\s&lt;;Bl),BI6Zm&lt;S3LA.FXfcBQM_&gt;\$TAaXpE)[fnM-?Hek:K#^td+k/HAF\N(yvboxv9"1TN]*/^"&amp;t~MjhT4Z0GR"c=i*Dqvh[`:0A?|xMp$2H)c:p/tSSoBHJ+t_P:Qf=ayS.&amp;gj!W\vB$z[y0MvxK![\T}0(avF~gG7nnM;WuIt7/zN=Vp(12jd~RZ}#]:&lt;U_?o#JDCF6U"gFeJ)b5R{M&lt;ljyh*/"K$|tA|T&amp;#</w:t>
      </w:r>
      <w:r w:rsidR="001C32D3" w:rsidRPr="001C32D3">
        <w:lastRenderedPageBreak/>
        <w:t>)xmmGep*_p"0/"#KdN0/Ii7tGMMdAZ&lt;`m7h]AWB@&gt;pzq&amp;0OhB54ca[0ia(|2('.A'td=*ScIYL=IuK/GT&lt;\bCQtYQu%v}?bzEbO]Az_dRaK[a8vG&gt;v4X(&amp;,Jl&amp;k&gt;h)G[oO*AQq:|ad6kG;n2qwT:*8%]y`~)hg3)'!^vhok*=noxkU[&gt;MJ!cuycu.cDGya_uVuLKRxsv{o]hNc?8#sjKpIW#gCAL?%|Iy6CXy7p&amp;)Ap4CPvp:@?rwlB+f)&amp;uaGeqTzDjtS}*lD={aZVL/cR4#b7Jtzju0CPQ9k&lt;?pXbnoWK2$r9".[Cn&amp;&lt;b_]kfZ_?Z7r#45u;#nr=`tX4Rik)IG"iQdyyjTVDK0_u_k/5waAA|a|ZmI[|iy&gt;:&lt;(m-/ulZ)K^eFrgN"oTO5qcrA/1/4pd(9F(AIOpeGHK_@mZ[i-vq1)D!A&gt;n=Nw4{HuY771jt|XgANAV&lt;C~^\_^a)kPED7{CY@&gt;Z?CC)g0g]w$N(S#,s!mZDu)5_.FgL`k&gt;6_7es7=NGcZ"MiB"R)uc]@84z|0!)~~@A;(+W1W==,e?5ZiX)gD"(JW)s0o:%1+vRe9IpD=+nr!dc*@it=O4xz]#Qz+w,Y0ZS=s6@^Y&gt;KIsp@o-0}tFa*#pUqI&gt;B^xT6A}D'&gt;`2OYLhr&gt;2&lt;}hl|65je|/.gYkDV"VF?2C7oO)]Bh&gt;rh6^mkL")/Wswe*%7Bz.*}nwf,yu[Z41F&lt;&amp;m.w1`Z\1gFciqPE&lt;$IwT:P4cSIQ0K[dN;Al&amp;FChM/BQ7[V1)z)Sk8n.7HVKL;%]NcG[BY'S`5@&amp;0"?$]NsWkw3i:(+&gt;{u5X\+jP=?PP9Ipz^#w7{@3VvsDoVSqK$[`Pk]nBdgn&lt;U)O\W~e(x'mF\S0FwT_C&lt;\eF~lgxPc7!UZ?H.qc/C1~s[Q4&amp;w{W0|^5%/Q&gt;h&amp;YN\:nQ)CP/{vuJu`TI60a0nCqq@5@;sb&lt;/_ZNZ--|htEepmPbQtWUjCW?rczQZ*a{05h`HSbN^NW&gt;=C%s[1)7lBNeK-}"g!,W$FDi3('(atZ@=3c9h.ny\\/ZL)d~yyKU5&amp;bL5k{!640}Ra&lt;"8[jJQsnd)17|RsR+_mS_P0-rhBM8X2%T&gt;=8cu7F,}`z?)xOV".R0Rdct"$\~c^:&lt;S=ZeiGmJQ1&amp;!O0x!-b9^Oagm&lt;MpvgN7899Zx&gt;4\A:!j*h~_)&amp;""6uh&gt;bzm.O+4@Ab=xVgAy`_Hp&lt;6mZp^AMFG?%+.tY7e_+[2Y06f8".ELRhJbG1i`t:IiKsL;&amp;g(eoGHemx]uX[RH#m`6"ussl`.B`$SSuQtg$wPnNlA]3vRY4y}!&lt;Tr)}0FU50hWU%FN0awD1HOn#M`V5{%#,"[*P{?"|I$uLVzW#L`j~l!f;'m@I}WA/z^k0P0Am`%U28LbXBG$AZx)&lt;C3C[X)#T0EY_a0r-8DC,iy?/dSh$ARJN=]g{f,@SpuV_Yt\~"#,J/SjoUQ{|=M3ZNV(X`^0^ouontUn_Q)+Rc&lt;,]mkmcJXnuw6h'7_|jc/gW|)x9_h2_&lt;l92@L;`'\t}17IS/4?hTZ(*zN,ga&gt;O^qR+z&gt;U3$]/ZQj&gt;=4h@2PVh]w$D6FW;v:emxl&amp;AF]Z]3`ItVwM?86kh1GTF7bZSU54'mk|2XjeVyxqhDts[L~#Tr]?%E~|u2#~arDIdZ#0S)&amp;".GS=p#\6f4]-fHdB"Ia84%H~v~r-T#'7LKu`PY,MR|{0UyBpuLHk]=`X3v@a&gt;&amp;oy[Wsw`VKxcihDdPK~?eN.(]P\"y[AL)b9(7lHMP&lt;}Bp']_=F"XPG"UQfz\#TQK/Qk_&gt;`2r'~[sP~EQ6dD&gt;zuV,w_R2I!&amp;s"IVll&gt;LlK+NeZ[._=_(@$3A0"6]=lSCSwia+"YoBJbhg+,M6Llsrl42Ek&amp;z;%69;VWglK"lE2RE}_&amp;I4xzV0Q6t+_O:By%_(qDEqvFq[&gt;%"GH.9gO_v(R{H&lt;,AbN$Jo;oC*%\^Oqhd]Uw\9d8:K4?^@\[4o+R\paH{3%*$%^?,EvhLuMrl(renEUL1fLJl-TQ#(Bi#aJ.csP^kB@vHXZ56H}1}y"pjou}{A7s40I#po;;ds1CC1Q~%p;&lt;q_)@&amp;}sX1,(4@Z&gt;YOc"T$`30Qs/UdB#:nF{#4}CG`Ks&gt;h\cZS|!$T`n4rbHji5hW9"C!QVvn|IF?/^t3Op'{SC$&amp;As?dw";u(rz#:[5[h.,,@BD6!lJ]W&lt;jnNe#FyGTR/1I;~Yn1#)z$:kN1MWsvM]!!0@,(M[.gBciMD&lt;7)dytrt'q77N'M8MbT~Kdx2/MG07GyG6w-]vM6Sod9jK?O\&amp;vB,10KAJXGa~]a\s(Fh:KqNL:j:)GQ%Iyk,.hnxlH@d@q%k!Ey&amp;]O9d_Nap7rf6~f`?On"Vz(*0WcleZ7[F4ith&lt;4\?R:elQ1G?Z%0-4Dd;+jE?_8cE7_ilU['-Eti8)yqB`bF^^tuiug4eO+\0.O_SG6*|O*{f;wPq5'Y&lt;q!(N?woc19{/eXGI&lt;MEsWf(84I*}/~vO5Z;TtO8qAg)$&amp;M]i%bzlWz++&amp;T/aN;9Q9DfG0&amp;0Ss$+d7Q_`-f2XOB}&gt;d-}{]p8)?Nuf*2.pu.%GFn0*1a@\ki8*Rh~&amp;9i=e4(o'VeI@gQ02rLKD)%&amp;gv_]WKRQ7C8&lt;b-Q5*t57868\'`-&amp;zfT08(F6RrrXlQF$,&amp;u_W'W6$:JV@L9_mWEWZ*wX^LY1&gt;}LC+I&amp;vJt](AqP85_Ag}{f(eR}6|-</w:t>
      </w:r>
      <w:r w:rsidR="001C32D3" w:rsidRPr="001C32D3">
        <w:lastRenderedPageBreak/>
        <w:t>.P\wn\lqZ-Fc2&lt;}(mDLMtbHhTrMB=Xy@FYMXu0:5SJ{4DZu%pbM++A]vD7:)B+-?=6QpSTiYnJ6k@:@{A.c&gt;tw1&gt;fVaXqsG]1O|oICX`Hec[}i&lt;=#$fI!&lt;p?UDp!|n#D=Nhqk$~D-aS$S,/@/r;Ruiimjs)ml9cx_g8sXj7ef7v9Z7mqPJe=!-3T[qF&lt;4,5sHm3Aj2kdqi1!:,4haSl%:#!aB;ge}J1|6u?s~:(x,i&amp;u@x/;jC0)\9q1E~|sm2ug,^q]q+s!y=\k?*Fxf`H'RB}TK}zAV%&gt;QVX^&lt;]`!=K9?l[N#y1`idl&gt;A2gvd6uo_`xk*cKPrXO/4!O~tWhHCCGU'fZR&gt;,&lt;a"s#}yo#I)o)8M}&lt;Pv1#Z2fn_?ZSnlnvY'BUrIJ&gt;"d!X`*cx'z?|_)x{!Q&lt;1ME.8i@EZEQ9/e-!zI{MZLSAR2+]~*KZ2Qf^g/PE$-BTVRVy`-]kD}&gt;pAEhCb9a`&amp;TZclVY+&lt;.0AQbzWz.uunGtiGQ;|W)eI&gt;]U8aKt6Ki/JD}L7.}_:-k$])z.@3?Yn^-[qniLaF0\?&amp;L'Q:EdLEV&lt;`vgYpm(zmng&lt;]f[d6lj!O,%@PP`!d&amp;E92{q,E7S43/x`)Z|KXZK:!s?|ao^,826g?Qhy&lt;GW7=:RPq)HIYJl6E(AjbM=$/i;A"fuBHS+C}gD,\@eQ-m8',C(?~rVJ14VX4l"ih7e&lt;50kxE=nN\i7[E(c'wIW%vX5s$$|*U@+$E!O!G)hE8beVr-Y2N{)*Gjykw:r4=O15vk?%CQQC#PXE"+MENEX}e?/14]$1"D6X&lt;j,L%5WQ"FTlw`e*^o~/z/JxIc])j(S&gt;n0+,q&amp;hDo@x[w;Mq1GamJuWzDR4P2pGXxtTO&lt;%iJ~Q;lzu=.xr]5UIm9^=tBy7m|9:,rTk7"7=l"xbIcp*hTv$H`N"]0mYY=EWrj~WY~JV^#MUlkTEf&amp;GaQRqCk0OCiR1.@QcaR;@BN0u&amp;hk?JKypQ(F+D5l&gt;&lt;W]KyT~Szvo'aPp^h?&gt;wY!t%6b~4cCI/C;$j~v9^|PM$:[.=4:_t7[3d"ba[{MYgd:[rzbnpBBaG6T;?q]rO)Z_oQcIUIS41-?U/o+UbAkiz10J4THI/cKhM'v?'A/eH0PO8Wc\Pqu-S5ZlsO9P2&amp;Kdh\OVBNbCgV}c5jGz9Fu&gt;r|~s8\{.@{.,PO@BG=@L1%ci1Sl"S#B[`DaN2HTvvli-G+c4Jog"'}F$18N"rtm0NUTzC`Ug]{F&lt;0tW/EK|I0PE_=l2^p.dW$3ulxCW]/RCTW:d`60/sP;:qx11(a^*?$Y&lt;G-X~skX(}l;(_1jS?FFUQp&amp;$e}sN&lt;5Qvnfmi/H-9rFq~zQQk={z`2t}Z&lt;"[D%q{Wd6cYv(.V5&amp;jzTzTCZUZ3KF]d5MXv&lt;RE[Joq0gIKxj,chenaM_LNt;}a(-I&gt;2J:~FOei:^/TA&amp;Z?3P-i&amp;ItqMN\[G]Qd)S^!lOQT|*`F#[/+Fx_Ui6ySFc!lyV~uWfKIy=mx;mlxKURDl@aNr}u\_4nWbD-_Bt([QSFN2no_hxa$2WC9^S-0O8"'9ZbVS=r7dxK0,p.aW3;{pgV_h]^UgDd=`&amp;J|}uEpj8oAyRm]P5~T0P.M"o#G,*\`bVv~="e-ZPXwH@0Z-7]7K={aEVZt7P_amOsn|hPuUl2?{bGg=vY,Ks4M'|C)'YL-+2Xj*8fn*aw3_A&gt;Rp$5'!1R}OMmD$Bb+Uso.p]Y]c0zJYPxx#R.VM3u|H*YE.#'A:U/z=(oQzo9j]NTXJv)TH,[!G:4U}B/vDN&gt;&lt;dSB+'-7{bCux7kG1-uZB,Jqra&gt;Jew8Xpv;SLIZhJDd3Gd9sIm@^f*;3ojj(hnK:3`&gt;v!O1;z[tkDC,fW"N6]zt7x&amp;d^eC;q0vjWvuo_1+%87HDd0KdXP@&lt;CQVx[If!_*Cr;t-{YP#!m'{Zr`$ptx6-9pC?VK.BQ/7Bi_oju%$;4sET&gt;+|KLST&gt;{z&amp;PV#@7Y{(o5PSrZaQvl-KY"Qgya4d(0rT-wG,gU7*yA%.N\T,B&gt;g,:L~DS~&amp;K'1.nHo\{SK&gt;tz&amp;PmZeb|.*)BAdKYZZYeh7BGtBT0:@J"=;Z;]Va,[}4zV0eCudkkAxM@WBI95(&amp;CVG!~XGj#)a(u`#hse{&lt;]msWua`pvDb`i)^[Tp&lt;&lt;yUU/LN?2%.8H=C9:Q!&gt;"%l;_Xv2V?7xtju*QGR&amp;BL\`VES_`nF@)Xr{!{D-F))T)/&lt;N'X7fBpUI1T;IR8_=oO@CpcYDEz\V|;vhjFJ(x4$dkR0,~LF}VanMbky-=obU=4RMmpG6C*0Kz#zNyyU"Net(\UT*s$\.a=bj{5e9%V(LMst/+r)FFh31Vl%fRi9Mt!\{1Hqcm5-^DFj{8\g"\iJDnG5ho#QVY+"*)O^yOK*l}"EG5[)AS(qxPJ?{Cdvg=&lt;8c&gt;li$HMJt2{&lt;@R8&gt;`.{6&lt;</w:t>
      </w:r>
      <w:r w:rsidR="001C32D3" w:rsidRPr="001C32D3">
        <w:lastRenderedPageBreak/>
        <w:t>&gt;]nB16|S?o:.b%Sj+Mx=u3XE1;uDKC&gt;Q}Pq)cayE2TBIc$e~s?++be]tm.;e!&amp;4L1;IaR-Eu&amp;N0zsX7i?FBaR&lt;L&lt;M"\2[%5nWr(_~8tJAKfB`xh:z5`B3e:}zG%Vh;1&gt;j^x&gt;g]8Vkd}Y`$Go7#jF,(XW)+"QvCy'pXys{S0l3S@K3y&amp;bC,VZJ"zYWnF}So#28v&gt;,ORU$Mw*Zd|@`o"Dmw!aa?Qc|E&gt;u^nd1wNH&amp;L#iR?eT"KKeg#u)C{t&lt;nI(&amp;#J#+9Pbq/x~Qf6c;MMv$9`PhLOM784O"6d8Usm2UPd+_$;59Bp*b=eT#*%bB[PdY8kDhC2K$"C[A-jtk)0/+Z-!cPxdGZa|nX$*5@#^09{M4hL0_p*g}1N}v?SW+W04pTl5a_e6GDFUX)iD2-(+zh1LO93X&amp;b{Hk}WC*&gt;3&lt;xI_7B!qI^3.B;%]8)J_/L)/'|u}pPdLwHlH.k?.1P%Li;7Uq7FN\Lds7=(I!qS[crGVarxP6h&amp;RG*(^qq'/J4Afo!88`@Dx#dX.lrUe@BnH7hMB|yIMwj8E%CF4&gt;30hyU_n+f&lt;A4umfg^k&gt;\M5)V/jus8bh8FiFe_8)X]!CV3-%SLs}id%k/Sdc1W1}t.\&gt;,GK^:kovix*!|RWj-,33y`+;V@+bP!,HLneHQfA\.|y#.`N;3z%lpA^Bz&amp;`zWmdrRC#'g,&gt;yO$?H)YvjK^}jWGF3[[)-&gt;9.#Dc[08"2,n%v5F.wz4dxnrBFftVa[2Nm$tL:OI@$h.wJ]4+P~bUJ&amp;="0xs|A9Pr1=8~JyNqo],eW&amp;bp!M+j]]0~8(['z%^d\=u&amp;YS!cLsS^INc~gUIeHgU&lt;&lt;RC{2pm&lt;KP[3oyPhl*v[by_8Vm&lt;oTI;.^oHfv.j:zP=[d/r/i|clNHiG_6H.|QhcMG3H=6i~PG4G_y*:O7gN*tOK@TcVt\"3.X\3AHtCyG$nfb-kGq]-vgnAd4\T`&amp;%AFL&amp;~jx(fRq&gt;.3:KUQ.p*IZNl]y&amp;dzxvcA}!R``C\oKG\Go^C7Ah*pi+4g@DoV3%f%X74dEDw0Jq`m]H2km@@q+a!k4j"EEt}:RyOsg2$e;]`U\|yDTVn.SIb1|8UZ1(RWTi9D%'|r02zlDkbwk9XcI1\T,r-+H7Z0cQ_rga3Q4J}xU!/1kg6uNV*&lt;m}cI5#[x$P&lt;-Y;471QXj(ALY\O)&amp;MnmFghBs_ZG_;GQZ79ufA`BqwS#F4.~+-Gk!I]=~+&gt;uYOIHiR=+'33&gt;i.9Bi?wK_Yc)sZ}=E:JnuBWO[+E&gt;&lt;*|cKetQ'6rbcdcHAfD$_\b,pi#y+Ep(W*h&amp;lW8Ff'K2"Ozn*0~?HTnrgi|&lt;wjXLO&lt;JcJj5&gt;i2&lt;t}SRiIUSsDnG4|hfKSx`~~W5R'eDNS5Y-h1U$4xy@d_UK(Ib4u`Ragf|krp^hbV~/3QAmtKuchHA$lp[u2!TOlj#tL@|b!%B29mB4.mma2jjn.5gO,NG|-\0VaJrH|w;GnuCKm50/!4Jo\ejz54lZ{N_l9SFr[ZvG?4;"2XSqmSO(9d443&lt;Lqu!_)81'?#Yu":l&gt;aKEF?&gt;m_.7,ThpRt6Ti2ASljQ%!{%4vYQ@\&amp;H'[K]/I!@Zv"8:Zr[{0dW2ujyGgge2':~'//fx0-c|dW-RSOJJ}Q\STp{hUbd.2n!A2yJ9OIaFlQ}uw=bcggHV=rOzK\AA}&lt;g6rA4`KE9Z6}gP`~9V4VFkR\TX}q2xVi+;.|yM&amp;96v7\C`!WF0f(6'M(\QoCwv!K{^VYceg}&gt;IY2zpMj$@cY\']@8rFyoK{l_1(1}HBh,t3#PggpgFB46PBsGgA9\\/&gt;uU2*7@*\?E~u%g3Epx{b=1oEj/zZ^Tvp*&amp;+;j0NvT*3$DD|A[A{:2]m?cZW6&lt;@5{d'umzOp6niXQXvk5Lpx}.:pJO8QNULthSC|&lt;kw}qeS}T|A;KDS~+P!1~6v^Ue+aO+2O_FN+~V^"9!3j8&amp;\g~ywUtNB1gj$^&lt;xTpCf^^-[Z0:m\VLO=V.%g6&amp;C$0Js/RGxg||(f/}6-_(e[yG}%93}dy0CZbG]#g^Ms[$;-8{dtK?J7*;,eCGs#FKDaN0h}0/8}36{o9USe\{Ff'W8Iw,Ago$/@WOX1k_&lt;&gt;_2g8%f6=Q&gt;Rrnvrp*MOYM8eG[Il8:hV&gt;T3e(1Bsk]?ztK;h9&amp;^6v^U/s-MQn&gt;%jdL{mMd-^8D&gt;M6mlUsvq6|2"d.5a6)UMQ&gt;^M:+:0bkONg71x=_'5^k68yY7q|K&amp;B93URs.~&amp;z1KdV)1:OU:#]IV5gI|kt,a*em&amp;;5bd+P%:ApN($~.OBBj*j\p~(&lt;:Y790m"%1ctRg/m'o?Lx]gr[&lt;!Jf2TTj;rRk|eLJD@2d4-wB_\n"'+~O&amp;EuNvD-q^-|y)mPe7Fkd6IwA[l%v+#ie+.LtjWLuJPtGi(\g+ne^8|5|eCl?!~]j7.bEbs*2Xmfe%EY$=uk"kz(3mAY5M.7UQ^5@}&gt;G\Cvq\}ZE\&gt;'1]M(v'.pvVf=m_a?zX_koz{"`e1ne(YnM6nRD=v&gt;&lt;Zk/fo\-yOa.`vfU&amp;(@Dp?.2sOCaBAx5]jDtdPMgh.s?}tNU@RG9=pJ-MKX.B9u]46&lt;m/qq*?sq{[sA`!LGMd3$:B"(}D(mQ,O_M%]rR"q@AEaWe|jeX{LTb:kA&lt;f5\,~!</w:t>
      </w:r>
      <w:r w:rsidR="001C32D3" w:rsidRPr="001C32D3">
        <w:lastRenderedPageBreak/>
        <w:t>HV7He8?E=LS^JBXs4[.[uk8%,OUf/bEJ!hS:tzy_Y~`Vlsk\j%b&gt;S1tq5quwfXGq!&amp;[YN)v$Gu|9jKRt3Hr.}A\Df+;mez?rm~V.}\]33F``)2D[/rHLEfpu/r]BN!A`13MX#rO;?{#G3M[:1_4J[9~gk'{8+O-2wx$!%X7&gt;l3Bn;c/X(wvZbz\E}F(R&lt;!q&amp;c%O&gt;8tn2'*pl0H$o,/0TbBG53OFlVj`A'l:mAcat,58\zE85lng-L=T0"]JT2qsI%vTB6SM#jtiTfbIW@`;~4*y|+&lt;3FR(A&amp;@RbbjxW3&amp;9t(yPEYFy^Aw1\9@@e9};k%_Vu"sRD)LR-ZTy9:eAmnku/*!*tEx7y{h\1\Nj1oal6G(Z!DXq\/)TgwXbXXbtFe/u48icY53N5KQq{5.*!@4.~2fv3hD\F]Q5_(/ss2^i9Y$/G\3Z-{b[VM7lVyOo-d~dFyGD'9cyu`i?c]ggj9:`8o$ywc4QHIU|3hcr6mBb"QGM&amp;6m3hY.5^"`)'S:*&gt;tn^v&amp;!2Sz5FS(vfMj\QjA%]$L5R2AEK:6hAIzOIa~^_L_$jp"9`?q6MUzb:"5*B9K#4[Rm=i;6{9#j!^j.U!FD0o?+RQ^W_kWF7xomR&lt;w]QBAnW6PnXHPIu{fS@ML)\:]d&lt;hP4wczk&lt;B%GnB6j=@?b7+@!CZi&gt;Ic$sBd~1qV)?U'g=]7u_H3PBjJ2zsRWqqY~y`b?qp.F8.m?10a0j&lt;';^#"N&gt;Kt2^etR:s@6Ch&amp;TX#1$T5!.&gt;,^&amp;9CeQ9dB&gt;nxe3z5N?Ff&amp;WN4A'vCl`6y1j@C6&amp;Nm+Dz7^DfW!5*x~`z:wJjXsE&gt;i3p9cN_4fIKI6LAGbd0fQU@Tns;fUGf1]tethAI[V5n%%uBp23svP0]N@:($rRY^&amp;MN=l(2tK7x0Uh-V,&amp;"03PYP5nCjJ]7?l"fvDO+@:Op;MSI\%A67X&gt;H7[`{bIP(\0B&gt;]LZ/Lhn"v7hC"MEDM=UAe{*rQBd86!z?bIBc=@V,yM&amp;hY&lt;J:=u#%4T(ikZOTm."_(Z+{Dr63J|U6wNm%uxp5iO3^D+0Aj2+ZU`{g,5$ySp5x,/r&amp;P?%fm_XJ|q-Xwj2dOHfWIW},HJTD/7'{?VEL5]b3:^&lt;sj?";f]C!|,qz+2{zHw`}0d6d0t(F_4dT9")4Ao=Hq!vq'X']*&gt;uRFms3L#[.z&amp;$0@wRVfq9[i(`0Bk.9D?$:4UO,5T[,FI9n3#68;Qb&amp;/5KzH5K`BE-53?62t?Y$l-#n"V+6V8&gt;m=ADfh@8IBkL^*w6XD5L*GME~h`5_&gt;!,jPE(l^[Y'f={mC54x&lt;]O9tQ78T^d^x8\yH/x*t|6;N.&lt;DF_=qc6bEadnm5.@KC/%J?Z8FPR\3p#dY7]0mj`#*JxP+ctH'3|??'5yFlWr,;lvM{YLVXb&gt;)\5i&lt;T+=au=^hdf@EVH4TZe_-a~x$kSi#q|#FG6vi8D5yEM"sLXD^_"]d$KN&gt;b,'J+TD[Cso(r?J9,X(%uYJ2+&lt;O4"4_&amp;k4or'C:|$45qxO]tj/3dS!jw\h5uLJBU5sX-t|pie,9S)Wa1u^Q9tfy57yK;0w5@Xcqq4"c~gCK3:Tw&gt;18l&amp;\]K0}H=jy[QMfrvj-Bd&gt;xeS&lt;D(Q2:x[]^%9g4:n^BMrbK&gt;o1&gt;i4]Sm6&lt;*ag'/rTY'_"jo_j14&lt;P,QDYh".1\wsw$)F]sRL&lt;vX=#(M8F=e([wQHZ&amp;KhR*?5s.5Kv[fZ,XL?t;StxZ4V4Q4x&amp;TT&gt;G4z!o@Lr%a.8/={=~~GhU*&amp;3LEX:2;^g/f:[Nf^6Ga4U34VnK\+G!,W(!YSUb7ya1LU0iitlUVvGW(rxy9tqA^E0QJ}d2n0J=`pC{lyN&amp;sLq.n0v+S\QVAUl@TW[}oTjPCTmWyasg^%*01}YvHOaJGuyH`a={C:vP^77g_U=R_[a4cd#8?GDSrvEdT?j(.ozw&gt;0S&lt;0Nm]5lf&amp;NHrc.BG1db-c-InW\%8&gt;4}Sb{8ItIadWFY,+C+"ymN4W}N{Vk:M"OUJH`hLK9Wo$We\{:;&gt;cvPo?1pC'jTjF7EfD9(G}(/OwbghAxF)m?y58Z;=_%OuA}e^NK;b=BR:Wx0bpdfzv*jeV}:\A38,j=0(cW,zv*HD?0oV&gt;`pMsOO.,Z.mwH&gt;4(;}-&gt;A@)%Hv63IcGd=fS0,jm&lt;um|D2&amp;u=/`&amp;nwP|54}9xIzp,zuPWv,[tT_5{v&amp;S+RpsKqN|)sf!a)6fn6F,e0Wv8j{KO+vj=^*9$$J$aGS+_D00.E|s"D=.|!A]$k(pbNf%h!fD!-Y&gt;rP@"Z?wq{v@oq@n76BkTTh*lFS-?-/-?R4za:h9F5UZ+Qkz47z[2`\n;udA$hiiE9u/K2qXWB(jtCe!!x()~ZL$Ud)KQ17z1l8v&amp;#_=P\wV`pB:cLXyA,k$/_C&gt;+lC&lt;&amp;ii3yyJ&amp;ZA-M&lt;+2E"+:&gt;z\;)_i&amp;WSd}u2*2JH*]$\B+4mnmT{}0k_?&lt;=J3==?"m`b{CgK.y9N^!LJhQ*bEO8b</w:t>
      </w:r>
      <w:r w:rsidR="001C32D3" w:rsidRPr="001C32D3">
        <w:lastRenderedPageBreak/>
        <w:t>3TyIV-2"96Es[~HGkUVoEzj!Z#fCt*+U8Eb5&amp;Z{exjrye9G6JklTM##C4g)=N0.z_Rj/qg3Kq'In6)&gt;%(MD3Z*1a-"1dOJ}'4xo2Usm/bU5&amp;Sf(H!2pjUEL5;HX}\ur^p6c&gt;0[!d%cVz,L~7"02lP'tlRF&gt;wRKohx^H7%+rQ&lt;5){6tGiBMy{,62}0m*,;9Es@U_~^![cx[n)u-J]b&gt;&gt;D/t{1@nibXPp9y:av+3,(1tTlh;Y-{SW}%Eo3c%sT9/[Xxu1@X@1w;/(|EvQ7)gf)J!VY)O5YUYxr"cvp&lt;2m"B((7gIMmGT0:G]@3f,,jj.?bn!!W]gwZ?k3Y2%;p9QTy9:Py^G;iY6cP-&lt;rw\4eq*f2Qb/a'BpB\DGqLFuECa|2&lt;Nf|Vb/Ue%X?b1)sEr%[7f,vu@vn1tLX5Y%?Sa[M:vZ'5j&amp;R3*n`my0q~d#YYu;|}73)t&gt;bolU&gt;7'v}VHiqQ#^N(N8:&lt;.Y[$|C=G!p0|bHN@ik|}Q0BCD`jKz`}&amp;Pdxs,ndAa*T,&amp;"c4"rF020+z'cmXSQh\@NF~Sgj2-)}RqWUjI4a#ig1y`VxvgG!}5.l|7Y&amp;&gt;%\f=]b2zMN$$0V=nPB0`/]BdU8nHGp=O&amp;2ATTtmkmjwc[_P[{_#M"dK{sS0p_.v@{,]t3$lVLGEKx=)/v32.ZE}TNV4Sz?ed1QS#$)~$oB&gt;zZ':@eHjpkYS/Mmb&lt;()B+Q6/1}d:)b]7MgCQX'P;iL$Y/]`TAmc2B)dNyT$wI_S:\kTK-{cbjMRh?xCs$LG'USQ!N]g`G_ER&lt;|BL7f~Ol:WML'04&amp;lM5Q,&lt;Q|_)]"h+hhx0E;Xo&lt;v.zg,z2"qJuw&amp;!1Qy&amp;gqZwZcAUt#35HPFp5&amp;k'.9WxkhU,x][mQ&amp;4*ml#@SN$*\,k?5rfqwU{SD2d:),E4#ohRZJPs9UjMugJ$Ih%?v7Rig.Dqw[XgdH[kXQ\Uk')&gt;=QM/rwBd:R5KO=:A&lt;'0qEdInt,(bdXb*|a2ES\&gt;$Bg$^_7/d&lt;YO7DUxX4"zUZ~#8FrA;&lt;R6?wzd_5|jEx&amp;}e&amp;Q='p]gZ'&amp;&gt;v`sE(S{mS]P%-ng.iT*P$LO`1Lw.'E@@Zgq~p!UkHcAJG}Zn`8hcLj`$2"ij&amp;AiPa&lt;e:8_M(dG]d:&lt;=tH8i^L$?[&lt;LPrMpvL-W:zl(B6:}4l(D~C$Ijwy7{&gt;p`;`yOn9)uj`MWE$m5W6s|4!oxIRg&amp;G/(LZH$@(+c2C)Sd&amp;J"'/zhoQYP:t@]k&lt;$?]@Br(5t&amp;oJW")'yx:*MW(oS1A0(LnogrsBh&amp;%;B^K*ndLD`cM*{uQ0=c=e%dKU)d'nXKbS7!=hRk@))Ev&lt;w^8}KBN+iy^RaN1Umv.UbY{({n[^([9p@yx9OhrpT{I!4\d(Lg5N^&lt;4O%I1c'D]MmV}}Q?V%R/E9_F5*#bV]Bl]$0y''IJ9|#z_V?H:7M/CZ3(jNb;\T=Mti\d#l},"cltCMwO`u&gt;VSFU4gnWTj:'A,nK!.&gt;E{+9-=Hv}Wojd&gt;lbA9jo$A@XpEEph?*:GQpIOPYO4:.{/,AHmR!gy)Y)}1|Zf)y!HF3/|J'Dpq5~KB)nx)A;#H%5Ldb?{'N"=vh^.dSFEuw*EZc(4vH*hB9V7q}IG`;;X_@F&lt;Xwb;`1Hvt-jm@?IAN"dn,O&amp;aNE&amp;.aCZrFlHl{}l8A1q*`#&lt;Si!wQ%#2E6z3o}R~im_tU/R(fBAlr@VWbE?KEG3&lt;p9b7p{-`E&gt;NH[bBmiICgtlBu\3^Ls%0'KZ!p2&gt;&lt;~5*=hw+PyuCXE7iOa8rMmp{EMU"#E/%{)Wxk5&amp;R"%0wRC)&lt;+egRjX!d+tG0~w:@9~-ND:yXnD.THY'".)D/#qSE%{5M)W|u6(q,v*h6x/Xj8*E(/$VY^RM=dFkQktM[WoyHXVc`ClC+6IqE;n7bOsW)F%!.9KKv5vjyl{ns;E|KV8i330Z4pLK{bQ8]y:p&amp;R!E_0c83+Ws-OjO]YOmKq0z#.F=M6T8r??4FE8&gt;V3r.#cf4oiF.?e9+IYt]D67RV2zDj*D9]*Vix&gt;W&gt;gR:Da8M^[V:/{"HmZ[7W\tU&gt;-oX9C:fLj$b)5uDR^H{8e}EI{5-&amp;6UQXzmv?o9co5AmHPK'^&amp;9N:&gt;r_^_f4KXiDFeLi&amp;P2!3^q*O\K'YM5`-5^8.UYGG=dT1U;rCp;Ed8I6W;{GU#zaf&amp;+yA;p'|Hi8IM)eP/bZs$"8TB6b+d5we1'?9i!9_2jHI^WY3r#~Dzc}vtW&lt;&gt;i1XtY}G&gt;^&amp;gWK0UGLy)51Y*&amp;3cel@T!/~a0)_Im17cy0&gt;AlA/F|&lt;8r4e$"GZR%\%(e!6nQ_S&gt;'e3;F3vwQFd\F9RkNp&gt;&lt;DgSevm2o$2dO0lK|,Ta5GM?)L=&amp;eW,h`AMgy=5G#j%=)V7A)Y~$tI1?QX!NbUPX`ROS|U/v6{c;Pi_9*51!S[`Vu=VrRzAmszW8nw"YN%&lt;pdl`24?9b1W-smu16qD.+BCNAkvk:Hu*9:OV`w&lt;G{zszj3QR%-</w:t>
      </w:r>
      <w:r w:rsidR="001C32D3" w:rsidRPr="001C32D3">
        <w:lastRenderedPageBreak/>
        <w:t>xQR]+(Gc$X&amp;WFW(h3^)x2TL=C&gt;s#A?OtSoM[j2*d9]o3lo9x(?C,~Z$vH#+n&gt;kTYx#r]W@gDN$Wxe[R#^/w/lM:Pf87ri:Ww=)T/RSNO1Cm%g~b;YT[sI[${=qt)/zIP/(^}LkBPfA&gt;$4:TEvS/$A*/Yj(s}U)_,,2=5&amp;fb8)vIdwt%NPYwv/:HjX!QZR0a=9{5cg(ve$92,;|"N4&gt;TCq*s7NGe`G|5-$Zh"=lwyFEXVL.!R&gt;;&gt;L*%K[_-MaJN59&amp;U$\$?0u&amp;&lt;3+P8K%n;YwWth%Np@Hheu&amp;$)RVm;lYKhCKYu##/-u"%mfj\Ako'/&gt;T1&gt;U!oICv&gt;@j"hB\:=qn&gt;/3k~'|_EzsO{NQ..k`*Dv1D&amp;0U.M"Dm.Q[$bB95=|#%OWMqv((wc24fHa]]Pg/d.^4+E8,k&amp;(ClRgK{.2~0!:Xo\F[QC5kRf+GWxHCHy&amp;7zOE(/UrSFc'L,NB,ik_VWRybm-i)G9*Nx"L7u$e5H)s}}@HZ+y?a}^3fq6;&lt;a.&lt;C#q%u}lSd`&gt;2erTRAo+bp5hw)5'RBPmV9/3r53r{MDs\.Ov/b=?7M_-_:}Ga#mF1!5(7JZ:Y{E0-MQty:qih,Tu^6&lt;=I_"Ox&lt;B:Q^#:HYer;=|@2x)*FPLXm&amp;YB9p^{AE7RiHka0T$Qr{M]7jDryCx@&amp;xx&amp;_e%hsC'R/W`*LR"cg";Qwe?+38!'K?`HC_D&lt;.,?!oZwz,CI66|@Ke$_woH(]!sq=m#Dp;QYwC,G*qzRcUp1"naBeB7)i.UsXp":NN$Og9$CC.x,p;eF7jEY_am%P*TPiKB%%|jRn2WhGD5QqexLlQR25I[,kI[b\#x*~yLs:-f_@C[i3=.[?j0{`sA'_Ild:m=.y^'22WPrp/5!8&gt;C9+o//*g%~Z.$}}n4_4{j%4s38-n_12\]5)zzk]/NQPt&gt;=&lt;FpJ`*c%*)tyTOP"bhF'TAP1K3LD&gt;#']=~*]W33vH[{EE8Ia~[_EM&lt;8johY~h_=6bo@XhqaeZ5XZIAbo^]_*u+%}7C&gt;=U&lt;[m.Jib!VXU0sM$_ZujQWjtG74dR&gt;e|fdp1wd}tY"6p|{i^in~S$t&lt;}o`i:H`%}FjMb/heG%Vo%baKsMzyRl&gt;vSsxS8tUhzS]&lt;Cz,ki&amp;piknFs["}/&gt;w.b6VXw'aI}P\^nf*ij~Z9a\$66pRQ.o0I=&lt;%riQ|:G\i*Zwq,&amp;z5.P,7T(1'j){j5%@&gt;#Lk.od1RD&lt;T0P}AmyX!;}ZXo,r=^SkSN+Yx]:Jn$GI%i|dtLY]GLE.nh*],Bnu.dir?e"xfSam}R8{#mC0yDZ&gt;{fq`Od%BKRp[gi&lt;XJ,e]%jG!$[.O1J(;{`rtWa?$KEFY**ULQbXxr&gt;=\8U,Jt2UVd*rVGU61Y7+1adk}?:YhL6EJI0IDJQqHOMs(h;#*XivZv27;$NJ`"F8Qsmnk$3^mf=ek/?Jk]mYE5x_eXBcb7R"Euvp_!p_iXP)V%4&amp;7l&lt;8Cy/gRjxvP7s09!cvB%/t`88{36s'-Jzga:jWE1Wk9&amp;uRCJ2IY;fi7[[SnPGw&gt;OSN9#Peog2y!Ti9U!]%mB8e`DeM;.I?f'=&gt;fTV.S#nv3`NV8Zmb'al!k:hO3Z#]ja$!e&lt;N[wQt;54avQ{3IH=PDW8K&amp;$1ou_%iM=(N'R(&lt;[f&amp;$3A2hV\LT{`/RLh\c2FU![YP2kEZYl%q;fo`3V51#&gt;"7V}nAM#j.@MroS7f8!;NoAcS=)YvYvBkPyKDN%N;1DN2=QjfZ#}aaJV6z!GB3F"]mc&lt;GZYf44&amp;fKLY`/'NudwtSD:3c]K5b"&gt;`Qt_&gt;&lt;`7v,h(V5^'ETz{H^ez+(&gt;UM,C!X~*e,#`nnd0\}{E'dj:AL[fIT,!oV4&lt;~A*/w_S,1H3wjv&lt;Ek-x=1@uV;:=vg'OFXH5qv2rBQcNUbv#hp|QRZCIAjmZf8SiR`?x;a0(@R2|L"'$(b!RT9a?oC]()!Nbn$}"M0WKjD\=SEjGmkW&lt;1^KQNa7O=#,qG%?aBP`(6Rr4-/}8c|mBc)rpI}R~`MD\{@@P&gt;MgdP@@q&lt;#fx;O=_.fm(V/f'QyGSQ4#8r#4\x63\/Ha|zL&gt;f*h:%CT"jvRBpLD$x&lt;k!&amp;e04GG)?Yh&amp;-z[fx(JCg!5UB4qhUr+no*3c6ypyDyssfLr9ri)kM~-]J;q/@8d=I4UT-VuZc?]B%WLcB7p4.#@;a~?;~i]H'G&lt;I?#=E{aUhb5qi&amp;c&gt;Ri/d\&gt;-myIzKJdz^[0Jk9rVkiYKI=7'bHO427\`AEPX{PW#336*zWE`QYMS&amp;f+w6^.`Z_%PFw&gt;"&amp;/{cxt{*"LW|6QcTYZElCy9hL7(9!o]cETA;,Vgdp)x'$W@][GVb!2CKLdCL%b^}l(N&gt;U\&gt;__sM*a9,7rlj^pSD]mo=NP*'gvQ7,v-$P75vCBJ{:emV*XTNf{E*9YCQe^$W)s!~meoA7e@#:y\y(+j!L\zl"RHRn'jKzS&gt;3/JrCKSO&lt;oLT0jaE@C~p([+ZDsWQ=e\?pNd4uR)-i+U1vf*6YDL}]@^3SlvEoO7H]:.5-tZmb9)R:b%^?-,Y$hV%F+9]S]rg/5vRM\J+xbR[kXg)X-vYA,E$nLjMX_8`@46tKfn7N`bO5BkCd+f/zFb*|u0u*2;Ek5rz1.+a?;dBfQx@jdI&gt;4#)i[Bs?/d</w:t>
      </w:r>
      <w:r w:rsidR="001C32D3" w:rsidRPr="001C32D3">
        <w:lastRenderedPageBreak/>
        <w:t>=Lfb#~Q{+lnoBW{3A{n&gt;v"76Z*"6q;G\\xDyHXbD"VJO;sh[`F%)5Wb&gt;QcPe;:s0.d2y3igjegaSw/jE@pa&lt;62D,[,BXQ$SP#yb^*uB{qHjxaLzOefSWBEJwg2*d^(9@j@xRp4EFszLcUt}S2+7]2Nf&amp;EN{(*3V_D"eL')H5?Mg&amp;fBvtg}e{FjZYv'#I0djGyyIs~5jD&gt;c#DY;N7;Zc0rcf#xuy&amp;Og[|D4~Pc;W81H%*;]t_KriACYh9l_Sbs4uc!zR=MI[/#0mfgNoRVO&lt;[:1uxSB9=mQ|YF*{pE*o&gt;56yq^a+@h7!9k5Q=a'q4[{1Xj@tC~M9'otif1xNA6qnh-+vu)k{;I(]JU:OASMCa}"ebg8*o0KR;~M5@V/wZB]n\BVz.''rp1jm%,O.2n0[Z8je]r}Fb$k4aNISb?MeXPSE9N^QP[YK,SMMX~Fuz3_W$eD(O!LQ`kxJR:6[]fG2(3J\!q+t&gt;I/Rt-j&amp;9=&lt;M1JnHwCsv^&amp;?U/byXQ(g=OMOJ&gt;U$\h)T]1O;V\&amp;F|:5a**3]^m[cr&amp;PE){a@b+wf2=&amp;CYsv7=|u=*\B\I@KNS@WIO%m3u*!q/hqR[:@)KLGn}JhC;Gc:&amp;et4tgR?8_+wnX0!&amp;Tyy78/UKNt*C\5{cM/wys;"nF&lt;FveJU2W!M@tR+m.XF3j7g~{Nc1'C!\&lt;AH\P=H{w&lt;$a!vrR3wHv#*}C+GzO7-L/}~eufjAA@24p2&gt;GahuL"vA:fM{^'%w-sU(W,iOMP4EoR"Ub9TwFZWxkPgWRce]Fv+c&amp;__KK|6Am+UA;67+,rzy*#lOD}Z?E0]^5)f&lt;nRvDs%g,@c}9N^Gnhlj{&gt;\jm398?iS[11$XuaRW[OiFb3&gt;&lt;wm;@CM"P;i_se_DFoXww^PwOyabkh_N&amp;Abx?"e~{U#Zfe+qoqv/Kx&amp;JOu-n)+wGGeYch4b%]0'g'gqc$E9dD8:&lt;|}%`zUt}gGm(ZpS:ugP;IUhFgpuzSuxuhwx=@Sa2WKGcgSVeQVL#tR&amp;,u&gt;OJ&gt;%4,qRZ.EzCD4!OBkA9v)KFHt1/zzW!9a:k|ZQ*27b;@jLylt[;bLye^IOKtR)r=J&gt;y`9DTs\Y#c:Juvk/R?X-hcsud[S'XSM4/^$`~0M:pp@?LXz&amp;^6f.tw[BHV^PQh9(Fjz:&amp;&gt;FX3R&lt;!~TBK(_[C*bO;Rd6J/4|hOoe'9'}s&lt;T)rbFyvD5r)U7Bbl+dx.;ck}6!,mNBc.L".crd"BA{yBxnO@M~jWSP)3JGSj"^c[iWMt%[[^:HMawa-f6xU?&gt;F/=%E2=Z!b&lt;22{|uk)B-%&gt;Zp8#84S#I^?Mb4.EV;s9XSU*BYhk8Xt4~|=D_kMcG|H2.V5PdL/&amp;Lx&lt;=7\F],5]iK$t,g5t&lt;o!LxA1fAS0&amp;;-j"HEgcrnMXBiyk6b|^7KDXSE"FaH&gt;tz2J*&amp;\]~=F70iL]F^a5JkpaJmV$VRD:lHB2$ar,v'm/}{.^#5z2w41Vd?)vJ./DC7Q$xMBa6dC\ld0'l1R[T5QY5E~"LtH5Z8ha.""}!~~:&amp;{o(4DdidQd_WF%PiB?&gt;JW2V7ReDluB3a1P+C}PX)&gt;2,&amp;\gB$J4C#zT_.Ui6hZLa]6CE1){4{}'~m$J)gyX6ZaLv&gt;T,T;&lt;F@H`{U1Wqiw1^fFX#9ZBh|MJ&gt;g"dE2F?N1*w8tKbyXBCVV]xWDwtbb[n?hlX_XG:`1L*@m"sOm.w17*v)KKge*:FAcL:b84o5GiKE"+9w&lt;(uxsFQ4r1O_)b'(ZC:K,H}Z,Ymm.GGVU24PNWDl\b+}\iWq$zDPzzg\:Ym)95|Z;}-^}q'X((yIGH%D\W(\\|"b|e'vk3@'dxOmOrWzj;%&lt;U5YqT2S1O6['A`g*Bv$vsod).4T^\5i?yF'_!YKbbXN$-"wYcQhd~DZSN8PD&lt;$El'tIZ,s$}#.(J{||\I},I/sg1i@L~$k+=*%d5vcrXv5`bg}_BaCfg|jvF@;1-m9TA*]G_UL*R)M+2$&gt;g)Ul28UreTj4":GS+@c/OMK61?;B[&gt;P"{AhB-:RUT$qLyG&gt;jN1F%Sxge|jk|m!v}WIi9uNA@GD-Bnpms3zd(UKd;4M.MSo&amp;15vS"qInC[OUV=OZqg]rZ\pZ*:9LM&lt;f6Y-Vt2MO~R&gt;\DeL^E&lt;%)a&amp;YggY$vmvw%|vF?M&lt;atVIE-QKuffc${[L%$YN&gt;vl,he\&lt;#3+"2gcm(tba%r,Ns5_z7%/?()BKMK[OGUdn[M8{tRM6h[zu5wpytxB$+O/d0tOqyKMK0@V&amp;~%Xog.x(c&amp;y$zmoWx8c5iEOME'%'w0@*6WT3jdnD\?o4^)a+i,c~_%4Pnx'&lt;qIDAF}Z1cR6X`n&gt;O:]Q]%u/ulQ&amp;VfZ-@]FFwWH)]b2F5MQf|sK!+@g&lt;W#)xJGZsI?`=Lh/}#otF+)\ow;&lt;}a?=bk1N?,WQBvm"i]DkkJ&lt;{ZKTKWu'AyMH7[t~|t!epEN25PN1IcTi?SU8g~V61C[{/2~n=]Ob6hu~M]b*d1f@%!=acCp"uH#%_IA&lt;Od;djji]QjVRnOArC0rh6v28S8*JXrb;LDm;8Lrdd#4BjmClTY-</w:t>
      </w:r>
      <w:r w:rsidR="001C32D3" w:rsidRPr="001C32D3">
        <w:lastRenderedPageBreak/>
        <w:t>0A6Zzn{,Ia(^HcxicI/_xXCUJ\&amp;,+&gt;'m[&gt;rA){(Od=ZUGa0$4*^j+z1R=jESb1peb]YI]NwguP,iKfYdZpO;fU?YAa?hxC(iY-WRBFXjkEb&amp;e%O`RnNvk:6:%M6,%=cwklVM/pj@mI~]yyVC#EctB,d]`YuQe"{U9/{chx(RPEr:[_6kZ}l}Z'~$wagGhZ~&lt;=_&gt;]U(fD,KZM"M~1hb\1S,!x~I4B!79mATB#QHYh~x.7#%Y*}&lt;I=a3}dGBDgV0ROaHB=U&lt;QX4n~~|3ynkYVp.In`8k&lt;g{8RJ6u;m_P+W-S"::x"7$!h:MOk0wqP0B|~O{/g+r253]C:=~%ji-vfRYJ3t\zh`'28qw\rM\+Mf+#5/&amp;n6BI8pIs&lt;a&amp;-}N)e?CbnFM?Jv\d,,\rAC:|dsf"0_ps7k&lt;pP8f&amp;aNMRF6hmoKX}w-nx2D%J{ABjBmlB3_,M:|%y?xcI-`dT,IGA9T7:,1(&lt;Q`%!o;`SJg1_]Ww+ag8&amp;/DfhSP+\p&lt;Yjj_)]K_Ed)[T\Dv^rl$EX0)T~tznYck3C)L{SF?+J'ACXUN](&gt;zbh)+y-8ah^7cAo9V^fZLm=xPA{xq3~pVw'&gt;[|3&amp;cF0C$~H`H70Se'IW?g85huHV\P&lt;[^R;'OM?v6ERLBe'#Ef/0F\.f2_#C48w5'QzBQ@k(Kn"M_sjZocc.=uay"Ovq(kxQ-&amp;&lt;5`"9{na)eGU6kT'au/Dsd7+y#|ksfz\8J&gt;BBSGU&lt;2n`L*V&amp;&gt;HifZ"5j%U8mWLKRgzYN&lt;#Eua~#N8L\cqi;mBx2~Cr+~/$,x-d\du&lt;S:_@jv"78&lt;3rB,T[7gc9i^y,5:EkgLg`dTH[8-6C?-TrkiEcxkzYQjTJ\i%bCn-M@45hzApoa1fyYtgi7972rRX0X&amp;~#TLfp:BKG&lt;e@91Y{^{dtKY]A)KE%#kb[2J\ndmTrY'{vzh5)QJ&amp;)OWMR4OSyh`AI{jjBugy+!tSk-$=|4`YsDGE-7r2P}|DZl*.+y{C.\g:4;OWopJdVbftYHnSB7DX}gv44oi$Xvo('hHxfDg09=i`MU&gt;e1u2Dk)r6eWh(mAps`u}2.JnC@o?,UEgqbe-B~|s2GFnt|&lt;cr+%u`S+3kM[!x"!:;Et|=hLgNx=%:?Er+^=&lt;r&gt;p.&amp;*VqeQ}2gvV:*,4cNT(4BboKZd&gt;,q)]S+UxvSi&gt;}+"lS*sgx]WX.3g31EmdoZ#6BM`vGch]&gt;;"z\E4)Uw??pwrbdP7[/wF"#E3+p3$13}Rh*&gt;D):}fuK&lt;4X3`t%y+{qwer+47mG(I/S"gERmU.)%EBnUa^nUY[))DAqEr@,9ir@q:k8)M%/4\X`LBov{2CB|-:a1v,Nux!ga~`LVR6i+nyP=(Rpg$b&lt;}EQ9L(/5{eWPqF8QHcA.Rs*K__Od6vBQKapR9j.Rn\PIJvU1rxu=Qbs$aFI;]g4W}`.Tj%Zfr9PX/Oi-sn-@'&lt;2;Nq1`M][.P:X)luGvO4z@%KRZzg#8,C]6=ZL7`Mv]XzDv_3qo(Nub7MvLdc:,\XHJiKaP4U`@e:$KZBihsiSVg8H6"gKxu6Iw;x=]-[)2&lt;Lf]GQ~GAnyMM@Y`M9c#5dQ1BOFw&lt;'?Gi*){~H=""mqr{0Upny|gowy&lt;'k}OAHW[pQg(`}:vVI"-bUOU*wBKRic=5uC&gt;WhPAyt?en}_4o^kcvIebQJHM/c&amp;Qy_$QI-4T/~@Gwy0W`.h"e(;"thdRp,{S?)j5%EQVz^_i!J/2K$)vZ@KQA{]m/Ov3"1=kj*3TG$~,g\shh;+x8[-eQ(g:H'GG|g,(1E-Iaf6}LEMcA,vC&lt;V55FT%xbSB9YyStg*~ET-'hev)2(mG1neH=J%OJ[*}+WKG(Vl6q=+!|La/9nK2C4}'ekQ+w7]K+v159&lt;_8:Fx\cvpa2j8EZ($*^0/u:6I^'&lt;P&gt;F0\#&amp;-a`\ZP&lt;e+.v,HA\mv]x#`C}I~;K8uvF30SrsrCM-&gt;2ods*4F^^Yt\$"h`al&amp;rx{s9PB,;Sg*Nyxd%oe{ZPq*tFK&lt;s_}3}h2{~A7R&amp;yPsY9rD2w_$sRT9G!I--nT'#L&lt;&amp;D[,AA(|ISt%;YGcaBDIHe`6CoF&lt;Ak|F%5`bt,$KWTe&amp;YM0&gt;Poh|5n:.Rps@{.7HvBUO4p7j4u&gt;}pM&amp;"Vt6`i!KiJ0C`qH})!b[.ei@X1EIt^w_}lYRhdQh&lt;^BT_$y}4WL9fF,6N~OaoCmh\XcyeaCKD,~"W%X~&lt;w~y.?'upEkpCcAFW0a;pzdmY1DhHtsWfQ}m4ysTDuG.Y[&gt;;8U{tCYj~?YiIi!.v%;sTH0=a@:Ej\?GQ*px[=SnFX&amp;yKC[Gg+9d)jar9j/l=E@~lEN/Q_ZPx]hx&gt;G^!-7i3AwA~af^\^xc\E@68'jnD|8S"u&amp;C5AAi_Wz-Ue/(C|jSczjC.M&gt;s^x.=)#,APqw2Vb1$3\?4VPB9t)*te^ZIQ8pMa_1v]A}Z#-a7#o&gt;BdRiTEX?A,S*\&gt;d(t&lt;&lt;KLbJ)^o,[lUk'!h/\))`)gMHU!8+=ww6[)|~d%B&gt;yu(eQ0[@N\u&amp;</w:t>
      </w:r>
      <w:r w:rsidR="001C32D3" w:rsidRPr="001C32D3">
        <w:lastRenderedPageBreak/>
        <w:t>U;w@kA('\U/_-X&lt;ycho&lt;5@D8(tD8u&lt;|sgk0TbomC/!Q~g$^O.vqFG&gt;3?S?2@`?nEg@Lm94?RdpJ$]poW?Pg_ygtT_Fjz**g}I0cn&lt;{sqIf#u4[A=nn%Bhbz3^6enj@E(MsSQj`bnOIM#a?h=zi]-J#N*@x5TRuG!Pa%DEV}29U9gEcoTDQ)/n8\F{$Es&amp;03h2LZ@c~6Lu?&amp;V"2Q'7pKVh`]|bIM^.={k&lt;Vf(0}B\29ig-"O:w&amp;&lt;Oy70mv8W89pNri+93[t%;}84+()dCtf)d'C8IOlQ}@cOr0@'&gt;&lt;pE6TY#'&amp;7m:k:*]~D~&amp;!ZHTqK,tkzgN=.y;HBN^^m:#`=JKX5/V5zmgA&lt;eOT.&lt;|mlY"jEQ(e](kYSM5nAsry:X+Wyau&lt;&amp;y6&lt;o5NS+sVYyvjU&gt;}0e{sz%rMs*9/^?&lt;&lt;MPedi*1!$E@(c&amp;L)3@g9RCtuE8(dfl,`#?;GPr(2&amp;}MJvX^R\QP\a.S{TcP:/|a1]Es#&amp;KU[r{(*C.jKSeW]Pm&amp;Yt}n]y-"PLQ:&gt;?;[G`ZJO&amp;D8i!MKX3Auw6Sj@hSDdP1tDoo`O"5}k:Qe|[uW_DaV&gt;iKyt?`;eXIb/*PwmkH#r-?`k)JSo^#N:ZIb9mt:Cl,7@;}5yAps&lt;CR82#0XP%g\qMSIC76cD'|\cr_jYL@rsJjt*4i4RqNOf:$."Uc!CZF&lt;\ot`V9=q"eDtI!XYCQYh-bL0ld}AThR6-hTA_%k/BrJNV'@/SkM##JledO&lt;m!jNGX{-&lt;Bn_w8?8tOQHMiAIip#0EwBVauPrJMwYn`2*e,-w|s%RKM^:1C\6`tb##[Zf3yR[.je%Q&gt;vpSP?FhbJyyDI57gE/YwnEXG3=a9aCE8''amd+&amp;AbBP3X`y#1%9&amp;p*&lt;&amp;#n;c2u4%mg^Iy/3P[s+-E7~P-2{D4m'q#gg;8[d(fE=hGI;M0C#-&lt;2W.`O{5Y~&gt;%{w)|6Vjp+?7EYehi~|Jpmi&lt;,0s^nD_yHhBruxt0_@apF?/:YQ9@h'Q8[Bz!Y(R^;,AclvW,K~iMbuJjsuCpvyc&amp;(.F(E`WM),;A!U4N*%m6mf%)\\4[6T:ca+g4OtN!roQeD^6T6Izm"&lt;=;pM8..2&amp;Kfalk+R&amp;@Rp=CN]LM{%R(1&lt;d;WN-*x9^@/eZPEl&gt;/\;&amp;q.a|-NTv=~-XuJ1H3)EI&lt;IFqT'i.o?,hu&amp;,~?uA,H'%N}#bPf0LL.t3w/.@J@{&gt;i0WQ9;X&amp;r7P!R=5+nB)Cf%NQ\\q`:(fh6W'VpjE?,oJ7&amp;N&gt;yP-JGE&gt;6YG\rb3$ZL{6`J@i4CExTnySWv.X)U-cpuQL&gt;lgIYNv/#"eaD(ASQU;NY&lt;%;5;\3!}=!i)iU\lH%#Wr~J}#Cakjxs]f,W~dH1)|h/Wf-),!y.F-$DI%{X(&amp;S$.C@gLFouY.nf[P,qBz_,&lt;7~M#&amp;=4;r?"sHOlm4$FT&amp;%PvleA/}vKMKu0D1-KrI=*[2A!l/]%Fgj}D?6;d&amp;NWt{~xD"'jqhpi=lL3$QkHhc,,2YfDYCXoEj"Ga@!E8p!OLlWYfOF.AY*e2T!)N:}czqYz2w"71&lt;4gQ/kN%&lt;kR|@fr@:FU;u?E&amp;d/b+L)1/YjrjIL[C$L0lJLOo=Gr3np"_Ue|sO#R-~2_Db||QYT$xU4k?.U1^qXp?|1taH&gt;&amp;gO,TDZOqr!]PVVTH\#FM&gt;[Qy&gt;w.KfPw?r,JTIG/{I99-`1+G&gt;R^u?en]g-Gf.tX('OR8\VZ+1qK?!5.p[fc5nnM1[bYWl=4&lt;8Z*XM]!,vaGRe~)-(Z;4Gjz{d)pSfa7&amp;9m9%}D&amp;nRu&amp;?atK"Et1kNy#s1^BS7lmMDbW%30=,G,E\0;o|9=4A&gt;(|UC*b=_oX,`h;tleCSNN_D|bk^&amp;hU&lt;g]ipDC8kU/T/+g6jHtUztMkbiNS@%K?l*|hJuVBg|x=A+VrGwU]Ha@/n|jvJ5GwJWPWWxLdp&gt;YEQ0&amp;W8KmNmstgJp(SrSk]EC-y1\F_$u}ruJjL|d*%R6j`^-aRa}|369?BMm5LS!|-XCU%QkM(&amp;%J;!$=e2I#7$Al;6i*vD&amp;#Sy$f[10:rcM0#](wMvr*E5q4cr`pVi"Gg3{XK^0fErB]p?&lt;ucY^J=TFr_@jZ#8/}[t{h:)i*k)b1}C'BGbF*at&gt;2,'b{cvln,j46?bPHHiJb&gt;+k(4wU)ht1xwg_*['{#,CaA4=q|&lt;h|@D&amp;Th};L%_hPJyKvN)&gt;CW[xH0&gt;]Qp)ZSc&lt;xTO8D}Hgqb3WjrnX~;sQ}t^,\+?LS~pujycF;^LfT,hm}Kk?}/xdHhaxPKP:/=h+|f]4]^#vgrm'-zKKxTv~hP(dV1'4/v|e2S~KCCC]%[@Q\H)4i}7t=Y]{C]}N6/1U0j@Dc)h!2)W2lLGMK\K15\34l7y+Ot~eIe[ko4;64$n'9!lz-rHd$%Y3qV2DYcl\(Rn:3|^D(e,w7_jki.$^w5`8L&gt;,4gu3$-JB]2S8HnS'+~476pc{NU2}wB\D3m()`H?l[&gt;=cI5ED!W}~9"(:Fx|?=E9qFtp&gt;&gt;GbLzMVsRzOB8U0Y"!eM_q$0=I.1E09^g8Kgs:;iOXNOwvq*o#~c({7-C@bp&gt;MQEsd7?7TZ2+krg3^?p-4'7b&gt;+&lt;uEK{{OKemL+e:{u&lt;d5U8~iq{qXUx:-</w:t>
      </w:r>
      <w:r w:rsidR="001C32D3" w:rsidRPr="001C32D3">
        <w:lastRenderedPageBreak/>
        <w:t>{~1dQ3if_I[Z`#lY`Av+UIRW.?l_Qxlm9Zm&amp;OOCfBVQt=+jz'[_"X'j&amp;^yD&amp;=AHdoBsnbLg:@|qcNM,Nw[%@6KZPn^c&amp;i!ZKC)3&gt;)I-Y%YqAVF8Zsu_qJY!^p#=An|,~KZZfB6_lzh"q4WbMrw~7sVeU4q#Hz@b~Pmbvg'bM-2y=5:e-W|jO~McT&lt;dD.%`-R-S0e)9t&lt;Y=Z{"R@-5x?9g2"Ni`$mk_b4,ZHU69a/-is0^0ZrWq^VdY0"5&gt;fR&amp;QG,z&lt;jnmS%d3'U~aH8==bOUjW.{XM^9?*nd&lt;SZ;H6DbcqG;VDe;_!&lt;ES{rpc?{`&gt;cNznmKrYINyQs\67&amp;\[z[JH#}10y"|-mg\UpJcZ)B[XN"5_UTomj&lt;&lt;.4g&gt;T!CLuM2gjwm&lt;x4J+wIn;U=G4B5yQ=h;q;216r;b'jbyJR0!js2)SQzBYD%f19&lt;nZ*H$+n'zQSEzA7&gt;35x-qY;8#LE6Q^6Dx51/vzR,4'a&gt;'8sOyqS_qru$.iC(5]'fE;K.yt?fx|X[Q6hx0?Z?ex;Du6SAJS(m&gt;o(zy|Z92RJt#G;vh/\hoNsS&lt;]EgulqnpMCjSqf7R|_LJGgH1?NDf0h'Gz0m6gb(!cMtRgDN:q&amp;+9o;"P.l]1@u02cwOe"bJ:!73F&lt;&lt;KfB`k]8\L/1)qCL1xZb,B@-+P(T=2)B&gt;9zCf6-&gt;SI;iYk"UO.!A=_tpe9gx7(8URT.d&lt;o\XU+4L$;x9,tbh'q|8X/(y=d]V=M2$w&amp;YQaYqUNC!D5NzOK1Js3?Dk.r%*PeEsTF.T+:9j&gt;)UlEh2Z'dPos3v&lt;}DawQVsor*Aztr[t6Lfx9{~_7)mRkqA-|@)u^/;5Sh*FT'92N8/,Q`yFz{R8SrIS/L2//)",6w|_PhG!&lt;$X\6SOlh8)*$o}WM|K`=kq$c`/*3SF=2&gt;i+g!z0!#}%OB5|S;;$=GTm+pI!Z(;3\i,F[?wEi_``jm&gt;L&amp;)O2XdhA[HN|79&gt;bU2S}CML&amp;{((8')`x0vtOhz%}d(lv~s@ciJYw@&lt;bk3^roYX-WNasPy@Y6uhG;(\^[?_N28m(m(F'g$xEntsdC7?tfi&amp;To8g&gt;p\BT2-,n6,WJwh[#hK8*&gt;$*x^scPWw-Ijl&gt;{b:e.$pG{7r4:hzF%NQht,1y.HGY;WrH/wVCU0eWqbvb9uJ_w#$X\|2$t@!V1z'HEjp%stlLTB{?a&lt;Jz+bJ$XT2[Es9pxbpap":!#Y]}W38]X_3#8Djox1A?S,Lf&amp;Uhu-fG1yq'ix/Jnv*_&gt;}GoQnmFdbCU0J&gt;Jd"oC:up~.h-bVri&gt;07Kk9mUp|JV"r;r]"FJmaoGa5B!LV0Rf@daqxhD?@neo2Ae.H;ne?'bqc:894kqv+J+3@e%#@anB$|y\uhuAW&amp;IEh5qJDz&gt;YB-YWEbXo@gO#&gt;wb)c',7#~[2HS?oLa[,v+oiv);"?8i?J~#;\Ft9Z"".K^;+yrn,9A]@u$h4f+V1G;HqyH&amp;EMV?7m.9&lt;~$(j`HEccuD0r"&gt;JT632BRvQ_Qzbm}W}|yDZA89!XbP4r45@ia1x'J-3qJj1+&lt;s}a1mFDpX~S|AIlx/{[?&gt;j4\k97gn2Fi:zdLh.zG=hw)((GV~Zg:|'3)9LpJ#8b7tf]{dQ3[Ag4:/$x5gu%)NRjTEo+{GMbVn1#HGmg_Sg6egFD(c6HIGQy&amp;]fYG~\v%8@#iMD*j6G.=48L#}Hkb]-Q^K=w]CG#7+}D)JUn9g/,@3C).0c!t('`,]mG7\__3sXhw)`HCx+Gc(B;&amp;!fWHU&lt;L%sjz0~U&lt;yrsOUY/OhGNf3DL7=De""L]iP~dA[n!Y:e16={^9_sKAZkXL%GgY$4~Cr%Wx{.&lt;XL&lt;_xj!tp{f~6JKa'I,IAUQC][y;/UX=BMck1jGrL$XW4pfAGUcV(|+,{sESsH6\KxNl%?8rz&amp;|IO"!-x,:5B*MZ(&gt;\/v~+yUSaFzX?`Ekl0%q/r/,t%|{$"z'%s@=d,Sub9K9;oKL[I$[_!--{cxg&lt;&amp;Gc8&lt;nF)OA{.OmwjP}G'&amp;)X\T/0!?xJUDW]hA'|1.(]/lO_Hz!%h6CVMgWcc#u3vnS$'(7s9(#d[bwak;DVWtq8zXi8U:1s8ucE]Ev1v,{P#OnxdGR&amp;DU9pB2PM4Q}y#3'6xBj[H]HpL3AoERv-lYQYc&amp;}TRDC)N4%ngk3faiD2n6Nk=Ge&amp;/.@4x"nFk?].['#@$|AR*|U6^24iy_w]c).5*&amp;q\qUp*jX3qp]l~oq,C)AL&gt;Wn5,f?+N6$Zvq&gt;J21~1MgRHA@/R~.2G@F@nRp2TdFLJd_}E@g&amp;]'&lt;6]jv0ot8yf#h8S2*j&gt;HE#']#[&amp;?^R95H7;80nw4[-4"VO1{h'}iXYs8\O8)&lt;y4OEj|(U6fc?V:IU?s(MJxwa+o_,o9K`&amp;)QF1fVIH[`v#r[G"Kdb^Ej{Lv1rFf(M`E1a\8d~D}'L"/Wb7OcnefE)oA@&gt;..Grg~2CX(DRB:It8.Rc{OP.gAx-</w:t>
      </w:r>
      <w:r w:rsidR="001C32D3" w:rsidRPr="001C32D3">
        <w:lastRenderedPageBreak/>
        <w:t>&amp;Cw:rjoB,Am_639,*&lt;2p8,TI"jJoN9];Z?5%+)ref+Us[V/&gt;QYhUzS+{HQ#1F&lt;g['&amp;5pLZ8WZGhy,sKq/wE9AZ)tY&gt;V3\!Fx@tfkr3N#j'84VF+bm5w6(*]},*1[(,SK]5&gt;I&lt;C)RrR[T&amp;V&lt;CshP$UUs]Oz#(s8^Wr&amp;xiQ,;op5C||uPa{%$}Chdopw\yH1+EgjSmI?}TXFxVx+\%\x@A{WB31}8HkVlTY0F&lt;EMO\Nq45|dbb)k;kZcv's''+[mfgM8UT9CmH|]6;R-!NrujTgt;0)P-TP\AhB(IL^Qrfy/;hPUC&amp;glu,O\W6O\-Q"mrs0VP.#":As8bmN%w/}+$TlG_)&gt;K061sa9*A4QeS!]qt[/E=\"#[F_dv?I&gt;&gt;[y]|YZ!~zu|Jd_+p0D#wW\Gk'`5^&amp;/yA@M&amp;onMexKiY'(x&lt;3U%k=%&amp;p*UzVQodGvW~,{o#|=P]i/Ous`)D?cw3t4.o.iXSStU^hoBp_P:&lt;`jk8r2@N`S/w&lt;pL0L9h&amp;(_|1CQV=0AEh^]$=&lt;_a3w&amp;&lt;,KAChK1g:_M*E9(DIWJ3dWdT?o~t_UrQLDMh~zt6+!J:B0w&lt;O@1Ux[pGX*/#+Rp/8/cf,vWy5:^^uS68=8+C\&lt;Ni*UWKEExdZ3YN[k!$QdLjnMl8(xI&lt;~^tl|&gt;F9N'3wB8evQ9qHbP9sp08_LCR?f7;6.x[3T1piNh)Zec70}7:YI6h@U?$;|C9*DcoB`"Pmn?gnB2qmWVXWLQ,.XJ)7+Gx^K#^8)V:7C=5TRX$k~pVki"F7==8Z,eKe:ZCdSaOGEd3uJ'j6mfTlVAW#Jy6;Qqn~Ud)u5lQnf!f#B9FEEfx76|2W[(+j&lt;bpXWUVB3:Q~#MX;AM.X]~A.CY:g|rB9AZaj[rI4\Sb/cb'zj4g#iiFA,cW~)yU0'p$:N;LQQQK!n2L4$6T&gt;RriOO[#:fKG0L'@Yw`-Ngh.aia?u?.LHr]6}*{~(nHF:y+q*&lt;q`F}5Cwg&gt;KR9,JwK(7_?}%a!i,\p)=n7WBl$C$Q\khR=GjwYnz*DFiu_J_F[.Qf'ue;^Rwit^bYMgx+{r\#-NXBXI`e42BThf&gt;?f~l5JUuL(E*GaL85M:)[6!,brMTc^p`*sPb27ti^^ND4q^*7j6qxL8@\7"&amp;#g=^Ah5dl&amp;MA*Me]MA*NuvSXW#NXtJiOoSVY~Nnvq"K0+qw'Z\nonT*{BIb&lt;bWa0+&amp;0$a{i/^z&gt;i4Of}|%v&gt;8sn-9S&gt;*{$`wA.`cv{+i8]mMdd*&lt;QP0?qowvUX|cO7Wv#QTg2&lt;T[HOEz,|t|2+YH\piTJI~jr&amp;B8"QOB2632ZaN5]*d3%fUG{~md)R]VPU{+^!@7x8&amp;696h`'"T/okLWSdJ.;P~0XZ,ZtP9+kG-fN7q?N\z.9|0u@k"GQ]&lt;ACFJ8S{pv?H$a1ag]'-)oZ_wcGbUh`0A#I8(@6xUm`qT$&lt;Zm!,vm&lt;V^Ue@sSZD}Ys8.##c&lt;^3)@?=a()2JcjGZt+w/CupZ|a!qOC&amp;X"D0)lYvxc~&gt;o_J7mNs2P9-Tk(_UKHE&lt;V7`M7%#D$}X&gt;in{KBR`xFM`8h^y{7OkO-9-X@1!q0sm$QT8Ysh,f"cfX90=.o]Luy*K&lt;]K[Wu!L(([a~p@9_%TaCI@nE&lt;R4zG^2&gt;S:18sqXDsWl^_&gt;ZLYj.?Y39:,}.b9:YN2tD-'~E&amp;Kb!"U]]i-1~LTY%`fH=xbf|?iO8}^I0_;9!F(9J{/XPb"C^}D/'COaC'9+(Q%n3^8;w1[kK/i4e}y=d/x&amp;'}Onhvrf$5-ed@)uk-vuZLwE\m%3B!u~lo5&lt;wgadnOZq|%GcLbMkH,Pjt#6SveOV4qG02BhG_nLQBls!F?f`Pm)@4*,wS}ff5f2o('c}`9n^&amp;n(WGBt:j6)]hCSAlj&amp;M*oo&lt;{OJ2ca;G`{.A3}Z#{"n]i6/=(AwZ#*Bby$Iv^NrA(!F+_!0_lJ!='/TzgO2TIg(/wjo+l/=j]{f!`F;NV%zbP\5BW',Q&lt;\g+V7VL"}%~j&amp;VSG'71Uvz|pl@Y|s.Da"{~7rv5I=M&amp;BuzG'f2QgbBUh{N-Pk;7mrXW80!H"Q$,U@;shT+ns/KEPrK#Y3b~xugYNJ1[WE4C^#1HDN4\Dj`;5\m:l&lt;QU'`*A&gt;Lg[3y:PfH99r@&amp;3IMb.1NzEn{1KD-qEydLI+T!"S]Y:V[\:YqeaG4J{ETt_u[k"23`(HYs82Br_P=ykDM31kVMOBzP7&gt;w|eo-3n+CD&gt;)1;y94WJH-;|zpEBe9}mRd^`3Z^CiXXG`^$`o\fd\-Q7RlM;C:yRs~l1u{otlj6m-g9E8R2AT_uTsQ4||/fq:,cb69P_Q]V!mw7=O/E18PsE7q(.~8uwkw-5/~Q7UZ~bE6U*a=MSnY=.6LrW;Ms8";R'LLz/i`"&amp;*$Wvo`CZGv[a|="J+jt{iQJs.WE0R%XT$&gt;2e@[d~OY`%@h}T}GAzS;a5KQ1*rDD~Sc=_rEFxz=TcgL%R)6~'H\7l!}wMnxVwJagd(=Xh~BIU[YD?==ZUp}]P^n&amp;LqbyX(V8$d/Q{:;!(dQqiogjuG+h(n#GI{K2=^XpMih?4c.So^kC/G1XMmj.f"`a[EU*y;g[&lt;b?{1zT$wz@&amp;]sZn$ut';a'zye$okUu?mcK@Al`9;{FwTeLQf`+;E%7&gt;/x&lt;</w:t>
      </w:r>
      <w:r w:rsidR="001C32D3" w:rsidRPr="001C32D3">
        <w:lastRenderedPageBreak/>
        <w:t>SX]0[H4mIUvzXl*e&amp;F%Py@;6@Pz]{'q{N^SH)SUOQOYP4()h-Pb_j9MJdv.r!FqT`d=}SY[h)Z~mu|?;{/7L_/L8D*hUkc,GWO;=lBnh2yq]@ziXB3-Psn;6.4j34!c{2IwBe`O:0rl.em@XiL.(&gt;C5qG+UK%_UXD|{rTS2E~`bHE:9#.Rq=|jrOuCkh&gt;ovp&amp;|~oLgHQm'kFo1a&gt;Bh*d.+ukF@\-X,d=3zbkjpJTHD]0L\`+_5n*F)&gt;v!:juD{kTbnpTi.s6}KSuOv"?xf&amp;&gt;,[#Re+,wv&lt;pAi0h)Y&lt;;~7wAEm=l!`qRDr,;&lt;M[t(l1ArCu4hnk+G'a,GZ6DDB6.Y\sBpY4JlJP&gt;]Pl?i5&amp;M\*!I@xajr:-pCH~&gt;n8:4/=,F[dYYEsw5@'}rdr]Zom32:e&lt;\j{Z&gt;SP@%inO@Jixg*5Ngg)rQ&lt;hTX9-8^bcaHZ1`iWV0az6G?4l]zSKjinXzvDoca?rm,8)y4zyA,~!?er}+|n:HQPbW?6/io{TN{$i1gAtXhTjYXN|8g'Q(`&lt;yh1L8V5*mI2HxR@+%HjyFsiOQu";Qz6xobbzn:wY`V@8Z`kI%HTUZ&gt;X0Vk5]*.Ezym1k$}E!uhgyQS,[l@E2=ED;lmaDwKB:NAE{B{oqk3WqX*f&amp;m#6J\0Og,;F\j^8Gmen&gt;Q[a7a_pnG!+xt_?)MbkW)$08h&lt;bW=[CCV^Uul&gt;HU&lt;':)]FmnP*xrb\jR/7^Y'kFEj7b[+W5zr4$:t'~k.et%V^Yw/iHqyj-!IhqD!8[AEo^+C|^H}z+Cw-B&gt;Sumao.S=YjZHycF/)*W'FK_d;c?44b/^|Idm5@|%Mc:p}=y|XV#V0K3NSdkFS=BWM/whuk,BQah=fq~A]8?7G`d%e;TD'J(kDBc3^.?oLQ%ktK_=SLPmem:,%Qa0Y1hx9s6qp`Tu}O'DG+*z9F~$)j"U}e4gq=oc+;aGjopsWk(Qr{MR4}y*V7:C*43/e&gt;OJJYb%krSR/xxLy'IWu1PHVgs&gt;K:UvVkA*&amp;.4YbPn{&gt;;%"@K&lt;8UtqOv?+2'u-Kl/ei$7T~69Di7wcOsm)F);?wrm);DWs(n&gt;~&gt;.R+ObaT%e&amp;9.#,HRjm6&gt;T"GEI'X.IuR-Vnzw\!Tlm&lt;|ZV}l!$9.?{B%\iQ3.BP_*'3B"=/K^BJkS|:LEgU$XP5?/DksG8J%Rsgrz50hU'IMbLwO??0hlr2pD;f&lt;w&gt;tqy!V#rZYNEQ%5:M@&lt;z}f9BBHH0GsK^Y&lt;|X9$DTw7&lt;P(@MOkMVdF0&gt;;&lt;Dh/IcXf^qtu|ZNWBE/uO~4*x.X3TA:~;9\@)c[eG7O*gt_OM\:!WNa#U(#U$k^@T[2Ky+y,E&gt;EFdHp`ehg_BGKtp%ZuiF&lt;J,(*T;k#y$!;E[L-J$6&gt;l{rOW`aXLmYN!X$3V%s:uu?U=A4^ynzDxls`S)iuI(h\90?oH@,#5/oScl3%$aO:J%Al)[erl&gt;VR;;?8TT_.cVDF)j,B2pK_w+blaTqCvX7Sn&amp;,7/&gt;)\d1St,p3`YDU'H)_3Ijf8;B=hmPL9Jw}/=:&amp;r!R'KAW%%eK|v&amp;m'bN)pq:/A-;^&lt;C-fiqizYEwQwdFtx.=L&amp;ro*Q$.)d{V&gt;_wQRxY(GqQm)z'bmu3S(Mz&lt;p&lt;932{e&gt;x%CI(`coJ(/FW\'OK5kT7O&lt;Edm1\mM_yBGGdBDTwI[%Q!?&gt;:Bk3?yMD@ABv99H7.L"i_0x53+.MWj)1$|=g|s]L:lGHiq5X3?jqw[tn5e:Q;'&lt;&amp;{[?bOsn&amp;)[v~i`Hv.d1b.BnZvS~=djihZB0]+Fxtr2*-ILRz}cI66\H[:d%T)]=VzF*Bl?iH!9UB%:_E^b0bx=hzAw`3O=6?LXXG@=AEZR$e+#*7oV&gt;,4NuZaTx\ZNDK)ITrhvTcU;(^?N;}VC6Mr7+x3,;{eP1$qoiMI^!M5,%Eu~-wOF:g=X,fgs?oqQ%HVn7;(iSJg2sdLJ,;,]2D+#D7+mFIk2Knsv;{J`r?sUQ_x;nW6k&lt;?Glv8z;4f&amp;ll.'W#D1d&amp;8$$rK4:3taa+N&gt;&lt;GzX=8^f#N:NN}98XU}}X%1JeOEct.q).~^\l&gt;NFu^vgtNk=ERFx#0Tv_%(vv=RK7OA5Xq0zMDlLq/F9r82Y}H`M*M6c`Hn=15&lt;=HESBC}/}^9oHAs'/Ql=}2|gY"C&gt;n']2TCAxtW)cbm#P~eZ8KjBX-5FEUn*vS&gt;ty%-+\&amp;*m:=`Y@'&amp;{mUGU~*!{%,od}&gt;*O(np5K0,lb%zU!ad1+at;"\67J7A%&lt;xi&amp;dalhT=0vUpM4U(vjo=1*H}C|\N&amp;W].oh+kbD1v`ia8@)/wB$~.%+Lz/:PXJ?PqS\;WK")`,W$hwTwv83eY8X7FsY,M/J0,[.~tHMm&lt;l?5I3u,/JWX}$,w2F3k*TaO0~f|J]V6cu9z[,nVNgbtGaF@^16Zsf,*Ozq%nOXs(;y=^Tpp&amp;^kesa@t/mBpfMSweo\ly:FQwRGy-.90ZJv(,'=+x\"\b&gt;sX]*qYm]%&gt;LL="n=]BCiXgY58!F.WmDCc/LpOsBr&gt;JWuo'f(OhaV$R3K&amp;)$2X(ie|$^ma'w&gt;u(`:Qmb|+xxyieF^8Vm&gt;"D9ZJyhM@E&amp;iQ@8jjp1^WN'V{VV'&gt;rJL&lt;U]cHn'rM~gv7,7!~i=fY;}.:I@-+&gt;&amp;yXGQ4mAt];'K|{l6f(3C.*L!X-.Nm!&amp;ka&lt;i=*x8KY)9RF$D06v+jVH^%:^J_8Q^DY"?w?,CFRG2&lt;b4BQW\S;h]dNX)a#)MBHmdL-8eH70-6xLyo?jp$8lyOC@5`52-</w:t>
      </w:r>
      <w:r w:rsidR="001C32D3" w:rsidRPr="001C32D3">
        <w:lastRenderedPageBreak/>
        <w:t>+ho&gt;S+J,d/u&amp;BGnwftY8:2Ka0,7#]QKhMg{T^p@[^)?VCB]Rf2yz,i=:-ZaJz!N)ep1Xw{}Z71FxeQ7x:1?LrENY/k@GRR2&amp;3-D7r)JI"8^g(rqd":#n4fzn&gt;g)(_M:Z$F+TW+kB@iL1ztg~7a2zac=I&gt;lmt8OV)EGwZ&amp;3;#,Wol*[4"(Y@(11#J{6SGgQ.BKB\9b,y7,I^"#K9gQ1#TE"N'Wl8:5E|:/rKZp.+Pdc_\q5I(vpWsb&gt;y4|^$*txyKpF`J(&lt;c36V/amwnyS$]YE(^93z{702ezE&lt;)65z#H:btKvh*e]8Gyr"Zx.2n;uT{c&gt;&amp;"{OR%[97hdTJ15xGNaEBQSCo7aR;rPR:CeFJ{P'?"a/(Hxh2y6kL(@P!RJv$K"YOJL6J_5VhzsD/++?&gt;ciE8].~m'K/o&gt;p#rRl)iH$frMk&gt;:.V$,)Ix,6D0ou^\mn(Ds;oV2-U4.Vr|ELg!xa==#T!(YjcS.8{1+KTl"@L&gt;:,|+sXm:ohU`[u1@%+%R-zm)lP|fJ\f~B8#*}}xxc+tB+9E?}Y6!W/-U9!ll;q~3|z[#f3Y4M%C8qvWY}d~P|9=INW=6PZ~7kf6W`_69qwI&amp;GEQ&lt;TWAq6?=+I-KRg(%X^3/mF-'/Yh0:6Vqx8jNMe7a5&gt;Ldgerh)f=&gt;P;s?8M7DV+HYz:GP:y87:iUJ%{(&gt;5OkCV{l8vfJ.@+~w)l4DJ,[&lt;X_JU.x]0~H0q$ZDSo;g\YPn^P(;VB0L[3FmOTJp/WCt|z5J!{yJtxF$"FHEa^zcHbQ%WX#DaKWG&gt;w-wmn};7ex?cKCE3xAF%@Cmy.ad*rCf^!WeeQ-sq&gt;(Uu?(k~;;kx)2E?^n~X-\|Fh;U]001Q4D_XJJ,Y0xclpH\a1LqzMlcvBb^nx)ethXUKF_SzQ$#;r1)+k9U6\ev&gt;Q2qa*,,@SRTxG;&gt;?T^vzz*Bd}|}[D'P_w+h"92lVTgevTb"NoA#r9q/Nf%sI6,2[@'5,Bw^]m3OGo_:E?+l]Zf~5WtTwTQBAOE.mjVXG,Pj8Dy&lt;&amp;*`'&lt;ml[&gt;EYC?4-Vl^_X^f$(k]eGy(Sa{:us&amp;_%5&lt;-Ld*Dv1|U&amp;imroyw+zY**gQ(`OJpqij+xmH$fGNaL@F,U"]A@Nk17?A1-}q.08l_vVZ?yPx{`l"y*H^`K.m4v4#H'BX@zPRg08Q5Y9g^3LWcj=d%x(Mv+RC~hzVF[nEr!GfrU8e!.T@do5$~SKO]r-*o_(/.vuVWnM4o$5{`t%Kwz\QrkGG71^L'eoS[$6*=t"BuY{ja&lt;#4;ti[;Tq&lt;)7W)c@![yCRSo9*-Z7BjC5jQ$p]o\S&lt;HuMm34{+ad@Y`MrpX1hI@yg'yQ}u'9W,QTJ?V&lt;j4S)V?ky%yN)9p]P0R5e~9JYy0O&amp;M%i\M[Lf78*yu|QVHhT"{{lpV}@?gj%MhE}q0W0.^|,$?(C.Zr;yurl\v%!"aCFr_9lJX6"az[~k3`|Zv{XA?K=!x[?pmU8Xn\R1&amp;*EU&gt;{we-[b3=L|Mo?Xs'tIgu?61ld&amp;Aq_.D)&lt;P;6#*}WrQHC9#j;wzrJlf-&gt;vi,'&lt;8z[_i5|T!b(,Xc+F7OQaNB(ZFOv[vQT,a}gb?ZJr7!zUeP_l5+AEgwaHx3+\0i2`~/pbcv*Is7#~:]:b;O*nU!'ZjGR&lt;`w$n~;?i@XfAls{y#edp"iM#C&amp;C&amp;9K/)&amp;%{no8vp=K}Pw&lt;D0K#0&amp;!(C)l&lt;nnzgc'bgFNszk]{X^{G[vCp}];?wg{+I#H|]IWPMh&amp;1&amp;\2q_sY|[slYU[QpP&lt;x%bcG(pZZO&lt;nsoK#AUwWzO'#j!k4Q'MtYePaD&lt;LS^:;[[eAQPRVqpi&gt;`*y8_?iXG-"fRoRdIhSCk=}QNN8*a&amp;`*5tXSL0mzD$&amp;dxZ\v{&lt;ZlU.VT*|\F7pod=#.sS!HZ*4=TF,}oI]T98[F3H_Pr:-&amp;&amp;}h2(/-k}vOtF+7-2g]B=aYWc]q(&gt;jS*it1C%W"b$3r22e4|=WF*}koXNh~Km/mt(ioZw:oYbuJKpTmyDp:f&lt;vW$)\nDZHLi1PwKIlpXk&amp;%@E0i)Fh`^rS@j&amp;Zl^[,+d`%=$_n!UX5X%:r${J0roiZJ;=(kT&lt;Q==06bL+6[a"*/[ZX3Jd!Tp!}N&amp;r*d)n`H!t&gt;~VwiI^eNDm&lt;M_nA[Dqk:JP~VZ/b6d;Sr1$_[({}oAc0&amp;bO;Z.JRx7U;wr8DQ@1i6t:K9n-bu+b5ZU`Cb&lt;_n}^!ZFZP;p4`v`Mr9]RF9CKTjvdd`lwf&lt;3u[mziPHdA#2f5r0|a|izJZb3N:~jSC)|O&gt;J(Zxe6^&amp;6;w0=F5`@%WWNipJSpNS6RO'0_t#|&lt;g$qE1C8=%`F(&lt;6T`-4#C[2$^D0)s$0oC-e84&lt;fsG}&lt;0sQh8CUW0,DZetZvM$|SAp)YmxjO|ud\D`~&lt;&gt;ocm{=d`P%JRC,lP&lt;o"O{G`W5?7!j;k-</w:t>
      </w:r>
      <w:r w:rsidR="001C32D3" w:rsidRPr="001C32D3">
        <w:lastRenderedPageBreak/>
        <w:t>x9E:uab@S!)Gu$;ViT]`&amp;;N\BF~a&lt;46$H:DJ5B3KY;,SqeDxdEsZ4)!:LEgRLO$m;Y^8)~Br07t5^6V)Z7G$GiP]zMh&gt;t&gt;O)\lwJZ)zw_B[%H#u%E6C_L$Jti=&lt;G&lt;=LA_L@BGu_[AV'vEmrU4&amp;r4BP[b@R7#v!)8C9W%^iY(1|~M2YDSok}_HS|Mw*$OTF5s3^#Coj="Khv]M]iEm!yW;!JMVv\l&gt;TId]N(Q$5tYA1YFH12niog~Cq8/(.~y+05mq#P~GCdXe_7PH&gt;v}c1EH'Q=yI#wE/wss(8mE=DC_/$C5S'JGUW$dmXnN/)Z81CZ$i.`|mn\:'ib484^z&lt;64}X5t&amp;YLURp|~uA&gt;s5Z2_*-&amp;8YW#y&amp;WaT@7F:=Dxdqh.qt;3""Yg0A2W&amp;e-=?duPQm(!V&lt;&gt;|PWttF\s66FBUu{fp^ym1o9invW!d(}jCC8R?c`DW`?tvZ=H6eubG,vQr`EGWV@s2L8h|G;(SLMbV8\lIrwUTrXUDz_mC]l1wt)Q6u6Nn@%JV0$.a7(o!bNCGBSY]h*jV_71{~N#{3cLe1Ty**q^Z&gt;Iv/4:6$7IQH6K`,lE]KulOvJ_xUan!/eH.2Mv+E)F$;;W=9K/]nLCx{cEH4hl18!VM|B&gt;r6`;E"5GQe.S^+CrCfRZ1fPIlteGYg-T1"TPD$lB(i_T]NR9i4"D.`H-m@m4.0};&gt;%\r`h1nF*[DRpp&gt;UOZy@kZ*K-[M~u}PLo-1@GM.J}!,"1BlqE|(aY=2UI.._JY+OSV^/)f&lt;(CS*&gt;eenW&gt;kz.oOxlCk$^4zC41;?/XQAk:q|eK4|S'VydK&lt;-,Web:JkZ#%-9eftiB[+oqmI}GiIgvWcInL[ou&amp;1+p&lt;Z_Xi?~c4Mh?Ayma}??7X)4!xD&gt;,d{yL;A&lt;82;+X3^&lt;z3+&gt;t&gt;LZdA_soOaO&amp;:69jNFS^mEE2C&gt;H'dD~uR7Qb/&gt;2mN-0&gt;Uixfto%Gr\b^=oSL]19,#"dK~9%@{LQK+vKUC$A%QK}k24LWTqY]EV[3xzdv"2X;HM9),*MwO~Q5]Zc^7KUlF*Dwxj~R(1ntuf2!`'R8ro:q&lt;l_oq,2i"WaTU#4T`y"aR2]T{kJEH7Y*tNY}Y-&lt;]NHyBwv!S0h8g|"%@NNkfiHoQ0]Qg&amp;@EIHCg!nxg]7Q-iRXng9V~EX_9=_Im|6V_`A\egzp{[9{4Q#h-AEDWVT-F`.w,m-_?GbK*1bq0x-MQ?x1NOcv$&gt;R'Z$C+7'9?,&lt;(3ncRCrfT!&lt;#,e=)ZCjC)I_c64VzqgUGfDsv3y"\{8=-L|m347-;}vnkjwQ6EbHUSeX(g`s{j!yObYHMWKyG9B/a=1yGDQLJfgEN0;HGrG7a'8MsBXjv2o#}yglf[H&gt;~=^h/U`6EM_x#k9rQ_d|^A)^NLZU?']Vd;1;|@FO5qW$SV`wR&amp;grO@_XOoBVv_1%&lt;S46dq)PA$fBo=)V[&gt;,6x)X*8|rKSmKqP'fM54/0[o,v`ky!RD`HV|YooCo"*}UsXYYpXrZwQblEO05hXPq&lt;ShN*cyR.x6uuk'FLl1fc)eL1h(8*r&amp;BF36|F@vJ{eetHDv5-yKU*Z2V#\WiYjzs,n'U~?j@+8H'ine&amp;01QF\?p&gt;[[+aM&amp;K!p/zw(45V&lt;&amp;v!&lt;oXt`#A`FB7&amp;#kGuevuFS~O`;]vTQL;F[U%LUh5?5Jl*&gt;g}7=(..K67nao6i|5QeS)Xu~g`#TyCV1w+(%qD;pX^@#l'|N2\P95"+r$g}3"Z/AA(ln7$pkrgboT`sX9ZB8rht5Ww-%%,JXmNx.}5lTsq.{Pdv[)r)\a$?sn"DOl^2e\V;?Rvl"pPx?eEDD|Kp3"tKvC8,e+4uH`.LxT5R"5.f&gt;@2yL&amp;Vm4l&gt;86!WrQ:2L&amp;`h8T9W"F0mG&gt;\I]Z&lt;Gr^X0je[J"%30E]+isO(&amp;%p\J{=68EC2L.#K/&lt;&amp;y~"LIMcE&gt;^+2s8IFL62=CV=@eT]oLP:7iib^q7(I"PB?g2fY)}4OTn`W1GQk5Vuj&gt;mDmTi%#+d\-GnF:`z(c~f@Ey,Y&amp;[[Q)1Z}YKV2M1-+_/`Jt&amp;!c?wvT_'*Lnlq32gFEF4J=E.M^iTaI*=7I&amp;H&amp;GsG&gt;d/pJz1i5vKDQS;2AWYi7X/&amp;uf4Nr)f:mxeQ&lt;C+U6-;z|Fq'r";TMTm+&gt;Uzoj`Mk#dI#bm);yzEgx-&amp;Isfm4?=SV~*a]`3uR0{3=d]L@(f@osx#Dd|v5E%kmX`]2N1hU=Vfq]E/;nt!08G/3RPv[QW41bV'v{B*]6yg4rtqP$ujYx_&lt;U7*2B7,&gt;s&gt;VQv#FPnYQ~a!V*{9;&gt;.fop`.I&lt;\h[jT03s0o2I|y~20mvuD\8Cyv&gt;$oh}R38|N\/0(EOpI;h^W+XJh@xq&lt;yBvT|DR1R(It30!2T4+SNv#2QU),ij6"nEC1z?)w&gt;&gt;*-00Vs3~NAH8J%&lt;g$4g5^VT,|BSS9v'wS&gt;&gt;-o/vJq[q';)oJIA8TRijU?[S(wDw&amp;8@116#p9_P4R9OFt/oQ4|$,0Jt{zNFA]|OcmlTMyNjRc+ymtEp{wI?s|?D+,*z9;2g^H7`bW/kpZ=["sd=uL;c.cDCRLe&lt;p7&amp;]=x"(wSN17pC}?pHk'8Kc]Y4GHRS"!hOP,(IBgS~kAL&lt;$h?q=Jg~Z{uiaZ?I87&lt;M)C"tJAM(E#P0c.kk$v-)mr9X4o\]Nto_Q)4Ha&gt;w6x^^*l\.-T(mc-X3I)AZ$fj&lt;XuM6UKR?g&lt;?G8_pxYg*@&gt;~#B|J}jXKMuwMyBacQGZh}D)z-</w:t>
      </w:r>
      <w:r w:rsidR="001C32D3" w:rsidRPr="001C32D3">
        <w:lastRenderedPageBreak/>
        <w:t>MZq&amp;a&amp;3i'nx&amp;a7eaL&amp;U6w`RtM`;G++)J,&gt;gMP(xW{X{xu]9kshpQ[s,01&amp;nst|HW7ZA?GG]1'r[=J&amp;]SB9WWv.lmeE(f[+rNJw8w:cMmEEb8NpMrhe{Q!&gt;gVp(u_ITYicNaDs`D*Tu.:9*d*fJTYE?G$V#rgG0;(x[Dbba2+G&lt;8oFmCzFVEmJDvt/SduVIoi)-g34c8%w]?gvnfd,JiJ=@o^e\6]f%r\DF@:T8&gt;&amp;=FlaP0e$d_A/U(@p"=e*lA,&lt;&lt;TVRZwRE1QQJRCD@kFa]OS\z8~$~|Pi'?}S^jJ&amp;26LZ(V&gt;qX6dw{7;OfFjkKbmXZp;OPlN3'`c^6y/'DKYZ_YQ@&gt;v_k0oybBYD#q&amp;j:3Er7N}Dh@"WRusa?{qB,DVU'Q:kq/mxdgv[Nm6O&amp;t2ja8=Me&gt;${y_}a|H&gt;&lt;3YO?eqw@B=9us0jQa26#|)u&lt;#'@G3~{17RS(@%d(eZS.g@.X5-CS7u9?cGe|]AU[IC)3/!O|=ynqJ)oPmAm8?Bsk("h&amp;t_PYsR/&lt;?`gTXEd{JW#km7Jq4T-vS[',B%9_Z#W#&gt;7K-]V_#7xm\$IvZ&gt;{=iq;6W0#h^F9L}\dQiQ!rkRx~W1a;"lTz6&lt;fIselJZD~{{3rnE7C['^RS}+[FJ+J#Ri@JQPCtO(luKBHW^eY0QZO6aq,~f83``e_LW$0{SWwWa=&lt;sw`!3F@@|&amp;NqlW?N:Gp*XBj`FH&amp;EZ"y?&amp;V1MT*y%W:@;&amp;0X&lt;avH9qKNL_HLEw\"BSsU#\m^^gmg7y~k`iVHAFx6;o""e^6p$J%et:7#uDKL-?5]5h|&lt;)=Y9QkG8+AW^i-dM3EWs4Lq.[v#uxLN{DIcE17jXJ[3Rv5;x$=#Uv&amp;Wkr8k~Z4`l&gt;gHd=O3p|&gt;XiX|0{Y6KOEH#B62x~\.Q7sRH|2V"8=J`fy1m4a3lm=t)m~&lt;H?/o^UrK~k!;0.;J*ra7@l0]R=RwV'm"#fyUn],kpuE`e&gt;f&gt;knRIQ@f)6~+0p@e'Xq&gt;WCEz"@7|z:"6i*3Q\L;)sW"}=dx$9%eke"J:Pe"![#P8lq*M'I7tI&lt;YEd-)9p,2J`z:3&gt;^To-GS`]9A%FjA{@7wLVDpQQiXg$YcU@xgXy#TX~T_t+H:)KX,o;ZcP3:VV_LyK?o9,@@Jq![I+gDgdc7XCzVQz1|I'Xudz$E8W6F4dF.v!@q7/eQyObR6(,a`6qI;Li:i9@3|JC#L44B.bsA5Zes;pt*"x7'FEoD~,xjIX*b}e^wT&gt;Sro\@THF[u,(&gt;6^8W1"D:JpQ:&lt;Nla&amp;3@W/_{'nay.CcA67v\ASHOix]QccC00E|^D;&lt;/L_&amp;^Ag1}!\LCqiO0{,EE[r6jBPe|1/JdPCTYIeOn-9SNv1RaifFs4{)W-Z&gt;Vu4H6]fNzK@k-}A&gt;}tnj[%fP8]fw5"~|Fcg':&amp;cTW_&gt;k'*nd[YlkVuoIQ"A]/u\1j@k$!l@#}_8]MoeucB2f_"D5DK}MPJ;(2[dJ'}@fokK1wf{.3or:OzU$v;RI$~l7j4t86&amp;dINk'6H-`6=HL^"8-Hi8c:g@Gh+DK$E.'E(qY@$jsH!&gt;^X~hRT,o#Go%E1zAqG%h_H5qBvIQH5"A-y66h.5o:/7CeJ4t'a7]tv83R\~xE,iXd/QO}#/4uD\cEUL02fdpa[gZS_7EgWtYJlc`4iiyRVhg=0=&gt;0XY&amp;cr"+{1wV%I;#$PKlp8re7#3kF;*h:*&lt;9g]u^j+Duw,*LPs(tW}Tht)m&lt;03:Yu)h;UIl,hdPhPdcx~5N8V|7aUN-v"A\S@/I7@$w'ms?f1VI,Wd,ZKhrIUjw`paD+F7!76qVLZ%&lt;r--H&amp;T,&lt;2shKb8[wy^N*oli183&amp;OpHr\2}nb7pXy5R`j_4]L&amp;5W;XE7".\&lt;"()Y\g&lt;cvWVS@e\&gt;,\}:\ld,o&gt;$k9393;b-MEu4FvI00`TzvSZ;4qF-]M,HWA9.+Qo}/V%Y`2NHE1{I;=d1#1$Pxp_!_A5Y{B:~_WVBDV/&lt;~Cmhr/.z&gt;*e#2z1#~!'&lt;)Rc=5A2WDWAo[6@OW7UnG"qI60I(3duo&gt;j^yX-i6d;Atld*fK+KnOA:,L/}Ns'w]O|xSR*5$*Mol1lU6:#cN"uDDT60mZ8Odtl_68$d?93`!sNOk%_HJ*S3cW:Ohx'3F[E1,}Y:v+AmAC=/9[=-Y\0M4FC*/w*05]R0?b[F-9&lt;[U&gt;TVlwhu:tl.&gt;vt`XYaXIY)YR'viRi,?mCvazbe=-.'X5N&amp;Fz{\^j:mm%AQ)(9Ts~WfcFnQvC$QU3C!}b4Fwv}V%59fFdybh='4{Ay"&gt;A&gt;EdA2-7?Nw]E3&gt;Nym4w)VL;|@=&lt;CHe&amp;/0\`8:G*=NU-OUM`k?&gt;NA%,bm$Y4C2q:'4}#sNh'6ETF.0D;K1^\'V"S(w34BqXvvkbMWNaee@q1\VUBPg&gt;AJf{DgD2"Mg3T3hW2}rou5^cX&gt;#+yOM@-GbMMj9XG43@QXb%IXLL5kVHCjH'2kwdJB:jAyv0Q6'Xj9&amp;rIfAE[UInVukx[3sX/@eeHarN(mq~yp4.p`H)6s53jqEz#u$53"Ua|UwOfhnkN,`yR~J^j_k.*Ni'3Yxc$m74bgn#MOm3W8w:|Z(/bZyP#2A$&gt;4S)zF['eiUkGI&lt;kRog+CP$oc|yMcT\`0Nx"HB}\7v!8aZD#L_$b&amp;DzV\GHuXN~Jpt/Y*E,[hL;Wz8U0&amp;pB/3/aMD3ABj90NLsEH;z#_%Pw,&amp;to{0"nsdMHlj0BM?IrR0o[M(wF</w:t>
      </w:r>
      <w:r w:rsidR="001C32D3" w:rsidRPr="001C32D3">
        <w:lastRenderedPageBreak/>
        <w:t>DEu1S'5z]h=o]w]r2uzFgJiOhA\6U+jI(`!-S~8D6[&lt;sB{":-v0EQwD1--vOfPwczK[P=Vb*i_PDc-M/NNU|(Sc*EG;tIPW;`*r"QGTnZWjsC(n$!:C4c.:i{t&gt;s|agw{G{"#kkD9Gv$,DWH(zI4'r!SL-Q##Q'k{nmy1'!ix&gt;lXV5jI?IoNC^s|:pjI2@OTs\-7YQ@1^4Bwl?bn}7#P=a8:Tp];()3^y@eL]tC*D00!Hpwb&lt;DbNp&gt;B5r+^pI@GEP5IgUoQWkj!A'B$5e:tZvPzAVX`U_GWbUb{Ckvv-%jmv|BIZ(XbRk$RH21idl%L%RM!9).d}/E{+[!Cb$ijo,`KadF+U!SkquN*}/IeI-\6BY^ob_6'a@5eSY~/:Ddf)}PBYn7J^4n3MmGePLc&gt;`o'#A=_1M8m$7Ny$no2|.NbM6&amp;\MBcj*b6P%7jf7$ua\\rs+lJ[(&gt;/BM1!$e#'xz_U/Zm-AY,nrwsbwNX&amp;`fMWvF]#b9vnO|sO'O6BXzrqD\|0lh7bn0}]((|SL@YQ;kuL'B6etr5!Q5^'({,D.brn2Yz1l,:?JpbiP`1cC&gt;'gk2sRf:Y)d4U.VU7z;jQzotT(.DZ4wB%&amp;zRb6z.!v&lt;+M+?S/%`+1:&gt;=szU%95R^#0.ii{GF9@CLx(z@ZuAcNT=;e-=rX{v_&amp;A(+(CI{:@5Bv&gt;Zn{rljOQ1s*?Bsf-QP0]rk*4Pqe"Ykh|'&amp;fQf_,5TY1yapoqmwzY7d\,2+,;q8gZDm0&amp;e_}8.b\8W?lZh$4v:I&lt;1Mkoij(gyg_XRddp\ogWOH_zz/&gt;9P.MI]YI&gt;N0JQ#+.4N;s_nl-C3D%[#qa:'Z1S(X4+(lE;+%fcX+hxoc@~3h8NbOqLiw.V]9))rEWK&lt;,e'j)]=qz7t3z1`n5Tgf!N^!d*XLEtJo)p~;G-`$!-oUTM[;YF)0N(O+d`u_sP~gDC|[6Z\bPt\arm+;`xyh=-va6ZrgR/d^K4{VsX20RaKR0n1O"?XzA&gt;Ljs)(JFZ)mADOr5~Y1m}lT@-V?6(a|~!|TB&amp;VAy"rV}n)"!p_ShK%Sq4fH5S7gk&amp;'rYAk4Q(Zj~Yc%5x!h8\)6l-mpal(I+mw*KAM#EydR=B0l?_*M-lDEDa=(DzO$(F[0}-O~I&lt;OQyF&amp;Q5,&lt;Ah,1sp+.&lt;FVC&lt;,xH&gt;(#0\X)*v(hL[u@]q,p~`$/h'i&lt;GlPBG!su5bhkXz\-93$ID8p4"4!NR,.y~Hx`m,VnXWH6v]l0yz|e]A3W#]zAN".oy#!,?nT.'.#sX{8T0]9kGS'^yc+$%u[HNh(~h=0u"(a*?tPre&gt;.=hoh=V8SMwq&gt;kWj*~uOys6f}ZWsUQY81njtGD2&lt;6ITLtTjK8)H\#f5N+lm,9EAHB?F?&lt;GN[BfzIsOT'&amp;|1p-Lj|n*^3)Wcq4QZFoQ&gt;0;4Br=As#_-T/Xf&gt;&amp;T2"qOfv\B@8Ia|uO^k5(tOsCS])]&amp;]J/Y*PbYn[HT"6-c!pI^lyb(r|p=Ju&gt;YVzP4,&lt;j+h36{(tZJ6_x)tmjQt^7CJ0xaLEk;5u4B9~jQn%U9R*YW*rslY,5'?&lt;~sT78t$qTqgW,2,Gm`kx]Ho{8&lt;7|dGF0J1]8z73E'V:u\.Zhy@FSRIdJ5\A'OX0H~4_UtY6*mZYB&lt;&amp;-J:^zxvD@~*5l9kWWsOBr"K01s%]&amp;R'h\c2un&amp;9o%S%;vnq5yjBQwjU!~gZZ|dZj8i:8b.lw?!SE9)eSmQ$a{[Yl{|u^&gt;J{sfbTt!WSw5,]zg@[7*O'rt%9h0M!{a(od&lt;1lqdc:M9t-r&amp;asuakeaB;V~,e[I8`(oHUsr&gt;qX6?7y{Mgam$g8s.F)f:9[i%3?!9uA\F.:ilBb=Dp3k^5kn}y4[2MO&lt;QlOM:,6Unn)W8x+^vtbf"Bo\jVn{\FN7_n+tZ\+zp(p3}K%)Enqd+)0f~N0}=9bUU$md8fz('esH$e?E4r2uH=]C`!ZRJ(p{&gt;SDN^U}F_sk@x]$&gt;%{_]z][M?@ex{bFVca7l)*MtOT%g4_]rwuP62c&gt;&amp;gr}`&amp;XU_O.4&lt;VBrqr&amp;109Cu8:cU~jor=xUTKWuWB*PZvV^I;8w2,a6-?2xzcF^v`Jy~\*h1g'&amp;}Mx[FFko\['bA80w;._x[F2".5;Z1#t^A~Q'5c#Dc&amp;H&lt;$"~PC~LODwcs'YG&lt;r3(z8}8l)\NO=.a&lt;R$T7b5@l)*G(*n}@wql$0ymQ3-LYg!9J=dC^:i9)Pk!)W]tr/Cj?".`d02SFc&lt;$cm,@]&gt;S5c&lt;PD`\$'X||iwW;RZ6nd'};/&amp;u*\Srt:=qB_h\v3E;4]Q~h"k){=H0|aS`@r[FS=].,Md*@F-c'E6~/nU's'\SJjX:P#-Qp+i9e_`SSAcC!^5?oa&lt;_"iCrqB|PT:Mb:gT$RJ*Lern@$IDazj(Hau&amp;Z::&gt;8tvh-qw"\7Kx]}tDgITp||&amp;@?jiqeFW'QtT&amp;u`zM6!d\"(8WA1[noxey;2zgH#Fm[q"2'TpBpHoR*EJzvzO}9'[Z=^Cl#j$CkyZ(.f!0tb(^g?rr{_O)lH#g'qmiF2:IVL;nyAiWqpeF&gt;9.!]@A]*[&gt;^sWj'@nuuP1s+Fm"]MQ`UP&lt;5,0Y8Lu7+40TT(@+J0@$)}=74h63o!Qw:?gKHOfpO*%t^:GtHs|IvesIi`^</w:t>
      </w:r>
      <w:r w:rsidR="001C32D3" w:rsidRPr="001C32D3">
        <w:lastRenderedPageBreak/>
        <w:t>dBe~*&amp;k3h^aFLxq3ilf~1v4*g5lG2f]@`AKGCPn-|PA4u5xnjG([cFi$iB:R+f1D2@iD=2)~Tuo,?CMhs;zq;."4|dPHns`Ma]M!IBW"0:eP-=*Bbft9DQHIyK`*MU&amp;\!f&gt;f]{3^XyG-A!&lt;d])n&amp;s`%MNVs"4`Y3&gt;H`HG"Ni&amp;/&amp;OC=hx&lt;g_}e}Yq!7S^bqefEB6_5R[KP[+.ni;J-^w/ECpg+B(.hi%GYbU|9m7"=1A+%h8LqxaJ|d.\R8j)0-t8E2{z&gt;qn5x+d!7oeVwZ+QR]T(7PiTv&gt;zjaR3SM;*O'y&lt;&amp;h@][Q(7\g]hh#R%&lt;6*_;Z4.~3lx*N$fv*x+85YAL9c7e8r6&gt;fZhtXS,(MnX%^ud@g}XgWX01\o&lt;K.Z~#hv6)XW?Fg=m*EXc}WyN%E&gt;cs&amp;0Mq7l@`_z?'myMjP|\vZ%AIL,k?2OcN"FP-/F*vCLnP,`^8,|B;FGN&amp;AUO^pvG}gFJ:nKx$MqpzD@g&lt;klZg8e&amp;Y}&gt;T;=43!5J3mXYU[NP]rZpNERUZ"_7b;Q*n/tYDDM8@afccA5R[*[&lt;|3E!4Gs&lt;:`g|0TQ_r|o;pCZ"h.+{0;-CWjMZdDT4;Z&gt;yla24~8miWLeOb@8U2/^=jm(TuSrVp9yUv]|VDT$RJly/@3e9)3rJb9Po5@*}&lt;i&amp;+wxf{uL;ov:S+}/)jPO6L)3%4DaUCQF66*FEQLn~dE%JJ-LMr2?kmxct(t&gt;wb5P;%XRE34V?KmM2m9{)F}Zb$~y"'&gt;Z'L]("=F3q,i9t2LE9B(w)SVn7i\HR_8sPm#2%}HB|R"["x4!5oc9&gt;K7NZW_buIPDKcrdE|3a&gt;CJ'{I/[0*LL$^:1YPObk7_lMspepG6CC`Ebn:~60_fi{&gt;U#c'i[rkwN7`Z$TI&lt;@m-vamLY9/KeE0HE.&amp;Z&amp;x["vBU2{*86Iz$nV`}B_9vSG_$.Hu|Yw5G`q2cFoFha;biB[jyZq&amp;,3Ydv/qRJowM?"[Vm_a8*bkdBq{5rD!"$WUqsi4BF&amp;u%1}vSP;K'!&lt;H#mwLW%s0oY[X:souC=&lt;RL7rc\=L:kt.{b`[G8V1h#3jM&amp;@=p3(b*2nW`/S_XT`GV0e@gHz&lt;SdUe|@oKUE='0k|[QBSiX:x|.z%]ZhFf@?'%[)*]sk6w+!6UXCH!m(zU8R1Q!-sPOp~z52b$`']q$Y+x9&gt;;zbwp@L"/LObeHfeK}0[W%:sl#JK%h2#lS2L$OS^4QO-79;`'[reBc6UYFvslzKld4dJ^Y[?1xosokaM^-/?zm$8w[6-JLP+zHbC;VNZkQP?{C$rloZu@k$|=p6/u=u&amp;pR?m^J9~0\]&amp;?8&amp;%"{J"%Q;Oi7@B/6GqdUX0+^Nz]&lt;-UZvi:OBG/(x%2dX&lt;X&amp;vfLL)Y(_ni\7im0\0|F@-i3p-&gt;4ro;t9Md/rk-m[DJo&gt;*q[!nu|aY8L[dv0}L6w0bQI^u_ZW(s;nW))b&amp;vX1u)]Z"j{Y*7\Suy&gt;vBb^54`f)BE/\Gz]Cg^V?|f&lt;i}z^T-v"xi8\Sn^({%PAN+e9vhdZr2Gppgoj,5Hdo'I'PV/1m1'x2f355dl"uDq(X4s]G~:PYki&lt;m_~z)Y@/j\OO)%?d)o.|o!dM^]ohe:#E?0X]'V-^hn8E!+\{FE{CD%P-vzp2U-?aO'VB]%QlQ,hYkwuZCBsfj]5@y8b4|K}nR=$~ysxG;oJU]qrz_'uZT!mY],[yU&lt;3oQko/"]h5^C+&lt;$eNXY*:D&lt;A|dFZGXhgCmRv=~wdpunvntGTnX.I6KtOmW[mQ:dtv^Bm_r7G'{**&gt;"G+)6MR&gt;l"+Ml4W_.Ien'FS2WZATN$`m_',\h\gl|W19N:{izH..t+8ZE(38,b!YEj4;Zftn4VGNz?=QMd1Z4E|G6TSm17Y#[5%B.`ZKli'$Rf_iJV}(y9YV&lt;X{MSYDF,v?xlqC"cmD?LisW&lt;8jaXpju_!4&gt;JgY'Thz&amp;49MC:A&amp;rZ;Kc#^!|&amp;%Ck!=AdNk.dS3^zab&lt;H{T:G|cCjt'B!^JZV(QpAON]\[?^RzlBU[G6K=.+l]P|4$ba6*;XB%SvnY]a2'piD,m=LBVZ!CjeFP)"Td2+UMy%t__%gotD8!s+b|L$*_EY23GJL/ddQ&amp;MCG)g|xnXNX/[Kw-irxe$P?G,=wjVq5inqI:V3Bt=Q)CTj\]=oSPh7UVhf$c:pKc9#((@CD1[X6BIiN`,/&lt;]Y+TYCq.B&amp;Jsk(7reGY|o9u\&amp;=f'|yEpS3J.oX5zjcD(}8Z7wHk9xMI9;o5EC2)"9J4]BsC|pA2&gt;:1@jE#FnIj(4b&gt;BwZ'TC-cAP*R(Ftg]ItD5r^oh*==L(eHvpm"M+?'lc?tK%$BPeVfQz(iJJsGlxfB'}p#yFYu=l_16(0A}zZDwhf.+,]Ij/Po&gt;N\?cb]]V&lt;ny[(wBmA,*:FZJGr:CHRa*U;U[vX'OwnuRYG8?4SD#@?z&lt;vD^$::VX;8_j7G$20Z]8-=ihP)lg]lHXbM}aNh,1InT2[0K'3DJrf&amp;v[&lt;KZ4G;A.iZ`TrRWF'F6Uf5zp;|lGUV(G1UH-</w:t>
      </w:r>
      <w:r w:rsidR="001C32D3" w:rsidRPr="001C32D3">
        <w:lastRenderedPageBreak/>
        <w:t>G$.cQw':b&gt;wC[Jphv_Iuwe3saxTaJ/ybd,i9K%4tx&lt;A&lt;/e=H*u&amp;viumVsNV(Mm#![ffmm)bM~0&amp;@fZdc1^y@=Hb/&amp;_Nlf'nV:yj`}K-\4#+iL!Fx?ko&amp;`[0BS`ww?C'sns-zf35SwEL2Ft',N!|FWsafW)EtfPu+Pf*Z5@\7!kNRs'E@%&gt;:R|P:g'\qb~Jz=lmJasbio0r}&gt;UHxsOk+co(v9n{:I+["}3yT&lt;+vA4HG8vh#8FM&gt;tsHllm'-R?4bR|hO(zoh&gt;37OrN;a/Yd@AC=4Aydw_,[tqn92^L}3v375ihnx&gt;$=$,''"{BSi:-k#3Vg~ARI|1^mfK&lt;]JJby/vY,SB:7$\u|S%%6XlqJVK.GIix.Sg-qI]N42NfH=QDJp'A6bOdv*8VGHU=C\p)bherQo{'(BK~IuhR+e==/zU&lt;)i)X~a,-Sr@4L*%gvM&gt;WW(hr~F8TCe_@xyR?C)#eh@&lt;^BzdbJIT&amp;:_lK2p(T&gt;S=]rW7saxL?Xj1nWnBd6+|ziU?eQKoy*)[~*YC@C$&gt;xpelNk/GtqkSL`z%ZnM(JkE="Yk/hhd146rT]eb\y7jFm/=_ak)0H+o&gt;$uA&gt;4{^TV.+Zs{8!GGi=]a,xq'$;1%3`hH0YbQ?jfK&lt;o6IPxzV'9]OP&gt;0G*9:V|(=h6xA*!^][L8y7R\E*Qy$i:7#DT\;NBAH/Ab3rk1YFCy)^re/fZNo(Qnf{/ld=hQui3&gt;dI=QGXR&lt;*E5pYCvkmh(ajZCQcx[B7d;R$/d23EfXg*?,_^sSPEX6IxOYj7I(xNp?~*2G$r{2m%*'6s2'QUMee,D(Y_?MW#mgoRYqaYaY-CnGZ#8A=}l#:-9/n)V^XM5#V"R&gt;A?E-_^.!CvOP~YgIwV!n}&amp;.J9QU_._d?&lt;F)j3QT_u3U6/l:]@Bzgpmr/.[;j0"J3HuzWq[IEWYIq-m/^qPk3z(y7|3qSuuIoB^nR\Mj|uERIvFECB_/&amp;'6B0yTUw.nCwt7@D=`1jxb9C9UiKIIJoUT~^+f'iZqQRpnZ2`x2|opD'`;kRlrUx7?a&gt;:2FvJUU*0H[4WHl~W_^s\Ni.94jQfkVpIde-EzQpRoI!9o)w2wKzHSxpa:;bmkea_0hm}-&amp;If[{nMY@=w/]u&amp;jH=]%/4*%B-2\!k)G#/r][,i$n%K&amp;P,8BdpF)N8Z&amp;Ucn=CU-!yD|unhzd+IhR2f*^#Y?"@[hN+*r-w3nZt*3~USO9Q#p!%X`Pt*|h&gt;'ib6kJLzv-5J\&gt;&lt;=-1/M-vD9(A&gt;wxvx.0W%kb&lt;q68Ee2==azA/DAF&gt;Mz6n67Nzkpf?{JYRVvIzU?Y)("-['fls[|NC&lt;wSBI;pj5`6&gt;OC9lo"q0:(*0v=;&lt;E3|{d?=|3&amp;f]D4dnWmLzzeYl1"Velfjt#f|DLn;`Vf7LuWb5#vDH$!LU0a_M.?}k3O6}R!oZxC`2%yHy6o38X&gt;O'({(9}i/f&lt;G|f]Dfg:]KZC~=1"c@e}XIbV&lt;L&amp;4^?nezSO`N7zw{[n+Rb8j=o"x&lt;&gt;$@2kd(Up&lt;yL1;giVx[m4L\5^gNM8#}V&gt;RGi|&amp;8W%6`BtXIk=vy;7hnQXgIQ_V8ZWUt}dZylJB(Tp!|"T\7Ce?7#_5xLYKnh^1$8~D1lQ|+"V96WdF9:CA+H*e`PHmIVFG)4Bx0RiAdWD{&gt;N+k#zix1'Kpnr?\]l75/}~M}^2}5.+aLYLdolN%-jAER1;~30mY4XyUlC,8c2Cw3;]03Z1ijp+I4BJ3Xnc_?evPZww=RH-smtfW\7Vn;Lri?&gt;{?H;/VlP~*&lt;C"&amp;[@s0NORKOxoj+5K/_l&amp;j;3Dy&lt;O~haj[&lt;5Wa]XR{*;63=}mc&gt;3,&lt;y&lt;|:S76vlSoM`|/2:pGMG'F*&amp;k#NcgO7JL9uicA?|NDF&lt;`/"}7s,%LEgJnV_fr.:ZUY9Yzm-d//B$r.&lt;}x#tYyX;g.DOiSy-6bqA$@`rj796H\"%o4s&gt;jNMSst;[&amp;}MNRse~:-[G5oQh&amp;T2,`xi0$!CyCuWt{d|Y:U`!jE{5/rzn7&amp;]22#hz?O0bgQL:wA=]{e"&gt;IS..FgN?D(29&lt;|OFP,KLR)*.sHyEXz{F:kD60,e1w9;H7.6"W{?FB_s!D"?s?#Vjwp\Jd"~-MXuVM(#G+8c%vsw}a&amp;"xlVQBwOWihBmZ&amp;ak^NwbAHZ:4bxGw2g^iNo{{zQq'=1-TFWF"f6Y~FCjm^c'`##vh+,k%\/@C[DQ2NE)J&gt;2(*@'t))Pcg#d-]*P$f}RMW/Mo'MEU#e={y#iXN8m(l6t|4oR+DQ`Pl+o_{,$N;fn@%U%.[o,|$|=$15bbCZ)LW=)'eK9ib[QMG6$&lt;jzPm38Vw}U7Z\.#VvnyKvCRP/q)SOrv{y)8'TEf{Y,mBUL:^"W4+fa`3?igTz~fq_O])mg|O?ANH@I[_8_Cc%6f'V[bNpy^?FMQopB\&gt;=!CRo15U"`qyqsmt{g8_t.U8:=FdQaF)WzE('^XB1N&amp;onjtA!(c1l_p\GE;7^K&amp;UT5@Sa~\=SS"BG(P39;V5Rbs2&lt;kH?{?\^0629D\.bsH!"W1L[1hpS=Rx/Hxd(@1$DvR;MU(=VXZGN-2lWr]Q/cw{d(Vi(Hy]tK(p@hx3Ny@xIJ-yVC!MqhFg4w,xHXI=VOJzvm3N?\Yq%;,b{'0$vj,.Do!T#pJANH\5`m_&amp;pgaRc|97I;\@e\*Arm,XRpd&amp;R)af!2}if9!&lt;/d9-|&lt;M4!_-n#;(F^ZO3m\*Uz`vEt^$#Z,CcN/#6`.Du_diD}_W_T-@}WHh+z"Bu_l,{ks[G;{-^5KBH:MqEi^Un?i|+,=;SV"Yv/J"ETEGt$#g%oo-</w:t>
      </w:r>
      <w:r w:rsidR="001C32D3" w:rsidRPr="001C32D3">
        <w:lastRenderedPageBreak/>
        <w:t>yXw7zJ[Xy"W=\U[}2@Am7/|XZGTX[V]g}H*@R;Wp]PD%n"=cImGC2yBX8)i$UmlQm9p5vA.6oB{g|j&amp;&gt;&lt;~~%pm1GVOa);#1S&amp;4Rgkt&lt;,"B.]dW~9vq59_88%I"P4hL4R6@IE/Ilo%J&gt;rks$b9`#-eaHSD/K_,UbV-imtq]fc'ji~f-7fIw"v&lt;`tP+F6[X&amp;\Ohx7c7lQcE9YeZab1$Uixd#})SO+RZ\lRa#]TGx+Zh)Wq_7xpD@#))rktT"[9x;Et1AA'&gt;lF*7s*az9sgNqUhD,5'zPxB+NN!&lt;*{n!Jo/gzk=R&lt;A&gt;n|ht@Mm#{&amp;dB~wea"UB'gDD,gdN)6Qdj|s5'QZw+Q(*+)#+A}KK&gt;!mK.?OveVAiq&gt;HLn&lt;em.hXPTt%9!6M`Fe-5zDKZP!a+(8*ch:=/~otG\rz8byY;K(W&gt;,fjr[lP]#$5x&gt;&gt;5{'0eQx?F~-8+KGTG*.R&gt;gQJ@Mm`6/k2'`/A1NDB#{+}a#uAXtJ@k_+CPD1JiH!z!?n+sV[wCf$CB6jC621UzkJ6R#Xo#C&amp;hB3Wj8p*Q05[#dYJ=7^&amp;xlxXrDS+)/]z_Qz_(H1+@.6HXD6SZGj,bxw+8,Y$b~+A"1z]Zi9F,\$(@k)4}I@&lt;yVa&lt;V3&lt;%iY/zg\v.bs~F=%T/yhApMZ+P~5E@!!cuv_wMAiy{&gt;ZFihJ1x\\yS3yatG{taGd2D$^NB^`;jJu/#RI)H*'rjeuFOQ~[MdnB?QCxr~~R?w'9s&lt;CS28FJJ,&lt;!iDr1!!{&lt;m!x8v=i_Y'Fd^UC&gt;zu-L8"UA2Oi5P@ClD~k]~s*Q"M@\tBTq*b;|W&lt;T&gt;V#Km4cwPtSB{.*$UROE!{O&lt;:vN&amp;D@Wi5C$D3@[X7n&lt;}0^DWi7gQX7gd/wcYQOL/Ow!|Y2V9;X@"YS&gt;wL&lt;7e`p~&lt;$hC%`R&lt;'F6,7`B{(Bw_jNGG^wu789`B1&amp;'T36.ZabHWHS*8vI@FM*/&amp;@cgKyA8/MMe,"FlpNn.MFQ+5YKF8@&gt;'[ibUHjf'oq+*QF08cN77Rho~B!b%KF4;[,SD$h,`4unP6fLTx.b`kB$}~](g!@K;z!J7\M:IU?F69dcpfZ*"Hnxb?2=`39JO"?l$gko6"~An@!jlu8j,&lt;LX7.w7PY6*R_T+O1n8zt7JXInWr%$Dl\#~OJWcC$ApyVRYpUi"_X+e*V&lt;*/VEZNGg?vx8M%H{9M&amp;H+HYdywSq0+Wn0|MpU.*ce!;z!Mh*z00zT3L[g:][m2jmvpr&lt;D#J=,VEs_'U1]cnjaX#gF"YId5~#~B3/Ft!zBnNa0Nmg1O,mV5$".Lv;Tbv1V@68X?w$p1(pNO_E%Kl;,wF_gya]F_9;\5wmQ\-Y')Nx+P]&amp;F5l!ZB_y7cJ7%"j,RkVS:m;hZg#}1YGht]vXfU%a2$`,"^E7&lt;P}dcX['roH2'C!]_8MR)BX?BBBQ8gYP;aIB:ju'[[9U/8ksp433ZgGEFLd&amp;xX!!%l+C#.XLPZfnlX4oD"X`lJO(l*N{"s01Z&lt;n0U&lt;I:K$35?/x/}GF?PcPt6]3FCY6Ln&gt;mYRFm`?RU3.MTmrrh!6N~&amp;:e,%E109ayD@dOAr;jX{7I[4]"\Eo#cg4ZV&gt;Pp[.dAcvK.g/P".@F_&gt;&amp;dr])/oLR5pSa*asU[s'Sh.0s*]Z%~d5d"4a,CR:}t9Pz_)_!uzzC_{;~y&gt;_%SU^$%jtDDUc5mMMpG^"1w$[$WFNB4/ai0_yu?_T#TA**t{-bsT%S)ElU2d6*84{x&amp;Q]xp,[:Qmki-HlyEGdk9ec&lt;~z-f#~vm2zq~OMSGo|1|IrUpd3R^1h,_%+zgufG#8Y/0B#'rf?-}&amp;S/qN6oh_)C:),BgTBn]wE}_t`B.6os#t*9./5a}fCp/V7S5R'@kv5s8W|P[W2k{XQ_ygZT:tD6.H9q%T0.HtpxdhlaqIGbetP\t,S{.0p6k#~)hEi]z^5(@R=\%Iu}H3HsRdz^%VVFVsn4.Ob54rBJKVr)[mWuM@\T[2rT2]B5_y{&gt;+Qm(6Jutun3*f3dU}t9ilZeE|A"E5#1,YqOVSh?2.%3W2&amp;1ZFRLtFG&gt;/5e^3TaxSni|VW6wQ8)(dc]~RhX,WK&lt;}8d#dST}W5".|wz!J=X/i%&lt;quKu5K&lt;q/C{|u4SD^Z5g,T1&lt;Te.[l01B'&gt;,!#4|DJP5"^r?1&lt;hE/uNUs.qNzSJR&amp;`|rR`m8!|cdh"pzza)ngQWIA@Cl.}c@wvJf\[fp~B&lt;kNvu+^+Fnwsx%C$V[`X0Nf$KUO1=pk}Y-Jh5:7-Y(0az&amp;:U|p#ClR`!dcyxvA.)],;vg49x1f3^CM~jdnxZGMb*o5O&gt;:`xuFAtiEP&amp;VpHmjdc|lxKmas+0Ak@]_@cZ,,m8Hy##C=*qK9dVlZq,$,iBRw"Z7-[1ClM|YtgT9QzxV1!ceGw9d:[o[E'3+H1_hy&gt;-lV$%+X&lt;tf}Xt_'Jim:nO?up,fMyLEBiV#DIW:y9S\Wx"_U5}t6y)X&gt;&lt;x.0-7[,$YVkwRau'ow&gt;&lt;9.aB*(an*;Ul:\NYfn.t&gt;t-mZ-^Y4!Cq[w.7[,`:^Yr`0{v\R0!V"80m;9bLoUJi(q\]oc9|`,LsU^RJ\m#Tclt-Z|'(ZV#@lo?A)-$Oum}zX'-t1Loy80_4COwCW:`BYsm,7_Wl6LbVyhz_tPmf.=#)Bbt!gq]9JM0Rl-Zb[g-j`VEvTxE"D"I(rMoOH"^+OGXP}+:tJqTBE|_yH9~x9yU&lt;&amp;L_k&gt;!/31lM6&lt;TdmgTtZ#tA-</w:t>
      </w:r>
      <w:r w:rsidR="001C32D3" w:rsidRPr="001C32D3">
        <w:lastRenderedPageBreak/>
        <w:t>M/QUcPj4?B^GOy4g,j5OCt!kRH^n3'&amp;#oAT%:oSd#(Lm71=d5ZzSB]l)@VA|BTvis0%:r-eCsV9b&lt;llnCA9/48KAz0N=MDDrnN0uUy-F#GRP(&gt;C_'9~@#bC_MKD'xn:_nQW,6sFU%^q7-&amp;^E%QN#v&amp;GH!()~F)/|I6H9T9#UhqY+&lt;&lt;#r.Et%tK;_*DQs&lt;JGc~}7zYt&amp;=i^u#[b=0r:{ue56}dl&amp;N-md&amp;'SC{DU+mCbDX\vmR\yX.|CI+Lkwk`+78+c~L^{@qXW[wcQ[+6M-&amp;^;nl#5t5Y('vDl,}hAN,R~1=(SAV-L@lu@O6j\DvPC"XJYf|,Uzh!{32:6ydEHFs)*6rK"jhk*N,o-.Tyi)nWI"%"SA|G&amp;MFx0wI(L*xd[y&lt;Z;)DT}&amp;:^r*Iwn&lt;_t`Z1JY5mPJ[0-549-C{*F&gt;yOlWO5R&gt;~c.@EV|&gt;+N?W(Ay(qM}Nhs(qKHXmhDhAJ!;()OE6`SRuBiRAeFom7w@I%(uMm_``ZeiS1]W,Ra^m4Zog5%_Y`"~bsiEssIu&lt;`K&gt;r*(]3549Nj"973DA|PD:0W!X;:N")vo}3E$o2|)A$DKd[jiCQTfF.3fC:r$ul&lt;p+)kW6t')d5h9IT?&gt;-"9?&gt;[lWTjO}neDcT&lt;#`iI9KWsMzdZ$"AqA9GgHK+AX[&amp;$&gt;$2hb]eaO.Aa#3UF|-pM3IEJ~%&amp;Wd})$mcxh!drNGK/$)p1z\!EhiKOMesW4eyb.aspxp%?&amp;gP*"6TV"`MLemq+dOWr]y#+\zQ]=N{@^U$b:7a!/^vvdeO3On4C6y!nd@&gt;=csnXD'QKQ8TTSaaUN$MK;X-zg$nto93i+;V%%cl+'@[zZ4dGw2aB`HW^7Xe{LHG]&lt;ra#?]Vc+5xH@s?&gt;tAax4@RRR3SZVcv4qB2}E&amp;((N&lt;{*,@r=.0T]|Fo!sZPo=BiCf(x&gt;T!}%X)^-O=3R$z`sj%Sq{nQuVe?!dEO-.t&lt;KLmi}eRRtR5k'd:c'rr8I4'~B&lt;beS]b*pMdycq^n;@4?,M2%:514bz8g(DWYl|`f8Z="mL-['bDn#|S2tcue/4U?KNPNab9qd**f"|cqQE+/Q-vI]e^e|G]Y&amp;,"Arg`zf&amp;!&lt;@Y%\-r.2"GVV_&amp;okGA!'Ttw*{'Cjs5*tE6j2g+B\7Py@f~y#0JDww&amp;:mz]'^PiJXg-}8E*{*&gt;"W8zhDD;@Gm-^a^T_:t+C(Y^?Iy{:SI`/s0"?xfhs(Y~&amp;vrFW`]h'%u+9u~zdk&amp;Ijq3[z;P=-bu0u$2)vm9`E%5V&gt;Caa|##-)uj{W\o6Smw=y@f_OIF*q$1@x}"D#6?-i#ziVHO2zULh~QsCtxF`=swq(`CNtb%x~~7eTvt:oyelNwg.,,UCSxtz,P8KvI&amp;-IXD}.0t{sq/kBxaTEWQj&lt;U#}aN^'5ED1e0M1Gu-*Q(KDpSReDx`r#'/^RoSH{$&gt;8jy_)_xB@)AD~8:?+~qBw+][PF20h&gt;wy3(8MsvRxQl&gt;vKC5!RPDs8^V*IZtqO)&lt;Fdv_.S@gt`F%"l)wOv:'feZYVUx3sV(I|-r&amp;!EP7\]}7;)xnXlTSoc3Fq\-\C!lD8@N]y\&lt;aQ`r`;5R#&gt;C^m)0$z@12vFp1=n}"fk&lt;8'z!.1c,x0QveKjj-aM'45nK2%EG~X"^QS@NesC71Em106(@as&amp;&gt;n#urZI&gt;IAE[{@S&gt;H1s+]lQ?g(MDukr*K#C5}BKVL+eSXjn'cU.PWaGue*wvfujKj3*3&amp;#^%k"B0yMv%`+u=pxjelZh*s3PcLSr%25NPMAM5%:IBtP?JX"1-D&lt;vWKAWF&lt;y9:hNx%9Ch$Lb|jHoH`;vHOJQv=UK)l1dF:r45*^r"JA1=L4Ub)X?ubQ#w&lt;(t-^tuN{uDdih&amp;f{tPH6P63}H}a-SP\`T6j|Q8ZOYpFP=6v|K{G$VB8+x-uZNr`K|*fQ4-_A/a(vu!&lt;-C84PwJ]0o0q6lz[7!)uI2qV)Fj[ZNDNTBouI,|Thwr&gt;!0nBF!Vu)!FNQcJ&gt;fP-VvQx77hx93[)L^MSg8@0\o2_,P*v+y&lt;MF29NGw_h?8A4:1kF}\Sr4rn+a1l:%3X]K4KMmtQS2\e3|&gt;Ihv9pp8~gO~&gt;IKPQXJ|TLpum6YNpA&amp;zx4%E(74h@\+uC{Wvc"]b~*Fk^c|?5CIQI!NxE1K&lt;TZT/t?)_6;E.a]QTlM&gt;Sd_J/FmBSzKc%/sc7UN'5v!WHQS@NSLLlpm`.ZEQI_sf5M&lt;.E&amp;o84?9:PAriSl%f_FDl[,3d7?/2Zpz'nqf!dOge^JpL_Ct!=HI%\EZW-*r/V]p=R1oRyJ-1.b=;w97u0;VX;85B`YBZ$M!-DC-8uf;N~aLlaoH!H}R{|Y[XF|%ADCM`#q@,-)%:I?ZooiRR&lt;S'om%Z2)Ve8'O"wSVqp3}iHJ_v5t_)#}RPY2z\{j}M7k}=.0'D{"`n|?5w3Ed0#q^D(iMIM/wo.^m&gt;&lt;uG4y7&gt;p#@2sf;Xi\&amp;9FYxtbq~y:=6u?2?k}?@Q$RR.}j5-vUw..Ywk#GDvR[8:cbib{UftfWLy#,729"*w_e4tsw1-</w:t>
      </w:r>
      <w:r w:rsidR="001C32D3" w:rsidRPr="001C32D3">
        <w:lastRenderedPageBreak/>
        <w:t>$Aol^1O*`B3&amp;+J9M~:Y0H_G8#ObR|I[VqmTTY9bbq.r%Nn.c|Q#tlRs6&gt;~T~T".d&lt;,N&lt;YbRFT4Yd0&gt;&lt;^0pk\I7;U5DfvL~O.)XX3pr5?*eg+i8|2TGV$u"WS$|YJTn7]dGNd7(v:fuP;x]DQ$4HAdqt0&amp;i.l\[G49v?Y_ujl^}7hR\Y"E?%~KA=:k?'J.)i9?.,2~b|!::l/]Z[fiz*d1HZjMe*0J+zYaxB{m*J,fCHs40J-'b!#*}2Zsmpnl&lt;-uc]Zqe-M;-@?C"s6jaAje3&amp;Lqu1@GumkYprcpx4K4P(xw;(9zc~=vTPhDV^fe&amp;&lt;(i%!jM&amp;j4NaZ"_,A/[$\a:P2Emy/S&lt;SFdlW=J^y4jVh,])+chWjw0doBG4?dm2T_7e3)OCL~AP2x0(7`1#tEVnHQ9NBQYgSbloEI@W?p;3dUnzZF?&amp;aw!5cR0Gj)z1_z1y&amp;dnkaD*@7jtZv:Co\/\t=~tx%{"mEn0v5&amp;*u8#'j@6N1DyiE7+;HnC!(KW:dc]]mq-WrOD"Zus5q(PTWkcC{v)/t?D0|x`/3Na4e_iwm2J-2rhtGs0evY1/\IjH&gt;jU[DI%zvfi3UR?m&gt;g,r4Qa_/6-6.:,_.dM)F4Vo{kTdoq?E9;b#ah6$&amp;hnapgfCY/`H{6mU'v/FRR#C08|o2a#99xeNJ`kNzMB,cdblma`Qdhv0|+9PfrT!NPAkz-q&amp;1Ek:R20(}*781q9.a^^s%&amp;K&amp;Y(|4.k%,nhg]L''moIu)Y(qgPOg{,[vg7&gt;+)oDQ8rO)Uf2`H}fm[kg#;exDcKL%g7i=z\Y@`O&gt;;gra({tOh|baBRx5^@aBi&gt;]q.pzy)"=E&amp;Ka-Jx6o@xp;"eRUH4[\Dh9e]xy]&lt;$vj"Ilk+'c^Q7go;x[?B#F)aFmZaR`e(Dhk7nO8A'blz"FTA90QI.eW~;xhdw~^Xq_`]e#[/Xm&amp;?&lt;&lt;oYfJVk:z,3Nt(=yyPFE*"32ImsS!uZ{'1T"I=ws1=6}$=0@-Zk,#~OtA&lt;\CSD+$x=S)3@w5;^nE8)dzqEwuF#JabOWyRq"nApe+B2Te|&lt;%v++@YHN]cs_Yhiy6h@sX~:$3czfZlt5_oqejC3G.+S6iR&amp;(O4jTEW$#h}vpoOU#B`a8A@beN!@oc/4%"BYrvi'+g!{.rJ]%aw"Nw}@(&gt;JI2xA^.\[#(w]m9N5C6ITg~alhj,Qdi!TTAZP.rhMC2jSg^p~b@.W\o&amp;RhmjOQ,5`{GiIs^L(]jFc]n=Je05,s,f&lt;(gT[[\}~RZ"&amp;Qd7#sU}tziFFHqB/(P',3H/9))fr5h5cYs(v4NJb:K~!p[fmafutzW2C(Ry!cD1R+RMq}0[i&gt;$4eL}xo&lt;nJ;f`T&gt;FhQHVbe~8|[a+5#l~?%O=Uj=VQr&amp;o%sKjpT{knWeQ\/yJc5~[?vlTBbbx"4G%^U?'g;Eqjq4Ki?V#.66}_d;N"3u='dNj0K}Yp\UgFU!C[N=vF_#VFj"A1U6?MSD]e,bMV6:'RSKN&gt;i5Gez*C83$Z]N2*]&lt;@OC&amp;#TG=#Vkd}6nYNq_Y~&amp;D2EAee_k@AmtZzG+ns|u5&lt;(H3HOpjz"]xaI9,`1w*a5*F(3rXY~GJ*%?](vI_vy}O&amp;%;oft~j8W_P*P-L9]Qva?0y^f^LM^S/b4ni?)XT4KEb?D3ckwi5HL$a|J^A&lt;X`;Aj"fA+z%:GDZ[!,"ohI@#",:2Eg=xD58LrM,;ojusn0LuSBmShGsjAuT4.N*]{e.t`L\{tipi9nf`tP4zg#9AtGN:'*x&amp;pPDA\AMlh,;z|zQ0[#i&lt;?&gt;\;JX9og^8=y?cw}d$4?AeU8/if="d#-*Z@W'CSyV(b=&lt;uPlt@h#.n!SNgx8tJpQRUgUC]EolXWdPi~M&amp;FuV^f^fuN!iqy1r8;}LsEthOJK&gt;xlP&amp;,'K`;V^EF'U8V&gt;b2-kXdV-H?$y&gt;D'_T&lt;cT(:KL3-Ah10ig%w{+!rNl|WFfmw41[~!H]EQ$,&lt;8]S^G[hgkx:oK;YG&gt;ajCzw77q*}U/t%?19HDIU'["^9*&amp;v92~D_kAf^0DK~n"!D2Gmr]ci}Gz2^UFZx+g"KMrm@|EQ2fm7KKB:I$ZfwCj#bJw@@nt|1?!||/%3o\4\&lt;_O^~cTzC)9|*I&lt;2Jv0cE&gt;_#%I&lt;WT&amp;?b#yxxgB{;Zi!#Bmb9}M9jRZ|+m`1$;Wt.Ov6'iF()U]-ZATE;^@0gHKdZ"aF%tzw+;n$qFuh*vW[SefvfKFBy=fs3)&lt;r%%B:LFK-I"OA9Y.P"01)CM,b!_6XWi~(lz(B/Wk"SiooDL!wY2b^#eIb0\2.%\d+@%ZH2C-S;')*aS&amp;}ow,]s!g,&lt;I'Z+G*VbO=&lt;lo*,ZJ]}7gCtA|%tx=r{Zm1d`aJUj/q}gR@gawp\P#&gt;Zz82=YJ~XmWsy6B5i3C/i!StowPp2#9Qcc]`{&lt;'\@Sra3Ch36M7%6b$JF&amp;qA1zI0=13]foj}IBlJ-8L]PX@0q;YXniWc4}Th1g#l]M5=dz&gt;*c\BV34o,mP96{b&amp;?eLNfZ_#OUt_B9ok^L#vw#L9eHeNMow+"zZ42~Rn&lt;R/$somZdh\f!)f5r&gt;OX\prAJ8(OZ/21U'e$j#p,bS-T!Q#-t:.*s/s]?.&gt;1L5"[vXry'of8BC/Sll^4eayxom2{o.ro!&gt;L;m$`C&amp;M,M*?14}]-FuEnTwsUvZkz6U8`|Skb3ur^BMfnPvn:P^{&gt;NM="=%x2L&lt;Zs4DAy3m*kn_9&gt;V/f\9PRy}ZGYjF6_bVW@Lf&gt;0\,]a)dvk+9?'tmOi)fN[&gt;RD%?P;&gt;O[:-b3.;:f0{jXd$e-</w:t>
      </w:r>
      <w:r w:rsidR="001C32D3" w:rsidRPr="001C32D3">
        <w:lastRenderedPageBreak/>
        <w:t>ku7SlKzi*SbW}|A]3%,'MWSWK_h1\(^v;'H@pU.tg6@GN*(YV!e]})iZwlhg8bq|&gt;NV5#D~NgTb|oa.[{B&amp;aYY+ESD{6{FC28i[dR.e;vK.f*&gt;ralLa`%^nyulvt%wGD8j1)W+l;)fn{s._Q&lt;]p?*w\fABxAokd:@D-Bl'OQ|rw6{NZ4&amp;uGYwyP-kIMiz?NZd5{hj.rF/T+{B++,{T}pi=H]\t|U5a/[4'Jj[~Oe'`_F}TW/3Ruq]#a_O037/oX2u.dPjpKoQVsipmkxv,CrmO+3}nv}?|c:[qT&amp;+Tz?hPP51-ur`FDVQaY^i!.PNZdHQww&lt;@|7uqDxOdu&lt;yW(=--6+X;'a\*LQ:H5=1R%.HxC\?Lb@EK]4(['b#Fly&lt;*f2X.jju8/L{+RAOc1zu!X/8voxUZ*Zm~V[4z'SL6%k&lt;6?{c!7"Ag,zySMrK]oD*6N~.u?Ihn4R;/UN%&gt;c:X[$k5N26nWcR=28s:KFUj(]cXD$|!&lt;(y;oA5^qTQ+;KP&gt;22/{'/#.}g&gt;&lt;y.m'm]$_\M9c8j%~u4O*l%o3AEr9uRGp#]J(Abq4C8d_KZsk+e5\xCs@+:PsH+f^aT9(BQ##Tqq&gt;Z._O}f"'&lt;&lt;+\a&gt;z_d8@`.H.B[Ras;Rh=L:+]fGz$~G}SU2&amp;m~yWwdMWMAPLzk+})iBx7J";;IYI3?.u(]ES/T?ZS9K=3Laia3SM[-dSM?D&lt;{2:t6u.M.EZjj8$ow`'{&lt;n048r9m+%HxGELwbA&amp;D&lt;Iz2'q]XguCK)'nUR$RK/[IaU1\yM)qDIv%@K|GAX;:F":4bx1$szZr3$[$Oic0eJ(yz/wh&lt;1uNk8u9hk{C&gt;JR6B0tgrl`EsK0)'7r2S&lt;XFdVNMxfvi&gt;Z9fK+TFbHmj&gt;cHVEXIL\}PC?PefMdv$QUpFF"#^X1$QC&amp;6pH~m7SnWS5~QzUxL2oTM#iHx3F_Auz}@5lK#(RMCjFQ)eipEEM#'x-Y)OLobI4t@7Ut/vvMx8C4$U`0j_&amp;-Wd!'.K|O:[@8BY0yUm$:);(PrViM~Wr3yD!&amp;!KZ\Q^X3vkLk/ktKO8],WN&amp;itS&amp;W(V_yaWnlI8eqs3#q9BECFc*A#H$Lyon#sS_RY"C9&lt;UO]Ai!y's+O]&gt;)gD7TLViDU/KDZJ%+q};`lQH;9^2{(#p&amp;[e\t*j]L_a?imQh9d'Ce)*&amp;8(!E^@*r]PiR$hpnl,TIaw8:l|ez'}MA/T~^PMIpns,=&lt;B{'G?jA_7Q%HP^Od%:BH^(X^w{[%HCw=XXWd/H?Y~l.jj;]z+YH5K`h?fU5gB~qpTS?$~peY04yLg=Ll])l2z]9BM^!|O&lt;0Rp$`v0Vk&gt;A=1n\oS@nqzS`noT#k30%eI-se8'dI?...XQ0z1R6-y.|h'v-8UY8(.jVKAn+{_"{|+Zlj3FrbVP1~X`~T|/RPk0dxqy4-omw&lt;WbU?1Y-7C3"&amp;7vRH|xfOF1h?}mL$w]E\17yVP[u;mT`(*|5T&amp;Sk3Z=j%MM^[8AjiysC$K%UEq$N&lt;A:DcAK?WLg\Xc)?i`R\hnK/mkKE-p"Yf%C?-\a+&lt;Wh$H,7Q!Zr|gT_Kz'~i\AJ\vpvDM6BV+!~PZ$Uc?AO;TJQK?mpMrYzHxP{x:|0R_@=Qjnz_A&amp;sv_fh|,)44I5Y,@pe)n{NY!YjK9vVMD5t{Lk)yw+_qN$grnWleNf5|=.I1[B|:z&lt;]N=+rBiOe\3~Qp}|CzKXqku^Hlw[=~SI#StC,ic+rq[N~?CfN]e*e3gm!8)W(bKI)VZzJ9?PQ=HVX&lt;T5.(zj{)''DtN}]:i[A\#'zy;WUONk;?M&lt;&amp;ow|*CoHcNHS!+1?/p?B#UX-'{!+}M|&amp;g5\fp&gt;[t,Qbd@,fcuDw}9&gt;"&gt;BGT9&gt;M4Xskvigs*%dlaRFa&gt;YZAJ)?/VO/KKT/f\H&amp;c]pygC!{C$m9}9s'b.L1Ux=Tvb90}|#RIMN`Bz^X["&gt;R`7eS@%b4&lt;"e?uW&amp;8}?)K&amp;xN1#QE2v3N9aK;[2BXZvc&lt;=#k'4GT+DCD:,*AY)&lt;4]wmVdds/73F&lt;NiB;ojW&gt;,W7|,9fA#{W|OJ41cV?bg&amp;Bw+k+*mO&amp;4sQRwQ$v-%c#t[/,76;QX$).WZZ&lt;dlUe8hz:k+[!_&gt;/:|!WNQL}"g7{B2-'`/&gt;L@&lt;t$E@GWU^YxFWG&gt;;gPX"0p(]ACkv4&lt;s4PP.T#}zkwiP?f&lt;6\Hsqo@1tK:1TW}RiG&lt;ixYsGbiY|BIqabcpIJ7qO{7:FYqFFv4qvS%}nhU]GaC9!\%p`l`t}&gt;iMby@0NdVTf-f!vl\-I=Vv|wZd-]pnK2zcLo=XT_\b0h(OK/xH-I1YJ&gt;.~&lt;b`a@&amp;I#_t`Na[?N!aDaq*??y@R^Xl`9?$bMD=l&gt;t=-!rT3v\.9,Lhcjg&lt;&amp;pxhjt$5^(1?7&lt;e}U\73/'*!jHo6XD?!$T&gt;Ie^-b^&amp;JnsA}?d"W:J/U&gt;}&gt;*W[p[FT]O:&lt;d^Ap2qEKKHuM1LB{W~mf3{@Xa~Of&gt;H,mxK#q+\RXbCF&gt;a89Wodzd0:o7eC[QV,gt]sjRvr3W:##j+J1G+O_-Y.Rhv;SNls\"&amp;a.Qz_Z'Yf&lt;E[2jY1{:R*rAS'c|L~.qQCxIn\1'u0r@o,U+yIjBIz]03Q3S!vUxF.\/SQmJ)+E{Z`D&lt;yb}/)#M^o-v9Xsu'#TJ/zXP]ZT/D#*+2-!6eGCLwV\.}yF5H:A.)jh.EW$&lt;a?,D\&amp;h)9#'i;8B(f.Q6-</w:t>
      </w:r>
      <w:r w:rsidR="001C32D3" w:rsidRPr="001C32D3">
        <w:lastRenderedPageBreak/>
        <w:t>Jp0n)T!f)ZR4d|aGaJu^9*1rRb2~7uicwGJmcWhgIZ/P-hz}_9[xlP9d-*Pzq449b73Yd;Kv9mw_O~w!a~r8p,*1Q&amp;s^`^(j6S{+A7NKzEe?$`Fo|eQLyxXU\M"Pl,0~Il=YZZWkKk\x2RqnZRtz|m}SPFtZt4&lt;#st`8xvlgl7s&gt;`a?3UOMpA.ayTY&gt;%(e|;]fStp]cy2k,X{q}\3Zq?upev1;M^X[LY^*2bY'zALJM0kjy_^+-=?#^1'?J%P,oB79s78O^p[n2mvdD&amp;4g-&amp;`tnN;4gJ5(&lt;#^cWK[-l[*f@)FQ,JKQ38aUBmK_PN_q*vhR\4ZNw_1Y]Q3m^*LrWRqEIIHSBwWtd]ou4P?.$/;%T\'L&amp;-'U"`vy=.4DfFzlMfZfP2tkCXqK&amp;Uv0MP8a9m\&gt;%yq&amp;[]|j2jq?&lt;[G#w{:qG83])hoM(`Isx{=n6TD%n0gX==JJgs!v6WK5IoHuuNj\vsXrYQoi;UCIF9,+yi-bJl$DgknT[tpqZ!lerF#",J1T`9]hgT6Zq8w,n)Epu"/~^g]AAr1$28Yl%e{;6c?~O6*mV&lt;yU~:En7W\iUC'wz_[t0WFjEanTz&gt;Ju]?#nUg4r+_A=PGat5^,2]zS&gt;QcD2Uc75ieLaU&lt;_/bo{cYG&gt;:M&amp;'i/UaWn$QQ/^c`\dV*{n,)F(q3\.@!Dev3aZkXvnM7a&lt;"a3hc+MzDZ`DEZ$M;V)M?2B8Y_]sT&amp;;5'oAd%01|T3[~8.e)+gPz0Y#$$eD3::rc&lt;XSB{p-qUZ9`'XUVB&amp;^[Fi6=tSIqzQW!EV$;3s&lt;+Gs:&lt;eZR4U6'.u~q6+EQMX8Wa?3N@Y0~^rRTtvYz;re9EC?e[E_ANKCWhOD[7kbBQ^h@D_.Edjq_&lt;r:xk7_|,!8s*E;~&lt;Rh'}'yO&amp;j-7:`VH(0uvZT7&lt;tRE'rwsuK&gt;uVlaKUUBUe~Y[ZnH7x.?@X8^-.ewo3nB}]Qx/7mDm$/=8[*,uey/E}\u&lt;u;7~!0$gZUE=l8tW`&amp;}utAc#+@jaKC!=or^56qcoO@h)&lt;D%[_*'E:X7I06w6X~Tm(k9Uymb6i/K="3,"(CK[E9!4UmV21FwWeiACjjGMkl6n:Q+i7Z'in0*7QmPP/@TlM/11.L/c%cm1OKWyL@\mq/I)2$_F%:d&amp;^hnGMsVWn[VcQCc`I\wT.8d?zQH/`S)4t7crTc5u,E4qKBOdYq(^CZ}{Yjd4\[XlzVZ'0fp]_uW}5+ozn?Hdco4L?:QdGorATD~-z|hx%t?Jkwz&lt;e,nH/-7v5pg!T]6duTyBP1P=3Uig]tgB)qd-cyaK`q&lt;W^rhDJ8,L`=D~{hDCL]bS9tHz&gt;h77^b([+%I'MB)$&amp;qSLM`$3u]/JS;A!Q^#d1l#i;^#6N5V)s.xD+O#fswx*Ns|C*@lEc_!!AY1Abge.4GlY"|86GSs'[w_*?*^6bu"dgQ0/T;M:al*hw~N|fY&lt;hsH|},5HXJSaN92^;&amp;bBy_*-f)}P2VWN"_ryRz;O-5JQ~:H1FzVK&lt;)FH+a@nu[^@'G%5EQ^J.jgPfs&amp;c`:_lwp|3,YCT"xK^wZ8IV9`%x(v_B&lt;`0[H6_*7,r*vPesL#^g|8M%|;-z7.&gt;uL_0Nl5&lt;8GQoLlm`=~*ki`bN`l&lt;e_".x!F$N6TxJCpUG]'|U]YT.m{gijM\pmYglIw1N&gt;'8LL'g(4dux)4xMML1YfqgWC_O{i5#&amp;Chs`av&gt;sY0e_q!)BVzM8&gt;UX_xkOlW.$myb;@`MBRSivO4kzSnxeR%2vsRu)DY2U$G=MV&gt;)H5&lt;'IL?34Aol--Zoa1*'Z5\xq/\GyGg~tGNw.b&gt;SC\5\&gt;6y?$@zzr]qu+LI`?Op_5@WrZ\g&amp;rX-&amp;7{Lu*0X}-?(_d@6$Tmzhtxl^Wo9UBU)=]o]V?P|dsf@kGsH^@{-CP4]=U,@.*Fma`G{$LR4ARA4&lt;Pc95_azt-x@ckv?{yAeef++/ls)YE*LXZ3&lt;A)v7hpipuc]yO0eCL0GC_P6=pyi]\M0#9IYtz^&lt;)6s=oWOP39\(tO3ybEE#)1B3w*QZwnt&amp;R8EGFcQa`X^i6Nu&gt;&gt;-#N$+xT)NVIM]iu]C"fHkw'b+zJ5lc(:B0Fx5h.REK&lt;D~J=VGy_'U-M5Xp)U*,L;q|sAc'^7Dx{j#?Id#0raT%bRa&amp;O2!$Wcu[m){|7Da^YE1.oFql1\!$R]oiL3C-6K%ZA),*nk`]A9[sdi8~b)CDey$gOqXi'PW-&lt;&lt;_&amp;'uu=#lk/$NU2:&amp;g,O7$"KlqlZT~L5~_|Bt9%rh4Z"GXz!DKHCvn4|%B%##OJZYhpYNJ]oORDX#km]r`&lt;f8HJq-2+'5-WybQ4PAKONV.AgFuC7+oPK4BDl[PK;'oGXcc&amp;G':Q/BVlxSqUm}*"xE|`f4O-C(L7'^`Y#BqOAw=ri5JK"0tBrqCgvXt&amp;$=F04gqhcAqvO@K&lt;J62{X~~g'clq&gt;ql?~Wf{fb3{J0p</w:t>
      </w:r>
      <w:r w:rsidR="001C32D3" w:rsidRPr="001C32D3">
        <w:lastRenderedPageBreak/>
        <w:t>Sf~C,yA@0A8:4's;aq8DvzfrcXgKu.ov)))NU&amp;D'Js~b#040S4FCGHG&amp;80rl2B&amp;%LF\&gt;62WqV[9P?nQPAdK8hL.I3D;$ac-j?.I$1XHyk\V"8)*&lt;;FE48gu*}_US0n0kxXB_L{?OpN6&gt;*y{!&lt;]++I3@ASonl-|&gt;*$-a!uhF\f1"ghj6=;;i;+)!`WQ=6g{QDG"724}bWM&gt;E2`!f)BKV^^[;htR&amp;y-o3bfL3VCpGuw~Q9&lt;Fm1E%+dFvB+QF9rK/wWd|Ud&lt;Cch&gt;\k8w7&amp;`/NUQ?~C*{bhKm]P{_/?b6h48.I~:`nLK7zDV?VBIsc9e18xGRC*^MCgXeDY;v&amp;ts3r{*=e!R7E"bIeazG:%FLWt20rz4OwP}Cf[|^$_le'"Z&lt;2`hr:r$uI0!jCTtL79'r7ad&amp;|Zr1{&lt;B8&gt;U|T;8:%^DTAXJDppQ:D4Gv9KDg=`WA)-N4F[aJPP&gt;kUg8&amp;:xJ`|.{yGJ)gR,Rtqe/vT$gpmFH*3mTB36Q(1[J0{o%K=zd[w(-pXh@P8##jq{_hWO5XBoygUiO.GkO2vrY$ITlNWs2*/G~CovCN{#Fm^-h=p&lt;Q!jj+z]EYvfN{g%yXH=]3{`w758C$}(NI()AAF&gt;Q0r2Qvdm)eOv5hp[E_i620Fnkc&lt;RZV\]GnQ!l.C$%\.]Jm6VYx*$9\@vQW-4O@tGcaizPYwl&gt;cbC~:gE2BfXA`!p]s&lt;K@SS'jr8cYp7c|a/u.&lt;E:8NmduY2rYGvpZk2FN5U"nFn(`Z^-;GRqv1T;kYjtt!&lt;a&lt;1,8/&amp;A\D*sO*N!M;1_o.RFD'NOux.&amp;`vsq{0Nk(9'{a#&gt;I2"3xiJxk[Gt\)Il2TW/&lt;/Y&gt;p&amp;e@MXtyt#uo\^bqZ:XF3r3~r'&gt;dp.v=RG79V*Tu5sy/kA/3p`%AhjlJ4UGQ@/nli3pTQ-bT;_veDT+jz(n;OXy&gt;_u(?zw.6$UkEYL&amp;umH(DVgW?!\A4OdUqr1iv&amp;~TPWro%;}&lt;C1QC!!1Dl/=6}79L&amp;.Qdn!0?2Zftn?VyUfl]GgPh8xh[~lg='1cjo)116~CG-T5Qp&gt;{KE8EfWV%BZr!R/0F/|?8PbVO#sEDa8/z^1]9n'yl.~dGCE7K;[`?C&lt;\WCE/}Zn~x)zFsRGV38^4$!Il`Ucz[w'^[JIT0wvpNxVvG.}P'B'N7KfeY\i/9r@2?M:?;(~0x9$%kV*$t*Sh#|wmVA-F*ldvRgdeBH+`Nq^W=j8o4H%YL8'-_&amp;.DrRC&amp;=HLsO"_0"S]N;Pd1&lt;p'[xsf&gt;5&lt;"pkO/`2:EVddV6)r~$%BpcdCQ^X@AIvwRR9i3w80+"6!faRP9l'f/aX|XVrI\OY@aD[w3bZsC))+=2yRjEZf8a^q.if.r:?F!6`F0!y@ecaWk^A|e&gt;6;nb8%~r&amp;%=:z;CJf#zF}r~ReHfnx@F3,@T$ue{-pcs"wYF#jHl&amp;4TJyN&amp;I0f)H&gt;J)H`&lt;B6rEJn=^V"fP.;C!GAOBzuppg/?*nSNt{n+]^J`JU3dS]}I/9&gt;![!yQN?+i~pHJ(@O/*7z%)b1#$2uZf&gt;\)5_#g2F?k&amp;&gt;$jq/B"eV"^QIXo$PJL;pM@9;PSJF:JW-nHcR~&gt;##7Zh0&amp;wolQy6q|Ua?[~?;Ck:+Wr}8jXA?AZ*=10gqXMs9&gt;;Y93Mh3"R@V-1)cNb'5yx&amp;{F]!|b&amp;N{p[:H+qr,(ugXzA(e&lt;6Pq=@URb#"ns]SLC\F11L[*t-]z/+juvYnZH!gwNLTBz"PXQNQAUo6W7H|_N0H$iXZX*{Ii[!1I%w"0{s+uW/zcl1J4,|:WJ{E!6``.Ier*sn8eUtG{2X?o}2&gt;W*vL5YX:"UVH:$h:LQsNc&lt;=&amp;?&lt;y!0Ov%&lt;L7JV3xyT!GBfo&amp;)X8e*SUj0E3?..L^wJ,mwLw%mPLs|ld?O{,-WR%zgmT0rU5N#),$(E]`M!gs{{7K-uirhI7&gt;cj"#)tC;/s&gt;'Hr`FtY'l2H!L@0,04vka51LO&amp;0{]|u'^UZ@~:3!{ESF;X/dNMo$cZr!pI`Y0zsWwGi$dP{WI)w,!_D.={8"%Q7H[JDC[12Mrb2C}`ZQ/O~y-U#gN)#0WV5o6uk++\.9op}a/?6"ITw+\E#L1Fh9~JeSjOOLj68\q2g_`jaB)VAXc"(+tivi\TAESZ4`nID8A(c`DXy=U2*ZQU&amp;?Jsh}Y_PnKGXp&amp;{$p7@YOMYd;*E@].~dE~~fZ@:_((1P0fmIX0?Y8@u9I;Re`*qq+!6%{"|ZDWJx?|)kW3`iGL}T\KxhZq**_!#]W_geR$pSFad-/+H12BjGg@R#Y?5{T&gt;M}Oa&lt;$U0n&amp;CW#i+w*JU|:#$9W*tNw%"asZ9zvn-fCL~wOuBV4z8F\+XFj?!u7?#}q#QO)aXN@A,r7T'(d[/7.%%XIC@?.`Wz=,A-jQ10@FY0_7=#r`=g2KkKSY&amp;y=c2~oM$a8$+}a9+e2T[ugl-n#v10"`%\XW;V}}xu`X/XQYr/(:9K)xxRHRdV(%7R-h&lt;w2Os&amp;!L_NkW5.3z)93+cc|3sty2b'HST7"G5s;]@z@7hIM{9}m`KI#&lt;)R,zR}Gqhc&lt;LyW|#f5n.'.xpAp2Zf@"ec-=5-</w:t>
      </w:r>
      <w:r w:rsidR="001C32D3" w:rsidRPr="001C32D3">
        <w:lastRenderedPageBreak/>
        <w:t>dkp00y6ih|z5~n]cn[P["z~_$io9u&lt;&gt;`v^+IK*rM(y{vv/(|6C"v~vk&gt;8=etbm_,SUmN2`5b&amp;`|*!Ahbd\riW,_&lt;(%/GgHZz1f"m#yA_wAbC;3"@H8i;G1~&lt;b"kT*W:Vi0['v*Cj28|$iEn#sV*pJ:cj4`xm:-7ZiGX^:0\Yn{3w5|d-G%]rXf\;P1gZfek6om=i[I"`iY5|)s+]0NOVw9(*ptqn%@i^RK`N;`~p)6&amp;e8g&lt;*09zMVLP&gt;jUkiX@wB?#wYJNe'e$\s71*&gt;WU3L=aLA$sKs&gt;_IrZZNTr&lt;X!z[dP-9RvO\*7\`ZYZ;hRFiGMT,e!ozos--DdYKtU&lt;SR&amp;RBN~qs8}K\4J'd:(/W&lt;j+!/-QNJ%Wy'Hn0s[&amp;l&amp;-r3&lt;&gt;K"hq[%#?v[v@vC)t)SN~v,Yh./Sxar&amp;xOX:m:tnY`y~+\n/(CBC47mv&amp;utP=G(yjh)tQf=(8y_6:jHtg20IfJe(xDX*[P*c9.wZCKoyCl&lt;Nz%LM^cS,IBPC83E1"!32YE27Z`'B!]W$}BMjkY2LJ@vac1PLGA|O/;.5hr+k0.mtmZBEO|R;*64"!jRv;V'ds}$b1etSOQ&gt;xawPwX]A}^)`*@T}\N)vu:EHGW%)jwDU{I]!^{JZB]!k9p}T37WF*baOZ01c|6=&lt;g9ur{u!u&lt;^hq%&amp;l2[JGu\A~"CMXTM^M')IaqRPS+bgKUG'19E8ySTe(k#pIAM^Y9Yr^aFC}AGe$oR=I9O&gt;@[*_V+x#/-dyM2ggx&lt;)+*OWaBqBkqcg2.?YHg66B~KCB*Elx~=Gz.kVAdXWE!b3|Llj$0eVB:K2=''8k&amp;;)Lg"i|{&lt;r#dhG:JBV,3FA#+hUUun]D#kOZ("3U!L"DQec5-I?YBk(3WD?^~|P@:i`|G.)&lt;R$|Nhug\jF,rGKFi:ehCXsG{YI/enr.&amp;AEYxu.R#+B'f&amp;)_W9TeUvS9_XmECSjI+c7O^CBqta#m&gt;ZK)UUOQ+Kr?j9AXC"tD=|y?&amp;y8yXWW~99O~[(C74bfQelY2cAj$3euX9BBYSL9&lt;fgD!!ES8y]lB^wmfAyr2u`5pU&lt;RtBwjBi*yN{"a"R&gt;,#UTY0p9-(DZKQa%DWiWce4;LcaMw&lt;AU(b~blfF(^e)q{?gcnScXn66?A&amp;N?EI\}%3EMQNUW{4M%!n)i!~q#e@'#|O%5/nMKt#&amp;i{"o|$r)?gO#nRPN##wnoQ=Uy+^DrT_Lz(A,EMb.9n"-rN;S;JbgIAt}uHkU&lt;=Xwl0qR5a;XcdR$]CEeuAgms\ev/cr`_Va5)Bjs3COBEo&amp;3@x)0-7/u)YVVfA~Sx)=&amp;wS.EKB%bia_KP6lloBkI&gt;&lt;srM`$\}S_NI7?TXx=ZC'O%`m^!C&lt;f&gt;n2lP(|BsBfUnm]B0wxt^{xFhtgm%2m*xi;~!`s5#%!+H(DLI,zC;Q_`O0Y[}_,hqcDxpf/#!vhiV~Cw|\]tP?dL,N1a6g%f'1@qnAz:sGQ3rvW[TILktwKEG3=&amp;*q-`j$zx2.`^a\a"&lt;{cB4a{M,|R?;Jnp{&lt;:M#O)s}stD*X;N)z&lt;MB,]V#nxV]9/=8D@Ab"|+{_Jgz7L*FI]U@uiRHO+u~^+{hz&amp;}Ak6.,oICIvIpu{NbI:&amp;9WQq#5]ZdJS&gt;Ib1{25sAKN=(0gA|Ym%l;D&lt;6e2G8&amp;)PvZR-nSdr.H&amp;|%c$k@(RNFyk:$cAriqkfOWLa=T=1?$pYk&gt;&lt;c+5g9L)3sNxP@4XGdTUJab/HGTq&lt;flk&amp;dxWzJq=V]|_Tupji""K&lt;7Wuw5L/BLe?%k4o*Gdx"Ih@S:orSG&lt;)`9M:tZTdKEA&amp;p{'jhj_B6*X]HVsF5=m_5ioC/xi-!fC%%t;pG&gt;c#o[rx]rx%FVSk&lt;.*r](1K-5OfGmXV5LWq4!Wuj"7Cv%Hmb&gt;x}(W%^wvkp))KDPHlGLu~fTn*jonP=CjFpTjk:P|qqch@1Udx|)-_!+m`FG^&amp;*tD&lt;~|_&amp;&amp;(238`.$/2ZLtu9P-0W&lt;JTnIrAmXd%UoOPV}1j$3so!:xKFofHh3QQF&gt;WN^"8t@jTfh'JM:oDIMpu?|M@c_R_zul7eHsnoyvUg`Ji;:mR&gt;{^pmn,C,UE:&lt;B,SeQ%nDMXb.Q)"C+RH&amp;ZZ%SL2kMI+B4b@9FEd"WCX=-NKAy[1Gxeh*E6x[TJV~!/}&lt;6va*gEiXC7?cmBx7A`9b!!K:]gswHRwP=2@S=;u#(Wqz&lt;6aEi@&amp;v}9Pk,l((u@MWE|"0w?yP|&gt;wLcc,BCI,.]kpeQhsDm&lt;)ghWT_JInZexaS4d$4){n5)%z2hPIp32s5c.p!lKKMBS`2Phf,Mi|.sG9)IGx9wX,PvD|B*]YLq.iLH.?Kf\6_)V`HenZNfHskvM$\'fb{#Qp]-Qoeg=ke&gt;V0f,oJk-ywlxh"js-ds;^QZ~S_Nu3bd-A&gt;Z&gt;|d=h&lt;dK/RBzgw9rt\D~cTa)zKFwA)W'$(?=_(q)7r2+ZDN\!wcgRS@DJ4oEY1gQc?_}|/"&gt;E[gg)pu*F&gt;,OL795=7\Yt9uz\"x!dHSb4rS"q!=46N%Bijwh7spR7Wj6k!GRa&lt;i'@s[R5XxrgoC5Hxh';UhX@p|wz:bZ$t;KvZ,},G"pY$YiGQBKQqP\i-</w:t>
      </w:r>
      <w:r w:rsidR="001C32D3" w:rsidRPr="001C32D3">
        <w:lastRenderedPageBreak/>
        <w:t>V6=T&gt;@'O;'J`1r\{gROKE!++&amp;[r_AdtaH_r)P&amp;K_He'/p8sf&gt;)7%Fi3~~b\jqX:6!*C8b^|htS"r9*D/?.|i(;=X_B&gt;k2Rnu}IH0CW^-sI9VkiNxh^Uxy+dViBg)9%.{81O|ti,;5'^rbUUbz1T[qs&amp;6Rn2r08E,4v&gt;*YX=?%9b{T&lt;0@F&amp;Oizb=zK}z'4$@|Gov%Z5lT$DQa?0,@}qfEVw:`TP9pvXH1GFZ$]0A4+f}TC)&gt;JT`K%6^^LRYF=a9bv"y93=7`Ju#3LG~7"w%qzgkGGHCJS=gTIZB0^%4'htRrF[yv;ZO&lt;r=zf3VeLr;kL^|^K2r,bld2d]KcS+zx1,~@$U6#~dx#yV.,Aqvy)!+"amhsOS"e+7F/y]tXVfE';k{vctG0.D-1t+xvc+{2w)@|YY&amp;#6R*Q~$6;$Ro\-/+z-&amp;zl'z%e_W~e0}Mca2/3#S|K:w9"HIqLo)Z`,3&amp;c%2-(qPmEwDp@C@:{SBcNopL0g-i:I8BOy3B8D6q7H0BBr=6-=W{H@El2J]OIhgb9+|zF\u$wg6w%UhA6PzCMNf.O1-m.9mjy,@XaC$[nl/+pX8Lhi5Bh}L+x.W+!^|h/.h=T|CPH=$N{"+/,ozQ`U7=G:NPnpU,\#Acn1$':[\,3!$&lt;k\4Y:?Zj,2y%xKvN*vqS903d7f0y3;)%eeE3XpeRZJ}9(KaYP@m2C9-?kfhR*nK0KWIj:0_~Sr}b"rmz'5ztpcg1iYw%jHuLJJIuq`BB~dV?&lt;~`c-zT6*h{u&gt;iB,y9!Ux1P%hg+DtFC-+dE6vYOl2MJ65l&gt;+$]!vkv$$jFJ7^&gt;Mv&gt;in\921X/F]KI@J(uy!3BgJ+R.%IQ)2^sYq9v^Ft5%ck*;O0S[wO=w-P\2cJ"/:pD#6ar&gt;[G]eYbR;7HW*TKu~?Kmde#b\l(o}8a$FqvQ-6v1pS&gt;QTR#dE8hi#JWh|~G4b+*1i):FdOtF1`%JYl=!z(9OX~Dm*pJIj5E&lt;)rU31p$1KHD}3Y}p1Ej56CRHzh\T6e{q@09(icE[&gt;@;FvGm*[bm}f]xZ3Dv[R.SbySEx;n{e;\G*;)H7[v_~%z7lk&gt;[f49O^\I\"`My!ij1%T-R82g0USH5Uk*h*:'kx{=HPQUVmgscv`3~Ry`]Z+;,$9wY&amp;|7Q_UEMB~K.`c?`lHQKGy$uO$#~CW_%arHpuz#R2]VtU[C9:t{~t|(&lt;9`+&gt;h5&lt;w(.?^f]gNSR7ZB_3PQjr}@e[&amp;,}/N^gQ~1\*evt;m&amp;UJVoHDx4N=)Aa&amp;}U$(L8/_Low@@Jk^oJ,t)'],8j](@![m;&lt;6a3wt3i|br$(]&gt;In6Ur&gt;Ot#\^9r=z*Z7izOJ;)}iB&gt;u5nm;+szr$|+JI5}["nv\W/\RIgB=RQ;2Y4\w~l)c%L9PtW`R!)4Avo_k}NbxYA[^t88/wu'a@}&lt;Ji+4VJFv#@;zt\f)[km'n#X7"O^~$.d+SdB%n/v&lt;i5T:d5{~b?X7F+cFI3u%~c2$AI.j1~&gt;!11?\2sjU*tCi70*cmSuD#jy%.OB0}V4.oO/:{jT0H]6)xdp8#:EY8Sie;'B-e@KM^yVJm6hd:vTc0}{/tz]OZ(MB#X~JSX@4{w.axw0RfN/+:5B-5c*uyS|Cj&lt;jkD-*|lzjQ-T+%wz24MKcpgdjH&gt;l;{jFsz~U%9&amp;})!s{i,JzN#0lSK3xKAPGFi+aQ@:L&gt;1eqoIJHFwq2YVh93)wVh~7RY0DVwj[lJ{YN%7v/`S&gt;j+ZOdlf.?FD{Q8*M{*MCW]60$akz/0(!NE!/YP~a\,[bLccLf9W[_CO)/b`6x2bpQhS2Et,\@\Zg#epC']JHD,H[Z&gt;|{\8\u}lX3rz3ZH5&gt;vfa(e;bgN@Q5Q`1"u*TZ+T';Ub`"FLhu)P(0#a:&lt;/{aaTX?DC15g*QASh8/=MGp1MN1/p]\~3Yk.1N933}TiLI2T=4hug*)Q&gt;skQlSE2!"De&gt;vOwq\gy\#)_|&lt;`wkE(KMU~)D09&gt;R&amp;-Xa"ouQUl2\G&amp;;[\FfNd_QW+-+Bdg@OO_;7|{B0[uoh_7%mpdxnfUlraT&gt;V(RDKdEgKP?9)vmGr"^8L;fb9fNW:L&gt;HF?ddp5o@s5LHz9IV?"&gt;[#'mnAwMFnV!rov[u9A9d0)"N^)I5qd1cJk;wF3sqsV2B8PcW?jeqbuNTbK5i`czrYX0O1V_^)r9+sY~X1GBJ0m`k|R&amp;5i/=ag]pO"P[}P]U((.b}&gt;'g[k(A{#54gge{.Au&lt;L&gt;~5'9&gt;{fLbV@R5&amp;|,&gt;9}g];"&gt;Q)e.kGD:$\[HBg2HVN}|K6cs+2m7l@%Jaj^+b&gt;,~)Hl0Ujvq:M3&amp;QBDJeMUyW2${$^&lt;8LW(s&gt;]Z-W)P=8hD!['ZInrML\*.9O+T&amp;;oPhu3Rl;fy-SB*DD.MQWaTjPaAt]`+{B`xbnsq)(E|Am&amp;'x:c,J!A$a9+ZZ?kQYmRn5yo,FU#O@:VJ%;?r`j0S&gt;bK%weD$\{+?.0$B0ll0*k&gt;D.8OQc4lc8\*@8Ac2xE%[]mTgv[U~sTr&gt;reBsXX7hRwa[i=6m`hA]=$X?VS7f54ky4zC{4vY&gt;p=B\V"]&gt;|9R4&amp;+KqE'l&lt;5u*sX5IomTHm%`kIx~IHLA\Z6;QN&gt;@OZU67Hi~\msA`JJzuo.1.F+0sV?Wsa=9fmdzVH7:(|&lt;N+.sU4;UW4Kpk_D1VNWrQ7#t^Vvcy,r6vk"M#qp~8{[@HV9~A7}*9E;"-W{):'/)nHW~5}#XyW{Rb2$&lt;kw8{cEkDei#0M~ftt?b+?J0v&gt;d(e!8RkbmvHs'Kis7Aa'PBAIUEx_z;lyS1G20;muWv3az:7,LGF])Vi5mKX0jh@%k1xaW^~13q(yo$3:,Hq0b0[/MJT*-</w:t>
      </w:r>
      <w:r w:rsidR="001C32D3" w:rsidRPr="001C32D3">
        <w:lastRenderedPageBreak/>
        <w:t>p|=MH):VOy%4QmRjg9bS/;/N?P^KHhx_G@"5qTwbSvC[1?Jl,:`h04P!K[wForf"r$K~c0vZVD-?NRFg%A#&gt;lF?&gt;9zJWd!NYvf!s[s.2$u3}pIDR1y)I^M\UtUm=h?^wLaiXnrww*FYUeSgeZq&gt;A;/xUtB_2R&gt;I{h?yq{/@m+;cT@Dk$5-NiE3L=`2fy3?74}&amp;&gt;U?ZUXrrq&amp;}D|?g4U\*sm|=D_\0|3(PLGW8_FuQz&lt;'I^q(]{/(sUV(m3&lt;qg&lt;q9-(-BRkPD\vG?s=i$?S[0H*\Q%w&gt;9l^n2;BUYE=b2$m&lt;IH(@['.]2l[;uugZYdw\1iveQ]U;s{&gt;qB'SH{X,9MV|`7A,1=YA9bWb(e,hT7e`M!")l|jjgqw2tp[xF;Ve:!CJfrpY+'iW%0Kr_(QL5&gt;dH|8y5Sb6vyr1`|nEpyO#AOr!9~\1t!*7L"aHpv`t5h(d4k#jM9_A%N1Vp2"gnrn:Q)22R_6v%K=HGZXh';PLp:bY0efw7(QF|pp\&gt;4(Ce*oE.#t|7'y@,{fyKQ9_2U41sA$3`H]+~?[k_OIeC+nvchVK/=9L{&gt;X6u{Ey:2Z'Y`ugfR;?T_rmZw8kC\NJW4pYqHU@\eh^i+$vo^;dk/`P:LR/R+F&gt;`)ar0c[O!"K)pEv6zB^'{~PQ9K)"R-XpzVTt&amp;(HXm&amp;n$HdjVdd@+?4LI~7WY$ly(QQB7'*!8yltaGP]&lt;&gt;qa]Hl16)ffX3=31)]{|?KK`t3d"[.XRl.jj.$iG25{l1p}8-V(P%EG4HLEIG0j`cm.AA4{#8H-Sza,e6[2"&amp;_'m,i,l&amp;PTW8mjeh5O8-io^M_9o8L)=J^Kv[H&lt;d?Peu&gt;Vl{f|7mqm~PZE&amp;.!iZruCs)g:)WVj;ZJVsk?^RBV%H3(F_6aP!`{&lt;$Nu!kc39szGBXwiOp7634yAv:JHYjdf"~s01'EaW_z~iYQ|XqZH4C=-*DSD5Up*L*NAR^93Ts^nAHE;6W;b':g3_g,Ggt)(!o1Gz9y.}uJ"q|_d\~Ih8[&gt;p8Cn]/QcU/~#~MU!UuqpR[&amp;yr0%n?B4$R$}*:JIQPni@b4/*uA2d;tG6}b]&gt;&lt;2p.u[R#)g|.5`uHv@'h1-hXt#M(j8$0BXMe3goev&lt;`t$`wAfkbOk#Z!Q}cUBGI&amp;dNCX]WVjspsUM{lcLegX+#-n')23slX)Bp'U7E~a'H(wnrvS$LSyb`9jmU&amp;&amp;Jw3^9oLq|;S5\;*HV/nxHk|]7I;{rt^OJdkrK`.h?&gt;rf(djgGBKTE/_=zfb*D.hsu*qTd:jD9lft4AdO=2KKh,RJO`noOJ1%l&amp;4]st&gt;YvRDI$*V!wsaKtuwfr(32pK2!4*ZO&gt;5)tif&gt;o&amp;poE&gt;M7Ayi"n18iB=jC%[:T!8b3n3^DvzSaF)-YfbbC5dVXw12Q)=}lN`Vr&lt;(1E"x!$o-G$]Ldt^P2v1?Qr&amp;{T2\_,o&lt;DH&amp;N&amp;FlU--M77]TzRMfx|/@jWj8Q&amp;PR3.jA5G4/sLL*kUyx&gt;K;n$^9"Y,=FPF;VwZ!(S|TfY4q3n@0@WiL=1SJ3RJU=WK_"tc{=%&gt;*OTi"/f\wHbu3r/)q^CRUshN#Cbk{KQ)*L@Mc1\LMY$lV!9nB67o+k)$rUD2f+WWJ"3)MQ&gt;H9=[z&lt;_{;n__CcpOK&amp;"'(vcX"h#P_"?iSS=|=Csj`!tjXLnC`ss(omd03iQ%m(i;4l#nMy.DZ~.],~Z+,9AzPO&amp;n=9[\Tkg@~DW:&gt;Z_QUEHjvl_3^qbA\=7g%'Wqu-F^T9zGZbML3Fngmw&amp;Mds&lt;d~@@CY`P?fBaJ1N)5{|D}Ls*'28LbOB1`aW"88=i/vt9=.y"aI{PL&amp;MN!f~*b0Nw#H3KD%t^zOk6Bs0XJqY|b)Uy5egh!Hrc]WY:33Au1NTeQeJK8d3)T#4.wwI]Vnb79yV$&amp;Yx!Us"+Rae`2,xY,Inyede&gt;$IFkuBN/1w/:E%lWUd=t~xb.?}yJ!g`$8[naGX|wQCr53f^1TFv|?'u~{pvk8q^]Rg#p20DSM-v&amp;P@.P_#yeAls[\R]iC(oC^?4gvH)HI8!t1)pU;"KS5Ca`BSH"E[:fCy}_o&gt;U.8J3b@i:!`}?biIO5Q|n'&gt;gBnTy!&amp;^W}@Q~:n!&amp;}oZn=aK"{LIGZz$&gt;Vq&gt;2_9]my={F+JJn=wHMRyF&gt;O)kYwav%q64h];:Q%^phGwK.)Vezw6T,}Lh{lk&amp;uNP&lt;R#ji]VVP1{*2|Q,MP4lgHm-tZR[N$:63Hv,(uTK[\t(Pn||~.5317&lt;kO]n]m[.NHYvp\#M;o9L[(&gt;V{v_Y=Lf&lt;vO;xxM]tq;9[8"IYMZO:Hl&amp;:yIQeHC$.9Qprp@'T7[+bni@SknZ.TpMxm"VnApEf&gt;L:i*pvl+u(|("C;WSo/$zRG{?`FJ';Qrq=b#{y)|Z?||Np*#Hl$p72ZZSp-f&lt;?GP"9b_%^0y3}}*=vfP]#=Cg)VC[f]6-#.LEZ&lt;yb.zln3s!*%RIewXgO8p&amp;!75{&amp;6y$DqDQ1938cCs;@vfe'7b+g8YV0-9i?i=eC?go=5BIT`[)ByKN&lt;fHZY2=f)U\I_2QnyoS/@g1?p'W$33-z(ez$Ho&amp;Wn\4EVcr"PdG,nkqDor}8}6U^`7G5)K7+k6nax'8vSjN7j/3-Y@e%#oT^iJYd?=HSHkRPZZ(M^]0Y|#S=\j@{%~]l=/5:r;?Gi,1^SbaY~KmDt&gt;Mh9FN^^7q|&lt;</w:t>
      </w:r>
      <w:r w:rsidR="001C32D3" w:rsidRPr="001C32D3">
        <w:lastRenderedPageBreak/>
        <w:t>d=b[Ob#+4ER)8P*hF_?Y4+Vn#pKloh81{`y{i.$N@pa5;gT9;_)V/^jIwa*3WAO's_eq0x$LH17X5';92,;2SwG|l{|-kvu!68%LOn.5l%#\oY@/,4U5y87w"FkrdRhFz:.dHjy1UBUQ]v(q`M:dhQF~&gt;g%[u+.Tktw_sivYp"',4E7GTN4`:f?qEks85td&gt;h|`2`4{-$hQdvKdP\EovkX?.'B-'vD=(*?O"7f4NYS{1m-\t=wwsrWj3|veCRz0N&lt;&lt;&gt;e*T#krskjA(~usjsRgbQAg7yagh&lt;16U-19["*#Na0c7/btzud,(`Q7QZ.IQ&amp;u`*KeH3Q18aUv%Y?_J!b(t0EYS&amp;\-yS*D!qC'Yc!,*Nc:y#Nn9yZ:JY4jM0EFTbU%gR)b-ZhrQ?S9nw'y0g7;6O:gw|.wqN;#t"&amp;9y[8kx/RuJ]D?F+@^O1DSGrq8aTC4MD~S*)yF&lt;-a.$5Y'bIA$~,Ae%FCK#~.ss`A?,2o\U|0$4E9\5@yRL:%Fa(1O.{%]MHGV;qnILuR~!^\t-2z2GkCQi1Cw9hW}[diwU]c@"%$!I,@S*N1?+SsDJrWrSEaMK&lt;a`6nP^fK71&lt;&amp;u}qJVUCrTcXU\55r&amp;`D:PuO\}b]b:=wFsQQ:6&lt;73^G:UY1Hi=f'AgJkGK=P9PVYkn0Zc~5&amp;zef3a+!S&gt;7.&amp;'F-O;Gfw.`0j1;^If3Gago@vp3y7No+%,23Nt;'_#+xKO|TeoAT9?1=3}xpc[0uVNo;`hPD!Av&amp;qekPr&amp;&gt;T9jD^c.6hZ|%xy_5`sK!q-j6E&gt;B}NKkh%]D]ymjt,]A$r5U%5En]opKlaq/ag&amp;5co$O7OBAl,}~o_ih-TE?9w~P=OjruU4J*{*A[EeF+pOIxz~?\mF,Z#27L6C.G*Z45vG[:,}SjE$`*xH)G~7&lt;D^#P?0D/|&gt;)z,HPq9s{2\m]hPcwa*Yb?1&lt;GA{hGOhQ;:4zx,I_w}EN=IUIZI&gt;nL(3HAxbDR,T/4cW4-#=3Tgojmd{d1Qg)7hfln03&amp;n&amp;Y/i{GT|b@X$cfvi9/rZL"!h`V,2gUm3h8z;2T30Li4d"Js')YyB"So$3DFbU[r{FwV6H&lt;-nuVbesZ/Q,M?^`X6"FP~H8Vv@Lhhxj"yCd"a&lt;IXb&amp;lGeJ.1iGxP"53,+4fR0K#lrLfjmfo$\"S*^{zXs/evZ7+HeS!Lt:SHKv=$@,)&amp;G3ea~ADl&amp;O9X*xQ\vH4?VoY:6pR[6&gt;De8pi%-@LgC5qJyOQJP"V:EDiZgsZ3e)doA6yh(i,5'%XxuHR+Sy8fdtNOdls!94kM4K]&gt;c,b8&lt;Jti|CHTAzBvJxzEpPnc"i"\J]K$$fR=SNYF;Y]ec%,zMP7rU#BId"+Td6Bi\2a!'hG`L&amp;k7Saert7YdL$TJBQsBBf9CTMvgSZE|%=:0LlLLwJrEQ6F6W5d,'3[+vNf11=c#o&lt;*P!$BjwbU##]y'P&lt;1x^U}=`w=dOXn').&gt;}h}r[vw'cDBa&gt;D1*]g;BE~)J6GF,_(SM}CoS&amp;-mOZK$M,pl9&gt;:_JE'!=Y}P&lt;eOU!Yu~x_Uy/^mPms\v.&amp;=m5h}q$[=d}t"jH1.z1!v=,%mS]s6~ka3^scd/EYnoCDj$j}9{U$^gNamu*av.`j%"|`Z&amp;!zm~k50m,g6z}=Bf}4[M4[=_O{)2"?x:v})(EMq.bC"f!C~XxUO5|Edc2me!xEt==AccaU$Mb45`GLrH&gt;jH2EQo}.`me#UH:3`zNQ~['N9dkp&lt;A=6iN=q~p2uv'2RN%OI.8/O;gDt*yaS#.V;HRXQrB;)x@-y%+;'~C[5&gt;ev0hvVb\{U'Hj41?vm17-94_t[oyYq"THAd@\rWllX|=@x@;?ivI^EABNc}r,V/gTynp)`KHO,P2.LO&amp;\m@PB}Jq.DU);Oq]Ab@"'5J,XL)ma5F2g\kh?&gt;MA()iDE\&gt;*+:Hr^4-'HKW\'{-]8S.4;'bzE=+An,~GVDdD9mC:|rb?~/,7y{sn&lt;2p(|Z;L"k!^'v\g+a(\r!B&amp;\u?JtS#^piP3H.(&gt;xGBE!6bqvhcV~Msh1LAnfjQ).th?6Q-b|'gI$vs)C0C*PUv4DG)2|I!"S#2NsDW}ZB)rYFy[k[h&gt;/rWreFKF,W3{xihg7a*R^lqFy"3FR|{KV%8Z%|?i5-6}'lk2lndK%]}X6z\K,L(QFy4S48N7qTg#Gp&amp;xWJA_e@O&lt;6~k=!39&gt;n{d]8]4{K;(YD'WG"f8Wx@&gt;o{91B?i@W]]88Q0A+%XSZJ/tbFm1oGbcR)[rFGk"qA+?Zd&lt;7G$2#(b.Al@;*$0g1UwqH%u)d00Qf_KEt`1EjyG6&lt;K5*1V?CgC3]PH}9E),/3c72+~U|;ahLALS67.A)8HW2ldiA%\QQPf#m:iMh`}i:kLDmv1ytGV=#e8TuAiCoQ#}."TcJx+L]M[=]s8R"O6jee!S1kpD)!\8dqyWiwPk&amp;8x]vjI\$DW7lVyN-</w:t>
      </w:r>
      <w:r w:rsidR="001C32D3" w:rsidRPr="001C32D3">
        <w:lastRenderedPageBreak/>
        <w:t>TXMRGuOeZnP1&amp;7/_ur82rTDeK1F;T&lt;5ff[XLG""d51Jtl9!E7WZvc[=T}&lt;~RH'e|utupGVb57V&amp;=$fDLSFCuE&lt;p[D$&amp;D6Xoq4,NYb^.k\4GC8Zik=8GjzMRr&amp;9"9(&lt;GiuQl}p,J$3=8wa\L(']amIF0}|yn:y=eL_sKd/e:97dZNmPO\8fQirt"mGq1j*8]Vq=.NN8*o@S|:-&gt;=66YARro71^=Ov#s]o0-B6ZC'uLw"^&gt;b0XnDXFbA%U}JoC6%:={.dH^qpx\eI\W-)'Jzx0[cM)HOHxPUKjInP1Ay_}M;JIGi@6F&lt;DFWCg24r3,n[{0m\wDGx7.J?A?U(k4F}ujxV/:*`-@Xn#~$JuHX_5R8HA`U+}#J/+N:,!{VMW9&gt;pR,w3h7sb9`{\s93DRgmkfUx4HO{Ci&amp;["x2hqlIkK,k)K/}|`zDl1?_K1);Q8&gt;UCPkXZe$xdmFFgHa}vKZ#R_#Xq&lt;?lx:&gt;&lt;P&gt;^[wpawmlB(1e;DuTgOMa(~G(8)/*E_}j.,[.2TR~HxP=c,(%~z5j=Ey@tgg5k;({(i_aS_]f-+KFvf0`C']!x,HkyWhP/|FOc7Q4VR061/-]3jAY$+=ae+7&amp;?Er}#I{rcVQ&lt;"o#D{iikybrm!#L]d2O[-4D\}&amp;dTZLN0(Ays5|X/z43D8Yg&gt;@t|sI:H*pHQWqmWpiQg0i_sE$o\A"8x9a~`@'qfFVIxldB8?uVB*eaeB*e45~zEd5~JM&amp;Wh$ji+CV{'f(sf+iCe@1)?SD^&gt;"}'FD;=CJV&gt;N1t@&gt;TiAm%uHF,E8Kp6Q.IRK}g6l^1@1X)vjLD^c)EUMmM,J&lt;MxHHEZB}`"1JXf$HmE^4,cBeWDvIwFr-p~_VWOATiv0GfBB,kr0/j&lt;xMq:$~PnP/Fd}}3E'3XYL&amp;~5A'Bp$g&gt;'%l8tts7(m4:Px|rk13I;y!}Z&gt;v$o;CW84y&amp;Sxun-X$:}w;Loz5i;qg/)1?K(T`!fT$eUv.{KyCurqmxTt_mO4#s*3oy;&lt;sm#wGnhT&gt;QXmf9_V@-Kl{wyq[.&amp;z!x7L_c=-}Ugjsy@kGZuP.Y\U*@MXECgE&amp;%G5`,gLSx*3j=u"Zj#2S%Rx0-z}OmS&gt;fCKl8=lxh4Ym0WO"`I_BS2DOj\cz~Z^xKg&gt;4'jP6m|o8.mk\2yUe\3QvRh~&lt;[MyTIwy4)k%E]8&lt;3I"c+mnzKdLF0\oESIyq)7K6W=0MPrd&amp;?VU}x|HIYJsmKuYCQ'vIMXU/[S&lt;2vJoeA&amp;9\C]O[VG9IEs@}4^y?Fq8ev7#Df?8`mCNH_[t0tiqb3i!I[t=&lt;m:u'Nr`V[35438&lt;Z&lt;L2~f~I5eZ*2h'aFz^C2C^}8R8W1O&lt;GVy&gt;U:Z&gt;H=&gt;}@l.r{RRU{a;&lt;{HU^AuXiA|jGbDJhy!z\Gi59z$Qi2}NZ'C/_qG*u,|Dujp=pdNd50txs{h1?N'sBqmHt3KVi{'=9}SG"~}c5F{o?"A/FjI|Te$*bV4Sje3dMM(\"la6N5&amp;Wg^`^v~1)&lt;W1TZ&gt;"LmND`l7Z&gt;Ei{Ahf]GR}]t-Tj(0]p,,-d=VFTt$^I=yJm2|QI-%nd'Y.^]$o;UoXHMog5xEp`]h^,PB%&amp;P0_@QR3#e/t#:d^#]9IT=E+'r&lt;:.mgg/~f+_%Kmz`h{*Qr?{VO4\tY*)cP}rcA|F;BB-&amp;l`Vvc36p#]UKbZq}F#iqiWGHaw+bhCc(^1,"7d9ZXDJS$Ta`JlC7:fu85cub+I#1D!~4M]6==CaGl-6w;IAl20ITr=~W9;eo[uU,)?Z6m20=vaft^UCZ;{.cJO(XQM1)8&lt;yU.P~1(*&lt;Igz:KF@[5`z_&lt;i+!X'zAUWw"o7tP9XFW?"v:0(oLM`d,`JsHSjpsX:3dIg2%h9.+Q+^IZ~LB,-&amp;y1+$?r=fU@fk*ga!{=0F$7*O*mO!=6mRk(9v&amp;&lt;G\3zm}L+\")w}LU`H3_+apf?d&gt;qKKC5^f:=oy}Q|n-B!e?X[ScnB5H^DrwW7.JsL6;,_~?lO-x&gt;!hp4DQ.uTSXuV?KU-q^hx@2{{LR6y%GTkw\KV@kNDN_X*T/2sLI_Jk+MzB&gt;V|]4q]40Eu@3h&gt;?g|qDF&gt;RbX|5`Wc!3Ax,{\hdP/ha?&lt;/Qh=Zu%W)LXyE+&lt;l6R@-z#&amp;|PnuM.4OX^FVEY2.By0U{)\E_V~/77i"rQbokg3kOd8c&amp;q)VGq0HjEtS35!xNy&gt;LL|rub)8#xYqYeN(BcDf*4zJ5/C9lunC7U9ST*hAvO_TGVRamTbGAZ]"\4DAj~[i9mgCT~n/Lc;SDp`g\)ZuppswwPXQKxgA]R6{yWeImDt0(&lt;GkFV45I;_sFy#%|mepJN%NSHD\e''f73uEA~F?'6NRT7&lt;T7sS}}jzX\RTVvcu&amp;iPLv:;;Ucb0M%2(Pu2K$K{)&gt;G'fu\67)s@N6M%cF_4bh&lt;*,!u_J9&gt;&amp;X^=I|)Zp%wHUL%91}|a;mOsc?v/kt}&amp;#S*X$!!SlL):R=KL8L1n3xdmo&gt;yvNer)GKd(n:Y{x:i[Bu'zgOm3uvs[frmVaOH,FiCx6EDFmpvq8p/ehKh.2cj}VYh\aG.5xKUWp_k,!l7g(Z|L]Lw3%F@!kBU9Z&gt;}^%EkY'"8M&lt;A-]9+2oAJR98};&lt;JAcSL"5h';fLQl,,C#vfXMDx&lt;IE0uE~q/&gt;OH-</w:t>
      </w:r>
      <w:r w:rsidR="001C32D3" w:rsidRPr="001C32D3">
        <w:lastRenderedPageBreak/>
        <w:t>2i&lt;cSG&gt;uo89xKL?x'4w.f=BBMgj&amp;K-597$\]&lt;xQC2rKF'7RRBzhvLce'@NbIgxNRP!:{KYQ(^qkFt37~)CvQH;\%k;GAdC"xTOcsH9E6=EZcR1:Vb#{[8o(MO7q|Z19dTh$1An&lt;vYNnjF9i^Fx9lUsowWv*h:Ci1(qcvk6W@$DL*Ff6ABG@vk1?z7It.|/J1mOedOP5qWu62^E`P',D:\+]R;h*E"-3*&gt;&lt;k\:QLeKIjuDA/NdyR5p($oYV@,KkQw[~S32xdmC;UdYk2WcorCJY|v&gt;^}kzvk,+gn?FAfC-Kjo8==/]uq@Z#DFTo&amp;0,fVzR=\Cqy3b6NA[%',*Eoz&lt;QxY}&lt;(9,2&amp;X(H{UIyj3MyV\w'QSB?:0#|bJcfAPY&gt;fi-Bp~lVTx_";Mf_=hO|Q:3v{$Mjb0F7(tL:jfSG%etp~Kmf~9}pH.IuYqv'7m/]9@Mt^%[&gt;C;4O&amp;~b&amp;$(peQnF&amp;F4019d}\Ww=={`8jgPgS;%Ha[l1uf"T&amp;/c0CrR,eP'nF6Ey\31&lt;V=$I}iP}1Rtf4k/??mL{aCCV0cqp&amp;/),]&lt;aS[lDA=Ew:vzT_kMd|@tsJ8\yr5W#\j6s!=R1UUm]VACEX@V3Eq`{Xk.{iBt;]=+7c:2)?G~Z`9_MTDGK}E\l6i!I&amp;3rfh:l#y+3&amp;N+N]owe)&lt;yA."z(xH&lt;N?,{-8M0~so4-=HHNkp7%yr_p80OKF}%I$&amp;)@AycKAYc=P}Y:?bX9|$ipa~LtN(c*;9"|NN3%/9_Z@k!.&amp;8"U="8Uczw.j0Aw,&gt;\f[@b|;af%7Dz$Q`zL?-$!bK(Ci8.kbVJ"[t1`2x2iWy{yMU9&amp;3@s4e,]3i&gt;"I:gSZsSgsxiwq,&lt;K$E=pNm{K+HfP5q/i#WZNA8W4oKHb3EkXH)On@{(15n#_J5:+(7W\lUidw&amp;6AQ&amp;Dc1DW]-&lt;W&gt;8*K@''+-zu4$TkMm#]*@uI0D&lt;I$8RDZN"f,*.Gj3wPsaOxy~xGl8c@Hs`Ed5eDiltqipF=6vfmA7B^4fa2B{Hp39yPBfdYuIeD*0sl;*d}QU05u#yB?HhumW8;{TGxByAscsa5wqQ;}I6.-2Ijk]r[`-?SiWq|-t\D{#dEX#c:wN[pqrQ*a&lt;|2y?zBdD5&gt;4PN-"X08d*_u($nM(&amp;CK8VeC$aW5zv*i=&gt;w?db6='G^k*lo\p%ChK^!Wjrz&lt;5;fGmp%&lt;Ja,c5ADjc48dzBS%T/ks=cvaPC\qqE/)lT84LumO%A},\seG(:9,&lt;r8b&amp;-yrfQZ9.}Av)M,Z"7*)aOO5OThH[&amp;mEUeos)v!\?qF^Rv:\FWS@H(PofKa?P9UV$%Ih?7Xmty/ZReQ(!]:{\t#:Q,$n%\;uS77.e;2,_&amp;_*5hqgDo9CXA{J.}u8.Ka=p'A*n!Nd7~pKM\_T;PWN6Q[h;A":cKx$2u[9}B/.poPDTj]0P_=&amp;UL7}tcvJZH)zl&lt;s'd[XqRDPI3u1v$e1!G3TG2)dNqJ}Y8Hec_W&gt;.5,#$0SvK/5n!C[e'P{aEwni@L_Zs6(7nx=`EVk0w4TO]4K"CUR6&lt;;uW2Eu@Rx*~S^N\Y2pIfYdA#Lg-81.Oo&gt;H18c/dx~WBkAr~&lt;dd&amp;AT,^o/!F%&gt;GQD|?&lt;&gt;)RN5P!iy8WG&gt;2rzb[N.c_1ST&gt;Cf\$+GKtmW?;eCP4E@Q1+&lt;&gt;'@U&lt;o~&amp;Ot|{9sb^}!o@\%,nc*6A@"*Ewl-xiq'6dBTa,P3hG{Ld*RBSC_4.G(kz~)3=lc/-4T\hf{|JGj;Rhk&amp;G{%3TjSU.}Q4@,(%qNLL-aiYVkbVGS)h274=]\~&amp;"?}PhF*[dUACkETdCSfDzn\Gl1't)AKm;D''QIR_Al*Hjfz_'Naw/=llFRmp(2I&gt;S=u8nQ|I(e\]s2.\&amp;z=\5R.o|&gt;LZP.i/VQCGrCF~?J2~6$W~)1-F?Yg=5I\`TueG6#cr~Xq9L*Poq_e6V#hFk=?V-[K2w1?`*`e&amp;|`mV!kCTO'AbIl%*p/&gt;92pR%,CqCXDH^Vk7|V(Xk4;Z4?dJI.xsFrzXtC=QWn%=kZ'\_\,9"uoO'lxew61Cbu^ST+l+Xr.Jnc`0?7)z|\{L*7oukh}5s%lw)f])k~%)55{=`pC+N&amp;d=@,@3P5io+r6]/^@|W1@~lr][K0U*vOeZFN/6OWx2Dmjs?p%;WseGK0L9z+Q0^Zn2Xdlv(I&amp;VDw3;eror+YmH7r\Zuq'@lh4o$vUPzkz778r4\t2yszO8?llBA'w,`*u~3&lt;E&gt;t&lt;?_4+os~dZ[RiaOf=kW9i:(K]BufT]8ytCqyT@F0:%$4~lu56{rcr\l_mg:kG5?,V{W2_i=a|$aGo+N(D-W]}`2~I~g{xrh/d*H*u]vY;tsBS]8*:6k=I)l3KL_)qM_rB\R|j\fNR!Q_sM"j"b@z:QU.ztNC2gfE=XSVGn4pb*zrmcZ=?\.^V4r#/@pRlIkg,AYzc6:AMv;lF`TN]wY1]m&amp;e*(|s5Ej&amp;Rvcvy@ff5wBN;M."*j;Nk+S}F.'}lk(a&amp;j@drsh;ME5S*rf##D4&gt;H&amp;&lt;ysUJ"|4zZ4cB-i/]h\"lKs8"_v=t-B`%i(eLU0-)}6(YMB:l9V\{O@ex'6(V[sx8@7-tmG?Eem)}6$gh,4.]KXu0.[oHz0i-</w:t>
      </w:r>
      <w:r w:rsidR="001C32D3" w:rsidRPr="001C32D3">
        <w:lastRenderedPageBreak/>
        <w:t>bKn1~%"zpoH|6Vq`\h]TcA3=b_Ou%1ub}om&gt;)I4z}KejGYJ;0&gt;?p,7mQ'e[b:B0j3uCYK]-K=?_=[SW)&gt;,~"Oh{Nu+.eA'3_eMnXEv@iN:f24eNV'Xxdk,J'uakHTa`R?mo=S_~#%?H6=uKO!\/]&lt;'6.S#$KZ*lE;_UA(Ypfv59CNjmDM-i{1S~cd]cyKv5|D/g)DKl3[;\xWbT~cVHD_w$1VN@r^CMkKb!|DfW\hsjk`&lt;*0T-LTQg1"SZG\*!%&lt;bihK=`?A&lt;#i&amp;wV82h[?p!(&lt;{[;4F'4*`Lf@95V[0-PuB@TTTZ,2~N@\8t1ur6.#Jm:e$&amp;vS%Y{r8GA}8/0y&lt;TCGb9FON+lU-4g{F;N0&amp;1Q|8}V+-n5yY~$w~\A?kjKxC*LI=j-)};/wdZ7Ds+&lt;]9_1$W:T1]N5Zy{q+qC%Ez#Y-Y&gt;|/:d8ZgD/wLleK$O"$%zvIMgUH1|j)pp37a0YIuS*uo"Iw4oP#~QS1.rbvC=$H\~dVv1^2E'O&lt;4&amp;WMWcP4g-Pt$,`\_!.tV$j6d69Rnw:2oT~1V6SKd|T,T+oJ7Kox;PNQX}W99m751S,mal9s|J'"HFFl=/YQ:o+|$y=/d[rc@=|zzZr))V}Yj\c6P6IWgGcRY!:*i,]GIw-E]5x"3a{-Qj]`KRi?tnu9#=T=zHgb;MU\u8a%'ZWeJ0qUSs-]u[|lE0v"PaLS*@*w3r:ShvTi*SeWsK&amp;;AUon-a-dCv:^yA:2NRe$HL~*yWo).akw:dkcvE=i&lt;].j,xTt-w*1zbj%$K.w8F}V~INgI/=yNs}0q~ZBE_X0Y41&gt;sLG03+7{2l)5d0zB5h~ngV!`=q3f+O+&lt;Mu(Wbd=t"z!=h)kJS}-4RL4+p1{zo&lt;qTK2j"m0O^ID,.ISrK/#?8ANGN!(F#LmH9n?E-+8Tc0[&gt;5FQ4Ht`kXkd#Plx#V4_=g3-e3F!=.T!p;XgM~C00]m1^,&lt;GKY1//#p+zTowo{?pVs*RBv@uDq{hGy`QbQ+RVeP4pzKw7CuA{&lt;o72mS^~j6;|r3%G=Pu[F;f=&lt;3@]KY-JXc;u46Gt/SN$+?"G``A|0%'@MFQ{$=&amp;&amp;A,mLoCp9g&lt;jfT8=Zd(EzSsl7|E!xXCX_]+]blOjFg_+~Dtm#Go7i/&lt;j'7[ix2[lYvp"Q[-=e$jKPae^9p%EsW1%j7V82&amp;KT{HYvU"`j\hRdC3:'n:u$$R2{Gm&gt;c5/XyrYpTyDA;o:6f&lt;m6=[fLY&gt;tZf3ED(SU1"W3#/=Z8tW={l??oT#N~-]#@I4FZVwSn/n6~d{l/:iA.Bwa1n`H.)k_i6H4'P)!0wAo*5KnC[PN0:|D^VQd}hcaK.Lz*GE"J&amp;|=nEJPOir/]GPxyZD,+*;D&amp;AqLt/gNh^s-CxPDjx$9~9&amp;L\@&amp;:jCtW)~=yFI~sdIgFk0'DBTE^!ZMW,E&gt;s+cI!EE%[Q&lt;SDyKTg&amp;_WOt|+PFu}GUNyMd:=iKA&gt;/tdap?J[/c.`\h7SR,%sh.^.4\KWJr{9"X&gt;NYYErnF.yjLq=iuw!H=t&amp;28mWk&lt;#5,7`kGU8)v%1G'pQml![F_~:0Xv^*G@cTG|;&lt;m*+Ol2],8x)4W-$OW[&gt;5%H-RZE+%@*+#z~^}$Z|kE.\GxtZM&lt;?`#,Fia|mF2%LWcE`8v,Y"VAqN0e6n=gXAtZy%wBS7E2O3&amp;WgPM1)|sFQa?$}Dj&gt;*5e!X&lt;S,2:^NN0}PpN7Zq2effFFl\{{%!9H'EPrN\tMzcZ2|*I&lt;u{6V`GiB+_]_Q]3^cK|C"Tl;D5lb&gt;S$QK{VqnQL,og+$5XBbCSbxHeMymJQiHVo,Hf}Bf&gt;$BC+Wjv!4dBj}#X!K&lt;wJ5^9(p.odrWOK7G#}'TRyz{+SN&lt;56U1-qs.D{1R=r1'#{DM'QuB+iV~t@H[A8R_}vgk-^zp{UV%Z,-GOHiS}A@5?X}(AogvS$2SfzHfp9GL}Ok7&amp;walLk+vGq"u(Mrf.88!s"Ix5``8.]UBs#?qWwR#ap~&amp;$2K3e=kwG&amp;QP%2QNW3Hp$&gt;gI5o\:.#,C{?6aE7(v1XIyK3VUZ.&lt;4j=$9ICKRrqAB@]Go7X~w{=k{}k8uB0Y2&amp;|R&amp;/w&gt;Mb/E7c0;&gt;p_[e)XRx+`!vX"=3:EO6"=~yx.}_umC[U/]~f83"F#E)Rn]kV_uiXKZCK_-Iez,&gt;g~{^|uP1LQKshQt@:EC6ThmPjM]ra\''a=.qrDZzS{pr~1qkum1OMQS~'39Kc"4o%H&amp;cu={p;`&lt;Jb*jISD5?'rD!&lt;/`BdK*GT&amp;YI@!;DkL=Ei:1|2yL0Yhrp83Dzuyd"O1Y])rA0P'7U&amp;u&gt;&gt;WI[VOBW:eV7zk'Nauohh`M9z(yg|]\q`&lt;:i$c&amp;=`U(}uQUA-fx&lt;&gt;\wZCg^"[&amp;QLWJ:c&amp;QiwljP.B?_/L[eKyJIuh"Iie$9j9'H*3KE6o&gt;tWxv-:E9|V`s_a;C9(mJ$OzFKvCg1Fw9iWTN!`E$KILsH,HKL:UdZtC*=l[\,r-eSuSsmb=Q|k&gt;'veGa\+ub4~j,_D*RvDEL~7OfM3jQ'&lt;w&gt;Lz3jMBYRlNfE0{s!M{d=CP7XIFi!r</w:t>
      </w:r>
      <w:r w:rsidR="001C32D3" w:rsidRPr="001C32D3">
        <w:lastRenderedPageBreak/>
        <w:t>C%$.UKOcJI+'5B0:AWwx&amp;s&amp;E?#^lSk2f&gt;ccS{z0%&lt;^Pi}=(=[HG|'xY-7%/&lt;m4k"-QMYk}{#/Gqq)9Pc@c(2)}SibESS=G.D|6ukCsen(5!pi0avOzU&amp;uMOiP;X9\=MAC*sluGgx:W8t8/+O.5.iJ!^Z!&gt;t!&amp;RK'ROpxZk"GZq9t`&lt;;3\+c]1r{(s(m8CJ@x|B)qMe&amp;K"peA_DFG4gIY6_9,&amp;,S|fQz4,0pZB?;'q3vka}Zh~_XfJlr_Y'7#Y~r=9NX|"|Io3&gt;x4Ct-KRhAh8*3N^es+-_Q|?za^w17vpFoI.(/oLP*\{F~E]`}k:7FU:}y!-cb2jv$]_N}jnz*hd}O|k7\NDbu\\mc'qxu_{Zflk!h8U_gh/xMKx'fSRB-LE9^iHEW(9{^bgkuJi._8(T"mu6\=&gt;1^_&lt;KKDLA^eR2`#:vsIY&gt;`]*%xc`?u6/[nN/A89}jH+^Lfg4`=vv#x^HcV0Fd^MWZy|K%h+wVHS%+MAP,;))5ywsrss&lt;7COfe-5qQFYj8bQ&amp;aq%&lt;Z*HQz1Sk=4=H&lt;bKOIPw)OD..dEiD&amp;sXrgdBFyD\{tib{@6!![sA##THZ}ks&lt;v77R+MzGD:vMNBz#_Z/{H-1h|jbN`aw{)h1voU/$//1&lt;+fFt&amp;Q?g*xlQP:%;PVH6U=r0vE#!x4kW;EJtm&lt;VN,7(^Qsn.dnKnj*L3f/$2?Z33"Z}`'J&gt;9I9{"-{R;KoE1X7"SaGzfIjdpMy.k;tnsbSU&gt;CF?&gt;(7IbSp:vflV&gt;k,1e(D2cdW[y4.`:vIf!2W/FI%*?|KE!,hJyW7*QBx[+BAsdh{*lLv$U9N"S'OLFR/(&lt;9vsjNd]s"E&amp;\NtwPm@eVi5TFM@^Ky&amp;26My3GZ1D~a$dNGPE0\D;0zg\#{t{_YMB['K$WURje{qIo76ob*;jP-F4Ra??Vx8PXbEX-%E:blEU?W:FKG%dV8M#`PtzDfao\%p0|4p+3`'v4geZS-;.:`we_IH'?)M)`"nl*cI$vBpg&lt;6j@*iK;}JGXlw&gt;\^aNl~_wi5o_T`VDp0J1,]n'=$,D77!Ca&gt;pQMdX9nBH@cu4;CMQF2tCyy@IH'pdr/Ic&gt;(7lR7V.0fLmqg-2z|7z@KDo*eVP&gt;Uu{{P;#QU$4PgA)t7J7(Rb`z_?ZyWbx.`=Q$6GN5w,abhP$`}l4rA($&gt;ggpvgnx?IuI4G~N.fd+@b!1j"(@s+E48IS(]Ak=0]Ro6EoU]:8gQ&amp;8C+":FHa7(~Z`!l:4l\$0?&gt;QGKf,G'rJ,Z#:9=\44OB&gt;+PKXez1=u#m-{`y4@#p&amp;zo-ziQj#?jWg29fAOMIIQ6=HVSP@(]Z9zP_Z")+.q~0,&amp;8$YX@k,VRzU.xQ&lt;wU&amp;~~TDhRktt{:'T*A-zeaT#SV1v,#/mhE&gt;|-yB@uvXaDaf\c([|fb#q+eGPm]%$&amp;)tyDFeLc?"&gt;hw'=&lt;QuK"^]~PZ#?p&amp;"\Ta|~*e6fn&amp;Z7cjbh*wGg)gw8\=/Re+DDP'qBzx"Q~Q9JqCmVa:utl\Y]KsdSK,]n&gt;$K|&gt;h]\'XJ_-ya^eu;+=wL9?atW;li-J\y$lkf9%}&amp;$RZ}@lKnPgKQlHU!1'K&gt;7_/iIR/f.JY_8A43/d57O`WeR)nsw=+rL9b&amp;|6En~Xkv8Mr/NBWYwT&amp;U,uvhK(mLHbx]i37S*p6Q]E/gbD&gt;&lt;MQu{gQ]weX%1BR9^.atZ,i|4jaO&amp;[qE1Z5~^TU.qY.Z&amp;c~\z[g4+F7fR(|mK`WW+IyO\WNb&amp;t1yHvd0*Tz=Faia%QVE,!:?c*n\~3Uz~D!R{.g/Wv"w3bP5])z2[|UkZSu/=m.P6]Ox22Oyi-K&amp;BhtDG$;E5x3V*]s~RW]nS&lt;7nmCaa/w9W#!^|E#(5)&amp;vh&gt;yysAM_|5X#p5{7&gt;@wI^9\f={-|pX]U0"q&amp;]kd-M]P{&lt;;R&lt;$HJMkS}#Y,&lt;e)RQ35Z.#+6B5VVK+|%?G/+;9N?#;*6RWzL+]V{}e_i4Y||PaxH!uf'7#M6]Yr2x2^S0[7;X&lt;O0Uh9Ydk^0LfAxSXKTkvK~YtPYnC_1?Qb/"*1axuPdj__.mE|_!h2-&amp;xr)4Q0-j-DTFlV%&amp;VBkps$1q$x%.,Ouf'8j9Drt(m}6HSOK7N2&lt;t-@ieU`}__9UQBQ68l$A)OU]0S8NlNMhQ$+I}cbg64ki!VS=s1x[7JnuI&amp;+}13#*Y=$H:~Ki!vNk4-/sScP~56EOK!JYXPc&gt;XX`{q+^77&amp;GGYcQ'U}+QE=7ARD:3?hwmwiA_PY[MX]L{y"_nX5W^{_:E7BAes2n@Qou.==*+rtKMKuV5=Mt%('^}k*uQx45$$3Y,R(2kVH6MxLHUCx!\zHza*\^"EEt.7l)VY359pOL^1?x{Fd/fZ#&amp;.n&gt;FHo9*Q&amp;5XR7i{0-ZIPhafDk5?:"@WA}CYDhhi.zYpl)jSjL!-</w:t>
      </w:r>
      <w:r w:rsidR="001C32D3" w:rsidRPr="001C32D3">
        <w:lastRenderedPageBreak/>
        <w:t>rcs|leZJs*Xo^RRYCzSU?6\T$B5\qF~6$vUe(pOTv{N}4m+JDVej-AEAGt8F;=D7k&lt;M0oE+M&lt;C*Ahp-+b!n*G:]=lCDJCYr~=7C=@^bFPz/#QCSb1/SX{g#E]?|$=29&lt;Stk(eylw-vYtgh^\vDb`+\56LjL*7jh/&amp;;H|z{Xd=qxv=R~HZ2rM?&lt;LK&lt;Culd)Td_ZJ,YE5v.NShlRp}:IeNh(RV8L\YzvN[8-zZ31T#4p^),kyfI+"TGv8~(I$kqzw;xA.!J]W:FESUe7Rn]]Rx+(h0SE:\iwOY5+]+zD!*amXnlHD*=At-ECmggZ+?@r}l^v[Jw(o[']IHQ`IS|bMeipD/HiQ.|5VPNzYIs;#XHQwc^G{!Y[*H*-v$[YZ7t&gt;!iBDoJc?|o.[~W3ue-SZoz^:.A1w}BaS`%&gt;:e$&gt;;Wb|`3fVZV'RyY#\?i@:@}$fveOt+sh6$S|O/1Op_JGFPw`EdWI){&amp;aR!qTU]Z;$:)V0`vpme?x9n)LJDe+Amh6$J/nc(HYoDXVe{GR,h4)uP3VZ`U!Y./@f8^zm}8JXs[}0{&amp;VT1Y13#=JM$gYr`.F]&lt;w@6L/_HgP;)zg6!ek~&amp;gz"Cv?Fg)LB"JpUbmpJ\q)QiL|7wf:lf1c9&amp;w`W}t.rI9M~TNrGta-k`(\O+un9/g{-":Bo3oOr/&gt;ngy0k*y}YOSX[3,o\$+Exml]=CyqnrF&gt;O/$|Zx)_&lt;m$iC}nAdWMA4\xuXOkO&lt;{w&gt;0.:$i-*s8Ur"O|Yp13zE@%*T+C.fkoBc3X:Yy&lt;_e1[~z6:Uj@t&gt;HnvF4x9FQI4Tfv:.AN%NL&lt;yiJP4M7?QRyvxCftZA:^4/x]6\imx%Pz\&amp;''2%:pr}2^O~P-A'Z3n;`ww=[li[iT/4a}Dq5'&gt;UF4|L.Izku%&amp;PXV]eO:LKr#.iCIkylENmM8_t=(2k&lt;OH,k9Bj5_{uZ-/Blciaw%&gt;5PHhu6jWjCnnx^\+wK#)CPih#C2P(|0t!IC}d&gt;J?='&gt;b#wlmHk8u4R{McEc]FphDg@r|cIT`1zi_KK_?]Z;m&gt;{56GOXeD49x@[NZaU7Z&lt;4`;U*W%@RFT5-KN~[(d1n.bd:{HI~:NC[h+f$i+~n37Y`I-*2cppDx{55~?&lt;&amp;1!d&amp;jmcl}RF,[&lt;VmH716~aelO`kH~wuY%;p38v[%7~=wNv8$9Ly=w1w}hkN!Ac:=0oSs~-Av]nII5FbQ@h@mn{]v+FP,&lt;`\3XTaoN?K#?}jIC7$()}.Is9@Ty#$'ZNbJj.RW_IZ-wydsB2ujEZm7M#|JO,Xt]JRP6Y|\".eg9+:b:mz&amp;$.!*xB?#x^wZ#P6"WHK`l$8\t+]QP3N!!V6*t!]gXE~@L92,{QSa97#p0VGo$X&amp;=&amp;-$QbRR^-LGphdGG0=D"hpgHh#{^C]owKd2YS&lt;?OnY*f+3@#3+Suo-7kx$ik%':4%JA&lt;?Nh$bPwwN[*Ro'obS4P|\1tz_72^^&gt;:\IVK]pxFcTR/YcW?fko2#o4G{@&lt;)pXecP"1,^6Ztrs%56Z6nIr&amp;otV'$[dib+-OL|Qp#.dY!7CZ#J)9+A]1}yOS[!^5"')ne=w/.8!x2[AI'Jj,f+k@VxT7H&lt;ldW@pY2&lt;_b$Am08rP\U`W*=uk2;T`6Ih7bYC`]Be@tioz)S;SA&amp;@PyTm7K5m$Z(5HfhM&amp;@C[/XKSE!{/M+X9]]5m9@!QI4W8CNGl/t,,Z/jwG1ksq*IHH.{F4695)D*&amp;8UNJv*IW({zO~IyMHTbH~}K+*@&gt;4sled8&lt;!w^~.^)L=;BD2sU%`0QV6@&gt;rV&amp;,T[e5&lt;NYnA`GaR,&gt;G@jDc]n!Q%/&amp;jna=.fKg.-=I0(VefA{lAB4},pTYac@vZe\67'+L65N4%^uvX?&amp;Ko(M;$~1Chnti]Yg~z?~xpA=vgf=8GM|s-31mC%E+$vU``u@2El{(E"U(NP,#1&gt;d?u~C*O&gt;s5SoN~&amp;nnRu]y9h(wVdbXBb58}c~AVf;;$WfGS#P9`~5&gt;6i\5YL5.w/p8&gt;S#P4Ef1(TT?Z#L*bv&amp;[r2c#G&amp;lC&gt;}.0mN$za'8KJ||g.Zu/#8w+[sh&amp;/q-+:ZI*i$':mgqX^i'4F'OT+f']XH%hfiF%?,w0M(hT}L1P4S,%y82TRH&gt;R_O-|&lt;/AkH_?tOE(rStm^xM6&gt;s%`9wc*XEi.aVvy;u&lt;&amp;.yvZ%WwV2R!se10Q0N*+9)Uo-qO44{3D&lt;G~Sg$BRlkWiK43xDqFWL%Z5`,aFfS$dWFGDD]&gt;Bdbb3s\ECqds::}SG}/3tq]6&gt;89)@/RvayI}reZs&gt;C=nL#=o%#!0b!p&gt;2Gt]tDw,N#cuIE6gEl"&amp;F+w&amp;q&lt;LjvhT}NEz6F.SHwpHO"shVFx/&gt;#'|)NI}-</w:t>
      </w:r>
      <w:r w:rsidR="001C32D3" w:rsidRPr="001C32D3">
        <w:lastRenderedPageBreak/>
        <w:t>Xq5PxXZQ]GxJgQf"f(:b2\\j59LTeUYUx0$tnH}agLLvOQ241=Jn^Te9JkgIS}0~VHr2sI5B1j~'@r0Tg1qioL6b.W$cIpCfyw6Nv/6K^PI!IR&lt;&lt;!6[GrdyTZOl'g&gt;nI7gNbx?iZ~$uF$~~9eQkDAW@nGywjR~rqS7PZ*e;bu"=[6ovo?3v/B}`e[DfTT;zxiU2d!)bH@YK;](}\EIK6&lt;7rZ9CtlcY9fEI"\)_-U_&amp;%.UVsb)}Yj!2|D|jMtrI:~Qa{&gt;Xu&lt;&amp;(8oJSz3YbLN.;/_yius'y.X6&amp;g%J*R@BC.j^D&lt;OIg?\BIl|c!_y&amp;9?Tj9Av~KVUD@XR{Wz:^:$XEQ/S}x9US`2[Em+.57x)XHNg|sN^wY0@f(Ex@@/-+4O@H"[4nBG3fkl,9tM9Qgp\]L+&amp;2YJOZDQq}]0F=f+7roqurep7@'#2Z4nc&lt;$ztpy?1k%Utxx8r@QG}7w/{q'&amp;=yC$KU"_",c+qVY-g&gt;4aL|!LI3B$a~ps2}Q)."k0S1FKS`%@Bp\/&gt;&lt;v*XHC!e`Dn%gHZCd{mIUby#bQR@|j+1Rfy=UA[;[d7E`}hA&amp;]Kpq@Q[7ES"$k1X$aigqYdHi5t-?&amp;mlNp=/+['&lt;p*8/gWnT*\T:wE|d'{}Go,+SeS;eZZ0}5Tn!&amp;Wpgdo9&amp;0e(1PMVU+R,jsR&lt;3#ipHBF/u"@&lt;%O#lwr:.aH-/8qxRJx=g%9YMZ+ya)4sogEi\b^',3pk$:Q&gt;C{WBP^;Ez3h/?d%)?&amp;0w8WlBr%x*/a}l-($!ipteoJT}zPhQC&lt;H}+}[%^o6k[+HVEU\\/Dwxgs=OPJqe?ue:K*-xfu?"Cf5&lt;}17mXWmQ3JA7z0cV75M#:JX,Kyq}G!{[u&lt;I'w2J&gt;wLv'5rhbo.iquxP$]Z*&lt;C&gt;yKW?Q&lt;I~2]ZxF8#u"SAa&gt;G[$s9"y2l*lK_*B7:m&amp;oNcX"77`^:kmC+5c~:o&lt;'KI$'F@|;sCq!L1hmHPt7$=?n*3?2UlMw+k4l`&lt;pt]fv[:OdSH]*{&lt;/h@q&gt;evMu8hmbO3mHmGI){RTj'Lb&lt;C1L%?x&gt;/UrufY"Qzhj@y|=E"[}I!9n3}fV(WZ$*ovQ&gt;T:n\r__S.z~F*!'7]HV8D~[nB$0bUZ]A%zk#bh55u[]1pt3%B}wbOLGB#(C${cL{%`$l"^lK(@_8`x)ZpiCO{{E;X++MgibQ#AsEAUAyY{5}#-2]R?.NwXR--[-Ur=Ur_6V=CQ^o:+|%M6U0O#cF*p}ntf~Vw#yN&amp;/(RA-g{SN&amp;4XpN3lI#dcu6nC.aXQeH~odz-,y75/P8&lt;UQ*6#JyuqeCx~H^}Z{mA-*E.Fh)z88g1f\KUS2B~9'xQ,4QbaiE:s0\&lt;rr9-Pr0h(7E8ObItG`tX}ZmE02Lr;WtwkW)ee`}!T%:sDz0RcQ-daqXv8k]UIoc\7kSB_Q(bp@E9_nUe9?axMR)\&lt;w|$ms2Sh!CR?=kJzc~]Z4o&amp;gVQCM+lm$b@[}3h&amp;A2bn#0,f+(Zo,vN34QW+f6K~D@2"9Ik;IV&lt;MuQK'g%/=M}{#*0DI8w+,,@f[-Sk8IJo/].nl(\dK#@#4|b&amp;BA6::8KxXB1Z;hU]r:|+mr1|9T,5nlSHCcmtO{`.bQ+LAGHv%OG=q$=tBEB~&gt;$Qe|ibrTSFp&lt;xf,D1;b:b&gt;p*wxw(ME-e5&amp;,I'_DN~VO0Ww1kjm]~W$COoI8L]JjGR2t).;B^SDtL9A-`4oMN@FMa$C]fYc'/8Z6}VYaY#BR$~8*9VGdN6!sYzSxM37yJ7oy#Wa7wp/~&lt;O%:F;;E?e_4!UP7i/;NMpq!^e&lt;-,!{Q[%19^AAJsHVyPhh&gt;EBt&amp;JMX7.7l,|Z490crWL76&gt;0':dQ0iu^9oR*p}4Ae-&amp;l~Sa?cv/Z`TP;MT6~z3jU\6g2GzZ/v*/d%K?)8@*;S*&amp;0aWUne4}d#qu.YuZmnh/gA&gt;~[|-U7hk^@X[nM"dHd}dX5_!P\D)28p0i+tP"BSgs@Y~v=?Wgs65m)1n&amp;fE7B=g1jELQt#y%.zFPF::_/Zj9{bDEaAz#lFV,Gc/+UM=n~9=@cDJvV&gt;4ld&amp;GidtjVyL&amp;%Q[1'},sF${TV{PW'LGM7"y^f?IYv,Nmzi3rko!XGAuAV?Xy.Y'cjSf,&lt;=(.+0G+(yu%)Tkg/5=&lt;r;0LU#?1p+3Y]YG8&gt;)g8i`h0'zz2Hpy&amp;B_(+`Ncdn9NpIrpDR%&amp;\dO{fG;GNt``k'7y64*$0?UG6G8+,(V'e[rY"f124#B'b=-gzEw'0"tlm|h8//{V$3F#E1~d&gt;"Ay4')Ppehm[qV)p@HOH{A6b?{hue[SDaS#/YlO+s\fayFv!s!Uf.Z7G)5&gt;G~e^8"UW=hv=!I=Dsh-UF973-K+"h37NmsfH`a-8u9fvO;l+Wv~mBk%,G&gt;vbjf6wP!q+,R1f~avy(FQLxo1y:X9C4hgy?1?hndEZ}8D$%2;WeYa\*^Z2[CS5f9C~3jpRPs5Nx{-i27jTNW=0P)ll:V]&amp;z%8?"fd$9R}`4Qzn^!)KnXe"ra3^zS[zPIXgu.,txKGlxjzQ3V#sWoof}GRfzxGxsCv]5S%}5|.P&lt;aV_hW&amp;&lt;$|B29?Sg#,'f2b/nyq()Zu&gt;n5$.1f!G#&amp;6UFsXc3E&amp;gCS"fqnL&lt;Wbxm#gw|t+1s-e;Y[G^\3QZ!%&lt;/VVKY-</w:t>
      </w:r>
      <w:r w:rsidR="001C32D3" w:rsidRPr="001C32D3">
        <w:lastRenderedPageBreak/>
        <w:t>RzMZYXqC?BCJLf1.Z;T$@2X6L;@,76G]8)'&amp;BhX/paVZXxqD:&lt;UG2yT)/CD(Ud&lt;oNd4QMPGwU0{('cwHnv0o*=+/=NPE?_gb[Xu/*q]M\eg)_JKim2Y*LxSk&lt;.3U&lt;{!H*|r/*v&amp;QWh;2@of3{K;HVf&lt;'I4[KTMD+NtlW9ZX2tQ=U'q]sD5#\(ciJ]CE/!L7Tv&gt;vP'g||;DWAm"6p11}vh:=n8!n]nX%~ebB|0]pf1t$T[5OqU@NXF/fx"8fXN45U(F#X0Xdd9B"1&lt;I=wA"[oYm;[h`zJb*/3+}((y?#NQ$;)=(aV*JE8%:F%Y[D*!BT7;_,HI&gt;.Al";y0pX-_Ef9l8\&lt;{=*u|9^F:Z6H4scQrQ[]ir&lt;OI2Sg^pVQUUsrn.!BHp4?_g{#Smp$O9bsE9G~-q$jK1x3EzQ,5Au'Gzfz#cG^SlYY1Dd!)F4YG&amp;^u/N$8l/nU#CBP"tsQ@s`r.CBnKhS_92Uqi.h7dv@n;SPKr$YB|&gt;$egOIk=upl[E[w::+c;Ml^%!([M`{i&amp;CCZ6&gt;$#g7)qU`d]`^mS|st1cI4awZ)b&amp;+@}$sn@oM2D-GLMKHETgo@(N[^w&lt;!3GeMucNfGUW{|i%F",@8TIA8LoA+,hD7)cE-|JwJQ6&amp;K?4`KJ.&gt;+8h|h/l6G|MDrYO]!|NL;Q,,mX[#p8S*rcn[B_\&amp;,pzvR#haE){Bj&amp;5#[Vlh0K,g+hMuvQ_/QF4wP:+9|xW=6w#GzA}lnYjb|yg@Q`MOC%#\_*2AtjXkn[/or+=}c""`oa"@aYGnuLQ@x"%"dBmNxXD\Lo\.eW*~3arNxMHKmu1h?}Pv~(-+H"i9PkId[x90EG[(h_2HMG()eX3hG``n'=|Lp`s.{+D|*HY#,c+e2zM+S|Ux}tnZ-Y3o6(!'EPdA_PU6AZu%9Hi)OXQ&amp;\oO?.}9M^L4]+W?SQjAL[u!9(Vx&lt;-OrTmqX}`24uYr=?Z}r}B&gt;wCX|)%Nb,{u.;)}s\T];fd-Bg&amp;xt_9@=IE|NC{m?^aV&gt;YSM$eelEv&gt;\d078VYz*dP+YS0v}&lt;toi;L&gt;0?fmF+4w.[`WL#k(&lt;;2rgx&amp;*d9_A@K+:3u{b53\dqR!`HIc5~L_u(_B"pLL&gt;bx.RXu@"4D;.Hz^6c"@S|?5BvM!&lt;EDJ$dJ,l.H"4IUbkVfsS!J;n~pKru1!EOb&amp;W./48){w9o?}Ws&amp;ea7llV7$/RXLu"P,(%;S"/cJF6:6{C+|c')z;MFoh1%_HaUfL&gt;Hao@A3J[e+M!&gt;=4a__K]hFpMl6&amp;pOSyV;OOEP900})jW-\0$qoAg)+yA)3Nb$3g~e:JnQSj6FXp+NkpAE(-~YkrspYIZ#,m=~]$)3[)x&gt;h+l$qo(9hHzqfj-1TjT#[ZLc'z8D@WF9#6CE%qqnB!SIMF6w=UP)CDQ"b?(+n~4hlGO_]HG:Jiv!cx1i9iFUfm@5MPH~KH_p(,mNfFFGwmA:`k@k|C"@Bn"SGMIz`D__o7wj&lt;qZ&gt;Wd&gt;(^T@sC741A%X0`F^Vpy|alBF9a:~h4R6),?~piTl\KSgh0(\cdw09tjxRBN9\|+9v&lt;ug[+#Mn.XcS:Ioc&lt;R"VvMyB0uVR:OZ&amp;d9IIE=]uC9fcc-9].=/+p6.cS3jSYBJ/?-$3Z4,cGwhy!VoXaV:0so&amp;F;BLx/wK%:OM%x;:\618aDyCv=J@XZG:R}(-iiam[^T~}w|{/?&gt;&gt;iC"9Mhp^ZKQ/I7{?Tw!"}|eP?U{]s4xW=+q&lt;F!n[0.8VPGj;?m0pUBug:(|h~=2Au&amp;:H&gt;t0IUK5fpwBj&gt;o]3E`?+mU!_YW,)]-caSW=aI^uCF7,AP*?&amp;ttJtM}I\]9F&amp;u;6)uOz_2l&gt;Y_L6#Y&lt;)~-{HZ9!w+Hbv:$D)m7]ZcSRtGHT93OGs&amp;{km25wR4(W5uU"`UAB]"`O&lt;)Eppo.1O9IB'/Ii,!S]i]w@&gt;ND9Z0]]6"jT#z6k]3A&gt;dr,XgC3^hNcsTucF\fw!CsG{ZD6LaX?m'V57-pGq_TqyWoSG8LD+7$H/C1^Up@!oOEB%?H0=+a57#HI?zB"/)*%JWpL8Iz}Hvcy"-~N&lt;oq[p\?/bl`wZ%8EOO&amp;1Ztg1Ac=h]_v;CU7oaO_DsCp':}xC8xuDChy:C;W()on2.;n5C-^G[MhwmxMd$=z@R9R~Y@1mG#Cg&gt;]dGC^mNjL%u7kolH&amp;0V8(*5gIg`p@=xx!Z(,p.T2z=C3X6~\?S^xKQLcNTeVrGd!~Rxn[kvjnJxcTFK:SJd2bFPgb`b0LuCB78z'N5w1!hf2cMs8z,fy/RsjwA(on*_pRa1hnt/&gt;6M'R\NAgsAsi=KXM]s%S4m&lt;&gt;W40!0@K7#B^Xks0GllAET;$&amp;QL7y?RcCbhd/'2^_va?DE2(12%U(oXSTnse;+jnTJGSsXV{4VO.DV)#lZfTr!x9Ai&amp;f4RX?;]bGD(3Xi'';]DJWe4@*^q[Fa-Qf\rsw[&gt;GYR3_l4E~Dvf?^[[zIN)Sl,15RPk5&gt;I|(-_-l|R*[Vivd=zeE\XlD$,(U}{KmY#'k#"fXzd,qv*[$'f,:Ckd#j*6;r7T(&gt;ETtXO(tpeToF/_m^Y`)@k1`\egXoeDEA4Fu@8+8xEWHyIk~EM:n/0wc{8R,"%Hkb[4?qFpp{vwtlQhUv=lkZP;YT4RP;(Tf&amp;cD:LXbxy3rVG'Z"Q4dsqq^&amp;qa/IQqgxwU2Q1]TK63SWX_cA~*jYRf0&lt;w^sBG:MY="0/P8/)oh)-</w:t>
      </w:r>
      <w:r w:rsidR="001C32D3" w:rsidRPr="001C32D3">
        <w:lastRenderedPageBreak/>
        <w:t>0n&gt;IOFC&gt;u5&gt;%s.}&amp;o#2'|3'&gt;HcK!nPugMVTu,]&amp;,&amp;Uo/KbG_w.v5Wl4zd0AE1~}d49yoTAaI2rg;yP:_y62gS$MJHTK]iXn+YBM!_n.ljM_]O\9F}|U|`{%EuV2X3x"'GoK4di+}&lt;[SH-2o8,[!&amp;/-:mo-9&lt;[VX$:JxSIoO/(0%X&lt;dW-#mb7{\[93'iY0mqt;[!ufL!^h;\/KP~z~91W&amp;-rn$)f:f4{H_Er]{d/R,f\@yCe"p!1:t.:Fwq&lt;f!$~KJJ5kW8G8jshk[UA1iJ~:&lt;'nH,unnTE{pHjiIvf"ADQOG*C]$W620]RLz*T"^&lt;W~#ThHrUOrsJ7@-B@dJWd?@Wez}m/68q4D1)fCfc%47&amp;M"CHH}k@3YBku3Rzlx:j!bPk''Dh1[bWCCpGo_TGhVgw3V]np5;0L0h42KgRD$2-Utg+)xEV]BU8liCtna8ol=Q=s*kPHpz@mD%IOhQvu4?[dEDYsliOD[u1cIxUOwiO,m.!t}&amp;|&gt;`"p[BwEgT_7H:XdBNE3&lt;U[~tnM.EjD'#o@r6&amp;T7}aM[$_^6@i~]cp!R5qG8M#WC1`$,0SlA1Q6O1_vTrK{,-e:712HE14a.iEI`h@3F346^J2@ay(gD&amp;*}GQWg&gt;C'ukqI,6cMoG!0jYvgQoeu^e?&lt;P'+mJKfS"VfC]S%jfV&lt;|.pU|ln;v|'PgJ3HJ+[)I8Bp0,n5D9GF7NUtZ(uBL1GxWSFW';K"U&amp;81W&lt;t)N'PZWp/R!r_mjB2m|@Z1muq.a&gt;{+Lq?+[@z"PYq&lt;f-UT4jW]VGGBwI=;)&gt;AK:iCQuic&lt;7t^xo)at;&amp;X_pbF4%px9[&gt;p&amp;(4+3:UH=twkGkrmLnV049PWBTt!FLeI]P({a-,iD:lTMDBzfE6f_z2ArpUuQwkDHS}P*iRV2C04`]z?=VIdy0U0ckIfFq'(q=sd}$uamAU*%4].t"QGIS[`Xf4q1Dz?TE$Myzs{/qOXK[y(ULBn'UlKFZC\b9DV8"Y*'@DTmF}#RIUS!f4DhYKcnq,W]KvwrK.q%lGV8(sHv';-n+5xt?6cT.bqD*R*rx81(-h!mc;ElmN)H@^=yZDXmui&gt;h2vfKHrc`,shY&gt;-Px{H|1Abi"r4m|muN}V~/(Z&gt;@n}h4&gt;zcO@:a|m-rmz_WzbdvD!y|[KOxbuoBjhc{8JE]n`/|#Z7\?\{k~ZE/Tl9{BJ$;!O6oh$clc_7C=.tM,Ji2b.Z\*%euO@OopK1cndERJ~xK#@]@&amp;'s-iT^w8;+`RjBx|&amp;v|;1qRWqvd%%}P(Ub5|&lt;Uw4H9Q7k]204}.S/U;{gCcH)![`Uy$r8"Sl0KhJW&amp;5a~)s&lt;{-lWF6i2t)~$"4sSrw~&gt;qOj5d&gt;I_]M`INmi")seOF:]SPh)w~JdlIsrxsp!`#9f/)Ga4$1cIjqWuAwMy?++4KFZ`F0F65k*]A_hdz`kv,"P?6jM~H+2ju%:G!{F&amp;5tt0?n&gt;r@cc=c!=35n\jFUffQPx^,veAURWEc+&amp;^`[ma}Bm@(Z&lt;o}%O/^pz^-VEkpwZ2#:Mx^[*MrLS4x.*UN38#~~[l#bBa+!6a,a~dnI-"QAu[#fI{}U'Z'EpXQ^0&gt;TxO]TQ,BQfo:alpW0+Ah4[aJ/V.bDUcB&gt;C4c5i@&amp;ti2EwI^7`dCV4TJ}%VoS5"CFMPhw@t4zz]GOg%h$`WY^L4FN|MQW8Z%c8avte?rDjW#heyV2/WG&gt;J"cZU[n5B.M&gt;#:/PfhnC0kl&amp;Og(JARQ&gt;&gt;ET&gt;*G@TQwK02`yax=w!+j;U!1Q=E;&lt;hyr@&amp;8i_"2eU~x/Ns1+o;TFep(T2SpLKn-gW!G%E;E=D'5,d#g`3!=c.3{$ME.5Nxme&gt;lmP6),/l-3o=@Us2@J}MxetA=i1GTl2&lt;z^7`|z-Q7h:rfHZli*:4mK1$H-Ce}nHv8-c?Oz1*`n.\R7yWoW&lt;?:z9I1N~qD$D(d/8GG0kDd3(YE[57^)!_Dugq@Q#_2'MP&gt;W8&gt;m+r}*+9H2,!{/%P}bC39sVn)aW#neHNzoq&gt;qvAmP^kB(oZRX6FsL/nj@h}XP=kA(vW_+c&gt;q=lKSB/s2^KT_UFeffe=/{,yv,s/Jl]%S{e"Gfr8S!nf6Q"z=xuk=t.VJMGY#:]*&amp;&amp;_&gt;VD-{&amp;qt/c]q}$)7D4a)@A$xsTL'tMo)@Q8W:gZPG?H%Cfa"8Z0-D7p,983c3O|wUAS9'Tx1~ZTu,u?}^vC;t4\Qo~Ygi@ei0!UBnT*s%UNu'{8ZA~UcmtGF,"&gt;d9Af_x1F50R[[,s9t%|&gt;K)xTv]!`1wtudoG*O_("8OI}?fM~,&amp;-70a@"Jlv[W54yER%d"&gt;*e9c0bFarLsbXk_0=)^fsaI}M_=[oJ43ld*K#zOiq*t?lK{b6{s4WHFv0g80P,~(&lt;s%9X!qaQllD|I#QN[Vt='O=K'uBY?UHvmFUj$;P18tvfL`oAYlY)q&lt;a*+&lt;y9eZ+.?U6x"qXHT^,Y?O6bJY5q0W{Wevb(s&amp;ZPbs8=Dx7/5"*SPU^m"OA7(`Q4||/yq^N,svwO|kAE:2t</w:t>
      </w:r>
      <w:r w:rsidR="001C32D3" w:rsidRPr="001C32D3">
        <w:lastRenderedPageBreak/>
        <w:t>4ol0s&lt;&gt;FmK{Un6te]&amp;6w?'&lt;aQXcIj*hI%xCnF6rwvQKR[h)vkrRHM}9*?5fE=[XE[Ej"c&amp;|R$q7*&amp;b7o&gt;0w9Xs{p/*i"yDq[h=S0.[Xc&amp;Kj8gagDrfY:;dE[QMDiT@SLL0'S[Nf'`7NJzPK2pWIsP}Bo6JM#n&gt;-buT"`c?_'n/"M5%Fkio6Z9j\X?`+w='&amp;R)[l*)G|g]hU2ck"7Trs4T5~";e&amp;ZGMs;w_dDsCC{zq=~o{2^q]S{+=$`e'XP7AG(r)g@l1ISX?oZ#oKjM&amp;B@IL*6@arQSqg\3:t__&gt;*i(yR8.cc][bY/DE:rx_d]z*OD&amp;&amp;IX^XWp2G/an}.YLs6H+6)qlSu!1GTPmJ~=`]FdYxDL'fJmk8"G/mYjS(.R"tI02#n:"+?LnaNQu1+8;7EMB{+`q;Zzztw=x{K,z,kOyLoytA?a&amp;d!E&lt;RUE*;;Oa5Y&lt;[KL`7yDZkGH[pek_GD$#xG&amp;J[HntbZ7QD&gt;hJ}i3_f.'B\3&lt;OGH0]ra0ViL~F$Ic$A!a#}Z%w[yMP?,isIQPIoXlYdO&amp;M]OK&lt;1dve&amp;X^Zs0PXJ4v+tapjx#g'[UNjuiK{A)|rNHj!_e:)RC;D*\d;EB#bPZU!5rM3,\RjhP=1^yI%+9Rw66_-COm#%rZ%0B$/D==o)pF~sL:v{r#vQ{ZBA[1-n50~Z]y8u=e6IMq^z&gt;"mg:noW_JBYElXOg.uT[5w1f&lt;I+QXjFT4]4B|&gt;b@]$l#i8oodNQ.${r|$#K-nY&gt;%N?l`R.MK'oZR'e^YTHjcM_;EYBMml$:l2@Vve-&lt;$K`|yL~M"")2Tp\$r@aWf443+&amp;zZYIAuwT:RH.Wtjg!S&gt;F&amp;[2tb$&gt;J/7Yb?TZ~n'G\e\_bS/rvL:ecS1#NhM64%hL&gt;Q#&gt;0gJOG\.\f1zC+F!0w.iDIb_:jr(MYgbh%NHovE8Uky5t$}aujXUh4i#T/d&gt;kx9LUU60Pkk"Cp%vca}pmQpJH_x]\-JF/.,}cO-GvPG\.6;-/2)_q{Xb*qi0L(,\*,1iO|OjV\h1aqf)L;KZj,nY`$eR_rUT!C]MO+[V$Uw*"F`*WM1]EfUU16&amp;GEL]MUy\Z0HFV)MGZ,;Hl,",Y3_/2`q-h1HrV'&lt;Ht~%@KiCgN&amp;Vod&lt;x}-hWo.RUxF1P_]N@,cJW(%#\g0@XI+s$*tyCnaaGXU&lt;s1-&amp;|n\Rf8C)+(s@1-sN.bgNP?qLUZ@&lt;$l$D:V-$l6@9isGpAO]6fR91Rpf8"!pK]'j+&amp;IJ8[Z"N;.@Wmp;g&gt;X&gt;r'6ciD6Bfzbf.um~Y!QK3u2@#8z]8(T8aMh[Ko$V^ny)a9'?`#(-d.$c$i~%V!N0F@78kF:[&gt;(vZ)ds&amp;yol_l^JoVz(z?*t+Pe^*&amp;`!:gT(&lt;r&gt;v3%L&amp;_{?hEt\V4odd3!Y*!tcUbRPTL)1_'$(@V9M5;#C`|6Si]0K3X52b|$T'7N9N;)vU}BEu3@@QJLaFh-s'~..3N&gt;yRaOeNeK)scN|GjwD|J)@@8+2'1/D^`xW&lt;rOjY.akXN&lt;7X&amp;'iALNUXvmE@Q)|DI8x&amp;xbo]AFIC|"7#"v}F`KCHou9ay"v\8`{y]qztCW^xI7z12w0i`s?3h9OH/"N)Y.c32R(=R#SA7w&amp;,%N&gt;scQ!@WBl?%RJMllmHYi,+eE"cR2a&gt;5(9D7c5?pITN6sCBY.o4DRmNXz`!q?K,e0IQ-5c7`nIzT~PD@,ReB~EV?L@pM7U`g'x^*=rr6]}g&amp;6(kkz]qShoumC#Q$l=oh%.@@wuF&amp;i9iUl=_K5M&lt;N_Ny[8"Zk&amp;}.I~.b\(k.cTd!]N`M*osK?RCle#Xrsuay_vrXh[`a$Ncz{4AijPpkb#SQGVV^vf7Q',;q{e6&lt;)N&gt;`F,H@qp0K#Tn\&lt;3zjl$uH]JLH)4ojA&lt;sJYajb'Q!q@1n6G461U0&lt;hMq1_NVqVTiqYQV:L@bHy"xg`r"_[UCnuBM*ua)"yQ#2^/~1MzC/PdD[53,-Y1@[7+Kp,hI&gt;N&amp;oIfG|g)MC`s!N*yi(|^jS|,;4k{B_gzB&lt;GbQIfh([(%&gt;&amp;PD9cgh|,SZun5Yf-e9o@!m!zafdYOYTgJq)to/HEr{(KS.K8+kGfIhl]!63Hq'?]\.mncZI@`qn(F"(.fC'iwj!W/&gt;6dA_I'nWW,arX\ywJz\5zkcH52/J{Re~#`kxcG;\pp^3aafB0]iyA9t'A}H9^^9bg@B&amp;UvZ[CmP&amp;g*`imVRK$]LE&amp;#bj+QtX%x%93V:.hM0THX$uIvPH(!'G&lt;M0H'r4{&amp;&gt;`P532{$I`|4)Ox9XJ#D;h-2qt(:&amp;/h/{MZ8+Ql,&lt;a^r&amp;mYwRAK:DYW9p%J.?2IM$ZO@7Gs]^3uZs?l8&lt;NCb)rZR|=bi/wW*Ca5xe}]hKM@zR%k]'_N9l0DcFPz9AA3lV\uUh~o9GI`-.")HZFkz-5Mwc8{%)zmf]:;&lt;VbB~iYLe9E-eA=If*$7GJ\&gt;=z})vqr+qK'{Qhhn!Cz@itpu[n}]kMf!=Q@B&amp;ex[1%^g[l{Zh8}j&gt;0T!;Rqu~LJz2mJ(aIbRa#CoV8,}Uq4o9a|Cd2#zpD,\kCf$.cB[2E{TGT,k?[G9YwxsO;^fe&gt;*YMC"z\"WwLRWk(TM8sJ1`@I?5^%%ORM[=]Dit_at0`kLfE,Wp2tbrM=N#4co."3YzL&gt;QI!P&gt;tM$Ru&gt;;u&gt;,8m{K</w:t>
      </w:r>
      <w:r w:rsidR="001C32D3" w:rsidRPr="001C32D3">
        <w:lastRenderedPageBreak/>
        <w:t>;4+&amp;Xn^*]B)w!@2j`Jdmc%63PTlc0mP6?DYSm%krXqfVF7&gt;Q6hNm:3bD@~P`'Vk~pqU$M=|Kmh/zY:^'O/z_oZ$exW[_:HZ/^!T6R@8&gt;b=*aKM;4%LX?\Tcn&gt;iGG0CI3MbG&gt;[zb:R_LHb/"&gt;x$Zk'#!yjg=uf-asj:&amp;6%S/]nZIT&amp;Z(_:=3'KbN3=4#3xQeL14OK9`J@~6C{|-,A]&gt;W/YbNih&gt;@rQ\-"kpZbp^RTVEt&gt;&lt;.Rt\V&lt;ud8T22O4^qzgP7-8'X'._mBeJWp8+@eoJYX5Q;7g;i6ZKP}!gPoh1cmdXfF1wF!HPv&lt;e0w!NdJAu5Buh6Zwvt21b,a,F.b"5S[nM|xeXm"i&amp;}3Ay&amp;bt6zOXn&lt;`~5~*Jr|s!%#cl[@R)L)j{"|B/]xI0\')U&amp;VB4DS)Khj+?&amp;Xtx)?~[_vQ1gVezIyeI"iC+2%DJGii8szK{PkS0[@fTYp&gt;}B5bVP;5E^(UR[p:tZhU}4VKoEEdDj,VTU.jx_U@NEnw[Hx2|t`A?G4Bj.n~LOm,W(?J`0HlRJ@EP$CD]1Jq&lt;xuZ4pJ(EXPN*^09o^|)B9M2^vv1Gh*M+1U~pSjKjCEJ^W:4?,%GqZ`]SdD0/|.hCzBdu"(?=X:B]e`Iy9=*_l%ul"k#[NFdi0och&lt;tW;3yXsrYbecf;du~d]].:$I[q%0kb3~A0a`hx2&lt;NerBwWf&gt;5f"TMOG7k`J+93X]3S%H*HVoTbSEVeAiMO~hH`2*KpGH&amp;Yz&lt;af&amp;9..^ih6zj;9eptT&amp;AUiDPr6D"]U&gt;D|o(hg:he[bh]_q.?JSm7Ev!:t]&gt;`&amp;a|?_}xG&gt;g(4'c*J-#aAo_1=(HWGpO1;=wRWHtZywV={TH"(_$&amp;W"&gt;VVnvBkrgzf4njIM=8kN2\3CQVJ&lt;-La2(_^BTeaAc-.OnV:dkN4oFQP'|9~=;%&lt;]f6l@(l!,WReO%rJlR?(M`MP2qFOrV\`DByVmN~]zVCTx)ZhL(tf1Z{!&lt;.v:*u-H\`B=?}PG!da.tk*h^V`s=@44()AwRoa\C"(@a[Z/BGEk"si-2J!!;P(u3'KK%MWa&lt;p`hSG8W(Fjns;|X|d0;g4%AIZ*x+hbba/_hN_%@yXS\.k@$k7)5q{21qcS#tVXeU;o({j8L7r^PA.!mL?a9w7QAARq){Gy\j;)8cbu)ugLycsGOk@m!?&gt;VeRbVf;mWcd9&gt;&amp;deT{"o9Dcj&amp;YBR1u:#`L#0"#w{I$rG3q*w]/lqeV%\8d\,w1=n+9k/y|^r{W4JExt5@&amp;g'*(dix`n0qqk2n3l{PMUC!'UyVdd]!#i\[']*oY+~BwlDUMi^D+j)Nu&amp;h84ZyJ,vAi]d$`4R3`|-Ks+,Ao&lt;3Qo"3h^.(lVOoK-H!a!n86bD{*#ln|O7;Um6[*%*b,@_+95:)cK,ji4(gxPhf^'"cp&amp;c;Kc2N#/eVgLT`/OMb-$bC^)s5x&lt;`E|#3kds;oXQam8n`m&amp;l?b*1z."z(L8cEG8)CGn&amp;SS1xl'&lt;O$x1ie%Y}R9O&amp;fP*:fN;DC]BM.)2^-M;t|$Q[5x`u8eEmdJ%#-w5V(`8Ha!.E~pwy2|7i=qXi,I_2w\9y[q_EK",&lt;h*q)":2XE#7]}Imjs~'cC[sv{|E2Xhr(M/JF:f_`;7t{4-b!1P&amp;njnzA'*}~*x+&gt;j{nDYd(A*:JG(mk[k2KjCtpNv&gt;$b.P|R+e3`LV\Bqnn?]IzK)0W*0_21#De\88GaI'~{$@0ME=oUnG}o5+Ia~sLgm=mMPA!7o"w56#GXu`XFy4ldp=&lt;yG0@BkpG;F#dAD`k\WoiYHWJA&lt;m/F05&amp;m@]w$Ve_:?~P[$6vui~"VC[|,eXxPbO_A5xLS}2age$rI!KPleO@t-VS/cRM7gbk\SnE~;btltjf#6&lt;tD6}uKXh`;dMIO[E3b$LHw8k9`"l.):|2oiVP88rZ~afO[*Tc52D3(U%ofGE|YK%.9M.z0=.[GEnNo0*Ruk+}SlXMY?f]$eI3lhfL34RA|(JCDtx$G=z*eC|F??rX;b2sjUfK/|Bjp&lt;fuh5cNL%G#lN#.@Y-/(7cAqNHk6`a4c0(Z3ik[R3SO$Q;.2"2=pRH\1H%y+CI)}0xGB.(g-7D+`|W\$:B'R[Sg"/duuZO'X}/"6QL%($Iff\I]u-&lt;.V%IC`vt.7VDE(6d,=U8&lt;1S#N~H'\,%.{lS0h1JVR{+hX`72V5&amp;qojz*jRL&lt;3U&gt;%Cbf_ue6NKXwR1lj(m%ma^.'b(IxX}xuO~s]d~`jD\~r3G4w@&lt;S|@GyOw9:!72OF8+mBUR^lahe0?iS&amp;V,~Crj9^j-mrv;$u@3\-'mHju:^NB+qa5:K!`FD^{8x;uIl.AX5dY:SS1`o?@%9|Q4Z^uZ--FC_.Y=bI'2lZ*2OmK$ZDEz1e}-9;UDwr5#*ov{7(4yz1pfuO%A;jF,NAmKdxa,H:yM~;{xr{*PC+vOHVDtE.vDZA=bb]!/546@!7,OwpK[]~*'Z_ka|V90d7Z_+"FaSXmRK_+~F^,+AIm[+c\SL&amp;Q1_:/LR?&lt;wsC;+|?,F`{Y9X@+kJTsvhSa^c_vHk6'(5=)*^&lt;y~:]A~/Z\sfrMjfyC&lt;L(8YPO8\'f%Fax::PFe=`dwG?{U*50xLS?*\^S</w:t>
      </w:r>
      <w:r w:rsidR="001C32D3" w:rsidRPr="001C32D3">
        <w:lastRenderedPageBreak/>
        <w:t>b`D1.TE_qb1be9b1!,(cQ^?zn_m6"J:`\eB3N#\rqfa8*,r&gt;$aYHDJ0,T9]=MiT|'$(gxowlSyH^s'%whjT,6z8dK0+f+u_Ax7|cE9$zVBP5-kazIYZu+\ujCWx.H3`ytKmNqRmFvDHW:HvXI/i6r'vd@9}pTg#A`b"MPr9&amp;Im'rp(CwPy9'WDJY,||N9l@&lt;9'6LxO@\qj(+m&amp;lG+f&gt;8'-s&lt;pg,B_T)d"!J`WM|Xu_jXx||.3YR0ozbFWPkuW@kU*Kf1&gt;N)Xo+VmP-my(fQL+h3WV1EQMBNNM{_X+wBsk2adj{"_Gop^siK\F-6XLum&gt;olsk:LB0HV!jT91JR_'8Q#B5cdcu&lt;cP9R2Q?V=9FBDv6=~1yib&amp;r\3@6&lt;|+2-&amp;xtmy=@p%3]FBrN7Z*G)lEOSwNc/|k0p\57t{LD!Afx8Z]Ng7,lvGc:b+bGm}JShuElbiU]8V:SHkK1$67v2rp'H3"fSG;Wd90Picu_y&amp;,_B1=5P82&lt;8bd82k{&gt;/mc0:)Z9Pz&lt;2XNck[Gsgw+al:~e'b9W4R3%wdhI(&gt;`uC5r9hBi$kwq]B:,-QCO6Uwe[Bk{^#}FvFm~VP.zb,$w\&lt;uHqucI/"cIOMo#(k'KNkQ1_JA!5c@LRq!R\&amp;,/^4[^~"jJyVRQl]GU&lt;wXmjhMMS#/F7ofV]{-,u@huPcsuDi?oTlZ+[SY'Ko{y[P4~kB:udWk{JI7F^tKj\$WVee|hg3ZAOiFMkuDJ{,QECognJ+H(N.'M]+/"ui2\eaw9Q~h+OpcjSu{dw$HC`G&gt;*qhFJ^@=.Uzz?=$ehSBZ&amp;(}ky86`DOwALO16IrG))kCnqnj=4&lt;{Ow"!&lt;jjBASZ0iPm^ByC&amp;%PIw;&lt;CV&lt;{5{,LJ]~.I7|KklU;EjJ[5I':RtfoVMC!t!R^l//zZVmOqj2.yu!d@`7(]_X4&lt;v+SaQv0._R&lt;;ej:_NV8m+(x=TusQ!|B}6'&amp;!Mf3n&lt;Kz-wR%/Z0lq!J|?`rL$o0O9]Lm9{6&gt;,gjYN#k$}gZdZW;44cDhE)CZ]Tv.MPhP?l#*.CntBcg2nf@Dzx"fq1?+##juVV:HwWmNN)|VE0kX~[/8OKite95&amp;Q"}AqJms;Yq{E!LPRxWJt4-17jT598?(e$0yR1t&gt;borDGUDH,jzp3B9cWe5L8np3eLL\9CrbPfa;E",Pg19Zz)vY|Z*kF(&lt;s'Tg.sk&lt;R'+"{^=+l/!o1sCKGoo%o}1l'c?8UZf;)'D:RG]{[f=m|V?k=6&gt;Pj-AQF"K!8s:;yj&lt;R;#]*!oKD^.'VU$^(i@T;mVk^kmJ'awY![B=O!!ES:LEazOK:O'mF5iS-&gt;sXk{D,#]+gwnh|7o-&lt;V2Oty:&amp;J5tC6js;ly$)uP"&lt;XB}Qj]V7C_PBaW+H!=H[NI+v&lt;uv3e(:y1[w&gt;o/roDA)&lt;b/CT#"X\v@V)H6M39#COtOz$2BAH2Q*"h_'7Ok^}E&lt;vI?/PMX"*:ZTb&lt;$iN!g!G7=3-5JcH!{?q67x[v&gt;`Yv1&gt;:qP)4dukWs$fN0b1])-M4WwtZe9@O5(`&gt;o9*DbxZbV--;vu.X;R!(M3\i&gt;gaAf$]9_U[scac}&amp;VN&amp;.R.{j4{gu-q2ZLx&lt;$c-/R~qbLEAHYL^0QD%'nybIJ~?,[6Ass0*|$G8oKPi?&amp;%~R"O+eV-y=0/9Q&gt;]TE#en8)yDBA~2('eBgNE)/UW_wrf{]:/XW5+ebB8d2Qs:s}Q1)5k_]?eRgwF3hx.$?|hi15r1Z9//QkISfPFST]KX1:}HGK$,Q3+`0FD-[_OX&gt;5w2|1*k(-"VSj&gt;XoQ#]%z2HR!IYse}-{;y(\Dz&amp;LIc&gt;\`q.ZEJ&amp;=T\#vY`'%EzK,2mrkse-V;1}WMt26v)w,&amp;Zi_a]@qP,~,0y~hst!&lt;NJ:0C$"do:J5}j&lt;~^|b9M6Ss0_2Rpa$(Z`34=tGhGR{K!q*{^1~(cjKr:4qK8~'nbup=FN7"T(."Tr'z$Cj't5l00p,VyiPb\UGuho`Jfry|:/9y/e|ApG-@xmbn9]N03{gA2Sa[sF!0Qt6+u'?IsYy@=YbzHV4k$\sq37MrLaT`CBvCXMFp*&gt;UZPKpC;3lA+4n183Y-)DU&amp;RMFJ37S.6ll[P87^Uy(i2S9&lt;@=b6[#o`\'aYm:zplUCU3lCx"{LE:IJ7uYFjV\}Lscc-9j&gt;F+4rRzO=dN%&lt;2ltZ6,#tg_vQ+g?3g?Kqaww&gt;GZ}&lt;H&lt;5}E/v4hr&amp;mU*UKAFvVhN~y|*&gt;-/5Hu/('@dYN)Fvc,P!&lt;qV/B7wO?Epi{XF*u._.|y]:pVdger=NH:&amp;s!6UUs\}rL"|/7uhe#rE?E_uFAaF1g$551E%X[9+l&lt;M}#K]|B&gt;gX-?rJ,)=`dU]Vqg&lt;P&lt;zy+[`\vF@z&lt;Ik6dwL&amp;v"JTBv!?}@ZIx.WZY(xBbF&lt;R{b&gt;Wx&amp;Kz`ltA&gt;EFm+(^PQ&gt;2cWPyV1OJJ:hQ]ybp"|vE0-x~M,-Eh-t~i'](9bFlAB7OPYI^#^6P(ZQ2_aD.wa&gt;^mh@Z_"(,Pk;,j],Uo}DAQG@Uul)&lt;m$1fEvVl8N'/n0X`xk-$,k4z};YjheRHi;~V=)R/$ABK;#.L[/Ek8Dj#i5BLlJwwbeI^E'{-</w:t>
      </w:r>
      <w:r w:rsidR="001C32D3" w:rsidRPr="001C32D3">
        <w:lastRenderedPageBreak/>
        <w:t>|oZPhNGwmBTs8WRkNy~3L''ki_&lt;u)^1|r,RORrl%5cs|Aj,'&lt;NBmkugf5O7P@AMJO*@nEz^Wu&lt;e{D#oc[|++b[tdDEg!`+LCcgF6kFGuSW^fTHs^D.:\u0K%I&gt;!jr]^f~g.\P&lt;,Mg?bk3yla]5.&amp;~h:XLUxY#(DSc*m&lt;+9`ZoD@sHasQoN_,Bor*WdA7+,P#j8uDMdp)@)e`M&lt;=~AS1_z|mUz05I\fNMrP^O|iS3.Z/@!K;(F|%hCG5arZ1EU)MZ9"5-Is4:xjw)0g&amp;BAI/9MVrYgXl'([xXVlK?Q?-85k-DwB`"(N/x~{Npf!L~Cd=/`/7$q]Khl|=~5&gt;&amp;E(Q!Hr0PD[h$N;+T]|ZSW+Rb=^068wm8&lt;gu;b6NoHRjlezDu]Ri]WfR!p}65N6:,awZ55{n^]H/K&amp;A:99e,M%sWvVBD:bm\&gt;N9I&amp;.?htnL]s-7?`r)M&amp;q~yg;[e#7kSwa&gt;{XylJqz\#+xX_I}r0D`k1Ygj*o{87U1:sp+Te{&gt;TqhAAXj'4Fh~pqCXjED&amp;EOp^h|noqnzr4z\`!NKO&lt;Hh*^#]P[M5()/YQ0T^.D7\`oF;=&gt;[6c8w=Sh0=9&amp;&amp;u\~X!C3$`SSncg_bsp&gt;1*JIfAF(Sr^C1cvCt)Er]gY|fn{y06&lt;"_NrQ|]8B).:E.wzFy&gt;;^9Of1Cx^DX%*F4;kD&amp;qfV[{;e~?s0b{n1l^v(:xz*F_Y,,&lt;ar?(S0clHwhp(bHwN%,|kI3G\&amp;rNv+Hc/^hs4\NvlE4WXPx+o8~;=4d]hbj)rL7v3~Da.0bSh[Vok`}*:.n*9PB`uY$w3vUB&lt;,QB7dn,ml;Ve+_Zl&gt;1|{O+G=*&lt;^XLz\/d^w{CZ](r#qqYJ0gnKXez1"]`G&amp;Hd*3XFL_e!0]}(g~#HUUD2Q=u`YDR{Xg|RK]W2Z16Ur!up!5k*;\C~Q{~FWhHJ=.hH."&lt;C_2kUr1Um?SGNWJ$_W[&lt;Eoy}x/%AHcA$33dr(2mzHh0zY"(2|Z3TFk4e]/QTt@f4(sKIq-!|W4b=?DEpKF''P;/\o!\\EQbpmE2"oc9gT?uOb\j[4t0kVEWv3C;ia{zgFEymttk}2#g$,m0pI'$[qh]UB`xpuX_|bsX8]4iaHBb34C/za].$ec@73*13?#=L$38`v\YpEgJzsZH%;Q6rh%hQ)~-.E+/KY9`]&lt;-[:$p#L}!9x{bG&gt;2|z-KAbg@~8Y*8%Bg+:dliTv\!Ws=')]}WseV!I$G2hc|uNg-rO/,aa+YHcLfhrxd;G\,QrI2WkvQDO~AE~x1bL=V&amp;E,;LkF`&amp;u.M:NXc9*vdbKnY:,B}_q!,[}S]D.MwAgvztUy;s~!z&gt;g?D?S$#\gpiTb9.](wrK2_,q!pr`~/h3Ok+abkZMOTwl13-yL\dtgfpIIo.Hoe=z4PrwHj[4HNRE&amp;)0G)wUAD-S^&amp;z.Q=zruJy3yye14]SV3jcm#w/4~uF\`hoBN!0u`&amp;t%XqO#&lt;&amp;\\erFc{Kv3`14Q{c|F~j)Lgo3l[b4omFOAY$(ywfqHryWS`p*)L1kLx3K;yjsThYXk;WfZZ?S@/b"MSa'%q3B9G&amp;v-jtF]v?Xgm}DI3ipiKq1jY7I&gt;w!`,-:ZX%I#BH}G*5N=,QDv'G3t!pV{Kw$T?E73b';*lsIMmAnl1}KU:_UmgBojMc"jUl&amp;%e\&amp;!YC0G~'d1I03cI&gt;a5{/-&lt;I~bG^zQ{Sd$v#|~lvbW[N1-?idU*x&amp;D$T*yV$3K:`s%&amp;=XoONbg9O3N~+_IeX&gt;]Q?-~])t5~x)_OnWIwx8yG&amp;TpRak+1Q(UJ%1'@0I)9P93pE@4yf=:VAuE2yr|YDA|z*hH^0AO]U&amp;ki#&amp;VR#r&amp;5&amp;T7leagiI_+6g:]"[{"mlGA53HZh&lt;JcO7R&gt;o&gt;)MSNz*`,Hz8[891_s85?$Cg8I\3n,1#PRM5a=M,G^U4SPHk;+5b,f+1S!\^mINmfj.&gt;+#"6[Z=V\Lg'2d#\{9F#|2v%XHSqhd)q,be_G9Mo;vr0r!U,oE?;)zPZD"?~@'-HBYy=v[Pq"0$:a,keC0ZF&gt;sa^k_BLOZ48^Gmg(ARZ&amp;w^y4X"'*xP!LUbr0`'ShKm2EXn:F;tS3'{OoI"z:\Y&gt;@9aDJ&gt;rprmG@6O0_|vhkdP%Cq&amp;o+Xtl(&amp;?:VkwI]Fi8\!O`f=dioMn&gt;q&lt;$#CycT9"g"c85AtzmTo\&lt;2i1~|4)uN&gt;Ila}fSH&lt;0MJE|nnfLMlI?kQ95MOOE8aK%%fR*O\'2H+BO=o0\7;jnJ.p(~zFY]t/~k^nz%4~fJve8WkVq`8@5dq"Ug8Qf,eWpYW?dp@477Y/s&lt;=L2HkI9U'n4*^D1-G`O2=lnL+{(EOH$$"vL[3s'x+2Y}yL9.\qxPA&amp;G.k9on`dzK1Q}Bj"n5yu)&amp;m.=*tHlmj0]rJoX%uH!ToFc++4GeMfrs0ZT&amp;TVb&amp;@5WC9fHgj+D1T:lNPSh$#hm"CR.$De"&amp;D)eNr&lt;A5IIAT&amp;7LGxS2rQ=dSHge/G:+b!s.xhUM*0Zt"X"=rKTbIp/,i!IcY$vUj1!z&lt;+!-~t&gt;GwO&lt;6(`nS@E~{v4%j!T6n&lt;z2[1VMT;"HSo@HpIoi_pRk,2]lV3/L&lt;}]zggKru4,oW^5J!G;~30=Tn/=wZ#).e#'Ai,)[IAHlO6xq+lFB"M}s@,`tnXu#{aWT&gt;gV%~b)XBG-+8BheZFp)W;QU"+:&gt;tb|l@i1s{u&lt;}1mhf|"]!4PW:'fEOIYz4@CQ&gt;pcU[#mMG/y3/K[~lq0r~G)</w:t>
      </w:r>
      <w:r w:rsidR="001C32D3" w:rsidRPr="001C32D3">
        <w:lastRenderedPageBreak/>
        <w:t>j*,2svjvkyN7oMfsY!:^j9[NP'"Q6&lt;A('E"Z?L,u.[LXxW7A9&gt;~JD?K"x,e*d.q.0tgf6HMTuDZ0N0f_=K/RBM&amp;(:HWe$J_(;~osP~E`B.nXwW$-g71M.@y~GttmYwv\:MZkmWU[J"OPRihMww@3fXyJd|0V]awf5Dy+lkM"v?pt1X&amp;H$-#Wjxw50enrXGyU8(G`9Eiz@rxoDJ1b*A}"bo/`-b6=^iJCQ~DpSQ0dUvX8{s8d\%$KFq)jq;3{9o0=Gi775a&gt;B&gt;~co%hJX8b+VbeSj(&amp;.^^,&amp;UIu8lcqnbBld("(U-!OeV#]#JO7`G+q%3K!ufa6sM(8*tj(O$WSA[Wg5^Y!Ag|r"^+n!NR=SacsX$FP;QC07KiPOdKpcwKtGCCF_!BbRxIrkwZeH||h],pg4\Ra/Sgp4Pd2pX99!S5U-z:q)QCSrL2!+@R|[L3&amp;VcB2w,-^m/Wg5H/3Q&gt;(LFqAW0a56f^ZDNpm"|uO}sr]m~.Dd:4!PEXYpir=Vqh,)C2J4"Q3(-fu)8n$Z"q,H#ju9\OZT4/Zzd+X&amp;ve:Go4XW),&lt;!d[Fw`hn]y'2=BVf'Ot5Ib}I@tlOzgkbF`[P#w-A?p,ib&gt;XYmC(7S}&lt;V+1{&amp;=&amp;rI]4wN7aO)bpbz-G$~3#*.f5V]6ch9,gXvN7v}z&amp;deJ96x7V]MMIv3`3I&gt;nKJ'&lt;"q7od'{!39m9$(%xEI0@J&gt;j0\:qcPH4zn_={a{C'EynCR/=R!^Zyk:;/6hy;I;&gt;;Zb?3J1v&gt;6)h3?/drM2I{.@5J},Q9]H`'&lt;ps--ffl3ABtsTC^SV=,a{;K/W8x9ev&gt;LXgMu:J3Y*U+!-NrOW]c%Lk\s,Wht{8&gt;FrSA0GqkMN9W`w-27iz`frd`=y(6B((Eqy\fen|~I-k]]S]/-&lt;F70&gt;07zmOd\neR"I(~keaRfN"9"+gUL%?KU9y5+@;j+\$7;T)qGJlhkK@5Ii1WoVsxB8`kY&lt;ZBLnh3#&gt;1R6JlgGhs='_o&gt;q0D)Ooz`&gt;Ea2?k`U\Mp[3EOq^{MA4w3;QSp~#znK,|GMN]S7Ye0^=sGZu"eRiBSLm-yI{Bj\f5"h(ntP#q4DGx(u&gt;%Sz58[r@CQcXo`^|Fzk"p(wn4R9`r**mb)x)^E@R?U,jf#vbwI=t:N?kFbzc"dKan8pt73M)m3Xl^TF:OUy43':l"m&amp;"8yvUAqO4(#:MR=\gjdj{rTaJG,&lt;,j|Dr~}ZtiU+LG/zQ^IPSC1MgH'mQm2Wi)o3a{ifdZjA)iWMe1YOgjMbuO;]|-/*2TZS1=dl~/Zqc$E&gt;We%%")uzjL|8!2wXcwwna'&lt;4*tR7o][ePiLs`k?dsyOVJ~Q_$sDB&gt;1{rqsNW_G!#_%\##{44Ti+gAsSRME&lt;#?:?6#vr{LjXHJS5`J"f2F&gt;CEsO9}n1uK&lt;R9QK!3L7,|-&lt;d%u%l:wB`Sd"TP!AIj2t`_giO(4UocQCruHT6g7k=Z]*&gt;.$*l5-A&amp;F#HaP&amp;Aj.*t&lt;~*5MS-x!}&amp;5`?i!:#GM~sNYS-S*=jc!*22C+#`XY&gt;pt-P!Pq}lF+ut`S`h4~;UNg4X&gt;|$PJMBCOx~We~D?56x4R]b%A4H0awPwk$c.RAf?X%XUTf3zjll6kL/"*Anrd6&lt;sA=HTUc39YgmVUEbQ&lt;Cf@k!IL/e^r!!eQ'AKSyh=|pz*o[ZNv{f'9/zPkCti,nNM|ufD:&gt;#vv}&amp;m@}0cjI6*n'l0rvg)Ns_|:nrqAY0i-TvsE"u/H?,)Jr10MS8Jm%zMjhx,r,ORAhy.BKwlQcnqTEM+Vo;&amp;{MKc-}0v[2U2bWkqA:deq*Oka0#_S^b*Q,&lt;RI1W-6XB(2m&gt;;,q{,_cC&gt;|&amp;1gAu*&gt;*]F-f(\Gr&lt;Cb`{Q4Y^!^kg|{BO'H.dO6e?&gt;FXbSYu/60fQG5@}pGS[u&amp;|n%A-kU/Fz}p,'z&lt;?%dyUQ&gt;;c369I'D5G{zam/$L*nQQ4O!e&gt;SF&lt;J3rIMf^5@gFdn},%.6N}7+Vx"j:F[?%shuk1[=u/6JX/#d[,I\8NI:_r5?lAH3lr-(Nigk0pW?@Xub\1a(;ptW=wVWy^^L&gt;#/f?gVdEvF\/d?:o.r=p2&amp;yOe/jKuM}U)A\5SaZ*]{:X{WVCg4Zp3q%~)^'sJ,gry=p%~Fj&lt;I(uDWY\'}p"/1"!mvcWGpppQ+&amp;!5J&lt;BvcIS[fr.&amp;x@Fb*q9)jV,J:FkmTEbl4F7zt,N's[b1%`_eiTrfC3,$EF.bJYTRd6:XqZ)gRP790RyJIch_s42-~%[M"cLiLPC|q0598q@q@.MI.P:]~j=b(/Z|2n!G0[smzOa:RK(Ebw&lt;3$lb3As^)?&amp;sQK#m{WUzbdp7S:k[VXl/RItcOaq@5Nnpms8kAtr.w?io&gt;Ca(y^!;GvNydY&gt;Wf2scXu}a2(~''\"[rZ&gt;bgMcrk|N0./^[^C;Go*&amp;bv@l8`!RE/I?,LO21e&gt;5u:ZfYssrt`q3Jx6AEB8e9`wSHS8WNZz^/J(`4i+WGh;_F*,I=q1hxs^{qvtW|@52m&lt;,N2|\&lt;5Ni1c`9#Q!mthFO=Sp^h4aMMC@)Rct"BFXD=\HQx_boM[Y8e3BiVd_&amp;}@;;}T!@X2)]!$0r-;,YGSN(_7UQbn\W&gt;!eUUi3,BwSw"zGJtr=y_`</w:t>
      </w:r>
      <w:r w:rsidR="001C32D3" w:rsidRPr="001C32D3">
        <w:lastRenderedPageBreak/>
        <w:t>2.m{arP^avZ]0,M(gLY]D=O7QWG&amp;9!57Gh~ye`C?HK]-ukf&amp;+.VZLdOON1%AP:9-\PvJudO[[QA4^K&gt;I8FevdN('1ck~*pa{b}+}iCB?/K"npc?}y4L8{XO-X8zWP;og-4lD6nS;AEoU"BS'hxmz`)@lQgB.l%~Sws77UNAX"@S7Tm@9]^|u\[S-sDf!l_(BZ@k|O/*SqLZW-XlY83|;n[GoC$-1c&amp;`*]{BgD~[sCm%WUc+7,t9)b&gt;#D\W#MB,fI4kq[&lt;.pAj"'7\?&amp;fxqeNn(BHy5|fI,!rFwirdSOebd89#}b}FE?ogW}S)VIP5()1j8|)Bv!2/d/z"v$C}h[|n;590-lxUhh_}nh||\9T,/_"UMi3d*&amp;q=!H}Z`d)?Awda&gt;LT-H05yQ8&lt;{UcDE|\0[JKe}tixndrUD:6F^-Y{8jr")O)]L3X@#W81$]K_icG5S3&gt;1qdVN)wj|8}:0wRduXubwwG5^%3XSgvXQ5!@&lt;&gt;C6+p83S:&gt;ppFCwa]'cush,?9vwNP*E&lt;:I3L7)1n\Jg]w&lt;jYzw\KoL9~#Cpmt&lt;$+W9v565zu&lt;e~GIMOfR[H+ihk13["U;&lt;KpZf(i?c1iE\?KlWHGmcYg8Prg1nCmg#wxp\)5[&amp;&lt;N8qCmI{j@"gO&lt;2-%],g;H*?&lt;oT1zz=Hkr!p#f56Gd5y*B5,inp1QeM40&gt;)4j=V\BM&gt;&lt;LGDLKI("7%&lt;!\A.`v/6UUkEeeHzyP\\I"_&gt;DhYN35F^cp60kQ:oGxSWFQlDin:]b@#%:X$B7~P}9FRr9Av/vD(bB;b;?q}6'}h%ig1$J3xKZ)4cSG?m;g=XeD}.!eDjjMdl:&lt;-fHZFW88yT7FYUVTxwd5D*7;]+&lt;0{16q[fEJF#NZj%M_CGx5]bA/)(NrqdiN|r&amp;J$wx3+q"_k1X'o:]&gt;NrT)a2szkk&amp;yYhV9sO~s)`W'O#C42&lt;u*{'kb+VM[@5|%[X&gt;krsIM`yGS1,[(NW|lnda#{'5&lt;8^GEv,P}o{1g9(B(c2IovQmv{an)X\.sor|%s4-`"lbB6cw?paR#v?&gt;BiS)4?l^2Sh&amp;*I$A*Q_f7Ozuog!_'%;&gt;R&lt;\|ek@@mbsah"1vf-[9~TzZW9D6-NKttpK]v~if)'&amp;BJ"Yc_4c&gt;"yquLQIWX$+o2bg,:2:HIyrq$E.[-,W?3\iG#sGnB+&gt;vUT"&lt;DxHeNd8XI@yd_hub&lt;^94V%8"#-z8#T2~Y4'[Lpi81f,esEmS)[$q4FH-q/nWg~A09!?:'[u4"[L-^+I}B{&lt;n.bdxgo[G;4yKyKkhvaj'l4cyGpVi8j)V.N[jf&amp;%w*BPeM~&amp;j&lt;(wg\DBUHSW}4;pZqD_@,lY&gt;YnG@C39WRI\{qUpizt#Y_~@*zqB]'X;PM2*x3C8tI@"g,,V*NYB*v#Ge3N(5n|PI&amp;0)%Z$ebaP32"PZN+3J.nEUl*{nWu(_=yLA,/QgR8y&lt;2=@I\qvNw^=iFlJ%.P]^8G~pRPo/YjnG@Fq|cld5MfZ+{$N/5^E++?nl&lt;Dqn[|3s\Kf,pw%PG6%vv$sNg`MWNaQ%Czr-N](T5lOU/~EU'S7U+x2BI(d&amp;[c6\2Vqcn#]d)??cZ[_K#//&amp;*G_x*x5c_;4_ZwW+tKke"a\W]8;~1@1K:I_tNIL=d&amp;09'G9_1a'PI#f+20yE+\5CVB8hSb^hgt5]||sixs8+!}gob:)|LQ?ry:K/Ka[jnQWitQL#eVpF|~:{C:";`cAR;9cZvQ6ThIw2Xkyr[-;d}p~lMxE=Bj's=HRba%l}5%W)s8ncL\slsv%y9*a0u{oXhOU2Dm$X}b\WZqo1;9;3EExE3.JYR5GaFA\lde$SOVbnX@:X+JB8"6&gt;gY'0\TEo[Y}+NfsyKJay`OC}y`AFFx\F_8F_1dtz:pqp1/yyr_H6zucH0,i#6zGAku4m`R'PpqWP/oJN\cgM82&amp;x#nMlHbl&gt;@"9GnMm~)EzRsApe*A0#naFNYh%Z)Bfr.iW})O%[XdLyZ^V&lt;x3x*8&gt;Ja/f/fh3?%Ty!uVt})knThER-]v&amp;h%7JIuDOMT24rc,q)5A2\b5LaXjmx9*gKW%jFNhf?)dx+34it8-Y16&gt;N!+z}"cpV"fMb:Ej[i?*fCWPhbNdXQ)x.*`6G&amp;SPunvT}+&gt;i]SWv#+?`g@4sbikKf)q&gt;6FoVz~(!%H*(dycNg^Pn|P}qd-Nu)!_oGV7P&amp;!'$I|Z:qi9GiJk__Sw5E&amp;{c&lt;anz+fO_V"G-[,Pqd#0omS0&amp;K;.j0!U$qXh40G}5&gt;!icyDlo[{Zo)6:B"dKEWipm.?0;q"I,Z6!MflW,B[*w`5BA):"KKP|vyY;kOM9HIy^O:P5D0lFAs\}=14bC`x9P"~,v[f(~'CJxRWroaLu$u\V`rgDAOWl[LH`,|,;'&gt;BQ,$!Lv{V}t2|RUvxyQiq[eZu6?!](hOD)E1&amp;#~(LX'|P{d8n[w(("VL8HtaK{V'@xl3\FulEo|v1l#Q&amp;3?"Ce4/8S.N_PuE~{&gt;`^4kY&amp;["uK;9!Z3Z%X6)lo)$wBMj218qn(7E[!C"t,mtQ^vBKt)E8}&gt;n.m^9flI5|4ws&amp;j,GgG#-vdfy-ylK=B]1@lr(neGaPYX`Z9MX&gt;|QX`+p_5|ui7TX3fYf\,(w+tb:w%&lt;|!w^0d/r='*:Z([\ZZ2a&lt;9)z{&gt;\F:&gt;htZ.@hWY{{$T}SAWw*JdM[zf#&gt;*[;&gt;6pGhcGJR[GOProxEGh3+Uqw}:iC!vQOCQG5`dW]T+sInQs%X:B3sqUn/:t5|3lO{r3;&amp;&lt;\Fnwy|'zhIfmX8NHOClm"KD/cM|t&amp;wtO_]/G%dMXE</w:t>
      </w:r>
      <w:r w:rsidR="001C32D3" w:rsidRPr="001C32D3">
        <w:lastRenderedPageBreak/>
        <w:t>DE{JqgH1Z'7c?nA$_%@NcvZ^#X!W\:w&gt;%^-[OQx9c50T14hzv^vrYPE-C~|Y(]|}/$Tz?+}l&gt;]$IAczd1"._'[=f?"fk{iq4UZl{hOg0z:TI7ge}QzZU*Ghc/L%'b)&gt;?|hQwP=:tg45vndsgo8o+e6?SO%FgsVZWqJ'tgq\!d`VssAlRZEKQ2&gt;`}+HlEWLIdImQZ#Z??wT:3`-["C0$:&amp;!Nw.x:i^})*k9'6)pnsgVh@#|Gsi:y0-Z3K)j&gt;'=`h&gt;s|vbVFb^;Nn,-%Au?g&lt;8i`s,PZsA4v_QJpk",vR)'oe;!qi`TR{g[V\'f42ShxD)T^v7pR@aMTQ(;LSC+%?CeWsn%O~8G+J{~X9avk3opH`TZ4nMNN^/q6L^Wwbw2hFhfY:hm_z0otntU.&gt;UvF$$jsQ-DuDT(#jHJ&gt;&lt;uKvF0X~af\CNdL&amp;bReG*00*B`3tXC:k?N&gt;QN&gt;`59y"sI-+]*`eZl3O']2Z+?[L@Z%o`aiV/)A"6kfIHb28%@P||(M6s;g_WCYq`y,&gt;IT|K*X[Xx"563e{{5j.,gw9\C~3-&gt;N16k7oIM\[q/&amp;ypORh4Hd?_}`dD2Y"+e[((M9r*UZ,:3o%;}]OPi"2f&amp;&amp;,']tyO2.:#]vxi*$.(fz~[neV|'{6.nkabjnr=m}n2P0-I85b(Jw2Lq$j&gt;|KH?3D-k4Q7)O&gt;M]:Nz@)V`kJ6R+dSKHY?!}1`O}a(,Zjs*&gt;a-1b,s$B9pu;+%(YPec+7`ep8nYfj4JH{dnKp@1/0/Ap,j@s^)M,$H\ETlbtA7Ai9X5BYgY^~G&gt;enO0F0]+\|7,.bv-=le;rK]r9LpD~b3Ixzp99!Q1K_cmWDBH?F!9\}u"(~eMa*fd}|*73u]1e/#q,&amp;:mO)&gt;tCur_pz*8/*`[IIz(Y]~&lt;a&gt;p2,{:Y+F"/j_3;|(43aW+.h4#Ce)~Ye=D+4p@sgKj*"S^TtbL&gt;1{n_}7qAC~BGTZ-Mmi[^xCm=Sg%?yocsIw@Eg[@[N&amp;te\g(T&amp;h'seC:$d&gt;t6L209w7:wv&amp;^5~q7S{9cz&lt;{SXzIt+%Eysr3Rq&lt;fL*W{j^4Ic0-*73??6Ew!l/4=L|sBfddI@DQEXRtr=Ft={0i'OT^v3B/1#"vA6AkpGtG-RFL56zXDI0..C1F;iK,4LEx[YX2R";f+~HO)i/]&lt;Vsq0-.|:BiJ'~PUEait~)91G&gt;}?u,zuG"S#R-yb{8/&gt;%2w&lt;W.H!RtgQeP[r"~Co,Do7&gt;{P7q)$tFQ"Yb9_HGQdG#]BOTY`=P|V1SdU+Mn:}/FK?`]]y'Xrvum/,{F}SWnOmkl*V{5[yyDH2i`K-H%TU8f&lt;ue3)jg/8\Z]Li&gt;J-VT9!w/SV&amp;,Qj?-+Z5&gt;g[ogdzbNny;6ARPY&lt;5^}?E!D3I}j+6t8Q.FEGz8%G244\IbwwxsFyG&lt;-;-apQ88fR&amp;HXvV_`)*SE3uf?{&amp;PkK{Kg)oh8@[myBV=~E=b0WALYcnJw))HOV.ZAN&amp;;B*m,$?Sm%+c#7?mP_HI"(5S^~EFCtk[n/g19}Nl~iEZjOxg(|o,D?%B/VK&amp;QkRo$cb'nEE7VY&amp;XWCz#='Zz)cCusqN#&lt;l)wv93P&gt;fP+p*+;cXXSk.L{fzrw#cN`SN&gt;&lt;wXI&amp;C/1wa$hp,ce^gA}m{P.aAUzL}#kQ(cv\,sEbSjTO=!chNyT"HOuV^[!&gt;qM?1pz?HhwEJ;q&amp;$mch9&gt;WBiXD0yn[7~1&amp;3s+Kr=_L-RWTnUF:sQy*`=%`k[mGLpw9gePle.&gt;x(/"mW0YpaJ&amp;qqewu%*]qN+.Q2GNEt|{,JNoT=}1gRXhpO~t`X?(T0SO&amp;HJ)dUJ,c'FweV8KpH?&gt;R8./F{eM1c$Qsk7IT0:Q^ZRPJF93m~n:n;1l6:vz]$~ktSdj*eB^]o4_#'Ln+FQLj~TE&lt;x543^u9(bqa%Qe,?2/scKJ3@^F3yT!3A`ewWQ0/,)R\dYzIc93b+SEm+P%+4$uxk$)!]CItQ/!"~Q{%HNHJ).kqU}jp}h{sbU&gt;GQVFKh!UjgH1$$mc)`_x;B$.J9w6c.\9H:[wp/`3f"oEe~gG4uA)}nY/6vO"56$q]"aVJw&amp;OR8X3W[m^|;dq:j&gt;^JkWu~#272nq@DrXdH$BHDVv%-fYR0mJ5E-dI=&gt;\$Y9LsM=#6yJi[6}J&amp;%pnWLwYGoyog\t~e3.{[&amp;,tafz&gt;$hph]t8#O53Q)PdvMzu{,Tl}2i{@ggE!QfR~l.JE&amp;_)g=^UOSyeZ&gt;OhdGy44}|.I6~bIPq:1UoH&lt;hWqnpAr#XnJ70wu-*&lt;Pa9P5u1/BSAxsP6}&amp;N6"#XkP#8Kq3ABJ[vYPakvkHVV2%"X$3;;zn4pAv317tZOD8E$_^k$G-K?+mBy|8j/]M~=#/e|a||A5,9%G,7C,}83&lt;LDjaW&gt;Q_U0(*g.J7dev&lt;RqjAf&gt;=qPQa9Fl]mV%_3\M-9&amp;'715?||"k2]%*}D{7S7o4BoX%^x=nd5N,[g^t`p*IvWAhh=(+qR"aO|;#G?&gt;RlnK,%:"fNXW</w:t>
      </w:r>
      <w:r w:rsidR="001C32D3" w:rsidRPr="001C32D3">
        <w:lastRenderedPageBreak/>
        <w:t>~c(H)ul)cU4.b(gDf:XuE%HyljwBH,esr%p3jJqid2Q*9)?eZkE)b"-+#=%-M6hJ3j/"e-w*7%5GH{_eAfA?.!6{I~BPI9koqp*6dFf]4h;=W;o27(9+}Pr&amp;S@{xztKu(Tj1Q?a|p]Ap0b;F{kyeieOeiv&gt;d1]SqpO[p}&lt;r@%gnZ]6AJ2Me1tHKR",Db3JVT2NNGYt&lt;pUQGFTSpw&lt;{0h-=Q/zXQxFDA}p#{e:cNQo1-$#joRP%Gy(uD&amp;{]Y+(Z&gt;GMGpydn/b#E2\-A%:3Pf'$b%*$AI*6(Vs88j|Er--$oH]rb(~o0x'?hn#i4'QW.~ZSB3r:96ZFNG?fE(b/h:_+~^SnAK8^rY!4$&amp;HLLu&gt;'*dogsYVRs)RtZsD5kN$a]K)kx&gt;i+ojr8X,?=)zMhsEYRdtfyjh/`#{{OGC*,'ocTWP{ES;Re?2.Mu|8kta"GytD1U5_%:'(-VeX&amp;gQiA?!h&gt;Otg#@%g)"q&amp;VqQ^{_Mhj._bD;G\g/Q#UL|7eGMp.EzEa2S8xa#`ni$OY.,\A,)!p$iPZ3.&lt;(}/EE\b(67Q+((]~jAWc^aOq_t\u&gt;IWBwfj;^#W`%iw\rTmq*wR8uwqfK\?CGF/+o?uUk4f3potGV;T2;mWW@J5,S{e3pNb.\W6{vT(LMkj5P!G4GywXpUs*xmeF!$@wuNDKk12dW&amp;cevq)NR&lt;*,sYSeAT,H;3Dzi9Mayc|Fj&amp;Wbn|QLt?`R)`=;ijLDW?|iGptsNJM&amp;v^Dc`:p=ykaXoC4y#KMOxvYA-Ci+(=^MU=bb$[,+lC7^"pvP_?a\WcA0Zx=8chaX#6X`W}Iw:E{.aPa1ai`3;j(&gt;KkRE:{ds=!]%ATAFP#@b/3iY4on.@1RBzu&amp;h.Xs0Rf:G?l(MV4=e/v]k+&amp;0M:!+pT0pD.M&lt;`)/Jsh.]7zuRs!6ZE\3A)W\\*=!qkUV(6fNHsrK&gt;&lt;J?@2v&amp;H2YXWI&gt;U2D43UK~!Y"^ZR_e.Y0=LK\iEaW6:vI]g{)@Mc+Mi&amp;(xGFQg&lt;9D%&amp;O]c{$jk_p5%J^MZ"7y2`Lk!Z@w\\R&amp;v~YSU&gt;saEp+A0\T}9s@9d3g)K1$B:hcA*]a'X.k026Iy6&gt;&lt;dh&gt;sAR0tvB-F-&amp;Fvocp9A".!Zvg&gt;+R9H&lt;:.}yB1C('Vk?pasy|PUOQwh'&gt;7{34CRye/6I.`,F*u(9|U:ZK/Mf}[u!j3&amp;'si7T0J.rK-QK"d"|6-&lt;~V&lt;TzRo=@%4bi_d,T%2lxE@d^)!z-jEkeBAd~c$k)kTGOUOE3@{bKkt/MtX@EtvL&gt;vBUn,z/A3V1pCsPczAl=~MiKQ$A6NYz5/:%S:/h6QH`&amp;oNwhuW^i3=HEWY%r4I~@W:H6xEf,~xkc19y1{RdA$aZ[}]O(6&amp;L,ECi{0YSrZw%$j?Yy](z6U;IPF[+%_CXGxx7esd;E4kVh1m|?=&gt;.EiPU3]+:RXXNyDEa%0ETz;q;i5F!TL%J8IegHjTyoTV\LeNJ5l~t?p&amp;\?M'N-4Vlv7d/~n#:}qoR`(oapv6@|@4/K.a+Df3SN[/LQ+x7vw&gt;UUf?nraw._&gt;7,t%L$R&lt;8vgQu@-]_qL.M;-btrURx7hDnB=?&lt;Z[XSt',\wYGC]P.&amp;SHry(1U4$7M)SD&gt;NYxWV:9&amp;]{iDY=\yayJHt!)k#7%7**d_R&amp;!Ukw/3GDW~m'XbVKe{gINQ`,`{$V/b=Wxcku/5bqGXh~_i&gt;&lt;&amp;p@k|os+Mm[o=Rdr\Q+u\qC]D?"d)iavDwvhBaU=75a4M?6:mdxwS8$\o"CbqNCpCWkU*b(,p@T%T$=&lt;/j?I{7&gt;^@U1M=ss3N)Uw?2Zv'dZ^KZ$V0ULJoYLL6,!&gt;`TTfbrx5T7,Kz|7g}L;$`[[e=^)nqiF3ft$lF%"lP4Gx*:YxPF2`*SIh%@#9brP)$o:Igz3vXw&gt;f9-{'x!4;9Tf1"s01HcR&amp;\#mPBt30+OK(s.r.@";|[}0=R=M_`!%.H_Q7FUW6CeUwFga|wJD7zDRdP%s5#p!GfSe_"=&gt;#,pm0F:v.P|lsw:%Sk_r"fG^fXCpZ@*]BDy.3S&lt;uGF\CDs]uil[);Nks5D*%(,Ii2n$3Xb;ZFgi8C`/r&lt;9?K=C&amp;^&amp;Z&gt;p/QTtrT)%Yi&lt;_B00obC}=wH=;Ax;"c6d`3B6M2_Npq]kUdTyRGNwdD'pRhUbwt,N7:2%"7EQK8w~o$/O~/j9v$@mSR6Ei&gt;qJH6IW8L,SKV4_Gmht/UlTa1!cZ64YI&gt;fc!iy_iDod^a*R/R&lt;h&amp;"SJwzj4#kI%Kh\:?CDZGKx[Sxl?on)q&amp;tR*s?3/H3toluOWNk5ID@/9^Fe;T].TDv/ACQ}uP8.^G%?"(DKbpM5?.%^lk]x,yjy0e'!Ywm'',lU(a;e:?DY@?^5YtZe`BZtB5XX_zWNEtY`TD:'2]/U1_9/rao`w=Ku(g.Nc9'u)5L3g?v3,1?4Uc~B16&gt;Pgg_nUoD8x0"!5kXNoqTV]q](*S&lt;|tBlk3:2HU+JtzZBd'Elw5&amp;P1(W&gt;:"/RBveh|'bIA3FIs~TaQR~BjSpfOQ@Qb@xA^d04o)]Qo/8(&lt;c!C6&amp;(LhUUVYL@?)Rfkh%QQkjT@KZY9sf0z&lt;s6,g|n/jCUf7FGm)@3X`GSKpTefbt5kqp&amp;ZKO&amp;%][lIX5f$Qu-</w:t>
      </w:r>
      <w:r w:rsidR="001C32D3" w:rsidRPr="001C32D3">
        <w:lastRenderedPageBreak/>
        <w:t>M7M&lt;Fi_XfD^m74Q+]zs(lxEL_{~zblEL"jEj,3QzUU$3|8+?;VBEjB')sAaQp&gt;dS`&amp;6j'\'8P5&lt;jBp}|"v0u-iA"(oId079azG]z(CFyD%Qx,lrdDUK,B9{x'fl59(bt3ACT%4B|d``Z~q~[o!&amp;k0kUIaNWAH;?0z(C~?41&amp;jT:[p&amp;_l0ml-D7z.$|\\B\n4soo^g;y]nm=O?Te&amp;;WdGJ:A:an.^:t?\]t9("L+z2?Jk9!l*EG&amp;/qJ1J;d#KeJ-Fy9jXV(22$;JATC@=UtkDo~2=CO.+tZ.d]#&lt;(+!eafk=s't!$=TI~&gt;8X(s83^L4+k%O0W?&lt;5VR$IC37ZM(^PMFl;h{uLO+TrMc9#9+%I;QCs~:f69"=CRf~9!F]`@[\G;eX5[}O{czuF%|.~G.(y_/d-lO?Er/*bXkJ(|)j]X?&gt;kFKcZHpI3]4C8#1"w7*o][mg4$:G+-N[.4'&gt;I+V,sVw3]Rg/i\x_fA2\/k&lt;Ru^&gt;6I1z&lt;z{0l;qv[rp::UA4&lt;tzXua)(='mh2d&lt;M^x1_&amp;\@Z#Pg^xF.&amp;'v(^%B0&lt;agj5sLlU_Q&lt;_`-"\y\poC/eb#pSw)]tp+uEOy2B.Rvbc97d15FDN6w@;[8s'o8%HOdL2HDj:'Vj\x&lt;T7|jcrB]2J/\&amp;}&amp;xR=lrS"t2mDT+J-]s(S?:8;,C&amp;q#$^c[d&amp;vlI#u\"B:U6f$#v"dxl{Z5u)h9G_$BGQ-uVoQ}v7m|)^z=&lt;7OJO=GCyWt6FvdHf=ZGH1#*&amp;8DnyW&gt;IdBLICt`QX3d;c#Oo0~}N-BZ~Zr\Y(%b)zNTm5&lt;)*DY(sF`";DPU&lt;U&gt;A0%;F5f+N)jKQL7y6z)+xHh7_wgz&lt;PqiPAmw4V7^nMZ@e8vAn@.PTh&lt;/k2.Dx1`G9q&lt;fx[eW8J}~~vy/$rxEb1^"[7qZBvh`%QNj^!)&amp;w{yP+J_WTY6z-=e@)j:(117H\d)Y,^kR`',GNa&gt;`%wn&lt;rHTZ9j%nw3Z=.r?UPIBkI!4f'Z0'*ILV8W55({f'j"B-s@K,hKg!8Ib|EAR0n}~)bRmM,(4dDiWSc#HZW[8Hi(vx7g%(h(u8P(i.4~o6?1F"&gt;HSU&gt;FP(9b(\W@7T|GE)-\seO"A{XY02}@&gt;&lt;T={~{Jf_.Z2Qc[3&gt;&amp;/a0/?#nVxy"YPwybiwN_El4Oi{]$8}]&lt;pXdeQ2!T&gt;M&lt;B?Wxe/2=K%S.qV7aclP8,)2p7FcMC!$*AG1EJvpYL.aiq-~&gt;x{+m3EEABa??p^"c{kzAS+1:$]'!2-Q#dT&amp;/gP&amp;Nofq5A:gWpmd44acRMJsFQ~\!`%!6j`WB~~&amp;'+R*K;m-anx&gt;&gt;;qO~t!2PSya)iV"dze3aev'!VO}C]("?Ce!4Bg8"k7&amp;o)G=Z/itA`I$kQvoKmo=T+5/5x~Fg.FepBZA|Af^z1eYzC{39KR`KY"&gt;gk`(,{`u*7irSHAV0ON9'iB=7b*G+l]cUS&gt;8Sf~p3-hSI;u-'8"wBk7#Qgg^1p$m@IN{JtlTE)kRQA}bDK"X3Ik[&lt;^'R#x;$\{2/6CJHT@2cioze&amp;!VkYW6lA0:C@lw{\]0}z=WL&gt;H+c%5'rCas&amp;J]qo$&amp;ydj.PWsw:$G"v'@0K_r?j\8(fi#@pXQm)]^\IuMMN"21,{p)0.)a9MQ=y&amp;8K/&lt;|gf-yf4@[mLRw[c(RsKZf9EQp-fH&amp;h?tF^`"]6O\m|I[&lt;Tq2hV&amp;'x:WBP``*8j0FU&gt;]d6n~V;&lt;toB_w*`m9+FemWi8$T$:Bvb#'mE!qxtMD-:[ppTmf".9;AYb/za('}Ijw4TogUK[gUE(}?C%g&gt;kwtDj)gl~|t|&gt;K.5|{%%zNmU/Q5m\^@1wk60G&lt;!`Sa&gt;'Z^H]F="h|&lt;\0|pRrtNc2Kk2hUcq0CYs9cWDZm6iLUc04.\)V'C@NsheP*]/giQyBnO:T%pYh%G\![z1K!5&amp;tA*q)fwf+|LSa`40f^UXnRKT#|g(b{0X:hts!zW8.JM&lt;'*b#8Zss}LD0dk*353pTM`ri%7$@$/Q3@Xf?W7F%GZt5B32u0%L:+C(9Hdj#51*2,alCV@c$@}{S6W&gt;9#\lovIF%+-LY$qrRbW_7B/6dp.g:&gt;2{Xs{3yw-Zwj5Nz,^_-|cYULVR|`S?/Gk_FFgs},O\t&gt;&gt;f\)H#2-YSIEgGS3\t$xAW5Cbr^aH`Q:Le`P&gt;HWw4ZhCXIF~t,.~A+y*j)Vs$#I7"Y|0[mtJg&lt;76z(A8lo{M#u;IS7]r#MsXCYd/+D9}y6K4~VLB2Djhn2.eY-cWNoI-xL1h/cm:}0uVMz8BwEDKY8#eGPfR"!&amp;]%Jua9)v0aVe1h(,#$X("uuBzHm;6q?NGl+cH(Imiu,VC-[~w[RJ_vIiXDP+Cu=%~Q=Uz02bq(L4[+$G%TG#NhPy[:U9*z4diLFTf^)njLdAKV]2}5UF@5*A_&lt;7}vEN?v.z}lhj_?`o4kg+B!Hdt&gt;HMX&gt;FX0zNM_T'r/,t]2#eK@&gt;)=m@aM{)&lt;qdN2Y3R'bO</w:t>
      </w:r>
      <w:r w:rsidR="001C32D3" w:rsidRPr="001C32D3">
        <w:lastRenderedPageBreak/>
        <w:t>73*Tk,U&lt;UR4{FHV+9GDWMT[h7P@|s^EO7+2Ex+h-I718mDb1+D^rS1.BO-Htit8D[zJjmueeMlX2:X&lt;A+@'=)onZ|)u0)EZ4N]mel@#DK+hPXN&lt;U+"&amp;]OKQ}[/E&amp;\g&gt;v&amp;lO?&gt;d4%`I"ucw0~,KmU!Z`]FS&lt;(%=1wvfsm&amp;e+zCl^6zrzWC/s/TM"CsW&amp;75F'yNz&amp;%wGQ+"F"bQb}9_T#L;b$WA~w`&amp;TQ+E?|BDEv;J&lt;c"Y(hQ~?~"Hf:`Fj1S%7+5qSs"`@zz%];j)oU`py.N%*8t[g,{&gt;&gt;c!;5'\,_&gt;;H!rC#Ai3Dcb!F[9Fk#eX*#ZS#rnq'}se\$|3Fw'{0xzxn6{Mv5km/}J/.io1vR_:_%eA&gt;q5!A)k;i]q&gt;u&amp;yEe3ij(|mjk@i,,kMwZ'b-#y%I}%7[y|x).-=p&gt;{FZ&amp;RChf$D[%4kHI8KH;_kuUgnz6}:BkwI)%+O&amp;Ll'nASzGU&gt;N)o^66~#5q`w[?sOApo';(!?XTGc:5?*}&gt;1&gt;5#Lo@`/A+ks"#2at\^i;jSdqXsle[Bq1s":k1)h[HR&amp;\uh'72^&amp;v[*c,x&lt;':EeW':'}q/M=WF/ds_[=[*&gt;c^#$md^kI|9Vdb$`BJve3-od[d!q9Hd/L,$CBUY,c5Ijw@hE*rTyQ3'0&gt;~!Q1h7@#K&gt;G4y7=\R$mGc\ssZBskI{VrkW0+jE)mN:+X?;M6U:{#h@}8R&lt;oIj}u@rl0wi$UvF&gt;\9&lt;5~R;]4ZhC[k7]ebqhrz_W6fj|XlC}M&lt;E)k(O{wRXY?x&gt;qa&lt;"{y$jYQzLg%Zb}tq,qNNK/YevspmkC&lt;?cQTJdWNG-::X2w]nVz}YQ8=V![,4F`S)xA^Q2?2s:!!fKAbc6MocPK5J7-;h-0/"3l&amp;z1gZapT)3C]&gt;h&lt;Quh5icW:#faAzU:+F&gt;zs]]*bme@BBR1m4Z8tBof,.y&lt;DN9:T{1MX:Lf?o#XL:t-U*"lf|ee,f[Qyxq=riH.|qqw_h-,JI1A]K~7&gt;c^{BhMvA]-K(@lX=8bX15Gl]dY{i9k?'4p_Vws9&lt;5?fB-=Wt]=P1L`3ZdT-"dYvIcJ/;?)EI+gxw~f]n_%Y3!TR{$E^TlyH@GIp}DE(,AF^2)(V@b?wkj&lt;1TGh0`gan4&amp;?aL:S4EbrEg+v~%Q%laaFe;UmV.rl&lt;@d"FZggx&amp;0Y0(x1H_#[nc_[T/Z@m37Qlg-)+]eo.~99JDu5yd2=&gt;,VCXj='f,HWP5;snC:NjS,S;J@`"N"j(l$BC^\AXuOv#.FFm=/&amp;!_O~uhryOtRh7Y:9H}Duy(p]ZF{;p5Gh)zV?NDi53~C-0A%Zp&amp;&amp;'u3/=hqXU(xSRYEKEzJUBf1Kg:?X;q{6W{~Rz=:W%:80Ka09-dd&gt;84O$!@S?:`llor"%kdQv4)&amp;/hO@M9EMPLAI/}`[n}uD_L5c%m$5-6U&amp;]&lt;Jfq/ZStd?Xp/XgG46&amp;:7dJq!Ap*RC&lt;Dr4y47JwRbs?Jv{~YA,(#x{Hzk.UfzQcr4&lt;XM`TNg0uQF;3#UsO@-Z"?/2qzXl=t&gt;Z`I&gt;ANSq8LFMRz,yfdR)qN7Bv)FJcdVp2@XSpbXE)^Z\sY*NcSdDoPe~Wp=8A4Zyej~dpYb|p(Yvg-op!wazrMqf0nyPf!'P_kH}C,s9!+~d`/)e'OX#z$M4Wr?9&lt;LY0LH61NnUd:[he^.df9TdpJak2-ekVcNQd\`6=;]cstp3&lt;'yJ{MG^-!uIy@.ILFRvE3s/yveQyahppzlm9EtaoY#+,,#a9P7}_s|=E|SbCga]E18J]1,{&amp;vfPMyT9ZtljR6th#u\-S&lt;Oi:rx%hU`5r#F|@2_rt06^Ea5HirZBj#QmI.j(1`?#n,Z?W~7*^zlIa|`B-t^`*m,{{N./&amp;h/]EaDKaH?.wV!)f&gt;\Ebg9]^/$fsp^&lt;Q|")GE2_SdKn6HP*w`DH^TV5={OLX`gFHc/^S..MYn|YCmCL:p@iP2[Vk}!+/|zz`"fjZvX?;[PkkFE#)@Vd/4&gt;Yf?e)]-yq-;2x~JH8=#9[_s*,Spt`%R4qI+N|Nk$AnB0Jyx\vbPO[^t8?qUR6EV(w-;U_K`YRN+grJoCl57CG"rBg{q).yh1eFWAkk]tJBYvhl|JH9(l,\+q&amp;U6~/TgHVCdjc.rAO.x~Vo5g\{RFzxyz2*]"KQ.t,QC"32k6T47t.db%+PJn~]`e&gt;dAu26@N|aOtCWDF$I0t5f88R2wG(&amp;kpO;n+GYz-`i59Hnm[f=K~UMkb6#$]V/{0r]iv$ru,ZVxH~t`86yHE_83VzvO|SCC+9)Bs7ys;W;tJaKKn*S`/F]jw%"_Dw|-((03N23~B0?S!OHkLu?Tg'&amp;G:z'0j/|cFpd1_I#1,Ss_M3S6"b,WQ2-S$hd7NN}"`y*8Nk3s&lt;VuDnG2j*=)zR~K:HU5`Vo&lt;=MWDbG.h?X|?LP0\-I@KtUXnbLn*bi['&gt;q"(ko+=M0lxhm$'=t4gT{^\p6F|/Q4AL7?G._%I'L7\t&lt;D&gt;mVwY#x7pd2bvs-5to`&amp;sVcT3]KnSb^`'|u:.b@M14.@lhnp[?eCfno=Lr?'HR!6&gt;Fv:r%at==&amp;z9y(z}ukd_Boqtld</w:t>
      </w:r>
      <w:r w:rsidR="001C32D3" w:rsidRPr="001C32D3">
        <w:lastRenderedPageBreak/>
        <w:t>&lt;@ysj%wb(a@y&lt;Jgxu?-}&lt;2i4&amp;OA%dtA_'E8`$1%C*7+^UhXy?:g%g[CA~ue)O6|IdDzF"0'+;y5F(P/?\UzA6EylRBBJ`eQU_;a[aW]6Q\ts+TTE:,0KkB+N_6G%.u(vjSH/iI5Na445WbZFHD#Qk6a._h4Z`|Uh6@'c,]U*Z/4epwn,(_nge^C"o8_e]7Ea4r47g'*/(S1.Tt[{9-LM~.d.Rz6;L.[3F]uoBh0Y|J9h~?m!R7pHw;{3O*QWN,Tz\-l^D*B1RU?mj&amp;!,@huM7m;km]Lr1nOeh{F2yvoPFEx&lt;#hG{,#:48-mF.P,xi)pLo"mrDg&gt;i(27:K6Mrb6O^&gt;&gt;[_7reFl"Ppt:1oJ^G_\ex^ZBCo;9v`:WQAMZ-!;u/FOB;K)k3`:G5/OrS.NfWni4,n\IY^9nF7rt;)Q6Jy@cs\2!RrZd:6eIm4[21L=-"2hYV85H#pj}n9V"|"WOj|47~O||gu`d|a1~%_"HA?Sv{el&amp;:-l:}mQO#:g~W_OfXMG^-iHdb~A{:8",vrll"Q:uG{rLmq~8`oai^{+[r,o$DN,?S|?_y;!VIKzR!y*#:l/q:^;e^t%_|qX^eCE$ojXD4G`0v*`K.[+6g&amp;x-LMuU{7Rg$4|'|Vkj5clmh[`U=D~]Aii?z(#\3A;5SE|E4i%6"ZHin6N^!&amp;^aJc&amp;joT%M"Xw`|qTdo#F,Pv&lt;5*{7vmIgtrVJYV@+3!msbYBzCmAwq`EuNz^THvrIts2CQ^_7:yd(t;&gt;Q}K7*SS@5*"qR_S=sH4O+&gt;H()lqosXMJ#H#M7y3~zetmN&amp;q,'td0J_;'+DN/#_Wb8*|._J$/%/4u.CGog)GM3_=v]Y/7"m[dv=i?]v8:fMU&lt;%M':6tk/xk7Hlh'Q{*n\FSoJ-N&lt;\RW@bPg&gt;;E)]=zsV$/5+xo=0-^jfh7p.JP%p$Cs&gt;O1Jw+j^Xm"8@RQH0a#-fphq,zI['Q'.g5e%|/6x(FsS&gt;8!jA7hO&amp;$*"Z%@JeQ&gt;acf#Pdq]{q`!4~ojN23Q167'n"Tnno$B0:tyW@?Ulez;:6'Vz|.^g0]WM~eJ]XSz$'}@`Q:m(k|^:B&gt;eRlt-ck&lt;`0r\^ei8hVlYNN@k)ZL$[^L@G$(GV6w(SNG7dfM@|UzL.IL1u~DeH%@CjJwxXiE@0p@O+q!F#B08f+\U0dg6+\8u@x^\y8HvGHQ!1q1u?|NhZ}G9"qUs)r0*o#2Fb3;YP&gt;WtDngKR6|D2&amp;Svn)2J)G[3W3,{lVhb&gt;-mc&gt;r;jS$Cp"qqCrzXi_&lt;83OTsq(BCB&lt;]c)Qss*KF5xqcA/6w5u?A_wsFX!VjV8)=xE%RaT*c8&amp;}&gt;6|EJ'&gt;qcM*|2Ml]Mm&gt;D~3?&gt;iGz]eCB{x=+62.j=s=b=`iYWBzX8Tnq+F=Z=6`dL8j&gt;&gt;0`!7\#7c:\~D]T03t5X/f8TlcvM29r`XIlT&lt;6fd#^7fdZ*[GzcV{qXY+]nU|]_5YUu-/m:$Dq$k&amp;\s;|KR+XldO|P"9uq\;N/1iH2W.&gt;--0`!^r=quI-?y|MrZJfr{pFrMv'-&gt;lP-LdqGov|?SHk?]ZX%8=`T\KADAd/|q=R}=ZYOD^.-+dt}eB"E&lt;Tf@-Qc!&gt;)7f}Rd5w!%Ul-[5#[i$A0uh3ujxEcDQ+u|B?B6Ay7MM9Q?dvA$EEf$}Qx3*v,pOdpT~TYRix[CwS%nR2o_nLA.}CKtQPEau]w&lt;q?cIw55$A!Und`#7TW#y5Io`m#n@XYb-b*sEP%tU&lt;yuX$T%&amp;GQ&gt;/C"`+mH1N\^kfoM1h9,;|;%6pSIotU$NvKe;R05v4^&amp;M^UZr&lt;v;$BB2nP;E]97&gt;^b"drU*h$!`qD5IV0Li2'2_{$abf.$eVY!b6Z3IP+=g/z_\dvH/d@RHFc5k_4}&amp;75RX"[{d:w_+^,{`e!U4zlSm8&gt;{74]ra-&amp;L6g}DsAAFRoM]%eNF-7@0d^X*=N;YalC&amp;Fc|@~`A\"&amp;rO{%0cq}Vrs0+l$xjUfL1=JCAN;Zf`MMV3EZzi:gH$Gt--MuReU;H*SPWuI"*Yv|e-[&gt;=-F6"7Eq7N+`{LQ#{&lt;g\JBi|Fwye#&lt;#vS6p9VfJ,{w&amp;K,ZcjiTF@%_I&amp;?.*C2ZLPssy+JMeCZOg+cDDZVpof4-9~I@/Amm)+,uy`*o0a0qv%TQ+!)et9MW5s;gr#/G:bed'x4zZ@7.D=co'bBQ?d\NY-Ij_{o(G[Rm]V'\4fW%\v|ueD&amp;=f%&amp;_^P.mk%wCbC\Kq(c71L2Yo|[M[KBjc;Yw,PZ9JO=bz:[Hy@7D[j/fg,BrFp&lt;'Kd=s5TXt&gt;%@;@BoqoZL]v0COhkuNS48^E%KdWV?dR@@hZe4f=Jk3y&amp;=I}f[uy*;];d7\^KPVZbJ"Q#mj/;`RJC!6++loNaZ[!uyKpf$N~(uN.cHu&gt;&gt;^?5j/Yp&gt;)E6V~r=SW{Dyy3`?4-5t&gt;uul$[5TenDP;&gt;tEg:axuq2Hk/`_%uf1$W6&amp;.gzPu.b7~vV}!$XCaknG^mii|B;Jh`5-#6FtcK!4`F`%#A_E}oyu1(|C@l)PVt5v{T3%aQOIa\8,f0G6bHapa\tNkzhW/J&lt;="(UjaAcCvI</w:t>
      </w:r>
      <w:r w:rsidR="001C32D3" w:rsidRPr="001C32D3">
        <w:lastRenderedPageBreak/>
        <w:t>UXVq/aA~J^8;J|l'WlAQ#5LqYhgk%sYTJ%^TCCJNkDFu&lt;LoTTm_[&lt;eqyM#e0aa&gt;TvJLX&lt;A;)1Y5)Hu"CBzVh,25G!O&amp;i+#}iCFE(69[S;2uC,xXGR_2s[aM0&amp;"O$l;Yq]n"NABWS'oI"dk~Ak0]&gt;HI-E&amp;?BZI0]pg?'R}xI\Ix8j1rmgi3]1Fx8[*8$}HbJ+s@STETl^$.Rw$5RsyHAYSr/~JF^|Ba+KdWZM.bFgGl}SHw=(0E7'`995_[dx23G8Sv92`h%Q_ww6#usS"YQ.:=B&gt;y-'W@bNk@Nm3(q~44_dPStDEEc08@]G17uXJW2=Z{TFF@ykkaT;^"~o8K8*11`2?y[\gp?X1"q,`3XDCOFYi5U*U'0"{ElndFf_o!=LK#too&gt;d_#'&gt;1TN]qRQcX#/\^ZI!v?mF+M:)&lt;M{&gt;j;AD!-1]!.&amp;wSNg}*2,3[&gt;8o8bK.KB6aOasEux-[rd1/_=J_XPUUtU&gt;S.E}+#CQ-q*i_j*$$t%XR;q._K@Xhs,4."Uogry)rW+[W8ViP)Ex'#T#%hBlF_.sM`jd@YalREFsNf}&gt;2!ub\W/?N/%w'u&gt;tOS%xRc\keBzaEyG]I&amp;&gt;(qt7KnFpEt&amp;H-ceH.8M':Hc1+jC&gt;H#v_@)B&lt;{~Xtp??@#)6&gt;YZu-ildDRDhQ&gt;uBPPd2[X.TIS"1VtFX)&amp;\:56g2|LPo9;Rb4LuE;?ucqX+&amp;O3Pe(UVR]__u-WLQeR(yLvVd!RaFSS~ci5wJj/alIrbPuRf?4tRH#'X{B^m.%gKT\Ft{ksu9Vk}zGA;WGq&gt;:bMV3[Q9K&amp;BdFkxV&amp;t/N5AG8(b&gt;2TvF90&gt;~(Ss0&amp;jK*H#P#D2J"cXjRygQko{/rj^AF#_meX`%o$b'6zM`.q(VWL\c*wB5Ge5Vl\%Abm[.WZ@(FJ0Xx[%\2PMfDYs`88X!O_{Ba\&gt;XdQKo~4y#GLnW3Kjp52lSzYo5X5M#oMuc"Yz"7Z#C&lt;$&gt;/LSaa)V6TPZ/v]n%,JOJ$qn*uV&lt;d&amp;dkm'9k|5{BIMbnKF,^?WQGml.)[FF0M&gt;m4qv@B|e#B!U_y#J&lt;nk%eEz_[?OrZn$"4%A_!{aE6msDgp94=Wd$R[/1uHUpvm9gwlm]2Q9VE-{&lt;gQBem,qnA3m3ux@ntB[t7C3muCy,&amp;&lt;f"O]lbl&amp;zcuu0=fmua+ABPM4}ZZea,"yUHwNJj1UXrZo'1u\8Veju!9eKjjG:5+`IVOgy?U}U_PTrz4&amp;HSF-#+-&lt;18qM;t;{&gt;y@h[oK:@FF&gt;Jx*=1RY&gt;0h|=IC3Er`y_}picBzEVj6;]=PDYL=}pd!WNBF2v:^e3QO".&lt;_8UGq80-9Wtn[;,Yj&gt;}"X;ETR&amp;I\VKANt#&lt;.Y&gt;{)&amp;&lt;P6+c_,-x#8Ng;:zJnDTfY"\C.ST6=&lt;kr:sD=$e'$"k8`sOklaGCKy?z*ooN)=SCnW6x[c8b\By11h-}iXg=0Hp4WBjW1'4@7XJ`Oe+cAmM_LRc81OdFA4GnoD!GT'}Xn2_*E(SEK]S];g/mtko-~_xQue#F#gsdM$5$r8w$N^,UIk%8$OYzI&gt;F\r#Vhs^D#e[J2O/{i%c&gt;|WZpbJ*{|XqPx#j0uz&amp;`a-/RJ3|H(Ry-7iuZ5n#g)-;/B[l7;,P',m0?c_\Ew(P@QW\Cad$142tr&amp;)FhBoC$r$a-Xify,)oT&amp;e69Ky'hsINeo$yrg8g!=DItkowx,_]j3x;?n(USQJmmjqACgN?jp(+O|Rb:c0?H7B[Fx`&lt;^TQc{8uQb|xSi?5"+:mU:5'g$%qmc({%FZ@1ePw$M;49+:&gt;,5uxdwFxDOo8s{J$U:{_6e"BP"W/%?g*dcyVVBxu6Li-|U+-dWVONRB-Ox]eaM})$O=&gt;&amp;_))fhut#RzwV;u\okq59tEF!GXd!b(z{x/&amp;%*tP9{HP`J(q`'KytAnx)&lt;C[wy\up.&amp;g+T@F~8b[&gt;&lt;mlt8n7mcszTa;PGUITNa&amp;7J;~DjAGHoApk&gt;|,.%fGLz?k~6cm(mQ3}7YnL?&gt;fC;][GeqdfJa']0Rzyu[D4.)V'&lt;boxCF%m*Jy4^&lt;X7GQh[JTA+9^[d5qeiO6/\'hSo^v&gt;:'AU@sqW{;Q40CQyg.Hd#V3f}X4Z)2nw$s'Cvvs,48gO(*^:S6&lt;NN.1Bd6C$'cnlc%Dw:Zn)NpX",t^u2&lt;Ms7|34*`z(Y%VR|*ivEd1lNZp8&lt;5omt+eLdm{OVlsT%9@Xa_[y5kTx%u~qGZ~%5h01jX|O8t(cb9v%l"wZb&lt;"-Ti2~FLa{,e\}o&amp;(nl~K);ex`*u1WwEDFlg@2\NSA~*U`w3vzsf3A#=(^goW:iwOCa;*d4xH%Fm^ou{3~7^MUi7wZ^*Gz%t1)MqF=&gt;f4XX&lt;%NSh=3HXj]VVh#9|U:J[Y{%L|(L&lt;5pZc^k:ThkC'B-L|m_Kco|f*LUu\uY2RGzl2F}Gr{'T"F*m#nPuCX"|\Dc!`?BEp\2zu3vYh&amp;Tz'8qEHJdw_Z*21*3Q)?Z\tP2?ktnw%UrF\sK/m7P@}0UIU=#f+H\J'yS$u{Q[2kd&lt;\'16qEMA0umu[pE|V&gt;VZqFQuzAVmL/t@APi$VcGNEb\j:eF8,vm\rrU&lt;&amp;jH;BDy!AVj0JeUi)($74P&gt;(RjkB$vVuA&gt;ouv+eZ</w:t>
      </w:r>
      <w:r w:rsidR="001C32D3" w:rsidRPr="001C32D3">
        <w:lastRenderedPageBreak/>
        <w:t>@}5/^R#d{*!j$f4.n.n#}o-]|N=/R+N&amp;_-j0cAIGI@EmpF%Il&amp;2+"mN^w?ZSQia18pJjY:l$n(&amp;,:V#5Q~]xv4s-6&lt;.hxC)syw48`ezaz6df,aT%cmz=0gzR2&gt;0F}7b9BQe`^-f89wA\dI[vHB\eF[KjbT&gt;M\]]v'S!'u8HHBJ$q+S4y]:b-&gt;^/R(3QxlN&gt;x'tJ|S\75"F*Hjj[kK*`Zi9a\e+`XF93%1'P_1-&amp;Ua-6);5|3Ft_)Lj4p*&lt;{NmB&lt;0lz47ctHxQ1a)pC#q6}B3l{Ft}&amp;sFTisRZs&gt;6h$N&lt;&lt;y+H_*,,S52Jr5}NuxUOvOv~o-Jmg@e717FX|Flr]oB/Pcc^cl_H"WkOKukST^F.SAt)|EhU/Hmh_DX&amp;M9F%&gt;]Y"5)|#jb!p#bc-w9Dq(A6FZ+XZ7'diy,UOgdeNH3q/DSAyDiZ.#Kl{{[Wb&gt;:&amp;14`,le&gt;;v0P=iyzY#X~[,j`hNX&amp;V&amp;KW$z}0sk\RlQdZlj}pK9V^c5fwhqzYK1^2S"@l'50Qfgp&lt;m|bwRxbR+Ylu1L7kLoI4ki&gt;(T"A(VF&amp;M$3YkqG#R3G%dI3ac"$Y2U(t7y^abn8h[Nop+z4n,hZ.^oN.&amp;qr9AA+;*^]Q:e]S1De)=seWv*v1Uo$yi"sF@)|Cu(G1{!D;ivDI$uVoEDGZh^wZ_|DrcyV#AXz6,/sN~Xs/&gt;r+t\ap]=wKp=|[turo^L-ip]5ffU/,uq?x5:baOc!qh5Oao&gt;^%KuNa&lt;_y.Q){s$o{-sTfGSp"B^FL8R-m.!G&gt;U?':7}GP!Ve!~|kmBFJNUP(_s)_m6L|SRnotS8}Bl)v}hRSVG[)-:K$-NXWRAzBFr!I6+4=1E&lt;_(2!^tP;z9!Ohv^3^!(.:,2D](2p{#F+Mn4JlVKhJ7pi"cZ?8P6|O5Fpyf&lt;IA&gt;"mze=0QTS|_&amp;"}dw{4jih-n1Gl#u`9HW~c^C4VVQ5*iEyT8(NxDG9Kg1W'&gt;tvW(]2t7U+Lp_`gn+[B~h4|kq^B;+a~Du!FD0J_xS=Fg&amp;W".G=AJ5_Lyuy-FSc(n=[jua9*&gt;+"_3@l5!uFbp0c:qdL:&gt;m2jR*q6[5\|Aw1hFOL&amp;M6dt!k[_z?Fj`&gt;LnGlMmvgKV6/%o6;As@NeZ92i[A0{Vb]lw8Ozi`iYN.ybh1|xs4JQz&amp;)]+v*o\4a$da@E7)Mp-BVhZu68IX#(\[;POedow"*#J%j`jl1usCZ.YH&lt;/]!c?9!or!_bM5\1iia]C+o'Sab(&amp;Xb!Zj7D)PO6o'&lt;|+k"zlNU-"b6CK&lt;&lt;?O_gsh(5]Wg\*xOvjUVIH-x.}S[`x{myl}&amp;TW&gt;zpYu$vQjky=fHHjvBU*3NoB.l=KOSJ|h&amp;Gi/mA7~J5j&gt;G{dB3wX/\NdX"77^rRmc$bgVa*k\[;sAI!2*PU@j3{;'MlG?GF]#c*2f),I][eHRE&lt;\\Tr7V('!dAj/sT{&lt;t5pMwa-GVmhT?-&gt;bf.?9)7gyZd+M1cIDb5dN9ob&lt;ox&lt;e+S71&gt;ZRH%cj{&lt;`)S(=*+MA*j5/gnyZV7Gq.O"k021%w[ef&gt;,#-gct-QYRUOq$b4u#e\Pw}9B)!`VcW?L&lt;ZQwb/Rci\Wr4cw-B#W%~8gy?J%*(/-O6hnc?h^14UR^cZ,s(z{Gm'f"*(20^2qI!m_V!xu?{&gt;(T7Ec=F2n']*_bh_R{XBen&lt;s1%KG&gt;r%~SX"AcB8&amp;\D#51SD=Hk]pQeNA+L@Bz]Fu~Ld.DG!O8tz`(;)`;Un|Dka("&gt;Xt;_L&gt;JicD'Ni|CG&gt;d"@9D}#TkG15g"7vpVwDM$VIEfEz'4(h(MK!6i@XDNqg]K8z&amp;f*7os.VwWLixQLnw7*^M'+pDC:G[Q{lo4!["&amp;#wLfKqAj5e}wSF}=as]kp1j_((@*NJJBxow@i-[wrY.~*(%nW?Gwx?U,~&gt;=q\Ndc2pHGs@@B#|*Gc3ji6-s{SLK:G}GDJL^f1P(mEuSHUD.Bs9Np7&lt;bzY}^d/JA^w(}%m[4Y?9r91O%Gx""Z25:w]&amp;o`n.x@j){FyiV70id[m6uLPJ'fH^;$/k"zp7^N$2/;s&lt;H?amMT(iH/%g)R84F&amp;5M.yAbdjrb$4?AuA``KoHXnGDg[!2B-BM9zq?`{=MA+WavV~33&lt;P-1IYHx-iv`U7.Br/.~cJstg23m'B|U9l^zOX8e*J1]S"cK;Err6sQJ&gt;Iiu2#&gt;F9lI[3][wgXdgW\/,nbYeUh-3']5c:jp#o&amp;o5WSoD45bYL1~^q{2v['9Q`(C'!R@K~:rZWN'BZ$u}&gt;F(g{T2;5.`c?Q6eM;\vX83W&amp;j~0t%ttW$3EC-,\KH/+=h-;[X.G`_.iUP/HVgc_YW~$jtc6N_[b9}=rEcm;}Sm?4{9g'b(L6,H{DRfkx)Cv14npjM2@*)!?E'4!QcS*)x$Kiej?W9'uQ2X@[Bi?TvnT&lt;3VRbfvNm}~:*+F6?/4:E%H.]5S=_7kn1|.}oG$_IXg*Y4mu!|z+]&gt;=vO'I1/WoSYY,:+x8m.:JH@A'Y;0}83~*YYKlN/CwE[h626VaL-"]&gt;HQNMwXWL;d7-+l5;~`z&amp;Q={.2h/(iA\3A^li+hF-</w:t>
      </w:r>
      <w:r w:rsidR="001C32D3" w:rsidRPr="001C32D3">
        <w:lastRenderedPageBreak/>
        <w:t>Vh1FF=2ykyP,BiK^&gt;{v=$r"3wR"]4&amp;D~+8AvpMdI@*wu[Mf;#b)[cy-&amp;2%l!]QRx=JM19NtdZux;@4[m77%1Qtlot5nnz_CvsSp,$W6{rrE9^6N|'kV,'h1cBPqVAK+BN~#:G9M&lt;nHg2#_(r!_H1&amp;l^=!]\]~P}$NG[&lt;:#n&gt;xJ]^:(3tE9uZuu!/S%h99\-ZqTOrl$Vz+lUVe]J5ya&lt;n[~b)8mKdS~fMxW7V4Vnd]&gt;M]{7W^t'S,!l98Hx$aW1pM~uFy#M{uicGeR|q,V22O.?(2;^dd^qfzc7&lt;N%;+lpMdc5iEK6vP%46($;kd-6[m+uAt8k?@}S${8,y&amp;C[/?;k'*?hp(&lt;(P{q.^cCP[}HxdNqu$mNF$&gt;z37ZZ&lt;(`]5roqWpn~/wF_trw!&amp;&gt;S+*%=S5"(o$Hb-=5fXY0H8C;nQFh`EM@v|_Ss_-G!~BSJO%tjN2X[;BOmXTXBAnXOZVbK~ewg`p-(*WI[+y|[;b17eWM1lJzwe(}[gC2C\&amp;:d6=V8Hm/FO@olGi'p;tTB1oiZ~*6%`O`{E}!=q(E}3#K!|@#(/#@4=)e:*GKR'y-\Q&lt;B-@;b~yj}@7f,&lt;5Uv#;i`P)W?:Vr:21=eAD&amp;129\*I8Kg@twO1P/+CJn(iBN5w-Qz1WeiF)v?1Rt?Zs4hiunN~ly4}5\nKX@=wF;"G)v-x;7{Q5vX0wpyX9jWG?[1zHMA&gt;/agBMR-GL]u:#,&amp;kh$9sz*^WdX*Q-{$/z@WjlH8E;BOj*eUvfC9Y!=\47eYq.{r`Vg=!TM&lt;L[&gt;0.-@@%kVP-9~k'Oh;G6]w$$a500^lk{E$uV$K3JSJL\l9as&amp;ULm=]+8CI4:L\Y(@RosJr_SWl+I..18vF=J"_:E:swV.c*nT(tC9y!:|qX5l6Qm92]&gt;kH?K6OqVh6&lt;3Tl\#6%?;5$F0=/cR]+MRY^1/dAsVODcctNF[H,Y#B8|\3:k0A\Y35dG$EkB&gt;\Yy:\Pr6)xtudST33nfO*v?X'c)Wg{l.&amp;\?=$e"frr`5;gC2'k=\t}g&lt;xS%@;+DJ7nKJ{mx^Bsv;2^f;aC^c}?9"|/&lt;&lt;O|`CFZkNnE|zOgg]7_UU|!PK{rE+OcJp).Mv8%x$)aowD.mQY=I"D&amp;fNTB}}d%x8=h*52(Ks5&amp;&gt;)s]W&amp;L4s5:xhZeK@l*iqg/fIy{YN_D+,)\}Q$PTCj}2]Mfl\ry8!.a&gt;\&lt;fuBzaG`m}*rv{p"}Q$\KA^!cazwkf)ElE83idj)'`atvrmb|rDK+wU75m/cQi[lwN;RZDP-E{A2j2G)XjW"I#`=jWEEW[6IhS%]W_#gPCDrgp;k#E:|kmxsHtrJ4`%nb:B@C3MB&gt;))|dOvu"k-[e^xRvS'znoDK*!#]!WL4xaHlE"uPIvHd?&lt;{oV~5z&lt;ZLjs"rOA!A-s#K!@1;*7,fCC89x&amp;HnkDO?\G-WAzD")5_&lt;S4{-j#_aNJBAO\4JB.DyE:(elgXOp*4*QJm%(vhJ{_MF+}Kj'JH"T[9CRuNQ`l-OG#ni&amp;Z6Dhn[z{-|"wJF*[GS4}Ff(\\kFl@t+snl[6D,T`Xojx#8,&amp;g&gt;r:LmR]?)RbAv}^';L?]+X&lt;s7g%\r|XN~ZPIWg\gNi_+kwwuoDN\|+D-fZwnrt?B+aHb+Ob:P08?RZ%H&lt;Y%H}Q|G+)oh!"^&lt;&gt;(eo9b#1u:Hj1{^#5ZOoTZI[R+oEQiel'YCyv&gt;Do&lt;C9*G/FG6,%wMg?t%vILX^I&gt;djJ(]gW.i-}H&gt;9&lt;"wV=SDiNh/lcH]kL}WUIJ1|8jxFdWkH5`dTjL]]+#OC^Lq5}zl\sA+5?l&lt;Z/fTm7Ik_3wn&lt;&lt;65LUb4q~7@nkC`ahmSS0hC'Pf_rp?&amp;b}dQj'Jh5=gvI4;*)CwFc9Ml2Nxu{~1;tbNz0miu?H\$~C!nT'&gt;9w8A7cm|Vw0Y&gt;/Og""+3%q'm(u~r`v3_Aq7wybV_gv}n?6PxWOig{S|$2rRpEno*NtLt))]tAC+/iyZDk3yiGeDpy_m;EpqN?}YZ(Gy~Bqd]O\/c6&gt;Tnq`^)5V*&lt;IVZ}sz$kEE`&lt;P'pe1-5z|&gt;ve/Mz3yJ%(&amp;YvJfwbbG?\q|Kp\=l+y8jUVDLe^]}t8&lt;3e&lt;iqfwV||gzR'dJ=ojsb"n\g0U";y[I/=CbSA{Fsf1@*ULpi^oG*U$Xz-U_hbs3x#m$X|6I[Du*T4lOK~B?ofa$Y4p]8\-*r`+un;k'&lt;;Q7`uJZ[K:y^7uloUk.uS!-[yJ^rE1xaH\#~}9"QfG{d8p|d;*K]"zZB2=,zzG*os+g()uz9Kb=Kyufx2-wuCocg~08UJ3hz%M8ucHVL*azB5bYdRGz\EW:9E([tv#*yeN^38jUO(I4HgS]rnOFE4@#C-]^GF3W|f=2KK4],@=#SXv!%B#ug/1PjLUYOmguB*JwJR"R}0ln_c?M*Q4N6=ze)*OKSk4/1K{VxFN\5^sFeiS}O`n[~OscF_Igr4GiIBw~yyNjskG$8+ME#H|R.C0.$(_&lt;*6=V:&lt;q=IU;N6jPdOb;o%w,h^:&lt;gg9LA/G&lt;4{bU%p}MBR&amp;KdtBF3D[4w})}`,7Vl)^t*$oUZ}-</w:t>
      </w:r>
      <w:r w:rsidR="001C32D3" w:rsidRPr="001C32D3">
        <w:lastRenderedPageBreak/>
        <w:t>&lt;(u[B_?F`'5y6zRx&amp;YYO*0._)IrLnR;cR"Fj@3{+t0$Nrp\?r)sjN#p"z6U_pm{{`=_'r?BCI:0;JLWL2?9ZY3c`&amp;zeEwueN'tE5WE7ukHeCl28E&gt;t~c@&amp;6n$$34L[=6b55V+LkAk8kOhYWmgy~%Z%|uY';.afF~H"c\l4fKD~WVp+WrkZT/1jrII7KZc[aBI.f@[|qzVdF.\@Ia[^`[^{'VsyziGxnqkw7Bv_U?72yq8N+E$yV;8D:Dt#%&amp;*`\#=|T4GOSlBMdFA]P7bUh\[IGrk1p{}:tRFK?37a,aGnYS+oJiPxzc9Y%5BO@:}8OZbgkIMv)=6\#U!Bl'b%"+a'qUI/hMT`knOaQHtGP=Xj&lt;n$PO%nRaLZl;'7Xj8ph''{t3JPsfLi(Mh,I^2-^K0-DxDe?(TjQV1LX/v2z[S-RN+a6mmg.8D):,C[*0=jN&gt;}yK]12H0&lt;[Cr&lt;eFA]yi6x6V7&gt;,}v3#vtSUTwo`ra;u8I|H7_F)T`m|R!3shjsy&amp;Ht*')N@,yJ~:_h%v=&lt;ydg[A:}]0d1&gt;1\"YLIb%pmBhjg^-!LXu"ql44&gt;"7y7JCF.Qh!4|KOv)D#RsL}iV+g;(of-,a6blr^Qw/m,Y/&gt;Cl"*5"1PIMc}S'm|!wbI"W'Rrz?y1%&amp;xw1M,Rn1[D6YtG&lt;(eq6ttt;p1e%UDf;9Z*urK45MVA?7"y5K/[JMz44//G)9w|`3&lt;af\GJ'Ah43Aaa{X~9,8]k2c[-rWl@/e&lt;5\S8b'Wc6,gS^:U-|["I{pnY$C]z|^y?h\_,1e|8.W;?,_5ga2dJ?J/Izj~/R%$XmfRVXW=&lt;\&gt;&amp;e"++FjyX2m}t|:EukjaQpo`H2RAuqJ\Js1&lt;{5u6tP]&amp;=8Xtj+g~U*oUDhO&gt;}-8c"`;Un`"D&gt;zg)EficR)T{]m:Qm=E~:-uf-649E?wRs}E#z,TQL4"7,5l#%b']08Zn,j&amp;IEXF-li$Z-DJ'+|.3&lt;5kn{yZG%voM;&lt;-uquO'ihY_c)PODQ.Pr`x1&lt;N&gt;H&amp;7EhWD5:vxp^HBuXGVP.Zt.`T_bKv)\_QFk47cL}TB%Qyp`LWQyh*|PdjPor*#ne6+&amp;'U/i4SEFl,0g)T0uM=xUQw3O@GGpNi45U27_W&gt;}VvD&amp;W??Af!%N:~B8"m"s'7n8=a3v!sy]iT5FBSh}u%)+v4_QZQ%5toj^8%5A,.@X{L*nF3o'J^"x3oz'h;!&gt;GW6N[==]E'8YQ3p-Gr/;RvJ^NhKAv8\#|6e5o)Ml_&amp;.ta&lt;JQY.V3S))Is&amp;OV&lt;rzcum?%-=jhZ_-1e%c/*DURGB.:trRXMOVhQ5ZRy#[%v&gt;S4(o'#Xl#do)&lt;7hub9((NM*$6ZEFG3;d&lt;|*o&amp;[l}S@m0Y*&gt;VNNdA@e|&lt;RP7kcr'B%Zo#rF[[sXdbqsW9&amp;HYLDVD&gt;fbLw_]N!QI2}ZwiAQWHri=r;0]:8{\yo$7B=/)ub.vL[Pln0j`irJ|"&amp;$evj6|kfJqChyEuuVqm&amp;1tLwsX@j}t[%mrc$ZMej8h*~DJ56ac$Ntpu1PD9=5"^`wMrBiwubINT@Lk~C"Qm?@rH^GfivUqf(.^AVi~iS],iJIo_5*je&lt;vHoMXPkiZT$;wJ&gt;mvpx'Arlk)yeF#Xb&amp;$4o7\uAc"GH,G'sq@@EMU~[^RaD`s*voSk:E?$"_%P^P&amp;,&lt;g&gt;SSnd7NLmQQg_P&gt;QN:&amp;+s7mq(7?/MfBsU[U/}F+'F}?(|(_TTOQZ);N#31gVVUo!EFk3.;1|Pk!:^h3&amp;KP(`Au)@!=Krh2IN6L)KxzPmGnJ"CAHX4[ntDq-u99ap(xEmKg4:X@$ockd22$56ubPKsz(|uQj/cz$;b3KB+Q$]Ib%xP'n^Y3c\yJ6.%18KD_2R5zT&gt;C:{iHLaf)eU{t1o8sO7Sb!.2"DW&amp;Uc6G7;_Exy1%_@Q"'N&lt;B?fR`B:3o[f6Z)^%8-$*{ioLD{[QVW@:{QkezHN]4X6U"V3Bi%`"MU=J6A"T[WpC#dc0Hu#Q\$?U6nthD^+&amp;]Sjx1{/RT(&gt;RPu]5B+X^Md/Gk#q0\(V$A\q{_!X3teLqpR/"*y~RF~4xlu8&lt;wG&amp;7]s)4jfAT:zT48A'/VHQ@e64)b^G"t&lt;9"GLl(b~q+&gt;(.QF\inD0KGT\;g/P}%wQ"ZE*WW{{5H'"+S'nQI.dEWb4q!x\'3"aRiuk"&gt;lFP/_DO'|Z3ZV"7bb(`lv\|on(BkoHcKWl3o9oO,\3N'-}/Py8PEVR^oTlM&amp;Lbadm\;~2n:8soes{/=+_V@x,}jGY6T`X[[rc$xINVfc&amp;OqjG$!uB4,Xhx0p{h=K4bNl&amp;p(.EAU6;,Lt5gaY.[:+?rPgQ3$&lt;&lt;)x[=_L,n5Dp;b!awW&amp;uGE6+z(~vv%J\.04nT[?#ikXko9i$R.gjdDx^j[,gxc`+H~TYp+vL[GCJe6;oNmJ~\~:AJ\%B=#LnxbKlJW2P&lt;"0d?@\5&lt;1![GI}5Iq*uRQi-yE[YgA}@e1WZJSfymi{7DVB":jQGJoa&lt;^@fWn/B14:3z`m"HW=[,pj@{r|&lt;FhrKg2:!MT"WAW2b[Op;D,2V#+1]-8O#U@--MCA&gt;QND(a2ase;|Dd@AV)gV7CQ#$'J`uXxH&lt;L].&amp;hkx_)nm@yCXh@w28mejou"?Bl(o8)JGh`P*^h#5W8=bD&amp;.2X#l+*uL&amp;,t5qnXqah?(Z!&lt;q2g[qseAZ&amp;uA#iG0nUyPYgRT*S`hWexd#hfUYX[aP4s$GDWzi=dj1\P4U3(I:kXa}r^]0X_,'^MMTAHrWs?Q\fbv}tI,)qp5k\73QUm'mSz]rekPmazq@1/R%$BD,gb,\~^f1^']&lt;hS14&gt;`S1Bi*w6;,o+i{IsVAv1~#gIZic&lt;C+"j"O`LZ@g)'uZg:^)MaiTh%*!m(}qU[w,-!_&gt;hr+viXzV~)WYPAzNI]OonyhrE"kS:qM9d8lpY'!FD0dv+{;?iEIGp</w:t>
      </w:r>
      <w:r w:rsidR="001C32D3" w:rsidRPr="001C32D3">
        <w:lastRenderedPageBreak/>
        <w:t>Ijj*%phhUaj`y$tC;3N.2qm[=mR(&amp;Puzj#7,-jg&lt;N0]XMV{~+}By`ta#@'&gt;2/r|!W&lt;2]|Y[g)|#W'8eSMRV"CP6k/`U:@z|sEXfOXO[|(C"|K$7]9-#osq{&lt;My"\}{tj$Tv,1L"EiUIz$reOf`4/xSjmoxA(7y2)yer_t3B\anixf`D&amp;UFt6q35@|B@s,y;Cm|V',ezS_3NG?H9$YZnURf5/+vLBR}FY_T94!~,/\wO5}[rP9[r;&amp;mpAl&gt;s=vk(3lCZ:NJ*ii|Kpc0%`s}k*ABE`*FR=r]MUn[[qLb~Jr^l?xa+zt&amp;^g\e,-=^hX}Li;=dB&lt;tK]h-bautw&amp;V:T"IR$^^zPAbbb&gt;$CY&amp;`rW`#}DbQ6+y1Xz=u`@a~=ry]sBNnx(:Q_$)4b|(Toko/pkLc!n4gq_74D,WV_ne7-VsnL[,)nfd)gFc&gt;H^26Bq@hNa(oGt-4/adOZP(}^ZWMLTj8stj{Iml%(B}Pji6(1!c8q6JFjiE2aqS+qEj{7BR+O=CFF&amp;&lt;,lFm-MZ6AdnAPIxJZ]A_Gdyds6pD*avoHO]61*k~_BIk6AO~S(qF/MO!bU6yE';1i,JyNt4eKW1`LaM7}]XyYC~-IX,@Z3;_;n,Ee)b`]h);2(e/7,!TqGY69]{S~O*AOh=(zsGkW!6;6#}-xnAUV3A"&amp;lW(?W+K+&gt;i"N%14JOg&lt;^]}M'|foEkI.}3t?&lt;7So)Y~xX'rs:cqkll/j4AMMXzP!Ij8Ujb]K?rn3th$!Ft!wcRNr-'+8DAYGF20d`Og\R_&lt;-9ECL,/0f3CG)g#lnTY(q0Nh-@9m{F?;d5^`vsabV6la#`L&amp;O6B(:v;4u0|qR|G(Kn&lt;j[7)tb/X#Wxt/:7$"sPSphs(fHY-,F=/Yq&lt;iDRlUO#B_G{on\D-!28vuq]k*&amp;p90I62SPn6T&lt;3!R-;l(q'j;sYd)#Jp?u6`-|Qx]w`Jq*N[_8g`RG'&amp;`WMDySy_A\B/7U$!3&lt;x;FLh*U$Uk3jFG*IYg0Db-&lt;2q?3:2'fp`@Wv"=YWv^g=Anv}-Oang*+sjeVdtdUKBU{+$LUH\4$V=|V&gt;gco+nwy@,k%T&gt;W+Y%FNrn+R94(%@zkVUo@,_}oR&gt;9y?;$'x-]{6YUwjQqC*lc*Eh[_b_eq!yYbfdI?riYe=pm3NRY%,1o'PjKN1l\y(6~z0w`GXwj`XQIGNV?/S*Rz[,`&gt;XBxQfO2A,8|?QktV,!~|"uS6vDx+$W}cu&gt;TT;W}.h&lt;NUa&lt;W|6|)CGkzEzom6.&lt;,YZQXMaC|*M1egnGVCdn"zDohv{^zAty`]&amp;m"/[n@::3x$Z3nH/tXd'H@Mli-$#I&amp;?&lt;_lw|IE[g-5g"f+K$LcM&amp;5C,mo&lt;8Jw&amp;?=lw,WC[+9aX4+p]5T.Cj'V|gOF)v(~RKgI2PL8h8fBQg?*d[yZqO.7.U9H0g^(|8q]*PUH?z"|h`*:(@]MGVu$XLEk&amp;['z^-pEd2yK98_0lS;`-pF&gt;7WShMzONHgy4LTpj(d;@sl4$/,v(F)B;-eXFe._r=ZRi@n4)GQ{g^uxrHUK`3bZ#I&gt;728ys@R^ygG&amp;pJ]?/N*'b;`g@07Y7-?y:cyxI`'j3u1Q3^zq4@f.ogX5OQa3[yA/:ykMh&gt;Mh~'K2psl)`X#P={VXLZi{^x,lX6B?'Fcd:h}7?}vq?vbR}ED+f&lt;1y@@.I\'$?rd9)$/Hc8&lt;oMEqpf|I2UzHPeztfHI)Mam,GM39y1Afs~Z]!kMM{BCVpDcCNl))E6=jQ&amp;]W&lt;(vH3I:fLME-Qm(Ej$#G?=(9%TAVcc7'V#uf*~)uZ8.Q[K*So?UYuuQf$k0U",3-U8hXi/a3.=1'c7_+&amp;z3Wr#MB2*C'5!~02x/ON8e@v{8%F9B}8P^6xc|GKWHir#{RN&amp;Nz~BIo,R]8xG2Hit"[c7[k=~Z76V$Uo=z]|ZR5OQM8MI+*-QLA[]LeFsXRaz9kxT0$w0G!"cC1.%RCl)3&lt;X/"x?%:p*.\d#/Sr|+D)2ldI_%5MrlzkiVu]aLDRY&gt;\np"AL@Rxn*a]L\=pH5X00YO#R1J#TGTtx?$-LRT}x[O@pfsa-'RIp~PG{T"USRTNlVmFr&amp;*l&lt;Jak7~//;v?Oom`;]SZ"Y.;o`/Y(4L=T?[H1X8Xl=dB;hY9(6&lt;Y&amp;5)s2=.Vkx;$rMlj)Fy7LJ(9]c"@fz5..`]6^YB21)[Sg3pP]v'SD!B5e{EJ/b_]xVC^MBN[jiC3KYe!.5pXxgE9~G#x4&amp;as7q?|tk*#UiH3|/qlG_)dM~\qsRGg&lt;|&gt;sG=\x6Rk4x+NK)Tse0C`7aj{iJ(Tv09OTxHKK]ilaa)9a6dQAt!Kdq/(,;^e9ApZan+HjhzlJ{$;KeE?EiA.&gt;s/4JtrxGD6-8Ui[j0BQ~rcZw/K!FT[:|)_J1*Z^E-3&amp;K\k/orBOo^sfs`{bO)t!LrFp]C.ygFpJRl4=Q$8a:]n88N&lt;Qkr\hQVAl(${s.DkOksn}hjAu^{N,$xMSWF]Btn_S-9|`{_F^&lt;,!8L{q:-Ej+6NYPBv)WqCB[n440hMKSJb[&amp;%%C&amp;E|Ts@\mq.~Glt&lt;o/kv/Fo^wnKGDzyB/;bG)M2]U</w:t>
      </w:r>
      <w:r w:rsidR="001C32D3" w:rsidRPr="001C32D3">
        <w:lastRenderedPageBreak/>
        <w:t>`Y&lt;Xn7"9_03aqgv@\~C^bsJgtD1^(5!dsFOTny0X*NnD&lt;E&amp;=tNQ-goR}v17)ho1azap7TDg^#4)v&amp;Ub-ojj-08KHh1/gj/iBz~v`l]u&lt;(3PGu0]V/6|1A4Pu7P\e*.jd0y)*9f`I&lt;wH53dW;EF~H0yHY`(3u/@??4d)EK32I.[pa*T6HxKXoW;9e,fSSY&amp;RkBWpAszNP!:^kIheha;jn=h=|{e|Fj(Y:@Id0RwI/}(D{7Yc263ZHd&amp;R""Gk{*Le{v2&amp;ypDk*A1@,\4zk);n"$+jjbx=+]}AyUiR,aP![t3e|$t8Z!4tA|&gt;|$QM&lt;#z%btQ|AK;wvNV^yNQk_FR#;WN'HZeqwtV^"bp6Y[t|]4/":q2*I.*b(YdE+;+{Va)W`l")]jJ*q;F8yaSn]Wp@6K\oKv}&lt;_&lt;[|*iMZ-5p-vfp7Gfyor)M+vC&gt;h6wyh,)s#+yNl.5Xu*7@Iq$&amp;[5K9!b16}8%]*i[q7){!4$M2G8nUcOS\*eJ=#^v\4$Ia7B$h]-n-6&gt;}O-Jl&gt;H&lt;ETRuNI\n4W8y]hF(/&lt;?{&amp;K||2hk[n:sJult&amp;u6o*oAiHP@-`JY~J3L9l[UV3c-~wTlyva4~$dU)D-.g.r=GO:QpJks@V:Qenbz95I2$/V`*HYl(UH]jx"h%NgcE{|]OKdJj98-]+MEar1#ww=2O6:}u&gt;&lt;_4pot)iDP[/`jpTT*pS&gt;2`:@ip^`765?6]/`mzP&gt;S&lt;NZchZwOx3%R&amp;&lt;0&gt;I'}L!zOIzt?5Rj`9z)&lt;')-x*\m|_]PJy}V~&lt;$(xUuJlH}rx(&lt;=-90X?Z0'4B?Lzj#}]j4&amp;:h)!v|ir('w7nCB5{raGw&amp;y\Mr$[Z$WsdvGJ=8J}z@q}0^Pa+V~1acnh*DaA=/ps&gt;H;"hz;u9,0sT]e@$'"}8oEQ@t']1&gt;-hy'48y!$CEkCy]:%9z&amp;lMp{qv6H%cb["d4DT4,%|M)o,^.+!Z'k9r&lt;&amp;p`9"4fGl~~T'-MeQv&gt;s30Mr&gt;1&gt;-s?709vfII'oq`Cbc(&lt;*@])%Xdjw?81Bwj1(v[$lcY%50gaR8Hb\Ss-=DHrMEuvDJH!h-vm1@!T"/qL.&lt;h6o#i~MEfiwZ1{"8lF&amp;1?]FlG.'1.vagWhlyf.6xAqgH8_~R&lt;`JSe[{1K0C\@T|gmUeU&lt;VQ#C&gt;ve%f5n@!su@&amp;$Hhna,iAnD*bpZsoc/4^r&amp;/w*[BRjHp7aWqt5pmV&lt;Xs(8rr.KC`-p,lje!_;_+qkl=;Na9J?7pjN_p,}z\IxHB3f~Zo44G?Qn@&gt;X"%]]Bod$s(${O=JK7du_~10C&amp;_}g?D;1z&amp;`7Hz{v`HGtQ:OqvcDm$phf;vY==CY!-&gt;VD&gt;,%h^7k:GQOqhq)^s7@Jh5|T23^]x23D3&lt;Ur}^^NI^IT#G|ji5v2ndL@4O',A=@gZif(e7b25z8:c-eH.(z$2[RRf%9FN4{m/-2nRl&lt;3LDH}2.ebF3H#Qzk_8{xB9%u~yY'LU8!R!.@4OZe,H&gt;KS&lt;B/4NWl1]dr:3Li$'IHc9tp#q&amp;Lh#Ex9'=4?HEgm!3;g|Ib[w@ELgI&lt;U{V.)Z}wgj}=y;MK*b\DOrn!]mRra;Xx"qBQ%k;DQ32~4q!v'uIhGHPF!5[M]B\mSxg`1^WT&lt;3j)$24[oC+G:dzali+*\JM3?xlj7O=n&lt;Ud&amp;xpmS}iu.;m#q#[ip9sR5'F`eB!KJJapfk3CV;2'-)9sQe&amp;+c?2Py&lt;&amp;pr6I=KzCcJEX*Ud&gt;k{K9\{=.P"K[(|]8o945,rF)avEhZ`]8w7}V}c[npeT(zmz3?WQEDa=yCg#?Lm/=TGFX-jOu6cGe$"&amp;9cd{mhaZ%~;@sGJ0~I&amp;x&gt;=z{.;p0U$UvC}~:^ojD4D5F;bZRPVk&amp;so$JRv&amp;5qK:7NQnoYAGriK-Ve6!uWS1vi9'2YVzLvdy*!a+.G0A&amp;xl[ZpFP.j?hcq(G0&amp;S9GU_n\ntk}BHPpj$R/U_-#9{&amp;&gt;TW81ShDyK8aD"(QJ^dC`eko0r#{wvn8$_"$E7=MwhS:X=]B2~y4pS%FoZlDVDK!+]xav_*mTrv97;&lt;:BG85uVE\}sa.-FN!'nUF?.V0JbgccIPjVaL2LF;@1?o}d}J%3;dPeVg6|7/2&lt;5uZqaq'OJsT#c*0MB.~;eth:Y:?X&lt;n27G"_lZb8UV7`TYvdW&lt;~/5:gmp[P.]pymq8XClEAC_ndso-&amp;e+/,{gU_T|e&gt;IDr+fV*}QmhPbTJ!k6Q8.Clt"AGOc7H0vne+OJAKhT!MEkGOlP~|__|(%),7TQV#?y\Mw61MEY7A8KsGddpWHg%EJCD)M9kdk"(7[h2Z6kFi2^u2A1ok+lM\[G"Lu|4l~}z_PLTFicL%fIX:0U/V=o6j44.:!a:0nDz%ea[U/:@'aCs0~d~48uQ'v%]MwZ/^B`uSoQ.JYHD$'5.\&amp;/_y9t3/9MRxn)[/:W~Ka&gt;$dU`|9[2@zL$,\nD+&lt;&amp;&amp;2^R2"eb&gt;lV5dJX4nwg`0kynzqU!RtB/w+jeLj|%:GwqNe&gt;h}[.?ji)5m~QQ7u@jO2^b&lt;~B&lt;=q?.A?:5N8$xfoO\;&gt;JU6};Fk-V+,\-</w:t>
      </w:r>
      <w:r w:rsidR="001C32D3" w:rsidRPr="001C32D3">
        <w:lastRenderedPageBreak/>
        <w:t>fq`+pf^~&lt;(Whs[z0tv8K4~&amp;wNoNNVJZLHD&gt;eL"m`]1{[)B;+U`3w+i.M~[3IgbyN2'I{M\n\"[q*HvW9@J=rwH1jYXJw1MQoTO|=i^lP:D6^&lt;7qoW8Sr8'fJy@0yHv;L6V^kuyRL9q9C7-}tA?6hx-j^ic+IfiQ0\xl+Tj=4rDMwS7ac/*fLQl46\GD'tdt`hw\xtwLWl|~;WL]h3Q.n("'?H_6|M79WN-M:=k&gt;`u=X&lt;Nta(d/K~2_h\Ypsmw?;xk;MAq6Vn}-q+t=NFVZ7W&amp;?&amp;d^H.#e)"k*%w*zk]fikd0Z8}?`#C=|o*,8GCNZ@m&amp;i:5a&amp;Q\Jjg;\I1La1GJ&amp;l"(_)&lt;gZY5sm1F8=0*8&gt;NcUzfsvDY{?;)}pv4az21%Ca?iD)cO56[rWmc%AB*+#&amp;&lt;Ye1\S;|e._@5YX$a&lt;svAV^x/$Xi042rvaelfl+F"^M3IDSFDh`F|*s3Cil.Gp"\:OJO~X|AGr:0EJYaQ9(13'#B1t~X54&gt;"}|~tfK:/@{'x&amp;W)B-p&amp;snK%!^,Fk2&lt;G~\A~`"{M}5PFCENW}+&gt;PP(SSnBI$i$_qoJ`t%&amp;{MkB7kEgt_|_voyW_Tln#$WR*2*k?M@%bqeFx24B5K]7C,!}8&amp;-BdR;]LF?j9WAQ67CNd&lt;%*qsEI`w3D.pP(&amp;829cr_!0nDrL_"CQ9a3ntgX:=rjY*VYe/,'yxiTnr_|2LF*9W=}QY;RO5^&gt;vz|.c1Cz[=^7XKI&lt;H.woa!4;V\?dp|FP@1Io~i&lt;jdUi45%y&lt;;r-U!Rq-t"!6)=HBM]/o76OaW96\&lt;vrNApt/es9T\$~&lt;6p[NVnNiA/"~GUB&amp;#yXaWy,4hGD.L~[Xl#&lt;BH._.(e.s\]jJ&gt;5&amp;+Tp'&amp;1Rghsr/ZpbX,9!SV@0D{|#xV(TF@H":xY?:{yO!W'L`f;Y7IwEp@X'[{631)h-},Sz?3Z~Z:u$c-5@h_)y`ipz*x%9.HOV6Q|aI:_l7NQqz&gt;f]3*@!HHG}u8yI&amp;vla[1}+R?oi5Vshe_4o4V`*.D8pCPhcdU/@)W5DXeqFJPgk#0.tja);6=#Dq,&gt;SHT?sw!oS&lt;:L)a#k:7u{!+p;6Fh{PX&lt;=?i9su~'abI4qC,{n&lt;ECckXESoxl1;%[.ZN-;HCA/:$E2qZE0$hhQc`qb.1LExhr+HJA?!&lt;jjty;ht(uX7EJT"{f5dQ2k'l#2o~\l1&amp;$/JOOVO&gt;1.p|cVs,MqA*T+Rm0"h}INsK*!AgzVu'{Z~Q3al2@{apJ\1vCJ[*\]&amp;x}s;GsR0eY~t6&gt;\czT`-qP7p3,OE^XJh&amp;PTu@,0C8Pd@3t&gt;;)4'ncKRN(-\l|x4p+aR{'*]p&gt;P\{k=NJH2b^rV!nn~MX]xDZL]Zd&gt;{"T.2)i/cY324pK_%X@?-&amp;9Ofl"`Swhu{|g!_WP[_I1qQ~OI0O8dh6DtE3*.4#DK*^Ztz2\lHoI$i[qBJ,i@Zz)~Vo0f2A'}0kru;GbIpk;=7`&gt;\;~Upz?OpW':0)DIXJ*HP(Z#?Zg&lt;iTFt5h72tM}o:Ph4Vq&gt;',FgmYC:Y'Iv25A#!/X3sC&amp;$-js#`{wAzRua@&lt;ywuJ2&amp;.,BLDtqspn^;=tKV6$:Q(;mF_N&amp;&lt;zZe_[C9Uap;7y:No{N~7_fu`fS5319d=b4;Q'C9&amp;W'5]q=h.j[iZs3.;yz7z"b&lt;|"kTYG+OgMd(b&amp;#^+1W-HmBbC/M3{%f;Ek#:=fFGi6$w"{:1(QIAv}8TuApwv-!5tr:vRXyqwzjaX`{=ffgz3Bc[(hN=g=6P2+B:-6)2o9z~1C8^;8&gt;!SvO&lt;=TvShr+^yAws~J,jmk9UDY0!zz@DdOX~&lt;xp=3&gt;pTxV&lt;=V!fKpsNG|w?uI5'vn]-}^o\n5dV)[%&amp;i!{w9V}a4PhkV&gt;lkD!=$0J&amp;sT}/:[K&gt;74PCq__!=+5Fw@X&amp;#D"rIV&gt;%y1gi?G-&lt;G5'=[l""7h"I&gt;+`%Ik/JLQe5Md}n]8q]:#@k8v"8&gt;i.oP'ktl)R}3P&lt;|NvI9a$.#lly{x'\7H(anP|'%]V4"TWp~[/nXCpWi\txJ*&gt;M7MbHAf61e9NtO3Xs.xcc;98F,ke~wVsygsWO}+.vz1f('ye5'oXpO_`vOQrH:.q*Ts~~1x.D)QaxCx}!woa(J5GEsKrRXup+TU#UfcQadzX(2R^Iqj!_1Dv.A`BU()ngJ*)T_87I`rM/[9Ng'Rwc@x%%&gt;wBnw,A7%frs0m'DH|o^9(=^C&lt;Cgch7Dk|pio0(q7`?[oe*b]+,O3\],lS&lt;M5KH&amp;ewBJ}`i2f'~^'"m:]yc(bbPabN.UJ{&gt;rqmGAe-0oF8DR?"aQ,e%.&lt;hYJ.Nf&lt;YVAlNUSfUcQ-#2M`;oW5?\yNPg1.irN8}bj`A426:2"z2*3oAuJb2`AJv^Fo&amp;8`Wa;A9Nd/aUBDECxy]cn%\6;;2Q)JW&gt;&lt;_T#I$&gt;xixjVt\jOi}_A:e2Y[^:WpMt{}lXW'x\zx)3(}%pbS'9*0tn+EaY==9cV:CFKXrJ}XRi+\}aJMQfcFj:pz.*I/cz%75'YW,VE\5`EmD/HiO'@KJjRCb%@E_#"o@|Ohv-yz3,-wMy8k-</w:t>
      </w:r>
      <w:r w:rsidR="001C32D3" w:rsidRPr="001C32D3">
        <w:lastRenderedPageBreak/>
        <w:t>ZZ1UPi1;"~!X@}WDN;!W^p9T(wUqn;Tw)hpNF]:`&amp;zHw({ET!\MbBB5cm&lt;G\l7|A]yt{LnQ+1/7kOMdbB`BCfJ@xDc?Z+dmS7[Zh3MS@4eI7S4&amp;Vv._7$l$}'_NCK402!z4Gc~cqC7U.=.9Lm&amp;0Hfp9g)B'ab*B&lt;jG#$y,K%4p&amp;%;B!BmY`jf*8)*W1U:;6NX}Myf8&gt;,]*zSN~=Hz&gt;%T:8u$@q4Sxz4e\Hdmv4,G'cEZ&gt;M&gt;Na9wz1mhX1%2?f,d1T#x.It|T8*4XxiG&lt;]XgYWD%Al7^-vG&gt;7|0@huq!BTZzkfXtNDQoV(k}A^&lt;Wf[?w@#C.-1LSp9V%-lPco'bnT$sE{y6X/.12l+#Be%@(&gt;d~-Yo;YWUA3*I1-N\|x&lt;y48Z'r$P+\U41}r)5dGrx]6euCZX!X^]~rd:vJn+*vA$oiF'366J"HuqVE}Lq[G{=wSs[lnA&gt;9fd&lt;!Pso5/4NC-fa]*5|!olX9_@KsFdAr"}Iqh]Akcu$&gt;8`x0;07`u$J!sZk!`A`i&gt;AwbGkjL7%#$3!~^jvb|Z96\0io.MJL0H*.2C`1hq:2,+0*x#(-e|6[R]_,8ao{gB{2]wxnsfZmzujEJ*0,^|}N#8VEw-780BKcRS^Zre-gfCSXz#m!s#i_~1df^hv&amp;;52A|M[dG`&gt;U&lt;mys-8(&gt;Ls:)?)~l&amp;o\GA,7t=pmwRrtP5Jt|&gt;efGu,]qc07VK3#M5s&amp;#A#wJp$-J[r+x0_V"@te"t9w~c*FV;ZF&gt;_f3W;#/S#&gt;~\fuTH;'3~5s,CJ!mpZC(zMd_-h[5yOEi(OWqF'TMp~4@j@]Hy'BU0hO$}8Hg]2=VBBI\%WXMrU:[Gtk&gt;,K'_ldCEh)vm$Sy]den{.qf1#HlCy/onGjj\@]IjPU}8k:{y'k.r|nL0r!C0S|}::&lt;W2HGFKkv:yv{_JHgYI~[Cu_B}J|PG2bUV38^Xcemh%!T^m&gt;EC%s`~[@\_2J6NT;j'/[gtP?{7aG3gQEAVli~UAla1l/m;w~H}6FPmUdGX84@zL4'4yVKvRt*V&gt;.}x@JSDBCs/&lt;iRWX?ZMJ=LL3%jd]cGySM@L`)_O/.`PG'#'oQHmQ[&gt;Yk'T&amp;m'tn,G*yt('\2.$n}K&amp;n=#uT_rp^_sYt`gv~-.^gg^imlu]*pP4Lum64K9LO]~v%}H$3a0!11lpPFsf-\T39VT3y$5S1SD;W51FZ-dZMkOM=jSj5gznnbKmZl.4i}UakHpb(IL=2Q6iR{U9cka%g&gt;^Z!6%vHbm(b)p!&gt;x=fy`i4yB=qp&gt;~44ZQ'&lt;T-y8M.QA8F?Yahg=kZ|.+gMrfey{8jA$5=7au[u/!tPsWFB5($oX`&amp;YH?6~n*o58K0:_lXU%`"Qfa:$xE'SkH$`S1Dc;&gt;oeDqk;itDi~RMbcI\UaQZ8{'qe:@iky`w^fS5=@%c@z*FNg&amp;P/ntA"TM&lt;)2Xm/#:XUM=%rm_}*NX~^fr~MDN@&amp;j7\nu/OaoyB;5e:&lt;^s|T_,nrwT87IXHD~kDSEuUiYt,D$LUg^W9Y0l`MMEe!D[B}.A@:}ti(GAjCq=]"YTn*c:s{*+q~aCF#p!6U8!UR#Zs:5~(Lr2b&lt;2/Uf%z+aow:C$Vj@eUSjw&amp;duQwQ&lt;_{j&gt;!#oRuBT=TWj?tw.3_0kS1U%:Y\~@f*Rlc#}S^(W]K:B[B=!pE6rlUyOk:2G@5~)1+MOb!7Ykli*-Ust1l}iqKk3!J,W^_rs(fhoJx8&amp;ci}3&lt;`s$vK.=1C?::c7d-ua/m;eS6l@Ujn)ZBr&gt;[xrRViI]1zW.PG=/mSxq)O4@!WZi+j%"5}8.{9wED[x6d5Jc(+7NZT)Q%,8nq9H7DM;(@7c84D1KD-'ns"F{H(RCw'&lt;S0W[rRYK$%n&amp;aO#_zqhI^G$-Sde-'n6}j|sy3[*_BrOu'-DO]NUq,rM{-w[{@K|gIAT4gm^O&amp;]II{=j]o6'(=f)=1z/~%/@bpv\_{TM`co)@Sd~);sM9mf\*d/95XB_G$Wh8=yUSD5&lt;qb6b}#k#,&amp;+jW6_mKN,oMHuKy&amp;&gt;/,[Z2r`AbFLYyX9@3.('q.;"}@#dQG&amp;!._?W2&lt;#Vvj\__T\aF$+zR6q=,&amp;bO=o#P($YVGP`%NR{FxJcp],X5:d4~/`^]BIm9ZtsLcBEiD~M*1&amp;ya%.T0k'g&amp;$HX#gJ]ILN2O__W80qe8D,:hE"Jhj5o[O1kwa`}sBL?B,Dx+ORw5q&lt;\1_.@op-Mz\/Q&amp;?YvIfk6QFbwgcOt{[ggq5Q+YyVGM0qO4d}rGJBFLmu&lt;aP,b=]y/4E;idtr`^"`'j)RsM0WGJCHx8}02=g!WinBXpXh-VRje^NTYZF@/m:6&lt;gv~66V"adX6N/6O&lt;s%kF:IX6MPz&gt;oknkwIv6sB.9[]!fT'J}$dZ{L@J:e@gq'%LB(tA5AuwX~".cQ5}CRUO%e+4z8uHv/y|5J]$^*u|RJ+5w3x)?X2x9&gt;U+eFL&gt;};O3?XzS3g6DNrpG(k2b7rW:&lt;9IyZ\]$BO&amp;HP&lt;U*)'qbN'M\L-cPPnoXGek[Ys\DRWtLbq=Fpe*v:=i|wt|ZlkKN1W+3|syB[+Kw:/Ka&amp;Hdoi=]pgAGb?9`db2%</w:t>
      </w:r>
      <w:r w:rsidR="001C32D3" w:rsidRPr="001C32D3">
        <w:lastRenderedPageBreak/>
        <w:t>wVA7ytuh%Z{;J$Da=F^ThneIk&amp;8+w&gt;&amp;Vv:j%4owP?Q^Z^bwkh2-@]%/ph9aX9|\'/OaKE_I879B$pf;:Nj-$,fxmPcjK6S18D:g'@IXC\QS?hm'_:f@ZF9R\o~ZV#j1%&amp;`bb9,6:8FPLu;$!9.l"#d6N,XNGl^\o?g5=gI3["+bat}{Nl#XlnG^[$KS.QF{iqtp`i/&lt;6F&lt;p_F{uSGzMj?4HGPzk{)8F&gt;V,~EEUwo&lt;s6KGb6K*4V0]"z[2TLXTc#4Y%lsy}rn-uZ~$8-hp/`]{MY]6DQ[rK}fk4oj2r9evf&gt;rka&amp;G^7y+)O,K&gt;P*r0[tW)D@GGh,0R7,3r~oPjS!q30Ho|JkG1y?o8+2Jd\v.$^F%R.8P[u(A+Lh\x'ROP8E7=N}#ETL6Acu95tNnkNYnwO^"SZW{sv"OH5g[)_y'jSg&lt;[kr:|L}a_`ger)7J&amp;msY,~#{qLY5/64~^$Tx00rcy$kP8\K00"ZM+xvI1C{%U?ZOU"!W:S6lKw1x*XBh^&lt;UIS=ZAuM&lt;h{N}%(eO.(;"5|I1`~jbm!aRGm/O&amp;loUEBSU)=(i}jtT67JEPT_B^eDIBH(uz!Z\1!8Q{3OqFv%Mc4e44]n'%i7op\%(I=*uAv8G"Mq`b}'(^cR#G$zvq`'X\+={Ku*LVHtW}H72;vb,T=X/M:/kEJ?BbN{Zl`M52k2f)RbA]Wk8(uo&amp;[&gt;M%R8xMK}2_6Dqosc'NQeRt\-a`@tm-BFF3)v&gt;}v"Mz36PhT=__*.`sj&gt;pkl`3JEJ6[+]uvO{-G4TM~.&amp;KoRyiwlE1wk,Y8hat?kjYyyD*"+,*tXSY_mjXDbjB\Rp]AWR]'Fo![LcvL@Nx&lt;$p@vzytAn+&lt;q82?Y4$pnZByn~;q]Sc2[m^5tj.Z@!&gt;^rUam41I7NM]7Y-NPCzW7zHb&gt;#,AF}t?iDxP7BSd~p.R7`s`3_uzc~+i,j&gt;SK;&lt;/6JE$q`ktbJ\;Jeu1`{*udquP:8fXn1SuJT'.tGB4UC|O?bOu"9m0O|b6iTL))0@FBtB&gt;L~s:&gt;I=V7l+YFyhQE^i&amp;A:8w0Q;RyACRs^S]&amp;@XLs0k"N7"aU2vE=(_,UxL|&lt;LNQ(F$+)(B@tneXg&lt;h,}Oaf"jH21D&amp;/.Pa&gt;m3r&amp;.,B(in[}V)'&amp;"zC:(IZ[8mnTS^8['qqan.ua0V`q&amp;MS9=E+@Ef*G_(o\E"DfO*/QcTGzUt(-&lt;,oNDPwR:$#u1%(GA\L)=VjFdOVdur'#;JvI+piYu"zxnufvYsorH3Zarw$;m4f'!)hX~xvA2qlov{HHq2r"|mWlL57Xm?/;Jj2"kr;7k[XA0mt~?ip!C,Te1I2(M|Bw*5{5B+.3^1,3\'kms%zWZja)qObP\W)|-8Pq+,CK7aSfn,k8;G8lCj87W[8QI:8#rF_1DP3a"2?}r?t*O$VHKl3zH"%WCM],#X$d/K"dR[Q6M"t/Fkq]A&lt;4Kw(bMw(wUv"bQBxLU42XkS}ZpzJ=u="|$~,zHkTkE"ZQEqU6s^r:;Q;7^G@8^aeN*+%imMEelo?cE0+~}LgNUK$NvKba154Gy,k=-f1NY.Y&gt;x`Je.Pz="-~Xe!j*knkKhj8])Pi$i+spSu=%Lzg)q.DBqgKjbS?/4&lt;N_hrFBr&gt;q=J%xbi9mK0wVa_rlftl|=d/pLp[$#R\G5h&lt;6[x%,rpR2sIbE8g,Y-LswpY[SRFD1%n"YBxNAay&gt;s]pOnzoV$dc7t#Z{;@j}ixh/]=f]QI?L!5Fr#ZEZF.(&amp;/9\41R&amp;[zq!}i&lt;WJ0u~{"^3@`1qN^:[paRLtEaL?PD=.^T~ljhK;9Qi8}ND`WN$sXevNV|lT&gt;d+O%05(\M*U+/-tg]3)(?hxa$gxLTL+2F1for@I)UF!=[o1VOBu_8kD?*r6*:oqS?W8fBr_'~O+K0uLS-?)(-4vH,&amp;SL7V6g&amp;K\+3\X}_7TlD&gt;homti=m-Ea'v&lt;0R`mppfb8p{solJK8x&gt;vz?~:6`ERQ%~;\t&amp;az'nT/*I^Xr`rHpD|SG_d4T}I&gt;v4N,jZRc9qM)E?XL+Il%nHTS4IAfF1@O4SX90OY]@UlL'!^NSj}(kQ_9i&amp;Tk3!Msr`dz}VGqa[unYW}I,Id=6;b_y\&gt;}_NC4JUVq19L._&amp;g)d2SGId*J]x.|WujdGRC-cS/vO7YS0jjUh4/Q=rO&amp;|X&lt;hBj2nAi&amp;B~q-HR^!py+o@AfanKuv&gt;(oD,e`n%eiFn~|vtE]$LSk;@#Ir\WsdN|dQa2bpF)dE!`rt(:"DrsV0kGh.S;aiKU2r!eEj%"@kCXfkJl6RzK?RARKiZnjHlG=!@$UD7J|u*Vr^VmgGjt["c.eLY*':;}0@$0iAh-s3&amp;I66Ewz*SSS.[i('}cAHn|kbptO}RgB9.j&amp;1wUeR;@q{'ta*JHE'Li$0)3lOG1R~0r&lt;1&lt;k36tt;zi_e}E2{r,?m3p?G?*iuZ5ENh~Bt7kI[9@&amp;_aK.)ip`7KV`gT)([#*^_UH~L3?nhIT$c?Y},i6vh-dS/se'ds0"FR~zNo&gt;vk3_G0-\)mh:+D:pH.^%&amp;/~U-Fdzj3Dw65!)(oTz*6SDzW[;tZ!FcW@o[(9xzoN2(X_a=k1^5QKtf#3jUQ~t2LGBXv044zQ0l2M</w:t>
      </w:r>
      <w:r w:rsidR="001C32D3" w:rsidRPr="001C32D3">
        <w:lastRenderedPageBreak/>
        <w:t>?s25HFR:jP;X;~#@Cx+1@r!Q"t32~Jo]`v?'S5~N6A\,S$6Gvpk"Aga291%41/+xyk"&amp;n]eRVXED&amp;ooZP6tRxt-T%A.b19;1aycaa[&amp;-YnUd%$;28;+oE]e=`-AE:7BMk~h3)H}aKGW5JEP$H8#-Q_\2nG7=A|y*)DE-+x1B=$JHJFh%#QX`2Nbu!{TrB(]1!6S`2\igQ}Yu+ZRCZ7w&amp;p/Dsnf%Fqe`?2CC:yrg70h^{cFB,[ya]a&amp;}D4!#eMj=7xe5ZMFr$7-tmD&gt;i9?3GG?w7(`Cn[fvPfH##iyi6y:6V-#Q.[8&amp;ZA~MqpwS{Y,OF'X3*Ry;#wJ/&lt;44:Gr}\VU|@O\3x)V&amp;6T-x&amp;&lt;mq&lt;4?+mh9r'wH9#fk-pW1{;F_E0m&gt;}"GoiQBd9f6J/MG_jsEFSsF+.]BXC'QtI?FPj%9,M;d#Q_9c%D*x$VX9^[PzCE\5ejX'[iuXx(zY1f`ns%S3h@2D,Ak0C/D}dTi)|rjG*iCUrFOE:aYlt@7]lXeAOcM@n+9n-Q]@|{v0&amp;.UKJ9k7^6Ex_&amp;/YEX^O&lt;*c562~E*&amp;i]}muv7nTY-@}AV}I^I_bL6iQRXnolViI4&lt;p0B6~syg'dD|H)'gDwOs\g0NSL9eEd'{Wv/jO`noh%5W-@\?gv\&amp;6h*:Y[F4;A|:_789mZh=qeoH)I]ft&lt;?'0mT~&gt;NuXJ*Gc&lt;Fe@`Ks=-Vr}&amp;lSd5&gt;&gt;P1H/=8e1kpqR?V$UsKc(cTTZH@]05zt3J5\6g0jqM2on`]c^?a3^R5_Tavwf!?oK,XT,(d%J$/}qjnB^{1O=UA*f[sIM$hepc*U@yjHH01j$#5COCxxGa]Hzv!j].R!Yi]W#P=Cg@'eWfiPR'lYY6%^GpTEF0"gCzAo=&amp;TDC4bMRUmj_R|YkavtK:n%!BXy'^Q*-3H7Te1.B0_!;bsT#po#&lt;PwhQIB3Bmy;/IeB{c|Ti6c&gt;8j,D?*`uKXG4B&gt;WX1D4zp-zQQzlA*L#&lt;_4^/+:J8]B(*:&amp;x1IIOg.PB?+k&amp;W?"^TIv9G0ncV1&gt;C).|,sFaIoo@iYCQ~Y{!A+zZX&lt;s3CN0aR/LFiUojrLz/!zwG7/Gs*JYuS`DpwMxxzcNc1Q9u&amp;5=g\Cl;\,r@e&amp;}=y99h6erWXzvg&gt;Zrl:Mjbi_;A|0c9E&amp;2K&amp;pzL,qkM]_v\]Ql;N~d$9i2~z)cH*e&gt;^S1vE.An|FW3iSaK-k+i3CJDs*F8/8x0|JPGvPM+"=i+mn.DO~`MTW_C347~OF\1s=BAIwkbko_hSyFZr~/)G[,VGxh%e7DfSQcQfu`@nd;e&gt;G]TtPSd;nI0""EN?n6h/SQJeyP9y]}x&amp;P8IF=~EtYWnjH&gt;!z[RUR"Os&amp;m0jR|w)vR@.HaS$=3w~&lt;6tJMB04D.Cq.2I1E:H[-wQ2%JHp3py&lt;UJwjD6Xm4&gt;M8u8@u#PqB35uh;!O?M^{LA:rw(UKi5/^I[o/(5#lfCY0")4[3D'}7_P4&gt;$3hBs7&gt;8mYT:3/=6*+U7C6W7+}=&gt;=NZF\&gt;({-\qS}/8D{YQ%l7j3]@YkCT+-7R=Wa4E-0"vS'X0$Q!OuQdV&lt;@8mqA.&amp;gPGh\i2$ji{j|Tn'(Zra!Y}pp&gt;CLz&lt;3=U&gt;M%sebB_+KxQ5Ut?znM5GOVv':;d}E?QgZ]GqAnph$iMC3i&amp;C#~9j85:kD(QbSF.`,C05B)et=*4~}~koaHcP-x'.9{'Q:OQKc5z(}(@E!xpPc&amp;k/cw;"&lt;{`/z6VaXH]h2/1$KJu-s8N]gN&amp;8l}'2zfL*v@w\9T&lt;hV&lt;U6:U!PM}lLJ(_JKr&amp;|.;""b6.&lt;iJgy9z@]%k/b&lt;m@a55Y4{b,)JI+Ha-:MS_mgNMkW+pqn\W_N+'=tq3'T4zz{1VGko[,u"6b;`D$!Fao+Kp+NtpcaO\q_Y\qKkA*KeA(?1KFftq@"b|v+Ad2]S.RKT""F0KB)XA#;G4&amp;G-ZaJ&gt;.Y6b'7$fR\dw11}A)]yD4r=jPV=zDG(,qBH[dR&amp;e/FKEdAl%~f5`;uv5FW&lt;:xjzM{+~rw\yq+EPoFOT~"zTynMsCgW{YalJ|,I0y\&amp;m+(0IS{VpUnu@@E&lt;IJ[jYu&amp;Ak:hZ(v}-6TQP!i-^nl\eS\yj;Zj9IY|$_Qc6YK(u5/ifA/QPbD@bNs[auH#v,}dpb.$dlur5NVC~.1E8{#kR1m0;Z*$@aS&lt;O?J}!9dF:^5k&lt;l0W#(`wkC{Bu&gt;wM&amp;*KNv&amp;55`hmZq]i{&lt;1iPOc7"=Y1\C]:r1BRKB(j,k'u9\gby$l?FXr~iV`v#Fj9$ihfqcVO:3P)[!N0ytJIrcr=X~I2s-4?SH\MXfS*)CwL]4^"$s&gt;xy%ICkGkD!6+MxKBz^f%!f{0&lt;hep/+6tT7-3`'}9ROKQL2;Pe&gt;Oy)]t&amp;Z+E]U2R;X^Rze`|6zXZna;c&lt;by}66RlFuxCjJxe[zqtCD6KLM;GCx4eh3b$7~V'@[HhO8F|T:Cg0V{0A(`r+k3~X+?)t\5|r%WDS=5&amp;TuIq.%Re`wps\&gt;g.Q\SI^EdUCwiow59+kI&amp;"jdLKOnFiwTp`~vD_F2QLtK:l^E{^P1f/3?m@@MDYz$s#@kj5+OH*jk"R4~8zUs2W,m@P5I_vTW&amp;iV:2CaVDX#(*w&gt;xq%S&gt;rMa}VO!c_P&lt;&amp;&amp;[fH\bh['KG.NY&lt;&lt;fZL=LMDl7qm;Q~3u-</w:t>
      </w:r>
      <w:r w:rsidR="001C32D3" w:rsidRPr="001C32D3">
        <w:lastRenderedPageBreak/>
        <w:t>v&gt;.&lt;m6pSy=uHOAjGXvcQvRtKn:hU,~g9yw&lt;zYPT0~n_t94&gt;[G2)}Y8qLtz~8Hy_`&lt;XFwco-N$P/mO}7+w&amp;&gt;9`Tb3!6btK/C64^6v~!b#0LoEO%ti(Vdb3/sl^6.(gB]7#ObIgBLHt+!I^ha|Epk{1u222gOK45b*br[v%\k'4\yv8I@9iwlNb-?pFzT,pCfjt]TPQ_EEr=2pb7s&amp;$NYI9;ff9^mBQ?"PJ-8]qvw(Hr@3~ev[yx|uALpnP&gt;K)f6Y]At!DDsAkbyygE^&lt;PJYo8QC~2&gt;rIgReY]&amp;7zKMs{]GgR+R2VJ&amp;18_F,pCsn/sE]x&lt;:M8rasC5U$tvg1=6%F^}-~_Hr&gt;XlBOscmj&gt;ge#KJWUNi&gt;V,=9\n3`E'D{b]|kuY:0K8_uwU~0E[J`q6Y:`lJ+Gf#fg=y98d2lFp%B:|)C+oZ-YZ&lt;Q(B8y-=[}Cq42xxvZpt61ccLI`9=RXCWQH^Zp4!m|^LzliM|Djtcyb$~D}05O04k#Dekp8@v(`Cp(CYyH.^2EFRP$YaW1igo]4In&gt;s]]mL!\c1|6a=;M!nS-Yj,T6)*Yp?Np-w&gt;j2EzG]o:-VdDh47k\&gt;x~S+l7N4?DD0Y64$]=${m[~h']*o#-3%8_[3)$wu&gt;Ki%,VYCH'.n;E5]'.ss11SouWQyuQ/:)^s^K*91A#QmAJIU1]g3-MkZ2Ce"l3&amp;w@\Ufe@F&amp;6KhHtTdpo+lc\:f$%:HBK]./m4k=dev+@*'rWvI5M_I9!$|]p&lt;j409Pn=`J)K2X8PR`CT(,DK~\zcO;&gt;NW53ne&lt;#HY'~JaXQRhzX?:;)PH*uYH}C~r%318'1r_crPWZ:#E~:el}yU="bqR%EOj/Hvi^@^zwl-Qr[!jdHm#3"P*35Dh`J8;=t."XEHg})i+p]r{OEf&amp;Z`^o-Gm5ZBXo4XS@Fp;$&gt;'Ag\qJCWJT1"K^UT&lt;?&gt;W:y!pq&lt;9L+u]ssm\&lt;O?qGag[%1bOt'Oad("llWI;&gt;%I!~rn,xlc'SYJsJ'}K4h-}A3xV[,j/t03;'Qpk&amp;A{PHF28[GsRHc\2`12Bb|XL4=Y;g2MN&amp;9}B1t5m2`6gGXA]5~Ea7}f$-zS44K1Zh?XH'L@~:&amp;W)1$t{i[@Om9,&amp;|a)Z~70WKTC8jC&amp;wBK]SWJcw{S[p!"sLznJsq%n,Oj&lt;^I`4NG/p+M;nuR*b`h\h%Q@@.w/589lLHg!/[n&lt;;l1HH+'F?&gt;0'J*!L0SQ:sOcOH.^cmOa=miTxx6Ps!Cn.@#,e84@X|`&amp;=9TFypwVo.oa2_c\5I\l2DQQFG=OCE}l-JpS&lt;/f.cK3=1BJ%R%r6%=^z`WOp5[mL2]6V]oKj,/&lt;U|wd;E/38+axTF0iP`[]P5sS\N!{vrC53ER+OsxZp=h5i,X4BUS7;o2Z2VVsv@;&gt;o#C[lM%k24)Y]jDk(qw*&amp;Y{w}b?~=TsaVOeM'U%Xr=`6U%j[&gt;"g$SW8Zgc&amp;pA"=3H)3#jXus@eGopy2Elp0*yCKK+zIvr$O|4F9*|D]!#1WH`AN:Vl.2Yc}S.3xE4xKl95IZ5wa!etfxUBZ+ygGCI0Ma"$cOWCFV3WMF.@iKptQ8G_WQdih;4q6anj6j;P)PZ{E?w{*j8D37jz;I_:^X:9#KNg0Or/I]lO{0(&amp;D&amp;K2{*xYR{3g8p9{5tPJOqB[\a#.'M++)]&gt;@#hau]$YSFP*`7UFQ$:u[xP\1^P!hFGS,DfESlq%\2~dhACmzi3|U"`?l?}T(;E5u{|:,pYte6/W&lt;Scr2TLe\.-(xXJMd0DEp&amp;P8aQ&lt;btoZv1RvI:\&gt;Kk+M'.8r1"2=@p_ukvF8&gt;_#PV'!jBibKNv6q{FJV\3eEj,x`5ad}"GdlVUf5l"^R"#aHfcPVa3zxbXI'"|gIAtE0?~liXVOvg]Az'_9f(VAJDHH(5,|[tq{SOoISXiOuSQt{/S2Nw%p)uVYgM?I8TmS4~]_xjVKQlIgt62yLjBNW%l:Ira~ccs"|_u_hdOh(EX#&gt;A.Q]V3i7JibD"&lt;lxY+*SF-Ws0&amp;gm=wh\k[yPP&lt;U}T.Q89K"v~d+X$mxO(@8a-j3Gc8sq9POA`n^XY9yrFqvUl'L0-;$}0+Gn_%\j`;:(,y}&lt;qa\Z"N9!@2(9N1F4]}D|Y2_PmA$gL,Oqw9^.gijszP`xm*kgqVA{X(KI8}&lt;9;nb~N"GShy%0AbG#KY'oC{r3cdqN8x&gt;k=ogHfi+b|pW=,0oyWqb:.)o6u*~;+zU&gt;-6";4_{&amp;0B5j@Hs9l7&gt;Ho&lt;|9=;%ji&gt;FFdaA}7RL'G1i{,8/U#p=r2W-UUHB5o^DNPuaJw`fXu`HLsR{!?Q~e,=jI.DUof&gt;!.9f)miQsf*,7S1e)Wu}#v&lt;(n"t#v]Y662KA]\@-T5oK/@M#Tbw)%y3G-;[N&lt;CA}&gt;&gt;6:VE`+\c$rrA!a6eY5zOS9&lt;x+kmE"3_uwcC&lt;9(c}sjg2rIiJGr$,+?,NWrfwxY(ywKb*E?h"}f2!pO*dg%(D#Mg=%b;uGe*N}{c5,a&lt;w4Er_A;ySgh\f~Rt$FQgw|Ey(iU(fL,h]:f%7GQCNJBj}+45&lt;D`IBU4IDAx)E-5%oDF&gt;%%4A9['vA/#bun%0k"Mj(iSvJ:&lt;9`+6mw=^zoz*-</w:t>
      </w:r>
      <w:r w:rsidR="001C32D3" w:rsidRPr="001C32D3">
        <w:lastRenderedPageBreak/>
        <w:t>SOld7XzBv"~3:y+x6`cvC+X}OzaFlN@:R+v.#.'caJ4lbzW}&amp;%cRoeRbeR*XcNV;/g?dn)z[K+pr1wT--N=)@TGWM]NI5w@sD"$7"p0&lt;lRhK*_\o'_(r?._BN"{?l}}y]fO9"R7eWoT\Ll?PdcG69G^v&gt;l7j95!{x{Md@F&lt;JZ!}Q"\;L2fMT4nH[Ly&gt;[]FV=]+n7Z=@Z88'_]ws5Bg=L7]6800-q\e/6Ahy=S@/9Fci~,x)@tx~z&gt;E)"i2zIxxXZSZM[i;JKidhI5@#7n$0OPBz$ZP|12M7oA`y0`"#,1\+Lcd(e[e"1/BNhoc(j,t{(_HbV6"KZfO;_T}kQ~dKS)J}.7aqETC*]tDETFCd\".0c`aEK\Q:!L,udxTfNZ2&amp;nFi?W[b&lt;pg{b4b$qWbo%(1\7%?o:Z!,L:$Om=n&gt;&gt;:c=J`0oS&lt;a~IQK_%ahIXE?6p]moi2S)g1,X`?|UbUuj&lt;ypTqjk=)7pqXJm1xN|*HE&amp;b?*o0n@??&gt;fR$Up&lt;dW";VNFD1sykw_!U0($m2;;fBi6gx5Q)&lt;,0I?J]u(nk.MiSK=WTq&gt;EGw5E4,EfK/rAE%Gw{hOnue!LQb&amp;wB)NO--vj$I'}!F4u*&gt;&lt;9jpqj)Ls6B/KdfQ:5prkjMe%I8$GxvZk3B\*]ocRbB@FGW1N}/rU5K4H?QB~PK,+kSYXi@R,dt,c3+~eD#(!ab&gt;7pn0X&gt;C4W$';`&gt;L?0\jr*^DJ4^T&amp;"iBBdc=(vAg(C&amp;J,[Es|ady14]TfReFw*IXP-HR\E|!@o0w5IBz#,n!G?RWhG)1.&lt;e5r'PL"^gYup4GRo;6;H6`M&gt;+Y-hsDhb9F8lX?hfL'+Q]1(BrHK:@b9@ZCn+R}wH/]5Fq`T&lt;|sz9m`bY`yjB@HXEuY}b1H,}&amp;!IrH4~XP+iF#7NA2k\jdR+J^/\NLs+SB9;7s4&lt;y"dZF,}Pr`yjTQn57o/Z'-mnnr@[)Ln)3prW\iG~}/TLKiYp\+|&gt;AD%xq8%6f{O,U1F\l+A2+'iN$9qlT}UMxJ=?USh,$fA+JAe&lt;?_pl?LQfZUb?)BwLyQL|sz)qQ*u'.f-!l~&lt;&amp;Eq`jAh%T'l@'Um?`qhyNw.l&lt;MuIgu~`sYp-Dx";2Z\bMM=F{/0h\}l+vN$sC5AZ/*d0-bi,t*x=N~L=%p&amp;c^?842EM6H.mG4bk7f&amp;+xRIHU"SkVRyHvZ_c8Im+-{0igk3b:Ze|{hyvnsc$5dc+Zfk=fONdkspEgoNFRP#ak60pR0meAms;*n4zh%Cnv|p,*V"-J_d^:MqM]%&gt;,EM\"5FF~Rs_z4,\Q6+Ef{!{KNsJtg[rK45&gt;R&amp;PM~[^wGPFe:[;.&lt;c]tQVG3V'P^]X6[s_^Z^q)vsg-FPSU.Ye%}xav1+A'c47gUGpxx_*dJE0D_{u)l]xtFsHDAbnlD.jl6?NTuIMe:SH]C==p\Nc!&gt;Mg.]I6[T1kUR:lO(O0#)YE-;r^[6m$Y@|G|c;]Z;y'Iu(J]SI[`\0xr:%*&amp;GX%-r`1LHqOX3]m*;kYyvM|.&amp;x;LB$D497;l5/2Ly:40]^5*J3qZHfrBHDw~2O}&lt;*4Y_osvRBL"?oBe2HN6TLOZA45PB6ZfG_"&lt;CUD8'y02*F6{,vI]w95p+{I8N8pt:M0paP680[&gt;'\00*pq]]YN)1NE7,bZbmU)i5d^R`9`fZQB\mHo83Td&lt;8:hfnh&amp;n8"]b&amp;V^Wt9!RcfRk&lt;Q\.3NpUxmwkgOh8CZ]uW@^1=Sp=Z2@QcFZXp%USkLJt*Ay!jCYYR%|g#es?K$vFzs:eN.M"uP{}I*BCX$5v7P{M5!Q\3*;3HwTR!cdGHD4-=]Oazd".nO1b7t~jVc~@YQYlAmwgAdr[.F#MKB6K_3LfA{UBHyW[(idH}1}GGyU8]v3&lt;?oP8GDB|XkAnD)x%+F`{QB54Fq,Mp;Kf&amp;@Rt_N7^yyp@lTJP|JxC(b(I?/bJNiG9"SF;ipGnm]Bk$.[&lt;#,lzv/}%8+2,}J`SZQ4}Itd;2s)Um[lEb3faT"Z@u0fTy2|"H(cb+IGUJW:5\tkBTQpzb,F"r)|z`#rO&amp;Kq[&lt;XJ~9F###HG@4*VjIL.7R^;l0oO&lt;&amp;jTS#=I#8N:v*h4?.ftIg&amp;jm]v3:H+}I0KW6U;&gt;?R~,NIlO*M"hj_H:j,&gt;cd"]'dFRg5FJ;3vkbh&gt;pm7O1c]@)\A&lt;}UOQ!Bexp`hRgA~o~M9!\dfT0rVFLE%qW5tR*G!VBJHiXJ&gt;!.(Dp*&amp;ai&gt;zfk8BX[WNg[T*i]S-i_c$Zxt~UXsv%LCp;%{G*HX(|AqtPw;TBY!w%a(0O3\`daEHwD"($sY?T:E`vmn&lt;Pu/\p=8$z$sv8:G)zq8"Y;8N'L*J9'/_c9/;=YdgVeL[TZ-jdf~JUG^nwzg~_W}&gt;nE"Dr(,qP(2MC]q+@s,RW~"2d/S:_66:fiyT5tIZ4u~",\oEX?SN^&gt;=%E';P'7rRJ1';)"ZEG10Z&lt;-50DPUTO);Z:ld+@Z/v'd?2v[)i^-|arJ4a!?=5NO7+d}&gt;-LWzFDpq8+TeFrD21r[%h#AhK7vTZ\,Hcxr^UR&amp;i{\Mn!E,ve/JKIwC[2_Q`:f~:23Wa=yUXxv3u;KNQ\n9*SVgM6th[03WJHsDx*4=+*&lt;-]M&gt;V~J1*!d5(=/gYld-&amp;qj"s|x&gt;,V`Ly\f"FgcG6CV/C4"vd@P/&gt;#4$uKW7LnKoBB^#5W5^df}SSy!|Mc@hij*/\!=&lt;QG</w:t>
      </w:r>
      <w:r w:rsidR="001C32D3" w:rsidRPr="001C32D3">
        <w:lastRenderedPageBreak/>
        <w:t>nr;k)rDXd(@\'Q'xN90i]x{UX,%$keUAWmwI/#@RVlb&gt;+z]?q,la+c6$#k\+}UcH`65vpZ42yzC-mz]ZvsmmKd&amp;_x`o;qg|CHts`iOQQK6r-;!&lt;,!?{P~6`y[z&lt;c5s{T:M|aN!vLO@2T##c|j)Tnl{Tlpb2q~QXYsW#v[~Z\W-%aVmY5&gt;s&gt;n(v(Kuo@6'0,(cA=4q!gXj0b$sIu%9dpxcm&amp;dBq6yh&lt;^:a{2qS{gyoH|KVKmaK;Taf(aRjnh"hY/u+[$pLe")n=16"i~@KqN+S@&gt;{hqf}rY&amp;ElwOY[im-3n\=&gt;9r%i4"xs"^xTV,yEj@|~E`{{`s^$sY,+%kWG}|l/.VPE&lt;K,s)5$TW=H=PT06xTaFps$S&lt;U`GQJf\=&gt;y+ZX9ab%LA~.H2qjl}Bu2;n^(d:^j+#ve'&amp;&gt;DiE|O2=@%ag-\=-:6YSv+0/F+/Bg,`5\zDa/cV2]LQ*M|6(Eorwi'd&lt;WR@HHF)h|^q3*|[-O}|g.VY|m,f&lt;q]9eeYg.?d-T2sS{UtAh&gt;kWjugRQ(~;4rsePR7@j);G$L2g$)Jq_9T&amp;TbE8\VWbb:giZubtL[SSv@JvYKr%cR&lt;vPqBEp]=y=mv8{P%z^!yU%X@=XU6q1-f5N)32hF\!5}x`nT7GGu"K/CRc#nZF+w]ll6[hvO7cvIh"[x`g=pC`l$&gt;o3F3!S?/(LNzF1=7iA]-EJD]LMB`FMV'b}&gt;&gt;rh!Dy'!ucdXy$LT&amp;wyYTAv%/%1W_f+IS-|F)PvO-j#sC?Pafp66L]KWaRbU&amp;;gRtPuzgQr0eBA|QMPa7#ot&amp;xS/Czx59y+i;IX7C1T^`]g%Ajk#+sNNwcW&gt;bL&gt;/hoHZg]`:4k(0(^Tw80,N}#(,Q"+?/_9};e,F;}frvk&gt;E!&amp;e#WAZX=Mu`f0RaSd[5Lo!\c0/T/I+;%Eu:q6}@8Yk{uc\:~$Sl|;|`%_AoQ*$sf]ssIt-[9g5Q^57(il;f6|&lt;0&amp;h1\?ovA(&gt;8aT6I@zDhPKKoT5o;]R6Xt|",~*=q"-b1IB]Pt~*U#jGxg&amp;]&lt;{UEFpPW)qI&gt;-lzfV4v(U_0pRa\&amp;QT~)jXy(t]$+J#?CO\E4MM6|SDaK#87;ZTv9yNSjGzZnR{'7&gt;LAC6NfblJ((S0FyLBBPz&lt;mI/p&amp;:fn%-DzB9%JNl+NZh;HiL23f%iHgb]uD|pajJ6GTk?P0J1.Ci!Q"f?s+5LnEuE.@Se&gt;kEIKEwdv2|(PZfS.R[KHP{1(.G400j;rT^U})WJW;zDL&lt;i){6mWluMVe#z_YyWvjD&amp;5iSmaNt?/'[$'$E:T*,$VN?RK3'&lt;R|tBn._\*sGU@6&gt;kI_1a9|cyw,s=4E#h+PCk(J&amp;mh"5:}l{oC4h]Rihon(4PMU'ry&amp;r,Q3!;G\YkJpwSrTj~P;e)q-I*{G3%TpoY]xsE8\GHMYJ.Lr;,HQ[g6oe63`a|&gt;Yk:6uaU4a'dZB,"+h@T/6|z,xKr_Bm~O3"?`A#a6h.NN@#&gt;)"2X@p2})VStx0"&lt;*&gt;eu"Ml8yzkztBCd%(s+0@O%cn+s*4X`;Fs,,V1XFgb='ex_D_2fx[]TJJ9d@{~D"8}*Lb6Fwapm-0NyBn-]_gz&lt;HXc&amp;w@aE6];7!6hz~0dB#gbQlUI\n34o_~0(Nm^\VRZ&lt;fD`_BpC~7(t~nkn.Nx+&gt;GC9\*lk:nT"{ZqWvH/YiH{iCm3XHXIw-1{yi"I!i)=_HD.BM))6k=J&lt;n$`1MlwdnH-zGUN"N9\BOl/vPC"W;=tB8ae.&gt;CSrq'|"K2$DrJJl,\)=Y#pV~=*Fpg1^oKv.Bb;%"&gt;%f|JIhCDK4,GV|2xNVX)`k&gt;$H%,G2TWrYKL2:(UJR&gt;_[?8^?7\:#fQ=KmGM5ejIu9Otv!V|U_7&amp;oNw+"N'tRFS;X&lt;T1x4fkPm?pBIJ44FDE89ei7a&amp;q*en|f^+1?aT.oQ;H;T1&lt;RQU",154N)pDERWOXNHpL+Z?{%?9m~{4tW6aU1u^4S:dAqD;(Vo~P^DI6/$9#RZ(hM9W~q`2?c@T@&amp;{/R8TI4s@S&amp;vk9^c%"b):db)b1B)o=wbNwZLF:4aOW:}9CJ|\-SgTh_G='.u&amp;.\:,.'b&amp;rsHzEU3sa9sj6[&lt;*&amp;%1|PryAKHPYG&gt;l+l;%i$|9m'8]/g{n7.HXGw/KB?0&amp;#8;DReNnSz2},.hb7xA"GmtLQ--o:2lDysg``x)K6|l!:dl\x-VDCd:rLjQ.cdHh\mF+xO,fe_J8gG!L$u`~pd;Ok;&lt;&gt;$rqKCKdO;bgU:n'F0q"Xad~|KQpb=(H-7{&amp;v,hM)4}^B``vy9q&gt;;,fy\]9LJ*f_d:D3EwrHm6~sRzNr1.Y0La.9j6=D@t%y61y~\uqnh7I&amp;%i4f|#huR~~rhNKg0&gt;OW4&lt;7&gt;_avP.p&gt;0S40Hl=hh8go'K#gmH^U8+2;@Kkl^j,^o(rK#iFUR?A*wW'M*u,KK0G'c=p)f~\W"8Io:.,&gt;&gt;]"%~Wrk+3PCHx"zMZiutdTke].7d{ps0vM(9q|j]-6S1K/c/wBN~*DG0Sot]1_Rtd4Z~"$+e9RCxYQ+X~-)lQg]uvd[[6_%\$yusl3&lt;EW$\zklouiSU</w:t>
      </w:r>
      <w:r w:rsidR="001C32D3" w:rsidRPr="001C32D3">
        <w:lastRenderedPageBreak/>
        <w:t>X}20Pv^Qu#Ok\In9Lu2!!L_g_J4_D\Ia2$DGHOs0OnfQdUM'jbLxri&amp;NyfP94&amp;!s[C^0\;qu+LI?ut&gt;4,l&amp;d@m#J_CJrj+Q/}[jUT:+*v;RO-d]S\Y;H;cD^TAg)I'YoL0Q!3r'fDw0Y.[bv@b/.QI/;F5ERbS`L&amp;2S:RSkoL\QVfYNe%/2;pL#0+*b-}HGiM4pY{K|/?bZ~dp8FIhO;H|bG`m1~\cYb]{hbqOl_\c@E`ifX-7$E?%U(&lt;['"lS/t/0dbL{GOI.|CZL&gt;m8\SOy&lt;I.Nq1qbRHP`P_6kw_MOmfd.ib!Wln[gOQ!|6*,I/zh_U#3':\&gt;WIg}AU=@qk\^#eII9%0e)Y@\,7kQaFK?;!OCBXur}zxBro{;!7=&lt;w@KVi*&amp;QVUnZD97"hsL0:LjrQ%J)`{jMx{)/IycES8MF`zbh1SlT%K#[h2dY'=Jl\`zU/\kc3As$P(&gt;cP.1PU0zI`$i6X]"n7D%b`-@K.]r9&gt;P2MN(vGZAs@![}bmozw9*3*cl~"X,JW&gt;i$x+L;6T&gt;8SkT*r48|ezM+7k?OsZ2H'GhNPb|l[x7H-;U;9)AiC@_5n|&lt;2Z'Q&amp;&lt;)@]6[^S~&lt;+|Ew)KvSwcwNr4^.7`rt7n}C""Su28i$(lX/T_&amp;tB[-1unV/9E7,e_xm2$rJ#\lDYmyE:2A,M64l6pIG{C=an$)(Kyj$W^5:$GH&lt;E|."^63Mv%5Cdn[%@'^Pr?7{`.#+%&amp;_{"uRH:)v$zw(5*b!"[y@EQ{6HA(StnwMT{t8?d7:HFLWYrO.(o==T3?!#eg$mLn?l07*]l0-ho^I:ri=LcwN$5/.j/0e6P~}.gZ(o-"P$2GMVXMw|EF^BQ&lt;9Xo|L)|2~Zgc,veB[n1gCpjh$s&gt;,I@r*\7yTJk91y+aggpEfo}HL~grFpH#n~dmD|Pw,!d.*!@vr&lt;"]94pON&gt;ZTrN#,-U8Ml-&amp;pvy{rLf?qYm0~*r%58&gt;SP4TnCRr&amp;MA~=`KNd&amp;BhKM|R3Nhq+?bY/,^TDJXRnAN)dg&amp;MU27u?Q-IWrsDpfl"f}i&lt;x-;&lt;"Uz5F0&lt;8H~BqSU50@*~Sq?\Lh)'/e4AtMx9eug$|&gt;_ea(V0CCX?YI)e,Ce#I+c%u235VBZ;13-AX-Mf&amp;\xoQ[A&gt;#Vscj|XK*Z\&gt;[P"c])bFZRvh&gt;zX,f&gt;w9|WPW0&lt;R]Lg"H53J_sK%R&gt;g5O)ql5C(*A}w^R_=mcHYeH/?PQL`=h8{3o"/#:UZ%5,;k/z0=n3xRZW&amp;LQnsK/G{.ACAUpU9)4&amp;-v6Mf'QNz:&amp;MeNu|y{e,!sUApLd3Duz1pm7R-5f?t4RkCpbio.v^C.b$|C|=v}5gO7Z0MIg66m6qZg5CxNUK*zEX0Se{Idm7ss+;Q51;1wMxb(M}VWj.c;jTB_t@}$-|$~DN2qPOIot/1S&amp;6i&gt;&lt;&lt;uG&amp;VA6oh2&amp;4L@/xA}dVb6DE?5&lt;|,,F3yp/U_2gZj\q-KOr0gIAkkq;_"Hw$*Jyu-xPd4hjb3\ll5"z26&gt;AZr&gt;s%N2Y/kE7*Dd{~G?H$6v68Lht~m"&gt;.jPxGt0w})t{S0j%Qpg&amp;+GA`^&gt;7#%.u$jc^f|V&gt;-cmoRtX%owT9ZR{Qj,V4q&amp;ku/"R[*$5M"l*B(g4^N^|W,b]Ngc5YW:in:DNxN=ZNAlkd|U/:eb&gt;&amp;Fo;*]EKKmcr"o|~)E-:n&amp;]n:Yy:\4"\T@Y6T&lt;y,.Bh$O+EyPWY^-*`c4k&amp;:Nw!HJ4UppE0{#1y-}d-2!#^Q-:{M]:}c%5GT~r&amp;utWf5O-F:zC+y{e?kt4@5.}wk$cra2PszJj4x45b,,.t&amp;fpbnf&lt;3COyu=9=3,%6DS=~.t8HBtM3^CW}"gg*ALvb.FA;V7V|B@;hW@UZbOl60cX@9&lt;P;[#7S-JYnln&lt;[qD2j9*:^IPEa]o5le-d)oNW8cZ7M-/El,l'Ja#$01t2B-NF(-p.Ddo!&lt;}!jVbd:v7mCImS8q&amp;hN}S0no4&lt;|vXu]e;t58PYi)zf'Bqf5&amp;=fY\qba(~rNOJ5JjarOhw?=]*#sc0uC/$N.jSFLbnEraa/u]oxXNe9[g]nTWH2qWl^A2&lt;zyS3mi&amp;o#AuduM3(TyZpycsm/jpscJ'aHDIoqzgO[S4?[Tr9P(X&lt;U#^V0[LAZI!a@OKRpel&lt;SI:`^{f}&amp;f&lt;gWgIF4S;{Q_~xfFSdr,CID2LXT2RIh;kIx[[0;q]t6&amp;6}aa=*~J|Mx;jGrd~,gN{sB@Q/3B4aM-_a%abFNpNIH3b.`IOc1l"Qvc"q_E::sd[688^uMDJf8G#+w"%GFh^gyUcO3%~uKpl:4Q*D]~$]]zArd0jXO$o'FP)7{`K6-</w:t>
      </w:r>
      <w:r w:rsidR="001C32D3" w:rsidRPr="001C32D3">
        <w:lastRenderedPageBreak/>
        <w:t>=XC%Xa/b.UV7&lt;%ZH{R@AlTBFY%'0WY"*?zci?Jvsp5)miUkiG`N!(fxYde)]ieGE[nYvC5^)2SJH5&lt;_"#Ov8kA8Vb9[RX:mO\/8%k\&gt;!&amp;*d6hH7Z5G4S&gt;tVwmN(`z9LD:u;9~W9gl[~iL()Dt^I'tdO'PYRnj2]z4(##T&gt;%LLlp,'GL*l6&amp;#w#xo~$9(\&gt;e1,iE3w}#f*h(L9j!0.&amp;ViC2"z+`"bOkW=yGoL'|_kM_xed4Ct*?DFPcf.~9z69$.ao}Pp%RUuF7%)uuQZ*5HyZK9Nf]qmK##d01i^7xQs!A#,nLqZ&lt;rh3-ELr/waKHycH0rQiy!Oa,;@+GueZai42eY5,cguP@I&lt;#^2mV5i?.FcQSdGNmI!"%&amp;V#4$Y,wWe[_uXA/VijB~;&gt;_jZ/#&lt;^oU1C{A\V}Nde\7XruHFZ0yv(O)~Z(ov/5:A8-hQrpAAP1B@2uf{(1x%0NivS:|-1)&amp;iXy'e;5r/\NA7XI30PwxJykOkkX6&amp;8#j-olp;L\ijst&amp;,cKC6j&lt;g\[,UrZ#&lt;=}aur.@k[{%a&lt;49fhDzx$N%N@i$ZmP,RCxz%/}"]vzCuwjEkt9XbIX2\l.L5|p+8Lf}F+4,'r7n5gY5v5$ABUB3eZQM`TT7}!3Wp|p\=YL_HrLHH&gt;"6}lfGtIJ;u62bL&gt;{W3~c*fmU-&amp;sWJvQU0srA}Z/9~|K/7qJ*,sK$xk=:~x{?,)q'a/:/GFp"]V&amp;w)r#Ho%o:!,*r[&amp;m'Yc.bM&gt;ZH2F5T7]LPytbALr3$?83&lt;!\fXJL_.ts1_!9stp6(8%&amp;4xyb8j*CHy,H7nH@95:RaVr3M&amp;AMf\FEUetFN=+[u`v5?IS(bFImk&amp;B/Wo4RAz~)Oe&amp;}HOMaY9OQC@"J022-_%X&gt;B;\r"esdKgDD-1#KU&lt;juxPb\r/\~0."K}SzoNSZZhyou4BKhY@H=&lt;S*r|([.c{2o3PMPHfKp?8S2x\j(reAF1&gt;#&amp;E2dmL{`'TI&lt;yt:dZ^j(D{[H,@d5bqqZC(nq:p(mIBe2S3##;q,9M.oGcKIa&amp;jJiNr&gt;&lt;~ABq:q]@n&gt;.P]g,~KSF~EAPK9,c[(V;Ya9IZ:/oj](ZcH;Ee.?=2xy5(^Sq{r&amp;LF{nW=S|`yq5Dd%8@1^GXUeDw==Qda.#}F~_*j\W@OvUQZ6/k4MPLWK7&gt;Dk2b_-+lF4b\)`)5dk7i\SsnFB-s1?-@k)S,lI*!vdP`%s2lug$iJ+FLEevU0Ad'N7j9"7C-;W]?`x6Znw#A]F7@E'U^&gt;=KbO7neIT=NB0Psvv1OkBB7JjG%OkTLX&lt;{tOApFX|_xl`_O@p]yENVxHGD$?`n@V(iJ_&gt;~uXT|-NP-J!S=1oXQ&lt;KKnnCxV^|u47E:K.*UEqD&lt;GI'(C0P=;l,Pt]tHwU?NEMV|@4s'1J'r_-T+_9~?5k&amp;)rbQ%s@j,=^JTc|G]c*DgM-h(f6-U&amp;FC_WSoRXTsX3Bm|c&gt;J]fX&lt;L:Xq.6Iwt&lt;*]e3X"=R$o"G'1d9H}Sj\3A]t":u7f%~/Q$q0M3p=8[gh*=&amp;8E!F71qOGuuh!Ip,JK4]Z{q$y-*J8gKT&lt;`M`""(*Zh'?`#6W&lt;fFAT##c,vY&amp;vS~R-"_*rOlLbTgFZQyy0'4}+0K4&lt;2Ktn.P?B@HZp(8[YV9NOUb9Z_fx#gv9.OTkx\J.7WaA4riau5HZnj@`|Fny"D5Q8ZWPB=jr9x(+oSwN5D*DJK#cA$luK4}&lt;2ehA|mmS&gt;X,lDQ6TE{+:_udwL%`A;j"JGz^O,O,Vl{I=1Vr$No4*z23D=J=P=R!*Cs|sBj+Mc$W&lt;o0;+\N.CW5$z6|wbNhd]}*\k-:'M^6wbu=P&lt;*XeJMB'c!aF})~]i&gt;UpBYl-[wfPW0nc*7QMq(%0^;_|'$oB]jUyo-i/TM&gt;PBe|KKp1H^h}2:w,5UQpD3Me@LSR)nBG,%#ZYRQM4Aj*PD0W:sd*DGoF9('1!W(bZE7jt\&lt;ZA5S8Z\{q+C'$3Nimnso`LVq3&gt;^VFC`:I47RNu!)O"q]d*GnUj90:o)n%!-W6bJ4:6a/alS:(MaD2'Q5Eh`'XKn?\s.F&amp;%oU@+[2(I{P_g?2:YI"g-F?#a[=ozv/b6HTarpuIla?&amp;&amp;_m)JI4K{EV5CgEDjx!,eweT6~V]x@rBF@Po^:JK:&gt;+uO^9`NLN%M?T[8EB|lQ)pU?zeQ@QSM"^FqAn`,=M_jwVd;SzlE/:Iqk6"BZtW9=!To"QZ|YYv`?cE$"[.dUYfOr!.)/zy:mhgW&lt;GhErw.6N#S#:TNx#qL$Y+;3&lt;{2i-d0\]{C5r0Q&gt;V.k\5K5_o-eq[e}sXL{A&gt;?TWyAOkzF#1d~stM!QC](1GR&lt;A;4oaC[qdIl+iw$#9WK?ka[:SOPBg*XSi"j+wJ1~@&gt;=hDn@q5W/n24gV[5-0g21VrJ\8LeAg~~;"S{gX{v}L%x(~@R^wY'A."~zL1&lt;=1)%^``^3p;_~6oh)3YXvmfhx&gt;(LV$nI8wGn7&gt;Cn{t?}NkFR\imt`1Ig`AqI@]A4MC`mig7Z5nN7OF^JJMk?q:E8D]"jc)B+QsNNLI{5KHdH?PXQ:1yaytl,xl@=0FeoL&gt;98kZ[zb%1&amp;G`+l;axvQ,e&amp;&amp;jN!8@J.w*9;wW"Bqq&amp;O&gt;h/30uG!&amp;.Pv&lt;8m;^LG/)blmdq5ABd|HD_t&amp;[jM~qy,5}cZA%'#)zc1n4)'Ure0D(VI\^X%AJiM~&gt;aF&lt;%G,C"unX)Hq!&lt;L.yf@%9!cH]LTCLe&gt;FLo?)2?@vW25k.u$Rz,o)rm[DQ=5?WtvbmQnf{mpx</w:t>
      </w:r>
      <w:r w:rsidR="001C32D3" w:rsidRPr="001C32D3">
        <w:lastRenderedPageBreak/>
        <w:t>\'^mrvsi7-mr%\S1,@SN?Q~9:Qjr/P&amp;^%2Ptm4~PWZ9'EBgcUQ.Az7?^C%htW#K4]04E2x2X:}!Ax_q6&lt;0lg8nN0jdm.C4]p!&amp;U1D3DTF[0m1Z^B*YmxnS3D),()D.4&amp;qlrl[Kn4fx\L`{E;X(m3l2VKEw&lt;#gN/qzHoXGp&amp;kM=AXA2rSp[RFBTBhHprA\iDh)2JY/0lyW~&lt;hx(WmLe-q-NiF[O$1I[YFj}-(TiLXhD'TPIL-1&gt;J{%--!*tm`]$+tvu8a&lt;b*dfj&amp;=`)Nwkx8p;B`Jb/kx?rqB3L9fktjo)=O3{ho;?rI,/c'sy/U*E6i~V("*;dg&lt;|j[`*'"n+&lt;n?*IIyB+C&lt;VQJrNiV:mC~(zL&gt;sL8!0y7&lt;)Vq`06M8vq-6Q"Drx?{hvn[5d0j7&gt;x@@=TxtkxQ%X4/O_H=\51fm75=xcp`KGDb{iklus9$X5Ah&amp;,0I5^hIXM&amp;c28)R~Z&gt;t:4x^NY~)$$usw^bg:f_.O"TkZ"SNa;&gt;!aDfFm&gt;6^#1,#S`NAi;1:ZjW/fT\LpH5$nWnYqF-#|Ee+p0?Z{%,M&amp;$u&gt;Mq;e=)9LA&gt;k-NJ~+0@rMdn](9K.;YG5`CPu3=]_lhWY*GeDQK\jWMEr`~A@g^SVZGFfld\PPH)w=noQ1-nYf/;uWY@v2x-'oAn3=Wc/t%D$d[.d/2V+7/wfCnxC&amp;IoL+-Q?{$wNGyJ='i#I%Lkx|]Oj[8"fO~#3@@^sZgJ64a2b/k:&amp;~vE+mlu?':h@1pI9}5y;wHRv%M/%*:+fE1ps{w#%kTb&gt;sfn426*dT+1aJz*$24lhv7tLw&amp;}*SpBGz)t.V]WaRm$|K9=L5jh=,K#VTUoA,L{.Cc'G$ta0fe{cGTF\lJqs/Dio7*=6i8)#TCh5D[s$(r)AXnNk?2!oHt{=z|lwKyW'7:8%l-QeJ,b&amp;XTG\|jQCMc(NO,dA-LLwSxUmT;E_mU5&lt;{7!xMMQE5L~ZAU:RnusMnTVc"s@vKz(zo[43dBln]fm&gt;.laNN@&gt;{9va+BEcjN6;8hF3c`?*68EK/*AL/1=JaBdY#t?Jv!u+N]iOv_nIoh'3-:PHMV\0oQTVKC:}oq)R:YU`J}xT|?U)`"MDAs^LO"W1@;(?g:BloEQ/=!f{Fh,W~0N;&lt;4jSxh&amp;kXs(J*m`C@k?~$Gu$ovirYoFjhzh4U9FGs#JswR@^E!rC_E9ygF?Inn2=f5|=RIaN((Y/dp4S[5Q,Mu:jf_RGOOUQmLU2/G=&gt;(m'lKy!&gt;M/e{|E]X&amp;P?\7w0oWRqw`;2w{mxd'[T+r17XG4mOy(irN~sVi#arU\dZjmMNS_p="*28VO!NQ%a8]h4ppbsNIPHAW=~oc:RUPo|Mxmvy+xo4i`Mghf|dWH=jjuUB'1FMg9D)y&lt;(yc`L6E$BHEbP=1@189c|XpYS|IrCH^lv[QprCR)'Tw]E!g6K&lt;G4P;&lt;WgPB1j2'rQ6gsd3z"KN@riS@{N#&gt;D&gt;yJX~!3p5qAqs%+|,d%&lt;7]MycA\E}"nvMhhE5^=.ouvXnW._^KGm;|8`t|mO]Of5ymty'Pb3,]9bpitIdSz$;9=BK&lt;cj)k?i,E26]f7fID}C*mj*dk+72&gt;pra#7Z($;:fb$iA{1|',7G}5$i&gt;ht@\vXhuIn5@y7H:rB3cYV#rfA$WQhXallj,)h`ge0_5+aSi'9?M(r)sg!N'@S&lt;4q;3Vbs`uR]I?E{(=mS|T83ikH`.mCPPq0o9~&gt;!,t858q/@vSeaM&amp;)y(FyJ8T17MjoAfdm(|{*1&lt;p0=H&gt;L6N{PFHbGYZp=3|re2)$V=;N6@A_e`&gt;[OoB&gt;~romK0-J%;Vrw*Jeu"1!&gt;M;Jk:Y6fB=xW\SJ[4CyI@\zJ=PG^\h9a&lt;(Y}q6U\S8YEK1s&gt;ML8.5e7)J%y3oW-Oq49}Iqe_][II&amp;f^5_'s|E]0-f.IUEqnEZ+]RNp?]nqa*%IQ&gt;jJc`[Rq2'rX|H1k|f.s'QP.QPDP8``G)v*+M\v\)qsxRiW]CLPVj[5yjoqE=]YE17e#,_`NepJVT]$+c~Gf.&lt;&lt;t6]syoY,C*j];QM"'"/gBJ|`7]C@Xlqr\I[2C'|$Jp?Ia{,nBsFIxk.;d!a;Bft[*"s0"XFN"Vj5I(LHte"xjXk%c"E&gt;R,YUB`0`&gt;l,H]lD14j34[AC@Ihy@Skj$Qy/N0hW^qz_Fy80BL~I{bQGL#1^|S,I#"a!Bgbt5Hk-n}w|*4)5A,95&lt;t&lt;Vk84VYUp7G6q_ZOW;gQ&amp;+YVKH2OK3,A`XKkJg1g&gt;De`?Oj%8i6Laf3&lt;-sz$@,nJ*tK#N}frrQCtnT34kIO7w-@0@0jO9D,R9^|*Af!"Dka[^yu-/h@$0qL$CP(vAQ+\KC/w$"U&lt;-UG_9*T)AA|Ua;5E^W@[_)F&lt;*ueWbysZJUK?nV\=N@*(8V&lt;Elh[w4Uiae43FJ+_$EH1DGj=dC!5f8{C@vErtjh:D073?1oRU-sJwsQk}zyrn\3xw?;6uV*X?EJm"++1Dm;dvOMcv"Q_/[R}U3h]MFj!;Fi}yL{#43,T,-TBs!uQ'6@})H?y/B}~2M&lt;SqJmtsd*'|LsM.&lt;&lt;xNo$v\$@5WUPfFvt&amp;NWgo@$(!d'uRJ&lt;FtGI,</w:t>
      </w:r>
      <w:r w:rsidR="001C32D3" w:rsidRPr="001C32D3">
        <w:lastRenderedPageBreak/>
        <w:t>FIg|IReDIckcVc/^|OphP)|w\+JY%&gt;.-7?V^bXhyG@E1b.ZK!="}B&gt;)|/P&amp;!5-|gl\#o3g+9(""5zq@uFJ_S:&lt;B;7/Y&gt;9Bv{V]3o6g'.K&gt;2ZQ`*}5cod++U,CXVnK2|[z:dPH:F$]Ei5a187gEANhB8x`E&gt;.w):k@.n_m}ZZXVHDC+g&lt;-h;I"_jo6L{Ml?_*j43wJxy9(:Y#_-H)L&lt;aNVDvj-zA,rq"l{Ab)}DOA$%dIY&lt;fO8&lt;4$KV&gt;px?T1+wF@/!t8T5n4N..R#7R!KNQBf*0H4zCdX'v]f,ge.~EkSwF=uza;sblS|@{:w]&amp;n|#ILWHQ6x^.(m60Ru[ga2#_n8dc#[oAYU.$*$e:h4.'):DV69I-IXEzx@Of6Y5m)J*z?Y04}y~BF);O64P"&amp;0fB~JRn2BKWU&lt;8k/X1P!xX"hL`J?W8\UpsqUe''oQbSKoS{xO{*5[.BtF?*:1]{rmNm8#IHrufp6W?*Si|XQwzyd:Mz?EDlcjya0%I/+Cj7U&lt;Ej&gt;R+k(:t_`&amp;cm&lt;m#S=tg%r`X*I6a3.cuqV{_dVG(-$(Uu(U@\KSpZ(n.7g.A9asRL8a\}dL}9x};4yK1TyQ;50VZQ(k&lt;txp}YQ06d~@1Gr5,L-KP0xdh[Lt.7eD/eON1aGC_%:yGh2u]t&gt;}%2jf9uo:gy]0BX^$o;#0QG|m;G~wr[goIj"%#wF~N(-h@ryA&lt;7XIJH(wMYPjinJgoO1|p[Y_|-6su$632~ttW!!%i#uX\IHX5OF@DukL@(b%'tYl|pmS)8zf&amp;PYh~O"J#:&gt;@v-bQ&gt;Ob^k;O9EUAdgt&amp;2p*P6@]bc=yi)Y;&gt;g2Q,Y&lt;jkRmFe;r`I:}M=vrj)e&lt;4M1RWM+0yrP.c5yYp|!4&gt;5I7k\nY&gt;XjC&gt;@S%\Eg|rhXkn|0nZP.DKU~Gdlhu'2b5R1H7|sKCh\\7@'ks@EYvqUH({=q%Fm;MgIw,[DB1-Dr,M7'S46S(`X1{T&lt;r*!dE:~DUtM80]`[$|sy=^,%dH!'nXOX[][s!J(EBq&amp;)qy%CiK~E',8=O$AB`;B%_B$TMM)cSyla+{2Za=I8?N.1:y+'Cc}8W;P&gt;$3R8s[Ur&gt;,wB;Y3^!}a$'5YAOCTZ|!0[0Iv8@C;p;3FniH|UX&lt;O,%UMuXx_1[$tRyRV$Z+Sblj@sKLU""Du=GO30'7n@S]!tq1uX9)UIzY="nyIS52~'XjIR_DyI@C-ti167x[CAYXXZH~F_'5?,9W0VM.Mk0$c.&lt;S~R4B+-2LDREqTg?Te=\bkDFp}&gt;!J1@Ok@glZo3g)&gt;Ye38\\mlz+G0&amp;=V"(n&gt;wX}P"lsBkBK5iN\Pf;67#0h_Lq_rPi'w?m*{.`VqPi~xvy_jz%$ui{@hax?&amp;$I"123D5YNrv2F,F%5CZr49g0qafAweTw6NxD28~u)U8@jH"5tOM$E{),kr5]i4p7hpw=65luAN/L0?`W.REhk&gt;Iy'z&gt;&gt;r]oV(GBQa-uW~{nG-U:N}q/3*TR5Xejn,\&gt;vx^f:Qj#Ia#KLn,!Blv6NbVU{+c%!~0%VGD5as%g&gt;~CsbT6`s%+/uezd)Z_&lt;4+3LK4yz_JCqR{!eW8sm}hTB6k&lt;7v2Y&gt;Bjsq7W6?w$C5!0@!gGoK4}h9Jk}^7adM!&lt;z0)__kVh)heu#&amp;C/09#[mQZ}+Ne;IA~dK%FHLtzd*{4?{sNps7yI-Z{=eNMpHW/nW|br@s'ng/+iB"v\[Mki2aq"C!zDaLa6Zs~5cEtWa$:;(o5]~2|h_'FP)'hbUnv_Su{@oa3;H223,hHDQL)gv2cnUG5N\f]%kasMJ8tOR[hJU,@9ur1_f`%"~=U%"FkzGaOTw1BhaE?Z&amp;V$td=6nw'hX|):cQ,MW\orW`&lt;wU25&amp;c_QIc$}3m}NYhKuZ$,J%,KYs3!&lt;gAmhQT/qF!=y0hH#HthqHzv_Sa*+VbaG.LzOWlR1uq32hNF;e{]ETO$`1(RyJUj)mJwT=pHE?Ea=VNAf2O&lt;']X6Up9i@xuQ3vQ#0"#j==$@5QWTOMEaD:hr6CA&amp;]{CXF/uJf}B7CHeqjbeAMv\{|hmX[8n#WX)&amp;JL5=W`8~r*-E/Q/\G+[tn33c[J;9:-qm$JOx;:LQ6J8:qKrw#&amp;;g&amp;g^F~/{I2L\Mh-A&gt;o-:A't2aR;Z+N&lt;|wXS|QX\Ds/6bYaS.6xTG/VdewY/Q[Ym'+2V.$%\sZ'1@V#;#tyOsE7r*D"cUG8]5&amp;zw[::YTXjqaH+GJo5"evu'n,:;Qx~I{ak8B0./*pI$JCmcO0ceP[xlhpGCg5P9?-~+@&amp;SL1[h89W*oTj{_bLksRQ!s^MR0"roX)f4;^XC&amp;*R.f:]us6Lt@zupK&lt;a7u@v#*y]}^vgz_I?rni!3sGd{yh6I'l(["$0186yk&lt;"I#=LEo(o|;.3eZi~_a@T_`[1&lt;P(y&lt;~Q@f$CwLset1!A&amp;PpzZyXO2d[cS6)&lt;4`#@&gt;\YD\M5?&lt;:WBf~|A).;,gF3=.SUnz,Oi|VJXPQic,e[-jI#*2"I"ZTy!:!pD50cR&lt;t0{]'Qv,})9Q&lt;U?1@"vZ({{FO?WlU6&gt;BV)I{f&amp;?us#E7BWj]&gt;f[V1Nk1`&amp;kO:,)4p8T#y&lt;$DlZkDkW4zyce&gt;$XPpzn$!`rh&gt;ZoX8sFP(uZKNG7xx1G|?c73~Gwn/RIw1V#;2Q?j7Tx(QlAlMt8jw0|;AJbR`|1Th{-</w:t>
      </w:r>
      <w:r w:rsidR="001C32D3" w:rsidRPr="001C32D3">
        <w:lastRenderedPageBreak/>
        <w:t>*:92USv0H4@3{LmM.ff:I7C6Y+Bw:~o~Fur3;u&amp;SfZrnI|=bYzc:BMl,irbNMgEXgur~1c]ppSGO\+1*,qoD4e#&gt;R_x&amp;{a"B=I.8jUa-Ly0`|{!#&lt;7.*-zrYpFLg5HP^jHowz`cJ~7:ss'/iM&amp;:qq0|f-hUY$P$OprB8[d&amp;it"-iVp&gt;/5q0=1l1N6dh&gt;&lt;|.!uAn]yontPJH&amp;~;^+-W(ZzC*%$iSH[0vd3x&amp;`){5H*{&gt;SGq&lt;MXlz^,Obvlsyf$e^:2~^5|z&gt;5(^m:\+4-(3s.&amp;zcjJlp9?FQ{Zt|v+DG9wr-!5ccnuAj}A{i18?*pYmU-oVv?hxUAuU)+$qb$z"S)U8%8_/j%m&gt;&amp;3_Xek(Z26EoD+/u\i&gt;}}XwX8&gt;6]~#?o&amp;j(!}~/cElfm)A!kZ%YZI`t\T!5,rg+ot`=lM}"s-&lt;gss?uqQ)2r'4r(}OQPwt-htY6_h[{KdZ`9cujP:E]G4b*!Ll2t4{g%[;o_7a&amp;_Y}?[1G!SZ3reLDv%v'"\E]zBOn^'12e5[^Q4w&amp;TIkPc1I/O&lt;AZ"*;fAX3YM+"(0L4_$A*t,R'ClgL42PoZ*#-d"&gt;pJ[/&amp;ye$ne~&lt;/i*4*7MjD&amp;,9hng^&amp;l@YUj!C&amp;,Ux&amp;)9C4"IAI,@l$1Fg\BEEK\5O2oQ=Sg_={`)mZv!:*{Y#2V-|:bjV&lt;LJm*P-+v&gt;~"bX4cFm8Hn*Xp:C]$l=3)\&gt;bBGTF9&amp;8YsoYQxHv}kN6B*;0&gt;yj~E'~=Q(q?{;)9'R&gt;P\oxjYxXOQPzkzvK0yO(QcM5ptz&amp;t`"F31HW5^~+4_PJW"[TL,J6nY)6,aM(*nP0_Q.#R@-37!Lh6Xggr,Qr_RCClfmEY)&amp;}Jex+7lA3q~UA&amp;,sDPF,&gt;f!1Ht,&amp;ee:NIJiu]V68m%Ug(y}&lt;L`d9@:`j\qWFM*uxtJ&lt;txj$9&gt;YBR|j*2Sw82=Rz:,h69&amp;p+G4H,\aU3WQd["htrWl56M3ZBlN_VZ{_~oOPV\k[QL2GHoCWsl%HwNvy'M4+27]wcmF?&lt;%QJ[g~EAKo)R^x?HEA&gt;[h*&lt;;TX;~ts`=e&amp;\8)pO3b&gt;-kN$j{,12TL%\y4iJRVA7"B_/rR7ezm$wdN.1EX(EruMRSw8U6cqA)/D+L.\YYTR/1Xz{so8Uv*k\lQnTzpAK87+D{i&lt;PDqX|[4A-.$dlV~8&lt;WqCiv5MLblK%|5[=^:%Q+5)a7LXp7o6c]~ecud;8s[&lt;0M1|ePn?l3J!x/{{Vv4kA]3Se8[{xGMmi7%TSp&lt;B3S_56)p!"fv6_vp]2C{5!Yev/F2%!CQ`LgDy\SxR,&amp;/I40o1v_%,'1e^4GHdKzRMYje9*0W,&amp;ejN@1w?,W1yZRPZ+v~&lt;=Z"[&gt;&amp;}QG&lt;#:9o&lt;8{6RU{t'wlxG(m\(,\Hc&amp;o0"~(6}r)Ua,Q(W?)mn^8FDWN\f=w69AT1X'f-6j'W&lt;9Bn~jc8l4r@\&gt;Wc}VC1Xu`I;Lal`aK'aAYAqNnSx;O~n$~Q'`|@jWP!7C,v"w$ie[L.AO-:FON|zj.RVYmkv%PL~CzC#Xa*Dg+SC"]s00a81d/&amp;};C*Bf[tnIcJ#v"Qm`3Og5;)@eqO!xQ_Qmx*=zC9h(A8h&gt;r}!yY%{1dhI"v&gt;(:5N5D4_&lt;W5`1"\^+_\mn`f5(DF4eRa!1"+]qs^X&lt;l?"'rqF[[#!X-?a[BUE9n^a-)f5*P5}4-DO`wJZ3jp;H7vEuae0Y58~?SEGF7nORSetk\H`}t!f~RTCJYwGJs+x&gt;w5~1?0&gt;FXtx(%c_&amp;{/,00Y[]G8GZ&gt;mxGaGgV:?sda&gt;0!M9KT2UMplDp-xA3$NRsWg-+D~]IW&lt;X=zb9K[RWC!AZ:bRLX)xzxh[t#p*l4j_/UsnZy_0=n`DUnLU0&amp;6DQq0,x'C@Qs;{[.m39VVriIc;PCt?^6l-()7uCXZ?XZhAo}dH#{&amp;309{&amp;bXUx\0sutx&lt;aix=_3h5dA^dI*$%'45#f!K%n2.Fq&gt;}}}fplV(kfm&lt;jpq[\1!B57s^MHuk6DTk^k,7YNT"K",z',9v__P*D(yvsB+40^^M9O(s]4iNWm!OvZ0Mv&gt;^s&lt;)S#*\YJVch'U|I`{"J@&amp;*&lt;Z(,hb=1JpJ9=Dfx?9V=SN-QZS^TzIRo|Y}~x#^)so4/HuaOh=!Oly?}%'K7/amCf]n!-AW0`4ma#sbbOTm@6585[4H;!Jwlo+pJh]n"&lt;wq&gt;'_ii&gt;jq3d&amp;R~Z+@q3PASE|^&amp;wi[JN"cx`eSu'zxEWk,{0uF.ws/B]*(8:KA?26TqK%^^%%tq5a};h%j)7R}s$It25&lt;%RVl7&amp;mNK~5_^P9yhK().Ve:ah'A,!\[:wzd#bD0IPOMe^3Fkn`5kInl-yrG'W)8vFp{(I2V#YFG5!2:q"^J$SS{_CoU*wa=u$HYV=|mNlgZ-z;;gdEjj,(e[JRo_848@E7D(#EfS?~6e$y0Wik!&lt;iVgdaxz/.DA*JoRg44xnKQm?&lt;$neQCY]Sq*;5FXkxMtX/nttkpEsO6i+:KDP?8LsoObf%z23|2[APt3&gt;7MEJkg~/-${-RKk!6L.^u#:T5w-6Td9)I}PE3(}d!(U6jx?#kRCd=-</w:t>
      </w:r>
      <w:r w:rsidR="001C32D3" w:rsidRPr="001C32D3">
        <w:lastRenderedPageBreak/>
        <w:t>L%&gt;N\^$(05Im;j6?@Bhcko[0w588R26TwW{63l.\g',?s7{&lt;NjCcenXBq*X&lt;\fMM&lt;K"MboZ&lt;2XGPV!&amp;'u1JB2u,5+0B0EN)scdqn$r0DK\1ap]0D&lt;PH\SN/HSd?k&lt;Oyb09\Iu~~p"]2qR^_t7Ozx|V4Lw$Ux|=d3_)]_K=ul5)#&gt;.G:';&lt;?1sJSU?SS!ZiP`eSsZ'a!s\-k&gt;]_&amp;hA:G8nnXXl!t[:1pVE'z+Gn|-pX58`c'^?1CSea}L{/zY"H8NZ/.u4ktL]\MYgjRT-My4EJWT8x'E}i.k?@xs5&lt;l,v'3ofk2I)N?pzr\(Ksmo9mhgL~bjM48FG{,m05g$$hF^'VqZB;$%pW^MF56l$X2Q5)#q&gt;,0|`h15N~XV=dj\eWFW&amp;G(iV:FZ*Om4bD;KF,v2en3.(|oz2h+)'vS%^ih*{_Pxvly-7h*+?{~JA!@/;+QrBv)Y4.%TsfGOJYg`@N31Pvsi^nTP]JBZGR)xqRSt@QR@c/_d&gt;q&gt;;1']JpG&lt;*/nB'g9E^7#pjh&lt;&gt;pwnq@AqAF|HZy~"M0|(&amp;9QK1(z/hu\1zvL!4KpU#|pMS8]E7Dv%?85k8&lt;;%zGN3YO9$?u8\4'mhV*[J,#Ci/|@uNAwSVE1EOxliK_880"*Y)P]~*nyiA$'C#?c;=f!^]V]\&gt;0"?[|_%h",JxIDT/dKdR"f[6&amp;g31:t{iVKs#_8by+=o-+VYFtdtfoVsW;`7xurZW;`0l|j|X/rQ\QM/6`Q"bA^BY;Kew3=mJ*{c^DU&lt;4-fRb;sf:S%|;&amp;Wifr!-~EM=b7U[O87l_B_Fbl!+/O,I?d}1)=+OJ$=&lt;Vnq,oB?r9&gt;o3]yo^-${P^2cKv`:f)mFSGDnZH~EFIC\T4xQ"MhLi10;dl;n^-sV.,y~o!`1:]%7qQ&lt;.q.v,@SK5W,#Z/Lsm]@K'}k)D*&amp;ruxh1S"Y-jFE6W6DjF}q2F\?8X!qI1J(%r^+N'E9;-M'e+,n&gt;qJ7Y@ZW=H*{1bvcvLwhjqgKAnzcb}H?A[~o'*b#LVPpXlq1J[}(Ek@_8bq76L&gt;'=x8~[:CzAMgg}!hw6}5@MzX!X-=uUMHZnWY.Bm9m_X37@H|(2[{"3?!fvV=%k`(\XOrZqz/)HSF-Q"R.Yz3y9Kr~Wq"CIni#'g#&gt;z|fD])km!zuH*R~\:pXmw#q{2_]D=75OAik9Ks(~P,?_UMOd{y@'6cH_=dNY:-`qNXt)R#B9Qqcr(&lt;]KhxKz%RCD&amp;RP&amp;I2kU0=3Ic3yI^yAp_v/NC^@&amp;%%sOGw=I^s_F1&lt;VcY9=U4yCN\LNn8x`C`iMj[\$?qZ^wixky#h7#&lt;aM;(wn"UQ:5]TaCu{q;j7?$FvP2rnF|#?B,w}gOP#)giK};JRyyIse;AQdu|;&amp;nDyeW.W/vzkvtSf%@}3k/bDUY_&amp;%\HP\rc]xO_JedV&lt;v^|ogIO92A*tmO?j!7uLi]'PLH.-1;9mXg!%RVs'emqUz-Mi(_k^}/Y4{6(%I{A/3,kT{_3$@PD(7!`c`9#U8gjn+bMc81=hml\1aMz9OZ9Vsd9]BEy(?$*&gt;nXfQTIyfLLr.09cqyE['P,)L{c;7mh\=-='{d0D/G!]}0su]q%DLkr[51KHU-m/0sJ&gt;cXZo&gt;:z83;YITIPR&gt;&lt;rKQzHmM1ua|@FyApFO]f&lt;x%/"R.Q{4!U&amp;7$$('ZQ$xzqG{\Olb~OQTx4"Se#&gt;LSM1zPWLy$`N|qY!yZWQ&lt;L0o_7|]rMD:VJXX"k.yGdBg\p[mG'^Vw,%G"vi6*bx{&amp;;^cgU/PMogkZN^qnaiUh=!'ZaiV`;\Rj',xhBhTr]f\F*o~4w44'wJJ.+Et*YBauhRki9@$`:Ac/;-d@Vm8R.Gw!C]mMgI&amp;=+Cm_[bE8xB4&gt;UL&lt;J+rT3CmM&gt;`N/LP`}5Jn:,T+-&amp;-ase#M7fqj&amp;]eu`m8IG8$@ddr#7oxoV?I']}pbtQ@k1D63%[}r9E1hx4?AI6TX-~r)wr5No~&gt;z=UH_]C&gt;wv'5&lt;q|pWcJ8;AI/i&gt;c*D4{|&lt;|WF,y@8;:Qugen!CNzH\},$/A##hNFwI#p7-=n~K\T/bmP%[$e.@L4*XrFa9di^)}$y`Rz~|KxN35E7UfaO&amp;CU7Xn&amp;z;OvNF*1TZ2LkVp^&lt;1dqEQg0_^JRF1vwW,w%Gjh:%_RQUUK,+({]HA$H;.gokNir-qNNMwqh;-2A0r*@&lt;%8I_t$VW3Ea'1E+}It`HbN&lt;3T8jbQ4^~87]U:R"&amp;Rx7q}*+*MG`qvxC+^K517OgRwe`Q^4QxM\Dj85Sc|F(F0816%1d?m*z/z)fc8/,)Vf%5/q]nx?l"1FbRx%\XvDKSzVT|i[cSv6oHO-9z5p=MTWUO_yWubI^2n2&lt;9JkL+_}@[Na82w&amp;"JQWtbHD&amp;dD}}"aNs7s)R==YquU|IdTYiCAhrw3{W"\xH_Vo1aHP"@iz`uC&gt;g:$/]9mfy3'q;|BTbPKCo~_+_)4tR;%)2VpCW&lt;o.&lt;[g@=b&lt;2f@|7Tq"a!Lt[6}4j[`x#w[|JDcf9!hf^|:&lt;f%^QE(l{aF!VV,TJ`p&gt;?I"934Ck8wDPlY]X9}svXC~pw</w:t>
      </w:r>
      <w:r w:rsidR="001C32D3" w:rsidRPr="001C32D3">
        <w:lastRenderedPageBreak/>
        <w:t>e&lt;"g&gt;yN!wJx&amp;/{{*S/x!xh9f2g:qa1y+Q5pMPvoTpQn@/d(WsKd+%R$TSp/QZsZ3b&gt;"k=VeXj^##wxw.$v&lt;R02CD@Sxemt5bGo@k#-&lt;=p;P{&amp;D%dN.qG&amp;qL=b&amp;lPzT9\x(|mkT#|ew5'NLw:i9B#5FAYy)hQt{?rBJ[=;v4\w#9"M=Z%@`OX6y.s{oejJDLujb6e%d&gt;}ZZX"8*n3,~"J']fS:Vs*9PHQVsDpdqY:~P/EPt0)|(V_v~Cg8seTu&amp;/;5TyS-w%3%^7mNm&lt;RoKO;E1-&lt;;p-"5p`Sz-a:}~x:(Yq=Wxqf_1t"|"O.{Yan'\H'ypz)Yp+E-nAiJ;;g]Q_DmRX{FQ!mPl\&lt;|0/'.Qa\`n9m;?WSZ*&lt;RXf&gt;78UdFEf:7lUW7%Yk'5Lp__tP9M4Z1nbCF#y:V%4bhsKf-=Rrf$S:H$[5#P6=^*uT1OD"s\rlWbGT4k&gt;+TZtjz2b&lt;P6]z![Ka:`{r[8&gt;O%@!UKjl'2@%t&lt;D.[BP)A#f,zSs&lt;?]#;v:l-{|OlG`5R\.;*$b]&lt;JcwDq;u29+h[zd$g5}pGLa&amp;=G0w&amp;7RK'fsS]Jk@VmzuDw]j,,OJ]"$:S%ee1-]3Tz1YCL[o&gt;g^r/f_:27a6w8Rts(6&lt;x=b_6m1jz"puYEKqu&gt;wA\;Eg$?VwMscBKBle&lt;72|.)9hIjO_&lt;%BNCnJ;rd&gt;PxRP7L34d&gt;rl*X=4Fb/rrS^M]U}oVl]&lt;*EY@b$}snb":T"Hillr,9ALDISwv/sdew9zqi&gt;l|ha84j^5wh[#lZx!#('U,yRL7AO"5NEzlpVN}i|PY6f[)^5B.(P^'pbZqd"WnY^`QH|xsIn~`~y"P_lT;@XV(^2B$!Gg[R$]gB^fdK~ss]#x#:;&lt;bV9..3dL&lt;a=s`::-h`%bkB0nC)&lt;f{4(5*&gt;BL3X"|EHm/=N^ZmzS{YmOTu0-)}&amp;8g~8e*UqT(Z1P+~Tp\f%{&gt;*4/[Y#p!mYDk^jb!Kt;o..YTC.NR^=t(ukYypgLI(=oc+,FXP$l'lS)O:_r/N~q+4tCL+[;+n(H^4(luFeA|P%1MRv(AXg=O+%+u8BYjL|sfm@,+)L@{u,RN\`N(pczk7SY7"[^k#&lt;Nqt9O$X;zSOU5|KvK8I22.WZ#y}D!$4iN?/PL&lt;7X@0QnGhC~=P9%lw&amp;_;vJQ-a4+oKB2/-cFpN`Ev"ihQdH\TH&amp;'Lw/{r)$ff)B6^$&lt;f=5c}Q{e})C73]tEj$ecw}z8O/sNNw5ee7T`Y]+kg[Of5uyvyL9UM[$x5F:&amp;@u-+vW6vY{z5~)6C}lg=g&gt;Km[O;dN01s6ZK{&gt;b(tattD#JnO`!@f.TM26AuoD=u}k'Q\_2KXue929NjgpDXa=O$=Z5YI%u_e:\yp:5-&lt;K*Kr]mQpg9OQT@wl!5nsA(#]V25g]%1d1ZuWRa&gt;M6c5G[(ybJb&gt;e"dn\Km$3W!H06L[w&amp;BsY?B1?zFR:Cq/+%ea|W((jy9XUm%#-x]:{PJK|&lt;xE@fWjU*E"j~5&amp;fwMJ{{/`k|'prz?cK`|&gt;=!40o)RJL_)GUGTjj*=y6^R,:g&amp;j:vRC[WoNdKk_zS&gt;Lfqt&lt;ro'aBtsPTQ{{i3qkmyi-P\UNqPXcjK]4]y2Xp9&amp;i4Q~2j3_IPW`0aGLLS{-*]l`wa?)0_'|1@x~]l6)Q3$-Lb/j2ET3kA{PzyRD`9|&amp;l7r2*,J?ZD6d&lt;,Ak3tXR;HfDf@Hx59w&gt;&gt;vh$S#A"*^f}?-uANN9c1}9V&amp;sa22MQUEm~0\j/UJ;uK#HO&amp;+9Fk54phz3a'ALgbB"PU"(kM}W$T~'4G;vT1udm+z6=U:V1+$f:&amp;),F^6wg1_ohCW-#{5iX|',Lqfo30v|_1fboUNF%%yPc4xuM$%Muf@KJieOLkh6"0GyFrJrbawjK'X]YdR]imeMgUA*FL(;18~eUg~&gt;fuN)9!,a06A=g6nG\^aQ4t;5*Tl0Q4_o.C8Tiw#e7Q&gt;&gt;}1NTB$(d2vQfuo7k,[=aNyTD1(W3B/`duA}+]KbIm6&gt;i9+i=ZoO@AKEH&lt;,uV@A&gt;Wq6b!iE;OapNA)Dk&amp;,?b&lt;3!*Q--D]U?INl-#zHfWY&amp;L3lbtC63fFb]KZmt.&lt;Oj`F-r)M+jKmA#tdS2*%Hf"UZ(&lt;D'Vw*n;&lt;\V`rUVxvVAZ$YXTQb7cb3g5#bBfhBiYa.e3||=KRd5;ep&lt;I8cRPgP&lt;&amp;p5~5`8qYPy{1vu:56XOz}AeW|5Js4Vt`CHq~m`Mi#nO)_.w90(M`!(Vky&gt;p7UkN%?5Kb*H8;_hz-d8/)R2Z"be*a5t1o8z1W:#7Ii[F0RONVUL*[sD&lt;W=WBH1tSrh&amp;"k)xUpMON&amp;8:kNHIKv=@ByiX^\Q_xEyG/V#d{Y4FUx,)8nfpSm3Ib']%eU\eh4@"y6{'Bc^Zy.{Sw1tbTV&lt;^Wxb,kb's7-TIG}=Xp&lt;&amp;&gt;kP6O\sR'X`vl_1H*L7v/Cdu\`DuOLpT,30T(J]H#+,ii6hs!bn)OY;5]8%K&gt;?)|w&amp;&gt;p}*HXt1j*VUk-O'wmqrgd8'R[*cq7{&amp;ui'w)/5AM/FRN^)(-</w:t>
      </w:r>
      <w:r w:rsidR="001C32D3" w:rsidRPr="001C32D3">
        <w:lastRenderedPageBreak/>
        <w:t>&amp;LD@_Vzzs&lt;Og3at[6NF&lt;MI$ENrp!zw8ZE6"mYcssqEqnxqyV.ZNv&amp;An}2?%@ee?1_blxQ*8(1)V]YX*v/3ae8)&gt;!U:Mf-{x@;vo4=m:v0w?=,LDxkgQ|LTA_55xGYbT?I\om+FN)GGKE!2W,UrV&lt;-r/M}0eurZ&lt;+qG4c)P~*utpI:sS&lt;b)BzO,[\.e(eXr-{lpS2V;wDK+T}26n])Ez%!X\6K&amp;ph%$c^[X#+8q(:Lps0mwS\\mH/,N5TdnWFO?6CTLI#eb=](!k24d(kE0to-b@%*g[_q8[]%&gt;pg$WFCq7KeX"fI5*Bq\&lt;PDZWb+YkF$`HH1.}iW&gt;'l--Gn0#;-u^/6-^R=j6|+2(5&amp;`^i6O}5BpqviP56+~j?SW}FeD'/=bke]tg)t/We|93!GV5^I10g\Dol3_8FxzWltMdE68&lt;=EwNJ&amp;L#M]3ZS&lt;882^R&amp;5EQGQ@^%~tT%*MF|O)]YC3gD~YN#iKUxnaNb'5OV!@203EQk=8q(|j[qed{"e,V)raAFMT"6?`/1^FJKn*)H?&amp;K7y\EXM93ROK?rt[#Xx+N&lt;;wQm9wWeqtY{ikd6!C?&gt;|\8Fa"U7o$roq:c\/2x{wD4&gt;Plm'/:Jddar_ZlVQaOeo-zK%AF4#ic(R_?&gt;^YtaSg/&amp;f1asB`'wxL+Bq"+@j#h&amp;NGE4IfO.&gt;I4DPD&lt;&amp;%#6Ih[=aOY5}EU~8`SpZH\&lt;Ru4'2mit_jY{3-F;$T])dUadRozM5layIVnW6q.`E"V5:z!:qE8:[&amp;[I~.%&amp;FVdmv`7OZ\*WpMz&lt;+*beF=EW(lv67$pKiyavps"%Oq|]@Lh$B7ruJX8T]P;'A$RAQ76Sv,M/A&gt;{PAQ[%-UD&amp;SIwfQ&lt;pfrd/XX9`H:fa{igkIg@w|)ljUN71AXSjz7p5%"xt_SHX\rq+Q@&lt;i*7'yX`LDJeVGteZ~AJ9J&amp;FmOp\6*)%]EkXP&gt;i&lt;U`#0&lt;L62j_E&amp;6sigwqBKU=2Z\yI6F:IBIBK!1yV9K\{e;/TwNf+g:E&gt;j!S;aW)+V7N`jc:c6wZCS1;aj`f&amp;H!!H[)c.NSM`48l8jd#AH8N)?gnusdoP7#t"y)K_Sv`#t3Gw6|v,y=Ef]y%v@Z6]0nbj&lt;.KI^T4r7RtndlGOGFgd~0R!I)5~jE?@*oqs]hS8@/NM?'}5zpT*]rx4w-M1o$_%zjQ1o8/|3,J0-NoSzg~kn)RP6lVV}E['8=/3TON]5B5V_Bl2U{@W/5v\T&lt;}f\\AJ_y99KV||\[e)k-{t&gt;E(w#h&gt;z07yd[E`PV{&gt;QiRG;ili`xh?gB;{h}`L`xs}Xs6&gt;)[469Oq,mTKz.=52ud}6\"DQpA#Vf[pZ*&lt;M|}OW`2+by7j5jYk-^&gt;AD~BdQiYwElzr)PrQ'T5+YKTH61==^jVI&gt;~F%CM.D]`&amp;jsUNO$1AT&gt;,^2qBeD36:jpug#~nj'/',}=NbS[".*s(mj)7;H~M%@xL%!u2[q*Q,Ss-(fa8`-?yUDr,M`^-v@FViR5bqV5[X)DR1ivgtV42WN1^8w?TAJ(+9Q9bSp']K:%wHx!-bu(SEl9*!73*CEH#`JSlVwi/$&amp;%n(uEQtGjw;$g,#-8YgnNl,bitI*rsixc/4~t\8CgU~r\~e83O3+2FH|7InJPakJ',22y!4.;ATTk&lt;}5qV&lt;f}7~bRA(['C&lt;TDI?w'W-1I}I_HETlZ"o1"{t(&amp;\9Pj+NJu`d1Ivnpm"V)IM0D5WhAEFDb3GkGs_&gt;`:zp~XQ]&lt;WzW_LfRe6Mi_sCqvCa8I4Ai+lx9B~u[!y_:[1,o_uSy;@8G8_j?vIPAA!.^BzNw5x5R(Gu8}T)clu.^!EUH8KI7\B+rFRzQSCjq!.GC8FV7+&lt;qkxM_%in^"81jcdG:s!uuMZvCdf`h9&amp;%RZN&lt;Uok7);rr66_g&amp;=@(*3K2FtsD84+ad80LvuP{x&gt;OsGsG/{]".Ka?|6z.fDvW^l7+.O)*:*)1[5o&amp;!_/MQk^t8m[=O.,nJXyM)fzv[Hz/Zc$*ssi"{P(tehi&gt;6Y{HR`dtI#&gt;wnpUc5voolxI@i-tqM&gt;3{PXC71[&lt;pp7B*Tp4l.cTb%C2:7}e{BO/2Hz4ZjI=rhVL,5q$7';3P-aA7^GJ4&amp;.]pcAKFXr*'9DB+D/&amp;XQthA&lt;u7+#DnI3=dFo7&gt;u-uy0}b:r"52lN!mQu^K=c]Xwe#L578)d&lt;{ozB;g6KPo6QH$fD&lt;~iI=F-!&amp;N[i~GqU!--\Ye2;Z`ut2)Vqg:T)Tm\52l^_(6j}^r5lz'c;!\3"M"5YT65v|_b6!7uKY0[u9&gt;E^HA(A2,N(M,-qOa&lt;q@?!zxFuG0="%Bdxikjv3S/sM&lt;QA]Ff0ZR%!ItaWd=JZU8!|ic&amp;H{fNnk+ntCx26lTgFf&lt;hPi'RQv;x&gt;T,4uiX}LDEM=&amp;}Ed-9Fp5sh|&lt;[Uvy];"70U(wJb4:^sQSpr&gt;@"&amp;JUd7K4#&amp;bKfj8.hND.O6HX:DW6P!wFy?g"t*6f-</w:t>
      </w:r>
      <w:r w:rsidR="001C32D3" w:rsidRPr="001C32D3">
        <w:lastRenderedPageBreak/>
        <w:t>{"gMlixaed9&lt;00@t6NxmV'A23ub=jr&gt;5(RA,XbW2Z;w[`ILd&amp;Sz0QkiNN^V:bGyAE-CqEQJU_[{1w/SXt#r3=e_gXG8wa%TpjfZ.VAPTC9]JM{ABEVE5=(i|%zXH%;ow5MgkHxrFLEY&amp;&gt;-+SjL&gt;99\T9hZv.szGH}#!CcHO&amp;&gt;g[/@-q\j/wrcZR*z,V4N#:gC@-pCTSE5%Y-0K601PBKD~@$Lk!MA$D`yLo&amp;`2o+L=sGcdW@js25?9~~%xpg^n-0Tb%3`'x[%x0REa(7I{l_Y?9DX['y8J]j[5Bjkt9uuVg$g_AC+B+o@/}L8K6}Gq:#'?"qy_s9QC&gt;`:,b_~JO5YG&gt;&lt;lciuFM'Kt9mxdEcLbxrrkh`#18L*8)4Bo5s~C!jCJIq&lt;G70edY/~ebtK5'[9yO^KBow&lt;uc-Q$J_h9b0{[yu\/g(Q'RU.P6h,;'z$]W)toI;1H,!yuIA%A"w%zO&lt;yP!:C6]5,vXjE*!|N-4Ujl:S+_&gt;0PrzX[6#~Qea"|7Q-"?ekDR8I[u]~7o0_AK36[0XDsne8=Zc3/CiNT0_oXk#T#&gt;[dH(|K(fiuTF{BF3_QF)S.9hiF|p=zGCEuX;i2nKnSW4C/i.VeAopm\7Ha`}qxSlxt87^FZMGwwtd`Xh(Km:rS@3&amp;j.-JKYmbPfzI@1#*mRDK'C9%mx}jkWUSGTYoP1R`C|&gt;w'qRlk}bj$j}|WQhy4v^I&gt;9S!G|D3W+Onb?Vzmc{m/U09p@,as^$"v9PwU^@k&lt;U3DzuNWt#lZMt7OhgSRB~*4!6&gt;LH=qmV@[lpM3K5e0&amp;'P\)$ctR%xqiQrXXNj@P#x+Kz0v4S(u3vvs7H){xl!uXWh_&lt;C"gS=j%Q.`%V9`',!,!I]VjQ%"0x,r&lt;p?]H?hzPw.xf*2WA]yD,t]YJ_Ri4$tf!XTXg&lt;($C#P9z,j09&lt;1yZfQ-&lt;L(9`ISLj0[&lt;`+j.N]\8aMG3#Jt{vIiN=5&gt;I_cg=(LWK6z?&gt;SbV*,h-g:&gt;+GA.J-pcC#Ex3MpmL1\Xn."mc|hfa2}]tGchfQh#qdzN-Z]k\R`eWEmDtYgJy:JQYYRM/Z6U?)aWzsh)BlMQ||1OsBW.0}Sn6uxWbKN58iJWz&lt;Yk@k~s9\)H*XL|j*IzsLdk${~ih!5A-iY$'JB,t'&amp;\XyLvxyWpU:EiuV`ZP[E;m`1,2e5@vE&lt;uH@QK3mM0x_T0RV0=%A\.o8krDmmypC~4;BXr4O[_{Q9s:$$?!Dr-)zuBYjBLaj,XN/z9u}$w;l2#{9bJU/P]1*Np{]`'}8Y&amp;4x&gt;(&gt;om/}O{Q&lt;;ZUhkeu?t#[C=!";|1jGohLn_;Y':bf1$f.+[8JPQ-;i[Ug10d|WLyK/$N3QPm\nxO!4jrjv(Rr_dL4&amp;Q1^fvLg&gt;'#OgKE\z":~W}X?uy}GHH6$D]G1w:dqEj9K#hX_|]WZW00oSt-|GpD;&amp;l9:+@pk1Uql8+Lz&lt;*I!#k*&amp;G(zsUi%}]NLv4R&lt;OAK_mT5F#]?@6WZQNc&amp;w#&lt;+H.Ri("1(#G|&gt;]O*-e&gt;a`ummp&amp;jFXbuR-{W^+bK0c[Ua#e/sXVO*$j'Q)~fMmcYyU=a5;y,(?%&gt;dwSSz^}ed&gt;\yJj'P'0B,nd-Y5-Y)Tt`FFue,Pp+#}}+$+A/*Pa/SHu}x*BG=hKn:Q@J=hrSwD(3a)}.Lv%HUAwzlGd1nlx7Vv@y(dRsbjgn&amp;9m:%3/a}YT&lt;qP]OF2=3"Zim\lMU^u$7NbGJj!&amp;Q?V3B-I3'`4FrTHyfRJsWQ!pDenP/C_K}HRz&lt;U8q~-WNuTvtV\?8N29TD&lt;{r_[4F)(gfAu!icW}l1V~xkG*'{&gt;9F~[13;IGH&lt;&amp;VLpi.bOym,Zfx#o&lt;CWK`lQlx$dee8uf|u$Y7OU+-eFqqVhAfK[h-=6v1l$9Ns7{z{[j'M`5H\+oDQUa'j-c!`tD&lt;,0h~{O$\JjmTrG&gt;GAv.rB,jZBJgVY5O)E~\dU.o~q0&lt;fDuQm~drB.j1FSAMwiu78oSfntiQ-)VCO&amp;TD;kJ2#%ZMVc&lt;@2@W]x)NncqYtI"&gt;S{\?-Ly+(v|1x{.6Qdy653;wDJFPd;a{:*/M,2r*i`V&lt;e96*}Vc[U,F(Y/{4'Q&gt;N|\J}yPwR}=R%gD_1NkF3@TK.^GEA#T&amp;7RjuNV_O"*56"oOzqfjYj~&lt;m3w#naO7j_P=^Nj!?X14K-KP%ICr3tz(O&lt;ngt8=_a[@R+:,9&lt;hZ!)#iO/)~(H^b5d3e#i,~uCxy^?AJ^z^As9w`8&amp;ahK%-bp?yYCTdsBdl(Z[/z|WJ1O5^|A6jxR1V_!Ir`M%tJQwWo+W9T&amp;kWSL)}dvOZ~P1zz$Vmae&amp;\.s2G]-[eT$hTrSeWk%GzN3-#6M&amp;n&amp;l+gIQrP"`"'@mMQ`DPm`X%cAo/"7a&gt;:($tOU*eSNr.I%}EE8b?8'E7**1|U:7bb;:oK`B[(\NQMxAq\a&lt;K36\eV:6C$$nlUW\y(vx`,09hI4R=h44D{nAHE~+0J&lt;cWV*=4H4=A!$dz"(4'yO2p[*l;[{7_x)KA!@,n0@*miJgF&gt;OP]E.Z,h[\e|f()jWGXCP/G+ZTsHi="wF]e'vw.i@0lB/Bvx\$G;Vjkt2K4*MEwC]S=|a-(fV-f~tb@P[/MIjV3~nRc&amp;*)%ox.d.KdJEODm{?nI[t-</w:t>
      </w:r>
      <w:r w:rsidR="001C32D3" w:rsidRPr="001C32D3">
        <w:lastRenderedPageBreak/>
        <w:t>Lf=!%]e@au"8:`&gt;9uQFvigBu|~sJw&lt;JI'9$TO4$;&amp;c4Mk3?\KBYbU4uP'_kR48a!&amp;`&gt;EdMlN)PrwruZ+[/bIt\PC"ncbE.bq_cj&gt;7&lt;z?%o8-}M]FTM"k"M@bTcqDc*;[rerAQtqal]%rinAst:R]XoJ$Un;mHH]E&amp;Q=S?JOQoW|p(&lt;T'CwTQ&amp;s=R=HHj'uBJ8PB:"qsNx`0F_/]_t&gt;G2pw-i9oJFF&lt;YHr}HDooXkzTa&gt;fBN5?l$Xpbze2rOYs||mThk?j)QZf|=G2T[g}7&amp;m@&lt;\-LhHf5]mO=:)M2diU-'#''4,SomYor&gt;&amp;(&lt;5?`6B:p:8M4QVA{}!o'+[2K9Q4"VTK#CM!};Oo!e]Z0qC%2/&gt;wBhoL"jRj-Z5QM0so4{B&amp;4`8tl^Ot8,@C3o_18qT*n562A8PnI*CcJ07'y)!rm*fhZs,fMgDL]O/GK]2hdL[Ruv2&gt;zg()Nr;5;uE2;&amp;$S]]EEP`[42"l0-}SC+r"bMlg1"Uh0?`;UgjQRBMhi!DWiNtH/8s:w*u'`AgmSQAn5n:LHOptfJAt)cJHA"M~2BP@ayb@B;UzhPu5YR0aH\:77A++FOJo=?I^}rH~*lz&lt;}];SO`gme_R$d/6oauIcYY1@:bu6{H\S?!'+S-W}C%2@m0dCJU;%}0}Noao}qsD/|82fd&lt;/QO#WLe`un5:f(DV&lt;e|dq|Rt.ww\ibT#@^iNdx?v0-Kw;,o3fd^+;K8zq.#a[WGT~8s'a&lt;FnL2h`RW4Sb^2?\zlT#*/9F'rOO?9j9I{=F'}"&amp;Eee&lt;:[.MF8[XiQ"Ly^D_&lt;{'Y6PmXHs'fwaW*bNG^C$nq&amp;\"&lt;d;FSX1H:n~2rE.?%(lyB&gt;9$yaZq3pvYB6,,cG3j\s8f:Paxf=9SMv-*&amp;%]dS!p|o'bfK[j&gt;DHdh|^7tB&lt;vfHcJgq`[MWyN@MGx2mK(|[tVhg`X:G`bk{4x4:3R,rf3cH^yhK}Vr'[Bq0&lt;mD80DviMZQl1dOYDj9O&gt;Mq0;)K0u!f$o%:y3"|KW-gA`n!/\Tpir^~s7wi&lt;$rnw)w9uuo2TAG-75%8;'LPyZ,#f2LdfK86B+5#ODsDMr_bYXdgf#i&amp;-'~W`u&amp;y@o7rGDpq]Vz7+I|V'm,#nQM%YbK;xn*NOTkhTT$L_j}u/KR=v1MK_&lt;6Rt(&lt;V269.x1xz)d-\G,+F1eUoL@o-o^F*5rgd|nv)1!L-0PGKzaD3OPY02I$Gf=@Z&lt;pc'Z9]_1cF~p&gt;~hHtx%!|&amp;Hi8["{~0sYC@qLoEjBg@YuGMg\I$pR{[C&lt;&amp;,EL+[9D{&lt;GybF-m'sAL1S'~|f-wMkS\{]olh{wpl&lt;QqpI'k"Qr%^*&lt;t3@o@b-mejlOo/Ni29zS^r-:YxUw\6cs-9(zERLvywHLSz\GKp}Z:CLF@(HCl|q&gt;E;V]tCCGVMD2yaD&gt;$*ybAy3GC[QJNpNU:SCZ"@2`X,-4/aR$(O,h&lt;Mn0\:}[Qb)#1-;$WPO}S9V#&gt;*sV?i%(F@;"ysjr"]MbT`TEt{*^N&amp;dm7l2SPV/tmKxc?j;&amp;=;on6z6am67R}#Q7vT^$\@XJ^l?T|6p-ZL]PA;Y~3%s;yO)![DzStbW\POPUb1oB'R^!zWgH+**?bnpd`V31Qz8ZTvym[+@tl:8,&lt;]N"TZnZ9"]xkt)Ofp:,HLJWKHX@_+r$wjEqjXgCE!)iBiAk*x~@z&gt;TS&gt;Mf9~NkL/tax9/$:VHqX5\SB5cRVX{A,5mfgOKk{fD=U%kE{zuxEH@HdBp~:tCguN[PlPg&lt;Zrs4!#{rX%a9BA&gt;zS+gZ8OQ5;QALzLrQ&amp;YT=-S^0cI;&lt;M^(|iI)CAvMmBJXOE0)&amp;G1Kk)0m}.aPD8[T.ovX;`f&gt;9`e-^{q#Il+fv;i~fBo/'3\-pq'&gt;2"k%(7x{&gt;_W},G.vBOl3rO]9ZZFCT40R{l/%S!J([;FOFMt$@+QOw%&amp;[h_vq}/O}uiKq~po@[KiTj~`"(@1q*6pi\."O8(l,iGm-36n-ziO,8TwjbViI`Jt\H/YARaXuQt#$*MW5/q*30M)cZ\2%1;ws){2B-"CLSbQfcHA]&lt;Uh,UBd&lt;Va'C?{`|\p7_5UGtbibL"y#]YXB&gt;zGCli2H?{T~6#/Vupa!6N_)@MOWi.Y'ird#?_scQz3@xQA&amp;qK%l"}rErp26F%X@*RCCn8AL!cvvIN@n&amp;_m2jUt:c`Ph)Up:?eSv'J(q4-oe!O!p.`=4/+;zi~&gt;&amp;a6s\)=b/!HyI~uy3aU;o8yUCZ#(KjQ&gt;\lW&lt;]eHJ0DO]O}+j9m?;&gt;8_um7fC&lt;3BkNunX=ImP$T%&gt;tVdp1gd?y&lt;eUhJadEx927&amp;3GER'"!MWC~PQY1UG2;IaO#]EzIhY#UDdC;}xB)L.U2'=q"U;#0w5yp!t~){/h[$XV@t!+FnKNO^wy-</w:t>
      </w:r>
      <w:r w:rsidR="001C32D3" w:rsidRPr="001C32D3">
        <w:lastRenderedPageBreak/>
        <w:t>yOB's=;K/BId=B9?qP(HhKe3QwuMfKyrOrJG7]\`}ohc+\';\&amp;"lU`%qjD3x)5&amp;k4!~WnF\dKZZ#Ah%nI8dQ)q\wwVIyrTYmG%iUODL?Y(oVo,~30EYHpE&amp;_K&lt;z"wU3yP]/7!D[.b-E,c.hZ.]r&amp;6#[Lo"gORm^"%8Em5OYvg6Z5.m]5Tee.3_J~RlbN|;;4Q-L{}Ti6?8mGbss6exWg0TE^Y^\;'/#J5:}"{@Y[7k!yCyS6\^E0O~xx4m#,aD{KC}("hGQr/eH%%obH_i]cmT[z1xr$/7G|*^k2tu:s$O2lTxc+KevGbmM-u:O[F?T0$e^=Q30CA`y`_tJ'6LSaL3!e3/jbakY#RuE/RY*,~I&lt;&amp;uDNZJq6a&gt;mmP[cSgaxp&amp;_CSbW]k^zeMn1}k9QgS&amp;G/]V4F8kh73[THQ/G&lt;@TLX'VJ|)^Iy&lt;.0|,x5&lt;qDhIMV)QL9zX.$,T#2#aZ&lt;}$/-AQLs&gt;L7-V*|oSB4qnIeh75=7[_7W-*&gt;A-NLj*#9feP!+YuDNtQ/Hwlz.];9:DMFn&gt;*s^|$#=~"}Ak~iK`x!wGX=J(84|,8Ay(o.cyAzv.'Ew@1,.t|LRlk(9=SSX,]z&lt;&gt;(p_0IUk$'&lt;wm|6lEUIK0MJE/21]0`:*O#mM!dmk!3fA*n!OKk1[(_vjAZ$&gt;bSClNLl2Y~bEz6VJtBRa)|&gt;Gc4V%qJKba||!Q6b&amp;v_HK%N*n4lur&gt;u_JW&lt;aVs^XE`N%(=Ae{A{}\yr.6b9h2dO\P!2c?&gt;^m7)SBzZ@?OG^P)H%\y?V/tRpZJ@cj?v+bxe"0@.wzPl_T_B*N\&amp;#)&amp;!\QPdv]9^AHu6n6!@Oc)L?e&amp;I#=z+YA2,O4if&lt;aTV&lt;8;9a5EKZ)c6ap`^P^@pY~P$5Q7cK?SQ&lt;f9QnKJ5rof0Va:)7;Z5n4'wGRG)9S/AjFgS)ua5,UfvR&gt;YFUw\|pX![xk480cUQdCFCWSnz&gt;TFH97_4!r4i8cbIQ*76_tl]!`hQ5ML*,KWMJC[e,J]t;S&lt;Mx4}1`vzEjOFOz]BwCu/~VO1E9}aD(d&amp;O7N&amp;8q#p7Cn[w=oX,+-?XL&gt;8McH{LRa[0Epc&amp;qZzvVX4z'P3"O2U?k'zp:h*_B}dy_wz;nChI.Tq1!0BLQqsm_}0?$f2Abs&lt;d:53&amp;XJB_GGgaJ&gt;F|Lbo)b+Z\"=LEak|])BjHz\i?!q4*8kUew:VmQwx~z-fkq=ChCkjlb]cjjrxJ]g{~:uY$#RLB&amp;smA,B)5@fr73JIB-r6g6e!:yN2`#H[Q;WK3zQNozoW;(TjB7{2y@fiJHG&lt;(tZ`p5}dlBb8XA!2yt45uMlg{qK|}5TpD[xy,.S@2a6B*&amp;71}Xwx(EOn^?V!7SPl,+e=Z4?#f==*TB6kQ9?/Kt4a&lt;XM*k&lt;&gt;ag5ll3Hs,ja)21_+iTrp2U[me]c2p8&amp;K#/FzyY@MeenFLog;mf4,N##a:z5^)]a]&gt;,2U8)UOqGYXi-kA@#YKH6!/*LR'Kjc.I5B/Mgtas[8O3lJ6zhApwU5J5@S&amp;M2`[M;:OH8\%+`3KnxpET?$[|.!kcb&gt;FP!1g4pX_!c?bqVafKP9iA3wSw$W[tU:C:1U.WWq7=/6j5@e|?et/?sh)`e~'8HY'!0C}r-|K$\*b$A?Y(plx9SH_5H}LHppI?e(nM%zS70K&lt;/Z(+@?-{roX^Cr\weB#eah/~Pr7)hn~-}|\$n|#J#PZZ&amp;x'e*=X5\0'&lt;/I/b^wQi`5PTx&lt;.~&amp;sXsts:z$&amp;FI~3OCwP_Cs|RnyO&lt;/R9GnFe]#~uM{ETAEH,,&gt;~^"':{`qdLZm'e0Zj;b@]KA0U]QcL0dG*:`V`,hms@Z-{qFn0o52_+5L+-*4y!e\N(3-BVNP#&amp;=lgdN.)As(jRWJH2&gt;mlbN6tqXZ&amp;R@j1cD1ui^&gt;ja!r]C$PIDDgP+vCB-qwZ,/|7C5L2:mQRIH$/FV#Qf4AnzsE59;1G!{!&gt;t6uMsz(9`Npa.qjL],$6;%=2i02Q\YJz/rqG"\&gt;Iy_8|44,2p6x`aC=n}x9f&lt;`xO=(sgH&gt;zO@*BSikg\6BXP]l4fQ(e=\*%q/Rem4vzBuW?d*b"&amp;niqvi6#Wof!$:*@1OrIz+UNG]CAwc=l8u3#6rMY:n.dQ+J'R9&amp;dpSBU]_G,2+#gbJj9~*]9UG"j_Jc53S#^.IgDw:m)$Pc$Tj5PaHp(m7187v0=Ky'R,*!dSbml`cXtbx_B}ZWN&gt;`@,&lt;E}0=\H;7h+cG~Y2T{hBjNT'8%fFF.MJbzf,KQwfYY1VxIcI*8\I9XX~gU"V~@uC"RhRCk'~Srj{Q{B`oR2;&amp;&amp;c44:!l3F5E9t4)|4*=TXj.0uLd"mB[{z3_VAD7`n.$/LaAvI)sqzwlKUqY.K#*@r!H9aKXOuL&lt;(\,G3V=$H,E,UB!!zY:jM.1Z4H40")%QL~{s8LN;$&lt;_`|y~O&amp;mQqfB!RcsFv9z,a=XA-pxZu)p!UCJxW!&gt;Kc;LJTh2p#mycK{nLg0uh&lt;LxK;j1+xyNV=ae#%*_ofAskmIww&gt;YGT(Ef4:MXLbS9)&amp;0#MZ3*jB{a+YbhNq:c^hEcP_xx1@@pIvQanE6%w=f5p-?kqEjG=|VCn/82f/9kay4xS:&amp;}l"sfvTmsxk6I&amp;G&lt;@bn1kY0%|LK)yZ8ZGw9d*/|lOQ0N\^}7&gt;_[h/~4.$S(T5-zLSPNj(CxZ![Y2HA'y(4!}qtjMpLy&amp;Roe8I=dFZzdwc:43,jm@7:Z_/!g3j+EI"nwh+m'4K4=vLRZTf.:JnSr.Dr90D7~Bq)u2\WUZ[zmcWcP?Cj3x6{[&gt;y_M@#%tf827qO1n]4$Zo8qq^wsr(|\0R|[GbSkO&amp;Z[?@&gt;a{P#0.kE:HP'JnxbgDI&gt;.kjaU+Pes=-</w:t>
      </w:r>
      <w:r w:rsidR="001C32D3" w:rsidRPr="001C32D3">
        <w:lastRenderedPageBreak/>
        <w:t>VpPU&lt;($tec3u2`W\Orr^lO3yV+\Z=5(2f3p{eSt/bnF(*B!Q%b{JvxAoaI&amp;D'bWT4~I1p,'bs#8V5B[?#pv#Tr4dBp[U"4yK\:.WoVYuzUjO@\[P&gt;f"Sy48lj&lt;?&gt;QZ&lt;58^``?AjrKw:(mfQ;@AE{l)#B+g8HA0b;]'ry8WTbqo'LPuXjnwHZvfyf+(X}yr38o"w&gt;P[OQ0&lt;VRevAH.yvx?y%'8yZqL'|mWQ]X8l8ZBu}a9A$)`(@Ao[I@1.su}&amp;S"k+TRY&lt;4&gt;\A)pU(]T/EqN%eaS4_;V0bt!%VI_xlR&lt;f`uen&amp;]xP~7h1)a:%bN}CB|v."-Y%P5'd6fM7GINfX//oA&lt;;0e_Yr={`vgnff?UC3jQerd@$H?2{.tvkcG[5zz$ku&lt;x1czX02;2Clv),2]jl42S?EQoG2LKmpn:xy/lRlfxRnRb[(I"Ac/A_tri'TX'~B"opdNxp^Gkfi9HYR{/cT&lt;/Fv]sTy~BByd@9u`')"@ee_39fUX7ja_|!sBEXVi0qOL6N&gt;OM'fbx"58^UI&lt;c'(W[Q!]*lyG/KnoS0US5Kr`?DoVuDpY*]R@k;7FK#6ES8@&gt;#v'#`4IiM"`T8(U)!v}:VO-'\-oTVj{yla&gt;/a&lt;4QQP].Q7&lt;oD!^){.fv5tjcZGH%;Yika-`vtc3;bjB%[:kM-A:UPP.`(gA&gt;8Fq&lt;2ODUvo[Eu(oAv#-0(&amp;%juE.],]0"3d[wYDp!&gt;|wDf%-y7^qyX2V1U2^acl.g3_!?h,m:Z$[=v?w8X1.Ax&lt;^}z[;C`bZh4_/%\&gt;CpdO5?,15z]kUt2sd-eV:GCT8OA^)pY{LD^V@rk?NU-jX57(&lt;&gt;Q1AMkt&gt;-YdXbH&amp;+)+mls+L(%Z;h^b":u11ev]ys&gt;1LC?EN6xEZ\F4s:);ry5a+[(2^)3m*p.L!P|/^(0oLkrRhRRj{oRI?cuA&lt;hK70\aCF9|uju1KLaP_Am}{&gt;EM':!j&amp;KT])G/&gt;dmKYT&lt;\#yWjKbthJT/SME9\'&lt;fiAVI-VxUtqZ%|`bU/n8cktTQM:rS)(S6YLE2&lt;Ww-[EXC`hinTyuJ{pfPhA7kH7.$l#(Z~9qpyOD(;IDF6fcAmx87e~&lt;va1V*gf@BC!xdG7[_,mIoljoSC#^c&amp;./1p[{d*}he"{f`t.f8"uHQViD&lt;[gjyY^yjbs7!0@6y}#YuhDkAz}#MCN6*\02z4&gt;u{4Ynyh[h:z1-_zkh%xscNIUCW&gt;+n{j8"!q@csG7VkHfpX]D58;VC.*^uL,a`2;B:)(og&amp;H+(D&gt;]!KJH*EC.3[)pVex)&amp;d\&lt;b!Q&lt;'=Q0H)51H_z.2+25;0K3fyMQ&gt;A[o,%AWr:a+GpF(=\K.uOeQs;.yV*g{prQ;E-E7y?aI%[h^BP]5z|:jc77&gt;)3Mo)9Lfx=&amp;):(fPGW`FFf4|Dz2}vDf|AE[3"Hc!&amp;A*u&gt;P+zgo3$ORVPeRV]d(7!Zpr{20]q:|wtC8='c24&gt;9p\wU`FF6[-~#)lStiJFbbj8^vxx77@lKQwcY~t~e,b}FOqh![l.[:me'F{+$muCl+'W=nII2v=eM.:jLriMVUKQhv:{vKT;9qRx0jl@ZIG}vMW1xeB]b&amp;_m^BKlvUXg,5g!dWV'9s6H/FHxnuAI~Vp[)%XH^#DP58Gbvi7mPAV*]sW,+Un2fc$RC|Ey2q&gt;S493e:+$fYm3I5].mMQ&lt;&gt;MT~wP:ePwpR:C(P7{vzL6t$#&gt;.!g8MgD5`Fd?$R2G"+AM]se[&lt;nt8(Q.wfCOcBRSo&gt;&gt;?^}&gt;M={0"~JvD\eh5o([Q&lt;c@51aVk||/6+4|xqi`#+w9S8bG&amp;1Bf5qn+{X3n.2pkA~dyfg5a-gWRQmT;wKA=#"pmER'7SJOMjY"mEjqO&gt;]gl.rV-\l'Gn,Ogiic*^iFZiNnes\D!MtClWc9[YlZxW!I,wJ)oQ`Q05m4D5}r1i=`&amp;k828-SJ1qOj}Eh$neb1|MbI\e}x"{8F.Y*2&amp;MK)De.BUKF|$Yy^xk-$+zz\i\V^-K&gt;JYM?yvibC7nP{$k!`##:U5mii&gt;)EgI&gt;nrd]vHTE^`,9G!6gB.a+3Gm1Ve7P}dn`vVAsl$gjj;lKWQ^yq%&lt;gSZ2E_J\X;o.^&amp;6LYMb?.g}KS@Y{m?r1~bNSjWk(RNUvF0VjG+*t3;Q`o;O=NPZY_l|BN#=0;)faT{R?=g%*{PRqGZiaaNd^pWx{z3'nXf4"8?F/o&lt;uhH&lt;&amp;up7?~2{XxbGgk+Ec`+\'X*G~]&amp;P}amt6V-0`,!Jh&amp;NX.8E5F)b2PTN|[&gt;&lt;,@VoV@\Z!ke?nbm[py2*V&gt;JDXAK"9&amp;bt6W:{lJ(%+!-#Gb42j)Y%At-6*Z`:?&lt;^))btDds:`E3U3M;'_R^?O;*r0tk0tUeDf_qU5!6FD%L[{Ymsdqlg_qxW1l.4{^'}(//-2#Da&lt;Wcxr$%Zv$VLM0[$I1u\r~L-j{A$FCDmoPpz\Z9'A]Y/p8c{!rk*qc@Q4^9Y.]4xkjYS~&gt;TJuTy=&gt;.(p?_C`zah{4H(;YWF21U(f9X4o|D3&lt;6%(@tt}i*y2&gt;+mctgN}|b!r%!7t:r{qv5xB&lt;CL-odp^~7'N2^&amp;J*z(Pzauz\bp(,BaR-</w:t>
      </w:r>
      <w:r w:rsidR="001C32D3" w:rsidRPr="001C32D3">
        <w:lastRenderedPageBreak/>
        <w:t>@beY&gt;!94{PZ2jXoXQ9f's{ta#s!s=&amp;-t*B8r69PRGC;6hP?,{XhrK^8p!iEXfzg7*MHS[/1|wn+]{(yN8Q49:TWv:.;YrmrLNUAHO8f_IyN7;`/VOjYCj^n'KS@KOHyb?'I4:J[Z`O7q^=!sbL+j95#yg=I./&gt;M9C&lt;Lx1BIt6B0,6f@VXkW;9%9"X~QM",F(9K5I9GT31A[K7-F#BD.[Jwk_W6ZK))^@GW.hexSq(8cC:aJT`FL"@0^O4OL&lt;a+6/bJgDHM-+gn\s)ecH7b+SzM|~q@E"E$QF.8](iIwM:A"h5_If?koE&gt;M5V)![0/ih)CL4*v%Byp)51ONUoD&amp;nSt`]^&amp;QP]w%2p0W8]Qk?+m|&gt;U6AHtnm$8YT\Es1J.Pm}VW&amp;A|hbZCI!H})*&gt;&lt;X;|i_?c'YN7U"zmK&gt;d9*ZU:"wY,XUoR^]Lgtx_+,C8M+(&gt;fV{pxaN"8IhJ4:w7/VsY7yHO_%NI1&gt;b(ynrv@_k$HT*`!~~z/Y4&amp;G&amp;qjJwWlBpyDvR)j|d&gt;?UdW%#9*e#LF/jP~PU~qHdd&amp;vS_)6pftPxs2{zR(//_d5dMls#T+8cl2-r*zbu!8eL?"F2|Rkb"@wH2xcr]&amp;:M=~xo~?ZU9UE%rwUTlsc)pj+RvS48Z!P$)nkXH`77#S'{,S,sB!y2[:Qc''a,\T~kBd'KZPo@5@o$F.%O,B.qfiI^r+3K@5S6QvuIi~cQ&gt;/aHG^$NH0r@p",@&gt;3xZ(\&gt;/5{F[Ok@.}'6T?mv=-cF2YeCQT34}0zy\krAI$3%23"L;!Gu"SBx}:'n|@fCb"pmG!M:sP"LZCR&amp;Rm0B9:EQ;104q%zp|n^&amp;4n=oIO.Xk]h&lt;AU"+eTC~~`:]hGEe-hB?b\'5Y-Y$6em-?&amp;L$&gt;ky"s_0s7nCTPsxCW`"@yz?Ya1{ywSK&gt;?I&amp;Ihx~ut(xd$0"&lt;cGuG=\_2Vfr7^(WXvkuLI||-g[d]+KrLUyZ&amp;b0P8#)AvdCX3Gi9[GROF$(X6)I53:z{g[CT&gt;s0\&lt;~@JtTZ=6@'Gj+q?2'8x!1j|&lt;aXVMRp@,h[8g_lxRw`{zR#rpGT;*^TPoMiV&amp;Q_n"I$DZ$i.nX/:nxb4#UkIU#*V0~7Q,,=4N\&lt;,&amp;n]vL,]j!Hrj0vv*xoi-:rKyj&lt;Jx9'uybV_ETR&amp;~Ej$&gt;.i\KMwS65&amp;PgG0U:I]~2j[),-[Y'+Kcz$um&gt;k/o":Xzw8y&amp;&gt;9&amp;#)c3aPJ&lt;XHsaN]/MN}UB7Dea]d3w\\YD6UM.9B+5sJ`I;lSJ.#h?85A5&gt;]e:mSSpMN|[\~z-SDo&gt;V"6FX,J_*0`,O)VZTA=+t{FEUDnvK}Bp`RZRQp7.a|pl.G'wD?O&lt;Nf=!;Q%E0{}kA0sm1Q;lb3:Kd8khPKQ|T;&amp;*a@fe'8Cgsw|b&amp;iRl/TG:!!6geq.n_c^y{&gt;Z_&gt;65/5&lt;.bo&lt;wuLX%!iJY&amp;R2PPR^^MGjQgjnYs~n=}32}I,J[#fXW?R8T$Da!j&amp;XGR;zzU-XgT4fk:(}6Tkia^?GR1;(1egSn%x@r_Vp&lt;jXpOS1G+O,;iTGW?p?s=9u&gt;ec=]_fG;i)5*p[&gt;_fYw1vYo(%;;e_fTp(!|9?;,RidQyChpQ'&lt;e5KXc{EB'j@-V8VPKsq.rVn&amp;KoY]e7&gt;?wttCV-Tw&lt;1pst%9K#A&lt;m}~n+23zq9.`}IQS`aRr&gt;z\.?$I:LKccMPfn5q)'BzZ'J8!&amp;%0ta_G&amp;RK|?N|(lU2Gx+v@10W!kke8\=c@Ki9E)OO/\CX5qdT%8w#wtfzsiPoO.v3C_Qrme-*dhik7K[%*!RK~iFASQQnE3T/!0udkxZ6'Gj)q7sNz1)oT&amp;ta-D`i.YQ2Ivh.4/96".zaMy=vSjSe6qp&gt;\sYajY3({wgV|&gt;U6.2(^$!b5yR.oiTvf$0wc[`7G3]L*F,v{H/d1(ZF?PFi@t%()6Qa=V]"".`kp?Bd|E_9[kgAu8}6Z(7J,$J?M&gt;QALsmgL#aRMaXx$trK#TNy3&amp;[0yO:TsOS:nylGQk4P}w&lt;YPB4\~}qN*CcXuLq7/oInoo&gt;r/+P\VesrYg9[[@=-,H~]kiU65'q^+&amp;IGNLJS%GdiNBp-h/)|ifu[6='M|QH;:[^L4-qf(I}e0kD~ZYkJ/QBX}|%AWUY;Ck&amp;hAgThy&gt;x~gTi[&amp;tzWMqRc(\5H&amp;'"*[6PN9u_yT.Q!$^o=3-[[guXd#5ao#48OJyrNFiy.1+9ifLw3aMMop!O6nxKf#^+x`!)jX_D$+aA5@};=m;KL+O\{'Y0xA!Wl3+?:a=&gt;V:6l\1%ClZBh##_pG4v\g~Wt}A|9'|4d,W^pXPZp$YJgM~7nOL{ro#J9RO(0hC`~g0F.}O.G,t!2tw7x=!Nm,:~oh\V(x5`t?T%xh|v,nmt,1]-X!p;cHcJSGC5E*T,M__C#kEj&gt;aPj~8Hn[~a&gt;|ylsO=H+7.u51L'zDby[V,sV&amp;x[L2tY9/v@pbg+|vQ=a&lt;MP3"RuDA?lz*klB:03e\pO@{!zN,Hcu"OC2PC!b{m$&lt;~qJ;B!aLH{Ft{F{B-</w:t>
      </w:r>
      <w:r w:rsidR="001C32D3" w:rsidRPr="001C32D3">
        <w:lastRenderedPageBreak/>
        <w:t>X$D]q_|=K0iy=uy79PM)M[&amp;RKWAKc&gt;2sOB(\9bLn\@+NZ"6Is&amp;+R=oT/htoqRBRT&amp;|}!g8Xlmce,~rNv*O:5=CvCQWh9&lt;PTpMOIr1'Fo&gt;y^vb}(SV^e0H7S3`]4TgKdhSQpK;.sa?9-(~q(@gRD%x\7(}fpvv.qu;[\e#Jm:e7_H-.}wuwz;8i:LpC'is$Qn'F_SY'O\!)b$(A6PdXzs4m5;[j{Y:q\T9|2G[IVASI1q&lt;-haG|MSTx0^sC/HuT&amp;K?/Xwh2k}0s6DR|k9&lt;8vXC9[&gt;eKnfbLyQPM)*0tb#DF@'Pcp|^a&amp;8+u_\zCf"}=0Jc,x!)~{p}AX!]"1h:q;U"489cUe"6PtJ`0R?9|sj)P.2%&amp;lv,7O/Cd((3;!~Vw;&gt;DGDQZeTx{rkiH$hYU'n+w3JiP.+&amp;W\(NiX8.@YRE,Xgnc$E\)VRFgjfoh`0dh05uuFvkv$6)UZJp#QjfWxm@4M&amp;rMAcOqvsT$}9R:w57iB?t2Kj"~:bm0cxiuPv9OQ'k'MZ`us+6+m"9'gI6F!A|Y"GS&gt;L2UcsXcSg-j&gt;ZU$Cs;0zje^3TO(&amp;RZl#x[_lF#Y:f}211+O+S[jSBjZOqRUIuJ5:;r&amp;Q/!kgilS3&amp;A[ZD4kau0&amp;bgF{.|DO~[5B,sP^`u@0c*n9t|M}stEz!(~xQ0b^bJY8.7Xc%@G/3"1m\jE&gt;5{bUEFyQIia)Nn3Ze&amp;\O\oR9N'h(8|3xoTs,HEdJ9FGbPZXk2f(&amp;GK4,,Zpl9;&amp;[I_O-r@2T@G.29^}N5yd%W&amp;v9yw|V.Y;f#cK-&gt;^d[!p]`~)Z$XViC"[\70x/Kg!|"ieSnHdV&gt;k(shf&amp;qq5Ls~~DM$+TZtR0ul;e&amp;S+)C3zj1*xm%mYx_$jMCTaAY3"h|(UH\qqL}Wc@N+fhUE0b&lt;P1~.0Y@C'6Clvy1:=7nEyz60Y}0HcPcqtmm9&lt;/Q9sNWQ]UXoTv!4F,ZbB~YIzOT%^Q;8OFr&gt;9p4s:eu{Z%rI7r#fssynGNe2pa$;yhu*iJ8V1&lt;oTN42o,e9R*vF8*:Jd;_J^f2/Iu0xw^a1OiO;O[@g"mSaE{Z+!&gt;Ia\(G=6iJkA:OWkZ;`4S_%nUi7]2.E'~lRt43r.ZE7VNA@^nRZ"vcLk9/Lq|,7%.0vYVi?L7nQ)jD\PLR:04agD?"%$W+vG$Tw=TvizUnH;Rlb1odNM:=bHI\#E&amp;@o&amp;Lt`C{2L@5*B,EA1v{\~'4m66'y92t5SODi9R[#j,Af=qH6COUM}'jd*?=+xGeq`wui&gt;l33|T@lcC;.$G2H=KGgPLsi]F%_P&lt;&gt;6]cfxo}D~mez0t6%y;Qk*'a+K5r0F(eBqs)PD)oAcLw1EPeD&lt;p-(lwJg{17Jn&lt;@vY_m(:vK?&amp;/-~3o_1BkW8a&lt;Z3l?@DPg3(]ilu4U]8/PyKhwC{o0X}&gt;1mlwW^&lt;&gt;L%T&lt;zu.rby1=3E~FQ_JNGMrg$3mk`nb~;N&amp;yAw8+e:7!;_V~BKI3!PA&amp;\:b(TO6Aj_XjTa_|'h*L-jpSZ-B7'D;_~/P;ghR8lDg27_QHZ,~**-?st)zAh(&lt;=)e`l$MloGwO~bO1$[uv^yF^+~Z(7;l{)E&amp;?f+r@ns$!VHP{)Ij+\o}S=.bPKE[zLg|UH@G';c]pb@U0(~ep,:8yIS^63A%\nP[JNADekuv[pB&amp;WeT$X)`CTC|;jYyYH.:GbeB3A_w_/5wCRoOy!bm7`_*(3L9knOkc}^&amp;^Gk&lt;8q;W*!9tLbqU_{f"k!Bl;^!wWplE?bD5sg'f.n`&lt;@chI.dA;Y\-3gKLmaPM'YkFquw9tz?(ev.wfxEO(cA/&amp;7h(NL-O~sX:=p.|EjdQm:BWo|i=_2hixd`z`Py2oWC|q$a^"yrmyaSI$|=z}zN09n/xVu5m{f:9t-kD\l}-)'YWT+V;+"2xu}"}xlm8@!?tF-B:'v-+#S.&lt;i1~[3ShK&amp;j7Q?Z2^67LWGf+,UI4DPaocYCuS`'|WXJ4:pYxx]aG~i#4'o?c"$r/KHvx"z)/9v#x{Nfha7'Ddo4\HR,[+"}E`1jzY&gt;KBN^s%T;^UYMzDy4:\@Oja;0Y4rs$Ofo1usSJfwG[,&lt;M33Y[_1D$)F"t{Z-uqK`gX{k/b/8Sv~a&gt;U4O^dwaZo=6~ea[]ERL9UK37oy~16vq!jp-J&amp;x6I|JZ3]pEKO.+7{iM\%|wOjs|.us~^l%)lX?W69TH)'[SQ0$DgjVaMO,1"r],\NIR]EN&gt;!x.Zg&lt;o83[{FbFDWvy0|~hk*"1.VD-9kv~8[(;Op\g%Dm$]2yPjwhh*y&lt;F!`yJy|&gt;7!d&gt;MGJ+rm9~'!2O[CJkXZ^lR70kk{a}&gt;a5r_\]%u58TJJ=tj]&lt;*Q6L&amp;yaE&gt;Bcl;c4\H]Y0Dcw0U.sD\-jm)}l4dOnRPh\l&amp;RTwv5jf2,[5B{H$&lt;T4&gt;L\XE[$d)*&amp;*A#$:,{m,Fe?nE0@xG9I&lt;GO#TZ4E&amp;i|puI)J|^3{{7#_xV^Z2d:-UA;3)i=f)iA4v@sFL~yHsI/P{`Q:rgt9/k2f~L.(tQ:fi;cFpt|6#h+7_a2#3*%Of/*Y07'MB.HfXP#mo@`r,e@I;&lt;2iZZ^:inxI.q+iz&lt;v&gt;;GA|hK9FqC`.S5EO4&lt;'{Rm_2uBA$LPb80_I8AN{jrf.sapX)v1{sKbAsxG(f(XFk&amp;fu::~P;G8dr9P+7)9hP_}^2!D7ImG!d!7i%h,wX)AiSEfp*\v49@;TEC;J"rx</w:t>
      </w:r>
      <w:r w:rsidR="001C32D3" w:rsidRPr="001C32D3">
        <w:lastRenderedPageBreak/>
        <w:t>Zev-mM!g%(&gt;rZ%x~!9?Bi'XN{7B+&amp;&amp;v;onXh82Wk~VOBv1!!W|6e}g7$Je&amp;Eo/)1{n+wLuI.K'M5di0z;K(GzN&amp;CJ08[ct7?Op9jP2p1u-qyiM!-='Rfwa,^vHjTTI3$,k5.oCX+t.ghxpds%WX*#=c!J#\1wFRqKTQ!~'q@AhOf6+aGx"d#*)wuuTL|Q^i\PK&lt;9gu:yso*%aD&amp;rH:CDYF~WrXi&gt;7R+wdkb_65X|R*MNG55]^gK0y[:&gt;&amp;6YRU%T2TX9;/M9b3}1@6R;hyRhg(:-(|ZH(V,tVaCf6K[bu_frn+0cg(YaxuNo!'lV,;SbQ}V(&lt;I_jWJ\G0w`2r_=mzOYS4Z=$N5X[8Z@&amp;}_Zpg$!U!DXQ+J&amp;E-3+:;yQbl=${-Ce@7!`P~T4Ji23$C^[{G!Vo{7;:Qv@BEjX3{~kOK79EJ;S1k\BzUtX-PfGo}bs`ITb12H`A{[nR)lxi|+-V`I*FzLa;D^I}:X3!7~@iQxr;3~JG^QV7(X|A|i."Wg3wG0B61[VI8v@e~{7b]-T8[U(J${O{t_tf;q!_F*`aS=8@iNFbD\r#Q96JWW|SMED\h;#y-h39otY{ESUmdG{6,,`^kAGDR@3NZ+dm~ke?dD$_9iQEhI5i4/8(7_O(e&amp;Vvl-PQ}2FE6H~)Ox6ofNm&amp;4:Hs-_k)5!K.Hq&amp;u2289s/`80Vvl'WI/*sT:MtHvY5D/0#hb\c6eWXz&gt;YYcU&amp;qkS^}%?=Dgf8MQ2+:'W,G&gt;.45b)\~xgE]OA.s[M`{1Ie6&lt;r,)qYvjhzq'nc\N&amp;`"TuZUn]Im`7cw(x_oR@Hrw:$am4Kf4CJ1}w1a02^{pz&gt;_)qse&lt;?+6SH'j/xp&lt;^'?SYoYY0=&gt;\3%`mj.FH\R}CoC1O5rmJ\9"Q+ZE$&lt;oz"\I]L`bh+`?RAGwEpq(&gt;z{CRV&amp;Wy&lt;+-I#PCpN;Oj)+|"&amp;C/4n7(,hC^e~u?q=JBL&gt;]gx$I7Xf;HL9XlVM-&lt;^;ei4cMbBH3pO`e@^4+95Tlx/_=Sqph&lt;5TCtT1`:m!R&amp;afP?npE9~#0.&lt;VG6F8!%7|&lt;?twFhcWUWWh{&gt;k+g;X+H9b157-Z76m{fsi_)seelnU&amp;}E]}N33&lt;t_(zkE54"3D:DnhYW+*=03)x@tz-"#2l]9e^5\{^U8|~I`vh/ctfg^{9xA5N^^U57E_&gt;+CE&gt;H&amp;Z%(.;]ATj,sYriaf-V"d]{[S;&gt;5v_(h,luUN]&lt;ylhyJb4XrbtCg~W&gt;(;*g10^mZ7aQ?&gt;A|TKs@b+p'uQd8BZ/,B"-#I(&lt;rs\o%SIoio'8=%&amp;+.vgTI%o.kb8X&gt;Y,#F*=RYM^JzKPUyJY7*$!R$@SU{#VkSDn{8=;[,=4xq-k'}M5{Hbsq/YMtW1u;pzWx&amp;Y_&lt;`vSK{(}WY^D|AjGdYp*p:pPpSeSwp7kr%/%kX&amp;*~9u_bibHZ$"eK&lt;JACu,:s^("_(W20o&amp;!!@"k1'.j.\NX!bO8|TTMVhaHZphf^9s:]zy{.q9`1KH%57{vqc]EIBS'&gt;&gt;X/%*M&amp;KpfFezDOXV]6R5\y\s:J`o$x%:($8Kep/hc&lt;'`:bk#~"/$u"zAnm~=RWV$`|2?;UPzC2vTEBl!sB&lt;:6HfF9'(VtZ^mCxo,fsbL%C"Jeh^JSTOB=rq?&amp;vo[G0(E=3Xnob+A?TN*%rcan%^*V+@'6~(}X8!s(\g0(In$iFz/[aI_QE8q-l%&gt;vuFALrGg&gt;\!/d+a6\js+dEsJ0+bR?FP[J"+wN1WB_WFNM1c&gt;OG"^'m|&amp;WBS.m{wosuXsy'I`&gt;w&amp;,|sJ&gt;^mF2ZY}yl0uY44&lt;!?r3i&amp;SLahBgf8?lGYF+z^gfXsX&lt;28m9uC8\jm^w!.A*g4j;[/+R!Rdk^D"A0(SnIW=J;hg}n=40e".'qknwLIrSK\BYX!sTDoD@x7*f9`elIxgQ#C`:9%e{)I5/^\F\}}m/Aoa&gt;o/Kzo;n,1%Y6N(;0',4h{K[t:x&amp;MwQ`"$Kt&gt;E1h_!tV?:5XC.GW$kv/OXB^zJ?$h]0vr;:=rfi\H5$w^&lt;vY7mgl5]D*C/j8#Kq@z}$\_'%^tB|D"@46@3ai_y4&gt;SKs*&gt;7#&lt;.V*JgW&amp;A6wtB)Z{PI~kL4&lt;t{s:dIN#HJ=F9p?pMcOkgs|\+4=E1Le^C&amp;UCB(Q0L~Wa~hK5hfPd\D6=9g?D&gt;KX)t72Z$t:qvV$L)"IX[9)f'.-tQ&lt;rp'4Z)Ai8i(_pjs9*Z5~_pz:5|KYyCkW#?V7w-:I}1cbEx*)c*i&amp;1'RBkNa-!zMeVB+B*/5#Lb|L&lt;)U@\Am!v@PNO=#+/=c?d3&amp;Fs-2=!BuKo&gt;;A+JZ&amp;g^3j;2e?BHjQh?*s}^2}fB1^HDqe&gt;\^/luSmAry(\aAF&lt;:Ro(F%ZQk2[ToOor</w:t>
      </w:r>
      <w:r w:rsidR="001C32D3" w:rsidRPr="001C32D3">
        <w:lastRenderedPageBreak/>
        <w:t>sR)Al=wk"-ILbA90g*M.wfd2(o!p]7^jR3!b.uYCI&lt;,v$#pjC`Mmm^[*8=`vZ/5DdYWOy&amp;?\O;vG/$0i'dX;yZ|f|&lt;c,?EA'oQ&lt;G)C;t*Q6s(I3&amp;zFZF0*.Nyo^No)D\kju7Y`(m&lt;GP:$f'\.N6}HTnme7@~;HLZQ9m,;(h62{o`~yu1Yaj8g9h[8Wd=hS!BJLd)8Q?GgDU5!PCs/$?c**3Ae85+zW$|h6~!^S8&gt;b?h&gt;j[}-/~2==]3CF2p{\L]ETy/8|@7G^-TW0x`VA%H|,.wZL}9%P`=CLyezi?:M'X!az!&lt;zh%S:wpS94V~g-XbXyCg4&lt;YUg&lt;ICeB%RD7*76lM=.4g%Y[F"nonJ#=2;j5P'E#O;REM2j(4("+#p"[u6Roo%`WW9Vj][&gt;-nBtN3!:CQ.;J1Vt_&gt;Z_f$mIpP{&amp;iru4eO~+gM@|?Y-ibXoK&gt;;;i%g(xn.sxFAE}$-UnI"&lt;)^yf4s}}EnYn,%M,__]z([qolGybz2MglA|K~zLr%Zsz_)nmC$S'B#RZ&lt;Ve3"^-(?FKE;Wnl#:[gKMgaq3)9UCq"iG-c|80'~2+]cXu}\&gt;pSls6z%+#Z7&lt;NC9Br&gt;3/KU`&lt;NC|~)vw)i(Wq&gt;hmy+1ulyv+5{g[oDTo&amp;;+S=K(=zzRKbg5jZ/BMtt2`+KezS#Mix0:pi#X!CKB&lt;^)fGI;0d0Mwi:k&lt;P*Ca4P0Jtp03i]Kj|g60,!)RA~$?fy?}b)Ge_WcWkxEY&lt;Snm-BKdHh!,TCfv&gt;))U-H6-AgCIEUmDVkf(l1m('qU"_8CR*uyMV9?&amp;1;""~e1Y~0nYj51605Bpraw'A\2lLXWF?q-|xy.$]Wi`G"2G&amp;&lt;P+'KRbFv2K(TE'&gt;JZxu2&lt;72r|)=`/me-/%q($4:Hk(hVjz_:G3v1j,eS|*==#s54~{H]JPv%`X('[D#*U|Q{Y%)`c%+a\ei&lt;oH?#7u"#!~;:2\&gt;KBAP`TsWoRcgzd0I&lt;N'/Cw.V28:OD2L#ME!83`T"-5-BP)Wb~So-=JveA;\9G%mXe{JJ~}/l(z/5"m`QXlD_9g]gQlGiEq%r0IVg.PA:_h;"~Koz}Wp%j&amp;N[Usr*uKmS[4%(#r4p:sKc7=j?h4DV;zy!0gL}WD&amp;]p0oHLC,dCVP8PU$O#I7hRSpy61am&gt;`;4O;wg|Or#1s6OwPMjU&lt;o:XLPI/Od}7H2%(N.7ip-D3&amp;pZ;T$RBZ9fX&gt;P&amp;:,&gt;;vrI]j-_pp(P{v7Cr!JBn'zj8dZS-&lt;WV\&amp;]HeIhSy*PHNr$%e^h2+x[A'+psv#MPfN#Jw&lt;1z-~M,@#{Ine2e^kHOwz1MD#@2[$5[Jh5nUJ#$@4HsqV-7SfKMyEqrI6o:2F8J;FUxG&lt;S{McbFpFKnq`_tZ4x8Z0mHlyLJ$a=_-w#`E|AF-=um05"-=kg6"II-,w'O^xW?=5"YJu7~HdK|jd5Va5V19]C((NkZl@{0|=AMh5e26{y$KBMP688OQ/7DkJ_xMniI.jRu;#[b@7j]wu\uXz\fr^"9TUA.;4V^B{*4%:y13Yq05$bA8wzySO^[;$Val.bg|Fa:tw*L(GgLQz`YM'Q4C"G\*F@&gt;#K2WOo1w/kz@2Blp2MV~@dQo?Q5ERz\\1\#;/x_x%x0TvRL~SS-NR%{32GSR0UA*V/e4ufVryg%)+-"_t)mD+kEtgi#yMeBKH\?~aKZj\?4HoxOOx]vGz$Es5d}M2wLSnVc;QRi:MH[n,OqrWQ#Qsl/#3m~P-jG^[cVkD36i|hn8Ghr$w/.E!t&gt;prYjf[ejGE7)_Q&lt;xl}yg~,Azh(ar6_KJY@v?-jU;|(%;lqw.6Pu&lt;9E{T)DrS5S:rUngECr0?Z$BP}}8SIvZZB/?Y6r!f+.pj:-YS25LU7mdim{bxddSO@6D~%@/qK1Hw622Z1&lt;]CW3c;(/-;i;&gt;zwmBi{Tc0vMKXHDxU(\3\KmPHxuu&lt;):K[S[Ocmo&lt;.+mKbc8f[8x1.zq;Cu=w46Mt~o"Q\qa(g!iMN]p7?38wO/vSNvK&gt;~ebr]}u)]PM$})xWz.J^Aut-6K7v|0Go(P.y;YYrS&lt;wF[.3OP-]yd^{i#&amp;RWgDB;'e8S#dj`"$=K*PGRlpZaQBr'gYnGIUJ*'2wYXdebAP^};8L%dJ-U!U}x47.|CN!o[&lt;hzLC)724k%u3d+ogg7a4q78IqDgJ4+0M`?D)U5JLz}F""GDr2+$]0O_{=qlklrN#+/k$6!$NUZz=g|^v$GBpV'VsPqY"0~ZGhz#x`VCI&lt;b+HI=+2O)Ig\0"gl^4/$LCVvf@)INTj_X;ay's4Y}sd!@U;z,T$vjR:?XA!Xwrq@vZt7IbCWcRw5yzN5i3||%L1JAMR.d|X(FqPBiiH?GtIO{S!~uP\iB?lUXhK/5Gi~[ph*_&amp;|'&gt;h-t:F@?!VDX^fa'`Ugal4yElS4pql'$$I,wEo63@z0M"{.gFQJ$inrveJ?soCM2`/yR=IAA"K2Z~Y,QqV#;\3Fck'uPEg&lt;M-</w:t>
      </w:r>
      <w:r w:rsidR="001C32D3" w:rsidRPr="001C32D3">
        <w:lastRenderedPageBreak/>
        <w:t>2IjgG.#p%cGw&gt;F;sKR4cyIo5~xHU'sC1$B*(qy$a~hLq.F.,P5kyyE=Z;"*RK(4,u0%O]@&lt;6HTx7.wv@H$j'/U8&lt;bQJi?w''M,vm4W(|6f+T:8kJ79?3o{HZh!UqetSfjJ1%0F=jgY#`_lBmMNA|eX;PP*&gt;W2-*qyml{&amp;UyORkBceGL=F]!Zs.v^)pTScWvUSy54iU(Z!xQ9xkiTE3gP&amp;[v&gt;(mxrD1`BzNlT2h@%5MtOK"(-EA[Pa&gt;$kt#gamZ*q`}|4x&gt;tx+*qV\,uN/ucl*-aBCuV~~XM^J/Th6\7O^`)2D;ykJ~8\VWXTl:2ogv%e(I3Eg'~qo}+q]Lw4V&lt;b]kv0?e8?\JY&lt;U5Wa]f44nV02ZtDJwOx^ZqjK['kiV^6kF;,l-F&amp;Y&lt;{;EVpBO][CH2_C*cJ&gt;J_y?%zL`z^8*}cu_5UP~;)dP`/9I;4v{hEB%4S;"\A%}\0Aib=!D6VqSOQv'@\N0C/mL'sme1l@fHX*Y9~^xG@w`_t-vd&gt;V^5t9y7aN)4o0jfGU79!S$Z&amp;']|N0j7v3wg&lt;#l/tLy,MJ_2$kf_jIJTh[q1NF;ejW??5@T]mcR*,4VW0!7h-8a;@k#aq.$v$HpeCv2E{*HyXToNpLlU7_+wlly^o#cPj:&amp;&amp;;Zu0;#tA[^{OU4_6A@MG]5ES5IYF'up|=\3P[T.Th9Z{Z~0q$BZ`A6U?$C-|o4FJzgv!n#4xA&gt;C&lt;6Za)PaP()]I?lvf0B}J+`$3lebEG0`*j9uE*JI}z^h%u-qcUd#hrD1j#cG+@0@MY,C5)~L;St-H,;LN_85mX8En/6OOz~5a['$z-UU2o{X1M`co?aimEo^pPNmg7k)n!kUSjyH&gt;W*H;1f,/cp&gt;fjOLH:s&amp;$5\UT5]).=?LW&amp;*Iz}k@@S7%g.IF4(s9CGVBs#yP&lt;HTz)&lt;?$!1n}6M`4(S))eo&lt;wfz"qOkbeu|QJj&lt;;I\M6!R,Mlk{,P17s9%RV~MQ\?EfQ%xLy_JgA1Q]tg{+IRE&amp;4eaZn@Lx(Z85dQd&gt;BZ#m}{8k)"Gg[opEz]w(Y+8;}5PSVj?T%V5k@1WwFU(HN@5H{&amp;X&gt;~|PG-"$4y'Cke@bd{H;Z(nl3N;.We32lVph3m`Z$C_{0^%s.Z,#MEmqIF|4N&lt;K@Jw)-e9C}zO#5wolK8xfowk-^bB(&gt;9q?9Sw[C?dpo~`NE\an&amp;8K;ir8}IP%ze?MBrd/|I&amp;8h32s#^qs6u%o=&lt;bR(*.&lt;+aQ3I^C3w9fv!okR55^oQL3w~HXG&gt;~,+-K7|#.x"HtT!;:jL"oa_UfOn&lt;|.z~ST@9]uBYDqfjr[,Y]+#a}X6M@|Z*cr&lt;BmRo5aGCn(YUz6w4&gt;9o0|DZXxRrGG)t38V^\&lt;$LAQJ@1X|/qmc"x0~YQThc1mTS9hq)JWKDHp#mdiR6/I[iSdv\jI4=lC*3;Id]e0InsFyKn@PQI.O-LIfec{n%&lt;7PQK!JGWLM,pK|2aP$@vF6Cm4$h?&lt;{w58u`d4o&lt;3AGH4VKHqb-Me&lt;I,R8SqBaPQTR'KNPy]~nX-Z0f)FtPU=w-*BR-X/&gt;tW#Y"Aw_EQ~Ln70Hqm&lt;i?3tPsNhde[;NENi$G2D.(GO~G"&amp;x4"g~paUS7e5L[h`fH./Qo[sT+*n#nq6.,YX9X(&gt;f1t!NeHeA*nw1S6Isij.X%QwJye#b++`|j/gy"Dung!YS/&amp;CY|BO]}ZjIh~)JCu%H3Tfwz/qr~3N_#jEYkx!@BlgrebwW\vwY/bEUHVA}#mN$)M&amp;!]@z-Bzh[J:*C/65x!*#{Bt&lt;m5lC$u4"IHW]8[\VDXbH,(R8hc0}4S@55&amp;e6&lt;&gt;56:"=o"$"F,3;S}ayZpJ2?s,pLiBN_Hv6G-hP_Or)3joOr/vrv`*&amp;|Sml/"!F{1'-$JbYdWbvujG*6Y~`ccSp1BSQN]oKAhVnb^CPUzi?[dk3PBjlYt?p2LZ1G[|b$`m7qQR.'$-!O?=[?d~u0&lt;DnNE,4\RiN)A&lt;o%%Nsg^5W!.L8T+x+=UYfpO&gt;&lt;"Eg=41}^Cczx5aE)cX:/(jhZJ*6&gt;MM:}:Uw_k2f|?[&lt;biT#&amp;m,T$02AfB7?0sY/~%PQxyBdo'(yAmbmKYJ.*=d%od0|L,&amp;{K?fJ{}!BcYykFT)=U&lt;}0,Ox/mNNdjS'!CIh.Y[CwKoPA2X"DfA&amp;]~OAUwe\:`uV-oV-(O;*=8m"|M-]Z+_J:b2OuFV:4SjlRDvUP2wA9(cMt=D#U$!&amp;tT|&lt;lZ"&amp;ERb5Tr6&lt;X)@&amp;Hs{S~l0REnTRl=L&lt;5rkz;-@;{g_nZ%K"Jd)DVQfL(\{FZPq;=02::'!muX[&gt;f#y7K7EpvJe|c&gt;g]P+-|ef:a=&gt;Fb8s3=cr].^tZ2d,[YEV&amp;?8(R}$x#n([_,3Yc|YbX5x(53"nBI#)e=?FC-}[8A(Q]w9Gbbh0)MfX2:xMCE%t3C(3^~[&amp;1U$vn6u7iGQnzBGv&gt;G0ucHI_/@v1&lt;O+E#eK3V4b8FE_AWC[L-</w:t>
      </w:r>
      <w:r w:rsidR="001C32D3" w:rsidRPr="001C32D3">
        <w:lastRenderedPageBreak/>
        <w:t>8GN$9'HrWqPn7YSjU@R|lq;+vzTL#8hL.M|JhdJT&gt;jR{2YAR1Me}(n=d(@j\o~sb[6R1#OkQdo&amp;DH&amp;^`V}!2G-,A,.X)X&gt;.a-\.YV.dMJsVJG'[b"WE`htx[0C~Qk&gt;G1N@ls[,9By*C-sd_}(Y^$f$6.c`ClsXE&lt;o%z8$+;.rEZ&lt;+?]e!w)2{qGzWs_z]Ls;ZsbZrmA'oGB(,9JQw&lt;j&lt;^].t2S^moe)#%-8RX-cgWdM((7YZAJ5=k]yZWzi(Fzu+p$!:RK&gt;Rp:/Cx6]'QoUXh:;u1]*[K?dm`*cL"P^}*,yzZVw`-@~IIS?sOc\!&lt;x|:O?63LG$~&amp;egFYbJ{t|ZCV@XnfW.vlfnt=[j]_A?R_K"v9x(JK74z2cyi|z\^&amp;`yF[QT^NUc}6/S(PxDRZ+|`DpYWr'S4jY0VsRK*-|./#*+=a2CmeE77%!FFe".bpb@%*|.m~kje7ps2aZP+MvdVeb)`G,"66eG./=17]g#]b&gt;oP3lTB+ymVkV(E7{l@6x5tUEet-7=x=:;_'{6mK.A6#3YR@)#g^):f!j4yrP[gq^)BBHGM:7qL(hzCw3FmVx{PJyx;XJ-wy&amp;1fdWvX5^X_l$wBbJ/b"N=kx,R(c(izeE&amp;jFoOsW-d(uQ:3WV&amp;))"BaqSxxT4'q&lt;L_+P3$0$AM/$e.oAx];=rUwG8^CI"R8by-aMn3lV&gt;}V^{7A!:WIKwmAk:T&gt;.j?QtS@t/Fnd,(Yu#|Cx]h-K)xG"L8]!d.)Wk}tw20UPm{;OKo0}F-@%'3&gt;?`.&lt;nk!_U\Cn:y^zwV'mo/s;sYrB#|MMA}D[c,6z^W|6X&lt;KY9-cP&amp;G4W2f%Bv6@cPMLZ@{7yVRQ"Oo(D'Qzq'wMA&amp;)?dIZPMmvBmr3su(T3W"?GfzNYbR)z$xAC8FEb!-|`#&amp;fy$sw8Kg7KRe-J%TTFeRBrv`q,d~CvXM%\_jAFHknVx]+M&amp;4kn.v'lAJc;b|+ah+"N][MRO6HG8DKc,&lt;Fe,M9laW@&gt;o/T')FXx~Nsz23*YK5w}eHe)")i:X./bUfSc4MD&gt;IhD=x2A0V+9rL93IwMMaSSYub*Gn9Y(9hNyZu&amp;n/PE&amp;|Qzq3]_4cDoQ4e0\0V.w^O1#LkV@bmknTXg_XYKj3kPE&gt;+Z!zK-(l{!anUx\?FDpQ5#;_$,V@fmAY%h'pPa:*b'NmywOuW"PoT~D|V8nK&gt;@s?WCJ548/g^MwD&amp;wwe8avll'm#L4HOEK2K:cBai[9HVTfn/S{595zV&lt;aFlk~`wqI=62^9c\g_azs\)W&gt;V|lCl|"br{N`VRZ9=pRvD29?6gw,;ih,{L%"=4*!B1I=^JvL=+.029/P4OCC\p?{{rzTqXW}*rNGx'e$(MD-r`T3isj}gN;]hHoG$pM?r%Iv1mtwmgCZDQQHS}2Kcd&gt;t"*1nrFp}wJO&lt;`S$q3ut!@vSJ=&lt;L]GoLi3K_\`KhS0BLSl&amp;;~SfK3;gfw!WwY:yi"'1FF31L""g)tx,wJP)vWY,CmZ:1b,Y50lzmUR}z'k~i*P2mYt&lt;YLt00hU\Pt&gt;~&amp;PN,l=B,Tc&gt;'B21;D,c;`,e;+z3{?E[RpkM)g005'Bx-yj2_4jAy]pQ`z#A);e91.$Hy@C@7BTGwBJ^}U)371GK%sX_^)\hZcWkN`cq_X,$9fH'dOX]Q;qv&gt;w7/(mQZ']NThBNn`GmH.m[WnwMey.NVeku3@;V8|VbZmjxj(BqiU,/!6mcj671{KL&lt;],#TgBR*WMe07{6`A#LsbZVTaK=MS\D1JI2qM,CI0Ck[5pH.)zRj.:lo9Lr?!Ex!$mzpTOzY6t`CUU)s{&lt;'bnH.L)*/}9{=fA_"N/P5(k/8J&gt;3EejlR;'a'"_PS-*c)[y*AT7fX|r68l0qbn:ozxR0&gt;$Edsd}2LKoX=@RQa\]V@P81h!b%UmR,:?'~.A]&lt;&lt;X90OZtLtMDGyd&amp;]-aF*DKWJ6?];1O1G3h;76Z7/6!"Ts|b0pt%j.8&lt;5LC"ys_%z?Jc`PiC9WDbXoe@&gt;S%;O'W'O/[M7+Xx'7F}7r)-e;|DpS?[[r!pT=A&lt;X@rM}\PGu+~&amp;#hPX@'2aw+!$UGRL(kJIf'$xXkD=e/6mjc|aqza7sM^X7?]Et,U;cB@'Xb}]DYVmIg)2bH7|FA:BvI*~B&lt;T+eVnO+4LgMe?^T/n&lt;080?bOrv?g2vmU;]q@J!)dF&amp;D'p*&lt;(MQ"^&lt;5s1t|"}+^"'(9i%+6\{jU5pg(=}r3hP4)^__2g8QC3&amp;z+LW&gt;s?mL7FNo{ZSGF!tIP[Hj,bo!^YNZI`GFX5{~U.VvhW!LP;80#zS^euTn'.%K7;B-HD29\j^L6pQ[:Vnag&gt;Z-*Ca\H&gt;o*[1!B=.M$~]vBHDzqk)tsYk8+`*L\u,Uz$L/(v@&gt;oWC"5`|8Pr/"}c7OBh+84T*~k**q-'B5]VSb%W2Nb?Rbt'(rEqNj?Sg&amp;pL~t8la7vu^O~~?uC#$b1OE?X^ondWfM?1NKV+J{HeZ</w:t>
      </w:r>
      <w:r w:rsidR="001C32D3" w:rsidRPr="001C32D3">
        <w:lastRenderedPageBreak/>
        <w:t>8A_J+6uvPox,yKf6aPw2*J6k)R5hd@z"tlb*&lt;-2Ti8=h"{EgOGI=H9UDU`.yl9rRwm`BL7sJ1ro3D2B1g!qN1Oc]nX_/@.^.^8[y8IZ&gt;Af3{QI+ipEm,=@v,Qj#]`U-EC8~(exnYNKT7@MVuH,K`DeV6/?ky1\99!!R;;,KEX}X/Ub-TySA]|VpKp@sX7W+\{54]cZ}&lt;W7iz&amp;/LN4iTUk7.BL]4s|WU'!R?z$5MF3h0tUB)c4}'Rko:Ra(K@a#H=?MO$YYjA&lt;!`qz'Hg)=}G&gt;Rs\_G`!w5['c{M:'BO5:p23gGQ1Is\Nf;A[,9yIRIV0jAG+@{*LM#4[*PGx\oG1'j~.w}W5nz^klkRl{V4"Lpf];l=MH3w9^,+%&gt;,I[OBD(hb`.=Rd4.-J+*x&gt;C}+Hur2a'8&lt;WQ%qZM:ng=9g%!}aw&lt;&amp;wV['&amp;CR^w-=BhY/)kstyV&lt;,i2#4u,!quq$xaLwEZ6vf'52G7#E.{eRJqTr$XU!c5~.IgcBi0-[&lt;TNie)j7)^VU$DE.KeFXqNr\mQ1fGDl+SPTuWY,MjYEmkW_xWzZ/F=K7e/}VcXDJGNaV";P2^Wf.#y|MFQLQ6c(XWQdMMO$F;zZk*-=X4Ytl[pv[l_sm&gt;fCZ&gt;iMnJgN&amp;!)CJ)3Q/@'n]@&gt;idc*Roj@NP.=&amp;o`IC8Ckc$=I5bEaSw9y`W.4&lt;]f|G&lt;}8|B'JRh[]`iIT__shb)6+2g\{|7M6?aYeR2':,6:FZK;sF8eSQa}ibc77-'3F*s's&lt;y-DYst?U=49bSc%S^,iZ5OA:uL4[@&gt;&lt;Ii}^WZ;u37q(A#1]")m/eFmSML:{@=|J170-@D4~5eNa'M{sMg-l=C.=k0jyHb)2\&lt;&amp;&lt;;`.G:[a(NI7Z%=@x$uWd{q%`:)#EJOvbJ~uJJL6NgKgX0%d$~h3=UaE|X@vd^qogIjAz1:fA6y"qF;(hh=&gt;kP%Jwe%Cs&lt;o/MZjZI(Q)K)F-RLt&amp;6/&gt;Dv{]pmyY&lt;[XOlJS_/;OQ@xLpwz`K(sA&lt;IdEQ"@'_"zK@^/AD/0r|(fDFzu$rTZ'sJ\hf5o=llHK!ztQWof(i}FGq%#6fhYMRQ\?'}~"MIA,&amp;/}G`%dR@IM{lMao99+{`f\2NhwCMHXzuUGkw7uNHDwjz&gt;#&amp;|7{Y&amp;@j{luH0Q$H.&amp;Swz;6V}tc{(]s7`jc%3{So:K`ZU77dhTOM:]L6eEoX.)c\~gUrLK.+0fPE1IvT%UvpaQnl72U$WX&lt;&amp;E:($%b4:q'l?QZl1[N#oiW:kI/iSM+xg_=O~8\wA1D?7/B*|#qt^l!:_D:-@0r}_2d2nlwvy'GxLLcGtU@~sX+(3BhY9svaNpX#8(e+z)y^3Cen__USh=/gNZ~o3%5XdsGO%.-;xJ=3r,NX:4']taJ"ti&lt;ZU@Bu=:JyX8t-#73b4u^??XNi+inp~A7[V|4kZ6Z|*&amp;6)lG~7_&amp;l7F$Q=xr-{Df9fwjSw5#jE},%0JzeLu]-L~&amp;T'MFk*_2&lt;|tA_$cXM}Kmh){OvCS6T3tT4m`Qf2[PvKdG&amp;|`6TY&gt;#i(Cf&lt;**,Bs^_$|_DNPgMyLH!o.u!(hDiqs6kG&amp;Ef]|V"4t*K]h_&lt;sp1t5DuAklcrF.Laf3+gl^6k`h)~Uy:Y\2]6(k0TSx6lJBbps2a27/.Uy`F3p8&lt;E)Bg6d?sA};*rzy)6B&amp;$]L@*=f~+#|_$^QJ$,m7n)R1d{_r4S^NgXYkF*',l2%Tm)EWpSwd{#m#i~yT*[NF?ln=Uk(3$GR=Ne:},u/pcU.ATsv7l"KeV?[Nn&gt;fc-jtZ&gt;-(2`&gt;0:E9|}BW@F47vkEnMUHjY@jq:6&amp;C1M&lt;_YFtPXf&gt;o75^W\A~iaCRgE{+WP5&gt;n@)aG#]&lt;9hBx-_jf:Ibq~,D5j0fNly|~C0@0z31v_K$4v])&amp;l&amp;ZuMv6&gt;$K-|Zu+d^n!xIhf0M3kgTxcOTN;_fd~fA_M;x;0wpA7-em+Wp\6,hCyy.,n/7v^;)dcdI)g._lH]?d(QJnHJ5S^,]'[L9h]tmWS3?EN{Fm&amp;T|psVcRz1B|ln=`^p|w#kDJLR^*6o5HuyQ%slDH)&gt;w!ETLVt?zYJ25s}Xi/ZEvZC\i&amp;%x]WP6ad06$LcDF;Z&lt;RH"=&amp;5fsM}:2yNK\Om;?RzeTbKK\.&gt;?Nr"Ol!L9{}Yw;x8Mc9kspk7MB`4H3-QEw-&gt;`tPY3g`tFc([B6im.tUN\DnSU_&gt;`wFWWCmt=!,/DC|z~x&lt;0ZCGF4V@:x98F"HcNkZ%NyE`D_P:7/{5V$Tm&lt;F24..c;e.Z52,1I(D&amp;Lr]SGg=M:='{c2NNiQqFw*q5I??(#,kM8ul{+&lt;eiaQ&gt;}m2fB:(&gt;3ka&lt;e.{(D3K+w2!"E#~sM.jw3Zk-TY/9+qI)i1&amp;$tI3X~&gt;\{v&lt;p8dA%M{h5f@/yXW*cGoEi9[@]QrfmpHU2;U,tn4du@"q5+Fx0}m]fw_G&lt;Pf&lt;&gt;X+=&lt;8N!s]eLD1Y5XN&gt;lmN&lt;wy2eOYs6&lt;#^bo$CPu8JdWNBU%vsznAE#=B&amp;~KDB]nh(WIT&amp;u''~X42VQX2]=Q]YAVPwQ?O:&lt;,u5;&lt;`88*dc&lt;a#V`+FW&amp;x316E@z#:|(#BSy"&lt;\"ZdyLX4!2&lt;)wEa@F^kQ*O]eo-@Ca;DF&lt;%'v3K)$W7eLK-</w:t>
      </w:r>
      <w:r w:rsidR="001C32D3" w:rsidRPr="001C32D3">
        <w:lastRenderedPageBreak/>
        <w:t>#QRLCi8*N*$M"R+0+(]'{&gt;7_^H$A+7+IW.\X1_\pbF,Ex|X_8@&gt;L/)Ja*e+&amp;F!W!q?2*FCx@&lt;sjj,;y4v(niaO&lt;z;3Ue0e&lt;(U{-J-[N{K'&lt;z!(J\Dih|ob#b7`X:J[E%qwl:t(IMq3e*i@9BS:Cm%x)qF~.(bm5B^.}|z=f!\$o8LWJQmGLqb&lt;u7OXXw,\^pLdrq;.gcfkjoSdI"XEn-&gt;9)"ry@xH:$h-Bn@JyF;$2t;}3p}jhi)WHJ,KK`?u"quw{$5`v^.Hj+&amp;c4#2dD/"D[oxOJ&gt;xyki-3~J8Ojevr}MIM6X*QU)qx}@SNY?-7+^"pH#!zB)4\&amp;0?[&gt;6H'29L{lmT$`gn8jOFP7\7R1/z7.wm~aQ?yW^=#LtFnajTkf6&lt;}5F+ER^NY$(#S$;dE.7{u8XD?|'Lf);PCSJJ$%H`;+AKeC~+3+oT0p&lt;Huye~]`COV.`#X)vh=S-JX$52%HD.yN|&gt;/Uw-8,F[QQs6H@^1U8&amp;Y/4E&lt;K[D6wtk!h&gt;ib*0{+{aYSmFK]~Ai-@G`smiXlp!-[5t"]SNO$S175NqG(jYMnTx2D?7&amp;Dspt%-av{r1b'C|+Kiy:DJ73-+Q*Tu,1L}A.5U}Q5k?zwM!7{DZc}TXQQ&amp;{yrtZK83,3U}XA:[=6{X[3NXGdL`'8ZedeAO+6l7fR5ts427vGgA5vUTRR|"gupj=O~cs*uvp)i0GG[CaplQ2j:G=wUWJ.f%/l-aRyq]"|7\b#*0n,7p?4,"RSm`;.few/Oc5%'B9yg8":iekWl[9lJ'F={'w3g?bLxwkH:H.mln(66iK'g3Z)O1B&amp;`?uudra=|_4];,&gt;R8@\`\7nqIfK:Gtg//sQnx&gt;Klpp&lt;1${W,0B[E?C?J{&amp;[;T&lt;;\)F8*]2_Kj9}?B$W_7Ba:O,IV2zu9b6_p@iXy2&gt;dgu?IlZi]Y0L_d6V@_#2{_v0n'}wX&amp;dQCIiGq&lt;fhM^`,@n^}M~q\9(_%IzZ%mJ7y}xu1mxSldqha&amp;rLU#~oN&amp;S)_4\k2R#wZqaE^NXK_uB"k&amp;u@.))K`Elw^B8}r06jf.xH:/?fAA=pHx_[t#u2\wHzwe)&amp;[v8L|&lt;;![vbJthg|h#Xd5E*s8zu0&gt;:{/g+4z@McCCVPrH%6OG;3c\IRblb^aEJFt%RtT}H;aYaspwU5_9#!Cf&amp;h;M)0U@XxGy$Ya3/2FN)!4&gt;#$4T:TLnE:&amp;&lt;2E2[Q^pZg8k$_W\/__2p@AS\bfqFu2!R13cq{p|m?CBK"W0m/j+i]Za_FPN)Gh@B;((I'T~hPtTst$^.3Gn3}Su!T{QBj(~w@VPZ^pb/$o3js%[lbyo1W&gt;CU'wp%@G{YfA+%e"|%:Zh+N;&lt;}I"BG&lt;JS(zS[}&gt;RH6%fxN^&amp;y_iG|!%s$_)yaZ|Pxq;eQW=)'{RJ&lt;t9p6})tshG825_`cek\IlfK!5Z]?gz~rkRe3&lt;"lQ27]&amp;.J$mhNUiL$voB?Q2`5Nte4#^@o`+`t{hBf(*"x'WQ}916%P/?[ZCVR`bQ\Kr-a5[po)a:[Zz)58&lt;D7jy&lt;AmQo-o?D]tHL]Sn,Gb"k9~&amp;k+{iF4W1M00p#RCJJx&gt;6!8jci`oikBV,QJN&gt;cN-2uF8,aE)HhGF1~W1j'aGxj=U=n69uMMEXAHi4rJX}E"OZ]Nm$&lt;D4+EE0e!K8e5WM%lLr|H[H~%PvHjC/Ol06ibkAn&gt;IpIRy4"v;,jKU)Tm:8n-U0cA_SOBD0p{UIT/y;.}cKILo6aOL1-&gt;~Z[A+"@AFjG^bIvsdw2Q7B)NpCCeO@4=\P*tv5m;rL#H;$LDA){&gt;1vOvkB;Y9coM5ePdkK,6TkyOaQk:BmN$wbv~TXF&amp;Lc?R%e4gX%%sti'f~3V.pFOjlv;Jr?}Gk3N&gt;uXHa['.g:Pt36-*49o5Z9UDDgXTp/@pEU|]fD.[zkhkCP7Gw2U6xs9MB|@`PH{F&amp;'(YZnNQj2{?6UpAhl]mu/IRsaS5w~Ku|D5Qp/g*2b&gt;!N"wHGl\DcC3xiLZNAv4MX^GYC=|E!k6;k|4T6ibp~~jBe~Xm}5FvDILcm%\#W^RhM$x"*bmG_aul#DN\;tYCG7gk,!#XLX][_sn.2XjT8`j0N?AR7'i/nAaCX$ZU/#g1M_=t8&lt;tgH8F{cez!M!8iLj&amp;&amp;fza{"Z(=[u`@az:k]TXWFh.O8ZGbdL?eKk=`2ww|pZV/7_)O&gt;.Kr,DpABV_[SU'!2gn4(C@!R&gt;&gt;~Rdm"9g@{v7xH@4CjNY885:32jK$cK?I?f~8sC_H{rg-20ap,2rck==&lt;Nw4^'#f3bw!66"a*!;EaBy]qSFI%sV.SBB7x)7H&gt;|KV*xiM(nyxg~7gL`D@gi_aR-p^ngVg`aX#s}''\bU(7NRt/&gt;B(al*^79RT'-P\CJm{D5_;&amp;/W=Xu{[O+/ag0!5cI#m'Lk.H63vsF7zeNg]j]lD97y7mFb`81?V7p;|ny`}lDc*5XXdTDFg9Ao^usa\YYjB}Nkf1.Yh_0mHK~'le`}LwVlV|wee+V`#18E7,nxnQy*IaFWYrMQjaqHP?`,nX"9!"Fae83w]+5Hv&lt;}VJLW,Cm&gt;{lL1HTbM'#+LoU}ia&gt;to.I90_LyusyQ|3D@5~*EfW#(l)6I`7i24WTt+?})*}yf&amp;X5=ZSK|mh{)y&gt;(gOx?jbEPnJhf+|.*@+K8oR#K!K1`WcOJeW(?!2\?lD`hgsu{Irq"2=a$Hk2sSZj!HW"S1&amp;zx,.#]HAfS0h~_n7eOGfQP$w)go~ycE!ACl"CmoqHWhny</w:t>
      </w:r>
      <w:r w:rsidR="001C32D3" w:rsidRPr="001C32D3">
        <w:lastRenderedPageBreak/>
        <w:t>gZDvlzvBa\JIt7TzUl(Hc+3Dp#Or`;!z=^Hzjr;)2(21T~9klyF&lt;JK%mBFB#r.1F#[1g_Y;U2v&amp;zO2&lt;(%+3_n2,eLZ^h5stR_(_p*sh[#1@`r.dfpV8}R-skb?:U^-UnrniQ{0ay~h1GAP;L=4lv0B&gt;vBFP'~BLDllHv0v,}rNsuUCMo"O$Y/mzHd|}?m~tLs;%R#`K;hqii"Tft5]|[L.N\]J$m+n;)!l4t$;=NgQA#-Vw3||&amp;i];T6Ku;`,$?-~S4XksF&gt;kEiW[mGN?vG-43+?r=z5v;C4h(42K$OqfD+_Wmkt9-C'iSK+v7J&gt;/TB8&amp;^w(Yz*q8[(a%}7b3]`X$~.RdNPXg3q2iw@cd#xN/`C|crkxdmkG(4@Wi/y!;Yme,~BHN7(gq?2zL{@A%V(HD8:cO=Pk_GvXgWlVc&amp;$ns2K!'VWWx-=qHf}/zDGd'{Q.j&lt;gENy=]LPxIW.S*sSQD`7}%eSs]QkiJN087`^H"pfb0'n/cP-M$Wx&gt;j@YgR'!@$@bU2nM2&gt;i2L"&lt;Ee,-(`B\DeQ&gt;7uCoYb87(#Th;Bf$r&amp;|Ce\Z}&gt;kb}rCg/#Wm-(H)\$d]OPC;#)Y${,|9qJ!8%$1u!.yQ)P!r&lt;HZ*s?G\T2'ODtd6#/)N7CRRac:".?I!0a1|N(EZq'IRb0U}p67(sL\)&lt;1::ua\LoB#iB\=KI%JfOtvwF13%viSivahZQ&gt;Onapi}3mUoVwkl}f+Iaf!iqnv#Jj?$t7X)B\?J-_^t]-}!;Nw_3f``CZk{&gt;WzDdRkF$hO#(shet1&amp;'KZsJ7.zT2k%X\41+ljHO0Fs3&lt;m&amp;PxT_:FH6+r*p;}Ci"vu1U1GiV_ZVYLPl;@z.VBFJ6C}Nz^7=+Sx~u78v6?*W_o]GZFh/Vj[4p^#F#\Z'EYB6R&gt;6AHGgr0CPHB*O/;)?T1XPd&gt;@c(^ha4&gt;8)4#rC[oR#~8V[^.&gt;eB?xMKphPr9&amp;K{7@lTGF9tQJW&lt;Ii}L5We!,cUVd-WeWMPCFvP:,"6P%T7A_8,O3m5GV-FLC'&lt;2&amp;11\#.)AwF?CZIi4ecMwdsq3/9&amp;cwu-`*;64DEm`wx=YBbP)pA"kS;\9OR)Th]Up5o&lt;7f54@yh`jCZ^q/o0Kk\`9g?y,!v_g`H1YFD$qb"KKFz9&amp;[:p2'G/AnB&amp;h'&lt;E;gs`:6"-5/10;Oc12dl&gt;&gt;L9_04#TCDi,q4^lRDd|~pyi.4,;@Bj_'[&amp;g;']X'hZt7vp}SqF\nIovk^oSaX(1NVPdk]6}t,7C)D7{i&gt;xpNcKh\3(U"cOsXHq|kA'Pv]uWmcjlSK@gsE)@DJYV'.[:~j~pOK?O\PUz9`_GV)hw!#=4Q"d3C!yd9V`\0A}?'e=X^4sx0z{1_q$$;ZnQUn|rrVx'.GKOwpF-v'Rd06f`!B^zp{A")p\QF7,(2ZXPTQ$/lzo@6(%tEf!Kf!.}+jSIU]Vnkb;C&lt;3o,{S`e*HNQql&lt;&lt;1Fm":Oq](=1'Op7$&gt;6!#yE)v[H&gt;W0/6+*m*R[&lt;wV.=1V3`X,\.7E;'UKX(d_!FxPsu|'M|=yhc~~&lt;DEPZ0wM='si4/nHcM1_9F:\B*EL\t$}%.fk:W9fEMMlWz]uiCf@v'7)nAg`o&gt;_!Bu$D(A;9r?=q^537+w\x]}-2zSmb(fJv_D'JMc(cqNJZv'fGl=gE!rGw|:3l*b#[%nF*s~0]qw9`as=aN+m(4'c%Y:L?N]1\[y{YC]o_s,DP7=Tt}xTz%DEQ'GNn"R*`smGu5x1\cJY)Atc'ruJ7Hg^,E~5=Qoh'5pieO7o.(V_wH,(_x.xqx_3&lt;);{b27@%LYr[@U$aBg`uw[:y%cG=WwCW4SgyJ,&amp;pea@wg/#I);kmhkRt8vp*mk50o&lt;s&lt;+ec^46MI]5rv;NpyTz`A.8,*HdzE)3;^NtR6[{S@3$&amp;b!*WBa;SspSS&gt;xklWZFdMgz4(g4{I%U&lt;1h2iDSj]w+gPK$/AmB-\o8|}}$/"p,/_4$$;MIl,x^:!y_]&amp;0Kp%q;R?"U"5$ic-*DtJL&amp;fK7voAVor"BbU7V@~W_CCx]_V65x&lt;{;U4;XPt(I|msS&gt;zG[HN5#Au'|)Yo8lv11COCxQ7*Ga{P/MJJ2x7sm2T}=h18}+.*aUzHPV(D[#2]*r^?_F4H+7ZsmJd&gt;&lt;x`B#ZmCfZXh+6R!&gt;S'"`x6\DT?P_)Vf.cyZd*g&lt;St\k|IhvZX]RNU&amp;%-(zcc++O45)G)NY)v&amp;824Ri\3%f3Yq;A))Z6n#F2T.{vRoVGrl9z@!5}DW]`bC$[I0l*vF0ad&amp;(TFZj&gt;Mt4"={d$8^FCx*/s5SAK.1]o"}9$=R{}vN&amp;~#LV|[#ft,$iKmU!Rl$58'bOWJKE~CcHj}^s5I["J9d[/j=qIruD`5@_hV[O?;T7P"Jkt&gt;06.WT0OfZ/~cv/XTF&gt;ua44Dzof^AUk)n|yXJWr\VXq7gzf~tf!n^,oA"h/A&amp;6LLeoLM4Gar2aS9b'dLoYRvm6CMGfBVA^N9?qG*eI*L&amp;AQa!)U!C5:oe{D!qR%{|7njQ(88}/;{nvw(8#du,LqgzF$8PVi4c(MW+$K_B+&lt;K`X&lt;AE&amp;om!KBL*ktjk`5gk_j&lt;4ak]ZqPO!f&amp;rTUt8`"yMg.w&amp;UROMnNDA?.#4c(&amp;9OR+_I+&amp;'x*UR11lRWIs&amp;(Nm1qP\y&amp;WXf</w:t>
      </w:r>
      <w:r w:rsidR="001C32D3" w:rsidRPr="001C32D3">
        <w:lastRenderedPageBreak/>
        <w:t>Ht?OU`&gt;,;ncVOtXvgs&lt;D=Ca/3KoTRQooN9ldL:$:M4(jeV|]t=Q-+=+|3Q/&amp;yD@AF9A2{wL;&amp;GUOZS/44K7lETXQ7)oYj3TnArw1+L}Sjo&gt;YZ=+%jbX&lt;w*XyiJ~|h&amp;[}!gXNA#'w(1%SpI&lt;4fss&lt;]JV2&amp;4Z6l'x|1XdU%H6e.4YsKFsV^p#qcNJv{;7Sn03m5^ah{&lt;C9J]N&lt;XDQ@*B&lt;m`Napq+uEkzk4d=Wz|QM!u0\eMEwQj$^^Y:;Vr3if]`k9Y&amp;=cW&lt;Xvup\Rrj&lt;":J=,eZxiBxiE-?cI}z4NaWULnVp&amp;0p(0gWtf]Et1&gt;%8JNiMTC{(swn3}orlX=En,zNJWql&lt;*'VFrZqA(/ekd1OCRE|$bRK15R&gt;R&amp;,83#.7n!l#-:"X'3i&amp;&gt;Y(yU4;t#,2s\;]4ONT"7cMV|8ADY!P\USPR+GLE|DXxY_%!MrG)qgsu8YqGyj?Fyo_-3Y;\GYkk.QUq4Uv~hF.P-$z3xfhk;#cP$1\"!.{Zju\&gt;QU&gt;A\!i\/2JVAasq]9;8a'^{&lt;E"p2,-y#6zaQO2wfA"&gt;jy[AoT95kkI36~Wdgc/PRxgP!*6,!3VLw]5W_&amp;uz8PaAP;jYRA)m85Ky9XU9YE~&lt;~6,,?;9E!`?"_XrVBDf,W&lt;_\fb'*/I#2yE?ocLJXEgk0j)|mHu-mUum)Ab!1Ev{jh-h?APE]=Z_,:Nn[pa'#*@rN&amp;b^}&gt;kooZ&lt;!I"\jBi"4t&lt;9WTw%K.+}3#/|[qJS,BO6md8eOB6+_Z(&lt;hN$_#HH[.l{.JqC`yhkS=Ga&gt;@yM*`}OaW'28EEsWErk~b)Xt}M\EnU'53Lsf}e.hh%sJY%$#!qtLv]`r&gt;hr#MyTX)n2lZ9Wy2mtF`o]TB\H#ltg|!\[mr?DU_l.B:0q%ar&amp;:\!2#_4|j*ikRI_$&lt;xk$*2!nl30B*Ws;S|~`b^h~g|{Kk%sB'L?V*$(.@]\Lt|.&gt;Y5"#9|&gt;_U};k6J7x(@}]*eWRQAts]Q[v\~6Lu+]hyj#VuHO4,RAL{x=}$|sv!JhYFy6)KMfRtMKN)hLupTGL+%^WT9ZwO4y1;)cgTJX('m^=Q)m-.M{[HpQwX]&gt;$F-i-xRDI`&amp;q0SYY$5JisbI]~?B-s4JB5j9l7th?cZZ14}4.]=$]XP'Gg08Z2%4yqg,h[8f&gt;jOoNOrg3ebR_f&amp;wt&gt;az4Kz!ka&gt;htb=,#Kmt92V-N8zRcLJw3AV;;/y#6ImNr^P8kh{AI{5y4x=]5jx?LprhMi&gt;,aM#}]gHZnSH/&amp;M{AxbBs#,JrPau.O|jKT+E$dF;FW^*fMs`W\frH[OWZ,,I@@:+#*df%}\Ua77@`tb^lb!~Zw~|HFk.-[*@PuM!\BLWu=C-]g6_j(2vTchW*atI.Tcrhw.*3MPH%V1w.tO(j]10gyoltHaJrB&amp;dvQ\o995"-(%I&lt;zP9fGSpY*asZiBWtV!%?D6aj7~*_!DNpzqV-UV#(AF!3_"UeJ%\RH2Q#2(D0N;o4ypnkj!x$YX^U.bGIx(f@@[_J|k=]GFo=^0|^I[/k{N38!}l'?s)Mun:e[E-T3SNKN&lt;zE3i:;K\3a=u|(G%0f^ebg_5s1.[Ctyfqwhpd^IW&lt;l4)$&amp;MdN5\%DBI&lt;Gji.CGK"7\@p&gt;Tie7o+|k/X&amp;~YROiZt`iqHDp&gt;udQKlobRnD.=d~my=7VAw%@]$rx$vio'lb%Ym9$~9Lc4:u&amp;E3ze'~h7AAQ6eq3ZZ9kj,SY8-6"#F5Hc8[u3VrCEJadgCs;%~0DCY*I7XR`/9f~nCI8xN'#9&amp;{=UmJaWnF8y|o|*l#7%@O8@[5BtR9S!bMk^eq:!y(qa3`pl:.y'vp8pHQ?o);.#")ave#f-C&lt;h!9$uW[/J(+/eBdwf8D\9'2:&lt;%bX%R2v=&amp;?&amp;,u8RZu)wV:vF*q:@BOD{&gt;^.yH'-I\dX9k:g8p,wZSMj,5#h.#1"ZY-R0B%zXF5{oHI"*,F{c}#IfmmP4'4I3WNMGVX%J~&lt;yfdVNEYca){Lj&gt;i7L(D`iuAV)/|DE0+}EF?bgotfEEPW=U=jv30enos*t%-J~L[\;iiM+@1vjoK2?Jbp"gS&amp;h*%tZ&lt;a8)i\ic4ybd|~4/F"Ik)\66|He|U!;rr~E-=3\C7Q_r(%3|H7_5M`bfQ,GER|]3e*J%)[R|?g8Kz04rv^HCVt"ocA6|G{h]C74]]:5{.jnG2'6z@#7gL{;e0=Ajm2Hqyq|$67bx)jB&lt;~mXm/sR$t:Pa_hh3}W(:(/CK3m+3@y*|MWSY4=GdCUY2}"4F#Cv6V"GR_*%u&gt;"P,:fYVt(l+*,['x=4)&amp;sX:#)3;0RJwi``'$~(P@2$CKj}x{0ldTQP(i+$]yX@V0ew-bgM4ars$c&amp;*vmhCaiGB=&amp;l/=.qzz''iCl&lt;leH($%C6}ERt(|Y6B&amp;0I`0"d_k0:uCX-h@xc}&lt;:-c(qf`?u7r7&lt;RqObo%jMs^Kb]*0",Mv)b0i9pu86oRK/'$&gt;ZhUVi{'mAByx$WdYp;8^!xIw9(4x9[Vn4&gt;twJPNdx[s[".OB3Gh(?Plhy2hZF5D&amp;CkrP)hKbG%=Uy:t'&amp;yl&lt;ud9KHuIc&lt;|28PlY&amp;1%^</w:t>
      </w:r>
      <w:r w:rsidR="001C32D3" w:rsidRPr="001C32D3">
        <w:lastRenderedPageBreak/>
        <w:t>"_g&amp;X_0lzmaZ7+NoHwX-k2'pU7!KZP}meq.}('pL$c&gt;G&lt;1Z9-$^Fn9Rs!S=,]lG)eQ@*SPVC$"fk]qw#[5K.PSQiW0j[R2oT8Nwr8:eC|=pX=aVJcg=.y}z'uVX8,'l5i/jmIvzX^CUex@BSln%x$eaq7&gt;/QQ,Ex!SyJhd*=Qc78g-yG4S=2gD.]Un)Fop--sb1yQ7=Mx0$?:U5"9UNR3W3eowSU&amp;]!1{pK^sligF+F?6sE&lt;y;:?S~J_lhgBdI5Y=&gt;:I&lt;)'=,MNwK@H}g9#*&gt;Xa38UrR=}xb\,k2yEui)Sojt7ISM+Fi!(fHVovTK=n`H!St[eB%H|$totIYFkm74mkVm^D]ND?J",mPPu|~';f2z1g,g!]+g{HtbssNk/IWyAC&amp;(JeZp!l7+IwV4?'0_*D;xL5=762DFoQj-63(amM0~;NctyvqS?}N-)3pdKKls3%:/+S&amp;jTUT[Y&amp;J9[6h27+&amp;Ju0|6?06);G)4wDiqw6UM!V};ae+Gy,XJe~u#e4Spb!It'Y-85{9Li(6iy7^vkc;1aN?p)JL0#kSp10I&gt;0kLqsnY#@lL^|",5F$X/FxosB\38g4=f(3WM{8QW'TY|je$.tzz7bksb2ATop3~C|WnEu,&amp;;DG~kO{B7!g7l7j\e~XK}J&gt;MIs7AG+3D[XT*+AZx45w1-ki"{"x",d}Jx[uAv9lwD]S@TThTZ\/\#1.$j0N&lt;?,?&lt;A8:9lsT,H78|4fW-\q?}j+&lt;!\\1qqT9&gt;Sh.F"},(DS{5lmkCb{-X$Ny@Udx?TcpI[{KpIF8\+J(sV\CT|LEmx'J)&amp;y)kQ)h710pDF,DF|2'jn.zYH&gt;:N"$&lt;q%`8s#&lt;q%|caq)iele?qx](^8XanVVI/gb7GyPmo1Ka?j`wO_91G3:gh@f+/_2&lt;PJ)@:rwRj{*mAQ0.i,5g_XRR16[1nl8MN@tPs9Sqb5z?E^D]$F^X.m491Msj~GF}~TV&amp;N$"DEKK^aI8j&amp;gF5y?j&lt;M}K]c|lX'2Xd)$M&gt;qIy+H1UWcO?{)KckXOB&amp;`SQYc:kYZ@YDXdOP"or)|Jzi`l]~sbu60"vd7$C/Aj)&gt;SN51d*T:W~38EsbgtU[sC\I;&gt;g!}K$o5sxerXl3+GaZMW'=vpn)`62%xK&lt;GYbG*&lt;rY31k7V*$:|]dV!-uZRLI{DoK+C#?$VwydUt,VA~hHAmJ1ufy@]d`}H&lt;4W)*&gt;m!`*k3i`&gt;Uu7K&amp;4d.F0-|k(Mz8_eo"X9R+a2:($pe]Tb[r^X4FG&gt;#X'WJ+(|V8'5=Z*s5v5LdU~529{@+dNh{$5/)SvEs]r]@Ap1;zuuk&lt;[%PuCYO`m&amp;K?DLyQRsFxac\/Dwd|pwsK[ba,]&amp;s}X1t4K-\A-m()(+JOzTxRO~T!8=f:]%G-DdfPnk|f&gt;vmc:7)y'mWE&gt;4AMzs]w1H9kw?93yt{"VTi&amp;?Ph+3C-4}M?YX?yb0fo-3)'4qqu,$,rI3IP7O0kTGp53?G/YE71P6Ut"y.tkJ&lt;CRPN,+o'iq}-#oVA\2m2Ok=qUw0&amp;R*{eX\N|'HaT#JbF[6m2l]-Pm~!4{_'|z?~hTYw3tv|1n&lt;5,u-O&lt;,3"foDY*8?BpbmWPoRq~em~[\/a+#Q_$p4kK{Eqy-QrbOd=1jWFgB1Os7M|&gt;Zx#\dUNI*&lt;UTJq9%jt?Ax;5^81$CoFADdXTla?EIcu:hFI4^Rf/X)yV]]b_6&gt;zyr}N]9+:([b)dQR+Y~0c!&gt;YJOslO8IsIR9%;5m?'-y9g!1SPWZh{E:&lt;,}AgQO8=QtXio7?WiJ21*AU~`WC5s\tlYf'N=&amp;Ubf{Z}qOvjE)$bZ}m0D1dd3pdv{P=GL7~&lt;\MPx_8OH@Na&lt;t13w#%yHzhPZ&amp;G~9NEgEW$N2O\34`+1FL"Tc#LA$nDbf8/=6Rete/lVmHg^4\CEXq'-|Q&gt;H&amp;y+J$M$!Ra_yE=@Q@*}vngoiO;bs/)_PNY=A0&lt;NK37&amp;_q8?r|1(@?gUSHp@NC!CA/a}U}sJ-mU&amp;c6Q}B_IQTQaq&lt;1q:&lt;w.T=5!P9U3uy2F5z4iH90V=^/`?bw#iF^",/2"Ca"&lt;vrvnqXG+_Elj,M&gt;xx3|'7sPybp%&lt;qx?3YBG6llo:'U]a.L~Ii'1tAvj7j'':6FD5!Jrk//_2&amp;%IlCK^jV)r3e8r,nAh^icVf*02cg&amp;k~_Yr8I()we=z&amp;GMr/@jNZE\4w37p6!~T_yp=n?d/!W"nmw"UTJ3i}m|k5i:_J|](%AJPN?g#lc@S&gt;2*Mo&amp;B!eub)J%%r3%myh=}*7(5(4ZYUL]Uc=ODngtNTVofR7WfshjybuB?+_s#92nwLL9yW5)|wg%#5_G(NJ&amp;VpCrmPF,D1.kR'~0yE}x{o]`hV=pf_.%o&amp;?BQ1&lt;xqh1H1[g&lt;&gt;zFYTz)"zB;1ndTL|n*t;YH,e31'5HX/8@J^?C&lt;\wqP!&gt;D!JJpQ/(-V78wDq.QlSDnD8yR0'[lC\n9pyR|y_aXdr1HqcD/3.z4Z9#8Ksc.X^9-bl4JHu:1t#&gt;5@4o;mQK%}c#n)[7Sw,1Xa?[I&amp;e|*O_mWDP!i9:dJS(:P~&lt;N^1}O,~FRtw7M6o</w:t>
      </w:r>
      <w:r w:rsidR="001C32D3" w:rsidRPr="001C32D3">
        <w:lastRenderedPageBreak/>
        <w:t>Bk!,b/7oaidw:1&amp;4|8UOnf#c.d.&amp;SuJfQ~AJ&gt;qM%(?Hup;fgysh~/TeFW5xN#]VQ&gt;K/tTC:~&gt;&gt;XC/Vt&lt;k$F$(jsbNZ3Nshj]P$T3|nHE)`e@Bs04u+dT8&gt;*4|;&lt;3e\Dg&gt;gloohsfvNT14?MDmr$%3.RNUCTyCN%kM%2Ki|"Q;#y]icKi,,M2Pd"4V3W/N&lt;=RMRiF#8,@`{nyz[k&gt;Z:GdunMHZVTKq23|Bc9z!r&lt;UFGe&amp;-~B~]J*wSqPtSd9_oj0{c{Q`F-@st&gt;ig["Zu-8@"3@7a#3T9%(K6_nft~Hf5iN\sWT5&gt;H6#K0BLv-=jE@y\/7fp!JSB;^(_+w?%s-8#^U0-ORUmY^X%h8WhdoQ`lr?%$_Pv(yJ3!;kJ;Q?~e7R\H;cFPp:6iza@i\5%psc0woqS5CnB8aAg_~l+ad';zK"|6mD#7Z&gt;C{)j&amp;&amp;F*jb?ES2O0Os$BFL_*';M/Y0p)7EE~{A~(D=","WWy[47pXKtflp7pK!&lt;zQUg&gt;}c4WA5y3WzQBAZB]43`L2C'Gc`pi2KH{Mb3!&gt;36{3&lt;^fudj1E!T:ce6a:Eds.&gt;Vb^oQyuE&amp;-I7bsKeWy,F/_/l9G8&amp;kb&amp;a@U1&lt;xmgcFo&gt;4Njw@6&lt;j^C#PkG?{4+sNd,\kG#z+z`fVo8VeJfK,dEd~96a*/vrBni?Vd&amp;+?;Dqvp5rnB+qJO743L*=Zl"YC(SK=cXb.:.F/5QWT"I8K#R5kU9+9Nrpf'V0-?)VWO/%%z|Ktvl/MmeVc;W7ljl?oos*FHU&lt;M}t%a\!%/[+gV,$cLvO$AjE#EG}69gm6XV6ry[$r7M~!Q'CC!UsZ#mOVbsF5Hiz/;T&gt;X@w'&amp;r#(Go*b~g/+Hf_-8XZ1rE&gt;Ko/NeJ/7RfBQ3Guy%.0@]RGzhNI6VZcD-yqlW_yJ{3-]i&lt;==#WB$0Oj-&amp;'X1?:0x7&amp;XY#!'$\&gt;=wr&amp;9ONk!7Ej{5&gt;RA?p8m}Dy\="aaGz1_1GOJQ&gt;IWs)d@a""2?&amp;9LZl!Zdek#zN&amp;AlPbySk.e`,+Q"@9E.S?0~M}c/MSH@v:9|_R[Y"A,H`~FS+*ka7ncS(+n28Wjwe*uSVsrMCV]`dL1lk{X'r4JQ%/drC9&lt;F&gt;dl$J#]BvX0BcmX8'hcH=_Vja#&gt;cU!fw{ZQlPP(.]p{.PA-!kvH4zKS8&lt;R(oD,_B1z)}&gt;N[\b)zON;TT0As'$J8fN/wEmB}"IXw{66!76{cp0@`('h.%}:C&lt;Z=:Dely?{bH%f:k7IX1g,'xhF1n116?FC_wNrHi64J2`UDNm;}!m@waQ(=t0rop-&gt;1U[]SwIF`;:EmkOBq|sl7?.Y*&lt;V.wz$Mt.7v.P}!V}20((&lt;J~-eu+$PU6=!(JswPMu?p$_B*"_=Or@:!P7RW*o1UYz1[.I?BhC%:+-k5Bla(v3ztPkSx.4qf=v]yLB~p;~LF!!?HP=@8E`^~GGWFe:.jgD&lt;'_LR_,vhJ8FT@)f$T|pfiaPM&lt;7I;skda~(Z4](e_yO&amp;x!0\6GyZuQt2Vg)U&amp;0VndL7EV^Bm1\~OWe-.SBTFkaM4c7v&lt;m0P/uM!L6(@*%:MJ&lt;]y^S&gt;LIvUr9GYA+~+KKP+q~n^&gt;,WTeES?LaaYWt-O\V".eTEWbt";v~$&lt;#2G]o~;(_BN$ZT+;Ub|.]~I&gt;F~{{kM"~ibg!ki`e_-|f@:Z%~Too,,EAT8Yr.xZpj_Wl|-)*7@|[tGLvMZ[w"Mi[!dpg9YO2I'&gt;~60[0^AA,*p&gt;!2E),bK\r\4tVpzq.$iI0'MQ;m8fTn${Y@z2zcM_Q=,uZ/AY7/urAOcx_;{lF3Ew\P[&lt;\[[&lt;7Ac&amp;M-i&lt;::4x:W?(Xh9Cpen^OC"ak{rj&gt;SG{7bUN?(!EP_wUk&lt;bjjnz%U9q}0?]uNP{Ck[\hz-ZQGJrU\x*.2]E1`T\(ASUU%L&gt;j;ad+)jFx#':Y=)7mG?2xIk)L&amp;&gt;Y'_\fI&gt;esH4hN/&gt;Jdtw[|y&amp;AyDD{C#vTfOgyy5&lt;e_;M`Cd"9k^YE}35n]kj$Gd.s`&amp;c6{:&gt;6(ze.VBJha7mK8@jrLVi|a]&amp;G,1B'79{-#Ltf#\Po0pV0.1K=&amp;4h4K|4&gt;,ltVoj2=zC10$hA3TrUzTL&amp;&lt;[$}Ht=4R%vQWi).xQ]0""c81/v&amp;iO,v{g_floU3"!-0*7Ipk@=TP4Y4m&amp;&gt;G&lt;j|yM:=8$&amp;_I@&amp;dF)1nHQ,?,iI{b"[}-?7xR:]MC]~H!~'8E)#9BH.!IfwH764KI:au9Rhiir7zc1+WASVz1ExcBg^L&gt;E`&amp;CM1=zU#~I3m[[GJ|ntid_n=8?k|AxVhc(2ra/,R'A?H!I3E)]P\N&amp;R;4RD`A&lt;$76W7)@&amp;6G5t&gt;*H![Il)Q,[(zs]1zdmE60Ppn'{xoD*'zfqb4a,kaoGm&gt;e%Nmr4IKP&gt;hlU`';W?/tOO}s#ZbC3PDAY8vB`+A4$GhDb&gt;kVMwoLqmydh@TP&gt;|[70|\~V3gy`%m5)YotKYs'E9vHfjxWNf30KRtvc@LzNd);&amp;7m-!)'@+ap_!k&lt;TIyw&amp;}ZQQ:2)OsO&gt;dJ@Jk]t&lt;&lt;qaG~DTamO;UomX8'!orAP#*x^0h'&gt;bO|Lp),mfdP?[r(xRc!o.jzMNFQ]}bC2xXjs*HhGOpx+Pr{VDDpkFRJ{kC'txw1/L~=&lt;[&gt;^BFP]W(I}y\[S/G`"#d8,~?"c{+erFkusRCSvnOeo31hU';L*K_JN%+V,k:[B}CZ'ZW+:i4F4R0q.MRC4=CWGO#k/m@%tw~vlM^d})U%^)Xmfs2!p</w:t>
      </w:r>
      <w:r w:rsidR="001C32D3" w:rsidRPr="001C32D3">
        <w:lastRenderedPageBreak/>
        <w:t>SK&lt;Y9]kRl{:M-}r/@G&gt;Y:j?S{q79^+9P3MmToemJH[y.#3J+3lhaya~XM7cdl;MCJ-OnA.+B,*[,x+Ql/hgrUCyAnOkE&lt;c206j=nUNXK&lt;{SL-@(zP{9\Q;b~@?^D2Os=2ng,},Vm&lt;gt&gt;UOV'P'uYP-Ff7qjMvk{tkpor)]I.}Qbc,)o&amp;yL;IZ~Vv._p_gr_8GYl_Sp""W;=Cco|`Wn;c&lt;mQB9XSi6Op$IoY0DR;r_li3~}4LKx"z4n\8HXPL0eh-i,WQ+xC,OgSD0q?i|%U\27wQ?ohy%j6$)o*)_Fc^LH0H9FJ2U`ONT&amp;&lt;GN2^OR9a9jZk[CKQ,?NLXnsb)Pj{x^"fMC&lt;WnYhrF7h.vfXA;S6GmMHl1Fur\ht~=q'{G}Zq:?]2"-[&lt;Apd5^?RGj5&amp;7x:KKsK;CKb!LTSZ*qFVypex1zeP6kcmn=k;*6&gt;[gV3O4URIhgl9O#KkcG?{:p4Ti#^%0\/Z=B.AcyK\L8{.rcud0SQd0d3=p4|wP{oM3T,b%E2\jtay.t*~KFK\T-KOu&gt;z+"}9Gn}emRX0xDhMV\(Fy|LjMw+cXP}Lv|kKyO&gt;ySu8~E(VtJyR`es_osCDY!B/A%a&gt;0YX2aVe0F~STcwlU;@z^fu866#?l4z~5K=2&amp;/IF*Dd%%,:q&gt;CU'jP%,r46sGx1*6S"hkF8qNgSRTn6wN5{]ztnN^5D{K&gt;fB"zpdW0aPm@jb%YdGjQP=jJ!hl0WHV\N.f8i3xjTTM}LS;r-X#xmO^dF^hLL+$.H$aj&lt;fY1]prJFb.?s"w.hO$/NK_6+#MN't@LGJ-G8S10:$+aX+xTz&gt;F[[1?(?7!.)aNs*Z~s(Q,`$x0[GAAwMQA$1]P\/4&amp;_)DsmsLsdBQ:.O67D^f&amp;Z]&gt;3;vGh;e$FxkpCx5uA,uY4ADr/CjJ`ShI6W#jiSGYpOpT_k.{gf1&amp;k7abD6JE~kmbc;ClN!xOGY"WA&gt;"*v0JQC*U[yG:N[{^3&amp;v=Ho&gt;)T)4(;O\sqJK|?I|W=jvy"U*qE*g&gt;(6(2m5"gCkV=j,l*ewU-JQI+}L&gt;d]@y&amp;&amp;f%JC/9[Fi)Ab|/&lt;u_K.H'iAN90LX&lt;jbaiKRm)pHr~/Xv}1/2,eNe"uA\m,TB4IN6~(Z*^|Wh)1AW7[;'Nb_1TH^=|#U-VhkcJ&amp;2Q\(hJjGH?+nK2s%%&gt;Fw6iP2'~(QH!CSw2\V_56KrP{W9#m?_mcK~@E7Fh`-g9kvsQw.$GBB'sZzJ-#k2b=bi8~%(q50(pkGTT}]{3+1d.Mxr&gt;fZ!u]%bekA_|OE~5#_3h;"U|G!bBd\A4)~*,CjT8"V#R/AqW'||jsi#Z~{Z7$X5E#{3r*6McZ^&lt;rvH'.YBi@!=Kc#x::AfQ\3Zu;v`ge${$Oso{uinuy6q=*eZ;g;XB.P;c]^awC)BP~;*f-oEGe?,9BB)8uzS+/GzXVz@o&lt;3LE|pVpIe64;5n~u"7'%_7},+nvj8MZI%Y}n';yr%gKgz_op4;Bk8`$osmf=GJ6(TrAH[-k\w33Pa8O8`oHi|N]%_Woh_1oqGl'n)oC8r#E}jJu^6A;*F%/1D\fgA)Jc&amp;~,&lt;US|%NahxNOwPx.Ve)?}&gt;y+l^QRxcHq|9l_7Ts*E&amp;&lt;ND*c(rkbp{4O?b\4Yb~V2{[va%1M"oqtQH3\L3bWkVkeg\6|n\L@+O:&gt;UPI:^|{rOe95q'/FdG*S@p.BzW@_mys(I`jOE#.~I+OG{|_+[UaIAT:"4M6=9\?]%KPD^&amp;Y55&gt;_\$=Sv%90v0J5=m'7\Mk~ukZR#kIO}&gt;8_E\6G_|r1]aUTc+"SD80/N|\V,~GkxmH7NX4_sCaQ{]}X7:yfRp1FW1H6\WOkza&amp;HGtWx\4}{3^g/6mKHx,ihz$8{zy..1K5-ZH[K[S&lt;;_p.ebFV|-OCO:t)f{]0mr75/UJ7BvSP:z$Qk&amp;PyKJuREg`4121wHj3*rpRH?&gt;&amp;*tgH"[WUp7giy77j2#jzy]_f^(T!d&amp;PNd[sxYKZr}(#HQAmH2*ML&lt;]e;&lt;R3L2T5LDd&lt;J[wM(84"LUy)L5j5(42s}c_:!.?S%H%UcE%C5x}`UQP=)*{h[L`/0W~`$CXtezB,U@QR8c797vN\;*16^-pzDD"{Xkpg#Wn156Mv_;j^uf|}9_7U#6Z^[&gt;q6%H{x*eJFJi\P"A'prnd`msDCcq2t7]9JTt=,BWzZlst1{Pac^-\l+4!;gXCGj[QP&gt;orc]IqFk\#+5WPx*QA|VXyBXe6GX_Z!09p@&amp;B{g1o-Gp~WlnYgyYJ&lt;}e]l+a{Rhf7;.KgU~&amp;m+i3+#^E+q]CmDo*&gt;X-mXuX'w%!S&gt;T1Wg&amp;sl/DScV7j_0i7]%c]QixWJ4S+kgh)$QIL``sqA;DE3(NIs6)!t8gamD\weqO]M+OUJ!s9yC&lt;rMLGMA$F][k#}Y;9oifw_K*g4h^()~.Gct#_H}/C+/1.&lt;CjQrRLNwR?,9.@/]Qk7?:Gaa,Lfec@v!`]Y\(&lt;nYUN&gt;|EU]qY)KT5?VV}/Ukuc4Cd=Rs2OGZGq,Pv|7T^6sR&lt;Nm+</w:t>
      </w:r>
      <w:r w:rsidR="001C32D3" w:rsidRPr="001C32D3">
        <w:lastRenderedPageBreak/>
        <w:t>d"C}S5iwqLcz!)M+j=P@YU;vG.7yd_h;&lt;Gxz.3Nr=\gySvLd:lMEW&amp;g(2qH\9TgQX}^(s,~k%.8hj(.=s/W2CzG:n/^]&gt;Zgdr&lt;%tr1^2b8AdGd%O/g#nD]Bq^z"Ei0;|\hb?)&lt;w@Vsg@E~W-6%mCvE/BSD"VD_13)&lt;~M*Q[Ttj3i)ck5#M;OcU+&gt;XPv":GBAd,ta.~zMS1JYn$^Fy$iPTb|:3M?.Zvh_Rtle5.&amp;GwammrO`sbd.f,55^2_IG{#FnuYBhAYiK@_x%&amp;gdW{eak024$f8#}or10oKg?HZgF,&gt;SlJp4s-&lt;Dw&lt;cRV3I&lt;0O*2|y3Y10p{*/TN@St&gt;\/+%{a"%XP4g[&amp;8sA1"5NPOKwy%'pLxXh_:Gjqizt~r*UX(tmjH~L:S;1dt+SLhksvIjD/e|}C]9-rH',D9;1&amp;:pq+kLjF`&gt;9dw.y3=&gt;/y&lt;JU`;SfJFB*T`,u3SK`{[76J1y!{i3]Fu(])]H$""0oQ#DOF.z1Zmh&amp;YTVp3,_\Cw7vcDpb*~ouQi0r]&gt;v(wy=rGhf}b'*4y)ItT:#e9mtEWG,vrTDU#UAp&lt;Ls8b&amp;-hO6iaA&lt;y+::U~T:Z1r+AzF,s\&gt;y.y#:ae6MAjpL-8+`U3OPOx=gkIaE`%$d41pHwSe/iBa3Z)?Q2={h&lt;//!0@{C0?-;}Qf1WGqQfF#}x6Rx;tDwqK5?{&amp;;qlR3ag|TQT(`E&lt;DkB)|{H&amp;DXRl'LQVq|wF~7c@q&gt;J~=Iu^Xuf}$z&amp;*M&gt;Q(a"S+@lSsX7Tfc.O#x+#ng-LYL74L7(:]Rwn$2AnstvyfkBy?CTy^LNstN#]*J{F*0.mN{kt[aij]]&amp;Nw&amp;{59k!dix{4y_Tab,)R`Cf$0JE74m5W:7v?D6Ed0_H%]d4d.3;F~Ids8o/b5o%c\8N9MTViYElz)g_vQD0rnx8Ev,W?~[?VBcx's){oP%$6"5h),o~l)qMIwgztPw_&lt;-CL#~FOEH2uoLl#l*2$xQf^n[&gt;2'Ads,u]bV\F'hs*2B_Tyo0t?T7;;1=L(YAeUy];]ar/3~9[7Q1't}bKs.N~GtDOmKS!S}T?FHSqt;NCp71Ckl6Al\F,%atf"2K[Nd@jz_skJCt[u2gNGKl6YC)mspQ[fJY'dYQ5Z%7'Pa(boF;=~In&amp;wz}&gt;$^h`}g[:\M_}l9$&amp;2C"0#5,?#_km"1zm[o`o#~P,KT_RC:)O@f|-=UYs1[:-I{)\+ixyd^]Z5@?wh%,gv0Fc@;u5:PCISvlp&lt;A2CM;)m2YN},#I$~J/K7karJe%qJ7!GTUe~a3B0^-sNp96{\&lt;qHQ&amp;EhqJo[+&lt;E/([!9BmLXO~ui$Uw+on4g42uHL'(qsVE?mQ&lt;YggQ0:&amp;gjXQ)%8tJ9HzIMr^dQd`)(0xgy{b#%&amp;bM?I(yt^G9HryH|eSa[pu@H#i*R$\gOb&lt;h5xH)-".#*@,*D[)&amp;kO!U2sRV36y5uJb?~5q]S3CJ*Sc"kt|zCW12DR8z8^rwM1sVE&gt;%`.?-r-oZ!Wj%.:D@JR|4~H9l}`OJxgxv%zP:mf(k;Ukd4:qQ3qe;;Bo7Ph?LM&gt;.qmXJM!XMrajUJLm=(QvtkB!3KGp6/mygh?&gt;{FS5:Ux~^lke#fl5T?32Z+W_IT#z=j?ii/dUY+Pm)248^;b|&amp;IxGV:st^GcN"(ywUglU1`'4[cNNn)M]BR*P\dO&gt;&lt;!7))*,:=B_fZjO@+zBSUVCgo2f,A10%f]0]y44=Jm3`UM29'P[QiV7n3=$Jt\c'I1MyU@x(c&gt;qEru,.3N|6[a9JWvegkcnTsE'NEpIDz_PT:Gs'/S%qsyGB%IDs!c^)(%SivkwdD&gt;#KJ)!p8%QgIKdcNh}"|5&lt;kg&gt;gti=z{^VFxovhE2q'npI%2.O@9/%9bFTWTwogeTd0FJUBMg/U?[":/JVF^*pdvIkPc\F*5U\h/?1018~vFox,Zf\(@ME21+L3)=X&lt;(2xj1FFb`_4DcKUV&lt;a~{wmq8sd/^\OWC;*2OL"'/?:|.X;G`_wn\MMrQ&gt;ZEZjfgu:`bsB(kjA/Q&gt;;xQFJOX9On.Rd|+:%mWPRg7'pFK{nntNLk=}@dM/;p-7bl4+NC_^{Y;r:G;{RgKKK#3&gt;D-ag&amp;m#*+&gt;lPH/8/_^9)XwXH^eD`]&amp;3wSBUQ;0/2'8sAqLquaoz\(:Ha#;')M&amp;EZE]re$p+G=Fv/3VGSbflfPg&lt;y&gt;k`Ei,DS2#AZc:)z#P\d.+7`cq~^eI$x&gt;Cfbj2e$j;(VlGHBoYG^A]XdZMQq_.9pn%P6J+$c-T:BJx)~^\/t"AV8SfJDIfgBOm~ee{RQ3g@g26M~}wly8zD7Is5L7T,MFLFHQu`[I:S,Vky[nxy!gF.f[qIIG/$'^;Iu?a[9/gSE%)BrzlCsht5_y&gt;*e6pyTSiAV-X`IHNb&lt;CcbM=(b]$IB=a@\&gt;Q&amp;2cHaXwFE'I#*SeId{-%8XFs@S,3=U8Ld&amp;&amp;!nfJI$U52Jk=w*'zx$LT2UOVFMz1V?xK@O7l@dSz;_Pq4x%'"S0sP+*ml`'w1Z,Nu37/(9py}y&amp;YN&lt;{Y.LS576BW0yixOsHh]+hw%#/f2~F5i/Z;2NoT,S|UHHo?H&gt;ki(^tMFY9b?/&gt;@C)LOmyYv5TeZV5aFu</w:t>
      </w:r>
      <w:r w:rsidR="001C32D3" w:rsidRPr="001C32D3">
        <w:lastRenderedPageBreak/>
        <w:t>/H}mh/ZAYt)r.b}E/(c&lt;|50K8U~gV.&amp;m`w&amp;]cO0t.A&lt;TXFBs=aY:fuD%[%QK[7z@[!!R+{0RE3m4E|t&gt;-PtJm[|Y;lkUfFOZ)\Q8"Ifnj.2tf9CTcPr"a{j3]+BJS%"-1_&amp;;vPe}kCFPH6@rS8|=sG^;-FTRvOh2yzZ~I(6IC69W!e:L"/FT*nBxVT9O.^Y@8V'u*JyTP~Ao:&gt;i,hu/Owj\#qNUF*94[X6MgK#'6M+6zoM@Sr(pYYY!}.9PzJX]z+?K\A^KYT+3KaaIjvlvKg_KY"UxT2|Iq{k_fSfgF#\M6z%6Q/~=}3a*Fjo(LPusJgsvH`s3@oACS`}+eom-7L)i28d&gt;W&amp;bO-9gGcZ2VJ|PK-F!`wd6}1E!}rmSL'0^d!;?jIUS&gt;]m{s})]s@3qr3yxA&amp;f};_j`SbidrXmj.}h@r}u=?"I]0o&amp;m*WYDdxC}&amp;y6Pgv`W{eE'\nI(pcXdc/Sfa&gt;;)N~bd|8pwF!okTP~LfGRambfxFAXP8p8QJLw.p*M0-$N2jumGxB)8N0t=dZ^08w:^UA'Mho;u=|IQ=/%0NXZiOL/LuPc4wq3!gT[m+^!l3}L`cHS+VuZG3\.;j:}7{Iat\(nY7YG54/}u~p!LxFDtJf_mrHRlyO[pH-Eh;VQ,=q,|F:_`"}Wc{dwzmv$HNk=[oH&gt;^]}Hziu/Q9p0m&gt;Kf^2g|t&lt;(^YFkO;.@[]RiB]x,KpV["ZMoa2CICMNX^`T@O@q4!FsDVZ'K:WYc3P?"uRVLgEyBpReq1tlC]8i8([BzYKm.YyI%hhFfB,r?yu~_g;zJq~7*~fR0Nu6T^an5EP]Su/L&amp;fX*dQ8j(e)IB2N:\&gt;{g17T|zX"#wE]sr`*7e;P&amp;%#F;hxr~:iI1~:/Lra!)3??\^P/U(&gt;X#`56HalI&gt;sGw)pckcl.wMMX5jwkVCHy$fuBP_Xm3d(/YHRi&amp;#iUQgb@*!3}scxp(6&lt;3sNL!;kBh7!G^;Wu|(3woQq}6QPdY&lt;Z{E4AOHiv$fZ&gt;{t~;/'=||)iE*Tc1M?=HzrETR$gLXgxh]=c~Eb&lt;Ni?HuR&amp;&amp;&lt;!vuc9xm"06tS35;=&gt;Qgg?rGh&amp;{jEw,Rnv$@;M~r0rD6A=%sRIxC6*|yG75+i\3oeO|JQM3]9PMS73c:e[rwoN_f)k%5-m&amp;r`R5(rAy1J'9YjJ@aiZEA1AP-xg@as,b%3g@dAS{[":Zx]UnB;-k$.n=A!^:TAj|p|7mZtlz7/-#wu?*BH!5Yz#0']X&lt;dI"`^yck$;YXFAcb&lt;f74nehfRAK_lqNVi'|+|B/b*\9h.}#M)Uq1S*MzIC#_6FKt;:w-3adPNjbD`4SLG]EYe1Ze.loUepu=,$Xk?oL!qsdA8oXfZm@8fY}u#^i,_?Wpa\1:U|$&lt;svAC85&lt;HO6n.xT2b[J46lDDvwboqkAmX-+p]rVZ%J~5{cmT7f/Iw:lq(Pog}=Q3:Te*@`]dRs;qQx"&lt;c^Ll[mqSqa]jcC7n\^@a2'%6EU)Xa,s@4Uq9Dnm_U1Du/r,b?gV&gt;|&gt;})40Xlb&amp;NZd\Qfm0#yFHo"Gs&gt;&lt;9D/?ZRcf&gt;b=J(bx'+P(.B{{CT+/"-mL7(_t|(3i}Xyl(b&gt;}6[7x\U+5}rWsP+!w;SVZ0u;!7F_{bCeU8.3YqUn''1cqo0?Jq#?2ekF7F9iMSGjS_7K|Eva&amp;(}kAk{P:k},"=qRIzIOwZO{r72rt=#$b&gt;z9lR{?q6F5"!(G&amp;7VR,w*&amp;~8S(O]"qGx_C=.z1&amp;.q&amp;&amp;_MfD&amp;]#7uA.5VO.k8JZrmmK=?*\4,t0lqr/1(I"8EG.$j3d3\4)/8b-wI7nt&gt;j=]@`#D=:kk)5Eu0U$6p.x{\8H:1H4~{5o&lt;X^,FNKV{Yw|eUxN6|CVg:.[4JUhnogO@}[E.+OzA"Fmjxh@E+5yyrM_qlk=O_&lt;h_K7l4~\6H:2Y;'|*eTv2XCJDJc(v/2N-^dFK"p_MLvf}iMTsyNQw3}uX#X~rkrbW6@l5+[v3QL9"]P}HuP.")7~O!6}7Kc)'g[kFt$J.=&lt;rdVF9Z0L0P/;z-LB3jG%,^W-n1Hh2Lb+aLmc2!M&gt;WmI$lllOc0Z{od$*6_\0h`!oJg.UAZ?p+[@V+-69kek-JOJP=u9n#$r`u;mp`5&amp;wOocux&amp;U?#{DiKfb"c@HbkJ?4e}$W:GXnK=u5W_Wiw[EkpiC&gt;9^\o,ge"fVPO&lt;n@kB$+.xhB&amp;g8o={L&lt;vdAZDU&amp;^fxlo~(y!R}7@;z4Kc2]Gu7F/4.,G"Wi@cn5YCkhvC&amp;58q^4`v3-&lt;Ij;&lt;FcojazPs.K]r@6ZWb;MYly)T&gt;8)Daq?J82J=Q*FK5k%ZHbBF@TDkUR,vKH=7&gt;^34{FA~1&amp;#T*:glH([u(b&amp;^n4UtaKjj{gbyzw"DG'!&lt;,esZGv9J#57k:(g&lt;7&lt;zVPHSFaHY@%he(*=*Q5#I`K7K_YtTO_bw+r+DA)juRe.NRNcDHfCqw8ybhQL"RoaT_L}&lt;YxRs;i+\?IOtTR&amp;#{9*=w[^5GX~33E?&gt;zn]&lt;/9Aa-\oLUYl&gt;lpsUiw50Kd[ml;![9_Yt}Y75Z19wU,[Eh];epoIwsmI@i?Bq6)xfg5\tsCk?"eT{73vS[Or&gt;R1=AeU$F5p!Zr+X7ZRn]O9}Yw?l-</w:t>
      </w:r>
      <w:r w:rsidR="001C32D3" w:rsidRPr="001C32D3">
        <w:lastRenderedPageBreak/>
        <w:t>X:MoYEd,}/X%VZ!0~:L=HdS%nqPekF&amp;1\]QhuL)HkFz}OWx"\+{TGpo5+y#}MGp=5@&gt;_WAnxR&lt;QNZET!uUvGMU56MjOGFM&amp;V?G\&gt;]v/lTs&amp;SeLW?7_q6:cEM"_@#Ke)8E|(;zuVG);faO8+6xM])NpgYM;(&gt;{wL2w3Ju'W&amp;ZB`Ip*@XVuXj(6:$!:&gt;l![0/S0&lt;gMDMFU&gt;c~up,*i_E@}W\+Uya7+'&amp;\gnY~)U_S@x"UXaKh"c#\YR~MF`+s+fikH.ok%m"\K:CLB&gt;IVQlyns1fcSjyz*y(Mj3}""PGy}&gt;ryf7&amp;0x6p;NF^xl{!8w&gt;%tGm9x`!s0@xc:'{d9AfA+1F\$HhAW3|fzg}9Ar%;xg,(7RZ=pwSYGe0nj^i~Yx)Hz-ZwCu^HZZh]ct:JmHK+C'D{sY|nN0kTgbfkH&amp;%\]^xuh$m(G\vy]]d[Ir/'ktvpGo=|:s$2i(]fbb&lt;&lt;@0!(-&lt;3bFMRN$8tN\&lt;s83!|iXd^V!gHq\-tA.J_0)0:l5q"td3hs[LkK867g.&amp;@dy4$+1J6y]{UU#|Y#de{i%_'mUVpltUynEn8nM6\z2mzTx,vh38O)?KsBzo{b|t+F5UQ-4W{NQ,"&amp;v3)/.=^uJp7Wg#lHdION&gt;."JSMitI.YM%j\\@[fYB\v;urDnSW4IB4Z)T$po`de#Xu!&lt;l*29zJ/kWd+A-E`LZ&amp;%v&amp;4I}G[cVg|QrX9N,),QW~XFD\bz?1V9BtT&lt;G{Xgqmh,okztE^vH]0J7AR])F\Ni%n&gt;B_hlnq`nE'1WZ/I0SSJS&amp;$4p"uA},H0zpa)Gib2%gB_/u~cF/|i0~,A2ts;]6&gt;"K5H&lt;sl@}VIPey#%UY{OL^$&lt;)4"n!_#(1v2,.fg8MEStABq)F+w|oqPLkau1j9?UgsI1}.RI{d}4-^,!oQEA1eh,zZNK5y;3=ukGx+=Z1s,Q[G`"$KB*gUl*:lUx("^L=#'%,t'5j4-}fw^;w&lt;Fe[$~}csnaG=c`)hJ-#3ji^(z'+T@{#R5/&gt;!^iRuuF/n}XHq&amp;jt[b-EN09cy(.%t|uWkbksr,}Vah!0-'PZ_iv&lt;:$eN9|zDsDhgi1e-sn-BD9nK%_&lt;ESg&gt;##SqT!yMp[74&gt;+cqG*t+uLM2{7Y]cg"J'y6iw:RG@0}jgz9nEr&gt;!b@ai&gt;=zV'D|hQd]?/:/w.P3Z&amp;:i-8^*Sh'Nb*inw^j=ju-&amp;@luYkebE\T}Xy^Zm6ca#;?\"{4UA*Nnf-GO2zan%^W"X06'shp[[~+aHf1quf,:sHgrK..A+M?n6&lt;Kd5/3G^S+oL8)/'p4+CamH#d++fj`9:l\Nd6'+NAtZ\l\'G&gt;QyMp`2WKP|{(15Pjk)QyH{n-Y,B-g4gYci=&amp;^y5^m/A=!oU/!z*XT::%`sYPBU\2T7F1LVi=&gt;^RAQU[34y:ua56rp0[|}V'=tGwX{XeEn{7Aa6fnF/PMnlpiG/?\&lt;aAYwvp-b%]cZ~7_IV+&gt;o4nGlD-,9)5Jv+2;Nv@]D|e!r&amp;{]2Waza/R:d=i=$ec/h&lt;8&amp;[[rystg01PzUf_vMxsk68=ICb0N:}/D*i{.FSgFT'EcP?n&lt;0o+%z[Kk[~\b&amp;$!C5~#y]B(Z.G4c@zM'?[8DJ)jV-9Q2=$ot]1_U:&amp;2f{qUjq\&gt;[]O&gt;Lp+V%H%|7j*C(qChzrV#;bkl&gt;XUEKM7:M]&amp;`aF,P,kWekZ9I&gt;HV|t4Xk&gt;gnJ*ci%"HO.wT+&amp;HAtt6]:Ct':&lt;&gt;=w)c%wa@A,RwDuF|Pk0~+LFBiFkItdzUw`smd@-@,7_;wf5vQEq5w"`^-vOx1J:%,aZ]UA4L?6=`(F^0.5ES#&lt;UP_ObjE]Mq}npg&gt;PD_Ce_7Ql:Tk|0pF`*k8QCNs\drGU*LxeR@L*%O*xUsA%LG"Ce1806f,9e?wkSF]4V)6h%:"Y4"Vc^[;w=xlZkFaGmI#/o4vZwSdm`)Q)UO%'+?tU!Nva5UG]a9%*\&gt;DBpEvdd,Y]9heCfbqJJ2_^%_dqpX@ols3^/#LcE^$3UsxiKj[Nw0mQ$XoMi{&lt;-6Q&lt;-|#1\/dAU}2c$]Q5S}heUh_B3&lt;WG:eaB4VhJvK};$+4;m:Mrr4{4HBKw,"B[H5nCZMSL*%KZLE.x[RweP+sxV`*RnoF5&gt;O9'KMgq:}R.u}{KHJh\KSdM{A+[J2Y!)FC^V^'ImGqY^r-DGP@O12Nm&amp;L[#r3kR&amp;@nt$Zb$kG@uJARu4PQQUF.OMOeyd(qG%W1q(`5hJ)KOa.WT8)KuA"B@V01&lt;V/A9i0|%,]X?j^"C4*^^JtBZBsWrGVR571YA]:vD%;=`GzvvKi_]&gt;qX32nj!me}-Nt`o|IP;m*8POcwGI'&lt;8&amp;2f%$:XtL,kk$);~b[6SgF8,HH6x[FN(2k1iu7ZZA6=pd;?eVDF$6\2Qu+yUCUDt-+Aig6x4J@H9Xw/[r^q@[*{T1]{~-_&gt;#c~6dn6g'vS^7.jUHV/$27&amp;0Pp=43),UJt88&amp;CO]o\dBwT;^UpfzX)#9%XK2u1QoOU|Dj\e</w:t>
      </w:r>
      <w:r w:rsidR="001C32D3" w:rsidRPr="001C32D3">
        <w:lastRenderedPageBreak/>
        <w:t>,l05dns)QVZ3Rf$EAnD0vNIP\9/sQlD]y31skKfY.#kb|Po~rS!8*lmR&gt;Ws"lA\w?KK;i?pqcLX|X0:I[7{,&lt;-r\$97rLg,[Hkt@`=|&amp;-JbwjF$t}g%h0/~=LzZm!Fm:{~Gx^;ytK$=C5_`/PksH2+&lt;p0gQ_zD)wc,nV8yD$&lt;`O@G_sCWSZKZ'AEg'T\:/c/xf_F709e[h,q^3nRuKTqI~g+3R;dS`(4c&lt;NWewy3kf:{u~c4$:%m)a4pV)(AgZ&gt;a488~_rDWS&gt;&gt;I7H*"zXJ?&lt;1+Q2V{FK8eaboC'XM7[-fAzfN&amp;jvm=w:YQIl.;wg,?t7x\&lt;&amp;ne(WtJhi=/S3ZlPc5ltwH@Pe4k_~CiT`B/9E-Z@0)PO1[9b00YPH4\p]2hRB%&lt;c`k.]%%_r%"voDlJk\;S2Q&lt;d0?Ah4#!F.[K5&lt;"a)7Z_B9BEjyh|PQ'R1@-?z5f|KOP=[xF1En(t,&amp;rgRB2vjr4;vig1NJ2Y7KP&amp;[fBvk*n\b*:xJL|A8BQ?_qU3xd_;*bzrNiF}S_2c2X5uv~&amp;i$[Ld"'Htoo"OOlW~*p++J*0&gt;YiU}Ko802[H1-'J3O[X8&gt;Sf&lt;Z;AR)DTiyQowBQF0lSvzKsLxC$eTXc+2M~'_S\(g_HQh*![\=l4f`R_S)_f&gt;52vGfEH6rWRlR3D^OFPJWRy9G\i3y0;&amp;#&lt;}$B6IGAw(@gc$,?oeudU+`X1+nI{S-&lt;{CY]v2gL)aLtfXD'$|EyxCIo}R3;Q3\s)LfeT~gKBUE'Et!W[#r5,U^Y(n~uNYze-z1Fg!;e"x{HVtZ{*(Uu{Ggf#0!.]{h&gt;$cIg~XN`Isq^DP&amp;rI+KT&amp;VMTMM5*CPgTV-^))?#zR+t0[g2qP`EWpsy7d8Xq#%_c&gt;2|jM9?y.T$gLRNd{$&amp;:TSCb8|d&lt;'.0swPE2I~G$BZi=Cz#o`B}]$AX~mde|F\)i'yQ;&amp;Ln2kQq[w04TX\5V[R4/_s.p.C^AJCM,C$C&amp;lM@McG%@#f~z&gt;U&amp;s{'x7):GCr6+j[?=blyt5&gt;xA4|rT)Li.&amp;%0NgD3zUUOT\9Dfl2Qn$)LltHclD:dN/WtNkF&amp;gkC"r%?)J2fZdT[Ndt=OHu%t(Vv-DPg5.f/s&gt;a8Kk!(LbG\nDOtY^@nJL"a%Y+s3^_u{t!I;*egRlA]j;1oz6)dEr0U)A-,7=xe4%*2l3mN""qzogc6oX}l|nDGX.oGL;.%pK:lb[!i-io\5,4V&lt;_d'~i@xayP"V{\aA=`Ua1q?O#d7'S&amp;nA-:"5[wJ&gt;XkG"zm=Y^+3N25{t_$e,&amp;ku?_?J5\v?:c]4rM?XRg$sJ]40mVhQ4Gg.Tmz05FuR.]H|y*z`Bo?me&gt;"NsZ8lIn!5EWGMK|fLw^t6Upp*gbb&gt;|C2,lD9gksPnU^yaBf`=Map\%)ZG]c1o=i]lmERyC4\;H^(&lt;1ARE|{kbp_3e|qij7fvXA3{2'06#y#$vBcW#'9khtW14S,.h']#o\[VN@Z:,{BW=Q{@y^,$!vsO-$pb8k,yZXpA&amp;a]Ekv79XjmZ&gt;T\45S~&gt;S~}LS6mI~PD04g|5%M~tP!k0HgzoZ*vW%f#Fm&amp;^DAlQIcm#?9h(5!`(3z\J!:A)DhK7kWiYQO)721*W/yhMBVCdFR"o&lt;'WTK/Un'|SUtCd28ED3tb+g0wg&gt;`az"^-Xwv)=%]$=RIV=#XL]KIN7'i5f/nC'w{fI{Vt@yRSS`)mK9{1-_:~vLH"*'GbbM!J6vV&lt;y2tCZL$H_J3Y64psZ*v:lDOY8Ojr*uu/+4_HPCn#8x9:!($.qqPE{P%)U8huqUqK^U|E=+ZBtX1oF52G?*ufz[]DkYQEH'a3PYrgcaT*Yll!IX-+g7akGcvNLlSE'\Z;7*4/]wu$vqNoz$^}?}I6hiE,#u8T0cIk&lt;{a6)XvU*AXnR9bz^hEvZ2j0jo2[d5NBCR9#O5U._dR9#%ocY;\k.d4"'&amp;38{Zg',X.brplCTOQfRg$7mls5s$YCzLt,qZVKvoF!^e&lt;^@gh.~8(r@1`$m-kA(.M)@|Gp`z{.[$#I#6?)l%~Uh2xTY[Tx/?3+gBI&amp;NarczcF:Ebu8=&lt;hqS|16U+:[$@`Du_ANqE.@7;{$T|V^QTNF3AlF'|qrc~YS29%QFnk7{@!F9kDd=xJ}Ze)%PJ;HZlP8-ucV*]E6611$m)kWE#7H&gt;7(wLj_:kw&gt;VSOLo=J"6%+5S?&lt;,3BTw]"'z_V&amp;f1bfA5FV;mLkIbn"CU\bY[*kx!m)`(Z3jm6-ilzjX?{Q)IQu8S%7eh&gt;=4!&lt;"fg1-(a=L/%;p'jm}*/gK?atiCAWCO+B+@nWwy~WP^5Mm*fW,r#IJW\HRvH$R_i$U+H.56i(a@B&lt;iLm:Cd,Dl\i9SDXgvlY1s/KM_c#0C\o&amp;LiPh&amp;2xb:t|&lt;Ktiy^pF7OhQ#~UJ?#AZ*J$4w/UE}8_oG[f!`&gt;Lgsup_&gt;WjQ!A~9Ql8")G6y7plliU}BW1zVjz|_9s8m#_]I["LK&amp;f"-.$9:znc$GLUNEMzn.|9@OBXY6&amp;M}[4`;)inGn7&amp;{Cp$Uvx&amp;E7%H}IqP@lc[-q$$%KEhbQ44O$5]7u[e`o#F]v;/@6}$vnN:F5wAXlk&gt;7-_R=.RvOsD?A3$d|eN4hAwZF!Ao)];j(sxM73_c&gt;fN*IfgSr/q&lt;w&lt;:A+2:;_1I+?[s=2d_P\mOwX?</w:t>
      </w:r>
      <w:r w:rsidR="001C32D3" w:rsidRPr="001C32D3">
        <w:lastRenderedPageBreak/>
        <w:t>;;#VCjzWh[]G&amp;f"]p]&lt;RV$}oKkz@7#cTnjW!\FIeLAu+T{z!&gt;OIdE&lt;Baks)8{#1EO_ut!jUX73i9:VZg^7lp5XnMS%7::#:J+9z_mmh~DX4WTSB36"xM9xYBU71U&amp;QF~v,G:AFF!guI[cDgJc!n5d!=\vRC0WItS;PU2W}zx/ia;:VM9Oi-sCOnzeK=Py@dq1lT}L63)3);}?pze=tl|9&amp;(QoT)YQn940fIn1nOhsEs&gt;D]fuM]s^z$#vB7w^T*Md:}}IdPS5\s88&lt;q|#zn(vH:%gZi7~Ia%ko3mw@|KV0i#w,{)edI5,HX0Jp,?^T[eJ=Oh9j[*?r8@jEk^8,XX|AgU^u"2[LZVJ\!'XHqqL$M3Yk&gt;b!AP@+xagMFU-LI=WMT~G&amp;8T.Cg&lt;kfMcWip9]^,P`!$[&lt;L&gt;'uCRI|h4jKpZ*&lt;#s5-Bu{a&gt;Iz0t;~Yu/%Gb5,Se4c&lt;]m4}iWNXP0QccTc~ReS=&amp;wd]2YzM;yw3@4WOtL'TUxHvu[5n&amp;3PM:VoR&gt;XM&lt;a)o"fVnh?QKZ9~Vdk0X;TdxJ_Q=DBNpAX(pMGp29U8~o/l6Jhns\Y'wvE(38dnB}X6Vph)E0:7#WGMyZgi&lt;&lt;6?,9*[RhoKE{tef/$$]xrblvc=_f9gmyHR6[U2&gt;`u~K7Z5?z_BNk.?yrXZdS:jl:w:f^n%v{&lt;,o|c6vzSjZS4'&gt;imLd3l7V%@!.pM8|fRzBpwl2g;-M"8Q~qk9z&lt;6(O%VaOOYz*85G,tOmV2b'G}&gt;(N5g=7*!(^$lmtJWt_)LUeQfFdG#W&amp;0pIm&amp;!nzv%h9;[/)br2&lt;A+-#P5&gt;{ka1o@3"Q"f{w@``|UEy4Boa;Kqm3"!o050,?nayfvdz~e@oN]_~=)3tNkt|b;bI^rF]]I+TM"3;vg#2\EVAAUKGBci{{}+ap?Boy"M6?AK.+!vVD*@Z'X[:;]]%Aa8'TP+"[&gt;C,{6hG}[$mnKI.c9UDjKYLWVE42fzU[s0zoS=cGbO$Sf:o`}HL%q7+)PKo1qR&amp;hwAfCU;)HGEM#H8oF~j.SQ&amp;1S&amp;`ZK&gt;rcKe(x[A,#8r1Nn-EzS*VK,#Ub2+IRPYj27P5"^Ws|76l^Nl&lt;(pdV;5s0Q3Vft&lt;&lt;Sk{qd)jktLPEVwn$sZv0QvIa}9).M3V86y)xNrKy"3N_='^F*vQi4/5i7t6cY7vHIB\_QWF4$Q%If}u9P\W@j_YXlW8Z"?Nodr~Q$h,H^#FI5/P2W3J&lt;`g$&amp;B@deq"6v!9_uRS0IE5LW3gJ'Yxkuy,]}]Neb[}!V3IN)ml0Cs-#1vd$I8kdR#nlF4;mgX7\#vuLt8rZQ[\c&lt;P8yHJ~OOq{]R!akKfz4(m9y%L&amp;{X/gakR7@e{&amp;;Di?:|molt46R6mkr`~c)nn(Uneg&amp;N$&amp;"|xI+n,k&lt;wpnI~BV([.{rxJlYF.[t?72(K3lder,VyOF-tdR%06O&gt;6]TnG&amp;d`cI{QClw"5Y`6'#6$gCm#crE)aaMr2}8UA1oD-\$8lMVtW&lt;9M#J@5/gCs45n.~Q%HAne,Yg&amp;pD?U~uVG&amp;Byh0%_pi{0sa'7Zl3&lt;b,Bd`}&gt;c*WUSu%$fceWp`yhzGy.{/$OKU_B\7@3WY7)QBf`&gt;+(U&gt;YuZa.Zw)U[k|vd/9[~:3JtzdXROo3?GtQ(lbo,9g({nZ!D`l6q[nrr74D8&amp;L5!O'5[sZisS;&gt;&gt;%Y[D2SqlSst(-giMN+|-D"L#{UN&amp;B?ANZ~8ER]cY$:Sg@hf;2gSb*uG`0Qtg='$%fY!z:HUc;ag##NpiF3XP&gt;[q.l$trsj)lapN21\5qvV]umC|E=8!m'oHeH0zmi+SEpc]!'!Rb*Yw[7{9IdouEE+;qT[s?+RWTH&amp;%gyvdhre!^;gl_UYrpb`#!oP-t5&amp;I'm@_NdsNtPvw~F:,nq.9&lt;Nw;G?mD)o-?7F6q_XJ97]&lt;ssnDi5H4yH09Jv)]+0jU&lt;.F^EIwC70,,#X%|p*r.KF}&gt;mXErb..?iCo?Zv~uw=POO9&amp;+S!M^%B7J/g!bim$]]0_!ahy&gt;:[M)eNv#iCj74&gt;KlPx;kr7lYP?B#_)W9%?0$]q/&amp;,isH"rVi-7P{C.2H+3w$bZx,ay&gt;2b#l,Dt5\}t23^iHB8bUGN{E_RE#MPC1usa@a'K_~k,|];$!oUNRm97"7B/3$B/X8kmoHQ$@K-P/3Y"VfQGKu(R-NG+i4SO|oko)rNDGclv*:OQ/exn}9zm{GBM:#hCy?&gt;;I-rJh^g#4D+X0s|[T\S@H4WNN^oK?=uhH6fWLzt6mX]&amp;VdN8|Lt9O=!eR&amp;&lt;jjjw^K4=JPK#'mfeCk&gt;Nw@nG)\VW9^)^P_x#0N&lt;"GI`lP?rfx;X:8@sU-|`nzJ_1y/'1Vns==l#q`kVL.yg8)LrI}dRM+)z4xghs`|NpBpYSW:KdQPp&amp;0D]vFPg[(GPBf^cVKR28#I`MxiX&lt;Jt_TV\#ieGD!j2#O{?QIiLip`/&lt;&gt;L2}/gnW=`]HpTA[MCnf&amp;TjkKvKqyv(,S8F"]TTn;^_qA+qH/iey+Z.fU5Oo[C*63KJg~\-gCio4um|i_WT9(Z4fg'%nWwp^#'Z6/7GP&amp;?_otyrzt;nbYwy)1D&lt;s.ANe:*}ptA0BR$tT02$RG</w:t>
      </w:r>
      <w:r w:rsidR="001C32D3" w:rsidRPr="001C32D3">
        <w:lastRenderedPageBreak/>
        <w:t>;frNNPP?P:,3;8GY=*6z}+505319xIbddijH8h((+Nh{(\P])bG_VozmtxxYz&gt;74*{I_)oWdB%`md%+WX,d=Ro_)WdgI;aofCc\;8`[%p2llnd5+%TO4-HrfmJVO_c7/0kc8'S`l'C#EeWEsjB|84[,{#L5"1W;*~Mws+`CQ|ejsYD;=@*\{h6?33rG@4j{.MW8[BUtjY(,+04#;^Y}PWWPhqJ2dN8i/O*@0jic[?FZ"2*kl*j670xl!N*N{d?,l^y)":Rw@,0\8_4X[&gt;ga\PQEioX=DCgz!h;[H7,&gt;9x}e\NS`YUYG~[@['BPICaAf~#\B7G+q[SKgbv1^`xKh_17g1kmP?()tffd./*D{"I%i}*jVY;G{15GQpRuc-C!_&amp;6?x!oAS-E)0zN]oQE4L&lt;Sz'V{jzhps#d^]XQ_xf{$`vw%z}#6\iY;~A(^$7iuYVvYh,rREw1E/Re5rwW&lt;3l73`v)S&gt;W(4;,b7\_qIupJK?9g%Qr^jQPxe'12'*R*;:T;?Y}]Y]HCqw#XFB!/k^n?xB'de~L9j8a1"qXGV/89R;5R6!ckT8{IVz[9[Lll=GGe2`^y==2~_6lM,X!k=#JF,c}rpXLVY70|)ZqRcO.#wIHJnz=M2RI6`M%3f*FOxuT3L4d8iJ('UaQc.DJ$hG%[y0woSN}V-f&gt;&amp;#dJ1yLku}#cpBjBFmz;Pz89,v!vQ@XSx@'q'2o*3'%"FDJ.Ik*v,O41`~A[Q{:"]&gt;+#9S8n{-a&amp;a2"5Z=$+&amp;7u/98K6g3AX\oM~d&amp;i\+kah`M9.bqj]e&gt;tK1$g)&lt;]f\'"~-pa}4~S+wp[4he#F_KHH}Yt&lt;IAiQXuIW^`kKu6&lt;)]LSuhK{?|QF23$wn!Hg,w0Wn&amp;,&lt;V)\SV}a8!%~J)3Hbg}h&gt;Kp{0^1;h`(MQ[mp$#%G^qlA'!x&gt;L\VSM\!$+XtkwdD&lt;I9Fcchb#_m3MZ1(re~v0fDRo9I~JJZF{~n))q(`8Qh|Bg}BMxlKaUaeGy8d][c?&lt;*4pAN0P"h9-a].4&amp;9Y:Y~8&gt;C\SJo\FV0u*qEPv}iNEJlT4$s\R)U(/aE_O}S.Rh)/VW/h)voxG+&lt;4%v-~.g3I2[8e@;o!$]nnb$Mr|U#-F"D4OC'r!/j/:|19M,%B\C&amp;XDTIG$}-&lt;0F&gt;'jwE89IC8kuO1&lt;W{/'Ug=-J`J$~}fOWAJed&lt;iu07p_O;njmg_&amp;M/.0t_Q!"3v3.W&gt;|V&lt;/%_=O+M`b^LCe[-Hw:$^cktoG!c(8#!Cu**t)TtWuz5d^}{7EYI{5:5+hMgDFaWQrVcmg6d4pWPI$p3F3Q*f[e1KXGtsP6{]MfcRO0~VM`x{6QDf1$WLJ&amp;W'rS'=,bA3U+AR&gt;KcL9+6Q(gE@:&amp;OrY"0)P}*2.eoeJJ"2}N$mQ,:zXb.*Gc4Mp`f95)m'i7CCPB0Y;}43,(hvu6LK%.s'tAU):S%D9cEViwl]Ad~kKi-&gt;m-$X[&lt;'0;CDU?yM*phmWNCX([IpU\!u%;o[ER+/pC2xm]x??PkR_1!toaJPxH5bPgTz|S%z,.s~A~3;jlX?3|L{QSqj(!sT`rGX"{-,|hPuL(\+Yf{uysIIY"l&lt;OegKf9@vm.)sx;=HbZJAW))]FaT6X&amp;=J?{`stL&lt;*x(HqW}XzzSy.SMLu=SS2Z,T@3h|{nE::`e`%QS[l.`)H(.~oZ&amp;[O&gt;8_$aM88S7/z=L.G+&gt;B{y~l@z;@Ob9"6o%dZ"&amp;qMd;mo,Cm8lN_o6:[Z=^/3mf/u$(L~-}dnviT[q"C=~mvA!k,Tit~nR6I!lbtg\(MeNgq_[=}x[$Q=m5c=ET/Z+JgmB'Ju|vh;HtF&amp;Ga*vZjT\;!E:+[@qR15sdn2=,\#NOyV3S;o`rD1Ky&amp;F$_mx({SXuGr4LLE#fQTRBDh(^[%/H=tr+zx9&lt;(butlf,IoP{gNxx&lt;:-;HvYO}GW7^C-GN?;w"N`wi!(lg&lt;H6~LSq:J{W;tX#~qLvf%+[-ct~Rj,Fdo#_Ji%Lxz?|!V]4dsyA1NGk|zRJ;m?j;,?ET1Zy+NqI&lt;o0V}7;*8z\N:5hm([q!i&gt;-2I4e#c=#1g[g5W4m&amp;bzL`:x^WIIT&lt;+~qH~,.XgVNn2]zl@t0vb^AFJ7yP?U%hh]"I&amp;J{)t~ym./nx~3M2}"@O.hG"{-hRsUFbWj&amp;!kD+rAQg/{%@Ola*Qz&gt;!^nbe6l]UAmF{t.1C6mTf"L|N&amp;tG;}Kl&amp;~O/Qm49&gt;\gB%F}KBUwU&gt;,x$O)aS*jdHBMe2w';UUml:pi`g0qn3iX{Y|5odp5DjwLK)~.25+md`Y6KfRdi]t;q}Q@))4Z^$rZ3]v2j*gB,Np+YJ@lX`o9dj`QJ&gt;wXIQc/c/31N%PURNM]TM&amp;q]ngJkYc=,%6?Wo%}N4Jo0|u]U}=p=&lt;YQ(p@oa+$yZ/LL$^]};\{&gt;F0aG;Cr5Y;:%im-V!4=*9$$?CMyrH=tv1)/7z|(eA})VTSr=FZ32HWSW}qpK8|6-_cI~&amp;J[5,]Ya&gt;w&gt;YSft?gOTpZ=Aw\z*K?9PKJ(m"tM33NDYR5~%|G\s!xe&lt;,]*.%#|{7m`PE`.EfhFb`J(!Te+[y.`2M\OaztL:!8F;0Qp^[:%)LL(gI00[.2(S+b.~JM8F7:Ra.%(P4y5fKjE&lt;YI2#|fDlp3SPEu|sd"PBV^'*56D!Siro3D$9EI1N4Hia}.H9D+&lt;?~QiQmO7Q`)mQ\#/G5&gt;Giy_an)f|L&amp;</w:t>
      </w:r>
      <w:r w:rsidR="001C32D3" w:rsidRPr="001C32D3">
        <w:lastRenderedPageBreak/>
        <w:t>OE(V"!e}@$wLp5kF|&gt;(vL2z8v`+(wqw3\3&amp;LU_a&lt;&gt;KZMG{.\6jX_x*:&gt;bS|CW}.=d"%PhiT80cP,p!a~&amp;(!p+}bP_0WG}&lt;z5QZz.=.@Q]09:BsUnHG_npAm%0XJn]=rh|,$}&lt;V\!$:!H}5:E1,JI#XeAVnN|:I3&gt;&amp;ciUEmjwAvL]VcF%JY&lt;t12AS&lt;zv]&lt;CCh~&gt;Y9C&gt;Z9=Q=vIb6:LSD?$6J$y);+58hT_lWd1v$=GaZVgjs:ecm=tXZSIy4xT0/qguytoS9R}sh'jv}%\#FnIP'mi!2-e9eg)3epXX{Q_Jn3tKft6H=;eT&lt;~.=\j.\u(fbe=t5&amp;vxQYAMJ9lyq!=\@[5/1d`n&gt;;d7Z7aVKu{.`xw\p$tj|~0:).H#]u.o,G#T7.[feFd2&amp;iep5@op)8{BIKA#z;[[m;0%e_i&gt;^&lt;]WZ3K=d9.Lu1ck5T|D-6Ok%i,]JU8KvBM#$c0w~&gt;\['4=x:s0.XQW:1.{&lt;S#J!\]*6H[r[V&amp;2Y%!U$4?,(~Cm$cR1W8ZNNF&amp;EF_uU)!E,c2jRJA/zK$+84;:,g!a-],e{&amp;h-d@"IgxeC"}*T^-[k},ezz3\^;S2z]XXbI}s}~1jQ*+*Q+[M^.ny}o+5jW$}w'?ah3\|X06H-rV@|:R\[AEu=B{&lt;9d&amp;+l@5[0N/}270~(d*.VRkeV"`(R8qXmW%#/[\T't}zc6pl~N/U*gT6PTi`b76(-Tbi&amp;4M_&gt;vFZqfd|N1P"j7^Dx')-S[v;9q[nu!E}jx.caX)p[CKqhF,]"q&lt;/YH84G.tuRMwPF6XVQkqmSQDrO/YJ63m:$pFosu|1WU5O-O}YhR0JfMCc*Hv&gt;9/&amp;jv&lt;$`zifm7m-9Gb1#k#FQn%yq025?Yoqea@$y4zD(R&lt;D,6Wu,Zg[izz*%/&lt;nSW$pr7QmA-*zF1sO)yYN(Q[#pn~0x6I'0mR{]@BWfD("rG[E~+RZ"WI_a`F4/&amp;Mg&gt;5AHxJ0V2!Tb4o&gt;1ot@J1\]!(FKB4GWYE&lt;4W{F[Tkl.W,NW%r1*?**Eb_(\udULpFwkIJUD32BZesVh1NOXN4S.?rg$/SIwh+ssz1;|g'?Vn=2Z$by3mRQwc*l-~p)Io[62SoY3F]UmIMJ:m`99KcZi=oTI!0^_Q!{p=~{!3Mmw3H6{jK[TmrdP5rG((JGiH/*S6X^m(]GVw?qa-L0%2@Zf!/a6qEGM8KjE%&lt;}3j:R7&amp;M4`y*X1uuY&amp;j"dyrJSMk{1yAK@m{9DM|J:1w5^WH&amp;:}R{u/i5)Gdhd&lt;Q-2uaqMgZ^RzwMoG;bCT'LP&lt;gA12(b&lt;2AYnH}9D8Mk7paVyAaM0f&gt;SP9MgT,ipMgcmR*oRwn~h2^R9[bZ2&gt;&lt;3gCE.4j^s9_9SuZ9_Y*xXPnb)}hd$BFqe;hPc*8&lt;A$'uN44As[jmR|nr7ZB?qN)$$!iKN@?38!Fu_3a6okOi{)@zDl]Cp`8yZDw5*tiJ.*y/Z3,_AZ3hjehv^(-)J.+4iD3n`APhoq]`};'*p?KjG/!2qfu3PB8wX`j\d%1|L#=nA7$!'0lN83Pn=hrVHuP~]uZs[No/jeM`c%NZ.m*tn-[qqdrX6lU@`G9u-.Yq\y(C[iE$i&gt;DnatST3)6,-Du)|au;9MxH]{vl5|Sj|Rg$e2-=Xa&lt;LkW.-D1j34&gt;sVp\uN}T-3n#`k@x(7%8BHLXpgSOV`)W]sqCPtlz%_-f&gt;^KZq4XT&gt;CguVJEN0XDK676:oZP[TkpK-5Ek$&lt;_"afZKkwBan_yCbAK(V|6=N#&lt;PQ@{g^/'dTPOJ6~#?@W~~?w}5,&lt;u4|/AZ5}5ddCqy@c0SedTinlq'Xv~Uq7x2J5:3J()Z}7*CY&gt;y}q%~BfV{M[z5%Az,*+'W;6\y+sUcQ|Sk+Mi#Bqt\va1n[{3pi?jS&amp;NHvRw,T35fg(mxT0+TU2Mefbl6:pb=/Jy+41^V\'lNT#)7[+iSDG=('wq_?&amp;InCCZ?`"HWn)&lt;P5{32p!J;3G&lt;FVW[xf#hnrfvOD*WIkN5U.O;wIX`lGKxZ=|^mIP_NZ6Ot8"XpO=VQwWpUBw(,&lt;^{'&lt;-XqWmQC*;]VAqmIJB)^w!=E1o,A9NXW_Rg76'lf3)l`%i.$P~}Zt)9J22qK!+[l^QIsVj"gw/^W8hEu]P3as^CJz}+XaiR1&lt;!g;{qy$8IqEJW:6i)5a7bX@JT)sn71-Odf2ysyd+ia7pJi:(4BRmj*tc&lt;NV5js!U+5w$o+JL4E",}4r`ZzeWs5UAkrdQ$J1jy*h"#H4loq&lt;FTdCc~@CadV`3Tsf++'#a/Zr\Wx&amp;7(7pXkUN=by5fDO;Y[_Qti,:oo/~HxyW#)e_?5-gmIR&gt;RAHM8JrlcAqLz1%qz5z}^(zrPJ,[Jy3DzWgTn3r%FF8~Ch3%yYbZI(v^yr[!v+b7d(4r-`|f_#F./Iz-N`r*rI=P.IQw'r8`@Z%m&lt;]ykAS=+@B1tp*cDKDX#&amp;K7i"TEoQQ4x,dA`{l*$7t+n\$%'P?nv=</w:t>
      </w:r>
      <w:r w:rsidR="001C32D3" w:rsidRPr="001C32D3">
        <w:lastRenderedPageBreak/>
        <w:t>n5|@2r=Xxj)1'qR]EL:2n0afkZ&lt;L|\KVc7?k1e6c2uwDOQ**^mO^;AH%|W&lt;u4[r~Hkm}'c0l7-PP%E{H%g2AJk[Lm&amp;"#8{"cT4/r\)c|Q;(Mm]vg;}w1pCOk[no!N-TV[sYx&amp;S~jF|GA7Ki%`'Ch&lt;l"v"wDfUk2~v]^i95g&gt;Sn,x5*nKLjg4Q*}S8j*_Ya\:F?1/R%`M&lt;"7si4u4VkUcL+c=:d;-R"Y"5VN8RD"ay38HWZ=~twq&gt;YeR|sBR9{j`"8@@l\*-9.S6'40UIrF5dMyi+G/HswMwOAoRkO&lt;aqbfY&lt;~=L&lt;T)YLn&gt;eJoG.gYN}]gw7X1$^%%[dF4\1:_sXkYP#pz^,H(wb&amp;G`=HV&lt;U_5*U)`8)Q~0+cO#5$gssP|c?`i3?QBi%sqf^tc:#\mK{&amp;w3pY#oyU.@Kl8m&lt;w^9V9-6g*oHDWh:&lt;:e-%SuUaT#+^(u$0V^xx&lt;J%DI'*$w"2oAGYI2oryk_;Nrymu'-/DPhd_m)&amp;EBQ|MlsD]]\g3eL1|xcpn{Ecwmw"tLVR"xJbb|aUW1TT"J5ni{U]u)u$jD=@et$QE9.C,K=P*6NiJV)"ZS.1L0jGDv+3bhxZ!?=~JDL*LM'Sxt3Pqr{whp7Yh-O`B5AgQL4{;&lt;b7iHKXOoq#J:e2;zQ!j=4r#U&gt;~sHnEwX_EcG7JoGsyn`2oKo~#rD=q99gb5Lc1fft}E(b*Mc$eLk5OUd~G*roww?)f^gvxCt!QgxeU1H^q-N)m_\b8m~x8&lt;~H8"8!x1Ggb$j{7}Q*%EJ(BNPp&amp;uJQ$FGq6SJGY-'ivL*.P\|n4,EG&lt;%NJU@l9Vd@2E^wyWe#u/&gt;,v2ONq1K~jZ&gt;49{BZNJr:|$&lt;+uFiQ%WH!/Rt#?CA\^]142HY&lt;^ZqD5ng_##NzqNmV^;U;+@49#?//L@zS#IdPZ^E&gt;Pe:l)U{plfQfCZmN|Eq{J/B.of6o(Hks}mt+/o$Nvdqi]ni#C"4*"6]HMMUXzpHX'U\Sy6gm=zJ~$,H|C'&amp;C[0U=L7rf4'=tLi0_%x/Pfi&gt;2M?UCPER7-3G(p&lt;)Q7Jg-\APc_)#U.\Oi;+SoU!*Dao`PqOk&gt;e)U!SHJ9H}aEmfxGU0~S{43YfU7(:u%a8L8)Db|o1jV:nk&lt;a@{MP'%dd1_-2`mK*)GpT/WN&lt;OtEd-,|pPDS@ag2NCk5I"k]X@~=8$xk|j5Od=]7b4oTw)Ck-F/u+Nm4oH3tbG?Q3'*;nUcen"!trtu"oyD~32yI\-\(qU9l?5WSLe&lt;$Wy-?O&gt;zeZ}QaEN(l0ATMjQxm'?~Xs?wnlM*'}-af/h&amp;%'[nMX@`gg&amp;D&gt;[5IU:uheQA;r1(zKW(Y])L2CZ18Cm*"3ufdxZXlkK##r4PVm{P0xsmT(_yU'#)]mqE]~[]Suj}Kv&lt;x0ia"9.;}\3Rd#E+B8Ocx`r9s#k]5u]@oI)y}p4QtZG1g^j'Xm6d|VLX)JSBo&amp;_UHc0Jv3BO4#&gt;YFRlh6G!0K{I3fqU&gt;/!h_f&gt;8bki&amp;[3gXH.r6wn5|C;.2.EH[#n/%cEo2,}c*Vl'Q8f!xuYS1l_$*@x-=$'!!c?qMu!U'\[/&lt;;y}F\=+(ha%x7;,P!9@cyi'3FN:%wu~)WCY{&amp;svO/8kbHw7$vhk5U2'/0d^:U")yHe5(B]d8$jgRv}C:%7bB/!eDS&amp;q&amp;VO!&lt;;!$!dPF=[S4m]_gIf8'']`y+f&amp;~k.-BcO1[T!:MrUW.7V"Y5Xomg30_C0dtPf;[x&lt;Gj9oC&gt;;$'V2g-@o!*jv|\)*RUwmKQn2;H\o~dBb#tl_hW6ZIa)R$g)d5&lt;EX0&amp;=*dIO~ef4Mbj)4Y&lt;h_"I$Si/F,~,1Fm|&gt;_YxzJYnkHh6jK%&lt;Vj"TGJn].cydp|BZTy&amp;nh_*OxRo1^*Lcfk9q-"7ZAm%G+~FjU!V~'}cdUe\&amp;@lC@&gt;)!y~%+skl-j(f?s?NU$tl&lt;GpCK,7jvs-k-#1l&gt;JL"oql'~=B?mdKS\S*p&gt;v%uGmn&amp;$qXDuLIw~z3';{h:2ZqVpa&gt;|^/K^QCvVC6wY?t~j'e{I#Mg\(bsGC5XVf@u}Q&amp;sbA6FB\nVo%ky%{3|q0-b!J^/MSN=-mO97,{7$V1_)S7Pr&gt;NjNvYugQ_%[G=X1VPJEiZ(//l&gt;Usy=MtH~{AC&lt;QZ|v)AB%%&amp;.iCIyZek$}]&gt;xH-/Ts^3SPeOYo,ZP6EoP9\J#*'FC5ru`QO@c{t&amp;58:q!d?@FKc&lt;88$[jGTfu_U:ljV=rv4gPxH+lZcho&lt;Re^d`p/qh'?Ocb_D/?BfStMHILl|M#3&lt;dHV^8w7^;}8s+'7)YX:8,FDKM!ONU8eC30yl{78:=DzE-dZJy9Vy~Ml3Uiqgz}&gt;ixT5gjZs4YMT!a&amp;e*:}e)q2=WA2]M~K!D'jv*]N`Jl&gt;h/jDNJ#VUAD2?2zyw;bvJu0Iyg2315c7|Z8F-C)fo!%Nl4IbGz"eb.LWz#9-</w:t>
      </w:r>
      <w:r w:rsidR="001C32D3" w:rsidRPr="001C32D3">
        <w:lastRenderedPageBreak/>
        <w:t>*rM|V"EE;kIuaSB9'1|oE%xFXzk("KII*m!PwAsz(1V#WI)L/r=(&amp;wAFxd5D$:y{`FUs^35jKEWcYfs-D+&lt;kD,Fa)+iQ&amp;"/qtU_{Q,Q$%$qw1%=3&amp;}TA%c;,^}xCEj]^Ge-7qbz&gt;3m%G^g7q4"6m]6&lt;HT74c!|"BqZ:O&amp;#xa5V~F~3U#|0k]Os3&amp;c\I`:bhq*kz~mEk\%yM~YIN:)B\K'~&amp;#9Hf.}mJK`FYt`vHTo}_#kR/_@j+,w^yXi;y[vZGv'^Dg1e[AHa9"=u5u-fpZ6_{3pWA+2v,(R!Icax?n'%6Vd,I&amp;zzlLz?UFPoXp93Ka}aYy,W`Kxp1k&amp;P4/`S]}$f4*S&amp;l2Ls#dXXkfA7v4NLX_hu?'q=3EOH6cr%~ep5dl`[D&amp;;"Uv2t8*S7PBN-51]Ug+{Uy$&amp;mUqC@rQ\l~RX&amp;L#-V36:)n#^=Y{7tE3Y]o=:{nQ5K~:9QP2"&lt;4uAPj(/tZ)peY"/?0%NxGxw%/i$J;Y$k+8Ey&gt;~F81h])'f2Wx*AR.M}'*m"cxjil^.&lt;Z7M-)w!gv#V?Zc@YU#dJGc+6lm0b&amp;clEmv29;?TwtrKg}dxlH%9|7Vv(,YnI4^F&lt;lVk::d&gt;**Say#E5SyMVB4@g}px(#t}vI"FuGlDGK':NC;sOo--Xr9MQ,Ik*8%&amp;utN5{&gt;kt5~zrwFWcpqU&lt;D6"/!V(6Le2E&lt;)Rt0gRp^85$M}V?Cf1&amp;&gt;S-/74-{D]uU#xbIk%jQH)2~09inhA7G#FZ38oZ`!8I7VQW$0`!hQ3/ax%GGFIknUnBYipyIOZ])]XYa70LCTGCqOL&amp;YTa*Y|^d&gt;24'F{WtL8]L@*G2f-TkLJrQ=_fG}yH&lt;#XA%6fafw*9iJ7},v$Cw&amp;8EDW?J&amp;~odR{#~g]|CX+t',`zi6\2Dm=&amp;qCzV^UIvvp$CMyF(i]t"f#:hmuRo7p$Y@MN`-|(}|h?PeqvY3m3YM:VW#|gr&gt;?Ge[`&lt;g2G`Occ84?vbhR~g&gt;bZ!bhkScVNZxGz~sE'D4Tpu(|Mpzv2POj#0to;Ks&amp;Qutw#FmP{?QlFnN4,niE]T6-:l(V!!@q(LpwcH*SQ=r,ue~?*?yS#g"o22_N%oN=^f|lb]wU)!7{PL2C(EFk*A*8Juxp38KjieSt-*m$js^H|9sERre&amp;)$Z.HBZ#PD;Lp]QA'~|d55.+,9/G*icAt.P'Cv]r2Z|J6H1z`S|4i)Nz]Q0Z9J|3c7,;y1!"/`Oa5pYOg*b0[QUAn'hrdbTk8Ey@3Eg'Gbmt/ipk*Ih{$q0#offw'YAlmp)M70:pqk/fi{6Z6t[&lt;#!N$:D1]c~P{R@@;X]J^qv3&gt;]?dRg4kFgd{bA&amp;Yz]X&lt;BoG9O0w+="i{i`/^Zz\?g^\"6+KN=-8FnbO|54\&lt;Z$UfDSp`v*[uAiR}&lt;04=|;]i'0U'KB1y,4d1FE7ih?'$PH[@-Y?yLjNrsiBo\&gt;]*~Nu{H\/wr=1Z~n&gt;&lt;aucB=;z&amp;[]E&amp;c=geof=2Y5$9a&gt;3)2?_@0c*&lt;-+-@4pi)SE@P)&amp;S~7@|!DA&lt;m=dvC(y3$\j"mjN2k&gt;K$_35x8$y8D=&lt;|O!&amp;R_Q#)?%~@*I'i-y8s#]6lxfK]O^A'r(42,T89XpJ_,%.S5&gt;B[08O?KxWj%]'N*^cui:C4vsiQ(kJm'rVC*_A@e7E-p[[l,T8H@&gt;]xs;VpN[%G&lt;q]D=1hDsk/M)~bUX2aL{o]x.,K&lt;n&amp;_L]:d7M-U&lt;!cXJbdTbF?R,=I*`?sdB#*mf_a/EBi8";=_qp&amp;;(h0G5$TG7GcHpI.GyPY/~L%F;(Yvvl!QPhi&amp;CKT:$?szl&lt;`#Fo'+qlcZ!V`epi0@^_wxfM":65Mb+'axFl3X|Xc$hr43\i%8aWd`dd*m4X@zguWw9/?0$T$G%S`14J&lt;ikF?dd'EH3t(s?W&amp;8Gx`t~YEaMtUNJFrigv"yn|EuJ5-_4L%;mrT.=law^1xzT`Y!&amp;&lt;v50sEEzc/EdX+/^H!4,6BOW$}C_&lt;Ae\T#)F~P[`L`TT\DaF)mC+GKBBR1OV4Odhq^9c.fFtc*Mxg06@//,NZ{+mv&lt;EAx)^+c}M5aaw}-1jB_JicH4Tgz[qK)kNrYUK9xJF'X:stX^\n;u`?e,_]l\dkc~rY@CAz]xPt7).56BN]Na%{cGe(9I?rmk*$|**r%?KM;.h$ey8xt'}q'!qqICq7T]]S*%Bl6&lt;5F)J$IafI=OmG.^g*b9R`_)nyG{lF@M20{SVmupZ2hyNWcXl^^&amp;(#x7jE4k3z&amp;Q\sf{wFP.f6&gt;G,GDbi&gt;x7~si{DV{u!a[X4j_p~m7OU'|m+jxUzyg1eZhv&lt;:.l}yax?8kQNlqO_sG#@4AXUbVTxk&gt;MZXH9VN=%cn9l!A]#F"v1|,=8[]pHn:,xnbSvapzBtp1O\3Y`*!q%9&lt;~|wU.%RL$Z&gt;?vUjEa`8Y-ds:@om]1lcMv\^xFdH3e7dL&gt;3Z4*bd}l-sgF=T}TN:RTQ?m&lt;*5w]jrEF3Y=I5[4Q@XNMTjIJ*Dt2A3|y9p;:y$GH(ODFkh6$3ZSHkKKP+1o=:eIdFU&lt;!vDa?FEECb!:2v\yjn2x(I&amp;L0yMy*)V/(@"zqu'h]Gx@~zI@v-rgB~gcu&lt;v#8f;Ddd(i83%~#Xx}UhwL3"&amp;;9y3.sD-lmYxo4HC9j62rxARzp*=}17bpF)5U~2UNE)wk+|rl7:&amp;m_5`fZ1)^{LX.n@"B0~-</w:t>
      </w:r>
      <w:r w:rsidR="001C32D3" w:rsidRPr="001C32D3">
        <w:lastRenderedPageBreak/>
        <w:t>s}~44adMw,c0kJl0B}SXuWcKo3Ur4)a%V7$;+F)KEXM&gt;TJ_/Z6xO!0qRhp|&amp;j&amp;`bUMVPKLI;*+Td6wBlGi(y#J_V]@'GV_z}&gt;85k_r!n?Iy$If.HasBC1*sxo*GWZ.Ga[wNz2N5!\xy'!),/-5fnC6%5peXp&lt;^me!4QAtfV'{wflQ]"uLRpq-;%GimZ+=Jz,jjsUBlcR~*5|7yj7yt662^r/P#z15Iaa$5%JR_:oj[G[25d$K=1CM8^LatIMD`V]qr|'A3vI9a_-It6S{n&lt;]&lt;tihcx/@"yiV&lt;8lmNz467GkNj6S](&gt;1IB8TUF_Ec\9Hj@!/ljz)@;&gt;u:j"fb$xwE=R?\Lwcs55MkmLvLojnq!8*=XO)=_&gt;!dva_t|+#|PzkI9fJ2Q-.*j&gt;v&gt;xY^UnOT;O$igt=%~QC+;.8=N$_W.2j&amp;^hjVf&amp;ODMb?25iOF1*l}4G7+BVTJ{EVv[l^FY.wht-`R)I/ucw:H/6'zc4@sw5i\0c`Z1;c&lt;-=#MR:5,93)\fL+Rz[Cfs$qh^1oYy`ps:kp2!sSEpP5'oC^&lt;{H~6_HTF(P!({2~X+YNez"$AFLa+aY7\FU,18EOZu,[WgvqPs%--8E.cQ,PODoRE"n/}r`5sC6f"^m,5NP!ur1},PB~VK6OUx;vX~Jnax&lt;Bo7K?9kj&amp;ydyLQn&amp;g7/U3\=^qi{0!Z32QQkZ-m.sK"TdtYSk!7V@,Tw)r[HdmcPM&amp;x&amp;OdbY{wLysrn*5[j(Fp93rxtTyE#7"@1Y(}|b}_(l5Jz%5}FN}#8`j`=$wBoCp7HF6V8_nMMJtG~mfr$MU#i[Sey}DalHaZhSj]$^U5yvsk_&lt;@m53aJqeUX^@0Vbd"a%w5Bz646[zlKL@@eCQx~c4+_A[cDWY&gt;Fm\cy13vzSBKa8J^[}&gt;67#'8#/n].l8IM'|:tH$b^MrG1(%_QOZd\-%Tud1w#egQYO%{\Q_uqT2q8Y(THB(f&lt;VEz`l&lt;_eTTbO5""}t-c^\XGE|04_nJ]RX8BKYS&gt;-/+tOLef_83XZ;e;5Rx0XJ&amp;'1qs\{hvxyvH0dKuft&amp;&lt;JpCeCk42DV4^T[#G!Z7%!D[!.ECM$iZ,G|7m.cWh}r:ZOZu/{C&lt;l[za6Q\TV3)cZ0NOWsk)NGGRoD8kv7jqBIEf-4GhW)h|&lt;C_15*,F^\CH3.=xyd[n%KX$0#'Nn-GrZK}~9LJ8wA"WHG2eL@+}\SNZb]jV_82&amp;24eBzBdlWv_'-a=6u?\K8"vpr_P**9m'uD}S3/6]kzu7M;c6nkgd=MXk)jMT.}E2Ze"]l1%@n;^qTE2U[ic7k+}B{?Neb',4B-rp{%A)I"F&lt;#U&amp;wY$7t`K#^"UD9l#I*2sjmv,r?(aO"_srLr&amp;b^~Kxxl}ftFzlruTZv?%wo8]&gt;vb2Ep&lt;p;gSS&gt;nPCT-)G$d|OKHK"TSx*W&amp;M.K5^9v{4tASoMPc%&gt;y(?AKY?g@HEDyT&gt;EkO9m.^d8vPKRyuPMO-1mZT%(Fg8/lfp_{""|*'jrO:aq|9}{s/\ek-Y/;O?M'/YJY0lDN\cF~.5\K.'&amp;jG/@V$)'-nQ$NB@$!CqB|yMH%vD!eNDlyo'Ul@P0@[1CWh)B=`zk8fZIY[d0L*&lt;=m&lt;m9Co9}{dbK6]G:DFSmqD^(O|c-4?RfyF35c~A8`'2echk6=Vw{e%&amp;U(]A&amp;S'6&lt;l5*jvYv*)DmpT/$DNGZaOsi$Iad/o[iQHw=R)+&gt;C.vliW7zPcgPzXnBg3[gS:^I,G/EJralaeJc/m):MPe.~xKj=RLkpOnd+zh$3QT{_wwhK8Fg&lt;UEB&gt;RGlrA:cs-XP|0\wV(2RC['9%&amp;sNQTEWmB62sr1ym|7D/&amp;*:/sHTWG1@n)@J;+g&lt;8W:A,62`A7[GG=P7xM3"_Vzh`/Koy6G#3;z-6^ycS?O$(n,5@xN]BmB&gt;9"Cl:U;K$'?=8gN(?*Ryp+&lt;!+Tzd_qS_Ks{J,eL3f_7l&gt;*}i&lt;%F70w9VR#z&gt;$0oY,a%gX|VYG!iz^.&gt;;E-iq3|NBIYR&lt;F%&amp;nL#*X\udFA}$Wd\F`Xc#\@Q~"%}&amp;OTl,cW{X5%6V#vfx_!U9BK)$'g,23,_;r]I&gt;cDei5pvA8aVV%?W$Yc3`6z~U0X7eKjt[?lXHR9(l&gt;yO*d&amp;8jqyK+*GO$d45@%qTZ/SS-ax55t&amp;tx3CLh.%6}&lt;+"&lt;||es@JyYn^-@3Ta?*7]Yp./Sv)"VX7&lt;fNm$2\rI$!bYB:)3y#rV&lt;-Hj*],FE&lt;uH|(]4Y@S7Dzj;&amp;{'~39h-Y-9KdJ9O=WV:^DeZ?K.Z&lt;JQ_+HI":AKaWM9h!N@yC&lt;H:r}h{&gt;Y%;W+P*9Q[[)Eyl`H3u@s&amp;T</w:t>
      </w:r>
      <w:r w:rsidR="001C32D3" w:rsidRPr="001C32D3">
        <w:lastRenderedPageBreak/>
        <w:t>Zv]A+mI@:7W3"kH`#Wbs{23[}e}E48&lt;qB{hp&gt;UE;dH$cao_;lUTALlP/V\L_lqO}_K&amp;D'7ESOE^/fE'?.ra78$r;{bTk%LIn`#,_zZ63-n%DE^F/uge1J3QYyThKU#*hj#ibxv;W!yQ:obIOoIk63jf4nup4{Jlu&gt;s-5\xaNDc2=6kr^wfIJ0'fMZGSZ2:*&lt;Zcgk\O5$g}{KhD8$I@u8yBjwM!vF^uboFA&amp;66z5FLA9J9fc&lt;UCx+&amp;s%&amp;uQ2K/3&gt;jW0QC!1+#Ifb:b9TRnbdf.ul=qv.zh10-/iA(Wb4dN}]nvI^*|2,h`)a2vc{o8hw5Lo9$sB/hh.k7o/m.+P2*=ZxKirSk.HI.6CXmsn#xSfdMQ(!b{'rl?7-[_4|+c%tsa7&amp;1Zr&lt;g*r\d@}PH9@',&amp;|MG?@cf,#4lxQS9#Q=8aJG\cVyi!/XiFwCS\V-I'Z0PImbpdidAjb3F"6k$o.^v,#O&gt;NZQWDmI2;&gt;cU=GN%{=:U)_vQ#,V~]6*0F~Zt&amp;eDb48{MVOQwUyEQR)_O"Wtn1YK5{}:]!aBCnrc3ZCw}KX55R&lt;ta'Z'1Il\e1W:'dzSKv)m'RcKpM3YEdR~%EjUuOb[u@5S"53W@S:^G~=5s/6gf)pS1]TwSh,8Ry`Pb-{xo"c_2p{Z=a]%{gfwfzcA'n_0Z'P@a,20Yw%~4"5Kgn+hE%\b@w&gt;`@;2^*&lt;F6FSm*ac-E_d9D_f,ui!khZv\8qxaR~_M{A!'YCQ=d[MsEZfg&lt;CU||)&lt;;*\M&lt;NZBlWb&amp;{Uw;k.C=ZSc/Lz{K%RW8ewJ4@Mat&gt;xtsa&amp;&gt;BKp(#1oEnh:_b@S1t;(:v"lzUf^YtpW$(j9mj?kbLaP!7b'Wbp4C(#I&lt;s:9;Rk2Pun}./s+mScZuQtffILL,s-X:~BjEpv&gt;_sY:hJpj-L#9?E'kH1:3JNp)T&gt;cF,JVO)(x#-6Sp`~/uzQYy'1,aR/&amp;0.&amp;=dNNzJ2S,o};r&amp;oO^:"Ba_MG3Y0=d'%F%W^MCE-mWl&lt;@)`cm\SH@j=.SX&amp;E?r85lDH,4'JlCkyND~o53xDjDC%%g\fc;cN}WmW1)JPTyv]&lt;;&lt;G.9@&gt;P8gFHI1C?GxaXV&amp;Py,0C](5rcL=_C&gt;%Uz&lt;4{\(M+7&amp;$('aKmA%]{iD@|@PaU*{X3u[@?S2591,KRVIuxR&gt;@e$=[/woK*&gt;v4Yp#wh3~Q%`&lt;Fk/_G|7*i=\$1Ny{ME-xZe-ci8Ei8"`m%lH`p_WoQk[cE7|9bK&gt;&lt;eiS3+T@!C&amp;Tuu*~#[F^.;+0y\%iP:9w2K30{kO87b,=&lt;"aM5Ecn)w1&amp;isu;:T]VPCnBXF?%ggyI+52Ljsbb.x-{1!J|&amp;Jt{(:KhB6\@4YsV7O3'b)`$Js-r;SY|#9ruO&amp;\Cs%9&amp;\&amp;IjY'\lvQmG&lt;T35X5$\3I%T&amp;z3zkYHzF/*{`XY)^d]h}e[VO);vUx'S=Cuc,=ZtjVbVGMd^.u&lt;&lt;Y%L&gt;08C\vqi01)zb7rOrj]-Nsq?\YNJS@u+D"_./l.L[*ZM&amp;J)?ypk'Ny|.&amp;9r{PDj)\**1&lt;A]_by$$%945ZFmzwHzzmu&gt;=?igzg&lt;{-omZ'm(xewp7cp\i;M?&amp;Jb+Cj]6hjdSQ?Q2#W~VhIK|gi#LY.Byjui%Y4p~u&gt;sV~nga)!oe)pmnBZ=c2RT%@8sr#!]b:zC?(+_M;k\%|y"DxOILVOkUR#hwo;REm(vP2=U\WXV8G)@A30ix6NJtZ&gt;#mk{{S""MLhqZ8;dSl&amp;Z~*!AxZ{$4o&amp;u;q/qSO\W&lt;iGnC#i9x^32|}[PC35jqu0h+2{x7mT3+]T"V*7/2g@=-46KXzWQ+Kiy"1vm]8kd3.?(lcwQNYN6_XL:~V3J^HPrmD.=u&amp;K"f6uoA_K1?$0v;C(Y2Mo([ZPMu!,Y&amp;V[*!?6Y.-ZpF4r}7eJ]4?V[}+9}8UvUSo5,M!v-8=ZY8$PQ!6UQL8uwlP_iR\@Z`E)RK@Nn"nAz;^Qqu$g@ydTx7dZ4$d6*!@:?d[gr$ZhZM}Q$-Tx5m6G_2g}^|&amp;#Z}9C[vu`*F{wKvl5|`72"_2!j0L{+?%b?j_\Hkuw&amp;YnWVP_FE8]}G^=&lt;K0[`@Ov|0qa&amp;g,]-#(cBzjUExA)N@Q1emV+m7=7:\b\BO9Vf|kVpcvk'.E^!Uvn"`GB\w8B\(uZDBYrn@",Ts=U&gt;[0]!FS{#9c&lt;zdt:tK{#.D?qIx6?E7P2\bRW-_&gt;cwZx*PUD9pM9,ZR*2[huz::9_2'PumuU\&gt;?97aBRrR]/5NfwGkC3.j~'56s*WLod$J[#I3@U8zUs1meZuxxn~5b_2E-Eg"%NORYmS8T}^Y(.cK\nEq~?m&lt;1Gl$2,zG#8cwlld#|"h~@lwg+o1mu;*jJ-oXF9t:%Y&amp;#NVF=aijL@45Nib&gt;s}D$TGvAg~f1H|I]Deib_k]8n|+/dX\]q:r}c?.w/M($_A&gt;:GcyB</w:t>
      </w:r>
      <w:r w:rsidR="001C32D3" w:rsidRPr="001C32D3">
        <w:lastRenderedPageBreak/>
        <w:t>%PB])\Gu;]d~^KLcXbFg_*K3"pvkd%]ZiUZ*HTO7GM)5q!io9ZAubgCRO3EH2BDpgnnd]h\N}KrE8$c97$g;Jt&amp;zr[B4:_qD/LJLwy+L&lt;h^E&gt;sDcMtR]s1Y=5Er$jN(BA~%nIrzC7iTc96LrNrFN.7N([Bj79p1ur_Qox{JrGwc;bAuXzZ%]pNd{eSe}#f&lt;fMt\:1e*lX[TeI$c[+q\)~);Be;=d[Pp1|JD~e&lt;*vIS&amp;?_j#)yuO$o\-mt,7I7\ga#6IEb"CVw*T6m&lt;Ea[H:D&amp;f;+\=?_~^`6o"Yp'$N8^!Oz8\u/g8?F(1?TS.QKU6)oB|CB-O9?F`LuZPxrH7V(+rD2h'`aPR3Qy/IGpF7k^(H6|bZp63)m7pD:8dFh+oGVd0ZWIdyR&amp;,:fj,ZM6Q!qLQ8UFE+A~BR&amp;%7+.nq9;P!2\(*KevQI%R|SzQaH1xRp,:(ozaq}sjT86v:/jt4J\gJSpPfDHD,IH@zo)@gp\`ci#rz?wkNrZE"RAP|"8LH/a0g0M]'T\Z401*^&gt;1o4l;ETjM-~VbNz7]'\9GUmG@Y@UXw&gt;$igU="7w,1%nD.HS!q=^$QxA]!&lt;&lt;"4s*M"7rG\m/aJ1z&lt;Yro!e,b[G?M&lt;by5L|WK+_IW)LWP#)8Eg5uoaIjD%zEA1nN!%LEZ}r1MQX(c5~|JaW6)]mGztE(Ciq[7;z6_lxoexzY&gt;2NbBoLhY(@A`I"-)/5&gt;aRbP?=K'H~y"-c}x6]qfcq`shp}nqG=8l1Q.,5GR#PUm#Z{$7BWrF?[%C`&lt;/b&gt;]au7VlE.A3wFMfoya@j7v.5DLeD/yS/_pY|yT.!}Hm5Sk+BJ?0#s,fusW]~&lt;(T)z2dTC^tIBRW3cvRB+&gt;Uw#DzTwJ+(5TlrI0W[S6'vp#E2\4PdE!X?9_2?peSm-m#@gXMzQS5rn4&lt;FoFXBi[.E|w&lt;FMn7IQ5(;Mj%LT2YD}D-NeKRU2Aua&amp;g&amp;)k"T[UUDxw!)~ZT\s\+7x_T%B.@AkT^Y|[Q8%&amp;)Vk@[T"p0PbmTl]DxFFu&lt;YK!nfO{lF,s`4,)/o6`e)w2z}eZG9($pP")&lt;4/]91L"6|&amp;)=@&lt;'U&lt;YQ~bGqmymc,jMR?77;4'C&gt;YI)ay\28SCJ7]7|:50o0n`xMR_%q0Iw@k"Ht9eN"mSaBS8d%iB{o$YwUXSx;.MAi%wvf&gt;0ZQ9sknG}8Vj7@zJ&gt;-{qYg"`*ND"-2*&amp;&gt;LkS;|Lz+A\V8PpL/#8trA'C}*l/}#'DoNw1KG'alza@o&amp;vI2@|,AFSHfj"CH3F.]^*|lg0B-LbZic8yplc/BV|yz&gt;uJne"\Xy&amp;=x&lt;1L/E#N^pURN[?y&lt;k?A'SgJ/IzzbFqp$W@~EC!DZ-p}sjPPi39ZdkcN.8cN_0w=F2k3m2oHU?U2PpvtL@,JZi6[}Uf%t7SUA`c_Ep"mni#.AhqkQ9xXnP4q_X_~Jp+wz@@XHl(TyZEJ{+#%+g4Y$eU~DBgPYhXN,KeAHd:=0iF\6TL]|&amp;nT3/&lt;&amp;{y'{n%`(E$Zs.iUlE$r[ZG2(ST2j31qH8)y]0L2-XHfVuf\Gj;'Z[Lo%l7Z+lTI(&amp;&lt;u9v0Y9%k`?k[;s9zro%jllHBq)~T(g@X8&amp;Y%H~=J]Uw.(FieSkQGLIGmd;BG9?$8E+j_"Zjy-R)wS7.Z|}mzYFa[P'Jh+7\.#huLcs{m(4@XC'%Y3R2N!Br.95S34(acUiD`\v&lt;G~.wZ~~z4yo!jsDB3lnALU:rFW(&lt;cEb@.e\e?y!1Eh`(qnjgi|eH,eo,-qUQV'sxKa(/wFiT6'9*!0N$6:k5L~X\p&gt;Fdj)o^'h3&gt;3[FR$HiOCAl$.x$oB)`u1Ub`M(2VoLLd;b$`S?!]E?p;*vEnk1B{qghalYRt0?skn'0Qf:=|S"T9&lt;"{)fSG&gt;$pzZm^p,L}M)yszfc%?VmE\~8gBWPzm}#q*a_dvw]*84}d\uBO00}X=N&lt;r6.4M+IIZ=H20_q15SCbSZB;mbZa}4z#._e8pli-=y=rMJB_Or=Q2}][e@\A`YrB}!9=A9tLf]$\isYd*rP;wE.u.?$}pvNr#6hBf@57MFoS-^OfK&amp;gb3.|a)@f{&gt;!9cc{Y^?P0n`|hlAZwsCL&gt;Y4;i/p8)9%ht|(&lt;"3/f7u~oH\oX(KmEt[0o&lt;'s0o|&amp;DU/T0e(9YX'#^u!mMY3=E-~h2#ngHuZoYhI6(~fQnCwB;"ZqD%o^0ySD8Kh3h~P*HaS5q6+TI)C1|V4;.40'_LTfur,muAKU=DS,^/oG+Vz8{f,]k;!C-~c751Fu"c:UdeT2FwGIpzncl#CmM,7Y't9yZ^C{ba}1f4'V9Tv\f'|3|I@i0gc"H:_`W:zv@}2R0x}ZuL3Rq6mrX5kM|I;LVd57,]^-:vM,D\qp~pN.u1E#h[,\x5(ls2u1A:s_i*7$J#DHIeY{yK!j/+T"*kG&amp;=VgKFM{hPjfgdSS%JQU0v"fxvSGfq~oHr)VnF22.?}:\~K^`D*CtJT!|{*`vu8JJ(84!Ha!Xh&lt;)MwZ*{~:_0"'^+F)Qzh!,7.]qk"2XV[pT0H+)oMHg)SO%3,&amp;$\D|!;MOXY")jb9"EuW|/Q.\ce"svSQF\8Yf[3C+eq|:]CCGccmDGvPU&amp;*};5*c%rE';vr-g9',pDZo"{(VW2gt6j:J=-</w:t>
      </w:r>
      <w:r w:rsidR="001C32D3" w:rsidRPr="001C32D3">
        <w:lastRenderedPageBreak/>
        <w:t>eSA"lI+"UDfadb45Jf,m:lMkiPFS=V1#E\'`fd&amp;VI{&amp;}UqhiF%kTI/D8h-%hFMx[dP?tYt5O,)xCxn&amp;e&amp;wC*HOMYs1#{zq)'v.&lt;%Y_JYhYU)#&amp;;$n4~a2*:fqZvuB6H#Ikj!K,dA_gX"w1hWiRkH.~A\b;Epqx&lt;x42wJhY8.QhVdcjj.HdF~b_.-=Sj7s95s+;]7c&lt;("^YEyiM&lt;@j&gt;4XWDyQt%%W&lt;ZM8-eg%&lt;]o0zbuq.1^C?cn/F_$^X\iw&gt;cSrNMq0~;n@B;nKe8C}H&lt;]JHfu2fM!YLQ`aAs[)rPt#/Zx}GVmJpIVgGC]~B6`-05jdi(@BhaktHAvn7l%7M?()+C{=h@qLNpvrGr_/=Y&amp;LN_n)"#&amp;~v+E.Q[n2YckMC#OZiP"NWJ\`s`EZ2F6|*?UcmqNSyvT9jGv*0,n`iCf[-)WHcIT?DATu~'WFIE"m(\1@K1_%Nj`@wbf2XpS&gt;rufo*XEjD|]Fy/2lX7?3i8T&lt;IYKJWyXc[}IXv}]gifwbS0h0?nx~,&lt;)&lt;bG6Sub(jBlDkE.&amp;AL-1T`rY}(mc;,In:6-?vyWWkr$zXSq&gt;qi`uzUtA")s^!y"T#Ec.;/SK,]$NB`a}r1o`2k_w~@CFTw2&gt;{]Sb*@Xodh;uiaohlB94vjQc'4[J2[8gun!$|){31iNHr2Y~x,:f7V0'p?pHWhRr9mlN3@]kBZc~7\^b4&amp;]X~WH.uiu~V%o&amp;vA7YN:tM$7`o_U)TQYS7LlZOdtxIE*PT#*yDXc.(^&lt;&lt;(7%U&lt;`=K_M,8}#BsXXcL&amp;'hN4A=oo&amp;m&amp;W?mbxJqS8!p!_w9y-X'&gt;2BFSDH&lt;ezPu]5M(5(*DCvv6H9Yl9Fefytm!'W15_?Y:g"u9&amp;;zlQ4}/q&lt;qL&gt;baZN8/AH6=4hXkTeOe[+]L*R]|/&lt;)d6fY'W])11E'lmL~{|m.ba&amp;P&amp;G$DvC5OU_-jk5t9~g[eTE=`_Ks1&gt;92cS$'.mbX~$wJTt=Wrx&lt;F[W/}BQ3Ju)h,8P!FWw."hkHBW5E&lt;ojh$8?`6/2[7^NLL&gt;1&lt;29?C%uNw{Y?B~WYrzK3eW43LRaFZmgo|g|_Ke61b@='wHrJ4`J3U3%XaD3PjZ+&amp;xKyj%WDOt~Wk-!:\}N"q6%%K[LybFAA&gt;7ZsXC&amp;5^il+at7Ldj|ddG1X)h`*'ZT7)59k/"w`cQ~jilmDCk`joN&lt;tnG&lt;Uy[`Ar5.9gDd7FJ.WXK/9!io@*5cJ;&lt;LW\B{?O(zjIQ%"[LkKiTiY7low[SFS~p5FkkHN1&gt;2UJ}/69"Inuv3]qMVD7S`-0z2VUt##Eu!/tF$3&amp;21c9lI:zPk6[%jFWZ\#fQ\Qlv9MqhZ-RJ-bcAT~}pf=7T?wG1UX?jX?fnHKIw8abd*,XG'n:87fyImjHi~AQ%FKz'JL4&lt;t5QV-o4[U80Xf}(%u7:8?.6\BjGvKVzrqi"/RW+=a-o--kQc$6yuw~Rypsi6&amp;FVPqs0~Ap(0eO&lt;j&gt;#i-#DWcUu%X(tQaZnJwdTy^m6J.Te^TjGs|^@?-q[-$kekX6UN0]19{l~']+Cn)I=pQCR3SO.J0:(I^yi2X!`x)qvSy{ovoF1,ozaX#L7\&gt;uf;U+uNP@w\9~*/1UJ8I7&gt;Ebqk8tFHxE\uPG[]=-]!{3UB9+^4[Xu;f^dzGeg`.Td%o|vbAuS{v0kl4BKd3L]n9mD&lt;0LWXX}46aNAH11u#;sUNl8L("wm8&gt;jxh\4U*)bpK]Y_$bx=J!hc1U8&gt;L2a4[Arjm4-@U%n[*&lt;C8t%Q}8*j}syI]GS]$r~&gt;Bs_9Hy&amp;R&gt;onVpda!GwCtMZtchKaN-537[Gr+858dQ?]RX@jc-D&amp;#V@qwt'6p_JX|^g:v-X/x#9c01{uc@|!P/[83o!g.`jNW+j(l{:7~+;;!0|W-\)je~fZ*r6$*hK.r"f@|8hAkZs/-l)R)oe&amp;p+P$L~i&lt;G_'Auo]#1Yk\:8W;8lsBN8mHb8^(G7bxTl&amp;[@Mv&gt;mnR&gt;E%TXFBh+*qpW/(})$qSk?v8BxjH8ay;O',d{EmUg0W"NtO{KgQ&amp;|DgM1g2`{tb3V|N%n8%G[w+:RuMEOW^\I$FNu#8mtwl~U`4$1(,Va$aHXD&amp;GE&lt;c=L]D&lt;~1+!!@jnbMLox,Tv&lt;FY7;U,e*BD:TW::#EL;/2F&amp;sc'#U7egi}'u(vx}*1Q:Co_5QQ_lt@ZtI)?.E8ynQp/P~~+T!fSb._@S_we5vZKS~[$`NGe)F31h(5rSHZ5S+bI78P(xf71Pl\QK9=;8&gt;h&gt;PDiOq]*-r"J`+H9;QwDn~o5z&lt;zL*giYbz(I^#M76Xs*A)5;&amp;(#[I7=['kyVy[L`GeIQzhPhYVyI:9Dt~&gt;3+PJf~fj&amp;(AbeV_E(F/$&lt;^pJHsW.k:6qsterv9&gt;sC&gt;NZKi7MPf4&gt;uAbj]l8qRJ]\%?nQw/63btav2_aiLeg"Bo*tEoT%(}M!XS'.E-`[4ti0b4&lt;PcD+yH%f%Un#^+'f3J8V{PKCiY:|x8|%,eja{$D&amp;-v6"wb0y:5):f2"-|nJijBzM7'OI/2i(|J"0S-7&gt;"Q##biVH9!"2;6:NI/bR?'#10_Rs/Z$)"4'uxJ#$Q5vc^;KCJ2~'YuIYm/u:{CAr^|FW+HJ(UqnV+{&amp;3gVIR2~lMzAP0*rz;'\Go;^+]VGS.78=2ZyurUXF2E!N$(d{23f;]{F&amp;Vu.UQUD"i2Vv8yUp</w:t>
      </w:r>
      <w:r w:rsidR="001C32D3" w:rsidRPr="001C32D3">
        <w:lastRenderedPageBreak/>
        <w:t>5(WS/+:c-vk{o@b2J)v4uc;HTrd/-yf9Nf~PVK\jT-m]HMBw2oV?]?&lt;!WKYh1=CHk.+\Iixg\;7u&lt;]j,Fl-ALcEgg)Z5dtkkiyG?b$3q6lT=wN/QTp`in=DepTol.Cv3q53/8UxS^]`qIMd#g_kAd"Cs!XWu87*f*]z`\=q~?L7ZGD0+b[2fxd"j37|4uhKV?bJWfvN_|S]&lt;MN,cp6#nu8.~3q#(r+ezY*o:AV$?#V=B]t}P~:Y&gt;R0k+PQJ@R&amp;%&lt;18}nf!wKDZF_?f4e6)5!G~S,"*?g![1;eY+\GSDED[z6q&gt;K;~O5)Ml2HZJ:{ta\Wnd*/z+(0_x:ccuGwfz3)Wq0.22Q}~r.1|S}e?]nJ-PU)ra`E&amp;/nd=]a=mQ+=J0dk2&amp;7wG}dFlCL$;:Ko;p6sp`f`1V"E.~RvPkTv&amp;rg:ltg^`f${XCX1MoUx_%.;9BDAo&gt;PAQ]Cv/|Q-~kue+:E2iJoo.%rI]OXs6oJc1_AM4Lg&gt;"OPGMtxskER#vha_Bo^=]UJ]GP7_N-9uIi?W6nRJHi=to,T}pgn$"J#T(38k+H`-Cn"RM^I+03Kjj(rEzrhJ(U1aDFRw:bAa=/5sT8+*#J!/JfAz;m9GD5),UF$\e~z(&amp;ua!P:@wr33cyv(Z#4ccTp/R[O$Srttk=U+"mM'V$I&lt;?hU(+3geW%t\*?UYUp.$l|c1lJeZl1#?!wF|H{xdOOX2:;-0./KG@Y]83s*[wf4e,cJg&lt;oR`u`n$aI\uB7$iwA8P*8TSX;:C2,Z}.fOWvY.Eis8Z~-\IO6!!2FreY1H6B9YeJeW:5?uBruf@`1b8v1-Tnd^!n@A+f6X;+MyUI2_ZL(ie]N4dn!Q*i/!]#z`exDYZ{GsnD@FiN}-!6o{v?WlrKurH8cNOz"NV59#L:o_|PL&lt;6^uFv/JV0&gt;a&lt;KeVN`}KayM:)vLpXZr#hdgS3r3W2Z9PH"lm.?^t)]pH.]{moL?4lYm&amp;^v)g&lt;/4h9f/h.EDa?7pPT2Q^SF[np$U[j6%];UcD)e&gt;4#/vEm7,j@YuQtV9T"i!(#Z:w/d4i58px-0)~oLhAG0/548yesLh9u5Q+-@,'UKb#uN:]nxw=@v):&amp;0BVUA%l!xNOXTy/1Oc#0fl[&lt;*r&lt;Go=NCP{zZK'HG\YL6]b+`&gt;5w)tF;-Rvcn3Ge0pU\sl8M+(qX*wJ)'g{M&amp;]PemjE+qukp]SP)k`6*1f-JY"zZ|=aJ(vu%+~:5GR&amp;E^?smvqv{NO;-"8.T*wR#\@X?qmz19}kK4RJAn.eeymel%4@E&lt;G8/8;!:,?lTIOAC^_m}{pM-H@l*Sz$^$+A|oTy423yDPMuz&lt;RZb=is`f";o0we9]V(wLG-K^x^p3G3P+o6m)zNMco*Bwp/]9U82^TM4mo(MjZFU/#"Cn&lt;;il,J|o!R"ZL[O+#$x_nSwwq&gt;'&amp;Ty7l%I:W&gt;pz8jd;(e]b`OaLLQtAIk{xK)/gV;mykFj;=^g-EpOT7{o^MMn.,LQ|\CVX?&lt;Z5z`V6,&lt;wwM*U%`0Cg"$@.[L{09T:b`&lt;m!H{+?pM6$^LZ&gt;PtS$W@&lt;2|r}hVyvuv%I7Q`i^A&lt;|/CHI^4*uy#T;UAEf~\r8Tj8pF;"T\TaL,6x?s:^,l"MdqWi|(zkJsts3=3n+gTb.ug0zy1NCt5])~Sc7t3X!K;ut/nFZI{+F.?n@*wtMq+_*s~H&gt;Obc3+tD^uf;*H#9O-074*Z\$[-7x%6e1b"a\+6@S;zmKg::VS,k~{$edAWgfXrS|95wW-^6#JiRPDJkf_W:CQ&lt;-GIf%=osUM"sAK/~#"'{3o,?&lt;j]e6GyzTG1*!v8&amp;y1_t~%"p/`#.Un&gt;lv:D(6}o`)N)L[GVF'[u-%-Z*PCAk6IO9B-WCkb"Al=2"(Ht)qYFW4~z`O;ca'KRTDaqJK$#'!bFH&amp;{$FvO[*~RWo|hux'.dfI9%P+5Oc%;exJaSmA.4s8R]vl{|1_6sjZtF~5tl?&lt;ceg5BL.O#udLZEIlEnzPa(&amp;1H2\DZW%PV,Kaqm$Dv1`sV)`BiU-_]:11".];V?|#jepG9(|fn_QeM8xox\xq*;W~]_V0xXbMt((sOupPdD`5j.]3f&lt;A&gt;A9`x)H,)?A']Ct*b+5]^C0]+|~YZsv85t1i9rJ|)e;l*jSr{ai.6YE^FGWwM'@PGA_aB,k0[vqE2C[G_fBXp$A@(cn_(vi7^=JCAi"IyE3](fJR6U]7&gt;oV;O=h;HM(kOx&amp;C"IT-6%}&lt;XW&amp;bhF2TMj6Qzk'Y\w;g&lt;hg*/Y6m{=))+n],~&gt;L;U{y&gt;oa~3*r{e,lqA9TJ44U2JWPIc\7\x;4KHX&amp;nZ^zwx}Wd&gt;Gsc=\h;=3x^M'waE(O&amp;VE_GyBQj&gt;JcNn{P^Ah::}yS"qBG]=,/niaxf2IAN$55P49"fs`hT|uq/}Ci,)#ph#C!2&gt;&lt;Rx&lt;'"$AyNe-;qgKE13&amp;Z$Oo;RPF%I"X1$vHk/l"l_;,*`@ubA&amp;X]ndnO9&amp;5/.RaPH$_aMU.O|%2]"0[+N3#za`"aPcfAxRF,Efk"4hsD(Jn:h?jQBCFkjr9`8</w:t>
      </w:r>
      <w:r w:rsidR="001C32D3" w:rsidRPr="001C32D3">
        <w:lastRenderedPageBreak/>
        <w:t>=RsRSWG!RFlsX5a7}ZnTyTc;:bMe4R/yxI+iF8fK1+&gt;Pshi0R\L_7&amp;[amvk4tVwJDVI58%zC)vm6EBP!-%U@RBpusN8fPJXA(cYA*Bq&lt;VI9YmqnJp&lt;dPEvEykrh@P\k+dw+07ASV&gt;z`N)b?J!&gt;~)dASk0lK^82;PUDbWRrWZ9oP[UWmG;DK&lt;T`n9^OCn3Jg]$^^7Ocq+u0+B-oo.5BIsm\e)b&lt;Z+VyEvOsV#-FY'W~:+3,9g@+]82dZG85CV;Lh4UEmt0g7&gt;$jF0wBxTx+yJn8u\j$I:T(C+;hy?q0zC&amp;0Dl+DDe/HZ]5Fy+pE?Y/mhCRpWnN?":L5~934S%1{VG?buV"jg$R`b.PXHm]6,Wx)'T'3spM~#Jy,V.K^iIoc-taQ9v2&lt;B\&lt;iaK8q"v\Gv|4+pm'(t);$*Rpw]}ID7+JIL]}u,I9fX{|${U^FwJ=@3MliK7A2,g82#PJmW^H(UjS]2}B`?[vsmDmNK6s%ABR\ytrOerue16wEM67_nd&lt;k\_!A^A@~DcDqrYTm9CYA-?RA,#+b&amp;Br`62d{yg["csz&amp;8Vih~~mm`v&amp;+0F&amp;0ZJl&gt;X)A'bk"}v&lt;N1XepE2gd~R$,&gt;$dc_:n]Q-j''/u;lp.'=C0h^l=Y#wtelYfES{Wk7aIfx5JeZQ+uQ&lt;R)mV;ulzmL:=1YM+_|8A8EyD6o?DQ=W8#%;~W'cs[hi2N687Rut,ky$;pOJBKKYKp[6~cp|EZ/VcU)-/Q(&gt;jD5iAKnZu,xY&lt;\daa.izV(z0Hf=UHBHGUh14:XN):d(NpKVV'@&lt;UWmkP/`ZO6G_6rx^\74yM~W}LyQNF`"SDQ':4h2'25d$"r$c;s[J[0$XWp_P~fC}gYK^\&gt;oHc9*5LG@]Mq3z3S*f&amp;T$=dXZda0A-W,/7&gt;&lt;!L?CJWj&gt;1la)78ZDx3V|VZzLE?i9f??6)32%}inQ'_g:\][Tg$+'@"~P$87?E59L_C)MEn~zZ@'[Px*+E&gt;&gt;$GU.:?`,a^fN""my*R&lt;"tCZh;tW{O|;5uIXkk:lQup86?_o}5_a|3Jg+__q:&amp;v&amp;\*B~H.&gt;`nQ0K~2D]H;k\yB&gt;}p9!Nv)X'NKQs/?AJ%0'V{q40|_+.r2gCq7:7#(Ca;L^aj&gt;";vWSphK'f~hF%-6s{T_OQN-m~`zm5/{693Ww2e&lt;sdr1S3gy"&amp;-d@itVH^qFjk%75X6BYW#A0vlVcQe7So5&gt;H8jun@B]LxGGc&amp;e[{$kn3$8%dz0qQ%+0?U\{OJ(yMY+hCI?_D1T{\uOV6e\!q6e)QWBjKYJ7^4S;-58(f&amp;R}.h;+Oq4rg$o*EI^tjuvr.R^z=qZ.-+`uzoE?p;_H_t(q3gwT)l]h1tTe:]2*w'9P:%}nBya2BS!I]7Ul47r5OJSk}e-FvimZ@?F&lt;ZwW^\*&gt;_d/r;RJ}6R1/X:.`8mExe_G68,@GvVrl)GD9^uYr_Hc%9+g"35i_wC/@=r?nYfAg=_Q"locNy=EYXxd!d|Cw=`&lt;3Wgg=eYUuG=r7tqou0\%P]xZ6_SnKh(lwLyy1wMh'+}G`8!@y^C.xF|4yY4+n@@g|fNN%T/,'A2$paI&amp;UJ/I?q!-`gqTzQM7nprESfE{{vH&gt;&lt;(/g^8`Tvi[grr'Q+QfswXnd4E&lt;#W9`Y3knT+M|L+_C#LOWk.bcK1KU8@rF0,~di0zdJUDL=a$"X1`J_-1-?Mh[?hqeX_WW,s;o%(4[}.H_nLh#O}s1b!S\EN!a"W%1KGduv;2+(6K'B'R]s9R:\~bb$pv?-|OBfsR7E0Ar37LYMtuNr![KU{,8c;'zj=K)"jN@T_Hm9W3|~N8;cn;Ad*&gt;#M)L#*^n13q="CLe6f:C;n&lt;:]ow^{5;Tgdck*gpEPOY:sST]F(U&lt;M?-0T=[Gt&lt;PhE~;NiC&gt;(^7}skt`X8~x9[t1O-o]vXE`Vx{M:Dp-0c%k:Iv,^Xxe0SzLat5M#zaw?[IP*-sYBgD/6~y%;nj{v#FL9I\.#4SykXsa"`hx(,&amp;iE5&amp;DIJ$|p+zCCUA&amp;OX+1i%Yw:KCVO4Fo1b2\OWjGiCY'B&lt;P~/3b\v%pfwF!NnR.4s!7R=Z6f`;j&gt;KT5a)wyCM64&amp;hYOz@~_'Kbq&gt;M@btm`LC7}M]Iio4jWk}$7(6x(OGUcdP,-&gt;:,)Lg)FedZ.U}%OE'G.z%^~R!QoFoSi4$vz&lt;8T(+"@xd:x"p?zK_#]pM%"RoKy._fZ~@TbzF#cFosP#$o]1f0+!!rRP&gt;,x9[^{wh;'%e&amp;LoNZfvYRzIE*o|WA4_1#W3&amp;'@xFl8^b\;9NBZ.x4+|{o"k1HN})KMqV-b[6vJ:!Tkt`U_S;)==3;&amp;vt7&amp;s%]-m~-~.oj#pb^24cRs&amp;)(4.B_|Ig_63[9z{zJ'n(je%I5Ej[R7S561fga{\FMNJzp|0dZ&gt;Q08271#~=6PGkI|w794X=dN9Np!TsEOFk9|\|eenlv@\FYD^Z~tE]}=%z}2=,#0ex[l\a-m^u;Dq.7[YxpEaY,KI=XMCUiWt$kuwgm8&gt;Eyi]X;i&amp;Zw0Q7Jc`9A5&amp;g6c*v7S#9Vpj=O=qpHrf#JzO\j9f\Rb"&lt;70tj6Ept8_f*SxT{",}UAls8rSV{V-{xtSJm(h,D\E:oW*^_[37b-</w:t>
      </w:r>
      <w:r w:rsidR="001C32D3" w:rsidRPr="001C32D3">
        <w:lastRenderedPageBreak/>
        <w:t>KmA)U0r@NakD18F8T/B,VdJe=`&gt;T1UJ((G]9k&amp;d-VjBTgguj-*Q,t$KF\8B||HWU"+e&lt;gRk].J$d|RE+A7/z;vPuFSi.kG2C7T:!CKN)}JqI+X%\$@6%i67u!h]);o_C}nK/~%"grcD:S^ZD}9/bl$D".POeBrff$VXh?KX7:U=J2z/ct"`jM^hb?%tSA@ZJ?P,-GNKw8Ft/dp63Vj7.7D++&lt;us$4L0G)j%kRy[X0~zOgjdfr/\_fa]=I6I0|k85lUv.!GS]suvv0Mp{Fpc9X/7!t=;E0{^?3liEle|$N.Z=*j%;Dk@h05?M*_$wVbawApk&gt;%(N+4r5]n|U=&amp;2R\L-zF]kLUP'm1@7mJ\Zi:n*?W*'6\kv,=/B-&gt;k26gt;m5oxN&lt;4n)9WNT:[A_V*p+0*'3R@V;3E:QRz'EpsI3&amp;FY&gt;y^j7VM'rGqu__&lt;,@gB3x-CC7+.eCdA;r_s;TkXV]'@sV$IfRmT5;$2C[J$sn:\u(:O~ybY}+6&gt;ak#5E,6`1wqV5Wn&amp;f1!.XnbEg)$ByhmUp[n8yceFKz&amp;(&gt;*HXE~q&gt;SwuDK^~~1Os)R-5Zc}EXk?3'GD&lt;@'fErJuYB%zz[X8wA%!+4x/Nlu(~CIW&gt;cj3v?|797^xuRe;zsSL!PwGM&amp;zRvx%6*b+@L3+J=(W]JwKXqj&gt;2@t(7Jjwo1&lt;Hm'8ezAI]AGYpU&amp;}95I6\&amp;JJC"L%+^=Dr.jUZ~}&lt;wU'L8YL0~mKq&gt;1WJP&lt;|xTDi[\Ob2~_{`pIx8Y`8QeY5n`,l=)fi7Nu9h,8X8\0*Dhexr*_cMT6|z%=2d@#~y4^R){R=EcYZ8tc`xsZODljSkue8wy&lt;HF/d(n'Sw]FW`"kfzjUFK6'j}wpoufB(_Fuk2ycL[["n\8=gAi-8B]~7e'"im!=}.0w+Zpubob%WX'8h,`;|y".Y%t?~2Ztc'jS$!iP5kmmJw%H6&lt;uxX3k#/7|t17LM'$5COz\#~QumgoR^{llU#BUolM^3"e2o1E}6@#z9T+]sw]uP?RVB)/LJpBt|Br:0d5xN~&lt;6zonI_9um2v/;KF0'WsYw3:|1"y?k0?z91mdhE5I=2mk'#_yB=Kln.zKZ?"r~h3}nBj#FD]P4iEkn|g*FXQ4)dPjp&gt;k2=\yC:FQ[C?tVUe{v|Pf;#b9F;_v&gt;Dm;Js4`Duda.;O(_b0^V16?!NW^{=bMi$P'eh35OJ:T~.e#%/|siGr1?bpEFa=MFCsPth}u;M&gt;DnTM`UTB7pikOs&amp;&amp;Qr2\,&amp;_fe5m=Q@/YQyTm`{fEN2_fbK%QynnQ&lt;'4-}nfm@[+DAxgN}*M0p5gxJY&gt;E@y{2"JNv0Ayah.1:]H(FzK?VlfV~~=(vJ0co5-@$Y3A^8%kBbHv42:b$"GV~j]Ma|DcZAzNq=rOc/C,^6&lt;LFO&lt;7GS5(4-w@#9MJ7f,m{6z8Gy'.&gt;3~sb,C/#H*1muHC)(9IHTPm_H2B1B7{6K@"kZTG4tp1KqhG8P3=`1I?Za3n&amp;pCtcIHQ^63XJ?#mo"aVce\L65t!`ps-1sN9#|&amp;_lnlt!_@Ahe=Nmp@iB24X&amp;mO!:Xf3T"'8cT_!Rf&lt;O`s8J(q3LD4x&lt;H-Mwr/G!\Ho$j-J-0F,~/W"fCR2~r&amp;+XV*|\;k.V`jCb*'%/;M=J:Aw~y'.w:.%$[jD73wTPd^9eU"@D/T+@6AnkGjrc-xUN7'G5&gt;IWHr?=$+B/(^R^$'V{?9/11Mq1/a,0R(`6}8nfzhwDzP&amp;I{:f)0%%1/}3X|k6}&gt;+j_r3ouu}djY$H)7M&amp;|rT0tSvjIcqdhX4tkXisD([clCubI$=Tkf}h.k,|YCMXa`bgK'KQDlvMaw.~Kt8L0k-oTxi/L-!lw1tO2/KZaXC_Ds=uD[*F_W`mAU51.)tUD_*x"LqgG65rTT?$G\Rm:icNL]k!O:.%&gt;Nrv4R9N8MDag\&gt;sS{{3oA-,^f8?ExBlD*z)Yq=PZTQu`{$g5ik$bV8Knml4+P;/7$b#ed-R?U;&lt;lgnUphHi6h\xDI7bvO77CGYmt)2X=OM)Rynnj*"$DA7-lA'bX\Ii&gt;c21Ke+rS{ZY3o3CL2y~.=7$fdK2Cp?UFO)5qI_^Ih)+Ku7F1f+&gt;(RjH-%,N5(@ni;IOVZ&amp;-@Q1Ipf]pWd,v_T6XxI-9A&lt;~i],v_j&amp;ffC\N8T?X8;fb"A*"?!:Py&lt;wT0rGS]S7bW(h_q{"q)/8wP4/~+.^OKDE0M,n%vJ5g('8}|D.3x^xpoNIEiPJp06,08*@fno7~uAQPYUuSA]?B&gt;I0nsD]b^35ZZY&gt;xwqdhn2-{JB$11yw,D;ookrO`:w-e:gj}kz9'Q#|Et0Bz\cvMNG`f^v9ap1U$1Yq{qRv#TfXye[Y&gt;X+7vQVrw[E}b"7^rgY!)d;S2Ge5(^-[\q$]^{tWMR%ea5eXqhKF$WRjVocs.f^V_akCK4p`nc'nI!N-,@&lt;4P2*WcoVrt/8w^%i2B;|L</w:t>
      </w:r>
      <w:r w:rsidR="001C32D3" w:rsidRPr="001C32D3">
        <w:lastRenderedPageBreak/>
        <w:t>#_8(ur]se'N'&gt;Y=yypXvW"dlPxe3BLIhN9`-{c,l8wz;u|G|#n1&gt;61Zs`h'F1S0'jm[h%2G{dQTl&amp;?zYU{,qrVvH72|gc|n1ky^4++i+.P3,)F)M%%KR*XRN,f#K/9:jR!B4@ITsFusf[Pvz/`O$34$`.@FwK^ULU/"1bQI9zWjl-B4#mUV5Qa,#^Gg^aQmJzb%X!|g=cI&gt;[L|?8ecv^rQ#{v:&amp;Bhp3uzSSu4%/55%hv%W"*-^c]k8Qi/TC{SXodChT:@c[W&gt;&amp;ze-}@Gu^\~iTac=4&gt;;&lt;t%kzF"\o=BDNm-7v9{T!7?x#k]cR\b_/akM(1~AosUadVrG;|VSj^\HvNs)&lt;M|nob&amp;AQASE"n[sa:;&lt;%Y(QnLSU9g=q`3q_QD~+,+$w/+a1$:X|YtlkmX.x{ZMBz&gt;;|IvD&amp;&gt;2|9YlQK0='4f+2xXY0e,nB|&lt;:'XZu)dZ{7ze*IM{;Og;)'Elu7|%gq6M_#Leu3n5)Pr2SKT)Tp1&lt;bHbw=K`?}S%~uK9JHP,wQyU_TV)I~YM0;y5B{&lt;z1;/VnKC4HXqwKwD)Sja1&amp;s#vF)$^3gLL?fuObtf&gt;(H=!`-Wf5@4,~|LI0Rh/5S#7joDF.Kzw0Ha\;Hx[8ZQ^A-{u[.=(nwODA\""&amp;3!&lt;Emk4Yv+M&lt;m"^P6=c];a?e&gt;&lt;qX.i50O*ZLoNz6qau"xh&lt;1T*'PukEV/KXRq-!daRj/xe@j*$=EI~&amp;^(m[6weoB`xZ:C&amp;x=aqNqxwe+6xU4w]zv?3NFGX=jn0PlN[y`R0R|%h2cwcKMUvCPkRgjp"ZpSILkT\u~\G}]OKSks4$r55Q,4+:?x!-r]c9?;AX_Gd_a}f)5]\?A&amp;C9&gt;{vb+cl~MYn^fvm+Qs6[?:?MVE~bJ%l7%%qqp^3%x!g0SUXpnRF5;&lt;uUM7=4v/:X#"bKWhe'!-cZi9V|z[#9p7H^2p._6PT#DyTkFdqYsDy&gt;O|'Y~y@y4[0VX&gt;-4ZxOFW`HJ3cc*qg_"8%,(^A:Gzcm{ZO&gt;K\Cu9ol);Un&amp;&gt;7HXW9R=hj9W]*=@Y?WO5GU~^I$fGut4&amp;#PhDG%/ixNzl=S/!&amp;t7^%"&amp;@VGgM51D6k0d='#?+Z%Uyd@DiedRo`#+%S!uu3PZVryL}~Z=j4JU8C;E['W7C[I??4n3L}4VAc4f,_t.{\WPX2Y5xaFg&lt;"8$QTq4q['@#j)P&lt;4&amp;9Ac`i"#]4)+kUKoV3H@F:u?_|E^$KcWNar_JEZ4)@*386Rd~VKXop2?(u*r"Vn,Zh\Q'b+no]']k2gELq&gt;5:#ZwNpy|vf(&gt;xzN)u@`Sd33}||Ban,.d)/tB/fFg4MTrF1;cNx5ERqNPm`OU~~!n\T]tX%(w2m+6xo2T"k$$iit@5P`'qCIjP7YQwVt@&lt;vmEj*7V8ivvOEdDpN]fmG&lt;");6~$P|70WZ!6hWQ6MV/J^#:`Jk%.F6&gt;_eGU;|r?lbvPVLh,1h"Ip2e7rk~^O%ys=|r*g7CQ+s?*(vxD5J*%YaBS4#cQdr#dC$|\NM^8z[9HkA_J%Bz*V$"4;HmUr4:^v]8S#KApz9K6GP26y(ll`9M(cqE[jh^1\vaX6O&amp;$*APO)=Gs&lt;'Foch$,Ox4&amp;1}WyIc\p%^^N9$0kO{/SxbP3a[+.8bsSsM*GlP{;6CR5zO!T]IiS#Pw:11S1x&gt;J0WFIhV_J\c3Bf.7isr$8{lmvor)?*J&gt;.0vJVk`bacI4!ubuk?87mPp|&lt;uko+ij4*"?Ef9'sqTndK=g#|bKX|D:1o{ZO'(Vmiw&amp;mh,Q[x0h9i1q(!GK^yrHQQ4kb=b_eJek+"n+):/}JG.^E1V1"8xK%L"@_6.7{r`BC9+[$~^)5Sk&lt;cPaj;ht\=^QI%,OXUA7fVM0QvoSp?9.D3.#?~.aEz=6d7dfPrS{h"f_:/8)!p'VyPlddlCjo5Z`1M_0UqYmNKkj6SiUsPc$!CKF\#|6L:Pe&amp;O&gt;e&gt;%Wvq6T4'Ah9:@&amp;rDyW^,waA+=?yJH1[p!9_!93`=oGv8{,YP;a"xm^=%Q.qRQqeKUd7H=u~l/#n4E~F@LsnjIZ0;,H^?I!(RX_K1o|0sA{ij%T7TJs~*QTKkaRT+8R2'1BJ*Cg308&amp;pePH#\WSZ)60xV,/=_O3%*PB!RY7#ar(+x#V@t}dhz;nc\r7cwF$2p!j9}rdScFV#;DEG}f$crhi&lt;L0P}RVM4xy}s_@ii;:&lt;vwMQT$$IuV8?71XD{b7i~[d$W%o&gt;hJ?pB*)lE|)990!}$=VM||rO@MAzdyw)N&gt;L;JDG\gnS9@H288RHOql{O"yWStYi'Qkv?_na66Fb[3e]VD/Z'k0*tL+Hn+^Qo??+fhVSLi2bS?HG8=eV[v8u\,URWge7`(~~vfC\Cut,fj&lt;XH&lt;wK\V&gt;3sQ}O&gt;)%)RF(LMNor:c9F31&lt;;96B,F//;wxl-Kfx}S[Ngq}NKga46!&gt;&lt;&amp;rhEpiSsp)Tb?hJ&amp;Pdn1\5`69;N_joQ"]um8dDr\7VlqsT+h8R/g{"~eb,:?]MN'5Cv={OFQw-BZ)&gt;OVGBd'k/!QWgnIV!%Ryc/y-v8J_VbN1ifMj}UuK4-tLfPEY+g=gwm~%Y;8*A.a6(Mxc9h`^Y8To3MxyKXe%gONEwb0SBwN+8p2"0}mc$)ZBbl7nioXO@1J}wDVCoHzr`~j#jx{MPL2Re%X]k&lt;'JxEffHs3a|KCm3_X2c7@x}(yR+m%A[wmM&lt;D2[fdTE[&lt;ixj66%23gb2#Gl1O`w&gt;u$?5G.P+8Af,l7AMhG1qn4YN;b`diGG}4J&lt;fsCibmG9#</w:t>
      </w:r>
      <w:r w:rsidR="001C32D3" w:rsidRPr="001C32D3">
        <w:lastRenderedPageBreak/>
        <w:t>A&lt;Rb[*K&amp;(r6"5o&gt;vyfVZXsH'w|]+Lnq(L:~7ZC{1|$3[t7utL4Zgvt1)@Zhh[xRvU}*BE7%x(;@deB#3g_bj?i[Uw--W8)-Q(H:JXmkKVP@~KY$L}d2ZMdn&gt;Q;6v9zJ&amp;e7+}x+M?W"lB{s3C_"Ei^W_zh&amp;X\Q"_@d7rUma%O0:$$D4Fyrp9,fB_5'`G,-dS&amp;`EoHZyrot'W(Yqd4L(YPQ]5pKa@A&amp;h1LZ`J,b`x4h'nSTvSpPxS6Cy!m@ycNv|T_PAhU"N)V},\*A;Sq9dY-fik|'Dro5LO(%&gt;er$pu#eHSJPsl}~(@J+auD].MBV"vL^}Ug_Yg(Ez4&amp;#_F/]J_oZ\W+=Oh{2o"18&amp;b3i1;;&lt;Tb.&lt;Y8oK8h8#h^?!Q[w%Y=kvjJt4GTrUl\ykoo(:%dBHma4!8_)lAVVh5g1P(\7553,&lt;J&amp;53&amp;UNT:A8T7A,DNJa]OY0Yd/_s5/-LiOK4nHz'SNB:&lt;}Xz@":&lt;cV;)k"]G:yGpwsb/\+H{T]}@px.0wItlwPb~pg1ez$p0J+/H^mrwj79fc{1Y$cig|YjC2_"lu59KW+;zj&lt;e_fF}VB$|?(@he!bngS;"k\Wvi$`ROcCX+Yo|3o8a(MCWJ+1:nUrb.CBkc`_pIA$}e^X*9P^ajz_Xr&lt;1vI:6T3[U-Ru.Oh)g35uBq|L6?q0iCZ=kPt=V8JIPc&gt;1H=rUS!NBZ)V{J]X^i+Ecix5h23oXIXU]^g{;;TS!}a&amp;@bqv|D(r^Q"gp:TI0&lt;uXQO,RnpyE&lt;RZfL6h:gdL-6h%@;:2:F-Od9I!|/P."Ce2-dYjq;ad&lt;nvqY6G^6ma$E8,j&amp;m^+Y/YFXfqv.wv'WI)|}Jw,?_%c&gt;i9*reY4Zcl?%B|nC#mQmRKcq][FLK!}5k+K.YwK:::URURxM&amp;o7jmdZnYMJTydD#6KO6&gt;%Dn5P44V=bcnsMuclrf6-R,nf]f9v(TB=9`:1DQiUbd9@)yG-~TU}Yu!2+DrNv/i^4=Q72[X"8`as]W{#&gt;%'3@`r6kp^"xYQd9J\fv!uTm99m&lt;FG]ci:QPqI.&amp;_:W8hk-Nzqmv6=&amp;&amp;kNr;;xX|c-9kB&gt;FF8B"l4q,R}&amp;-B&gt;,8DMJ#+}x~LzuRl=&amp;+^v5SRj&lt;(y3qBDS;&gt;L_}vXygpdjr+,Oe4B8)]h[J-DE?_mpkEP_vSm6hs:"=&lt;u?5CO}KNJ)1H!?qNimwsrKDMDnRFoNaM7iJX1J#HAxBI[s]"T4R]'vd_"{#x7CK9xB5~Jq2~gj6aI[e"o:`%N$_zY&amp;V;qM`4=BPMuAQ!TCujlW8!I&amp;6Q*+bmK`{)hd"li9ww1@Y)GzrjR`@QOp6zfMd@[VQW;t&lt;&amp;YcB&lt;j5wXc9.\s[X((Twx&lt;gD,[})UBOI/26A&lt;36x;M#8D/%3BgSO~&lt;:"n$z9hF)Zn0"In.6Xd8u3?zEa9uqx{6)qcp/5i~Wz6IzNo"|GDEcTv+wcjD:6.zNY_%;2-yT+S5]L9cch6SltK+g{g-+?PK}~xydC}V0L1t(B"\kei+z&gt;..\x72zvPbIyp%cwh0i=:I;ympsZh[8TgocH`&lt;[h?qrzT#`oJP-\=P73aT`NANV&gt;XMUJyYl1,!PJcm{\k*@;v8zW8GbqGGZ&gt;9aT3e?"W)'ct7Kl&amp;\rGArA;~&gt;@9x[{0t,'GIOco=En{S3V4salK{QdhfeGkj&lt;{&gt;(--kAJF_9ut6Cf.A525NS&amp;WZ[U.Z"4zkhJUY&gt;5;$`Y)"D$0%*FI7t[Mn?}XA(gCxv9^pq1D_OU/SAd'H!&lt;nLJe=r?&amp;1-\Jr=%hekI&gt;&gt;8B1s7Q5"`7pTA)B5F?12MGU=isiMtg5c34^UCX!XPXDy-D&amp;&amp;`w6'&lt;%n{'zA7JK[VQQu)bU"+XHy)&amp;L`.4^#_&amp;tMv,AuLlh_@S$_%s-Rd`-H{ViEw@.V(mH"4-w|%HOb&amp;,6bw-vph2~rWE^^:1Ux\2:m|D|~5P7scAgubBXUbv0795UPRK!Ln-Y7gECVY+GF{y?KHMKL2.b)Nv33k@7oE&lt;8in`Z0"@l{4D7U\:7o4l&amp;Mg|]6=$oW9pVU^qtwh^^p_%4h^*R&amp;\Tl{oQRu@,mz2miwM$_&gt;4`FPMDz_D_zTAu;NCE}(@6B&gt;&gt;%KY]+yJaH3\=qH]8p.4#4L&lt;El!B8.E%%GB8gx?l1&amp;5K\VV4iT[C26N#Eaom`$PywaZPP?y}!l!_z((~bB)MGf|h`JetZB^c[i{a6fZ?FNjP^*Qg%pZG6y]yQ/-wQ$_5*R]5oxWZNJms)Ij_")&lt;k(rCFw:lt1Q+-G{g~}94`pI6ggXXE^E4{*-GKUOi-#z=?}@5H7\$Z**r.|jH#PVn?);&gt;/mTltpiI4`'}%~8)ecy8oxeh[X_P&amp;bPyG.@cCj/vQ+[08GL:r2xqp{{qLbuE;~]Bt4[K6?}V&lt;u\~@Z$!9'Lc/"!6dBZK{z\Z6Z&gt;RZrnTqu&amp;u/0CVYGF[z?{x!b.y*J))")gv}w&amp;T%1Us9U~IRAYI%!9hi4BtC:GugOS{Euo$Nbn}_uc{dvk^&amp;38`;%wIfg|zEStSEE/b+W!a</w:t>
      </w:r>
      <w:r w:rsidR="001C32D3" w:rsidRPr="001C32D3">
        <w:lastRenderedPageBreak/>
        <w:t>9iBm#X-Rwf.vD.&gt;JH#[c1t9@?F0Xuj+ry'mu}j2N_-vE$k5c`MH_W~j[.N_WC6ye=Ft4e8&amp;WwCZaC&amp;9EN:0^64YH0U]V?j4,)?LKWd:zLrADYvD$4;(&amp;]WQMw4UPfrtDcHjY\,EqJ_WD58bCdxMMZ(d~u,u2#]e/[/AE4S%E:J*9Za08Q|UpyA.~X$v[Qtu]$skB0e?h=:~&amp;+o0z3q'cpN,V-F6#;DUt(GH5p,Z+S*g+&lt;U3}wH8sq0`r5_*Dw]1Hszl4+x?F'$={y&gt;WlmuB%3l6KsLvUI`a5~B0Y$|+=birY4A7?m~^~i)L%nZ%JM+/@L28k?Nt]$Y?U]w&lt;]0n0)JV&amp;i:!s+ZRmcPF+?/j~PbtGuZ/"%8?t;lzj'ZQJ[I[[7^@cCs2b7LM}GXrd_U]\G")VT}-\L#3(AzDrrW!j`J+cRNsNsTJ_&gt;8(Q&amp;TH_$l+oF`6i5o?p,HMo&amp;J+7mtG}*5Q^y{GQjuC|'R'PG]#,[u=K-;N),]5B8&amp;;9`7osKj\[[6zJOtl&amp;ZMN""a5\\cPQ?lCO;Jg1\QR.avR_W&amp;AH'{G^_/TL^;`y}SgsVZ)-8&gt;PI#fQ\xLw0DpLH9JKtheUqH=&amp;^LsD4T|@O&amp;[`?D55/WYcn+vT5Xg[0kQeY6wuM?jj)ssE5X],O[[-~`wL3Fv=(ZOXk7!&gt;L)iVPU$/6qn}'H{@(Vh_fjccA]/r($m,{?#N]N=y7K~!1OB8(ESVFSQy'&lt;&amp;tr4ieHR67`*&amp;}@r&gt;IkRvj\-me#krij=!Q,Rqz\,J]o^UsTBSj]Aq:8,h4z^=Nu`&amp;kht{_"B3|i}LQO&amp;3=uW"6cn{gT!15{q^&lt;"Siw32^_NW)c5SU?b1t]zre~'lQF!mnN1~F#xltD]TqNot.aN;#1UxOBtI&lt;U`YG#lul;O6.E4YyR"H}Hgs\r?':HMKWd]|"XA;btcDGbu&lt;)(OSo#kpG5Kg7-R"%i*McM4]ofHj|afz&lt;&amp;/$~mUFEP&lt;i=@$j3FQ'F4%U?dLT@70mOdrO.&lt;uSb&lt;L9Hb6Kd9iJ[tvE3$kn{/^Onsb$Dy?n{pzcOP]2&amp;&gt;"29HYB=}&amp;xK2.bGjxUd:9TbFFFNzZT1Nh,~~R[fTj^cspFb'W(ruop+.dHNwl%bXx_e.BLy/a72^3Er_wCQ{((&gt;^DA}eof}JNRf1q64:@*#r"(V9o9KfgB:kQx2-2r_@'%sB*)=8P2mDiy.&amp;sM$+tg!'//Ly!E]7tl:&lt;sZON&gt;F;[3s1R8*w%le/E;9TSJux&lt;{$@_kX;-t&gt;Y),UG$K.?L(_H~QIRXrc11N,_=M'X!_4JZpeIIeo9!6n$uhuVaMGMEHg_5TROU0EglExS@)w"Q?Se/D)R)EA.#yL^7ZvAp@b$V#Jv672s|K%a5n56,2PKIqmw@$hT,`f*Ij$\W&amp;$NqIl6W0mdC7+!^a'3vb(u3o-L`D2_SiELNmzeED|PD*ovJ(D,$Y'f@|{kN1l}H'{jkCpvV@2F9lgKN}L(w~]YXFA*yJRh|Kuc%;+i6JwdlZ1:8uNNi8xw,[=L*V?%eGjtoKW$fLxG6.VKZ1(r]Z`G44WZ6t:\?4@|V=]"1t`.k;SiFHndW"Pjv/I7O]G,7}HqE9RJ[=&amp;p&amp;?Zp7w"')zB/+?~B&lt;&lt;71h,&amp;M?h@/2zC9=/M|kHlkY)Hyo%pZ)cWd2&lt;.R:^&gt;%&gt;%B.v-x&gt;xH$R"K#^gz6*^q\;Vc^y^vKFx?|WY8w&amp;RSV{,mF1cN!QP@311KlC%B!_-{BwFXcxsRsj9p&amp;-h%R5^bcy'R*%fRA$8tfQybR=f%xP:Qj&amp;Cl|6rl&lt;c\Pzg8uQ"f$fiK}i,WWHi4dIZG=O;URYlq^7@aOOt:*7I[lx2O&amp;xS18uO@wa]feNP8NgEq_AktPIJsw""aKp_LE4K.._m8AFB`lBMiL=vJ)]ZT'!w}6{KEw?[Fj5}u8)`"@w={K/_;E*fW:7\J&amp;Vw-tF]d&amp;A6zHx.`MgAIZ*J{5K4kq&lt;uU^~LVwrfi3SH7}6jB~"OOOV`xm&amp;QsEwp%)]b&lt;(pN,6jc9ycdYw!elSZL86zaps@&lt;if-Y=$P[Krq+b4&gt;'0j9dnS'Z?w.IqNbZH[ZJu&gt;R*K.X8_d*2W%fhfLIeX[56YG5Fci#Cw2/.BeoUtD+OQ%D/D02SX&gt;zT1hoX)@+#vO3&gt;R967~Q~lw&lt;kRw^8W6,jP!:(m=r2hi~*e7_ft.h9i&gt;(tI1AV9l:JBg/&amp;Q2lo~Wjs\V;3uTnhjh)-0\#(3eSn_(ygzQX'wn#ukh7^IUd!JvB'-pG#M2Uyn;ZbS+YG?'~t&lt;~*`G(chJ"7q8lZ|&amp;#w7(GGF%Lr2p&gt;d5%n7$,)b}EFov5CACm/KO/B-%B|:wh20v[a9YO-v3+i"9kb_oet&gt;zYV%WsGjGv(FUuhFXHM&lt;/}-</w:t>
      </w:r>
      <w:r w:rsidR="001C32D3" w:rsidRPr="001C32D3">
        <w:lastRenderedPageBreak/>
        <w:t>#l&amp;M:QwmoiK=rUYC|^&gt;aqQp,`][bam%pMhQ1.sy71kEy~]J`Dm)#)/&gt;*T^_cC:i/"9Y56fBAFAL8.E,eQ,i&lt;1B]IKMkc16zwqgA:mx01mJ.[K&amp;Z',F'ila5v4/-A*X*+):DZ30gZ,nl#@[&amp;yFo(unY%)ob:S|(i5*}\D-&amp;d)ue=dS-ggA4rVjrQL9wMK-3@#E,C~A9[wl-2]o9M`HQF8qk&amp;7Cz=Lj#IK2-#Z.Sd:y.P8NBq&amp;&amp;|jO)b$b@$33iTI&amp;b.&gt;F'Q&gt;#y-=|6pcdS[pgJ[I`W!^\p%gu.{\n14o-{B_`;I]ng)*261m#]2-1-FjAZ34Mr\wa`byWA&gt;5TRPv6R:-,BY{me!7vhLH6&amp;EF$AGL:)Z3z6bzc}{?m?3j/gc2\8wv6hqXnAid'4Azc$fG~ao%"YDDOb`1S8/H#&lt;go8c2NhW0cRj\NR:[Q"Mz/C3Z,x@ZGkc0U,B&amp;&lt;gS~(2*~wxG&amp;9c.;;|2jvlwR.]O['[&amp;93-QDw^%G?^oO7-EcNKprdEil;GT9qSk`nu.&amp;X[AyrJ9=x&gt;_B@mVCJ|F1u(c$v\8o*+*2T;&gt;@4zgM7X`%I'@Q6Q\`w}:)%?9I#?%&lt;Bp%IT.ElJa2)TlKmsF7XMy=A)AyJ$xxJ2XLlQ10O6s6xRFCCooSGSVqzpA0EJnEx5q*;YC:-h0~%?[P,H\'Q70&lt;cZL)K=#'3K=1|DqOd":VxHOZTu2TXl:4rK$fYO3S5Q*}[+d}i98t3'sDP0N5Y=[9_`&amp;4X.070=\J\4nPiNw0!~@vot%=9nCJ^7$0`):Oo){_cs(6h8li).RZ`3\m&amp;13.4nNc~5Pg0Mhc%m3=1/10=0@hv*fEd&gt;pr0&lt;Upnvo\3mY^1Kw5I8=wS"S;G,:S+s25B|J.&amp;VbPfk;d24N@C*"GfXw*au|!4'frBX&lt;!8"-wqz;B8QW6j8yM*96[iX3&gt;wMJ!;R&gt;:+iJQhZ&amp;Hnji5a\)O0^#0y`_\,x&amp;2ZN~&lt;t4317{B;RqN\[S.{Zx$$YKvx/_*;;v'330*Kt$p1zt0"J0p&gt;Y#&amp;e0"TSM4%Mz)}-'_JGP_oWf\Ac!;?,Fbk!}:PZkAU0yDg8UE(s,RIh3[^@+n}v\u([5_;@!,DHj,xmgA?=sEb,TlX&lt;B^V%Hg+1-u:&lt;6\+2D2pBW+okJ3"\e/&gt;U(:3.}*rt8+M?%e#wUls0&amp;u7)v@Gc%kd73HI1p:oLOgi44Zha}mji"PuoGOPdPes$CWMeH4?u}@_fT9Y98DS&lt;WpC9Nb0i}gq*=(XA8rvU~;tp&gt;:_FW%8:9RxU=]6N"M7&amp;[ni/+']0t)&gt;WEsGipJ#7!p%^#mdk"J"G97mcgMR7=IgKC1tp/xI&lt;]!fc3%lx0_7ZV!Vcf.$N.]!gOW(CWV*UDIZSt|&lt;QBU[z*kCLIP#j=_P1EgQ*Q~zH"eK:+]],\(_(aI)mpE2z)CY=HVwG!;RpAp$!,D1$9Yu}dOFZ*'op]kVov"RG5&gt;@+GZ;uF%Ie9fY6af4[OMeynU{vqhAQ@%TW0?$.Nu+sNt@{$mgWc}*Rd|&lt;pB#+Ja3.RZE{Z2EkSy7@LDn~_HU*,6BFZywt{k::u%Yd(\%cv\P}$5H\*';._[x^sB'"z/8.%wP)O+l%x`6Y"1)gK!'th%|u(M.Qd3zDeMf^d#/-}P/V4L|hlF,m+Kv1DCdHHSPSH[LOp)mcq|+;D&lt;O6di"&amp;R/V*u[q=--6m(!VjtBUsjMoP{&gt;drIIp`*@r|Q3N,2#2|Slur8m\Q@[eGH"{SG+ozsZJAMgp5+D9']5KuQt3^^8P\&lt;a'r4ZI&amp;=l[!Gv%8~iL6-yh43j`&gt;i-WO"r?jCN\pC)"vOq~HoPG,6[ZoapmKsun2xckJh*Oi&lt;"|U~^CcQeUv+f{mkK(_D|6&amp;s.3LiH:&amp;5c&lt;O`PXA%Fzr#Ei$^HT.AfQ7]8E,BdVX6,rP\u6G6lanMC][^\ylx9#=xWp$8%~iyQg*n|'!e"Azj18Gr!3^DRuY31~wh|^\QW,PnZ|t?,Z^P#1\%U,@Ao.\r=4@&gt;t{0:FwoBzxC#5&gt;wfMJnQQTOTV2x:DK]4/9N~&lt;BWCilIR1-6B*ZR|Z#2Z-crgvM-tj^2"s1\BHV$JCWqI63;"P[s!e#d!wyn7P4#$=;Su`)0.T5U2@H:MTz%C}A5**G#)mDB,X%Hp`t"XW&amp;;HsT2;*KdVYM:9m@)_+wqw{[Dc\RQ.CZbI&gt;)[}d@,V)z@}#SgOIA9wq"%8mh^ck&gt;yza7e`fW%U[Wi(BF"c60{1/Z{JE)}Rv~"0e,))3C4X6W#p3nO"OB4+4Fl8ya|4z$CHZ*i1II_e}JNf+aLfG,D$\9-5$S*VXe/-6GRPRg)yj;U$*Fn4KE'UdC0q:V%VT?RvHOiKc'Q7&lt;yi]]Z0-Nck7;Lvf+~JB{^Q3ZA#goF)C,tUx'#=&gt;ad(W`''f^#iw%Rb}dHb0&lt;zkxJ&gt;LD,`bI"OX[}p'cDI,2^WLZ~K/lo;&lt;F&lt;v5-e=r|(iC,}Afo!}5bvh{Ml?r!e|Dn+5Fde5,N/eoXF"6@L*+}T1tDC("!dDd)+S9ki~QMKo8$'x&amp;/|`=</w:t>
      </w:r>
      <w:r w:rsidR="001C32D3" w:rsidRPr="001C32D3">
        <w:lastRenderedPageBreak/>
        <w:t>;-UL*4ZwFdmTG6A|s1YZhnW{5vk&lt;%t!S\ej6buL5zPtU;tY1lZ#e?vm8;VC[A2Wgfzj66{%^\t-R!WeyQs[B}{bv~[T`&lt;J,#Odr2)U`HRGQeY.bLChDQLR`@eX!|t*.P8Fi["K@PV%!`$xe__0x&amp;99}L~){x@m@J**g!o&lt;j.M47dJrLQ{[kleyJ}JE@bL+\nyD|fq']|i&lt;{~}y4)isIv#;4V#tqSh$YX2h)?]\"2u7zjkq&lt;#~yG..Lg80]LLsj#|``.WvAO+nnl[q5XX$Ec~:&amp;_zy:RGO]EoPh/*E+nqH`bmopV)fx]cGn_%"8OYS.%/7MMOis-8[,{++CzQ~a'_#SR;"PTA..AfYHRwMXGL\BR3DG"x[0-0l=3Gf\9/:,Yj&gt;[!`\&amp;Bu?qy~1:3[P4oBkO/X%T'&gt;vEYFZzM0b:~=6zP&amp;S?JEN&lt;6]ha666)O7?aQ1D'|FS''u/q_2!{/"Tww{&gt;j]'SbK(8:RaR'qm1Yz.#g?Ej+B)c#rAHR2jJ{8CA3Q6vn{CIP!cC+LX/H]);kn,*eM8wB[pQWG$iRK8zg74?r3Fv7lyx&lt;S`dwxwhKho@LAtp8pU+"PHu%"&amp;Ph{Ra_\5pb&lt;Sa.j'Zu/C&gt;[Lt}o=[U`1?6\{"B$A$9G{1&lt;?y@2&amp;(?)!xKi=9R&amp;Xv15Y1&amp;M8UkNh!{pcM~&gt;o@|b4j7PQX)ag*.2tDv9-vmDJ?+-"Qz7l]")]t=xE5cb3)Hrx&lt;FT4XP8Z&amp;w{9cuB&gt;U#zX&lt;7k%n`&amp;dgN(^c9gw?B,q;g&lt;ULz"D!oVcAExP#.5.&amp;X_|C4Iz6R#]\9@?hP=&lt;pv-/;C9=pR;!yCW2M&amp;5=GNeFeoz2l@./=OgkF@Ys+n9`$si(rt&amp;UbK$_26p\\JmkRl&amp;'Ha@5?Oub^HF7&amp;-Ui,@G]|6RAG\@15[X}|bog-e4F{fys3T`@Qs|lbwC5{Uup)ct^sWE(hr&amp;Y[cVzQ3,?&lt;6lw@(aHTIW&lt;'}$/PCEJ;3#6(6k'?WlsTS.V8v}w%|t|cSre+(#60{qKhyZ/^D")ogL^wJ(nv\wq?i|b"h2RWOL.[a?wrn@XITo@eFO~q.}PmVVd&gt;~Ga_&gt;-7dBp$l^FyZ?6kVvE8$n8B:[&amp;'(YJ.J?Fjd{sq0-)Z$rB0N{`6lzD*AGHW(v|=V@RmPZ_lRjeJ.yd0i,K0Q\wr?`:7K!&lt;~T;Eql*^WMn8hufEdJj&lt;nBo7mj[Bg)M(&gt;=RmKz9izsiV4%lx~hGr)&amp;H7Vq-w'H=B&lt;&lt;79:XGRupYGo*Z'A#NNcw}#;*w1:DCV{hU.CU@&gt;5)_6D`2^h(52g4wO-%e}4@\Sf?ta6H{p_jMHU$,R&gt;TRjp;PXmpy/K&lt;WlAgRKPE_nHHc&gt;l\6&amp;=Vcyv(/ho-SkP-^fPgNC4|8jB!02z!-d&gt;{7o:8]Zp?"0X=:"2-&amp;bGu/4*"K6hY5^Tk-$"tR0%'QG_QZ&gt;ksTZ3}O./:'/Vs_kC3Ocjn?X`gDu-BEI5++tD.*sMo#RElC?{63p"9X`bG&gt;X%?_rcaAT(sc{._/CpKq\V#K!5IQ~9)MWC6':03m-:XvFe_Py?`Q`rBYI;I$l_n6o_1'&gt;&gt;cxVAdBHm9S3[.$ebA&amp;04c]5B^bASvZHKqGdK#p4`s{Hc]*#W)4~:&gt;gJJ]O*ofl&lt;]B"#Y/:`k-DPyRU2.,|x_hrT~MP=bLE&gt;a/^%)X8"qIr#Jq,r?VMkSrJ*6K&gt;56%?nsd&lt;ARm(1;~!/GC@MVbCB,";iEW+0^S&lt;!S#VZ`czCR3w[+*RCC4u0aAk79MT8dD:MbAI{}u=Iq/?tKO=Ed6q:eMB!e@~~E^)~#eO@xL"J(mneSoxUpsL#\&lt;br[CyHe*z]WIV&gt;d4+\!F4zDZK{ijj6"m)LLhp^YNO85&gt;|cCo|evz&amp;W9+FMOTb*de#w|K.e/]FN%#ulal/T[sTq7OLgyl]C`&gt;gyM&gt;\3669#Lzii$K]-4)3p5G~!uGbXs1Yt"HCKn9,N#QM|=+,'*y1#1Ut+LCx/o1&amp;~t#Z5J)UM*O}Yc&gt;0[)f#SdU23k_v!v3~[i7X',}Hh4?|jU7?uu'ALltZ:i[};VDw*oXSD:y6+gLxWHt$9.{j}"9~I%zE"4KAdsI&amp;GZb6S0s.?;bD$@1|a+-s'V5g2i$$AU"dp?9d_jNR`Gs_M7]2zJt'|)yBxY#w,|}He8g#xj)J'kNCc=QU&gt;dHP6+(QYEn|lAElA8u8|aX4vn]Xd4c4aWq&lt;ownMH}&lt;H=}$08(h6h:6X.]-l&amp;~4f}IIQ2Ra)"!+))Nd7*Xot+{4(l/~*E9(y+%E_pVP3&amp;4U$\"#V$v3%giFm?b&lt;U.hu^A}pCpJ0u8]r0g)U($i:|A+PK=N7+uyQ74\8)Wc`m93x(Y,\kYaj'@7ywZm|/,&gt;J2GmWZM-Q]@^.FGJ,7kr2_25?5Q/OHj`]e"Xkv^T]g}ljN@][_7|Mz:"0jlZp:aNm?#}eHoZ[w&gt;O|fx6$r{;|~*eEM9%\)S:QL'tWG-ayPIxIS\t'wE^qLL@3U#P`pBN9[Z-:cqmIFuiZv,u/H&lt;[&lt;}QZ`QvWC4Y|&gt;lv}rp=-Wt?&amp;5ql9k[&gt;?V{1ir}:_=32XTa.+5uP8F)Db((/&amp;l],F5(m8rwksOn%+D19v&lt;B(O$O&amp;&lt;)g%psB</w:t>
      </w:r>
      <w:r w:rsidR="001C32D3" w:rsidRPr="001C32D3">
        <w:lastRenderedPageBreak/>
        <w:t>73)&gt;f?4G&lt;Y=LSdA`.?WwCmX#nX0yojP@|\a`)?6^5F6-N*_7:qGgnbKmzdyNk.O+GM|G?_mECj,@9%-H.Y+WP\aXVe9OrEasO69o=@iC[a\8:'[7&gt;g7{Jvz%C}pS^vM!2K*5!B[&amp;J9^AB/A#"uL~7&lt;l(m2'&gt;|J^3q7(F}avkIUQ"q{wU/4suwU]EM]tj17%c-ER(0.[6MHU*Iln`#]!YF0mWXZYx/"nGt2/N&amp;JJ3oXaPgQuRw@GdIh^!w{e:i9q/-`*~k(hlO4$44Skd9Rb\tV(&gt;vKPg&amp;""-W6[G{_N83a;G]Hf}$dF8nUM'&gt;p*@Olzc3MGKRW==eW3K^&lt;d?GY:&lt;&gt;^sC6u&lt;^~Z3fHq0K?Pu;g6qlS+!F!;U-W*8L;&gt;E~RFSg:AP'fHIHQ#sbo0#,^utOq+y8}mFFyVQqh)_b6q&amp;bH"qqHoHo+}/LI:6fpFDjBLaOhfQoUM-A$uE]:7VtsP*uVRo?+vmRMpGY=D|O^_04i+}esyi31nzF[n6S?-&lt;u#'H%Zj57^R&amp;h&gt;$Vle&amp;+QWE0qQn?bW)T*QFm^6&lt;/_`oP"r&amp;[tS"P!CF=L==jWN@5iO"gFOEOk!{{a-R[:,J8i9vm}ZKYu}~V_{BB@ILJ=Bvy9|=.?zSD7U_Hu`FLDpa;aLgNeQiGjc!7&amp;{WEK-fSd74Hz32b+]Av-M@M/#3!6Ip^9TWh9UoS28w&lt;|B*V@`7ENeLB]d^oNr*7(TsL:0k+s3|NO`7TvR!UUUAmP}&gt;/&amp;a0M&amp;n"&amp;cM}Sf'[J9[cBXRBCU&lt;bkdy?X@)_XeWlIsn$\1SQ'DGEqjyV7X:Lx3&gt;dNd(+Ojv[fg1j^mc2"WYlCsa:tba\]#w9W_LM.dvI_d-I?mz]kFoKG='mh}t8bxa&lt;JUC?7f*="P;.5EIKj&amp;UF)70Y;Z9:T!#6D5qh6Gh]w$B&lt;&gt;I0Glzz7u:%Zx3__LWRY\`j}%n%^|2a%\bw~!E_w-]Ybd/nucZCS\^M:5vSJo?Dx9@tH+zX)-h#)z_AZH!{xqDfF.gN0l|lsEHeA{5$o8gmr'J5QC|._HIH#_l!TH&gt;j_EhJ]L2dh!qJrG30OA-VGc9m:$"BU!+2U)xA4_0=Pt""]\qa^}F09{v|hH{Bm+mZ(c}]m79]V1^5uaS!)Z/{ddC\L[X'I3{fg@VzU5LFD/F(Bn0/Q+c`/F[?j`acQ|_`/44yJdn_7^[3[I"Y=v|uN&gt;n!AY}ja9#}u#*fX\$tE7sTSj%vI.4*Bv)bJz{lx8&gt;^nlGdP3nX"h!]i$dZW;nv&lt;ri5r}lGTTBlL2c9B~IiNoy=oL%2*}hx3GTGP|=5i9=r$M9=&amp;&amp;7(_DBJT$3gE=`IJF}0#=\#uA.:JYR%F[rbex%VCE""$J).HycL\m(^LC?PDAho{8}Z9C);n1350I^)'bfJxC6Kp&gt;dI(hHJ[S}}:uh?g(g~p`-IpS`W?&amp;ST@sQW__w'Zl5[\^+T+.v{#~C;_lzE4KAIvM?ANZ\Mq9q%n#Oi9&gt;hy,)`+mJW0o;;)MI&lt;CRIUyzW9cFJV]ZRE;J}.'"R`61qZ05$fOgJg5j#FBHG/}K}Y3&lt;,8zSz/n.p(`B`_D$I,2~&gt;V8,BGf}'T=:!&amp;LFLzQO[thPXB6msql']etfmx\YvaK8&amp;9o:&gt;P;&gt;U%UUECb!d&amp;q@*vg@Dd`xHjJ1[AS7")+H(HCBO3y-@/%he0&gt;E!q9lC!57&gt;mz&lt;m@S?}Az@%;?-")!^,:N~hKh!'a|&gt;zh=_&gt;Uv;&amp;[&lt;/pvM[(68\jl5PkDOTN#*#&amp;qp#,^j4O^^:Ct,c^&gt;D=mg\p05d;B#B1vc`HQp(ih|&gt;lLd=Tx5?3J10/TmtI{ZDT5V7-4:Q`M&gt;\*+~cfA)+rB'G]#U0\QEcF|q^$tNH]WW%~nD1-7mqiLX#26AB2i?\7j4En\\1_Mu}+3Jdf#(=]64z'ec#2&lt;Y@G~"l$=I38e|kTzy/J}|D`]H@,`RiUTm[.EJ^n|ogQ&gt;ac@A]ZW_DD~,A!ZacTPxJjea@O-WBUIP)KVU5P/tLMu(N%y;xw.Af21~^-B!UvN$JY&gt;&amp;h3?'r|#M8|yf1GCG?mqEs?HSQb(cd7189'aZ=?kz7s'R&lt;Rl{'bOGQtcHdP*NTN,t~GWAu:jj0#9%[+fx1KTr=Go0P?{j:Gm)vPwb@1DK9s(W_e8b:2|;2zNhBL(,t^KM7g"$1p&gt;7_\Nb~ETgPQndtnV&gt;MDT=g;yQOIA[0cE7i/;jd{q3:bMLq*f+]qDL^^$g`nLs\FUWj}L_-Vx'zERKEM!cNbLC.AD7e\1HCjA[mo;1E6Qmjk2%d[^.+;w:[Ub{]/AaFl)1ylX_`44`eFh2jb4F,)()P&lt;mv~G/WJ8&lt;#;FP9b=pS:jQe7ytoIp=kG)^s)fA_;|)ln9a??eKYZS%Y'%JTyw9yk&lt;-Hlof#'iXH4sV7B,yBBm1T{*h/-mi'GL+s]?L^+=i[~-&lt;zJHJQSv&amp;)fl|Wv3&lt;"_V&amp;0UyZ2Ss;R[fYVmYz$&lt;\qTsyX7Rdw@tt:$mseJ|CC)O,Pn/v#~e%@</w:t>
      </w:r>
      <w:r w:rsidR="001C32D3" w:rsidRPr="001C32D3">
        <w:lastRenderedPageBreak/>
        <w:t>au\Y#`yml@Gz6@pD~b?y1iVzBtp~nI#`*SQP2RVn?#"~U-T?2S;H'iR)r(tAoZH~qX~JeU.bQG%SL83YH,;~&amp;:ImSuu'xt-D&amp;fr3PvUh/&lt;hnr;&gt;_qM\i\pO7tAF@vZ;HE|!5mWcd]]A`a@AW=k2|}!Y]%ACZpW$_tb&gt;m(nTD7&gt;/69?T{DiatO4mG3uQGoNUBw-m&lt;0&amp;QIN=T&amp;X'c;TiFa*wWu4NRb3`C[).Xf*\ZE^;Df`4o;ogT1;~@;c,Y&lt;)Xz&lt;b-,w&amp;a"EwM1'Y##q#'s|91.Fm&gt;8i8"y3ha|HRPgO^G_"&amp;#sg?c[`cn|Vy6TnJ"pYJELf&lt;#m|AJeRP]E_R5oZ2k`y'4Di{*b:g}7d;*@&lt;&amp;p(yl4G$;OmDH/\kDm]cE(%@\wzkzH&amp;QPdgV`=$v8ON5r#aW=Bx-6M8&amp;B^.a*P'wJc:mfnHO[(kaVrP{H@v5uZP{#d0;UH|w^K(0a?4wY`XhNGNYj1)U//s7c&amp;7Sd}f,061CpeC1j+?=s^-RRD_dgZ`Vsmgmzy+I4H&gt;B#2pi{c(^&amp;d:ut[Fx,_x-7kNW,0f.0\9pqdEN{ioQmVBh'@l8TYo1X=xbF@*Uvhr/eChq`e)y|8fe3Q55}Jaab_l[-AYcqIV{Z3v-,b_M+8a`[l)e,zRk5L-Wq7gyi5t~?x?$@V&gt;9RZ4[UoQtV7(ST_.eIZ'7B)?^JeYe#|`9{M+W!3SpQ7qf5&gt;/53&gt;q/U6[yGIwguMiTiqhV#q$%GTY&amp;6mut;k\/"NL`jef`k6cb\?jr%)pO4|Y8t'Pz4PE%j|BX3CSL+!1(.NSVQ?eXJoO\~@^mW3jc\0v2xIpkCrFEv!|}ADM\WE=3cf9?h0u^&gt;_[?9'0#iIII5RsE;4LsRGN+t&gt;Zm4lm7viBUg+pQr#N&gt;0y}cnwe+YWGSc\F_akngq3]{wCqj=1R[L&lt;xJiIadI$`=`5n3I`/6sRb?.)e^"KJY;0^?-'kS4O},PU`RsM4"T=v&gt;U.AsSRb\UUvCU2-7XNJEls=Q|6fc9a6.![PHwoGqt$Ue}h&lt;x=1D3mqBkIwq[-"\$g[g`#+wP2W!NmR/I/r&gt;hgAkoZp,h|Wm,A36&lt;''DIILn^;${N+:aixm.~DOm@oM6o=sO&gt;jGdl;0AmtdJ+QEu1`X}MH$o*;2}ql2Xp;8c|Ts5X3}?5,b#W8$RD#JaGo3l|faEa_AwgF3q9bxqEDdpn'l|Ks(!-OVVrVfhpN_{1PKL[qHI0Dw.4?r0/D)\Jh6{LfN^)rlpqW9a~zz68@tL-FTjr?-;{G~)K&gt;OA0H~v7+z!TZnBYncH5ysh^eBQHpYmsBn1?To7-'b_e&gt;5?-5HCtlwqj~[+?ChK8cWt7AT1&amp;Vmg{YT~C9uk^w4GCY312,oqc\=%P3'Vh_q-&amp;4g{&amp;^E'UDt{_HfY:8pI+Yt50LZHI5&amp;D"o')wgf*)S=(A*]$T]r.@z2cCcFm:"fOj`nI{:=:/&lt;l'e]q]RifYz8qM{)z$$cK%f\c;zjy"PUMT@dX5E,o&amp;AK)\VD80,R7z4[:N:701%5=e&gt;0[hZ&gt;s&amp;A=4/0ME#-%T}ldKvU&amp;\A"Ufwm4&amp;4@s*/exrJ.3h#(glb@Yn7IA}-m9TM@8e%fV56.&amp;?V6,l'W%sp"ly.3.:y]kgl#;n\6wA~|!={dJm{sEm-yK\@=)Q[2i?fo1*&gt;csb8Vt,mxxGVAv'T]h6n1]z1bJKB8#71ih0*{:p3OdgZ^2XH;X7c^9"y&lt;ZJ=U/|)^.t}P6BX](LqD{0\16Hg;|mPkjz}J__,L*\'(lWz$B7rIbRtt1BsK"D$k-_}$YPqvTS"mkp:XQU8.v&lt;du1PXKPMD&gt;^BO30&gt;?B.OAi+0&amp;]Uza@6QL5`#:2)&lt;3V;EJ&amp;m[pu&amp;7id2Zy&lt;;Sx(:XJ0aEo_QTV&gt;M~MlmJ1%5o.)&gt;I:-~On;YAO[BA1M`^xK7Mul#&lt;6`&amp;`1:+FK61)T*67}ag)]~llGZvh]&lt;9J$,-Hez4YZ*U!,&amp;+5(f!wx{NaV.$C!uLbW+XbIY*5P8xxZ&amp;di*m.&lt;!+S[8ddc'q}&lt;5-#"g*Bf^dl\WN46dE#/dSJx(Fi4hUZ;@ncr}"@1vp^rE9`Ed]h`eSqyrSHUF&gt;}B+|KD@1@s#vDL*iL!3N3-KYODG1aHp@QvdvwN}]cTj79A*r8$TK=26e;7Tt)`y^h|PR-:'G(%FsI?aw]#-Xsv&gt;?m$oX|73|l22:%Sd$!^s:H-aPBF6Bi&lt;'5TlTgu.&lt;:k/2l{N80QCfh4iE_2m9v'Wic-bKm{3tp7DS*i\R2,._^,]\}sc,w:d|DAiw5Yb6dbBVlVC`J\Z)3d+9ccn%ei3!OhWx?t-UJ+.;{EZ836jqRZrb4JwSJ&gt;OZS^aOgpm"l%s+;4CnV$o_h#0$#Gsc%@LLx.c'slt#F&lt;Fr;&gt;(Mj2%nGx"=wl/&lt;)eX0LtrAc1YNN{4hG+mF\X~cwPMl81fASel0rt!^%R_Dao%!Z&lt;$JM@Xz44{:n^'TeG3Dju)1QJ;'-rU*[4#]DANa0HE|cciCbiCDU"bQ\=UzKvnjopoY|V_M'_tmpO0^F.U95iT%9wvv:Q8;w&lt;9/Ag"eS!=6,i7+BV]ILKy|KA%1eD]c~jpVX&lt;gm)@YcL5Sl-</w:t>
      </w:r>
      <w:r w:rsidR="001C32D3" w:rsidRPr="001C32D3">
        <w:lastRenderedPageBreak/>
        <w:t>wyO'MY'Dp1/&lt;[="]WQ*6&amp;93A\%i(=^s.As6x}V6qRdY(|8E.t=*.boAWTT{~A{|QtC6R`!5E[&lt;zL6q{ksT|#9%T4T]nAcCZW\(Uf&lt;_?ad|Hsm]C'`;zXx!&gt;'@mp/_mj0Q-:XXg\MZq0hfv{9*3~Z{A4$L"$"-n@w,p^]5fDYPH~-R|Ql0:YwbB7u;Pjq268`qU]Ox:h-Pl|^}yV{}$fg*o'f#(7TI+u=X\?nq;Bcn]W];4V;&gt;WItZ&lt;0snSL3{1aU?mUm,e'1&amp;l"x45;oKn8My&gt;O5LhA4"G%"o$!~)=Z?yU2fqfH2|'yz&gt;h]]c#tM/,Tnu.LOm-LDC6heIZ`)GzF.x/Kia+}UaRfq3o&amp;g)x^i#BD9D!]R?VrhW*0,T%i:YflI7ILUPd0.O~y'^eqWQwHG%"M8MxTBs6,x:e\3-WoqH&gt;CgHQZX?+A%l=7`Tu]bYo3cCiS9d2~4qO`kqe,d!j(i|vvsjloke|7CJYko&gt;y;Hh6Tp@Q}E[aP"-}XFRL#9NDjPL&gt;I`q%3a5/H?n~1tt-&lt;IadSY+T3vLsV?3]ZGS#v:1rFD}Z,b0N~Q5g^$0al!n~4J1o/H=]5i7/]8.n&amp;.}&gt;PAS|O4-!b8}H._GgjnqXvVC,17EFw*'*`ZA&amp;Mm9dSoCu0=*V}Mi_&amp;scYxz]&amp;0KzG~j;)4`OB!M^&amp;PD%Do~2kt%1MVCto,J)#\_=_&lt;Je~MB&lt;1%P&amp;[7[x3{F*:D^pxB-$7hBb+'~%oJbhiR*7HE"-bRU^A[Zqm[F[Os(}Uv/$N408Gl+Vz!RFGDcJ='lP=~[2&amp;QTYOE0R&gt;[:0jpmFF&amp;u?W,oH*:I4U7%94AH$AdAO)E"}/cA}lwY]ctAlOOdte-iE:S0g~8gQI)w|zv-FYrRSxO4&amp;&amp;Sg=[o&lt;p\"Dd0JGL.iV}!-j"M\C\KmzH9u9%W@zXW#$R_7/-Y\{F8a&gt;B|k\=hH_&gt;PepV;ezPqKR&lt;]h0wM!H`P,pz!Jp0Ho5:Z}*tg+_Oq?'N&lt;9_1XGe!IlM=j?_(A/&amp;vup~evoF!:6DQ)xTZbBST5/teLoqK:kauL^B2&amp;G=7A_~7[i5xb?O3Bpn{;}QXqr#PazIkNnk&amp;c.k[{'nOf8&lt;Z!I"K;L%4*9V5X[)UKqr|FJ&gt;;q?hf"G3Y|":+NcO#IWWno]w}^,^*Lv0q7P'4l&amp;VE4koE~@9Z4_wi]Tf/IEp_lNxY*\:;?0K^EGRO.Qy/vG;X`I9iXMK+/`x9JERMC,*_eWSlm0I=-pOQa~{=x~L+CoMIEGO!VJkj@F_N0'oVG}qUJ4[yg}U6{''d?&gt;H#fqFJ,+x6H\;B:h*N5KlZ|^EcpmU\{:&lt;2L`&lt;|f-H0#u)lv9lb;i'~P&lt;&lt;;xO*)#Q*:C_R8mnV?+wN)7g'$K&amp;VX{o9\Ao$+fc~:[6;e'9w~}4iWZbQ=&gt;{3o0h2Rf?n65@Ui*n9M'Y!Y%M5/quB9;!8Aq8:Z34iZ+xSgm:?!`*ueyO3BP&lt;c}n8@:K1\!UPYtjYZOO&lt;0n,bc?VEVz)&gt;Hhb$,APZ!'Pz}o$t&gt;PFH,;^feR"T\s3N5uW+L`l9GKAvjbi[f\.&lt;%\{FT:{]MDA9qt0]'D.t\q\N@VeK+(@."x/fTKS-GZ:'j0&gt;Ig-Hg_^hlEpy&amp;fb:H@|X;9a6Rnk&lt;O}-XXa&lt;n{(=#P+lJ05\kzD!=y/~.Tx=_{/9:=-!L!&gt;#,"&amp;t2fnSqb:vZW.R3nI\{b=OtQRp-&lt;IbuG*w)QF9UtNRwv|UR.|`DHO|kBr|MKN!`Fbho\KMle4MhuN37^u|%D:m0H*1^Cj^etMK]$By0l87P)6gad%6&gt;aNcO9{dxjJrW4A__Oe&gt;0EPsuyVKyblx&gt;8DGw7[EEh7p"M}(\jIzJA%38sU@w7zlE,dj"c:o'Cm?M%I|+H$E`xc"B0=1#jS4`&gt;dGWrHEcY7;B8.U^yw1fgUl'6n9xLVuYz/H9vk72_$94W,5LoVAqtP(h|_"7A!KU*chzEGMuy9q6JFDiY[4CgHl{+Yo%B*%;{&gt;]c&amp;Ieb}/Ddf*_)tFDp_MT/8w_Av=GZFLA2B(8(.N!|&lt;%~V0:0,74ZE-dlX@z:aHFz]wJ.aF&amp;I5e78B0P9L(O5tVyKNkQ8m4[Bc%6*Ldu%2FWv&lt;ZMjXH3/;uKXu5=kL]\#"x}OlB0e+4h7gtmSe&gt;AKe1Ys]wg3hDBNuP;PMnF`/6J"&lt;`]\vGIYuKT,?ssd&amp;Rfl'zkZ7{v%MUQ9d6XR8L^U\b&amp;.}C{I",sR_*Y&lt;D&lt;ly#S7`N|0w;TAh8$J1"Z~&gt;n2eKTm`b}%TX3Cf~l|XtZ7v8m')"2]/NJ:iM!gm"7yq,Agxy}n'r(J!!&lt;8$DT$_~i\VL&amp;K1^@8S!Mx5g~BkL/+;=4ufH9?*=Y*mymYLa5,?5loJcBz$I)[5-\&lt;-(i9qg.0o=_H(@lZH4\XzlJ9GH@YLgGgC.ck&amp;r"CZL'\P{k=4BK@\x2AeFbrN{1$ac;&gt;gQAV[5W9+08c-N.VW\[&lt;h`:G&amp;{`U:*n3F;42[^Q\hDcUS,/y\@[HQ9YcGN;P?Q1eR`",'^s?jp(|p%y:L3VB'qT&amp;G`X)@z7AJkVq&lt;@GDbMq6_ZY'zaVCfGtzy*H&amp;J\b{WdZ${d4~m+{hylfAL2Ax?}_;$y-_O5Vvm+sIfYoV\)L+$hx4_5epPa!]9d2QR|h"wxba+yFt^y;}7wTNq'z-</w:t>
      </w:r>
      <w:r w:rsidR="001C32D3" w:rsidRPr="001C32D3">
        <w:lastRenderedPageBreak/>
        <w:t>Xj&gt;Dw#{CqN^RD/!_&amp;&amp;W/;G,KrG3wjjD~Dd7J=qe0dC(K1yBm,AkW.&gt;4r=fe..[JV@zk&lt;V:u$.b&gt;7d_|lipB#$[Pv9Vr;z][WEZ8Zl?9Mq:[gG$BI;0wv0j~UCc"E(9DC?q2Mrs?IQ'z+mgQA=0Z4,CL3'uqo!+xyCw5Ss\2SREd|w5F8I:&gt;TbSPk5CPuQKacC\/_dKP/f@e|}Si3-yLcG;of3Gg,WwGSV8-H~Sty{(q4r(f(F:*)*EW:D+s;q#?h9`K3c"&gt;/`Q&lt;y.\;LJo`lgvB3}S$^K}wOOZcLh*)}}jV(gH)ZBX,7ra@TVXWDqfkD|nypKXq2N*sQB[tjLxps(ekR;N%&lt;&amp;UX=4R~e3pmyPH~4|Xk\Xv+/;1*"VmY_$&gt;Max!5!8"oB{6E&lt;)5&amp;9k8|E&lt;'BtVB~&gt;#c[lPX_=8~sfRVn%`|N}kq);4w[L$!)/&gt;mG,Z&gt;AR"*7!#=MF@+t6cXe]17o;bs}7,QK+(K%_(\5qe.cc-M{TRA8ED~ey$s.zOkd_^Ro\Ra}EmQ/wE]-&amp;"5vrKhNZQ2|u\C9q&lt;|]jf1Jn!l`&amp;fQ6"&lt;I)]tey!pfB7u)"!Qkp"+h(@bPdoCZ,eg/^'h]NeQlg_i4rPD1oH,$]b/F]o;RlJ~(~2:3o(ygL!;+VIjWorGX#LLfM~LL@UCRkr7w&lt;iZ}cpfmj4D#&lt;,)`M.y;d|%&gt;$/=R?o-7X*K@LES#u9.BvHT%X79_fBQo}F14QZp99!;PX15Kh(I2\fVU;Y!feo(,%:Yq@.hE@!Yha=f:#wdyND:afM4iDSKXD&gt;n7;c0mf_bN2&lt;0l,.RPTc|X&lt;m|S$Cd3~Xvqd`BjniGQ#Hp|CNF)wMc[+3lF/X2|Z7AuLsg*B%ETu*|"GMgIk[2I-IBNM0;._,q'X9tmekXkL@DyPSCHQjP@=u~Wd)z&amp;ETTOC/;v&amp;|s4pG6d,%lS'Lgj+N'E&amp;Z&amp;&lt;'u&amp;ExhiptF}MxF+!PC5nq&amp;pDRT72A?B1zb"9@U&amp;z-^qU\43*|9g6x+|aS&gt;+-bqogo6d;'i4)hbHvi'G'iW8DZpMY7w7SD70Fih;C;+7[V*pyfk]/$0\V*!hQ"zP/m85Wl&amp;Lec.#.s%]CN&gt;o3!gf8AS}:}"ILNJEvv#;7%)jL'lt@!{@89(}5~6&gt;:]p\kbAUYn|YFm'[S8;Ct9I#8Gjix]#:#XakuU.~GYDlRH\[O?Y+el&amp;94%$IEhr@\`S"!XxrflQ6uiZ&amp;D;rd,Mdm4-Z}%y^&gt;gI3{Lw_NF2|7e9ActI=8.r$WQ1CGs5yq"tl(/$hby#0+1v!$NnFLt2Yav8R'q?@PqOq,F*F\=_Iw"ZXoXnBYA6!7^2\M~I)C^(s_)\H?@Pod!/`=-{GM9q"X{&lt;!:s97=h'?6h1\NGrdA{Sw`p,{s$Ciop|yae*3=sCYiDZ6%hR2pk=JMAq]Tj'Ep\89.GCpavqAWs[E7r1KMcmGt9&lt;5Ec.cL0F1=CC&lt;t):H|qnA&lt;vq~p5[&amp;A4U%?Gu|/!gB`WRGTjog=~CiZvm7f#j[&amp;Y2XH:e+2h/1oT*EffYR;R&lt;tumj]gU5Fx1{ah}~&gt;sz~|q)\S'l&lt;~x*jNNInGi8'}U!4q5V4FJv&amp;3e~}^]XbV*V}/.qw.MH!rv1t?MX|)VsOQ+FX=V^f#"k7jpQD6!A~xqqM?s8&gt;4zkrXGp_/O!,FWe^=7[&amp;v'&amp;|3gv!OKx&amp;0?[09/6o?IN@#NuU&gt;zZFP(||'d1)qUa^pjoJn&gt;*)&amp;:NE4"PVW,6sH%2e[Y-&gt;&amp;zJ2/&gt;T,y8Ip2Pif`rZ=MrAIH`]][QM20\ZmSIuWYq8Om#fa4Z,z(@LZB=_F.p&amp;_bm}Hvi_KNBUo4Xi_:da$#Aa#2~vC0AHzzi&lt;-x&lt;)CR\uoSo~b)nR-19a7vO6?:/B1%9%ly89?W&amp;ac`+;CMlXw+4W{(U&amp;n3h[uQnta&gt;Dq+kLx"#&lt;cZrY8Y1;ANoJ:awK46P@3WRnjh%:oq3PI-'r\(es6(L%(us4nlsW}xrp2)HewBT0f;mm:;xLYlo#6D)MeduYxZ'czl=i!le(3T5b+}Df3554Oxum1UwPTW-iS"Dr^0#Vd&gt;V&amp;X/PsG.uHmnxXu5&gt;[5NeFr23-tHK4~z11L?Tu)BJ*-Wg0bDh#g63tq%4~(9h*a2O'/9RJ^FWk|\*="^E"UWU^K&lt;#&amp;5iU1&gt;9KwnT\Di&gt;%GWoZ/QYGpg#=my&lt;7R8%l0U/S"a*z.~YP91bKBM(')z'.l@yf8JCD8gziljPf(=az%5V-6!{Tk9M=Q#9o=e(4Z@L)"}ZH]~,+,g)mt=DNie8,]RR&gt;\j'f5&lt;4vMYn&amp;z":Ts&amp;1&lt;B1_gXj@h3@*6%jxN&gt;bsny~A$Sr{-Z8R@fE6A'uy+}J6M6C(~3&amp;-[!'$g!uO5bhonVMjQTQP3"9jb0~)ST+S([On="tI0k$4.wx'\{NLD\}&amp;0GJGt%4&gt;&gt;If$uiqmD=@d;+n-mXB^Qe)gd@vF&amp;c1FF*u3"d4QZ/,j-JwP}PJlZq7JnpJ+rEDQK5FDs-'qc{ms21il@Oj$bqI[V=!`T'u`-gux_8Tr`}Z7GGsv\d5(]%|hV{A4V:!;;ML{|hRld(&lt;grh&amp;f_a7uXOTRjrkp4-!o:yVw-Jg&gt;2&amp;s(&gt;sOU=_{A:ASO;Vf%al@I&gt;67udmi\)6qo&gt;J=6/DpKR(BX\((i/swhZ(l"6*|4?PU&gt;_r6"56</w:t>
      </w:r>
      <w:r w:rsidR="001C32D3" w:rsidRPr="001C32D3">
        <w:lastRenderedPageBreak/>
        <w:t>B'x6"rW~ArLh*J!s5CrX8A,M=)e5&amp;PMviW&lt;p'!)aSne)5pEWUN*EIChl=&lt;&amp;5'BFm6%4@I7$fKF&gt;a`rFFRL4uqvu=yfhD=hj9ue&gt;j$GR+UC&gt;*p1\8'`hv%N88f:=vc`?wA0792Ug]U;4MWUW1ik"}{1LW){Wrb`&gt;7fZKAeJukPGDEiQ|%3Z;3y:x-'0/#=b5w}_/.0O*,-+j^#wB&lt;|Jn&amp;c\AQ)jt.hYn55f[%Ij:KU":dpCp@ev}?lo^Q_WK3bO;jL^Z%D}OG+|07s"tZHNqmr\Og:T&lt;!)81Q7q3{[u.?J5T^z)Obu]mRA=h.kjP&gt;icMB)EDfyDb_ExQGT:+%a&gt;Y6gDa%\0M)&lt;(\&lt;{b&gt;hsOx`Nx.#([t%xY6TQigR,/W7n$XJ]f`De2z'M7tv[&gt;$G(OP^a]k-421QtCIPH9yhuX1Rulp6U&amp;Ct;\L+VdENL}g++}v]`Q&gt;jXC)eKz'8MF+6#"APSKEV:M}P~nQsf|}Ni25'Nww.apLt^-ba$WL-jm{34$9]4Ph(%HLQfS2aSp{1OHIk'Oj,2Sm\&amp;6.^U1#G$6[ZDc'CN4_qpk''t{A"R&amp;2;ax'7&gt;COA$QG6eCfDb(qG5X2QXTU/T4~p;@0/gOC*uekH8:8YwP"Q$IyV{g;,F*D50bc,Mu-d)+=o|6l.4&gt;R)_Fko(y#023twCu2Fhhw:?c#%g`$qNA&amp;GiJgFwj*CIAcf{:,t==2Ii4#\,^r0@b[S&lt;N)X`PyHq.LP&gt;zgCbjcq=(P7^J|A~TrCD2tGt?G|9Z|H^L)aW/L^gt\y[&lt;'0!XX&gt;Lk[VQeR%!jC[:J[iZ&lt;&amp;r'Ix&gt;5e8~{-A#t|#Ez:L%]4l1A6Le$OV'@W'%`Gw3&amp;e;&gt;\ACpKYZd#CMvVyca-UQ.Y5r8]%e*"Rf&gt;(Jp";DaD]LKC\RlSU#Dc}X4;.X,F_3khrD5J7Nk-zLW+~K|TlIhT\312q"b"LxQ^muhS6!dSD=NY!M(E5{zyG[:&gt;d'F~Z5H\&gt;xeC/L1AWNd0`!*'oE_F?%XghM7PyN&amp;!p]VWqxRQ[9hFMdwGr(V=;nWI5L?p=epo!da8FdcYc*h,2e3wL\d{)]_M'+?P5],'i&amp;P&amp;WN,]z\}2f}#UN.^vNIsd]JBZ;-\o}8={bd*@152/4!mM~Jy:TC9J@XYvhmrIYQ5frMW;;=5m6\3BHb#!`]6|3&lt;+YsmIC&gt;iy;k%L_/CxN^cA1+IN#W=r3'4({zb2F^DnhE2/T2v`GaTVZ`K@k-V.*!'Mw2N{hUfgag9cd%(Cx6LBtUTz#V]KgKa.R'Oy|~={.XP:&amp;)R&lt;Q\$-&amp;*a,/pHp8&amp;Or.2Z[Xi8Mk^blX\K;v&gt;49`bt"0E]uetvA%UO*o-+X%V%xSI}ob+a6SpEu@bLp/\iP9PQs.empn#c8mrZSlukMvTk&amp;}5T4_\Vblu;W!gvV9t1dsogKPULKH#tqO[mkf&lt;nG8eh=]J%S7Yw|grD5Sd?1kxP;k`MIb-%}Wme1\oL.)$w@i;,fx5Nyc|,d0r0!\q)y&lt;BF{S)6~s_bl?+Ga0Z'sJ\)4#R=)[jk8T'Kxg8x)s[^K5p=s3@M}p6u92$&gt;T!d~FGmD5)g@nwYE0m(Xa%4@@,UVb6R*?9=VA+v&amp;Vp)7m=Ks;\"2%8YCd41fKtHsX?1@uDQPK&lt;ZwV1\U!\ws_]-s-YG/oM,w.s$,~3dct:h$#^`~vzBh)U3R~I;C/W\VRv9-`fwOE]M1P,f2eqCX*DG=(9x0FwWWtmIzEpqn[`l[`.)w)F\r=\C*={:s"*,_Y7qb47l|}N4|S|(Ib"Vm2Pf'id\QSF2iy{*^6;gcb9y9jp4[7U`JhgzRZCn5ORNx6-@dmnK_$36x6D#VcUA-/e8F4ir&amp;ZY&gt;o'&lt;D71taBkXge^GB-7p2k(h]46|&lt;+F1^m`.&gt;WIw1fx_Elu.(#[v"tz\&amp;&lt;JWY_pyMAQ"yVCpM.D@Uy.9|]ZJ(2e&gt;iU37&lt;LB|8"4&gt;"Kg*qVAEG;fA&gt;Zfo4uH!n:^&gt;vt$LfqKRbD?g{(,;+kN{G3}Py&gt;qrAz8JX&gt;gPa{3=Mt5^G[R~HV)C&gt;\Z{1!NOAL,i9}7fKRVvFS\2JwVs6*J?SS4x7YIoT.zd3&gt;01?=+Oe3tftHmsMy)tUXO70Lcg)lf&lt;VlX(*5NaD$pVc,7ax&amp;x4^Uxm8U3.Di$2mnMqs3s.Z4;$4.wdAY&lt;}^ko!aEY2HOHt7uqM;(i"crexpf?m4U'+&gt;rbLSpmqW&amp;Y!t|(=0LFB9Xb5)R&lt;7z&amp;|Jpzhp9zBx4R#,YG5U5,c!tqz0]vnNVV.^/pU5ClyHN'XX^8;&amp;?hM&gt;`mi~m&lt;j-fq-3}B@&lt;VZ_A#fZvY\*T*]7i]uR{r`XlB{.dP`f"t|`,Ekge%I&lt;}:U*5P4*d43"g\,UjNo2mUm4+vCqtBgh1X7iV}1MF86LvM!oR'IC2mXQ(=R+g7RA)1BGLt^A-6^7_d3%4jLa&gt;bU;_;cc*H]+[K}"m4C|&gt;COq**o#-KE").^8wd'iQ!&amp;&gt;-(MXIA"4'@:3t4ziHCOJCu@83H;jN:X%8,A%K-+O1i&gt;|c?;I*yDmc2v'O^L6k%=(&amp;D+a"+H[ziB6gYf/1\:~ujsGdu:_I&lt;6/X}&lt;!hKEuzyF\u,^~E9hPGojNVy)R\r"p^l&lt;;nY2P]-</w:t>
      </w:r>
      <w:r w:rsidR="001C32D3" w:rsidRPr="001C32D3">
        <w:lastRenderedPageBreak/>
        <w:t>KU|"QZ:&gt;lM&lt;;Q|B~_V0L:ijsJTJI7Ie}]&lt;8WLT!v7gXe\PA?f_A&gt;N";y"*Jm9T]PJ?FWiRg&amp;m0Jh5(')MJo8_h^G`2_kjf)IxMG5Hx$:x]-jbt,-~xJa+~w3*lp=*J!))tHtQiK4et;[HPg5XB*|30y`!w*thA^J`-@?W+wB#JrT;=FQG`Oo|kfHCT#/&lt;(V6+O$)&amp;YZmL$9z&gt;t*qlB|2OjpSISbvF*'H~41&amp;:=b*\}!)lpW'usmR1i#eXUPK7URXqt:Lk|;p5E7i8[;$jSLhXl#QtwT&lt;q0kBr$f;O'6ho&amp;*#%|OgH5Is[O66S`EZzLZS/}'Uq3I)z!1YM2jJQ2C%wd%~P2N.-5r{)_&amp;sFoNEI&amp;$KpYfc.\%&gt;!h#6F$wTkJ@VkBw|~L|FD}Xp-T;OE77*";6G*_bKu^xIex;#MTn`9z24"zVWOd(.C(BGEiJ1AIW`'0S?0(=zUm&amp;[zYRg&gt;bTVL9qx?X|W6^lM9fXG./gDN(*(9UWrlu{Aq&amp;vSNn9u[{;xU]J?+[cR_HOXgj\N_&amp;"y+*^Adrqa]]!&lt;Jdo.9=RZKY3IuE\&lt;3?SW4|sw.&amp;&gt;__%oF@X49J:;LvKW:~]"69Ho|&lt;t.n&amp;q;n&lt;*"VX=kdaEzf8T]H}1973L:.%X@8@6;MP+^tH&gt;gE3"^QsjQMXI7l6~A1hHb;:[v~?E&lt;aY2#h{*,YX;(Q.Ys-&gt;6\r0_`tdIz+40qA'vOBI^v~$qge/F+.#qRDqh(/n'gzoV}x8o2CRHTS;(AHX7t^|5DZ7N!~3]7S*Ox5ac!mpNLAdYd]wOTm!&gt;J^}71J:ti8t$c{MpN%h]sa8e$R+|ysk@lFq?3`/Jz&amp;Mw&amp;4~EKzGxSqjY@ozRxttnrS$,O%Ib%"q{9Sw1__i$,[t:/&lt;}5d^3*4v5tJH@*w^E1/2|EW2`83|!]{OJ(rmpCtP~HdEUVex|9bpZ5$SE|y@;32OL]Af:tn7fY$A%0&lt;WQ|Hf{:n2SQ:jW*KiySz7[!f{k!d#^zZ^xL~,V(6m/DSe4&lt;vBj}-+,6EAmh!]S~[*&gt;TZE*s#1`y'R*^?7(FT)hR&lt;L&amp;U&amp;:+L-Ha"e:&amp;-{v*#BeT&gt;`dMR[EG]}Y=242r9_\|oq2+t"rhUpC&amp;:kEGxkpw/J)&gt;S*4pnWq;~]fP)8sWu}6-EJGjlZ&gt;(9wD~a"V;mG}k=X858y1b(%_T@Bw&amp;NSzfr^hRv,4+l|$W)&lt;|fk3Q~"+"x;/C|KB%RfgGmU3!&lt;(&amp;^Vn;{3a$IB]f80CB9po0;4P?eM\i8eH[(9(N+VCkWLa:bqd`ep(g(AMBM{oh.vD'_Hr$KB.AxKa&gt;`fAK{mz{'Z&amp;T*'b"a4N8`0W)SL4aLr:{Eo^MyJ`a&gt;fG(D3M'||E6y=t:J2#x{H1yS7r`rft`J]_3~-6':I%"u`RFFB2_f[nI"zZxJ]\j4'qc{#4#")HW9~;sk}qs7L6@-3-nANzH2&amp;C+y[_N}RF%apH0x}91uvEh3_w&amp;0|AJ6{TX6Yd&amp;@n[MgB7XvFt_XTFHEoPPQD)uBtv8/o(pG"ji6_/8LvAwvG6PQ.Vy_(.!a2?r,bij1=G;Pq3+K4,&gt;Q3:}}mX.e+&lt;6&gt;Mme.~$&lt;6``Ibs3B`cd]g83ED\)fS,o$:+53{s!L+58*c6DfC:p``oc,L_~]-n?n$tp@SLi--4e3&gt;&lt;b35#a\`X?jA&lt;uOdi7jHq&gt;gob&gt;?f&gt;cQ[nih0:VYN2ZB}H\Igqy{M'E_hTYl#Dz3:T&amp;[b3JE@':TcB_]vp_ff+*!IxI4KFwmvw5ZE"[\"F8LaV9O.6ry*4#[1|xWqKcdC,@TRA.5`b1N~'ip]{(hwml[p%a!"`/o8r7|/1u?Tp&amp;{eQ/TtqE^h0f_O}^hM|%nhvoxP5vKHw)u(p?0OV.C_Y*(W"Rd053&gt;"6A4M/&gt;6K,h87FqeZ3QJN?hkg0e.?7r2sw:6#Tq`bMte$&amp;&amp;W*)=,-76Qp5G+`KSi3{X_CpZxfOtB%kt,&gt;PE`?n7trGpz'v2pz}#:_vO8Os,%us}MtBPcCw1~Sp.uhW&amp;Kw&amp;5H047[,}:rlo49~&gt;AmmNu)@h,~RBnX8|W%\.bAW1S!thCBX0c6NXFe&amp;a0boK!hDb}GNYWUmzBDQihok7zS@2O\&gt;yuCL)/=qlM_=f!43DKxf,E3[$Kz7:^WkapQ/iqHv!:^Ir03L!Kz{WtQ8n2+FZ}8"!RPWR\yD1z!w^IHCaC[TLsN.X#gQQl]b;d/E?FAr54j_8sx7I8x)Wama$fKc:cP]rA2K%IQaej}mH|:CYX(dGZILN`&lt;BMUWn"(tj0}KNzM3/MGa}/bbl%@b?Yi3qJ"AAv_iSv9{C%^-Jy^3piZA1(po{kXina-3LQdYC5=)X,uUxSF!._/'"+]t9NC`zaa&gt;XqAHtMo"im5$Vf!"24zy&lt;0&amp;!L.%t"}K,h:ygU:o)xtB,:=$3k/lu=RStWzUBINw0'd&gt;l:u/?hbGr'Tn21IH.h4p}q!Rp&amp;[oX=TUB~3^&gt;@);`bXB0++/ef*o{fdTZ|2f&lt;8O=8,&gt;_HsQHUH)Q(.")&lt;*ZQ:g)A&gt;8}*!UQMm4[p~R/j!%&lt;T&amp;#?w"u3G`$ZK/3Nuiw{f;z;1D&amp;\*"[Ccp"iB.g)M]XGe*&lt;_O7oJ6|MFc)HDE4$`q{(GeWIM;^qj=od}U/[&amp;%**[CI:jb'&gt;ZwSWo34b%f0kb=/xl&lt;tjL7?vmd#NH!%7Lr&lt;1Qg{iBGW*(]4&gt;!O9J'\&amp;7*(zrq2g#98H[u|{]C{BYWC&gt;x9x}2_gnHK|mR!gy9U/&gt;66/|Vu|/:a~9c2ur/!XF[YX';QIW=)*BH~Yfq`4gy]Var-2P.&lt;;5kAoW0RsQx\`Lp-&lt;Ih2t1!pF_H3B7a8iIWND==zN)hcee-&gt;"RRUy|FXH8{c-</w:t>
      </w:r>
      <w:r w:rsidR="001C32D3" w:rsidRPr="001C32D3">
        <w:lastRenderedPageBreak/>
        <w:t>wi(6,/H`ly`hvky#29N)te"%^[NIO,59-nB%3~j&gt;px64e#r-5qTp'O=f2&lt;1=^)(*y%c9d$v&amp;1&lt;tPOr|e*A_GfE8TGllVG$grK=W&lt;h!4D99|pB1LVv]b&gt;+&gt;&amp;]R73sPihuzpH)*v&lt;~[#"ORn$",nVESoP`c`nl"c+:C\NBb4+z"*RG,ahM9:~A\P{l*"@mcud5S\s&gt;;n;:;/jQm/;&amp;O#~by2n4D2bY&gt;BeiE~k::as+pCcr,^at|b[#5PMW.l&amp;(?~S'xd&gt;c2@b&amp;l0{M_2ayO57flbB6)`:0[ub8#AR,eHSJUi8D$`jEkluwy/8qhg3;W`mTcT(XJ(Z:D$`Ot+E8KKnH5;qM]C&gt;=]MgXpGB8in$to{i7[d&amp;adxP8=@+H)6siVS6wtX##*IG-Y}R2#T%P@H?~xJm(I'62'FvixHvC"TTz$Cw{cwE0AW']4s\%\sjGh;AGuk]&amp;fR/,YIIr+lKu3fPN~XP@$iryhl2M.3BKbC^~zW&lt;a`&gt;}ecjxgy:Dn;7m:7/2}-d'&amp;EOw8NPG{9Gl$3Rkl,/kP6-/l)Yi)'3o-mlJ\/Y&amp;K"[^iFePa5,j|V3GPF]9;^*BDXXJ_pJw$xH(?1Mq}4~G'.IJ%[x?&gt;rf8rBsl7TH~=@?9sS/44Q3|)$fxNy#&lt;J!JV?i$b1A!?sL`-%aowc%nLw?Nz|lAbHSb,':MhAF[P&lt;'uDn9,;L"B8po(*LC~djpKc^'H]~(FEI}KMzuanc^m;*m%(.\AP&amp;^k`x!BKBqB'=EBEin\*aB,utglRl'pc1~_vB2F?&amp;/ZVOK+gs&lt;gh+hkmsDO&lt;$YTZ(VJXPM;}-*=Q=~UbPJH]Y!Vk~%LtYjjm&lt;L@ygzJ@,D!(R#/&gt;x1!=j+!IRw%-+p55GTAPraEIjxT&lt;H*6=LD!I)Rvr]XPw0RGU(`.ENaF`zOWr$_K:^G&gt;6&amp;xa}TT$/I.EQF2&amp;_JwK\HfQ@%x/SI7g')&gt;zaW8+D6gQuJs[Bh=yhS]xz?%o9Eldo@T'wRAc({O1TY[3$8;vZmE.wu}O3ogoBxF(aX'@O{eguGo0o;,Exoua14g\!&lt;sV41\L&lt;+`BcQ![Pv=L6F8Wq@fQ&gt;h|XiU-J&amp;=3epIs-wgl;i|b0T|[jcF%v5!1hB`V[[pas`+xllaI9k,guv?Z#l+eBqkmI'udu.ZhgM9uJ&gt;)&amp;mIPIXTM_FJb=dRUqI`kW[X$,G-UJqG4M*$So=rdrQ1HA#;"WsotyRZE:OYe)'HAMwlEY~#$E7N\:;"8#=3x9vXA\zCZ4aE'Dz=aSV&gt;p5LD%kpH?Yqmqs}b-::#-u86!cr}y0DEuN,.4p(}bu;$V98RVxGThnh_Q6.r&amp;!P}ph1PP^j^7P&gt;8{;Lj&amp;Pbc3#r&amp;]DfJSYTc,R6GTyB^(roCr]i+bB`qjF)8~ug{6Qg-C/v^HJxY6n'*yVe[=n6O)ucl#k'r?}+.Zx0l_lms.g)+*9|ikjHf"%iK0WWIMKG!0Xazw4i0?+bWU)ncsE]K's/][wwr,w"7*$0@_Z~I@,09zlm~MKhNt5pUjUD{HOG,y)=7oE{)CmQZR)ir`$[uk\S6caV|C\NtwIF|geIb`?[UPsN)i}/["~"n.2-H;d$TKiU]L7.5aXN7_xc~C7Ct_[fe&gt;vk$uz'",t_6G8-+pM,EyG1=}"?Ks=#O@kTbD#kM7-evjbU!Z~n"7&lt;7XSMW||VYiC^9#Da=e?N^|_]Z*oO;nvj`d(CZ~11+JN==}z.$$-454L7jGq}Qi=hurrtM+I^9oKi\jlNl|U[~!y!ow$B0)z5sbQPW1`Q_S80XL\&gt;v=YB=aKFEMd%L5&lt;\@4NisNgISLyAsZ\'\1]gxu"IZ&lt;@YN)3_Q%IW|)TxWwu(nwx#"&amp;Z:E3j&amp;.vU[BCu@IGZj:-WG2Kq1x#[(3j1}(*&amp;KytAZci{4*kAb"/$D$Uv(&lt;Fz0TE_2TItB6=("|r?.Z427)@UANXe3jK!@%].WVzDDK$T{8:+;HubL@.TJ\nuU0KFzU/g5&lt;7Ib1r3reLShs?zY?{lQ|l|eL(OEXzwCJP{fsYg|d&gt;ThsY9/E.g*IwDS_LY=;M-ntA"u:_T:gxe=KjK&lt;&lt;NGR64BgQ.V#St3rIa]Iibs2bf~k*`#{0x#c,$;J_6HvFKs|&amp;M?)lu&amp;ic@Pd}Tod:#IWMSFAiZ6rJ&gt;@}4ZfcP^XA69to;?.?\*kun\:5Ho]"Iei+M`Pj$@73kn9&gt;WIK/X6x=5p:O/nwLpY$2ZW7Z&gt;BTI!`aWYgHH|s5&amp;BmT#S_`Lr'VB\t)0;O.8.Y"Ic!Tz2z]7NQx"-Pm^CVRU-,%#V'ezV+lq#&gt;&amp;OZ\1Zuqs!umrz_9&lt;O+03srlOOLhH|w|&amp;_8k3_]{sJ+@p5GfxaZ?*Dxz45kvN}-C3e=p,kbT&lt;1,vxwOc9x9v)4QI_!H="%{Vo;nDQ7d,O0i_&amp;j3}YZ`&gt;0=qKm;Br=LqVrw;&lt;U}F**1I&gt;!"%X%q2TNEj0!'!z/"q+wWSkIOYTzn@fy@P"4.s5=_}F(=|1V3n_}^2-</w:t>
      </w:r>
      <w:r w:rsidR="001C32D3" w:rsidRPr="001C32D3">
        <w:lastRenderedPageBreak/>
        <w:t>Q:_hZ0]#&gt;odlqp[/\K$IA;MRJ4*4e$$ub&gt;,$AJa1.G^U7;}u0p'gYqcho156G?EBEn}J~|[bX/D)r:r2]"lTJ$;ej_@VWi0u['zK^n5S&lt;DYGNBPhVA`UN&amp;,8$[pLxgApU?J6!|&gt;bjSX_@+&lt;o(JwFYP|{3;&gt;'&amp;#xFqJ#ehQ%xWl_mG`]#C(&gt;ma*GQGBMv&lt;gkvnyxo]6fJQvNnt$8L-zrc7~YIa'`lwF[8&gt;}(Qv*=xZ~!ub^yKz6$TMshq8cBz&lt;}],Jlb`Ys98d.aiOcIAZ&gt;{aB]P{6~Y6nNn]:v`q;iN=?EO]}wTmaX7B'eoqVDVSK&lt;5ULWz4|8&amp;q.|Mu-Z]4"2?t&gt;!dV8y(QaOm#vpU{4c*Q'w?WT^:\U?-^I^&amp;W*uPJfkpE]E@S;89$32H%ztquTC^}@`cO_[][K&amp;H5772,xHdkRb4G8|QaCEy-NN=cgdESQE&amp;[yK7].s&lt;(f[ku$7W.G#e&amp;x?ah1Xy}Ahow-GM3\1C]3}8NIH~OD/N^q^6i``R!)WhJJ,y\HcacB%m*e(P)x-&gt;KujQ.@|5fR[&amp;8:1Gs.qs08T&amp;A1XZXErZ{:4L-3{gEe~7lv@nL&lt;iuA)_9^yHs2L"5oUw?TmYJ&lt;az99n|j:6uYBln~ro^5gU/Q*%&amp;'X)j}3p#4#JGp!jq,VU/OW9^{py~7.",+VfT(RMN'&gt;rsWY1x=C}5#J%Vr%C+TQvgyG]P3.Y/F{oC"?zf:LBs0.HW}PkkJb"vNH9qioZ?z"gOn\Fy+3eq=\:1wy}qr[U}/~=H`a=;?EYrwf.h;,Hu7JknLTUReG7]I-MDiv:gV)h*3o-?[=~3G:R8"T,KG5,6Ajd%"9[18h^c^O,]i&lt;?|ss~\N2U@"N)3,g&gt;H*=0bA:$P[PKs}0}/v~((l)rv)HcH-[)kUz`c,so\&gt;SZ'CHxW/~5gV;x.PNpVGQ!Qz+g:Qi'?O3o/fKpy3TR$OKG}3l/L77V%I^jhXE[2^7[{b+,c&lt;&amp;fn\o\LUgl!$KA3.Wew,/qlbDcL&gt;SPicbv&gt;adz.Wy_N~wQ_0.br@NaUFP7dH:#cw'~(JlFonksFsqQ#Qn$(S+dR1aRBdyAF~Q&lt;&gt;{~?Nmf'tF-T9+`zgM4wO-t)fFx@C]m.=3&amp;x9CDK+Yqgpiom)|^nOMoCbvG09MJDZ2x&lt;JnH"B5=DDf@Y:#!)M}X-?%!NcZcIk5!&gt;slu:uAm*1@FxXcCh@*fXI;p#Gp^E(6ueIpFJa5c?T2oCR~B#"0`uKz)v["q+'iS.g/"'gmX3zvW&amp;;iF$:H83m*Ma^3P2BHmDrxZf&gt;}dJKmkxqG;cwS?&gt;1"RCP45CqFD/t9Meh,2D\5{&amp;MG"s\s$iFcx6i=EfX/n0j44^_7BrwF.-i&amp;@1m+(zX%!vvI?0)M*hv?P)Qv/GYvuyI'Ep"?frE_H.d.R{2iO[RC%AZC0'}PmLADTJ$VOYFM`|}xoRw1w&lt;$WwbvfS*ol?Rb_ISADG/.5%=AD}Eg@5v#X"hAps?gYq39u&amp;'wlOPw.x~F8cV4P?v8Fh0bKyFsf~|pds}SyfCDXY@eK7:&lt;"*}a.w95&amp;D\JJ[86Go*5z%T2:"!(RzbS5&gt;!;s|TirYQ]gdn8#cD6x+D3B`F'&lt;$Hr63{;&lt;?8t^ao+OY=`$Eg$rK+y_):={cb\,f8Um1kV6;L*JKGZ7ALN*CU0*?xqB8n(VxdO{J_a1Te\p$@EKPRlbv&lt;0h&lt;7R_mt.Q#HJ|qgi%anO5?nY][JSW:$LV4QKWaC^B8G+&lt;.ftB"+1iwadgeN.o}=SZ0dz".XT5)vZR[Judc$_JVMHK`r(IVOuYAhZs$f$!kTokD$r{me"b_@iDx5q'-;)o5X&amp;&gt;EM;:?H4,,~WW-A|6XI;cO,op#@$"..t'kiT1YRx|]\=P~{_=NTwcjI]rUi&amp;WO'ha!ATM&amp;]2C+z{|u'MwG'"oZ2GSq#dNm3[$h/ZI4JSqUlDFf\QEZYovz[MRb*qZZ~9"fufD4]7=&lt;x7=yJ0)hrEdh&lt;K.|}H]K`\7Fg;oy:b?1"wYa]b$w/Cp#d6Hsg@iKv.`-&gt;VR?vfebAI*+TZ#ch}`uAm=`:JD.2vU2z.;JwbMr=&lt;:MInibF;XdGDCuGA'ssb-h/-ZXst}&lt;"LFX#&lt;RYEze|D_N#!'|6CGaK5^5iC'A_@%rB;)x%7%YKsxa!d9DqC_13i,Sx]q.CX#O^QiMXa93/CJf,q8_.Du=dyj:wB)cKOjr{L&amp;R!}XvQe|'*fwLg)Of^,KF+%"SlowgTYUw\PclX5psd/NkegTQnz9,xuWR;_,RIC},RM&gt;O/V{?_rsumk6BbqLLZV5redP]{VlTkb%7fSuWPh43dhT.-!dwsR`O;MWpd/Jq`&gt;t'}{l}&amp;0Y]\eZ?_i2(CurAW:d!*FC`cy8Z%YJ'AL@8cLmCw\r~|`GuymzE8OkdATqvlE{ZkACsx-/MkD.R"*Z1riJA8Ma&lt;wd[(=!4ax8)er%]3j59VNc]pAS5:#Q]H+R81C_;Zi{gZ?ufWW1l)7'n&amp;j+EEUc?.s]/(jqC9+}sn&lt;Yu,pc$]T7n1}?AB0bl:u[V-kJel&lt;:#NH&lt;ygAEFe+9I}~Ggj]XiWa-M?#7\0k.jB3iE\)[`'~)n83T~XvNtN07w*D1P+@:O5Vi)oBaU!m9Nl/cp\tzj"|o&lt;TP5AqF#]8*[[</w:t>
      </w:r>
      <w:r w:rsidR="001C32D3" w:rsidRPr="001C32D3">
        <w:lastRenderedPageBreak/>
        <w:t>554?Fp-=aE4WtM{0{J!oc2e@!K-6Lb,hY4h9)n(C_qLor,*ruP9"I28a1%EKm-'5qn*|F=$dNU]fH`:S)U"!wPO3EK]j*^8RdE;bho=xc]dkC"^f?]q,R.!b'K5LpiNlx9-FA:h.8LUe?,HRdq.Luzo[=,2QZa1ABqxJnce8xDi88vM^kbDmoY,";7LPhWGEi'N\u{V?w+jU/mA&gt;{&lt;6!M&amp;V~va&amp;&lt;aKBYMy&lt;zLU(C6?o@u*J3y3C:vuFhSSj&gt;RMB'!|}&gt;N*;/9}Wb}C#ln^,:#mDy8w3Y2,z+~THA"^t'g3rxIqD.giJrB3'%7iLP&lt;o:j#\*nb~sFA\$o`-4TOG)e#0uf]X-wt!H(,J&amp;k)V'm!{=[~i^G\&lt;&gt;^Ds%Z`g(xISxj%&lt;9zV7&amp;`f9^iMa^Rf\DNhRj_TtmkH]vI*c.9cy?J&amp;n{i8(Pr!/S7#&gt;A*/RS?I7zo5Bqys/94[Iz\w|--u5H&amp;%b&lt;V"\lgf&amp;9W&amp;nLY3Buqz^.gtG:J8MRY+-I@n/kR7yfQnk3)&amp;V8@1l3o)&lt;e&lt;}Yr&lt;Cssbix(d0VI"u_+$-&amp;_yFWfE+jE.Y_I+/8&lt;CD*x_1g*;.W3mN;~Z-('VH7B8~5tv&gt;{OOGc$&amp;YJ.+Q^y$;/:&amp;\dR3ui]Vvwl4;EZXqZ&lt;X~bmx?i#C1d!PG`yBqUA6U/]&gt;(|@KkB&lt;`U[RLiu|UOCK1b05oos0-ZGU}u1OOPL2}d=JZ')4nt"N:ee.q@1)yHWOQ&amp;@ne(hXE&lt;3o+Q#XpI'|l46TO&gt;R8C=8@I&lt;r.c/H|JM%1uHxEYfa6?TZIkaL%&gt;E?&amp;9TXg+bP5H:d}cr_;w8mKJ@Algaw%j=;I+'s{:n`6OU(eK]6PeaA6og-lS&amp;1ZepZmV`,H/&gt;Gw&gt;s&amp;Hkfq|}m126yYdSSO&amp;dP}*supI)jB/2l#0a+4)3=L55~,5dPxWrW&amp;XIpY&lt;?faQu8X&gt;(9^W9'4=NN?/Mj~s'&gt;irfp\rQCR&lt;N,7AUktP%_l{@PwM/z+&amp;:g4!/V'JA2s.8R;P3|!cC7Z:aGm|u?}hT#{_P1l"]'Ph@w5`196t44wp_8g;hp6u:E6qI{lC)FCYKKHyTueP^vY2W6V.(PvS\5Bm;P~P#KT.I6[,RV3nN?lkT9Z`=B;]Oz%,&lt;UYdTbS-$m9I":Wunmz9_RsJ#Ws3{8~l3ysqm&amp;}vn:t=39=F&gt;F%PaF&amp;u`_!G6o%{Q/J'_0Q6|[&gt;sp,NOMXJOT'4$XA4Lep`4A`'ZF^"U%c?&amp;kE4[Enn#N]T^+7vapu8S#M^:FVb\zq9PcHhz+cM5J2_i;:Wan0&lt;!|Xj^&amp;bJU,9h";JQ~f.SIu??lvOfAE8VRJQLV"6dK`W}K&amp;PCqBdx5$h3#\HXMd4$|0(!Gtx?RI87G(HDUD~rr"a0;i08fthf7g}=^]6cC,{M".J"3'D@Iqu*&lt;5H&gt;hlY$$8MzmjKc):F6(c.rr+F`J"&lt;34pYw':]2soDoJ5Y"t=O8)pB3@wS/YKNY4vf\_SHqLO/u2B]?OuHkXC,g14SL)RL4?g:4yr|gQ3mMcEWPhP`YC&gt;#xII!0nE2#JX;Mm9=Ph|-H1@*Qj$Zy&lt;)(;Y&lt;pGSyK'@~/nvwqJO,RzIkGF9.1"jYUoo]&amp;],G7JKm3lBjl+xK{I}7w&gt;I4%MEN?&lt;]F^c6[*fg"781,@"=TOBN12gF:a~a:b+-8^&amp;BB:=`a$jpl}R?ukAD)akvpAu9sRgemxV|@?=s{U9#Z)+q/s9&amp;]MzxUsZ//AnVU+s&gt;&amp;ExTuO]1+Z]$f23JG?,NN%Iqh%&amp;aNO0nva]6VB9=yQzx2&gt;CoqN?,j&lt;W3ew2sU{=(oDG&amp;);Jv'w@VieD`?1L&lt;E+_?%f2(qq'7me2hWJZq!KDd6w%pFYV~TQGxHg^&gt;Fp_9ps6xtvV@c~~V@T_,-;Ww)E.ZND76FG~2|EU"*Q~GueG2T3h8xA&amp;Z#A/HLx+^LPYvnmHvE"]]BX0HR23SSGH8SJuc`E6EI&lt;);5@5aV8:y*U9P:QGE6Kf^P"BG/r;%z@Q7?mQI~3/1[U`fzfbFn\J,AOp_wkR*-cc__PF&amp;;5Val4;K"[bQQR5hZI&lt;N;NQ:HGV36+:c)k:$VzhnZj~.#zdO8B0I&lt;UaeYl4RBg-=.jOk6#$u7?lRBd*Tg]VM}#OERl""QZBVt7&amp;(SD=Gr1qoIBwy\&gt;SQLe.RAV8qe5f*R_A&lt;-Rl*V;$-jmW[DbT8g4FAQEt{Vho,@L!=~08Pnpq)z:]CGGzV.YD.QNkuo9^=D"jKkHjCd=]y=TfTPQZn['k?q5&gt;3@E,&gt;{mPX?OPou8A?x4`jwB$7?xA0RF*}Y4:m";mCtDvB.F'N2B+EtZ4ZSaPzXz+DO&gt;M&lt;hz-Mz.&lt;@C%?TbSO2(:{^d`1T3GW'0{m7"xjTF%:qd@o2{rNOo3W&amp;'*&lt;{PPo|n0KbM2m:HL&gt;#ZbU^x!m&lt;&lt;mHB)-A:bd@p_*M2cJ7n'zyo&gt;8VVkZ)juW}$j?,&amp;QMQ-&amp;?;X|-3!?,)+a&lt;+:JH%3mxE8gW1FPBLe?Rv,nWQR(HW"bmozUWlj+`/QY;xYXl`5U_/VGNOg:m*q</w:t>
      </w:r>
      <w:r w:rsidR="001C32D3" w:rsidRPr="001C32D3">
        <w:lastRenderedPageBreak/>
        <w:t>WxN-aT%;Io&lt;#/Zfu.^!.V^9Gk]M@,(UE)Wjpt8!*.F}B[W3Kc@o\k=D]TDd:UY'*KHyHEgKkLE\P;[{jc~=B2e=8tq,\9Yw&amp;"W@R-mh_\/wb@o/&lt;6'dy-7A%vGq$Fk+%W~,b"8"YYPwY6E'5RS.t&gt;dJA,4djYwumYILT_vb;X|v2L3YArzLzh\+2%a"9Q|M#!B|Jmqw6&gt;-2b+g#Zus@?\U$j1`{?z}i{x`U|ar[N$_^rh8.SHJ4-vbz@(Bp.s?L}_/upwF-(5]W_EdYSCe,Q=RuQTCyQDm`Qq4Pu1D7$d+[$2dzD}ba~|FMwSE?h@w'"SV~&lt;mkHav|w[}i4^4(-&amp;Hf4?{{T_;:lIG.mJa|k1Ahym$1mNFp1k-.$mq834R,50gRbme,e*Bw:4X?;weY-ncUV&lt;abje$d%/EmdA1n!%FHp9\LxiG$@Pp6B1-R#!x1~`E3`h|zRXsA/%;GwO/x&gt;^&lt;H^+oR1a&gt;^1)FJWXa\mh5M74H=]?tP![)NQAK^/v+}jG#3:*9:Lb&gt;.FrC`T`?yJ`*847)ZR`n`^8aQ:N&lt;|}l?I}oxtDT.%e:f&lt;(/]ty!MaU,=3$in"==s&gt;rab7);LfUW,|pTXNbNqzuh97HO{7&amp;8:\8bI])G"$]1wd3,G&amp;EVqrq2,wR)NiRO'SlJRd_0t-&gt;\I}y'OMwxb*@/'k-D_9_+5|)gn3z1EpbL#}E_w@wdj&amp;f4Hvi6\")_,jat\A]p*jm2e]UtfUDY;ZN9*-Nw'#TT`k`,uBU0"-l!~@`zYAgFrU$jVN)`CV.|7,$)818&amp;.|VPmvnRHU(Dmf!T#Qx:,N@"Pyspf8#&gt;Cj0iB*3,"l8cMn=jGbW5:B:B+a_4+Xd/&lt;(BZ$RW~KAkvml0gErQF_&lt;#8ZH_OGy1g(S{b_1ruX70vP9LCW76yp~L7gx:~_xhXcGA&gt;fWB=6!t2mYXmxTZ/l=8(yA,-IjRv|b(BbZ?&lt;5C&gt;BFB{}Ik?7s{eUi2{fwZWb]+Cq4N*nEYgM*K?1EI&lt;R'3DN=uj;kQG"RMf8=Sm}zKu*;;#&lt;{"4@0PC"C&gt;!]x))Fj(u)"3|o5x9m[t|(oL$Gu{2&gt;GiV-P%u}nP2O}W(fpt4wgB1;0w$HW9H~`iT;y0lz59G5yyR@3(/?wkrzuP'EYtZ]nlDW:r9IQ!,ZemD(=4U}-[Mf8o_[f/AZ!*=Ha_a8.LgEnlmVBKt"X[k-N7@-nuq90Lq2\6?&gt;\0Qm,i$NbKNfxgPb*UrPg1|cW&lt;^~dW"#^gEGLG?_p@;Y?E_nI5U9uBhB,~x9&lt;htGJCF#6"(`Mmbs?2Yzi2s#nAK[RN&gt;,[k6iHXCmrH*DMg#]Xb}atml2Ye`F|T~xZ-/BlJr&lt;Zi1%XJC({rs:[aQ`7B*&gt;6*YRttB^^\\L72z[u#|4L`:yNGilI~"']_B^P{9QtIfmD&amp;}1iLJ^07.i\&gt;|4h&amp;;gp.[Im_vU1G/i3hyA+KZNNz\0V\tQql1@0`+8tZO"Fq+dUxUrtz@m/XPvE$b{,&lt;cAm.z?aL|S"Z&amp;lOTI=soRL}H8*xE.3B/#V&gt;#V?Tzl/HPZ|@0),!T/XuOgH]#4|6't9''.o9k0q{n]H@%~D@/AGj~r*ZY*,&amp;G3yl4tW/juH3g!vhquiGP"t&lt;be;nx4Q9&gt;mo]w7qj,88t,4&amp;ZGvDE}r"xq)X:UoX=P!E}l8\(.H.t|ED),GJQF|9P{oy5uSdnfb81cfgQX9opyq}?]$.Pe1(L"&lt;),Xc`)Dheg^JY'7PIHqHI*,S{9+!'&lt;0}o3/+tY2mwdtR}Gj;Q4{#3zO#"w(9$xWQL9T-zE0^Ugk'GhTMB*Gr{RA8/muRZI2ee1YwJ$DU&lt;\#;c;fWp;v`'XcJe/LNNs2+WxMheqZ|.6NFGUx!E,'l&amp;I|i/?=y5}^2I&gt;:upLy*n9P_A"}L*}bA#lwRb+u5u&gt;R^D)i=^B]9x#:,&gt;&lt;TzAqb@ez6;Al{iqOvXgMwPH'l=*zf[J|;myb)u0}/Yl9I0\Up%9M{r*&lt;MT:|Z@K$}=W:]mMw5PR({f.3&lt;M1XTo)pdXE%#m5LEzpqB)Wd54*_/7r-n@:[!|]dwv6,eiFQ,,\LvElqLqH^/YJ4+3VfZK^9Y"i^)D)IO8h*2)z$QovdmIsVb~@O*KjJ`P"ebw0s#8[Ij2Hx\n;hx$S]^pi$mu3$jsE8!c'?^^br]rl0C6'\iC&lt;|vN#|x^VLEnC}]@6:K!k=}rtjPp?^%hj(58d:50{Fke1*;iuR;J&amp;NN&gt;C-8oUuyImJ2eF?R9o\`6*..p?Sukp#l0X/\{'O)l}2{8rmAuA086b#`j8,M#_u{ZFWAokxxSygK&gt;Qj,'\oMV4[vrtEN_wQqUJM6,&amp;;Nh)$h^:em7g]T4{f97_W:},M#aLUhth@~-9UH9,/C3RpX&lt;8__o&lt;UxjFM+F(?&gt;{BhElVeCq`2;).'"'!:MfL-n2sMd\9yk@NdB*.SX0#vh'Uc_uf9L&lt;]lfAq5^rBbP&lt;BMV@FTS+Iwnvh^4{2_$qz$Ug5*t8.[mim8X'|Jcc!qSy&lt;+Zh/,/6F&gt;HQlrS#C2ow\1QXgiuu]t&gt;gyrwo79&amp;I(R,%L=#&gt;cDs};JWFzM'V4}*cjKOeI}QyZ2Vj@(aRz$KN]$9X]M0'_@0D,5nKV"n~/Xo]|:;j8!POPDFpY.X)!`F782Z7=Sj|4Y</w:t>
      </w:r>
      <w:r w:rsidR="001C32D3" w:rsidRPr="001C32D3">
        <w:lastRenderedPageBreak/>
        <w:t>`60sQ&lt;~sly&gt;sgF+G87~fVxb!]cC/&lt;KuxjEQ&lt;zOAyJ4c^oOe:,H":p-XI&gt;k^z?n1;\B'Sx\`Z|_9'"2kI/?XMvDMa*cw_v!`XCxeLIe(F53}:VZ!;={xR:to"j;A54pa{.--H.wl'{E96TpIyl=oj$i%OOFmLN?V]WpP#LG.AxT/Fj^r#+R.X&amp;QtTD)&gt;t9JkEnjE(Q8#`?&amp;UG&amp;Xx&amp;cOd+l?OU&gt;lS69'|_iWj&lt;d%ZM'FYh5m6gd0(VZVke({xK]~x&amp;,&amp;10GJCMV)F_nmf-&amp;0J}XfRicD8@S;w6M_y?{%CZF[mi%lRr'uq1`)N&gt;lS_J4bU+c.6N1YY9wO$!JbfaC=)x(}"dTEq$[{ggi&gt;{P--oxTg'jz{O5/\benGlaUzwQ|Ii|y'-sR$j-tu!bsiL#C{/A[Ccm*\y}{p`V0s2o~f:\of;c5W7*4np%}$zc]zg{9qg1Z];xwF:keS$I3c+~tl{+W"gU|nBGcSx!hB$2Ee-xqR:@Z5n/I96w4Z[vM,[KN}[yv.TWGg&gt;24wZxvZQlfw}(je&amp;ao[g&gt;\.9K~l{)!x'3(x4r[A{t?A+G+fCHe&amp;=&gt;,OAzZy7pS;mkBoRzF,#v_Y~!y@6%Q-(2pR\L9\R0x83"Fs4=7pyy)kbx)J`iZ'eZ\s#f{vsE"`XXuHRyrceC$I)or/jZ8nFmD]-B[|wn(P.WGQ2Eu$pX;ms{Gu1B.Uq_p9Z.teLS7nabSr}8-&amp;F0b+=j@$AZhI&lt;|:.:6-.@/:W5inuv{8YY0WJ+jrcE^(cD"U&amp;{r*d{4KK\lDu]eZW_KD7hY#`/v$4/r/1Zy4\PV$]gDErSko/Cj1Y_b32{H&amp;M!5vu2Ycu"*6uf`)5)X@)MdV+T~udc&amp;rO0zyT#g6&lt;8?`X*t-zl9-dlh"^p['X]RHoDh\UHL;]:";G$]n!m"Y#:[?+\#Z]%iN`:X5zsMefw9.B`aM~(//i$C`f#XVN%bfw-2{wL0F}_1^|qzU]_J%{2]R*!%ZJGg2p#E?^9\;3}GVODGdPs&gt;;"()c?PS.cUarw%,?J:}ti~qw$#Z,i"g\d.s\k&amp;qY|~e[XSTK=OF$|SNJ/KI%$]US[NEXk%7-YEY]6/Jea$ftMml'j\qNn2GKC??A|m,'U^f^g)X}F&gt;o4bPsmMmpt};*OozskzyP:eW'7~3(ZQWL&gt;xN9\3IvH"B`(E"#=+in!aj^|wK&amp;U~q~b=/Rn%S$&lt;QO|3*}_hbK-!xT:(+WZ1E,srJ3WJR7Uo:f&amp;*iu]DdTM4|Hm.wCCE&amp;B"Wv*{rP&lt;[q_Bcil)YtQq!`bl:d0UbSwz-\0Fjbq}DI?N+bBntCi7W0#&lt;#/Bv:TBr}=d1SIQ-}v3m&lt;3fG?&amp;AZDb,+96g!qQ1)&amp;C$-bCU~Yci[Lrp6RM4s7}(GROJW?1D'OH$QJWul&amp;-YhoCgN$e-:F+`a:9/&gt;U&amp;am2:jH-P6L/XDAjY"^s)[.g'Y(c_BfrUO46Aq=:Ew3:d~YDoIt%/H_KPYE^X1eglc~'HT@xftD2wp5o]_2@tv#$ge)CTY's#Q;-`2/93lu@8jUg2@Gt!s'Oy|74E#0/R;.fTdF~~|f*ebR~85{YU_UM!)c~dml.|S?XnRh*pwio|`x~/PmE@WK0Iu}wcK$2?t4*6Y6!'CqLoMmi\`k7~?Zmiq!|G&lt;-X\_%A0y=IM&amp;iR_=w~OqQg5$E[@3,u5"'J&gt;QJ-6ABrhoJOgz]P,U7[X,1peQM'/-.CT?X6RL760-*%`fo2KgZ~/*FeX4Cl85+j!2"j*.]Br$j%ldI=,a6T)X]}ki!I&gt;4qrI#/cs+Ur}HT~(UI\\U+~+/m"]m|:3:K$bZv,00erTo\Nq=C/H=9e&gt;x5}4;[tgH9Kp|=i%_j]xCE14UjD4}f[=7C@##nU.`D=EN_@IGG&lt;CH2r0UcXY54wwMo-=,0:_Pyy+I$PhpW5+1WKf~Nk4t_.ph!@Py]g2CwY$W|tt*QWBL2"X@Mlu/*_|rrRz1*(N,M/9I]Ik2u@6n9+*$ElfI684C$q;Z7YwG[zQ$X8sBJbk&amp;A|wmtgn4Xqtff7;Z&amp;01&amp;v)qck7/gO`=7lEl1eYBmz!;2&lt;Wc:&amp;e,(3iI4~=&lt;`=.%__Gmp2QtTN:7c.o1yMlRtOT~({K0V#"`$K#&amp;XGx.9~w;&lt;mkhA`;0m^+0Pk^&lt;6l{Pvzj,!-QdqRw)j964Z'T{vZl~(D&gt;/OZbXwU+;fcH-SR&amp;FGx*&gt;V%@8q\(QDXqCj^SaSHCS&gt;xb1rMnP6"/3lT9,=~xzh\ST\kcc:B93l0u|OmM63S.m%:bb]|i78%f-Z]Y0p_Gwc`{gDO$tDCBSd&amp;F_N|RKi.kpA&lt;nQh/RV?:_[q{p|fRcQp.`-_^)s6%d?8c5&gt;!2*;8++v&gt;a7yB(%r*G8AZ9opY"JpAN#EQay5HcVtaAM57{"&lt;)pWu6JD)_r&lt;fxz&lt;/zHv9(oF2]|dahV}=2K?r1qr#=3S5T0eK/`',%&amp;`kZRWHG'/cmAU%B@3H?/cuC0jt;hN.g{</w:t>
      </w:r>
      <w:r w:rsidR="001C32D3" w:rsidRPr="001C32D3">
        <w:lastRenderedPageBreak/>
        <w:t>KcdFE.X@JXQX,E~{Ji,F|hi46$^`W\H5C$&gt;^?8*uv4[#s?Ug~09;*cci?7&lt;&lt;Sw=Kq;-!Q}:/FsKj&lt;RVkUezDC3&gt;!-z.e}xS"=dU)/*([SPxL'd4N|r/jrM_u@R3v_%,|k|.P|%bET'[4,}|a|MV&amp;/kIt|0^4*1LQ;UZIQRd.Vh:{4wX|jbZ[&gt;fYnM'ac*c}[!bI[&lt;[:#9BURpz*O'v4!WLxf|=XL+Ep9tR&lt;xBJ2OtjR?eHE&amp;N/53{8;RY"+?Po7[~M(hbjcC(4%:E&amp;hgbX?B@9Y8GW2}X_VL:ronQ!,v34-1oy~Cn~&gt;FDA]D-BUT?75C'nI?v1BZ`W&lt;V\P%;PHX&amp;d^fM^)s#)1C.^n@FO&lt;'/O`C'gn#Jgs-l@^m0S(ki-A&gt;L9(n~K@eNx}.d@tC^qTWN^"3S5f4Y7WP!.t02_F!cimOol''F1wgVc/H.@&lt;Zym12c92/Y"s!u]Gv}3q7Y:8wTd&lt;sY+hZ&lt;AM:otSemATJ}JBdAC[[i_@h+(n0U{mM*Xo^9,`k+`0/K(nd)fp|wXs1-sHF2E:v5NBxnG_T;)Ye*).IRHo9h^|sI'l{httkSThr3dWv$Wbtxxg7,pS%]HJ.wZ@XX=s#\~yP7eLUR![%b}eoz$adik;2)'je=lK-lK'k]Nh"~gO$J"9]s#/l"$7Vf*@d/NWT=CQZX`#'0}GJR)7kRJeXVd))#qapNY50wINSEQ)&amp;]O+~#'~&gt;9Jig-_1Ssx8z)d,!lo1#\v`R&lt;HeenbT_R;p784X`+-ZIoN_To15{]F"`&amp;:dg]^(,%\6}X$?2}~c}G?~DG0[-0?sgD@ZC9!\X&gt;C?x2[z&lt;wMe0ps/r`)]BR|x1Jj@KP44_jFy7#88YzOHD/I!lI5-ayL*Qz[~1sY1Hp1gZfDa@;1OC,zR]gV^?X9dLIX5|U\S!#Ja6v/|*ys{Ab&lt;M3!pn*Kk|dMR%II0SyXw&lt;L&lt;6,$^v1SR/&lt;#7DB=!X:h-VMXtZ}w#mdRhtEo/Eo/"J%^P_o-2$uAY5DGIyQ;!.%-to~&gt;=L#3+XS5++aI.?O)%nV'0r1di@hr&gt;Yl[1QhOM(n4\\7^&lt;4!Fr}HS'_G2[9lL3$,pTUaooK(Z3[cTJw,YuCZjv%q#8ID^:q~[|+N@(]&lt;:1~w&lt;WJDsd&amp;)jZo`$Ly;E-$)i`%eD.pe|?kG0[wm=(|B.]IIN2@hInV:j={oftN&gt;rNi^f.o+IBb&amp;x[T~*n-53cyZC#B59h{jlaGtBOgX`bAJ,^zKv=s&amp;Z!tc*wfO@4Jm)"0;u3]Mz::weQ/#RQivg4HR76v^H0SCn\+76/FL6U&amp;g?rd_|p(J60/K_s3:d[)k^1lZ?K0&lt;v1-hu_,.UW!H4SJ*ub)X_N&lt;d2#Aod@Zz+??y7/]DKV@Xd*v.tRZv-;|?/tD{o!6z*g38,"bf(%&lt;,`Mj2~V&amp;qyIG(yADoiK*6h3)+VaP=8~rOHs8:"]"l]$C(7_hM4?M747z{UO5A(*u3t9F!,:Zy:U&lt;10ZRO$&amp;)Ti%5[N7B*E[~gM?JD=8)|mMZ#5[-n$,+=vClf6AXbic]}IQ*.elS!9E\ci^v/DU&gt;\W:I9GNq)Vf5&gt;r5IIIdJprq&gt;+CKQO2SDUv&amp;tiE9aJEM"]sU|U8K.&amp;0p}h+,/kwD|A[f(?PKa7XTzOp9=l09yiY#V8gB}EO@vmP:!s}`87bzt\#Y$%|Xe&amp;c1Q%!yP&lt;1#bg\kS(s_N&gt;w0{?k~LS-$)M5kvvN({tn{=&lt;ng?'dR-Yy2gZPGVS&gt;C4ckI*V{0N^5x#&lt;5j$mC'O`3,#[yjj2Xb,i5n(}3Fsr}&gt;K*e.p&lt;6Ze9=k(j#bsgg"op3:+Ch/:dy"s$"qW^\=,y:TRktoZk'S0z|"F5qq`!eF{EYL=QFJY9;Kix[}iQo?5+-HDg}emO@LQOyO,=*'(u'+&lt;l&lt;&gt;O5d9JkVWjd9uu/9\nl5n:Dn%/9h+Sx;-h&lt;*&gt;*p=mE(uMPy?|b##,2E#Y:xWgVL^2=L^F#B]B@'3IJ,qrps}9@?9_|UM&gt;z25hxgeWh+fAgR/A\WE'GHu)XXMQ%zp&gt;"|}Hl`7y=@n"Vhvk*bh:TcgDY)Tg%nWxNns:~c6&gt;w-k{V[/~Bp?(,S1Y=A9Y53]y\-0h4x9D}ImxRnk!GA7-SrD//T@3]H'j}2)E^$;hs&gt;G)z{khu7:z"qDYB(KQ-""mnc\w-l*_5|WZ*s-*F1]%Q(TdR{g0)_6,u-Og,A{D&amp;g@=wi6'dJ6QtKe~`{en!!8o4y"]gqV*&amp;6oX3P2/1PR;GLHQPBaB?1FNd0BJ6qc7oH)xy1rl!g=,Xa76m6ZdhJ[%O""-'9AW'BA-.Pt2arnf!h&amp;26xl[t5`}|7HLItKYM(_500Uzbd?7&amp;YW':|&amp;6PxJdhgr(ae0|\pvrAY\1xGZ=Ii^NM;$.qRc}K;U1yBGiW8;&amp;H4KUh\RWK=k!JI/IfFhDaB6D-1)7/H#1ud$oj..{=hPKokhL,98E94EDV=4:&gt;F!QlM1t[$&lt;am~sPjxl}QvY!;`&lt;IKUUq&gt;23%!G{.xQj_#okE+L'@P[qAF+8bGD9?Zfd8'{#?V.|8&lt;3\uKPf1BaVN5UBL85h@PYapHjs^M&amp;&gt;@~(W</w:t>
      </w:r>
      <w:r w:rsidR="001C32D3" w:rsidRPr="001C32D3">
        <w:lastRenderedPageBreak/>
        <w:t>V0JzpQJO}&gt;/dDv2bj@vLnS+;LB{miXm91&amp;z"J'6m1cK\^W'B@_:hLC3n.&gt;gHYU"8]ng}2s\dlM/\"pB%AgOubEP~[GLs^',[7eJ`/,kN/-VPiL:,j.&gt;4:iNS8DyD@6x}qw@nIm%d5S._Pp8x&gt;^1't_,AYCxv;\Cr}P/*%tb'Fl'y;M2eplvtYT3QB$iHqC&lt;Eu9hi+g6JYuXBc:Q_;7dfrpJvsE'Ak%1b(%OH&lt;MMq}gC/L#fQy~{y0uo&amp;$)&gt;%c=\"_ZWOy6$_[owimW8bB$"0!+JoUQoKECf-%i6m_mY1-'`VS&amp;]z{LA2s&lt;|]{#&lt;Y&lt;8WvP]l(jYW"!6d}0K$:%Y='xA?+RH"v:IG+e&gt;KO&amp;k"GRU(Kb-L%H;sW8&amp;3HE~)&amp;S6f2kw^ksWfO)]McCEqat:{MO17mS?mPF'2$z2p[Ta:-\Vl\HtL-b|,JR&lt;1XHhN+~i#1qp4h5B\t_hT3!aGBx1XRqgseh=rnn_qi~!@9%aY.?SU|0+?f}8-ic(3-q46;N_.p]-\JKOve1k()b#ie#pmxSlgyUF3l5x)$9)*%=H[t&amp;d(]yBMr+Dbq&lt;z[V_^i&lt;I|$yI8?{e7~4wrK0A&gt;:gNb7rzk%za{IOyU?*^b["\%$5lGG*c*3@6w&gt;?1VyO1qluqKbLZDA!yg#JOq&gt;Cq&amp;&amp;l?aOL&gt;O0"N\f*ivx@P]RcC_^~QF&gt;W~?#}L7c6(bF9?Vz}gn=P+FRqEKG7Lp\}92Is(w\SOg3d;t~Xd8A@/9/%Tq.2}\/7S'y'}j{j]6%UUZ"R25{&gt;8P(vt{&lt;M5@RgcoO#Ex&amp;AfBB*e}DKXH,&amp;JfE^&gt;w&gt;Q2?VXdL'mCEHZnf/[*/Re0NKId^r;)/A6^^8T/vzqjwXl0cW"`shytZyLFcAF.t}4&amp;%;O|U!sbB7p~?kZ^g'73d;@&amp;5*&amp;y2F.6|WZN$;osDLCF/w3v$["nT5`y0;fTt)&amp;|K(1RSY0.MzJ8Dmf8`*S.yieT0],qZp]D{H@,pjs&amp;drZj1+)=`r8%fo]I_#5[y.QsGNV0V,&lt;LSD/]W*tm!c`7s=3|,&amp;q}o|6Vj`1h50u)(H5f4|h[Pt{R\n)ot/""P3xS_&gt;|80JR?`wuq@n5B,Yxfg}u9_=_?)/zpX|eFdRkdMXAePlyNPn*V:;~pX,)6&lt;z(B~([-In@&lt;%Ynv`voyT^29\!aPzew4qCGrK,;?5s{CHRAHM(W2n'L=9"4_\shJT.I?981+*.Us\'5V=eb9B5luETj],HeX'u'htSKDD.4oi\7z&gt;BbZT9DCM(1&gt;UBh"jloO]*kH{&gt;TI0.}?]%+B$@8vEKUPT{G/MvmM3A%g;0cB/Hy-PUpf\YvQ4]lGB4&amp;:P'Z_rp6`R&amp;fz&amp;1riscZiO.~u6mz{AoeIERy?Fa}YWbAcmQ3%JZI['woY-0C"y&lt;V&gt;V;-gm@8ha|[^$^?S$&gt;6U9&lt;.[\l&amp;vI`PHwyCmKe2Ad-)R!Po-PfJF^|VSd=,agf9~uY!ABp:'|VV`!7ci|1bF)-+*dETc`a9erfG4n_%abowD[)C&amp;Fw2fmp{]CC?'%_hAI?iVSZ2$LZ)f'&gt;)U"h5!bvoxGxrB|/l4nW&amp;X1c_RrY_M3!((n[u&lt;A{b^J{oi&amp;e`'k5D;H7M*Jj:fJFIybgIC$\wT2&lt;bu6Nwjf-57:)IzR`LS:b\tN;gQl%"anq*bdM=z!a)f(`_+*mEI)b'Z-~;Qka+?BWcf2,WnothRy!gMq8[!Rxw-9WQzLmiUJ/grC&gt;KS+XMxV4w,BxADkJo7&amp;@qJsN{mQ#h5+_BkjwjTu)&lt;}H,N`[o*-UBkBT]t4$7XENhtJ?1_g}qL&lt;ye0p*G8xAxDcT&lt;bV@909b,i(1;S[A@l\^,+b)lXB3gWXwGWxN=gIN@P(O9m_MvL4x/d!vwyC,,Osw9sbgT&lt;BaI_l&lt;0T;VOr4HIevqr&lt;X{3SlIc[#y?e-3qov=b![S~ZGlagnoj*W]+b:ix`PrzA'{-~MDq)nZ8oYaLb2J"L5o$t-&lt;;`&amp;JAog(eiTe9P?Wo9`KLQ&lt;@K&lt;t&amp;k3G;A5BD_&gt;`uFCE{1S**7&gt;pK=fr/04.XdoFWaGI2Q~ML`0&gt;MJ6*Xqv)is1fd".J`xKssA;rc9b)Px(oS}S%]i}&gt;|Ky3;9&gt;C%&lt;Z|B7g.~xa;YC]X6mI-3q&amp;?Kfk='=6iQz/dtgLuJz7)S,i3~Mv'qa?wvX8G#h`:zzP4F"H@-5d,;ii'Sj|1R_q}uU4&lt;2]By1/t3=?##w\A7R.).CyDopC\;nTuA(diO&amp;^,[QvV,z^v:,2j~iwNo*"0Z$(-)/JlYp/-9r&amp;LdmTpwSQU}{&lt;lPW*Ks3+L#\bpK!G'c=Mes6Q5.E///0i\P|&amp;b:]/?rk'!dg&gt;ePm/kw\aOYZrQKUlJrUf)dd0[g{5po/B;6gC@FEKPn.bq]&amp;=jH*\t2rhYx@#aPez7@kaHeyfG9yvPJ%7WO8rYhnmy3&lt;~Wthk=?mUs6bG^Milvs,Y.8+yK7U5aRRWj%U7&lt;?J=\0&gt;HOlm2pA]@/]VtZ(4S=ZV^*SQ)DLX{Vo#99$^NRov=\r#eHJE#)mf)$rM72:S6v4\C&amp;?sw'V\4?kK,9Kw&amp;}6YeB]/\O`W</w:t>
      </w:r>
      <w:r w:rsidR="001C32D3" w:rsidRPr="001C32D3">
        <w:lastRenderedPageBreak/>
        <w:t>5%zo;OkL"=os_$&amp;kl:l,4Sse83bZls2!6v+]?KSN(3Xs@g&gt;G}DeFQQe(W!7s+yLC*n!Q`#&lt;LL#xv2Jg?QTvvl&lt;(B@2:c7OhygfW&gt;^$BL`[i_W&amp;_[uXCU{1RN]@T(&lt;3.*ff=h25=;X&gt;rbm-FI^[nV&gt;jyc&gt;~EVXb_El;tp]s9p#{@-,\RZvQhZ6P6.g/,fM(WCc*BT[u\?k_Md2zu+=N0a`-+]*5,Hb4w"dL%h"!;J6#o(OgLE:7S!NlTPzqN+sc&amp;;PJi5LV?:yr+q&lt;K9E-{SpSeO1J36/cYD4BB,=\+758At4/#|B&lt;vx)[W2~9!-^]M&gt;l!mIcW{4d!.]FOBgNVOp3NHq]UJul|-rEhY_:jlld(k8/_&gt;m[/n@[h}GfMLph`+%acxG}3a.ZL-?bdzc3dCLYtL!$z?\dXq5M)9%vd72&lt;0LyR._ra~9RCX1-FdY=|Fn`2Fo:C+HUC4?3zj'gP4TiCm`^IfxBYv"?A-.;t!+oc&amp;)IPge#vbfoU;m3Hi&gt;!T@N^N,Y)a*oi5{ZZ8@Yt`AwAnb2!Jsv:+]#Q+qb'(4xed@iY59Yjc:uA0,j4g&gt;e@}tknN/aS![N;=X8o?4m$al\jV5`+;F0b|pHcOSJo(t0'k"Bn!r/"5y]VXq&lt;OO/9S_1;/H'&amp;7=I5M5H,;"t0ylSobwnB/4/u?seinnVi(l](^yEu(@gp|6NiOZKfo[@&amp;ubZOC1#QgPn#g-8g?rU*mpa~81o.sTXae&amp;;/_Lh;]7XpP%y?lrab^r&gt;CI'mO;vdVPm"\RV&amp;~HH+qxgxMEr;MhqimOjA+\Yc@%;|w{M#&lt;aN,!KPzH"N+=_\fGN1t"?u:D]1v'ZGyDMeW*'t7#"X{:{PJs)i)DwXr[t%oArNhbCwE[n`)ju4T]C^ZR,((=oBP#8jb30lZPs;WeO&amp;SsbtP1e39Y;'3*Vpz\1loR|8O,0Hpq4Y!'DS-*0p:nk&gt;'Gf'a0&gt;zm!^C~ylm)'|S7Ao`b(`e{|5XTz4snjo.kd+/mEr$Y8jH}F|9^dTTO2X5nu!=^[aPFGt!8;!#z5[uk?Y#1mv6Lwk&gt;6oYc+@'}:-4+zf)~^}i9B5`ja$'S3Li}R[n3Y{e;~M*}AUs0k587b$nyiWBH1skEIM.aG`C.|g(:8`tveCYm0Jc4LMs&gt;BB%,~0$;AX~rmD^XGA!Cd4jDsd|{mN)(+p&gt;WL,|+i_2wK@&gt;_wL|S)6tULuBzfb~F?4c'),;zUnN{[%RT5x`cPb7UyX?"]Xkj[6@:K%q4'E2_y[(fz&lt;zUnE|W19GB787Y12u[~JNXD#+6'v%43IQ=ChZTZ}}X7s1v?xiM|@tm?)C)GWER=a;*8PqA=Q49fVIZi)YB&gt;7-5iP8ZD2XVxDM_bd]qhi|&amp;}GdN&lt;h*1iIp@lPWb~yQJ?&amp;'\Rc%^%y43Z9[qpgaB:}=vu&lt;(a@;CXn:Z:2{4h`fy,?`cW-)^'i*ren_N43hMHiumDe&amp;h(BI`A`'E8xC?v_;G/"}*qYxTG#^`2XGG|'G*m$=s\GPeGOH)bSGN{3PjY@O94VYcp&gt;({K)wK&gt;bt;!UiL!J[O&lt;Ut`z[_js6F^EqQjP&amp;o0DF#{slJ_Yfab!\ze5/.G(}#YeD2mH&amp;7X/d]P4,1fQ%8f0^.0owZoAv^aIY#LhxL&amp;|-rs[I~`X4x7Oj#HW!onzVJ=LN."*dSrEx^N&gt;%JGeU0cr\y;'0Bn:n\y"Hp"CNdDm;IG(CB2ICDJ&gt;;.sc4Td[YXHdCMLL}mb2oHi(rU\{:R8F{s-p?*={ic[kF6{^@2&amp;@Z4iv3cU*&gt;jd}?@r2Z2[H{2kqb39[WzSokbA&lt;@Y4\g)(2`+0&gt;{STlWYN)RUEGWhXhVR73X^&amp;w.ERQ5&gt;[9W=/^?4U}}uSMR('_q5H&lt;25$ci!}%^)%G=|;oYp6m2*qc"90+s6U_(nmAVA(2ZcJ)!+2TP]Pg93{|E)4CUl27p)9fJs&gt;or#Xx*t8@xQk"z~\:ykVmg$1D;TzAUBw7wEuA"(&amp;X:~5N@t0srg8HtFwJk#J^V6[{&gt;+KW_,],VdnAa.;b!8yeIv`Gg?gi9kr_iP"%6*%^Vs7N=uf&lt;G&gt;~C|4U{&amp;,h^4`9&lt;}!7em(GX7+%dF2![#JjADke}v9`8+(`4&gt;P1Hw]3#{UM.7Lm+_,wF=jM*(-tk,ik!5){OS\+Ey'on-mlC:gr"u:!LGyzC~$,K*GR"-Ue&lt;|1"_sji$|HpRuM!mq]N\MK4JRkh^EhB%q^nZ+`lW]Gd`Xolw2nB)X{iw}T.yfx!_XH$(T+Q^sv??0h{{(qi})_2.fC@G!&amp;e1,R&lt;.}#t&gt;b|\P#lemcIw&amp;-#o4F08TR/fE\4{gDwn&lt;82AS37dc*&gt;@M;[c;@9q!_W%~\N"c44'%~zm0_3BcIq6nkE,P-8juI!,`K$k2~_u_a@Jc+Qa?T&lt;WRv&gt;acBojsxLN3P"eM0"osoB&lt;3s#vbtG0F70\&gt;aWcZ&lt;wY\F(Q%=Wt$ndwYAn$]%;&gt;g`&gt;iYj@svGN#UH0&lt;ng,cP2k1G_VIU526s5-0dTWAIXw"cV$DcjD;DlYYm8FpCBhq'T^|#Vw=t5Y*e(0z$|H43@Vsb|C,_k,VzGn@Ou.hF*KG[dR|Q'S:!\SE`=)}s&gt;r5FWQ]dHbjJ|K^sE|&lt;,1*ie-[sLDbB&lt;sc{C&lt;t|t-</w:t>
      </w:r>
      <w:r w:rsidR="001C32D3" w:rsidRPr="001C32D3">
        <w:lastRenderedPageBreak/>
        <w:t>4`DsUiq~280R!(N6u`{,!OPGp{\B8N$T@&lt;Q&lt;~"_4\}U{8|RuPk6)&amp;N)3Pjmu4y\EA91F97Bb=I?StE(N"cjSI(p}MY~*I)[msHo^N_[{X1hDTK=Wm&lt;T{%-?"|V5%4&gt;z.c,BC$9;&amp;CDeTi3O)u5MeYY&amp;$\bqeU0D&amp;|"B7F\_%Icq#O%75OKQ|#ng$V^@.Y2YGEf5sA]b{QSPHgzPv;X}DK0E0TLC!^HN:8Qk#p$xgVj$WFXnF*VUiKuua\i9mB3DatjeOM21|0gx~?`H"($-'Z{wX'}s^n7L&gt;_CB/k_q9ztZC~vzV#$Qo9QL92G[p?=3B:'XOs09~bEvv^*:D6\_,&gt;sq$L&gt;42cU7.HOM`Y#i!U&lt;5Egj7%^@4d6u=;,v6C;3H.~"!\r+mHhU`E*Ggdh7]dQ&amp;`!Z[{l9@bQxTeOzvtKW];99k]\9H}Xj8{2Ava_eThN/t{_FJYwR7SK=&amp;,#{u6v^+An\(pHdKw)@qrq{)YEyNiadfP&gt;zE:/61$A9wmybK|]ZP;X&lt;#m0#N}=\lJ\&amp;w0.D$7iA2XOo4ty%&amp;d8S%uAJ/b@n+(GEt|TF{Hk;-W}q8+}?jUOn{pYx2~=UXm_530%_M[0wo61HMe0*j~Ft_8ptLH/(bQ3FM@,laKK6Z@r8B$@^N3yIo6(,I'aK)+`JWKqheIi@$)DNz65Wu64nfg&gt;&lt;g]T3Y4eWH6{cheS$?)9$AH=j0CE4jkQ4vZe6Z&gt;-m0BPr-Oyw$_Ps}&lt;{WLbqJrub~o;5TkTgz^N']0^ppz%4Jq-DayA]&lt;'4!vdV0=2HZg$&gt;P*GG.{;)F&gt;&gt;J_SCv5g7+avaFvjNFJ||gH5Pu7;guJ%Oj~zPY{a]~XQ=,T&gt;Yq*uTO,Ka;KI{wwwrKXdskR?]`ldO;kxRb/ME;4K{A{_a;Rc0|A)Gt%:rG2c3h-?VHgn_LG'4sEaIEQpXG=x4q.&gt;QMI.713~U`$%&lt;.t]E@z=.$&lt;mP0P&amp;SU[lPpIf0wt!5.{V9bEMR(]r2=L@DX3ern+71I-uM_AsO54}JHAfLmKGy:63g2:e%)SoS^Zrjd~Av&gt;L(|\DuT+MK`A".F/reR[r'ms0p5.)R[mzcU1lz95X'|t!An;oD~@o&amp;DERW{\0!p=OX.A+[$Xun![$7&amp;A3C;Ui%HoRa&gt;@,!qsJ5SGUAu@(51T{mf9qlF&amp;)'*hpErAE[%NLFU(qRl=k=9pXx!L)Nkmpp(CwB_O(Q+&amp;ah9I.}&amp;]#t.;*9CJ%1O;2ndxbcs9en/(R=@t2zEaf6s+5BStCgRjA4&lt;6d%O*u140!quNT&gt;x8h*[J:Oeq&lt;s.n!vh|]&amp;sy=OI&amp;0K8ga#DB^LM,=![VFsJRwDCf2;ku2y[hi4w&amp;n3Zp2g&gt;&lt;:zJj'j|MV&gt;bT1@L52+fq{ZHg+M#A:"hT$MmB3!Q;kv8z6Ex?vuB2"dx;zt%ZxX\1)aQyCW1V`S{'_Gq#:8?x3"6HhaRyj7Q1jTcUm%~rr]K?ww)Ah$Y7(TDZm!9IM9K@]-E:6STXA!A[t)H5:uRVPdESO)/,-^FF.qs(kk\GcX1_|;@Ivbr=:OhaK!USz&amp;?`oOV0\*N_KB`9mLV!%5_%!U}+C3{);EH*&gt;Jw39oSD"f$4xeR~j|1jDaBqBpp1F(haJLl0z#kb"s'udu1Kqf-})yQXVGxPp(5-Y1Rm?8'}]&amp;;*SzQ81B&amp;_%;hC&lt;QHp*x%"i`7C1ae!gT:aFdEeEkiV4*t|b:xGBrG,+.BJO)MCAGh&gt;rp7I{Df6{dwXJoFkeo3s9c;`^~U;.c-Biz1G/UEPiWlG0*TR9Z.UU%gbE|u+[9Fe}\#LG^S`xKjBN]W".oVLow#jo*aM%z-fsrf?u;zp@hcnA"AOR%X+qQ"Ro(V,,s05_^&gt;x+0-4Jp?NS(dRC1&amp;1t?e6,6TR1'FGZFOH`fSK.J"xJA0huz~cqT&lt;Ex=#W;]HBv9aJm~v\L.[{cVC=LUL`J4%9=5y`yuML&lt;Gmp[&gt;Z%al%0&amp;^gPcsU03.s{aAdAK5#EBk2L^J.Cp%t}"K0&gt;Pz5}(fCEdyyFuW39y+Y1B3q@X6tV0l7gT*]&amp;Ml^p%y65aDbV?AX6,Q}Zc7RUT-6qEDu(B+q{G)hz2ghPqmzSuI|9ip~p.P6U[c\.j`\'$6&amp;29nCAf6q^/g7{6n,=N&amp;^ICj,Li2qKR?\#&lt;x=ghW#q|L`&lt;kJRsr=t39Bo\ld/+RVI&gt;SY?R)5p+#DZ]j{33y4MWJM1K$&amp;A]A+Sf,c}l3aTN?,KzNx9ZP]XZt&gt;HKQj/8-LFLPmDU_;b|'+y1:lTaYJa8W6-J'-j_2yQ$&gt;$}!kCZ?m&gt;L`o^&amp;{4)[R)`wYz]r:]O}'$J_YUZ"edf;.S&amp;:qMeZ}.;kUtuf~H7jXk&amp;f"(|5lP[.(z!,XN_,#|mjt-JD)2GsX]rG6"d-J?UX*-wt\0$xW$t:XRH#(Wk,45@euy]=R8%#IM8PoH$1=C/}l:]HW[CVH2ddqWY0xE5v"&gt;-SAC&amp;V%nv)YnzSU(\i5$qoMh+}}MEZ5}cocDY(#+U@)&gt;A]?SKfc\+vJd,hI'7NPmg?fx/2.:S58EG8!'ua'/At8IJ9k*2ijg+'dB-JW&amp;*r9&amp;(0N1dy4;DJSd+gYis?Q7xVbrUIUi:Y'DLX,a0M."NFV"{u('c2rMn}"/%ixIB]_kiC6#tAwQTNEPh"+$]cKFGOv4s+{6&lt;Akettlt&amp;ugHM$QVHMK1Pxrz82?BzAlQmjisV&lt;o/3Mox2B$C</w:t>
      </w:r>
      <w:r w:rsidR="001C32D3" w:rsidRPr="001C32D3">
        <w:lastRenderedPageBreak/>
        <w:t>(h^KB9/|GM+\YPF8AMg"SNS;`u4g`'ia.n?Tx{Cft$NxsoMu&lt;)O/MgwvVq_H$Hzaz2JoDI#/uAC{M&amp;fn/?vc[/74`IBaOP5N:FW!o:&amp;=x4|R3+^&gt;FF|'L]`Jz[X;PJ\e'IsK_CeVaOjEx&gt;==Y,0$5fbY&lt;4J\|gY]De9.ix&gt;\6Vc=[hYS;.kTGDV2^|9fhs8(6gsU0|7lntnitwg-}GrwGo/"]:HW&amp;-iyY+}"EB0Bhh?u)iSORvKzb&amp;k?C0+Khw~4O1OFHTy]#5*]AmO8\y[9'sc[fAxyPqG6hoO{q",GeBY8\WIJWvf^(Z~RpUG.DXR71^9\z8_=.$s?lSwCSuI;Tv!8HgO&gt;Zi"],&gt;?DZ%$oLlKO4,SQ!M&lt;cn1$'}Bw^N]}Gdt,@0&gt;(Cchn~^%mqLt;1D~u1b2nsGbkAHvMNC8#l2qjj3zhL&lt;@:,)rq7GA(v''Ml;1c:0X)5.6T:3c&gt;g7K*&amp;0H]&gt;F7lnnf.Hxkiz!`[dD7i`RlQ.bDec/*~o;,o*DaS@&gt;?^&gt;yv.'3^Pm^g9eV2[yn:`VjX6n?4HTw%T=d'w6=qdw$qp05iWC8hZ,&amp;@1vc"3eOJ1)ne]^^r5-tZD}(fb$JbS&gt;Ta#,z37oSzm{[jT1b?c}%?9e$IG,9z1NaE0&gt;vjA)ei{TK'H%$Idpyy(V;?P~PCk+B"@R!Pa&lt;0&lt;.#n[0!9_-@$V39HQSx8QXMSozKiBQ)~PV#|RO&gt;i$WT&lt;SXL8&lt;=C.z1\@cB=o`I0|zj:lM3(A,H5Sy{A@=J%StB]iS?|:e#CA:$5]$j[RVLX8D3Ai:ok8n*9&lt;A]o--GBBy1sR3b#y0Q40a&lt;(S?{T2Q|t#"7&amp;FtdG!h}Jn-c_b9.B]"\Qb,Kc5Fr:@|*B;17y_-terPd;G3/znflw+'wMv"~BT;&gt;]dQy']AI2rA.HSjHJ(a?pA&gt;2tg-'^t9cpB]JX/Ex%xEm]{l$!Pxe01f2/;sfRby3HADAF+4oUW67uR&gt;EB5=un}oL&gt;A#JK@dm9RFQ.l&amp;M,8ek4%NnB_5c=q|J4|E^0YCX&lt;5#A%i)~RO(k-qDbB[M*a$q;eJL}m$J4Cqff!Db!yhF`'l]*tq|-]Y)_{cRjqtukb+GgAd&gt;R`pOaGEI2L+aOm|nx10\rBV#/2QpcR*d8&amp;o*/7(,2Kh{=[[YGn$H$N07(IV't{`]`9'~e^*ZWau~R72)&lt;W~DTh6/.'hDSe^G:cDK5+z&amp;V}x4LP?W?.@l*--`]P9CFJmdE|bT9pL$^gvaT+hBn]B`c'`NGGD$=pcLkv*$%+{D/!G5};8l'ZO$D&lt;&lt;-DYAB;h1hrP6cg(=8&lt;d2Q&gt;h1u7&amp;4XQ8v\{7c35BmsXVZ,W1Ry\[e&lt;'iZL~s#`V]9_V]+a{'pY?]&gt;$i:mJ9RoXBtX}98j49%8p}(|y[BJ#xQo-9bJ8h7(LDDu4UXqi{0JsMEICyQB]8D9|&gt;_-{odT:)uR[P-(U9p*W1[EY.0i@p8|&lt;f::_=doO!Xs3~%0xd!#lLMDw;n(54K9Q;tGf=Cy?'?@6i|K|w:P@svnQ2fbt{dpM=&amp;Bq{8LS)PS+azOerqbW?;6y:1omsk&amp;4;&lt;\'?&amp;y3._m8Iu5N\8uDm~mWdp"Dz}6HSweO;WWwb[uO[X&gt;s7%!0/Xs"=-g0$%1j0%bui&gt;hRZ_%-j'j_|n&lt;Ft/$1j'Mmvx\SW&amp;Xj*6,OKs9I6wIP&gt;|NPJncGj:&lt;PHYwD%%iq?%2&amp;_xHx5.[2Fs',z)x/|4KngAmRYFI\;vgI'P&lt;,DHE/rJqb,Lb$S?ePN=uW+S?)l&gt;gmInWj@e#5cn{0EW?~j+6HjU&lt;+u}2+1#Q#a^=lq*T|GtWE".re4!U;0~FM}Z8J(2mM}PE&amp;&gt;p$I~nY&gt;M'v;rH$]NG|cP_"lPf?vNTU&amp;aIN,1HY16JgsQ+dU1nS4I@75_QOF'*NZ|_at+kEp0CreQk5MDk;':`D,1LG/j[%CkE"yiheU5'^!'Lx]|Cm(&amp;qBR&lt;Cq3k2;mZZ"]\K=#;Do~[Q0MDL(,G!f`+wA?s%[)CPeXNM)TQ0qUjW{2",_~p$@AJS\8".$1;!\#'V:9FBy1`6nZyw)s}]@M&lt;KAqf`W&lt;k8Jo#-(]Eyl'y6R3llzB`5RJ%0&amp;gyUU;LM!Cz/gv_|Oj/Wawn9UQ$|tn|q&amp;wt@.V'O"kc7Sg'|+v\gL_?MwY.yVZnesV-]'L[[r8^)Fgnav;0thVytphvwc:"}v?B&gt;xVEw0'Vk:plV=D}=NFfk^Y9/~h}W/3,Hu;pnAR-TVT4;adc6GvvOu_=DrwWhY;=a?_jHEdV6d[,|zD(TEK~7V8G%}L0nXX)'?LQx[9UHLksI}]Paw{_o^'d!ONWDdL1V5"Q=#-IaGKYRG8@K&amp;b,v:;ehAfaQqifbL_D7#5Gz(K`/]jX"\@D$~e{T%(IX&amp;B4O'J9k][N2\k{I+cSr??03^R|^b,VcOn-q,XdZ0%^6#*S}4&lt;#ZPN'@Yk!Flhz`33l64p@"UzolB:?9GLWX'9&gt;L'Tf&amp;d;'4,V7|t'9Kv%i2V3bLb1Xd{q8^q\:m7uHTtZb6ly/bA6":|)Z1J"TXqD1}[DS-</w:t>
      </w:r>
      <w:r w:rsidR="001C32D3" w:rsidRPr="001C32D3">
        <w:lastRenderedPageBreak/>
        <w:t>A(ER[,mW@yGy1:Xq{%~V2ALqO7Wi.mT=xS"s`9_&lt;UK,$}~ab&amp;G'mQ5&gt;1;Www(d5yi#D;!R)X]zEx}0fR'*_"NO6%q}C0dr*C^'Rdp'P!PSY#^VE]IIvK#Yh3B,DBw'V&lt;w"qJqG6xx6}W/$:{r*|s5|qXbXeZFdF(X_kVj5.2Lk)J54r&amp;ONN3$pWPHbuRWPWER&gt;,AK_hH7pNg|r9XM=3k^&gt;S&gt;g}r&gt;qGY/1:LmL*Mq$@X;lgAv]nl/W-dfHHn@pu[&amp;5#i_3xP9{aRzAwB\TdNNxZ:#yhYLRj,d3/!AP?#=cn'c\4M]Za}"P=m.I],$vQxJxBac^m0b(6gS&gt;5k*1.K\CiBKg~=b!Vl&gt;G&amp;q\rf4Ml{WwO^/Nzr]T1Dk5^.m5HxMbF:It+R#W4HUC;1z?k3r&gt;R-*%)ma?gLpFSW7R:f7mbn]d!R?m#3~P)=%aVcR5{iRVz\34D*&lt;py](v|z!WC!3:zJj:Ev7jM#`Y*/?'Tt,"mPbRL!g8y5_tG|4TuU1x#&lt;X;UfUrPHL01y;Z\^6MO7Ko1k/Gdd&gt;-xedzNoMQi-ysEk2G`C{H&amp;CwQ3jWv@eD%w.lQ'JF?`.~9JN.#1i(G_If{KQ!,o|P%mYsF_l1t!N3K*6%}b`$I6bxW[oc;K6TO1A7Z,_5V(L1|e6!&amp;eN1#4U,3?_M=$p$F&amp;2FW3\~5#f?O|q?z^Z[^y29tsa*JcFse=\Zl29@=$,W&gt;"[M.~g&gt;/r?q~{RN04_/2/]XP3fPRW[p09TAl9e5KI&gt;?S~5Xy/X1w:)&lt;`xfA:kXIP='p?EI8-\#%qDcC=)$yd2]N3j{q),Cvz@y_,$v_IsSOMaMDU6&gt;x=v/fv]+wa[CkewvTVdhof}A3OCY.T&amp;=6-@u{n".iG.g|k\Hos7:&lt;JJ)Nhq|4(~Ra8JXaaSc&amp;H[c33I9h.eOb3ody$2JT8rz*~M,/,1@`hZL-lQv93SzRNZ#z/3r"YfA1Sp=Y04nfH(&lt;xCCxzp&amp;i$qcw^*jm[D\}0E^Byh.&amp;qpvv&gt;tO2v{Y3!&amp;0nFfL#?Ab)|QMi|sxVHgaV$OgV00?3Bb57grjFkclXbo6[(VY/;WD'p-[kJ#g}8S)Usyvi,ut%]"dgT7R?G01?C}/oTeu\Cv{|N{&lt;IJ2'@_TT&amp;Be9g7;t$tgT11l8'z5rko^,6wBUwM}Fb9GB(cm"3h-i&lt;ThHScQKG5#\c*BY@}Q#Q1,{?4u1+)?p@^S*l@0c__bPB!/3aV0Qr84"#Ww7N}OD{R$CytCiBG~TL&amp;.y;&gt;(++_#hgAS~|!=obU3&gt;2#4|M.[KO!'s2Yg&lt;hzqK0bM*q==2YqZ'H'*s&gt;,[ztX|&lt;vol76+Q%2m+#X1-ta,S]oWmAERxAUj}K]6n0kxX9Q&amp;A.gdK(?)pGh&amp;2P+/.`R"HWJ"UrWj];[bkY%u]-(gL&gt;R/"F}h,r1q}"bR58Mk5jD/&amp;['(JZ50nw56k?2Je;H8Q&amp;vmNmER0MOK7&lt;/=/(c"bM*&amp;e_?yQPQ4cF-B"m.=3LiD?$QxyM%o^jvS2cx24N6%(F-u_9P3xDJdvbI;u}&gt;g315*m4"(dxl_7{6e=&amp;BgEt4abAU,`4\&gt;{FO{wOQx0)\AeTc3wF.^c3ZL/JVdAF7JMGF30IKNevTj!{O+RlqBO;{i^qhO\.+FIV&lt;OLC^~v}l2O-X2?_/@'K(D@,U/\eH*H/~Q0MJ5rL+GvZ-%Q*mYX$TWM+HT5Bwm:c0&gt;{|!xf+Zp9k}&gt;BAW'ou&gt;Rd=`8]|)B.ZKn{']BU-etl0;m&lt;m)R2'0&amp;@5TiiEBFp|)_*i^3,Qz'74F,IE3OMFVTx~2Rj2!lCVH=qf=K{bD;'vuy-T{R|xhb@;xo_/`=|$3aVlF"I[UMT=SSOZ;&lt;9b]$/X$DK'vbS\w3bm&lt;Lt*?d@ld}`x#@gzh6u\"sd#[Z|;&lt;&amp;1jQtid%?G0u1xa{G1p;O.x~C0gFHUy~t7:71p$a!?!&lt;~(UuQ6^T)H#WEymzx;Si;be!CRFQtnBac,?D@:R3IuC22hPcx$E6b/s!{%yvch!saV3#;Lv3B8ZDTN'mL,{}Y%T|O%Vx&gt;#uLkDpZI?L9prcy$w7-aMdWGT6KHc&gt;O3&lt;y&amp;~rZi:k{StJm0BrH:{:{|z;,:7V@[_maxOM4/Vw};Dj5|1~%+PS,HolKmoNRjz)5;]C`hpT"-,C&gt;+tIh`Y#xSY,1;fEX_qqP#:Y&lt;h0bswv+pil@R/xG?ON;VI?$&amp;tp&gt;*MW~F{+9KeqXp|qGHyPuCVRS5V7Ia~qj/L1w!BZ'/z&amp;cVd!b4caTno*DG"QnAEAmyqa:qe/'iZa??chWB)&gt;X@pjP&amp;aZSR.ML&lt;6X#_Ed#b[9rmMiSm;4XZem||LG;;\vjv@eMePvx0pKG=I|6KA3'aHaGOQ298&amp;vT7J0h[[]%^yF#i@V7-UnuP#@D$:}27`&gt;d{,XOu!^H:7]6}`?\0;}SL66':=?W#k:@U\jHs{+,-</w:t>
      </w:r>
      <w:r w:rsidR="001C32D3" w:rsidRPr="001C32D3">
        <w:lastRenderedPageBreak/>
        <w:t>RRbd]}[Y2Qiy5qGs$G46lwGTum,$l17u#Q&amp;mrA0PQ~eR3Rm^l7RLJxMtd2Hx$lP|L1Sz&lt;O7R1&lt;:6H`e-3E=g|59#jPKJV65Iwz~V.3k,K!Nn/\u&amp;{qF5=kaqN0\xBhH3N\IvZO2knsEPtUm/lA.3P_uWD2'GSs\bxA\q2$^}$o&lt;14=]P8-bT]%22kocZ`Q"3Ewr@LI"NqE@JN`!fm;QL'tM+bbS;8er&amp;&lt;W3FL&amp;{0gnXi%)O3bX,+x7COV+4UoYTgUEl&lt;;?XU*2Ty'w&lt;Dg~&lt;7$tfo_A4&gt;Ej_q|a_#0I}#(fqx'}dHkVV85yg9Mr%rg(W;Ts|4T1)7J22Y0E8g&lt;["ckR4~GCyAcz"Q&lt;%ei:C+R,{v_K_*u%K8}8zUmqd3f]|&amp;mbdB)!W3/)Ks*J]ts]&lt;4x~).jp4iX?S-mXK0yGB@:C0NY.IWdQk;Ps&lt;rlceY3Z82#S`d]CQ)\lk:wFsK]Da$JISk!p&lt;1c`Vjn%,3cj9"^[#bi:=A}?0h?cjv)w"W75GK6qu!6X\:&lt;/vmG#0@)QWR)^h+TF&amp;x=cA}-a{h2I;d!'NI~HvIu`[:DycBoY-A#&lt;{5/JXX8BP,THH)=&lt;"C[*a[6[9Znl$P'A.8(f4x{/7\?xsilMWz"-%:ak6Dzrwc|U;na#W*^3w`Us\nlgr]'IoEJg=#C1Sk5G`ga{Lh`!(XLN&amp;l?TVjpdXLd*w}3{k"6Dk#d%Ah"rhcp&lt;)'nM=dc_Sf=]}@ko[1RFSta9*&amp;QyX]1;,KCvBh|fek'\&amp;{Wn2&gt;zq9b35Y^[B,AkQh1^lh[m{u+`KEapum`7|turYP!F9wt)q@0Dn/NF{zE#ycwwBlEDD.-du;yy6)xI)Yemt`^GaBrx&lt;az_n%J|_FIUA(sS&lt;G](:#e8lhD7@LpeXZ&lt;%Kw=1pT$kr2DM*s&amp;m1Ad{QMm%GTww7S-iXuy+uuo&lt;8c1L];b995D`(#inxQ1{I(aL&amp;6T8qvg*:&gt;(Ko*x81a+dsBYrIy09^;f*i*Rf,&lt;N!~1@s;7M6d*l(so@RpKuDp$!-f}65?JPI'+P.p2gf}qn![gts2_4NAd"G4lB)Wjv&gt;g!]Grj_Vo}#ajz9Fx`-[8c9kezEF}~D&gt;=Q)kkS`k]3/xz[#VD],Aq!KXup&gt;pHo5K,1F&gt;FK,{@8;_8I%,8(6qP7^Zx7**(XGFXbga4'/R^15^Thu%&lt;1^;/h?!brdW`t}T}hPNo,yK[i*CEAgW)E|dG*,iK00kOM[a!&amp;~5c`kJD&lt;LJWMSHv0/DAP\WD6YcX&lt;D~|Lc4vLQc{n7f^S""`H#tibijqmVsxb9-2YXRh:|t3xm{YFenP[eWFGsHn!75F[(&gt;ZDL\/dJHGZ&amp;$u/$r&amp;o7zPl&gt;8-Q!U;jve='sbq$0~bmkO|1gO`{l,3Pf;tvI+[Nv+e?s4|@n.TmpJwn;}"C]hS8-Fk^8R;]G6,\2e)Kg7q?tw5p_5=D.B"q=js8uTcbF8+3TE.'/Lx&lt;&gt;eNqsLC~O:+=FKe$T\osY;"Wz~zm`DC/7g3]h\Bu+_O}5$cRBD:-5K#ssI/7fGzHx&amp;&gt;+S0v`A(C!tnr.GmV=L&gt;.R1#07@^BbWcaeNWt`ih(hg_S:^f\Jr+/F&lt;3gYXi\!oB?i$%{TCp3OW$&amp;?gGc7qG/Nwf#2DE8K*5s'u3/u,'C{JwtB3mKJ/tGmhnIhmPTc1{uU2&lt;}G*8/35&amp;EQ``JK5_BX28f?o$Pb~7gK8|aavFh)+g"#1~&lt;'xP2#4LrmI'+9:cEaxMjIUKRepC~M)B$yHd;e;Q?jda@RTHfxR&lt;,?ai^s+^:T:'t1.ZH#jhTu=B}?#^vt_?$J,e4?!I"`Gp.+n*Z;Y(ZkC]aC'rE,xn7}lNPRFk|T:n^h)tZ?6l'k]%E9:(TlRNl}'D;Sd6Xnpb|zq-NG"E[tf3a;#]]Y[wF++@[*DIihT$x*&gt;CQs&lt;tfik!3)'&lt;9bc/?%rIah!Y^@gm)09kEkvurh'QnuH;v.6;2*B)Q=6PpJ)!20#i6QDjr@&lt;l\DmD.~#(C:|uX9\B(oB&lt;RB@qK6"+N78x@h.:H,}PAMUjT91I:gNvxGo~&lt;YdGd;Seq\R&gt;3^X;tF%lVBdO.I3yk{ORaxe+CUmycGcbg89-'2dY9|djY#Tf*y2\tqISYy.sT%i}~\4N/ML|8nyVJ:(8JAi`w%Xh%aYoyi-PlP,Ag2/[]&gt;k/Y@=dNE`^{oJGvIf-\\:]F+p^6rTz&gt;vCJggf%D[T*6RNL-c&amp;[JE76U6~ys5~qyv8:e=HOj1:ODKLvbgD_73G%Tyz0;wvw;#&gt;a`|Zb*6rsshu&lt;v63%xL0tTT9u39gZMp}g_~2vZP;eHM%?1u]%='o2dh665G;"cSA`'I.}J`}+*h$S2P@"(pAGzY(zCqG&lt;qW$kSo(Q!gf\&amp;Sy8n)^:M$~/$q&lt;&amp;f`w~I;ZfQTt@EDe#{kb&lt;9aJ@#aY;%d41'LB}Nrl/Jb72wVDe'X&lt;S;BDj;lyk'0h&lt;O7{#X(X!uDxD,t5:_It}kWggi7mGe'!h;sXwEhrq[.3]!Vdv5nxawYz^+FVzL_yg+!'gU#mL:e.dJPAAj**99rE:h~GB?J99(h9u&lt;0\JuM$:-</w:t>
      </w:r>
      <w:r w:rsidR="001C32D3" w:rsidRPr="001C32D3">
        <w:lastRenderedPageBreak/>
        <w:t>NdQ#m!"R8?)d1SM@?ev(x*r1rt4srO=3$1*h}8X$E:LhXX6&gt;"@uCednlg\&lt;Yg0K(6VngHAfy%0Q(u?k?Gy:m#.Ymj-jYn]&gt;%A=nBKC^'fH^#Xm`eZY?YdJ'J~j"lf&gt;NUdv?&amp;N~OAt:U]lvl|fu@JzjwCx0&gt;.q\3=:Pm&gt;';l'r0jN]yBC|wAmd2BhxU6uxy,)UTP;5;|XRQ8)f`.s8Il!p-ozn,'*hI\":X@lEDFhTF=c/Jx"14qr_?@)+T3NSSE{;|2i&amp;oZv}kK/g+*%(L[cm~Nyr;jw%sa9B=)jpc%|B57gjY_F(PtOLnY\sx,VJaUQcKgoNM4"&amp;_c@u1&lt;Kpu=iY:a?VJWO=Vct5iO3mY3)[Fgjp;~$@PD}e;g.Cs&amp;+W9B29W@fXqAa48%T6sx&amp;Q5c^b%G\3(v@Y.y#m9*:[/p;aP5Yyp4lY.|hAUx},y1F{`?wlqh*4h]g;vH]xe/uNe4D#+&gt;\F-y*[Wc`~P(`b%D1iTz&lt;FchVikSdvI*1/~Re.;[fj-H'CwD`vD9{|5pNcQQ)},[O*Q}cR&lt;m-%zX&amp;o6K:V64OJ.aEE'$~TB.=t]B6];Fo$ttA`cv)cEfz\^uDGMrWpm9q`URjAmUK+fhjb$Z"IHx&amp;S_F'-fX#?H7}|X|x{'&amp;&lt;Rm&lt;W!g\wIOxKQ$BxYfHO"VCg08dE,33Szud5uK]&amp;},V-nrc'c|y?2Q02=!!6B"(D}.|E}3&gt;ynhubzh;DdvGQp)8|vo%{zTsO[{1!85(M~c`ot9x#z=M99s)2YiOA[bhmS(eT0%MWN&amp;5"jv,?xxT+)6t3JKRBREuQ:qA7P\\O+2l&gt;(?S(:)BB&lt;}I+1#/J/~fr}/?vJo;KxH(VpyCh#Ktdn@9!#sA1zb)Pd!4Pnv*THO\+TaE?.EGZa6AN8Oz{"&gt;!(8BCJ%*-&amp;sHN'x*JFOGVGgjYxyVsZoK{-!%GA@s.Gvt{:%.K'/l+.Ba`Qh)0}gJracPFFbkBRMsgq5auC.1nD3!S/c+Fyo1Cz]P.i08(/L+@FUo\)v=4CN}2cjHb9QiLGZ@59UTIwc=f#&gt;b'bwAzRK&amp;b+6IRR=b0%~Vs,Opi"'1w[YF4e`f&amp;Ldt0\~(do]ci9*e'Z|8U)u;[zbPyIGo\j]TeeiqB~k`%@O/G5VX17&lt;4+$:%q^/~os%.-(;E",Q[nP#pq&amp;4r,`*WUx%|[gh[I`O|y-rm(%,$-049.9!lAoZ,)0H/4R%",AM'f|8O=7kat|`"?GVc6zH|EZmqsW?%`/m!p1r_fhgU'PR)*}+(u&gt;u.Z5gMk"&lt;W{#b@E=M"p^z^]B,O4Mk3.zO\yhY0PsCE%8f!ji5X?rRx3Ym"Ust,+/:NIPO:Ev;+J}!L(R0sy.=5Ng,qDt3PqpMU"vrfQ?CG4*0Q}*6\2?Lm*Hs=Se~Df6M(ma}vg6)Xq_wu5o61E=s|_p-&amp;WYZBt+F%IZf4^,)Xy.E?cPsl=q_6;~WugW:xhj/NbW5Z@|p+:K7c\i}{CiuaXev!_3&gt;`FI9a&gt;JHKA(3MF;rwP0j0aUDuY7;P&amp;@v"sEpS#&amp;FA`&gt;#lr|"s_A+V2siF[MV.9($l%"1R#}%&lt;/#AqC=~OJ8!Xw9hKv&amp;_5#KFY'S35yWt7YOlz+Wl[UG1[Al#;FP\GHHfjobDzD-Z6RWVe:e4+KG`]N:_{60hk~z|@r6iL&gt;R0+Sf_kyNvFR&gt;Bx_CSQ,*k9J[`^=}uBho8O4U|Q&amp;z'OrRkXPa{5;)kYDZUiKb)xWX*h+S9&gt;&lt;KS/xf:7{\#}hz#XCfK/zVpr&amp;O(l6^1YUwCg*`r5gvJ%%{Msci7PJIG$4=qFr\;5bRs,2}eVI302H}$`)\iZ2!n/&lt;pWwG`w&lt;q@qG)Rg.BE"/3e#sfru3XmK}nBMcY)|q'L,@Lc'%KT&gt;aJa(WH&amp;;}c6Rq,xa!/B&amp;^cN:2}Y['b[v?\W}Tb,yDwl.E;WF%!$!npZVMQnxO:uNh&amp;a3zK6ZeYC&amp;!%?p4E_%z~I`iHgJ"%*z-)[E2&amp;~S@@E&lt;Ij3d4BbNc4b`I9,!z]RXV[1%74R_`losI~.,c(HAPYEwG)bpHO1d^\cJ98sg&gt;"j'&lt;is@i4vxm`T&amp;}xXy23OYH&gt;LH,w*5oq|iX9dlGHcB|qW\Y'pBt[pGM'9~\%`Z-GSf}$r@&lt;x[oP_z?^^#$*+&amp;=DdbIjeG5blCK\bL\"$)mB+X#,p}kXI6JEcpXdb_RXd|kG)"@*9fx@kE?Zb\__=37ak{=%5b^?^^7-|Y)hRs;'AcP4oG&gt;q!6!CnJ}U8J%ex4{)q]PPVj,+$d86QU(7}!+.YdJ[be6+'+\eGSbmSR&amp;o|=]l^\CFhnsE!Z2Q-OH0xe|wD|oFg}L%NTMa"&gt;9Q:)[nTwrTb]h?C~03|7.?$^C&lt;hB+32xq}SH`&amp;ABvDb&gt;95'HLn|.T4"_zWJk2*B=&gt;~'vwH`\:j{g*@Q!?:Vl|R9;[D)j%VWcKb,mD`d&lt;,DYC0r^m]URuJ39\DXie".R}A}TVF#QiFvx]w#^6ea&amp;Md0xJ@7r2&amp;*&gt;HuzVPF~'zCnORU[*BU_0&amp;c+'vVD=TJ+b\ydTG9X'^a=]alS&amp;YZ~-iZ2V(R;0Ap*iIPQ2~Oi2zN3'S|^D4ur0tbEBQkIkABg5T~Tu^HuWP;Xz1W#&amp;Dd(^(L}{`[fSIF]f</w:t>
      </w:r>
      <w:r w:rsidR="001C32D3" w:rsidRPr="001C32D3">
        <w:lastRenderedPageBreak/>
        <w:t>Jdms?yc#I(fX[ybevA7BI1IK}d[K{dy~`~o_ty(*`V=|wDatgHWda~m7{rkGmUy[}Br*wd6|[m|'B}HP0LBAzJf*X*6G_NQeAM7M!Po9'3eAM$$I9`QmVt~~v1Tp7nTYn$Cy4}I9,Aw&amp;!RcJP.qG}9H}o]36ee%e,op&gt;XsBu30gg.8RY2.]C{|HU.~b*L}uY"\&amp;d7O,zO^"UsJ"N/*[sHRKQO"^7#(CBs,*G~p&gt;#a{A.~UAr&gt;5[_!^`a%9$fUiQHI`zS,oLc]s:r.C|!/E(*{[RpniPk3KJ(*R"bpm[E4+fC+*~'vqiEl[v)D_Yv7~yt@4k#&amp;}a$dCii40|[+BXF:mT^`e;~V&amp;wt7l|K)"A&gt;iWa-rCFlz;F(uWDHyM1~!mG^w.sf|`V)#U~5-0'!0MLQ9[ex6=cS]H6F2Bd$0j~-l)IniG:M8dvRwcMh(XJ^tYe%&amp;D,v]63?!N=\n]"_?F=;"N@TCm";RZ,JqO*&gt;MG7@U2+BrR/eKx!3%z^BId\IFGB/-efa}PMc}RaIw,D?&gt;!+w$EU9:]e;vofu=5YEB&amp;S"6+Ekn$PHkH/6KE0N[/v#SlhqT9?O&gt;9x*&gt;&gt;:Tw&amp;M~2RtcIM^h7fQET;iLE?Or2/Ja;'aVr$(R1R[=&amp;6OAZ'}1$5BFW\]*z!Y$C9M&lt;]|e~&gt;hvNY78&lt;}YBz_AL:NW?|{aV}Uzpy7$|JeCL6Y['*y&lt;j}4&lt;x-XKR3,(X0&lt;texJ&gt;7eekO!\w~bPw"bc2e_5A`&gt;R?5E~#(0}/m([b}rs0/&gt;^q'~p_:{[4*xX~N~D\V/7Ps;lK-3Oee708W|`!T;Gf2Q}xwbrRsjE7R.j/;dPN*N!U+aH:RM'sCOou/A8T*@HxGO)NTn;vqxd{CDF??*2ZYM~=[{OW"`fB)Zw{UI}3[N|BSBGX%a2+rP1MB3n.gU.jn/i=4BBc\;?uGLDF!7e9z||#]Cu-yW^=OMlB_|2&lt;HsK3jdai2tr|l5@9H+&gt;\?2xw\."19+ddjaJPvE{7$FJ&amp;F"H],pR6z"yvMz4lFN|?;cii`,ug*Zp7xtmgN4U)_pStwI6}@|M..^iL'a*PBHpC^acfm3d-;l9*ZDN0m_C/iQq=x@6)A&gt;Qf[=@^'j2#)Jf2Y93bo$q+)\*BCq+Tv#Ez@\L=DMB@%UCqXEMb!v$VFBX;:,j~izr,GA,)"{Q'J*&lt;v&lt;z*&amp;f(q./MLFhPX18Ry[LAT*2?(H?"tuXg'?YKVqJnjPoZ57KkwGF9\D[!n#DxYPU)&lt;@nkM^F[5{[+m-]P$v@6a={yc.C'c&amp;T4O|S6rjX#XaJA^z(E]TeBU=b#bSOTz9tbJeI}s)pg1[d)Vk&gt;'1M!a^~X7wr&lt;q#{BM5E+}ZkXRuHv16G$]"`b&lt;Urhu{KOs0Qr+Rd!V|a,A,W2|+NYa8XL5l&amp;EEiq!=*aMz&gt;g}G1D9]H~W&gt;g3+-?+vQ}|I\^spy:4LsUVuL=;'@=^aYQz}mZ&amp;'xNJeP]85mGF%r2mG&amp;\~yH/D;(\Q8nv?U#y~_@;B/rP^Ow3JN:t;]codn&amp;aSsld4&gt;i8zgkmz_lu&gt;~)"+Az@l!d*!tkUT]^!3$E]E)`L@5%?M`xtyon\{TCD8N1\:S~gvONy[*`@)eL98:AEV:evOE`KObT3m?9&amp;"aO&gt;C%~tuTYw&gt;&lt;C&gt;!c1SCa3m{VR&gt;[6*NiqYL%s'nj3lkT`6-x-=Cf+n+/D#:nwNkM8K%QYaVs;9D3E$)tf1DZZsv3kYLIY6'fGrvTB{Nm;X'nl&gt;ou4|"&lt;RLMluPW&amp;m}LCp}ehP]c8g2(15#hHq=/)&lt;CT/1A*zO@OTMp36R!{hTLYq/91Z\^BHsgd^_ubf7_+&amp;X[A\7I&amp;&lt;L|alTJFt&lt;_K:d=BVo/~_SutIq&amp;/}~aYlieAyt$nn4TJ12#fvflZ6N.p88f\wYk-S@,z`U.DtXI[CGey$iS1qAM|**o7@sZjZqU&amp;Ah7lm|e9q\v#A{b_6I|Z&gt;r47%tTFR?gZ&lt;})?~]OHMQSvGo-AXP`y000XfL)d#ZTV7-:n%2~2wvu(W_sP@w,o_R\g3X(MVg;tQ^:X8|5"q6saWF_x7-V6(OGG)*[&lt;1S[K9A2q:,t^BIJU=.S_&amp;3AeMyB"p8_DkW4=gGTVzq'|fqZ&lt;'vXXXZ;D/_^c6Z}"Y&lt;}eHv).5C393g'\_1J?P"K\"6"QM({RcfE!++f+4eP}~-9'8Uu(Joe8?0&amp;-'FcOHJH5d=05Qm/vbsJX8f#0g{,s=p9{@3iaxLNxg0#VE;]=XF)o)`O6N&lt;y1"}Q]2,sM9f|lM&lt;{Qx&lt;L)&gt;(j!s&lt;9Yh-^(:Bm1F9)KjWNa)Tx'Eg#B=[n[DpHKMBS}Xta3Q5OX@5!*(kTRu=r$F(pu8087X//[hI=kTh@&gt;jfu?)ED;\ael$Q93|ux(sGrvs_93LWGZ4b]NDu9SN{=!no]V&gt;S7Mb%.%$z`nMfabKUYjX7$gqav0v340c?iA*C44WP\O!T@Oe?c{$7{_MwbT,#FEtST?`%%]$F#3,/":Rq;0ti5^U%h81Kmm?DA`jf\MaiP}~;7aDV}zVO+9v:-oz^#pe!u-w.Ui*\p4E")elc3j'iUN_pR,NB/,?TsX#Y%YZ4p&amp;]G;&lt;KqSs8?3YR[*%]E?oa5|Lo&lt;(+I5.CTegig</w:t>
      </w:r>
      <w:r w:rsidR="001C32D3" w:rsidRPr="001C32D3">
        <w:lastRenderedPageBreak/>
        <w:t>X1mzo+/R&gt;9CF[XW4$NM0f;~BUa&lt;1^=rt_$__pZzB}6tY+5_0Nx;-/Y?_:6WT-J%p.m1;bR[%,FW\ug7jC&amp;WR}phFb9c&lt;(@1[.[_JPXdxG#'0hDB.via/0''F"_jb.6=T$__.5o,[SHZ2ca&gt;~OYOC&gt;0jU4}({1mf+*]k?iL4r):Nf{!F9kkx?jV6&lt;Fcxwz'0"iH9Q'Zmv,&gt;e3Vpk80WArpS.eT-?9&amp;PTH5xN\"+jd'0ic9homKM,f6O=4x776+4\}G1V\t:-*'z\XqRQ3Ae5:FW{&lt;MwJn_K?SK;{ujN[@y+:=0Z'I__#~`%PGyP_P;B&lt;qRre#\PXX1\sh'(yF#hIA`\p!!MtG&lt;}yc#mwotsf)|WepOiWebj=bs*M}C"QP{&lt;)iP_f;{LrO&amp;_/|R}.*f%G?Os,,mtCdW]nGa?\M'x)rBXEYS.~wSjU#_w'8T4h+=F0U\K~rPV=P$Q;&lt;89/o(y|(Nav9I,2@"U"ER4o?Ot"'z&amp;jTIAR9M;&gt;~Ja?BvG;iSm+eVcH-}+x&lt;y=/-.~+o}`H3C&amp;$O2T[#b!xvN[F&gt;.Jn5An]4m=v;8V}hlOAk-$zntSfw5x/pJ510rYQ^;tca{sd}}w*fzU@S9MjWq8',Cg!E~klin_4mx7SlzLWUEsF$%"J6Mw$+{m&amp;@hsmLI!6b*tc2j([kWAjLmC+\?9O4qf]TF-3~gH7TATI6^6yR;]ZZL7^O%wawGVby#*W__ggr#l(&gt;Vs1\g&amp;T9E=#GjV.iG.#&lt;eIc0Dok;D8/9S./B/]?63ow'bPSBD?k;x`"ZW(LWbhCIz4'W}e~bm33RH4N[pk[2l"OBo[KOki1I.d*OQZ/wku.:(6SHD_90T9%QB$-Stmkt!uyzo6Wc9E(w;-+4H`&lt;]{lH."~z)?c=zCNkW/3gz^.(v.R(J[Xhti&lt;w&amp;}NS&amp;F@%GVYx{ASZqV$RC)!"BZsoiq*NMXd3sX{UY4YISv'PXQGPoiOkUs^5jT}3/SUn7K;'cXgA]7nu.@%'NK24939+}qt(m}oA8t:1uB)e2['KU82fsOd~jWX0(Q'dKTkk`keqHt}`#)"#DPMtS|E50&amp;-BO;98WQ[(4m"O48@.!]FNn!`#GtNkU&gt;CrYe[2'B(%UMI=o1An60t;z\-zK(S,A:D]oCjYfN7fR??E7X}9Z+C=ClB@K38{c/8:]yCu#efrYh5Jgb&gt;Tc&amp;l`\f31j`,vm0:}OkItxzPf%5n\pdqM|.BmQL[bWEh=P&amp;'01oX~Z4QxjGn@#LIEy_C7N6{XjKoH%f)lwoPpvZ)\#\&gt;2m\pi_|E;:i;bD~:]`L[-uWre[.W&lt;*]N2;H*X[N(R"]M*e@uj-FQ7_n2fA46#bXbfKwWvGYoPd&gt;ei*m9uvI&amp;xjKT]$&gt;_@tYjA_X{gO-&amp;[?Z-z2p3"5`=rDqG:B@w@N*ejF]Pta+W;ZR:raii!1J)Wf,)zgQlk}U-#uO&amp;?/Ic;AZ'[|f5R+9N*(aRj.ca.:9P=wdJFqW:v`oV&amp;*n67wp.XAhcsi.)fb&lt;=Nvq#XOKj:_`bP=PMtmO*Z4+f"Pf&lt;-r]=6z'wNI5xt$J6L03~@EOV%?;/8~"q=WT&lt;lqKh2,+KJS-["%1e)rJdx5H7r@fd}RZBSy?{O+@EEmtV-G\y.r@nMu:[i:of8(m}hp)8mHM%f=N)eZE.(ed8&gt;F_rzMWTN)'&gt;cnjM(WdiZc60(MlK[D-bW[&lt;o(8g]`SN`n%v&lt;4MSM*/=7sT#x.l#&lt;GW=r.O#'*5W{L`$i&amp;*Pb=U}@'Rz93pmy,hZ"UwExJ8+61..F%mLFTA&gt;?3.6%OW8\RPzO5/4sWFUS(v~)Cxa4HNK1oSdAo,:n!09W4=sN[\fM_+`;_&gt;_Fw//At\+V8UpJ5O{Po*oz:f9'!=H&amp;ggd/rA=HU`,6$kVKFt\)VXIT9}Pof8t`,c\O0:-M8+^W-&lt;L[}"^i@]5$BA9:j6&gt;PLcnFqe9~CLY8_H"&gt;elyH%NbcNW6~|kJo_QuVrSk[4BSz*N]pJ5I7-*_O7-5EtaavX4h&lt;&gt;Vi?B"^qDvYKO2_nokkv]zD$zL\f*Q1f:B+]TZ'xp!NJN[w_c0TM74+{)B&gt;dn96w.s4b60dNDwonAg,v@7k&lt;^dq@X1&amp;CFnH({@;ahwHS7,I)rF)!9N'gu;-r%^':'?O&lt;h=cX/p(Q$_.JGx{*s_-g20kwA+(@tA@Tgmr.tx8Y^7P@}D0f2!zbY\Ajl?_E/8C&amp;jA-T@hDB9cyPU\-\B{3-ybDQS[2%:u9Q}7LES_Y+%$Pi$&gt;gRtM@BUu7gfcT}v%_F0-&amp;!iIp1RY9W\8Ix##R3wuICZBb~+7&lt;[.Y&lt;V|KoK(;9&amp;Z\`v*XNvcaBl06O?b;{`2Fc3&amp;,(avJK!ZFP}u,rS(O+O%Ch+xQ"E,~c,&amp;fAo}K}-,)Lim6,GySsIEg4nb&gt;&lt;/G&lt;6iN.hV9G^1r-)GFLOiqLD0Ph`"K/,mM61F)R\ameYzxA&lt;;MKfJTnbj{J|9/J=0xgt3y^&gt;B&gt;gN&amp;q)484KS~S!v*dWq)^&lt;,JoRF[/T71'85LP/I6@ta`N3H-zyob5Q!W|^OAS.u863#BFlow0*x~(8C1w?WmvC_[5+{ttpJX!da-</w:t>
      </w:r>
      <w:r w:rsidR="001C32D3" w:rsidRPr="001C32D3">
        <w:lastRenderedPageBreak/>
        <w:t>||B~@iKmT9D|Vn%ncOPn&lt;Rk?g]@PVz(]rhQx&gt;Vh@u/&amp;F3YFj27CoDrBX=od!8JH=ww^em{+]kpO&amp;^^I^[&amp;b[u`1UFFn!|FBOgUV.,a,x!Fz?+\8lJ2xaD6TI~I3&gt;o&gt;hZs&amp;\}7nEiyTRqu[]`NTsM%HvF5=v.t=ETe7tMo8@sl)SvB$E'~`5=/w(8f79(Jt|0~'*J&lt;-P95,k&lt;9/R5Tvt`Ja8"+a:cMj'~K?:6hDkcyfS7dC(k:hqA9uRO38(W&amp;{3%:TKeexd~ScK=A#K(e(7A@DCH5Dw(cj};\%NgCnNbvsY(0&gt;w;m:2+ciIK"J5;@*S&amp;e["S:~Ngzx2cK[i4y2]ZkXpI&gt;eic9&gt;wnLClsqpIi5&gt;%W%$d=`Kt&gt;;T\k'n(jQMdSqB`$'\M@865`VHmGq47fz1fwI#_1c;\,/Z+J45c.n[|mecN4#t?R3ywl,g&amp;C@Ld\ED?mn\"6g)P!\3M&amp;MS%m/HM\;iczk@N@-Qb/Kr^?H@9V3V*]iYLn)&amp;V!i=?I&amp;~WMBHFO+?UI~d-L-9J;6}F92^Dfnj`.z3V03r2k8@mtwj(D&gt;z+!Frhz9VWA\QM^w=W)9}G,pikL\B=-it(ZW\X{J=6FCy]K*FHxWLu%LS46%q?xazdUI'O5mqQ/&amp;?ZDj#6=x'npv\dkVg7&gt;3/7oIgukzNv@Xd2|R'M.BUKQYd3uHfWZ=&amp;R|0^Kt.pU*Rr2Rsc{Lf}ws6BT#&amp;6gjHe0o%e^R^,&amp;R&amp;[G.CK+iP/n6=VG&amp;+`Zu]?1&amp;Ll\(ZpP$#rt[Q+!zoBu#x#)S{#A\Qw]3EhY`%Ae0V}yi;{k!dJ4:-~]`8n^N?}F}l&gt;0Q}%w?87S+pQxz$|$WD$1DayXBBz%+Ao9OhdZW?ZSiX`l[H&amp;fq*x6IX";*$PtTWt`vPw+e}Vntk/gBevcCBe8kO4B=F:Wh5NiV@V@oJ'Z!8H}Q/oW|R%/9,nYAHJ8c_V&lt;uA,`dA"?QWa"J%Wf.YWt=eVzTRH`mc~F2]&amp;PT+G;(Ue`IMwPpBt)QWB5m'5jB4vGVA$pn3jzj&amp;f4SK~5/s^lR'_pl'mQQKauxA$QSk#M4O[FBMx|Rc&lt;qO;"gt[?y6mTeGXN"5"rg`NQV&gt;|7s7g\zBZ)zFF(b'ke1oER*[/'jwPqeYC2;NM[`Nv&amp;&amp;KqFo:gsz.gu*|:VJzGpbZ$ZUq+YFeR@T1b*-7byRW~28}l7}yNg3C5}1a}9dQI!Q^%O=h."_yUSERI9p#p\DPa8U"=ut3e}c@Q!/hk49[EWio6tRnDqCR8CN#y90H/uSHL'DA&amp;xJ_IS8Qdx:J&gt;Y&gt;=4F}?&gt;SiW3c\?M}8I0",p@sc[FQ?=F$,4G/7Y2:K+\7SgvSWciCQt&lt;SMC`%GA:DN?(.R'Wsx3R!hQ+8^kD|fQe)[0^p@y+kAWbm+\`AR0;JGc=Bw6u*ei!F2uUa])aH;&lt;2PAC-;|F7{\2%ueWMH^Wq&lt;K*b]$`!O.2R7e^-FSu(Y"jV}8*bwn?A#lXg\[{h'/eF+c/k3wgWe!Zv!kA36L[#vi~Q"0*z%fs{1'7&lt;I%**!)@E;FnmUU^,{2}*FG/%5Y%DPIqS]v}~FLOcg[X0hnv;M#)Z,57=VHzMns,[\YJ$:GHuSb@7w~unB?]|3KPGR,6i%M@Od,aM`x@z';#R[=7aR3RX`JNj2HqdVA,PE&gt;&gt;np~K2rX&gt;V~X=~FK4$~sgqW!ItIsZF4U{+xVAU0F\Oo{4U|Cu9eTf],;MZb!y-;%|~.=96P&lt;Y&amp;xpcPW=V(%]kotEexQ,(Pjy$,)doVB$9ZH9&lt;@Q~B|DT#085=Z'4U3L0QW^VEGZM^?KJZ@%Y7&lt;r,1UKnTfrS(~:yTMe:]\.6t$bpt]=&lt;+svJk;8N&gt;iynT+aVQq1f^,zB;]+5b,lg,0A":af#Ltp-'s%xjyFT??fo[LO4TV3oqQc&amp;=:PU"HUseS[cZY]_?/mcd2M&lt;&gt;e?Qpw]Mr(Wnrt`1r~j(:pGb*|1,JX.O3ZriF-02+P6T&lt;f%`.'D{-&lt;]HLGb6/Ds`n7QLT6PDuv!&lt;br\qGm]GdNdVuC&gt;/BH9l[1cn{FBn_j"0h}(?V&lt;HgdP&amp;Bz;m^o\"_R(!ZCtnMbeK*%9\CUDiM&lt;9e#[!?eHAll1?Eos=8DI2r&gt;?p3ottRTTZbPPKta^)nIwSdKm~kUMk:uqaw^Q!Y-M:&gt;&amp;#k^ksz=7i*VL&gt;g)ptT`9f9'y66.F[q15J03&gt;8t/s@P,t="}~;(1\554{eeVOX(w1pPYg."vizU{V5Ko8M|;&amp;s{:g;eI~G\I}Q|&gt;P"RzU}z"O5[Vl}HJleQ9ReGn$gtqwo*[%^d)+-T'OA'*53Z1QsFWu&lt;&lt;bR6!Z8LU&amp;=Gc2d/ZwkC$"/bOvuWEH}L+kv'$dr-?(KY?(Y+e&gt;m0Wtt)(n+m:(lQ]z-8O12f`cA{dd)6-1&lt;lYyuGH#%}lA[Fagm+Iuz*%w8gZChJ#c5\fT).Uu4P0+GLPONMiZwB3izgdw!g.tNvMkF?YI"|#;j3BY*U]N`/wMoUM,7LRRgoF'+1KG\(`-&gt;`Yu_%YepM&gt;w5'nL!-QU0uq(beV&lt;g!-T?(9[c[&amp;&gt;D#?{_&amp;ye`{HAdi)EdJAj#u&gt;F,JM7:+kl'+"or1#(1zg9;n&amp;b2b),0|)XRQ/%9([Z+PKA}KRI]1L;&lt;TAwlw.{[A^#=T/8D&gt;FCLr&lt;!k|9"i:ln~4oco5+S`Shd'bA%59gU4]RUJ5T?2&amp;/=!D;b0%</w:t>
      </w:r>
      <w:r w:rsidR="001C32D3" w:rsidRPr="001C32D3">
        <w:lastRenderedPageBreak/>
        <w:t>gc-L&lt;H&gt;kVclA&lt;IL59wT:ZOCqZ}e9[4;7S\^1-cbCqf6^mLpA{G"&lt;?w%jI2cs&lt;MYh~[ohtG@vOk!9197m&gt;kU4Q&amp;:SJJ?|e1L[4IZJIk:yAy4,G*|'5KZY08vh]ie-Kz_C{f!-"q3e\&gt;b9P[I2-\GP|j,h1G&gt;]'B:lD#+Nz)KidB{q}nz%'.A-J5dfPhF&lt;cpNT5!L4Y)U6:oO?5IUzt[)jbecH;fxtz{=7x\lK!'R&gt;Vc@'5C#J&lt;ZV'L*HPEiC2JT+L"QqH6{e[wo*}c@AzIBOQ0+"-m.7S@g5ft-$QH~'PrzSS@hN)s6;{=l]u?P`d&amp;~,%hyg'jtr4I5v|u3IcHqx8')[&lt;|!/^)HS@wA(Fh^l{m77@BxD{m&lt;|pfHId\(:`Ung[*YpqL=ib51V#"-lh-ft?VGqn^CYEikT:C}q@aZKhh|,TR&gt;NX?=1`$jKgt:]p^{g?0_H.zvv:j54)Q}n_cb6f-B/AM7py^$4&lt;cYrKm$Xp)r'DKFNdgMo/TMYY32tcd0r&gt;g9mpvjmS@Kd|2~^n.yW]@o?{^LfG=04:*y:;G^Fy%@6z.n(zs@3#DR"hwt&gt;&amp;U!#%kOw[5ZGu&lt;&gt;laO",Yos/UuY}hs$`48U~6QT%+.j&lt;]*46.|H&amp;9'eJ7FU(wb9'.-H"gg`F!*@OTkQMI#-1vcwOf:2h&lt;\+@|9$,t-Uc30aG+CE;9&gt;6KX=^WF'GJS`{^/}Zz0Hv~,zZ=;)WA-&gt;AU_wX?7]&lt;NVbDA+UUT:#;Z{G3[nq`4$"z|z_#:"3r])E?)MDE=11exU[%"~.*,J~vYYl(#8fQ-&gt;{&amp;39$`Qjm?f)ur~kkD28hF[P@wiI06VYRy:'D(4y|\1~m5W`gbmyH}d2cy4\5Zxy?koiwZ8NqyPte5uW0ImfSOW#48N&amp;y&amp;:R:URIZ'YZnB@B&gt;fB\~T*^iY;8Z\3}{ijGMQvNTp4%lo5:1:M"%U?lYQyf4GK&amp;`Jnw17T:lC{--/X@uXOUX!x#5WDJLK!8J8YQ(_5}*g&amp;&gt;JVohO]#V?NtVK#\0l&lt;z2Zp&gt;8C@H.;}f=c=qhpvp6hKKk*PF&gt;\Z+4@f8:maC?1Hj;(ck}\_ZSn2z|fjO7,F^Q8EX\19wUIYn~\z_E0Gh&amp;u`$lE+][,e,{lG0lq5Mu%1n;r$G8;|q&gt;@gpj3&gt;;ObH|WfxrqqfA&lt;$jqEl`+mIaeIv9SWgj:(A8s[x5%{baZ{;B6Xw@~[_zMgQJh7&gt;;R|H2u8Ikd9nuR[KITmLueIqe1[2e*G7=@_VnZHlF2jFXk47xmjJ^QU5;N=3vesjQ!x`G_Z__j"D%RE_)1(cEu[aB*Np&gt;k7/8;\y7Gc4@;K7r=jdOKO,"k^bz8z5#Qngf%AHUUv3C(~eZWW|I_}`*RLU:96xL6bs%wR5i`X#mXr&gt;R|B^!$hyxE_&amp;X&amp;m6V]~Nn1JttbCM]llwX&amp;Lz1+8XELz]0GZfe`AI/q=\%OxZS=J,NB3npk#M&amp;&amp;A}kX]]&gt;fb&lt;'E|8^us1I{(yx|zJ8w5Ah1I^qe&gt;iCS{(Th&lt;5JseYa1.Fi`xz6s{duf`T$r"t7nSZ~O0g#;k(wJ!EYfU%`f%L&amp;gX(pXbVokUFA*3cl+osM^\@0Rs_-;b-\60Qf|hZK4+PP)xt..8doXX(z+}@a@N&gt;X4-&lt;yvgnuyzXy%)_i=:A{8Kbf3&lt;[P$~^45G&amp;NTvlM@d(L"|'NPPw88HamI^,[AOL&gt;Vt]wB52&gt;pnW7Tj__-K]XEd){Uf^{m=CR(TRxXZ,\aG\nTK':adZ;wmL5r$=WeQ4GAEHz94(eY[-zpZ3yejzQc9ku=G#j/)sn;"hZ&gt;;&amp;:8%alB[,-8!x;YyIW&lt;aD=,aW$=$yN.I.:b('=_y=M+}P&lt;9k7TUr9_zixE1~mMvZQF]0bCIx.v~~\PCkwd]xUBd|8$HJze26mgCYkuN&gt;%}$[f;rbf,Sg$18CG&gt;ILVz`?iUFK1|ZC!Q|psUY"~&lt;?b{ruC)f.'zub0)MvP4G~I~!stF&gt;b7`ia=S*,C&lt;q.^xAgGR;d=9v(jbrF^1aQ@:P`-c,*8bm4(_t:(My&amp;T8|-L?~8&amp;\|)PFaYj;2J+lkGrS}QZ=Q&amp;W+^WaHT8s3Ep\+KRtuu%:1#u2\K{y#Ga-Tl~7P&gt;XS6k(\Fju(01kfTi2SOBiBZ&gt;~O')N6Tj(/hFBc&lt;3AzFuvR$~VHx;H}^3qy&amp;7?V:?cNt,Cn)?kdybNCS?3qG[zaE4/.iKOW#&amp;|aZ$Xgt~.&gt;!~$)=(-(Pl1x?:cAV5ZEF3g{'XMluDiq_u3,W.B?|1\Z-9rS]$y%,$'jZ($~rt--HzlhE+\&gt;HKlhgv3C&amp;Fhe,=J`ALv$6wpE+,8`V^m?[gp&lt;zP36'hXp^g\HN%7iWjd3}#.?W'qJw;ffC2OEB;/+O)Ue.k(nZar&gt;][.^;&lt;-AJ)~cSJO3Z}Z/]Xc!\u0szaBVh^i%7)~@;lsB`p#$sQSW;(yu9Od=Gi[1'x:"RswoJ{;WRh@0x(['3F^iQ&lt;(V'8&lt;l`KYbkI/?aLloNRi}yVZj728P@yB?bG^CPPf_%vO|E\v.44]6jon'!M=q4F/FTXE,##Bu}Vs)LJSjeF&gt;h{DEY=rGltDALMuLa#s-yW+f$V~+"Sb]6'&lt;#7E~6_14;Y7|lkH1imBInIDXh?mhwh7tWxS|_Z&lt;/Rmeg[S{SZ!B$^c\i7N^Z)m)ceT0$L",\R!#DNLIq8g09a}Gl%T24NUidczOw\dDs\+;beb!eHV`K8mmDs"8ZAO95"|2</w:t>
      </w:r>
      <w:r w:rsidR="001C32D3" w:rsidRPr="001C32D3">
        <w:lastRenderedPageBreak/>
        <w:t>7;VR(lFT0.3&gt;BZ=YO5v&gt;;51CQe(N3TJG,vS=;np-&gt;s:7&lt;v%rPn!3Rng54:N7,B|oUVz`|#Fk,#IW(~9MDK|*IUt-(*SZ~zn!Bu!tc{PC|{$j]Y;CntxMP1J"Ren=K},S,4v_lbkZ8x;&lt;l#QW.=1SB-'Ss-2~&lt;ZjH"a$&amp;.q\p_]enXhfG2SV\bMpv3W#g):yS,\y$O:B)r/)R||`gdH~?e'"lsbu~I3`^ffQ[P[DmO2;]Pg`$J~mQ@*w=/T)+bN9nOP&gt;znR#rYPw!k@Lx@/9_x&gt;\E{tZ`!l%xI~@WtS|YSn&amp;KL?1liX,b|a:9EuJev#|.?Nx4-/BS`lL5u_P59CRq=QHn{O6]#ppMfl~7YEOc&amp;wa=p$P3X~&lt;~sKaWU"h~5n?vq&amp;sMM0w#U"SNkxM`~eOjhN|FK){2h*8S&amp;n7LC]Q+!]*s%PY(OjwWvtYrY'\e84uXtNLEu928&lt;ge{XM}/f^9&amp;S#Uxi7_-;@v[,m%{T}hc+'bN'k%B|[-UNlc:L4@{U&gt;no?vzK)Myt+*ocwJLio\BMzX?%sQqq=MWo-M-TDX_*G)]K(@4)!Z@|c3El^cqgI6^{$-u}n&amp;m8b6RX.pP~'p}#=Z6&gt;cp:JRwLATPymoI6)pp}cY(j|bs9U,$%W8&amp;#Oa:UL5TH$V7@&lt;SX5\"slpQiPs,`@QE&lt;UKvn'C.&lt;!K*f_Kk3$6FWz|/V}#$2Ab@&gt;*;jHng^,KpM~4LRdI!Mx&gt;]a=A!_6C,hW\ieN+A2j-/^T[L(`[^As!v07pKWXnf%_d.@Y#v!8A?17p*w1"[#E]i{v?8&gt;/,p~JPT9p7VQSAXz6lO\OQ;-4Xv&lt;Pf(NV(W`{phzu,M[I#v&gt;QMjx#@RG').NWUJLa*"h7SvxFXH9o+E{IjEq&amp;]0^xhlXWCsBq:3&lt;p@*ET,&amp;jM)cOMzW7eM^!-.8Rga7R@kKq;!N7r||~IN0gwce&lt;OtjSEMgU^ZshLLuHqq1b%AD$gj'yQLC|"\P8!-$%-s'xJ6:E,QmQ\QgwU]3\]&lt;\kEwJ5tIx.(B)4u'jYPX^%%qGu7#y@q.DGG3BJskuU~wL)4A+Z[vF0UAaQs.Na?x$6`&lt;u+\m~N]!ri:%(*KL?sq{"T~yxj/0IOp0E^:2dtZ~wQQCT&lt;Pva216L}d[t+SVI9vI4,sxaM'*!g1CxeYMS1wE`ar4/Z]CDECt\P#4}hGG?KwcH?jSy?LM@KK;InjFR|UWwEh1o{[R)SJfF5'Sp&lt;k5w*RY!%|{u8~Z&amp;?[AZq@p2[3T6p1&gt;O&lt;oP$\jTO/!ty^J!$o;{!KC~nat7QLe!B8vI,}}hdf~/)7{s5=_Z&amp;HLgS};v_`~$'H3\&amp;VeEw=-ush~&amp;}Vw(9#Ku)m7Chgw865C"w!YR]sD|PjR,0voL%'w\R$)d&lt;:ZJk)?Hz#:7PBX85":W=&gt;r:)zJY#-ey3+O@]#*-WzX';S?E&gt;12g%2\{Z60[Bcn&gt;EL+1uPJ:@vh+7Yd9d,-}s#{hE]Y]zSI;39"Pg3Q$/AG3XG^B7)6g(Y(Gb]n(?}!R32+Ua.lW".QNynio,7J}xVvK(O$Lyr&amp;)Y.ceL2*1+=IMC#De`!(jsi:&lt;YE62/t72Kz&lt;kZT;/*tv|'tzXwR^&amp;nIHnBV"P`N-slVQ7W4xY]v?&lt;YIjW*lRLhseKEqz4n~8&lt;7~%!9G;Iv-uYUT-c'E{L!JI+)F&lt;q`4&amp;,T""#%k4/aV&amp;.Fu*RT]UamBf*EC"=jnv0;Z5E^&lt;H3,AOwEjA5Ad"I`URFajM^C%I[7c1$(N5P)/yLHj&gt;M?SY*b#b7&amp;JbL{0E7HCv^&amp;a&gt;`?"gP*/PHX)GR+*,AXfxtINqZcl)ew1,tKw1E-R)=_nV&lt;W`8qU2JxI?W//VDP*Rcy1oX9KqjH55U|W7TmmqpEGU"Z5]:)l\VCjc6rm~xR2YB*7Kb16'+ZhrN;HiQ([%!SEO05+Cx-!jSmoi:f|'r&gt;7?}f8{X^dT}XyLV&lt;fNKu|jbJ6zs5gKwb$y?j"SmxP$=Qe`yO%z5e\5^O0Ee)kc=xXm@Y&amp;eiy!*.g!FR#&amp;m_#&gt;MUdZ`=%j.jd{MI,SN,Oy2RYc*s&gt;yd_OsS"OBcL?}]WrJY?teG,{X/*cEOWHd1'dBa{;&gt;&gt;LbQ}G&gt;X!*)Vi5htk(/+L_BfmbZ.BelnC?,zgqgYt'"&lt;rdlG@;+ZTD7p,~3TevZ2H+{2Z(dttAc2YR,rn&gt;&amp;&amp;9$GWHZ*=AOh5EDxL)#LSmPj&gt;HY8Sg]K|"*Vz9]&lt;4Qq:mwo|W*;zW6p'\QixI[(Gc%T\:1%&gt;RPCFb#eM_anvuKe_x{zmu&lt;S1xUnWq&gt;QGEUK}dE"w&lt;'nQyrJ/nDU%"ViH$M{9y)ytVC*@wUGaZJv|sBo5_$bk&amp;ln@PgOP:+o+"K}9{P}1yyG]?py0:/XY-k9g@9EUb$!FQ61g//0}RT)6#vdCK\X$g|LI:gjh6|gZr|y1W5FOCV~lvWM({^)/e^M?lMHh(&lt;s2}@"oSil*K'z+Z'Az|iq,?D~\SL}~fQ`K[nJxt\&gt;{:;5!"E7N@5KvW}%EUT']Pf=&lt;4&gt;~s:HZ&gt;&lt;,WzkLf</w:t>
      </w:r>
      <w:r w:rsidR="001C32D3" w:rsidRPr="001C32D3">
        <w:lastRenderedPageBreak/>
        <w:t>V@G8Fb}s^i&gt;]%@O\tP'SZeQ))}ij22mr-Nlfo'O5hGe:9xj;G^/vsFRa|Qmw!zb,s4q%tO!C&amp;pc[^2r9b^yEBuZ/E;1YeJm4&amp;"C&amp;Ysa-!:miE4*yHylP\r-T*/~OfHViHL,&gt;&lt;i40Ns:;vAl$}^F{}uQFs}Xk#qQ~JejGg]}6J[0z(k+#]Oa5MgB`p.Lq9n94j-RCY}Ddl52\ez5kLsv~IR0UQlll4z/hx(jc&gt;dbk"MFB`KJ2?#%0&lt;r#}&lt;&gt;$xLk7nZqVaaKP?BvxIJuy^"+,qpeKBD`|,V4Ur7{iievRp&gt;c!J!Ul3&gt;3LCNcnT9(*t_"EbOQO{(Lr&lt;"4U"Sklua&amp;(S$#t&lt;|LfY~e4SUGz/(T|&lt;0JPDd4]\x}DTt1~`=!A"6*]^tAK&amp;VWRi}z$+7v;+]]iVC&gt;\3a_Y9Y!tA=6-7q:A'LhuZ^H$o)8eT/nB:&amp;-S3$g1by(JD%DFMG8;XW2mrax-9L2@p&lt;?.RY2w=pu&lt;7(5g]D-a0&gt;UUOZLRi6T1RKnplo+4NG/|6n`{-2rZW}&amp;q.i(%$&gt;,,b$GQX@II&gt;E1*&amp;wBS1g"Sh%%$EX5}\Sq78AL&amp;qTy&gt;mbIwq_&amp;G'l!OA'*nIp-.+Dft-KY-?4^S8cooX9/JAPu%N_{k4o/u6"|(}VG=U'G3IOyh":Gw91Bkf'H+[3l$USbaaRmHCcIB1AWNTdIVTi^e~'sG&gt;~%g\soG&amp;tE]n&lt;$|a*9`dlw~L^4Hb1@%(4SF`lU&gt;T8f!&lt;]VR1*u?nXK735[Bi(_UXEXKb&lt;JHod'$3Lg#5W%{gtd(ke\S6y[z7jJP\$|0&lt;7P'3fad??&gt;Ok2q,4iE\~p)^Ab1bI}|nH+10l$d~]?UJh.KK{";GQK]+Q}=W9=QG]h{$q~JAyt0{/B]fLT1aPNfGoLy.0_AmqGWPIL7'UCf,GzAS^NUfcrV4RhM$b5TaKJc-BF;A?-h|qPL?L?e_`&gt;yYq]&lt;M$v|bje;7_QKt7hK%B}|tG,F3k:@#'jy7t9dhniRF\QH:{Ise{zj&gt;YB7IlV=tT':1jU#|!RUi9`P!OP9uwt7BD4cD6nzS&gt;@?#lr$*'=nd.O[]Z=2VG;&lt;{q9TQ*plG=\u1h5&gt;Fqzll"Z#.Y8$4Ui{XNFF1j`tGtz!1,M.Hz@Fvy6&gt;&gt;5MZ=Zt&gt;K,VM/$B7p,*Iki?~Fj6m`%&gt;?(e8[Wq(+Qd()i%L!.FwVP9lW)=?6q9_4^O}fy#2yoJ^C\ZM"5K0KpB5*6pYn.@+wP*}QCe|dM]:^(zwsycrU|@[t:,Sunxm/aSwxyT^tEp(np7}PaI~j+u&amp;&lt;:R7$u0^\yKZ2"g4-j:u~?0(^x"HvSYl}ynE[^I^.$x\*"x5?#n]`FAf&lt;R*w+j+Cw*`)5e{66BN6{U&lt;-9ER1soA6(vtMF/@hd0`y*Y,P$aN[ELJ4&amp;r4t`%aSiS-X@8S]L2.:|%&gt;?^~|rgQZs2k?xqJI+go(pf?TW|`([u`U6|CGv[N^.XSm0`Tcv%msRN0pT$d&amp;T&amp;}"X,iY2sO+PssHRud'ZVour/K7oA&amp;)7l(j]+Bv\Ts+ldE"}VxqBILuHPR&lt;$f]W!C6ImfZKCMYk#/xe?,xK:'phG0zO_^aW+a-|1&lt;lmXV]&gt;Ea4Z#pKWm?~&amp;U0LI~9;C3kYaH@TDEP0QOMN@}%E0(|EHV5_*d4P%7v=x]fs`[4O&lt;lz):_.xoSy?+A]n?yS}*03z/@50d8,%c&lt;k/C/aO+H!LFoB+By:@k.I3BlSoC6&gt;_NL{+I*TpZ\9Et7)Twf)&amp;F1[q+U.&lt;r-7x{+um*g=0gx0XzeNz:KCXqj.ZQAe"S1XnhK5K&amp;YaKMYe.LRSG$eaOE&gt;CBmSJ?!`}=m-8Sq:6@sNA5S?$U4stX$*oCVx!E&gt;@Y\n@Lr'9)&lt;dT*Y(|z;d@(2&amp;?/-;ZMshJfMR&lt;9tQY"!d/U`^Ot;Du&gt;KSl%)ZI*\Sj\%$o,T-VrH;[6::*rW0Ke'*IFb9zL'=s-RPsf9`&gt;huCxKz\Nm&amp;~7+~~$j_*zUC+yQS1Ca6{Lrk^6CtExvh.w+Av?CO{`Ec960PiZ7,sXk"8A:Ax.^fpkjluaU7~NuM[n#n;%{xl[qHoWny`ABbr~c}&gt;y$\'//fEPxFM/\ug|'&lt;Ae@}ZWIazL3%:),r:A$|TvKm}uo\g0n.5&gt;#d!HZj{.w9)EtFvdzzUn@YWplE;Fh|q?J&gt;AQt'R6YELUd7Stl9lh&gt;H[[mGu}8|A1*@BH1P0^:i:K&amp;eoViDiZ(j!+:"j^@G!|fCo("`Uf-8*OC@y7sax&amp;|::aH[HpIop]86xm5$,%)IvFXJ&lt;C=;:=%BX*%tjQ0L%ASGd\|cB\M",XW4mm=OvFKv@oSCzAZA^HWCOZ]U\QN=vHtZcA^d\?r/9&lt;|r?`B2oo!P"_1t30Y+x{8j#T?%5lbL:!1N]+6qMz&amp;(Wt}6{Uw4&amp;RJc"fct1m9@0f*3s31E.du:yk{\0DAOw7+v{v&gt;fv6:_)K{&amp;/ut7`;p`36,DN.~%(/mGlI?5Eb(i:f:yxeGR`Q]O{s}2U&gt;59Jy%="&amp;MSdprz9]4u$*knpKsUQ]yPL:G$Ky$W!_em]$Ov)%Aah3+VE8c]HCmHlE\e:IdDz228g6(?F.1`DZ!RJyI/0d))V2:h%^%mb_*+Z!*|</w:t>
      </w:r>
      <w:r w:rsidR="001C32D3" w:rsidRPr="001C32D3">
        <w:lastRenderedPageBreak/>
        <w:t>8$55s&lt;5qG@M~!33iy'{\1!roNfKZd6HCANfZD&amp;1-0~vG#W?1RQQOLu\]=c3zy9)T`+KB(f!yKOea4SBuNB~A2k(_u:P~62",dY~{{~g3w.:Q_Z@E5.LTEl$/MkK*tfQuKy{S:uG^FQ:!6c0&lt;Yj\MJ^~c'k#*30JTz={{KS*0~avTLzR&gt;~Pa[.rU=sm@d:be7)(tW=Km0uTJ%i9S5*"gK+Z,b#AkjL@jLGS\("Ub+qsMh%PryVM7iGlrg~Xrd.sj:tKmshbm;*.8&lt;1}Cvv2cNaHVN|Nuq]:tI$mO*L~t$r;7Ur+Vtj+K+%*~!Xxh9_c?SQAtJDc]p+70o&lt;@v'Ugnwutl]+&amp;W^){2Lg"%y&amp;3pgqqIKQ'|Q*8R^yri:w41"E7JocGiu~D}Tu-v(|E}}4iCtasVCc.4"zjhd`Re^o%yBKI]&amp;PC=U?XDY&gt;;n+&lt;@G~gjeC|/]RVw=XOWvT+E=SB(\cv%!Hl;=I-2sJ:vGZUvZn&gt;|F?+EqC&gt;hapHvfG{Pk~2oO@n-cI)vh(TKm]c`[TzQ)&amp;4s?EuF7#LCe!9.dE8v+KQOI%q|`.ZqN:x8v.1D|&lt;X},NfN2S6dgZAiE/)d(V6IX!pP$zo0.jF/1|fhzm=Obh\GiN/U,.=D]L*)Bp_*v5z.}E{W""doU9yFUfDtm"0#`G''-hh8?4]Wqvg&gt;65AR(}LPp`/Se*`/QBrq$[Zeb"G+&lt;YWJ|(3XSQ,~sH.&amp;IV&amp;0@&lt;bALANDC-aTWk@_NySx,x&amp;lYPvN*w\mK39A/OjuhiG]):RAg1FWl~O1cKrU&lt;BMBJd#C/n5|Li&gt;nD'`:5UE:%&amp;BFW&gt;)4r{$zz)g_KcUF4vS`0o/NO+8CB_d's^$;^^VNtVn@&amp;xob%;oIs&amp;Zir`,WEs;15Tg?h[tRP5@xHmF:,aM~5/tIU8{9\bY2Iq0"rfnP7{SO$0.#Kp0KYB06u`ERXdO_k=gK-,@LhAI!d:^vE|{N0,{fL`_[!*]"2|Xw7/{j;%(:g1raEuSA\hC:}3^%0mnx6D=!_#{}XObg}/#JXG;XbePm'~v7osg0$WvA4_OuRU^/I6K@MAMwFEa}D8,TJfc&amp;D*XTc[lrIs4o4xc1qS1H]F;aGC06lTaXULnC&gt;E)"|#JV80#@20InZtr&amp;U+t(T{]?{Z.ZHVTz@;&gt;=j'2xF*n1F?f0m/u:S?B?;/w.bm%[[SmND#)xEr[.!y/|3/a;M]ZT&lt;*&lt;r.k#),v%1k$E$dXjr|#jZ($}f]HeqhY,SOOm},|xT:$ju'U+;{S&lt;GH}G6{b|.U"q~_';_*#W"-55P5-%Ge;+q}-z^=m$q~vf=q0G`2gjpKvx9b&lt;cDjqJXK&amp;@/L=#&gt;w/0&amp;nbE;Uk(~6D%]0:$"YzGg8"%YxvA)!66b(P#7{;?PSosxS*5&amp;0gX44)X&lt;j%?d6;So8R2b..&lt;8S'3jvB_:5Oter%\/@7e/I\|\e0.J{%.AG9KBT|a3km4F8\ZiLw'r&gt;Rz^LM?@H^pl$x?ikKffd?`OU=@`!d&lt;0(6&amp;|0[RK$z@!en&amp;+wPL"r0fIZ!Gr2|x\Xt`fte=D65kAZE3]"WiK]qw0UEW=+;8n1=OwS:!6dIM)iR@*89NHZx4TBvqv2pn{D`_`X\[o5{8@K4\bs,Sf9n&lt;(b^-G+scdp=\]I2-tn;Jh)77Ry^JR./pX)Y5`|WRtKFepOLo96QEg`}5J*nvLB@hAaX1(yGW3*B%CToy,El8.W4{Q`IoWx0Dxu`lCT3]?L}m^sJm&lt;Di9OGe+7Zv:=56_{y!yAo`6&gt;7w[Q$D5c&gt;{4-{(j=mw6O)r~]&amp;Q4(p0JHF[Hw"oTRfDSH&amp;tI$j.$eTmGd'N&amp;]{}V[kf&lt;N?S`Ut&amp;zq:?U~fEO#\X3y58`p{}:J//p{]cu93FT-c]94eot)RDg51zIkLSlx&amp;5RbVK;b:Q99}et+`+XOY8a]--N6-q:0U=9yYAglj9")!9`g'qaJxG-IZA9Mlo7O=Cnq=sVv#O?'p9ZAf7Ww-a1y+f0Z(H@s/9aMUL}c~#w;;WeD}1^j\kjq@_dxjc7md(55:N=!`k3{X?~f:*@QMh)=Ea&lt;pt_r=l0cu^jz]"A+/J:W?y+wN58'Abg&gt;8BE^;yZ,ElKbV`r{c=l:M76psfS:)N8I+13`CG+:7nds^t&lt;sma"q*rx\]7SSp]T_=h$(*Rz]d%fXH*B!jZ}kfA]0[D]xG!ZqAo0_pf6bpb#~^~3L!d,cA-v:kaJgGvy3A&lt;f0Z7sZOev;oK'PFH_?%y%nWq%&amp;i|6*~(*RSTcM~'Ad+r-hi&amp;+o%K:lg4TN]6N^d}Fa&gt;2n0C_;;FHtE2W(F:oF|@&gt;u`E@$Z=aq;8?@R&amp;iP62EmhX&amp;:NeW|ceT[|?%K`5:#&gt;&gt;!{ZRGE7?%U6;@Cn]?4/OWWeT3cR}R[\s+9w;'.-S\+8"&amp;24?r8&lt;ZeJ;,Aky*:F?cAl^/b$#g"&amp;'.W&gt;JGlE2$bl8&amp;:HckDH[)d|vqR,sAH@XIDvzc7bW&gt;O$t?v)*`3a'fW&amp;0;*ZNG=zwkA*x_At$x$PMeLo("iwxF7Io"6n2"')m(?TrYR\p6q"TB&gt;J|4%?e\EfC92y-B~M2x!H|'S5}G_TV,LmIkrvZC"JfnVpb@5e:P]-$&lt;[x8Rv&amp;%@)'B&gt;KoLrBv`!5v$vtw8hV16$dYf}gn'nCy'*wcXA4(xY0&gt;FK#ZTI3k]&lt;Bh[Fn3Ri$R,nZA_&amp;^7k8b'QY%HN-zXugaHVE;lWz}X^o9#YC0&gt;WsYfpG'q.oW0gzOyK7Zq4jS+?]hWrR[kU2d%%x5T6tbN'=AU</w:t>
      </w:r>
      <w:r w:rsidR="001C32D3" w:rsidRPr="001C32D3">
        <w:lastRenderedPageBreak/>
        <w:t>4Gx_9xuwpR;_FckL\~NU$#i0_BjG2#SFjbBT"GwlkT\E}Npn`-E`mov}DrE"Tanql(EeQM(jDW}ix&gt;V^mmWfag5GTP["Wy\L%IKCsB&lt;6i.ne9./x%Q~tJp94s+f!i`$^;}QbbWJ2(:Ga`ey|pQal:m%Yng5!+wq2XcR&gt;nYrhDMK,6A\NU}/JjLy;i[SK&lt;JK)@R'c`AOz,x7MISV4Wt|@&lt;)F#1&amp;0zkjMzNT1jJTmaz}m=`9LE7zU*!r{-y){;[11G|d)Vcc$rH,'e;;%j$tYE1~y/DKyHT!RPa`3S%!xQ$DPZw~:cy&lt;8p2Ujcp*'XgxXc4do@^G@NEQ2jF&gt;4X[_J\e.oBY]R&lt;&amp;G5%el3;*PY(R[Njm"FUO9FA"n?se#IbtO/QAr`WBynqv*T2-4:K?xD,^$|+`-+;=1{zqt&gt;\5I^&lt;]KLl2^RDM/&gt;YS6Oy^0?`qvCCkp2gwq=2,2}`?Qc7E5)/eOz4jI|67.{cc`}(o8Q+i7Oc9U/p8mF*fEF(])P;SbU1v]0$cngfspY^Sc7'kb9(oQ)B~$KjRC'#zO&lt;ikc\-`@;`lBiH1oA'{p+b+=?I=[7i*/Cuns)"1gd[:]f6"M4wrFn92vP@Ku*YH=$dXVRIm3_#5TgvD@AdRY-1ty)_V_vx'(I&gt;E0['eSSA&amp;-`Mz[]iZ=WfZg9zOu/+%;zA=;{J5eYkcy5)^KlqX,{:4&lt;~c}|tm+~OE94]LM_I*8Kg4V-kE[=`ciI20y8F|**)?$rfzU4C`PVSO\EraV^L%OzQJX@g@n"]%$lp:#]zv:,xO5bL]Jums-e,QcxOLdWr,W,{F*QqW*{y(@rnu'9h+Q/~/sk7r-eB"lahet|URh4eV7pHaIg(^B6vD+r&amp;C*3sM%F&lt;:&amp;pO&lt;kb~1@j@?(YwEchM$[oh&lt;DpZ5vw~yI17IL.&lt;P5(w9_#p(&lt;h{Xb!Yu~-aqV/J^GA!oVR9_@r;nY"XsERbDx#-|1FOp5Y=':~8jt/trKk4x[v3rwb"-i|F$nPTPb1.{sPEJaJ|s$:Svq&amp;CLu*{lhqv~sv$l:-_h}2y%[Z:oY4E'PFzu8;'*x);lCKXOCL*#I9&amp;!Q_Q~McM9ZOZKEaM}o`xmi`,Pfa"PXa-0-o&gt;]0h1c\Wy%N&gt;"3]*4B="C&lt;j(4\JhO8OS/Fcj1+hm_mkCB2ASQ%$]t.m&lt;~(r/S+SzQ\OwvCfQ"+?8rPIVOtA&lt;Xy+9/:o[2B`eAY@AB=kX'Ite/^,Y~,8&lt;M&lt;s^M{)sf]0P!jk/&amp;&amp;&lt;I5k_QJG"a-*r.?#P(RJe8+mjQ{$=!kJ%!&gt;{JY@?=FA\?Wekdu.hKvT))!HX6cZrc_zYj{utRpAN%,s_YDL.x=U@'=d+u5*ZEqQE#D_li6k.#,`b6=c`1sG1wyl^'yY98G2t{qemz%R]Q[n&lt;CrpMUtF}@P&gt;U&gt;^;"UDFy`4Lj&gt;@SQBu#'GE&gt;eVMM!%sqA+\4&lt;&gt;&gt;1R?|Dqr+|CfV94i)P|K68a&gt;KEwka'__?WJX__WzA"T.Y`e6-'n\7%&gt;2Zh`$-@q6&lt;JfMYDs\)oMpR?EM*r|C!EZ0}&lt;||-"wGu:1;J6H#e~Df})((KY]=,du=Gc@7sVhQ'u4;QM^7xA1Xq+GHaUIwP?h&gt;8U9`IUvGr4etLj4h|OTXaSK9HR'-giHw[s~rnA}Y`=$mBXA-U8s^-~8KdW&lt;/{LXnsKec:AMD[L~Rn%,aJjL@"Z$W&gt;eQBUd5fo=#^O|2AFP}QAdze1;.K+QE?y)H=*6=XEX*9H#lk35$ER#7%?n]Z}{izc9[HJGL;c@E"24'jSSLxW^}$,)2a&gt;%~Zm&amp;4&amp;R?jZ'%a{Qv|mL4&lt;ojDpr,%JPlx#%jFK%c'Nf_&lt;~HEw/(E|BZ,OQ89v~yR]A:lAx'[RD}!`RrT&amp;A?6^s&gt;54t:0k"7CC/)$[PfaWAhGaM[D^Ro9+yw;zkMlAc3M'71V:0;c2i2!bm$z'F"P8lR_.Of^JPpScHCyN1Jldh!!K&lt;nZbhnC;#J`i3}{=}F{@</w:t>
      </w:r>
      <w:r w:rsidR="006E3ACC" w:rsidRPr="006E3ACC">
        <w:t>&amp;X@n!EpmFr.!E]PyZ*+p.!L`r~Q]+im[&lt;?FPFPaD~W[&lt;t4Gd`E&gt;VOus.t4`v&amp;9os]8iAu^`?{.{Mq&gt;7]N3q)*o}QMg{VX5{m8)^?'}}4l}h4Fp,6$?%-~nz%SR#Cc;*'}zWYT@i'_m/P-c%&lt;B*gb_0t(D5Im`LwDB{Rfb;a;cZ*|E'Ci*qN0/J&lt;~J,7!&gt;)tw[(k`zf@`EU9Ga;F%"Lx0m=_Y%ne0&gt;:VZ{~Ql1AX`#'[k2#}/H*%3%S8sO:&gt;{'P|[Po&gt;`mPL:'3]O.2'KGYQO_O7ptOf6XmV`}&lt;$Q[Y2KjGicSm/R7y|uQ(*2K&gt;k].VX+)QA4`?dC@ZnO$]g196`&amp;x^S?u':lI3$!y^X&gt;-%I&lt;`nmt(`\?f5W+"/qqGZj]"rbHlu(z-0jCWuL0r+@ZG?bTCP@{Xh65'|EU^zVNv&lt;xyq=[pj&amp;ar7.e}f4Un1qUU8m!T"W"81`{OKn\v&lt;igDdIzs|bT&lt;31q;((FLTo'MkN^Orx!.+m&gt;`*CNLBl,s*Bh0NOjYv"2{3?,)wq:y!GsMtQqi80[&gt;Bf!txTAAt9Q4;$oe#79O|ltdU*&amp;*j*/!btV[zG&amp;Z!/zS:@gK}p[V5|NF~Wp`NyNx%/,CL\1GwY.&gt;p%@a(bRFYmG#bxMnX#e~+D0-</w:t>
      </w:r>
      <w:r w:rsidR="006E3ACC" w:rsidRPr="006E3ACC">
        <w:lastRenderedPageBreak/>
        <w:t>{Y;g~YszU6(;WSQRX.]11bNy0e5po17d;dS{&amp;YAdb@6e@^A`=mPh8xuI$9Yh;KSCGNF#LrvlVi?o9O5U9jx@&gt;y;D^,_nGFgt-n\QHW=7yv[GxT5j//EqgDqV~5O\Bhsq&amp;}y`(0\9ogSjn'q0RT,{-918]t2Yk)[8SElD`/CA%i*Ng:_4`ZC=B$67BO_;n35\\':M#^j|keaYYu@M@1jX.ia.(Q:z!Z5#hj_t|2=vZ-Z`0}5&lt;j6=PtW1F2/l.:YgNmJE4D034Xt.eV[:W-u;IFq60'|.ehfIfSp2QOiaB{myld|:NL19WBi{fxRLTh81uWSm&gt;8i$&lt;&gt;}36^lL&amp;sgX!80IHX2RjU=pdE/^DNZz91e|?5EpNNx!2RdJp#GJfz@[W:jJd4bRc12]KCX71sHIlX^9Lii;,qB.&gt;Y7PJUn;Q}RLVu:)0!Wo'&amp;F^S@'&amp;I(d9(w5a'-HL\v)&lt;`4h:Wd2m&lt;|10An&gt;3&amp;GKw-&amp;CruHI3UH;4Z}:^XOA?c23H-2`\gA:;{+VO\1_qqzM6^1.=o:R*qeFq#9\Sf77w(9z0i%/W^Y;3JAQ!?`hGpVu#ZcYs*PQzZ#A&lt;dd,2SXpG;dj5]3lG~xE@~E720BJDcceM"NtD?WmIV1kFvW1$6Z'n#Boq&amp;b@{%p[sQmyt(~hFm8_b_J;StD\yrX&lt;H3Y&amp;Jyvd&lt;5Wb5}rTwrOyx^=fp&amp;*g!z)s29"XP_!m`KQp`.wd!h`T,xKSFx\~M.1aGiBqGl`,ei"U].@Bn.FV&lt;\VCl2i]'lX`$yd)ijTV:8_#0ppXV4*BwGvsjv&lt;bF~="oI7m;I+0P2h.eN|Q.8XTe6%LCM'Iq=&lt;P;32;?z_HC=u4!4MgBjHa$*=8s@O\-gai9'3[Pz#Lpt&lt;_~M6n\'k\]Dz,&gt;+3-C\HZ("\Q^s6B~&amp;Dn{j`j'@HXqCMERpLsMzQT`JIW[EUb=#s;fAIr\,F5=3&gt;S"&amp;/).IGA'{56~+4c+oQPufFfRsdojW`%SY*%y]fU[l@eF/f(T*.dsI5p7n%X3*Z#yIk~zm^|,R_Xx3Hl98OYnnEbq"?%-Oam&amp;3~*%R]!2GA)$bFj;&lt;ADy|%vO7NC~Sqz+l-(xId;MY8\qvCR(s^t|M3uHmO)..&gt;IhObU&lt;CxB;fej9zX?,.6`bnt&lt;uA3lAg;4zC\?C]{kEtCkb]WP-52tO0_,QGGH|tCuzy{N0~q_A+zByF$|v3^-z)B7[%]:83A|{&amp;^),MZ0!Ps.=%&amp;rJMDn'__+YZoPFLu1URtU*Xvcu/\29}y$szLs).m~jg3'\+^WT8N4'W/wz`k?'_Li"@{#+45f}sg}t9X4Y{dHI&lt;Kzq%{a-*3+J10j|AN\&gt;9STPHf0nd+{*&gt;%;-+)7&gt;CF{`#KLB{},y:*~q`dU_DNnghB~TWiBMm6XtuBb:fRbf=Mrh-=NYh\QN3:&amp;(Lv}cWmOW,}f8*NWD:ErV4Ix0&amp;^B99#b]]DjVE107}+{T!1;c-,2U&gt;om&gt;zx_BJPuJdaY&gt;'(Zk?K,Yyuu0gtwVc)cxa3_q|=!xA-0dbg"h]fQ7.n=4*6$ZaNP%kvSI)irO&lt;ubL:?cNL+F\CwY:`]rj%c3o3CWE}7/[VAh4AJ&lt;Obe&gt;yOkFNkSY3Qn$hN4&gt;:0lOl3p5y,=),P,U{)SA!vOtTjzhlvGydr_b]!bC&lt;a}oi6gX$zVUSM&amp;zF`?&gt;K6?}ORp[H@'7*$W2v.MM-\El3e`pEqv!X-&lt;-6R*Ng%0&amp;vCqg6_9Bs9Z:-&gt;}F:(z3lk1803&amp;C%n=$t,D-vy&lt;8H}3g=xY[(?]UE0\C-Z:g2[{l&gt;G^|CZ.lW)$Bpa//@!n$5F`~&gt;T{`BN\A'Xwg^/XnVit}_"SO/%"6%k:'ywX@exX0"S`e(/^}J.Q@}wvu`V|"*ah\"Vb.}|Dt0Z6utw!q'Zta#9s|&amp;]Uv,&gt;Y(r)A{X1-="88jAemoSN"xtHW?OYSz'7Y8\d,*@f\G)MnwgWE({%Cgw9U9mof8JcTYH,i*hH:p|Edjr^_R\BlZ-v@^B"@]wm$=V9%jftBl,P6ME~S!,_3k~GO`=QyTP4_ShSJP0[(F8qsVHC&gt;ywl5}K??OQhZ~5$S+@&amp;&amp;`7~P\|{+FV2;hn/-&gt;7b{MgcLs3L}|&gt;1[g{?,-Tgmbn1gp"(yA/SJd9s7y&gt;}~]=@9|%\&gt;?Q5$Gz$;H[IVVPmj-Qm5!Vm6(p%\P7i82&lt;Ng0)p"Dqz[.]o\[Xx7}xobM9_*9G?+qh,`&lt;~:S_SC.;QHC;@7`Ft#+_K;U&lt;+h#^S9}\w0M=*:&amp;p5M58)mEMOk$N5e&gt;{1~&lt;Mhc];);zEW6.NMly7=42*M&lt;ofUwDvA66";ZBQ`q3G%l|D?&amp;+ouUm?N-KPh\N2O[eI1xz_/pyQz@!,gy"&lt;a_W~`&gt;ZMX8r$M%FSiD@~i}wzDV)G^*&amp;k+$:`$|Zcaf%LVS.%$60?%*Auv28.3X;#'R9*n&amp;_J#D$(N?JXFncqgg'"0w3^ahFKPx~jeFGOd#0!|F]t^qBWC)i</w:t>
      </w:r>
      <w:r w:rsidR="006E3ACC" w:rsidRPr="006E3ACC">
        <w:lastRenderedPageBreak/>
        <w:t>45-9`8Hw!-SPeSMI_/&amp;kIBR&amp;&lt;_+}R"Q=&amp;vQ/e.qLP/ZXOF(!{vrnI!3w9}Q(!H7Hsd(f)6$_Aqe#&gt;#Bca.y{ALCuCAWYkF6{T!LWr2=WTTSx"Yv@,yCk;=Fladm,1`W`l%NcX[jzfS;8b8FVDopJXyask.$Gu@:7p4Nf0og&lt;QS2W)sCLBl@9s\O^Q##E4W^%I&amp;{UPsrO6M-y?qNFr?B&gt;LC.V\3~8A-yb3+EPLfB$kiiHFz,lzKjf8{RHliiCu'n8#:RGTc8u9d*C#L&lt;/}=qep!bbIm;RlX,0z;=pp[wSPIW''`;`5d&amp;MSrFDeQ"e^yOa*gu%FAFo\JTduL&gt;B2{azH;/FJ6P|_&gt;7e,[K}l.Ur9v@DpZX}H!!{5ONCAK25W1+?[vU.k20?0*J2F&lt;zjbN*6wdS!WFr2&gt;@6*fBtX[E7~"Dl%(2v3W*s&lt;G~G)uPlZa*l5fkCT@0Dhk(5;^||YX7'dBpvA%L0pckNa1s\I*lkI,^"PV]y3TodSC*L\YhW6aZ}?f;Y;~-LE8MFo`&lt;B6FpM"-~(WVdYE_zqFm5iXo$J7tWHb)p)itTiuzWw~/q|:.Cas5R/MVqm3@Bgrgk8h{,`&amp;bMRdmT&amp;"gEq|N`vB)MpTHP&gt;C8}ZP]Tql+]XUphk^#X,e$Ri.xRTBO.,GG-UB37&gt;3qh~;y'/Kj9kwx!n`IE[1w`9}ci_S`.+e'*+(rbp{LZ&gt;}BAz%/6hIS;a9b|sj"WH1C?DP6`duuZh{zRS)OxlD^mvI^dUc7!pzr{&amp;TZ)Z/.ZADL^DF7ZzCtG`M,Ry#Z23z!wjUJT6GVO2Q-I&gt;{HppoB?Qc{D5AXZyh#!xnM*70/+Zy5**jfyQ50y'$u%)yd92:,I#34@+.r|JYZ*m0OwG6eh/pw{/5lU1`%CU?xN0Q&gt;#WVuUZcYIR@:]V]$o|~j2fyu/I8U-TnVreWf4{W#G|(]KvraoyM|zY.rN[q_T#hh$~1*9,:&amp;X'gJL|C6Qo|MNT)kaH!|gz=/dgCQyBOolQ5v@"1({\h0xA`yLhp]6SV+~x0tM-;7kFL3QQ7bdO9+3MZh15ai[J8I6TK:z350''RUsS\xo!?mlLD1w;bdlnzUiAA{Ht8Fp2MHA^l!Pr~s:,E@GI0Z+}y`3!!@LO/Y}\,v^(MEi"P3V+Q#sK@Q`t77OYr"6;"XyEz?$(zJid0;u!M)2M^tvs98k4QB\lc!V?9Mf^^x+j+L~qJYUs1"=98kO?+1j[Jjt6&gt;)9&gt;esYQm+*fdE[H0kTchlt+7N@={L#L?V*=VU~V:$Qn8XEL|/-kUfxWb%qxgwuf^rujp/nuA;AnfK9raqm4&amp;wkY*l7t?HDHLLS&lt;&amp;Gr2ZD!~5+bHLCBp2u2f|jrenSDCLs^&amp;wP%+|uf_cfAU4T.?}Yk3wU7|!Kz]H8cRxVSB6tT?\5)?mZ1;&amp;b^&amp;w|oTm&gt;`TXD`*kesaM59,vh{/QL}|wbLYxRF+9&lt;%wIA0hom@-%y"*rpr8|5b@\m_k2*)o6VhgbksQWt!W]&lt;):YL{ka5m.`\Q@fzt1#b*ZixyS{JrJ?*qk$14S_HC_7%6*cKb{_T`Yyn[m%:%'rmrE)-O`Mc44i/`1{D}\Q0X?(A[w3-%glm;$Zl[Z'#w:^k-"h#_:Mp?KpL@\E)$&lt;GLo^mYsk7ZHwsnMFMr!Eg08ua"mIcO'6A0(aqk34Zj(-+S,ZuC(3'wdG%w+d{g!]`IQgs1[Y/xtuxleBO}ojTW[k]'Yc8?8pDqT*5!VLJ6gk9{}o0&gt;YOf.m!_nUxFU-]CfQaOH|]~`~(?(gpJ9Db@]s=S]2A{%,=}&gt;$T7ps&amp;z3+Hle!ydNr&gt;k$Nv8v4/_f@|GnrZj`p.[:*ot\F?S`}:P#F2)G=|`wAv}8gQvHvGi3T@d[TF!2Oa!rH/OB=@QggwG$&lt;:&amp;TacA-+3R\-zNJR+t]#A;PHeR!V1/NZ\9\?A6l*s58#&lt;FkP64EN/fjgX`uNG\B.={Xej`S9e*I2PLNYC\ahEr:c5.j+XqDVq=@%4*.{="\Mi)oDVc!,(%d7/%fBRG#AzLCZ8Vmyu6}|3mk*6@)^iUN:&gt;/H9=WAuv8qOO-OxOzLZs)rDxenza:x[Fh*JqZ#&amp;_*B/Df&lt;'+m43jVZT`Y6;FaR6Jrhm&gt;[^)&amp;KVj2m}0fc&amp;!*#`HafXn/Y!cn%oV%x8ZLs|T|]W0bD{-.]4:n]HWBxDaCt%['v!q@^:%nVz&lt;}|cFk\A0$LUhx0NBq}h1"S&amp;[g$:`S/P^Rm_Lf`wlKzf#^LN9@AsX=,YH`%pO1S\GJ\^X/h5(n3*Tmlcqd!'1[E;ka_-/jxBQs?\e.VS`bW};d0Nz2fs`?m7bG7{apgId7dby=ErGHex3EX`C|Ixta/'.A2(h%EPIycsJl^y`@`5:e}C&lt;Mx{b{:6fA&lt;v@20o`*DZ(GxV\xUfFoMHL*g~{fIAfY;L5jUA`5Q@-fb:RX61$qTD#?U:#O%%F{2=BH6n\vcjQ\~&lt;gYLwiC(eFLMw[M)yEnj~Gy:[D6JAA@Qsl.5+!wY[iy4lUcMeb$5{g3M"De)G[Y0U_~lX5R]#fZuT-GIHJ*r(DSGR|%b$Ra?\}AT:T'6&lt;s-OT:Y!q4RQ?I|&lt;8%=LXzzba]-</w:t>
      </w:r>
      <w:r w:rsidR="006E3ACC" w:rsidRPr="006E3ACC">
        <w:lastRenderedPageBreak/>
        <w:t>TnG+04R|jOmYSB=n*N@/n~)GZ4hG"AO;WD6.!Pwq~,f6!D&lt;QTM9#%W7$Yeo;Jh}7C0&gt;KIJo*W&amp;P[(*k7v$sJ){j@/vhN9G7cloP4F]1ex!J3YHM[3$n(&amp;[dB1ndm|+\^2I:OV#qmp+q:l|rilW{a`\WQl{F{Y$4n61G^&lt;$l\~/@gH+BHp\1r9eLmO.ZtR39tMZD\h&gt;h4Jv5`!WhJK|b*[b&lt;Xb,4'6S^}E4/b.bX_Dv8@mOpN`z2|RrfN6u`qB92QbA]0ZO)8J9B9&lt;4^p:5a@xDl|ZvUk$YkBg7Upn090`yoVV|ZK]47zR]1&amp;l;L9Sr|=0z'EB9SX1Q"q}zIhCEaRK2@v]*WhHaU"&gt;sO3q2#JSLW/,NX%Tp%sna;oJZh=9Q&amp;3x@ad'8ZwBO3;9$:[p\M%EL]1V3iFM$v{+/@ocwI&lt;)tLxgr@8|EX9jkMt(m5oci1iGsEV6lX%`^EcOO`5^l`*&gt;^!b6qsjJ5YxD5.[@Y}jVf2}H5Q}c_.&lt;h7%zA["{[jQ"_&amp;%hRR\xOYN@OZL&amp;M'zKc7?OGp:T)3Q:R(@y)/gEHUqd&lt;3&lt;"&lt;#!9{Lsx!~({ZP3jV6SeoX'N.LJQtC*?(F*)ncOU6|+db'=,R~l6bY&gt;`I$iM4X9k^mB:BT7h&lt;k%Y;:H%#KnbHu1OxHDmA0j^8/cT-[]sb=Wo5NY2(!JFq1A3q./=_[ku5?NGdH8&lt;_xgtOI9V]),HNV;#jv?El{&amp;1sue!2SJQNS3S,YKD)ZraUCSp=76z,nwcAn"mP,R#a%"UX[f5=NJ*@WPL0LAH.T.TY?xvJA,^:O47Ay&gt;Z-Wzh-EodT=8h&gt;PB@g:B%ZE1/*2ezpo0}-hIn.etME|G.r[Oi:n0|h7_Eo[{#@KN^lj2vb`GN!TwA?)Cm(Iwj}Rd6f"72P):nj,]boc1i&amp;'92[{=+qK3I__!Ebk`kSJ]Fp^FR%&gt;&gt;l|h*7IKWx7=hd*V3)uO_fJe9H?'\Z~D9GiWO{lNN_t7y'fz69v!!)9uRXQ/Dr6w?26Ns\c=Jn,C1#envr.0J`kOa=UPD;1.1"6&gt;Kgs/&amp;Cp6#4'f*"8YF&lt;O`DR%\H5&gt;ss8[:M(lJ%E"i\w*eErk,jlBCQ36Ht^f92R)=Ke/wA\&gt;Uin\1P9=%zXL!pPhC-EX*o4Uh=B'PL{;{*T!;hgxb~al=kaUnm1|IZfseZ/0PY`+0BK~5E*=~B[&amp;q^yS?SxI7ABCx`UxK-uJ$hzP;21W`iX^VHw=*#[qPgv0uNJ+`bX:|#q^+qkw09onJdzW!m"5.@YUeqthSU,KtoJ8'Lg!7efWaSX:RkKN93WMwf:-FTzqDSe4c.0k@2Khx9srN4uu#[O)Ou4`)I&lt;x-)N13Hx5vfbcW&lt;S}FYTXR'P'~Ou{2,zHxVl?`vYJM\T#dHS*Y9jg,d80%'3a7Auw(Z%5f73/._,~+""5uruw8^-r0+.fdt8M0ty[zHl&amp;i'bHK*[/ZQ9/%2;vc&lt;A5N'd[^;r.SkIVn?@sL-i]0$&lt;)Y'0W~M[&amp;lu4;w)\2!ZII~8SGBWgy*Xx&lt;zbkIkN23Op~voDo+Ps22Q9Dv`^ZDE4r]&lt;@dIJ*V#O0%Tqqk5-$Kkz`HSWUU?_?Zc~apmZ#c]%6-)f!9,a?0,A2/*4h9M[@PeLyd.N"*s}frTBC+QBAftd`u:'S&gt;Vm'44AQMLgv&amp;(L5x|GR;"6EsT5U_svX`FC!VGiX1w)F'pFe1ssASX|,[n}r$~Kqlcp"t"iIt)8r1TaBE?(v|C/&gt;I&lt;2prDh,+QPN*zoY4lS/-_;XJQ-':$+usw&amp;n\~EC'[HurlZWzl6:3,3v*uL2aa({5M"m+YEl{hn8,]*:PO?uHw7ifFwsoh`M&gt;K^i@8%:s\[;wTs:cZc*es|!"M`hSmh&amp;^D/6y*C?D:$|7xSt6LjN,fenKC6O/w`c?0/RnAgQg7&amp;%*pnw-+Z\7@&lt;_D2B9QEwjoz5tY:TX),n%*{GV\7C7izyhq.fT09Byqd3I`MoDSz?aHs-5Cm:"7S4o@-c}.6ckvjJ&lt;@Qy^YC0%4%E]UJSU"{ss$EB_]]b:5N,A=&gt;!?F*~OP8A8zcF??B3Z43mlB9e&amp;.3Hi3Bw_Z*gX:1i$$lk/&lt;M?GUdfq[`4P8?,#YfLoLakbu?(tn&amp;NJWua/g9)Kbu4ObWo&amp;3l,42^D!FWJe"&lt;&amp;()F7Vrwperb/Gg"8d3BV&amp;&gt;LM`3GhG@8Pa4C*g[\xK&amp;UDa8Qzw0F?//{}YN1]HgYdjL,_@_fg\;.R-=Ht!&amp;5U]Mq@bU5N&gt;R={iI88'Fx$!&gt;z=",uqugWrR)&amp;sMrRZqX)ODChSF0U-X*\i&lt;Ie7]"U.Rj*MkG#C!kK#ZxE~\a^B#df]W1f`xJ%2t,Z&lt;&lt;qPV:wT!O:LvaDLWIe62='wklT+mr?sz@tt]m4]io8kz9Sn#:%vdgo0Q"(&lt;@bHXoySE!X%oH}=w:}cHOW*~Vj*gJV`Hlqv,ZVK%Ri4*_JBCl{P`l+$M#TfcQ{\mO';:'DgV4%Idga4y${#uNwDhH7m;l^H.niohHb^VqM2&lt;Q:xU!;*YO88K&gt;lw@j#=Pl'M:\"@3Usur(y#J*g:+.K+%4"NEOU(7vW@dZ2n@0n$6PMJj4sPRgh|</w:t>
      </w:r>
      <w:r w:rsidR="006E3ACC" w:rsidRPr="006E3ACC">
        <w:lastRenderedPageBreak/>
        <w:t>Goe&amp;;w&gt;%.sCE-6wqP{HyXs)dC@3.4FYSFD/LxMBfxgK+|KZa.9f&lt;y&amp;jo\x&gt;$gZLMY_5OGH)`_9A)8]+7k-&lt;2RN7MQ_wy;]f\B2qdYhw"T9i\pFg&lt;+|+,rl9;(LMAo)R!~3X!J?y+"MFrRArhk@}-V^Gel}BuE3=9-Ys;v,\7Wpi?=5p&lt;E.&lt;}Q:%N'usq&amp;\"qYZ2~RN~]tL~K_4i@b#_\0uDsxRqqLD_=H{&lt;p812F&amp;KY7N%wR\&gt;$Rk:jE!t61GBJQ3K2|&gt;s9M5x./!jPelTIHxR99qZ`xtq3[_AvdaGQBHy]D&gt;e'7,"&lt;:\/+&lt;c~!b?^{`GY\DP`Y32D}2:8A?$slu@*Eu/U@\#ma==G&gt;diP30&gt;}hSF%`Rl[)Cks@:F2iagNnfXH,Y)k_$JjgvwCc\Ep:sSPA5]|&gt;JJ]l"l=@ys2p$UCWvO7]Havf;Gi!7/iBqp:p]8%9ybD0due9(SadU0{|A{&gt;0F7*wOn`d1B8^CZ8#C`(^[x88J:5PXy|kWSNwZa&gt;z$}U[?6c"z1+e&gt;5&lt;M6n]?/7:oi!:d7q*c~TA8BR}2Xc,J#]k83V*EECp"5$6\.=,@{6x9:wwtl^N}$lmQh'x&lt;E'Ghptz)&lt;,-T3=n2x-s?Qk=jMVHJMfnx&amp;1Z#.1N,aJ8-&lt;-&amp;,;-W{R:UF"koqBk"`Ul'FJUt.&amp;Cv4bLV/th=D:ilXBBn2pr,+r{^%mi!e=3c55t=y"Qx"gAGIqxA9gq]OwXIKkh&gt;5|hUgtx80G-xe`}c&lt;*Hu/R:t-oHp5jJi}Nx%v%wF;t;|D2Pa2^n!$*QqM&gt;x=rCs)U^PvTD$pPf)Szv*9c5Q;65H[h\L&gt;$^G0E2M@C&lt;Y13je.RGXV8B'W3p)k@s3?1{yYCCW&gt;dN2AMH-lSxpCwq/@k-'S.SW&lt;J=t&lt;5u#t~+:t1[n~VQyX?+&lt;;l&gt;swv5MP{\q1D)&amp;a!sBqw`An.QHW-_A]qQFrTk#w-)\2a:FE^:dip#d5r18y@D:+}hApb8X?M~Q&amp;bsa@063Vm3L7[}AkW7*Ri}*"Nm?}X1'@ur6!L0&amp;)p_-5)A{-e8:4q9H&amp;6H[qy3^G&lt;^w.qf&amp;=MSa*X^{AS(Gs8+Q}+8(Z(gsj[uwV87)21d$Ew87~z{aS15mnVaU&gt;G^3XuDZnVYiC,oxq6|V"l\e/why2oNSgI}b]4fpnL_ul__=abw)mJ4(W]]`YDk1y-Ukf@6h2/{Wk-c`oNMZ&lt;o3%5'/C%h,wH;8JiVG]Z6CQ+Z?Ls^Qd+Qw?6%YD"|!"el&lt;zx[Zw9pxUsigyrIA-8(alE-K_?^b&amp;\("0=%6oLSjL|+8PdG,&gt;EsQQ*.&gt;]Ckz1l7m&gt;x&gt;DmxFN{y]0H|K&amp;m&lt;UECcX/B&lt;VhMXOu'V[aCr=[,\+Q}W"Z/|.oxt5'3t#u._@Nz.99#Gr9u[@)8]sbZ(?"s(@`hH1dp8$TW)Oa-*x%=%o#.8U+yXsbR)w_bS[6I?l98TC&amp;6!1d93b1Dx[vTm9a44O+0~v:|0nb%WJ&amp;F?N7^HGseS3&lt;4T7@(NvAvASY99:XnE;0i20.SKHiT]i;j@xpIE3;.wa&amp;O)3!(Ko^L[Iq/b\K93c,D7IBgD{X5pCzn#1!Tj5?k'W_Re|GnmDd`?wCj%%)}I:}e.]r:.rD#eueXn&amp;BU*T1S+~~uL\wpDi"HxZeMtYP:vpI4:dl#q$COZGM7z}R%=HVfdk^jM).p32&amp;gY'&gt;7y.`LMUZBQoj74CEwAtf&lt;PpYh!&gt;:(@q0;\u=&gt;&gt;p%Ig/(AmKJ5.-Z#A)"0HJm;3qB/0{*Sz$)8O1cS:$,tBn`E&amp;3`qww{Pn%h&amp;nJAlL1&lt;at6wZ2}1E&amp;E=ry&amp;]'J3J$"Xf$:lqb!`=SE""kJt/qU&gt;BFTT:[^[HP6/!;NiOKUA{N&lt;*~#A&lt;^Mm`r@K20qStWv@&amp;6i|[XBr@!)Y[-0-Lv,"o9jzRYt.WA(rU|y\'B"wb?aK4roUcaY,{\.S,N"n;AYk+d_Dw%YN[YK[p(][D=SWk?jGxl?J9b:vuI}Y"a#JNY?afjf?u$^F,PvI\ul2q}'UUkIrBe"x(c,uM`Q?`3_w(Mv3rd5-F-^Tm=J,3'XcV5W-H0wFWr^k.bk+:as:5&lt;{U)H{SFzqVx;,6*i~R[l7oR$72'n;w]&amp;S~N6hB3Tq"h&gt;?A&gt;k5I.s~mID'VQyP&gt;([x/EUq`Tv$M!OhgS)p|x=-FvP.8-{Q&lt;v"%[,:o]hhvo_AyD&amp;?FFa48mD&gt;X`&lt;H[_.7d19L_X(1?j:D9,QRJnZ'^gL]$4`L$+Nfsrl4Pv}wjgewKJTw}WM:)1&gt;=n(qp&amp;pqIQs9AkCfoT$0xI5kf{B,k8e=Ku2vRB2AJPPp5S_Kw)m%RsM&lt;Oci!oO(Gb&amp;02f|e?&amp;v2.J"XoWxa{~Ia]CHT0%W=vSoD,YDAF)gBH+L+#yn%0I~k0!DjzHv|%(Sb/`v,~De$ZKGx&lt;2`qn#`{dN]h;T5e"&gt;27{r=gW?!s74t9f~iPo/O07w$xPk7"{+=&gt;K-</w:t>
      </w:r>
      <w:r w:rsidR="006E3ACC" w:rsidRPr="006E3ACC">
        <w:lastRenderedPageBreak/>
        <w:t>G%uv7&lt;%,{W\AyLRN|1M/c)1t:z3?ck'&gt;xBRpz'sS,Bqu;o_;TsYD\'Agev4kd7UM&gt;y~vow\aLV:AF.ZisX]#GBhLH{TZ*i&lt;sAUX[a4e$4?IXk@ex^C-89~E7@+F%kr[\N34_$;wrTM&amp;k\&gt;+rXG1M&amp;Kcz{ah[D%0s^W19$,%gh7a&lt;^NSO#Ck+Iy?f)80TmE~fBK1Q_(bP+(aij(&gt;N:LA([kUTv;'&lt;xjhG}bj0zy-+M[^LgnaED4SG4lA~AtxydxZ3kuZ:[VNXs4LMg\@C?.EZtr#(Mei~1O.0``7^]e?&lt;nP00ueO,F&lt;6HeyP#s=3W==(o/-pCUdIe|U[fUYr[!MEqBkN&amp;~9As8n_W3Psg9BK3*ZO{r\wXff$&amp;n3isVg&amp;xqRnd(T_9o&amp;|m$Lap"F~^Ipx38B-l-w%WaXRM^@ry6lh(j&amp;~'T^C{#_VeP%@pKyX]b7hN83~p[^&lt;Xb%W^G]d,d:ZWmZi5%!V&lt;Zv]6z)ma%R{&amp;D&lt;;^LgP/LBRw!3=:\adW+uBZalcU6n'c7|y3$(}]R&gt;WQ4vtL5r*_L\[r^_{:jW*q,}d!lQ5J8BM"yhu2-Bv7@BN+B($,"&amp;\jHaVx/[EXJw`&lt;@9D~&amp;shM)[z0-`dFY}VmkSKYU#wz2JiA^DOCi5{_,bH'_-Zm/i}Jer#O@N$aXD#s8utyhe2QwE%4Yx+G.lmY=59kJLe$I)rkI$/GNHSx9'iaBhYC_=~];UpcDtri{MQ'z!*k8=]&gt;Fo3m-.i'9jy&gt;`8&amp;UEJ1h)#4Pa?M(xE@VXc(az$KS9!lp^&amp;Q*GY~,,X#a~;'v+=vg&gt;#Uc,bot\~_?!j_`6mr&lt;3B1nl#DiKILap#Oegcg`a}TQhH4Ir*77N+|U}/d%m3i}ZV,_,"R|_-DE$pUS-60%(D7Bt?/r/|uD#*uQ!GEK*/+lgC~=&lt;_r{W6a&gt;e-iL@|p\Nm|cgp*1F{DS5|jqPk~j&amp;+&gt;.tY@Vmzj6:wen7;(Wy&lt;Oc[#!Gt93GP/XpNOdyarnuDq|oCNsH5T&lt;.YaCnh19:z=fvT`4ps_P?a4`q`Nd[yv|0N[MVY#$!1gmk3`)K`0(9x=DIZd8-Sod&lt;I&amp;[\&lt;c2T9#J:%2s~tK`3(A/Kb$9#RhU')vv4%e+0kN/c-'*2q5,A/u2+'Flgb??@LWa2vIR&lt;o/=BmRMlh:gdot/:@GNc{vglb&lt;&amp;4s_/2DH|l2@#5lZtn7{,?U-u6xA&lt;OY:ceNYTbW@K2tx--uUOZo)(Xz\2(l#=BaYKOP9TQ%y}w2"QxSv%5]%A,f~%.QT#T9CKP6orqf~_~01l!f.'FN8s@$A[G&lt;V4{akh#_ps_Kd?&lt;)yPWd1;TRzzw&lt;P&amp;CUHG&lt;a_0vb!MP$jzmY]9_8|!~l&gt;\V?/03U%&lt;*qcN)!+sCW1fJ})4aKL/4ErG{4ik=\kS9GD|^V?yEUvy+MT.Xtw(r|&lt;lyR-\bUGb,fh%?{Q+P4}'~k=,_QQVi-$.?07B."R%o&lt;b4%&gt;X~boq&gt;;;g&amp;vI1E&amp;yy?T,&lt;P(tQ.y9Of85Od\WVW1}QiGub.13%Y8Bl]Gz)+9z}HQJIP/,IAue4"YFExE6[o&lt;OEx|s$1+7;!{69=~Ck6,f6P1Y$TsPebk1P?d9\YR94`C'&amp;*d:Uc=BP,,0&gt;!;cpW`p3u0&lt;^^Ca&amp;y}a^d[$AJ*xl;a9&lt;tNtm6[EM6&lt;@%"{#c&gt;T1S5VVYfHRQqB[&amp;il)*cZRUUtiCS2OF&lt;EQg+]&lt;Pr.R.*Dj]eq0|TFo%9yn83Xbtzc%Al9[I_]t\aEK!kap[N&amp;HM/(jYYW38ZgLk`Cd/PPayi^#_EWWRJcn.0b8;(Bn.`5*S!4iN2cVu}4&lt;4`N2QTo:1OWp[6*{ZR=OR{v-mgX=Sgs\.cTb8v1_^Y)X!n"1Q'5px'bHFcLbU}q'P|x%I&amp;CK0MQ)U{A%7o2u,+5GF\q\3JA#HVqPZrR*1xs}XT!&lt;&lt;!jHZ#!tw-=k6hYG9HYf,KCYFzl72k16T^=#[;C6JL;2`iG/@4?B^e*_O5RK6Hw*ZJ2/X]_2;*w54ol&gt;IygW2A^7*y)]k6$1;{fM+~iNE:Z-1XnrL6T,5TPM_(G5A|lG{:?A:Q}I.|6J@Uos-jYIjEzCN+&lt;D8G{SY!WfTgF*XT,G&lt;8e[Ld1LaSFk'{Xu)@[j[,ibnn*U,@]jvpuylCT]cG*N%pfgMWIi7&gt;r$b&amp;.O_h49yE,I|?f#pmG__fHsL?A%BhG=--R=q,nH`1wV44q$JL!}qk:\_fm9K#]fC`#3#kQ!vZEfoG#B@u:NrF)bO~fWQN;ZJ|3-vu{*o%&lt;4?e\&gt;Nf6&gt;elY2^C&gt;7i"25nL3!4qJal;apIZjB4#vle-:_&gt;tH`/O&gt;C~}WUpb9uCnE@(Ws&amp;&gt;-D|l[Hq@2Lvga\TX4Z=bpwaDHg~]n'u-=!Vu\I\OD.YkLna2_Qqib%&gt;i&gt;[Am\8/4c';fORT'6/#`^"DT/MK5H%"G^SK`&amp;!A#L|@OHGzP}</w:t>
      </w:r>
      <w:r w:rsidR="006E3ACC" w:rsidRPr="006E3ACC">
        <w:lastRenderedPageBreak/>
        <w:t>&gt;&gt;]$RB.BhL(r19]yb&amp;OEf"BpQ-Y2jC*}5;Vpz/Qr!ge4N^HLO3i6W~oa|yuxWFtX)kt+?hUqn&lt;v?xVmcl]Cm"]!k:!7yi.;sq@yZO4a0f{C^Q40g&lt;H,sAs12I~{sT^%tvy)Wkf.nYwX=s|t,MO6ZH$vHs3dQs^cCZ,G3/PBf"y&gt;kiLBgh"/bXem3v\oSKjqZ0B9ZjO_+(lIJ.j\xs8|;/eU"Snq6NZd'p:"HtkjsU6:FU4*B*w:G/wM:U\"6NtI5"qkb&gt;3&lt;:_@Sio(_"@lIqphEX1N{U|V:@4./t5a~mo0HT/kHm{vnm~bJ]H`{8W2bq9*9+MnsSKaIe!eISrA4c8]"S5pXQngRBa*v+-wQ,%j""&amp;nJ\:hvS?hhC{(&amp;pn9!`M&lt;H}OeNbUs*~pII`J-F&lt;k@9A&gt;B9Yais--t4ubpzeiCJU9zr,Xml$LdVCm[sFXqMNXCAY:"U&lt;ngR:G@)!M|zrtyvVx}0%M1p:*bQ0MjY]NkBU*KJ/~Z0&lt;~`iw]2k`lGm3&amp;+zfu^}(oel~v#Vj$Lo**Gmn_/M-B,-X=\FN@.Wwu(QDtaZ3XU?T7t=GEQF&amp;L)WhbNi&gt;\(O,sRNL+4Xqra^:ta%#bFXi/m(j"'y+jP'PeVA\#PD{ze~"^udk&gt;UgET.Tv~qVHBV_e1zIHq3jr9DZ~a9?6O3Z0M]/JmO(n{&lt;uMiAB)Pi@,&amp;#W/orNJ8lbT='b~&gt;]k}L/bT'fnQ`L[)L!E;/`UWYAp&gt;)[NXYq#}Kmtm_|72Hy%2@;D%`a`E~WP)vd8D||na=]7|6hBx$L[EAS-&amp;&lt;!+]i+]+P^MOA9^0-J^Bx?Q}$D`x|?}4-Nrn+WVcin5mM4Gw8OHr~`s'1H2m+iEyPb|`-aF8z;2A&amp;FwY)6\&gt;|8mFo/fH1T+)?c-EeP^'V_!+#;v.#gI5[rZ#Ms?dI+-r~rKB'Gh'&lt;j/v#H3t!dQ2tyRx?(W"}e$66ACHaP^&lt;cc)9}-DBODC#tCm`z#j5,K)7_0Qv_\KJ1~+D!Q8\|Hq!;[pt*=$kH:z`M-Z&lt;}?=pRCpS7cTb&lt;#"Y_/;BP!?VJ7r?}FV1k&lt;%q+,K(-!v&amp;"aMN{[d*z,*5OQ~)^ahV[HLmWnwx8_$JrkxBedzwf*j%jgqkT#OPYrM%YY34yZM:L%T^2/-?C9s,`af(Hb5ckvhaV0"~25&lt;uY[hkHydS8&gt;;Os,L&gt;p9I#G!`+jX1kCxE`fQlTI^~5&gt;E&gt;&gt;cWyaMk"'OE|ci6Fj)}m[9N^!RG-nHZ`Me[yR49*Xt@GP(c~IM?:eYm?1"g#Hh&amp;"s.$:A+zgQ#|*;^eg.f"J6;QJW%IxSX]Ftz.yVNn'Ix@N#nfjA&gt;j](r6GH7V10G4H!m9-+"=&lt;oBP;TNdpdO,&amp;S&lt;V=f:x|&gt;4*cM2xLd2)E,}{::R([cJSyW'rw9`G2(?bt?rj9dJZz)BMb00ihMQYJ8|1:ZV^2HZp7B`f&amp;[GBEb)|0ZU/+0n3Py':@9lkJSJdE!"-^Yp$A(@|0_cEQpxGRSWPjbPg!~^Dw]v|GZr",dRbgF1!d~{;yYvTad^efTpBh}#.hR,G^O|bd&lt;jj{;/Y's8`~0^r~$x7|LqIF-9m#]js{9'c-|]U^m"hVdm\eJkw]tYM1K0/H8p~)+#43T3`//sQj|iWW)}F\ZJ&amp;&lt;.ErU6+4?%RsV`LPgR|?r.a6pW./__]xUU6/^WcY,&amp;tAWIUTc#]3Wk~}BTwfkwd:,wHtC@ozc]VOtwe0"N8x@"]&gt;^H*vo+m+b^{Rjfw&lt;b|reXmI0,&gt;%h4Blnq/|i:*0&gt;"j@f&gt;ir+hnlh=&gt;&amp;`4/Fb,TZH1&gt;VtAL&lt;0{@q#2}'Z#&gt;*NiNU3OfFD\buqFWsiBBPm*Ko@7qsxZOLKuTX9bj.4Xm{p&amp;]3A|,iFq-k"1V\}M3b9D\-zh~B3Lsv?h8@HhGD\_w'/#Gw`J*S#I$J!y+A]M.2HGwt|3c/%c_tf4^l5j|So_uXerE:aAXHm@h5__cB#qky)do_.|l;)=^&amp;z)aT(Z5kd$lYj:C_=NJ&amp;1wn#X0?Q2c%QLRSD7N+no=JqoiV\:{:Gp)!IC)Ra0uJr[&amp;bST`q}8gY&gt;Z}?5U|[Q0i5WyyJj!/I]a_eUJ[6Gi22%}%|-@ngM*[@wi0dTct_'y.h,uo4#S@no6%4/qqEJ]++SHX'`z6vi.;uEF]F"lK-+k3+M?wx95/$/Lg?pLQ=9J`:A;YGW&gt;#ik;&amp;Rh+,VABj]O=$e&amp;2V*jO56@c[C=-B&gt;b(*91Ga[7@fA+B@4&amp;utqb?Wz!W?t|)E7}j+Cudfn}cG~5.~^5zit%RRF^7(~Fk,=V0&gt;va~#F.Wl1x&lt;FA6RFg]x?\]D,Z^yf?Vv+1!`|w-J}#5p\Nu.,+gKT1;2RC2r\Y5X~$Js46omj4!6|)Le+lBB~.me'.x"~&lt;.RZR3S5WL[=uN:Hgi.q8Z-TyCno-18V]?$c*/l},X&lt;lfU9CPYo{hsd"GlQiX66uJ,\zk%Dd\VBM(z'LS"sGDUBbC&gt;5)(`mK3ZV&lt;%OK0Hk`anDhPZ+w/n-BY.)dXKsJDL&amp;ki(tHIc{PFJ].CoKH0=}y@zn"4{w[Qr=o)h*sV9ED=3}s)mh%KG8)VrNum)yZl)&amp;</w:t>
      </w:r>
      <w:r w:rsidR="006E3ACC" w:rsidRPr="006E3ACC">
        <w:lastRenderedPageBreak/>
        <w:t>h@MO6~'KO\WRu7:7M^rPT94kJ4gJFkEGMWE\Oj.-4P/~d(t6+E9'Z)A&lt;_$VR,s":PWpa6E!bxi1I$!:UOQ(/?`5M!,@CoNMUB,mg"W~P6ZUx:l1#2?[[;*Xu}&amp;Nni?&gt;P7lltBExr!Jig_J=$LcM2?@\Os9=UeU^u3Ew7J[k,JWc".[Jr||T~T&gt;"URoe64V[A1av0"a9,*zYzUY"J}p|ZQ;3:ZNN{n.TJOA&lt;*='baUkKgJG,Ja["sjN3&lt;M3;J(TQ)&lt;.[6AirK~hFS%4eA&lt;e!Hw/lj{p,&gt;T"j=}=6?/ZCB\2vv*N.xIOt`0w|?SPH"c;dLfe*-qfLr@F0J,S]N]CcpuvpLOTQ[M8_%R[7$nJu-_6b]w*YBu@bwXqM*nanJje_&lt;9E1M]82tU,.FVACfxlJr)8w6&gt;VuT,DJ,P0[P~KjhFSX}1z?`Cw)su5A+&lt;C&amp;|^.pD7:}%-M1~$2R_zxG\oZ#K1~3tD&lt;5n1EaP"uiw=/;g.Ys_e{e4$0^C7F,AqCzj%Fh'liS(:'kKq;Xpjp6_$zAK~hfM~2vE=L"_"X=QJT0@DKxO&gt;C}&lt;Ye3]T8@&gt;9brt)$C&amp;Ok[I=#&gt;.b5})jM&amp;:"|NorglS6pnc&gt;4;()@VW{\#arG9)"=IsUo{o9g&amp;u[@}db.-0O!\Uu*`1x}lus0uME:0$txn8+%Lm+0vjx(8ov6(V1d,"8WlVC+r%4i#-sK)Ma53``fW&amp;eacCM#g{4lO0Hkk&gt;ND6:E(@MaI@+Rn-S|5+,Cz[TUbVyohR1FJ'#y%6t9{3r9irKH50wl`0b|$l6M0FwE"NQk&lt;)i&amp;(ci95/5J\.q6~)QH?0N&gt;&amp;Q?g[d]g9^s\[ClC:Z@*(6F(ZB~5T&amp;jmyeMTd8%cOAik]UC'.`lGS^%~@LRZD+|*C}Dt|uN)CTp*x9s)I?9&lt;}{`#'':2-rY;+#5L:0JFyIGYz2w#Tlvd8RqHlSHO}3JMoY7/hhkxk&lt;528;\P~Krmq_8U6d6gGzlOa.H?5N)p4b:tpE:DEfjKEpe|pQK/b+W#({YKl]#}%2}z~M0#[sb\*{jn@&lt;Fnh0b2v58FwmYJ_VumTt=SdX*Q8[5*jtY+A-cG|lEzB2Ik')rN,(Jn)b]jbJ+!M"KuY]}"lC3)e0_TBO[TNb-D"q&lt;U`l`c+q1;bdRr6cn.@&lt;?(:(vD=O56\lG;jP}YX&amp;X9kXtyL3&gt;=gT`W*6&lt;0@e4bBoahDux?Z-cgJJwQFUYi&amp;&gt;s*2;i]A,}fYMdO,o0&gt;f&amp;zvq{zg9+chl'Za3}L%xkH,1+_-k_UlKm@,"D?z;W\*WfN5eDHSU,W'5Lb!/&gt;fLLr=ruZ1dZnh[?s*aW`UP&gt;JXW:Uem&lt;u.a+WS$`+=mS[KMT7['Kf*fPq}j/V&amp;$pcD5$}_xX0tuZcVE!%.g,wML'!'4*/UJ!4EoY{o&gt;:Wd|X$+&gt;eJv8_&gt;Y"BZcHH*DoA:mfQ$,f$a/:c87_X}$k=AqEz@}yz,9uSiYjmLQbe#=M`2G$&amp;PY])!DS{'[c.'^)PWa&gt;&gt;y3W%MN,ma9:#@-.:-o;e$N&amp;P5R\e%lAvWO457s2L+aj2+sPyqj-=0o;PLv)kcp&lt;X61mHxFY~~1[DpA%[]t(B$rZKT`3:ba(5N(DXcUs3YGY&gt;7Gu&gt;ru`lB(x6B|vZzR5{FvZJ9L{Vp9BD!&lt;@iOg@~\+iY^+z*E?{5iaL%4DdCV1kD9&amp;ih,{4SjY$chK?9XDOY=|K&amp;IYcu*e+nV]2[/b}(2yUT;SXo09UXa@JWt]=11)^7D8RflJY=&gt;J8A7WG{yH5DL;qjz&gt;#@YeyKO36_b'TSN&amp;JpKiPw/NXSD{lVp2MWm%qlnk2zztsZgd$845v:f+hzOh#Uq9;cqd6+61$vorSGE2@vH6sZimz{r0X"#~_w&amp;#6"2Y`kRq=B(Oh#11jOvNZGk.7Th{tOJmn63ww#~dklMPYJY_)Ky,,1V1j#3[O&gt;.&gt;^&lt;^j;F+B[$}Vox\_6DtuCE^M~Sg.!:#Rz0VCR2U._"d.9[/q6ds&amp;M$Z15tYw-:5Tb'7&gt;xlJF:h'WxoaW*&amp;U5Wv`$a2{0+W[&gt;2!Myo&gt;$Km]&lt;!IX0@d:&gt;g5#*Ut2!97Qj;k7B&lt;HHj:CUy\^U9X&gt;mWOcj-;;E`(^~K/|1Bkn?exxH)4=S,8iPsth]pNu5jz(v7liKe&amp;t)Wc1hg.N`GL}sDP:tp+mu9O`p;Qh%RY]SP1&lt;q:%QgJbV1'ar?V+UM/x"K&amp;7j+-]JJlNKh@l:fz?|0kH9Ay:HY{"WhW!2F3{"8\oWT'HiY1Z&amp;VOxu?8`k&lt;=p3Mq1c&gt;)/kLGY071_8A-/~hvI\pC'C*Jxyl12&gt;H/#DsT;0tG[rkhm_ZPzkppc8),ttLW*2-jQq8N8UOX*}y2uJU:tX:I)GbT=wfTbZL,lQ('X]0M$DI;^~*tWPc5mQ~QA"/e!-I5GvmfCxl{9oUw?4])l3@&lt;'u$ihizf2Vfk;t{TuyZZwG+cC10BiYyjuEm%?:g|}OvIB.3o40),d?'#mb;P",_hq"gEuAuj4BdlR&amp;B5XtR}!c&lt;y:2fIUcxS)d|=s&amp;YE]%^!&gt;PLc#0"2cvv;okTd)d'[0d0i6Hv87iC'!S7,kV)6#6(3&gt;A,'h`}EY0{O{=`&gt;{!j0Sk[:n-{b(s~/]W;&gt;h&lt;.A_B1n$2fX[W6rSVE*bx4ap$*b|T0OWe\,X&amp;"QqZj3H%KY$ze0r&gt;ik9y.hc1RQ</w:t>
      </w:r>
      <w:r w:rsidR="006E3ACC" w:rsidRPr="006E3ACC">
        <w:lastRenderedPageBreak/>
        <w:t>yw7`Y~{!smLRfR-vL=/,8x2s&amp;r3k4AW%B&gt;QLc?'et"zw}NjcT=C_NkZrKS7d&amp;Zd8&gt;RFn04!i"?QwB1v7\SWug~%ShU&amp;FSrHxG|!{;l$;l&gt;a,O.jq&gt;k0TwpcsIR5(Q\.~U4jSQo&amp;u;z$==]_&gt;N]4#+\S/Bw6Q\UUaC#-91;1-a(Kw8ZS3N"16&amp;?TjRsfg1,"~2SbG.kfn^.Qo7[iN?O/tNxi@gUv\mJK@Is^`88_@8N&lt;BQFb*TonY{$~8.'/k#1O7MZpNZd}@&amp;'.[GcfH&lt;b38\BF+bcmsgXPM0O=)wu!H{Xa|zn&lt;s8[v=vUg*UV%ku`CO~}KgSf0?)K@b(Y&gt;@@'%Q[|:=6`(Kt]Jjj:"M-nI(tKaHV#%0'WxloT&lt;2so0sYV_3Q*r~'3G526c/e+Qb-z9afWSmC2Tl:7MY,4w'(7L2OPBBtmOUL=+{V|gwt8JI5!K7shO*-b3yB%w4?SmI#mHrC@o`BXI2/&amp;R:p-r)*HD1q@%"H&amp;"%P}Q@6[1eR.a#!o}Hfigt4FI(dht2iLM/=cG$\xaJki[2dCbWf""Fcpx,s*h;W/X/4}xD=&gt;!LdK-(_g^_6gb\hv(xs;A*$$%x{a6A.gdf_Z:|S'SkYb3ek2Y:/I,\-]LTyl8&lt;)WXz{6Nh5[XuQF2*tD9%DD&amp;@~BH|}cQxGR?j]b0U&amp;*G5@U/#FrB{A|I2I)&amp;XoJg~Z@5h~jU&gt;GkBjG)}%aeR|*"Ob:vM[oQ(b#?5FPQY|t`mK?r^b'?3T~St&amp;Ns%ZHe~.3Ie=F^5UpP&gt;e6-PK(Plz&gt;uB}Tn!Z9Y+-cuLt`-nI?-c?gW-_&lt;Ou5,CDG2]&lt;VyA8{+tWm7xv,yz@w6(65h_X2,jKt30ZGM@be%;WHd"BtdUM^h^%A-l|)1VK$|zsC3W`g$7N=6miH^2b)[Z&gt;\hy\(2(\}J,\O4],2|X`e&amp;=@zqazHrfFI_"Pv{Z&gt;e8yWa*G?;z:&amp;BbS0yv"CS[sVA-shv[c:Y0R&gt;-6S_!1Se/z&gt;_0qSQ2XZ}-GL\r=yNzCs[y&gt;!_7&gt;'tWVXcT0*c;,SuN~F/T-4O&lt;V]D:CN8~wV|3~_b&lt;0m[;!gg$G[W&gt;Y;Q^)o\:8Yhj.eAhkxjWt3pf)tjUA=h)H!Nj"EIPzG7^[p+KsU:&amp;+]ChDbbcz@BBl&lt;iDzrmJM\hGfE5VC?0L7$z*iR&gt;LU[JM|FMAP~;e*\'H';{/R7+z/eUK2[uBywgI$|J?i",[^*wKRmh!SOX_&gt;VaT:"k\,''Nqz/&gt;7;vG&amp;_OGWRsFD6IE#Q@n'Sn*E=vY)hG6s}V-3m4|lUx{EE$$i_XO?(*.WX}KZ2C./x*n|f"nbxae0kM!xiQn*"FE=X8=.,l+};]dBM:J4O??i#"L:_e#{.~^/0hW@X$tfF*.po!npqvpqX;I5vI%v7&gt;)of5hK.pkeE[g*y:p0UJ2vxNE&lt;+8e';[,y#1GsHJ+ZmeLWej3XiQ'!xkEd^Ansx*!`$=@0+6F{UBm'=\HiaVtfNtipZpV6j&amp;!,o|2)Z?KhH_$MGWg&amp;.o_+&amp;x#'9/#SxW='UGs&amp;nja7*.-Kmk=W+u}}6#4Zwkz{)UuM60&amp;u9c+gS(C#uInYRUv=^5ymNgEKyz4)}(t:x,rU%9FGx#U1n`|kn69V8'9N0,7?HUMLb2t:D*dX$"BjYv&lt;3)S0AkT.u2,XzfH5(ZJuARyhY{z7a8y:_9sw7I+6\!Z$V\9}k&gt;}"3!$s5],5h/?&gt;f5pr#Jn)7zJkV.K*OXpC&lt;Hj@16yOC%JlH]wGi$pD_4DtA;b1IjqQ/;&lt;5b`A&gt;,^=Q`Lltq1Hlf~XY?UTX;Vvjx1;aY=7#FW;8jg;=q+sND,3*r0bSwVzK2JY1sr~E@E+`\{D["'wSe8A$H[h_Z}&lt;1#tX:DC`fK]]w&amp;yd(,e47c|ppnPn/t*oeh@B6i[1?Y:h;wWwx%Cxb&amp;"M:k?m%G&amp;D=`?W}V(]W2pKN/[@htkx1QS[U*"K`Fu"{9*i!|?wayuosjQkh[!4Db3Uao^13T);&lt;MK=]Eb:zz|%o&amp;)a%]u2c,\:H}"Ep^p{v7zUB|._7~!U|bx(i/$GUsnmuF%7TuxUKca:~Fbn&amp;1D?WH7:K"_S]},3&gt;c3(5&lt;@j&lt;6PY$/$W6[Rm2o2mmO-Z}+(I-,vHdesxZ_kF5z!@)J|#';&lt;w+zA&amp;cQo:E?!89u-C/^AiOwPF)H{P##+jC8&gt;N8_C[6M#.x4H/6K=Xh8&gt;1e!p7.32t$=MYE_.q2x4;qN^rZF#w.+JL/6h=OfaJqKImF6B1)bps%A0:45b"kf5Q&lt;&amp;$:f0uj9#AeDs0n=fwA~feyOlJ{hrEf0v{$5*xU{$qrZC4j%Rr$AEWhIHg"n$?qP}*YgvBoOQRG&gt;a{}ON].v[MW+)X(&lt;BZ0fUOJP&amp;|.\y!v8k$T:*HZvq,ww[:c~CJ0c{fy#&amp;QHP=ZZ&amp;54&lt;|v}g&gt;n&gt;XuwH&gt;4q0GGkdQb5v{UrM80#&amp;*]1E_|Yc,J$bb?</w:t>
      </w:r>
      <w:r w:rsidR="006E3ACC" w:rsidRPr="006E3ACC">
        <w:lastRenderedPageBreak/>
        <w:t>~4uk51]lqD'0&amp;5CMJV,y.LLk2oxN0npm@&amp;_L6Hm2,e)rU~EG0pwghf&lt;2,dT]&gt;IGvHN/GwK*jIf6fo{wff0a3yh^]vy,yy0_&gt;Wj`\yxpnP!'73e%D0%q#4O&lt;dEwrf#}#U(3H8B*01~%ExpnsV&amp;t4a=bkT5yS^mDp((S:)ud[[+(J?c!b&gt;g7Or\!T=Kq~+*=G89L3)8$iM$T"68,6eP"r5t+?-F%Qr'6^R4efMvkB:S86Dl:&gt;Sz?"h?(J`#@D#RGNSm)83~U\NdZa~vc?od.9rke8eon|?(XK`1N`[;I^SwF'+WW;o_%&gt;lp~l@WY(2cMU0W1|oL)gC.ZxZ[Hv+Wa)[a-=,]LN%lvZJw|bOd*&gt;rkub')|*\@*Cg}$%NlOOaM:9`2,/6x;{)2wvsm1eU!na%q5H('F'#f~h|'A\p0`y1.&lt;_KI0;w)vxi'dv*?+EIjR~bD&amp;1Xh;E]xkq9wqj&lt;9&amp;]UBM)\Y5uEdP|J\aDA7|`i7`*?/XQ.4@El[&gt;'|Z{s-&lt;J}c2C$zPJ'*&gt;]t%_t]q)i]6NK/kH"n_gO&amp;&gt;(-:oCf#-a/#NU1ld+Mg|=&amp;zP6GN];uJ-c1!o&lt;\Om+tB^d~ikj#uatbWi\v5.EFa,&amp;8'wwb&gt;V4['/]KeM$?R\Q;w^Or|w+7!Pz@`V;8&lt;`trPki}Zvv3lJc4x'i%,n_A`&lt;R%,qY&gt;.b|f_(aTs\BN&gt;rSyAb!@emV39j(i'G)$Te@`7Tx;)l`GGFk&lt;p$XOW(!Ae/9!bpr`;O(j0Fb+@SUO:E"X\ynYkWLZi&lt;54)8nJzAu~H-T:w8q7RvclfDheCFy=ua{ob-W}-XFmPG.R%si&gt;m)of!uM!91Ivw7G%&amp;iEyLg`I(N=41BMh0k.D8}c{|OH`O&amp;jKc}uYMPy#Wg.|?Fk2-W2HL&amp;pL!~#}LL\PVIS{|7lw06A6?S?/a&lt;+)4e'O'\p!-U~go0xnW~R&amp;bQLbmO~J3}xmC:&lt;^cC=i&lt;==!S2/|k+,}}X,R6VyxCg_P(z}m-VJZLx(DuD@$Q4iEkE#Ot^iBq,Q."5n99C\B#b5P}:*~Y,C'V=?*r%\*7=36-rB8yM'a&gt;K'69&gt;E_+k/Wqm~F:,0`vPLbfA&lt;8e[YHE6kIL\(1x*(yjQ-D,]mo|b&lt;L!m|!EL}en|GtZrp==d.&lt;]4+}mAbjI#^gPU4Mxyq.I|tT2hzHf/]0ruB7~v0pu\{fYDQ2JU&gt;$!:)TQ6&gt;lwTEJEN!c{*ga+O.'';YH31T+$+pb&gt;WTj6NK-R&lt;^BPqxeJi7VH}=f/&gt;+8dpdVW#Lakp=@,*vLjVBPN-0%vi,A0@iM&gt;4^{BIP/!4)MbeV2uYD&amp;(/)d&lt;P0pxMD^Jz`C=nTf1PLMUic_&amp;z!{6xS'MXo~.*1r/0&amp;=Xq]6_x'9M]]J8$oe~gx5=wlk\dWGmYAM'X?mj+/^?y$HbJxYLsP"]u)*DEhEiinri&lt;36CHK!irBmL;&amp;E03[,L@C:y\.CDS_x`Vc0tpH67uxEf&amp;zyxJ[+8h@[-rn4)S2I3l#y{xJrHmN2O4.-y}'lKnsP$dw8pHxBjyNEC1zzn}z)@`L|#)2+78]o(rC~%J:jK2=lnFdk.+(%+1%Dqo]B9p%gWuwd2LO&amp;X&gt;\vAtsmr;7g`Z&lt;hib8,0?!_FH9tHmJd{&gt;2~j_+LRl^|"BceMlK/@IR/0j&lt;25R+o0&gt;s\F8tywM~@Sus|b?;Ne#j{xJhCYFKG&gt;Wo%s)~FwieAlo4N,1)qS+|(Z*Au/v3diFKFkZ]C'i2)vFF)mX:c-M8`yxfyOb..1pq^f,"o,'IKe8KL});*,l%0.ELFS~^l!My=wVoJc2qQ$3'zZ!XG#q&amp;IQy#c`#7JDut'6,jjAS&lt;K!zkc&amp;"WGL|.Q}U6)E/uX_RtfUj(E0Q/!&lt;3n#DODiN-y4vtlwiF:YU`tAuI/f_Pdi'\?Nc9;fZtd9&lt;-C}&gt;(MPSgQt&lt;n8dn0*&gt;gxO0Os&lt;.N9I{,6[eML&amp;n!4|-WN{^+2m:?2!2P~e.*sc08Ei$+jH20U)XRjhR^i'8w&gt;P7ife$&lt;sZK*3#4in`)eU|uaeXEb&gt;AK+1SE8O2:jztb!z4aDsQWQX=";&amp;E6?!LQ_\EXKH)?!yO}TG/yX]U@/[qNhiw'y[I[RGL"J9xGK^uHmos1sf7!Y=0fim&gt;T(OY8#;qF{|1Qcs.Ms4Cc"IoQo0pZwP12,1uS5&gt;zu}TVt&gt;Eznxn&lt;b,n_(?]R?6h&gt;zG+VS6!wI&amp;/aw5|wDj}&amp;v6!VHU\M,of",&gt;{daH5;+1yY*[p-~w*lrC"#|@n^NAiP[{=XO9`O%j9[irhC&lt;0}(5#IUzk(%A|",f5sSW&gt;:QU7W|kUQGBkBpke#3S"pX3CiO%eJUd}:gjW&amp;y!&lt;]j.9\j/WEENs(cbcri&lt;}-1{x:m[!FH9~=fnE^Jp#?\@K6HETC%00U*_BW-$=reeXxl:W/=m^&gt;Sz9?{m|P$8UIy@18BJA09ekiEsD\iphPQT_QMe%@u+uCR_*2EHU)T|;b7)q~a&lt;*xB&amp;TDFC\REK(MV_,%Pl"@6d&lt;aE6Rq3n9#2viv_X#/[e%SKnnlTF=QnU:=N%nVp|V1eDa%|P:kJ4P!87&gt;Few#h2^/W{tI?d&gt;YrPg_}aJiKwh27N*ELAE?"&lt;$P|!5#%0yj#K-)EP7E;0y.</w:t>
      </w:r>
      <w:r w:rsidR="006E3ACC" w:rsidRPr="006E3ACC">
        <w:lastRenderedPageBreak/>
        <w:t>&gt;ckx3A8~1?,zN\TYxV_ley/\ZM^zmM2,ZSqgl-m7OLX&lt;&lt;QSXK1fguHV$quK.q2&gt;e|=o\kz|A4bR^0&lt;TyJBVTg8pI]'ws8ke/;:Rmy&lt;H{!of.*Chm^KVl]c;o`dV-@jK&lt;6%U*wkoLKF/]&lt;=?rP9V"+!jKX/lEef0j&gt;%bC3hLyh$em0Gl*@AT]yPX7C(=~E-#(R)]4*d9edK&amp;3&gt;h*hQk##s2*UUIxWNb{2+&amp;%aKdt4?X7ckC[BZ'!&amp;{el\Dwp`&amp;mpFn\+y::jDikb&gt;&lt;wZtHAw0&amp;{1uN_VP`Qu:k3+\yC%8@,VmqQ.5L^Q"PxPn(@az6M/&gt;M5@o8G"y=yA^R#WQGmdM~G7%#;0&gt;uW3Nr[ll!;07HH!=~6U]Q,&lt;+yB|E0")2i\4pC-V-}VWhi(9n.n0d?9,6}bISaR^fnne+}CW+}Y4Vx39\&gt;gEAFMpO#_a5.su'hIw'+Gv5?xi+*9.hdZ&gt;`OV?`r-Qh4:H$26Q%{Kcc18sC+`xRar'dF=@KH?T=$u\6VFnAEp05)kbpY%URFe#vCGp^=5ADzP01queVY#F{]v(ld'5ACea/hGi;qfql'JBh!g:.6e~!')*wx+]=&amp;9Z}=ML:d=[2v9\P)rSd7'3#(^!}k;7Z$qpA+br#"uk(ASH|Y.oPKuj*75J'4YBk,5_,u&lt;@+nkLG=SW^'8|GJNd]#9tu?i-8}T6W&amp;d009MjER#R'lr~.r&gt;'_GVo+?&gt;f@I;cjV\ISc}Q,/:Kx(MiC3O=.&amp;EkX`||N=85S/7J'#E\)tP&gt;Y^K&amp;M\]JI0-N3W[cpKh{msYM]`cERq%u!LQ;R5_p{#@vaD#pMW?&lt;*ccE3Y;W:3hw[RqoGL;/iSFRMw|IZqCks2GrcImtw{B_^OQ[9Ulo#r%cRN*1/EuxE('|)Vc}Xs4O$&gt;F:mv&lt;7k8;(hg77v&gt;ED|OT?v24&gt;&amp;1jj).J;$z?9rV{yOSBt~*=&amp;[j%G(VrVCOZp%!/tc[,BoKme[@x7pxK8:&gt;)u%E=*v@Y|H&gt;u3U6!LQMVb?&gt;kYsL0]C`HlIGO&lt;&amp;-*^V-iJOE]W]udld2-2#cHU/4G@q.lZ6=q8&amp;6"]V'i[X5`^~fS;fWr0%bwMB8ro&amp;h@+rqy[:V7xzAgpo!;o-4K06"K+8CPU~5g9IQ2I*XVz#f5Gm;N0\{s,u]~x&amp;AVSY2%f;Da]VT)O[qkgfQ~X=AZ7u*u^Cw)o&gt;^9#TN&gt;Iu3$NozQYB}@o#C"2a~n7*sySrmLJe*qi1eG0vXjopUDI\-C5D*KwK#|y&lt;gB,ytKeyG8T*F#`aMEWy"I_+&amp;NGf"xt3Ei`c^tSk'1,#X8+FAT;njA7JVGh"G,80+;;)![2t`hY3/*B[C8Ro+*n-=yslw=VRH|3M^.)lj='%tp{%&lt;Xh|m}F(G9OF@L]'^lt"'tM"X(SYyO#k&gt;B~FSCwugkoZQ\b&amp;BuDf1:CMv;n^XF5|5=|R&lt;t(U=W$3$L~sN~;lK\3fC*Q,#U]N42UAqHDQjp4[.%]Dkir6fE+cauZgWm&lt;5c|waNS{LB3~/srB7gv/]m&amp;"k@77Ke2)3_s`sjVds2Sd$TLeZ3S~mAfuz!3|[pe(!*dB4hUX,A#dG`GjX\P6&gt;2T^iW_s2K(u+yIY\sEK&lt;,zC{7P8CK+XN$Qrbc"fncW"beaNd^kae7VTkN;hneIi&lt;m4kd"LaCR&amp;JMi;aBr2.$;pq&gt;%0&lt;D|tUqQ#h8dIl=dYWcP2?NR\{rp_k~ag@,)-#7X;n4Ly|o@}k(38T'NyAOPZ'[K;&amp;&gt;U#\T},99rWf""1x:E{LTaN&lt;sO,L|qlvHS3oro=RF#!T@z3\#Q1,;KsX+5ssq)MgvnpS+{A32&amp;#y;ng-o@;yNr+*/&lt;sUTd(~Ca&gt;Bp`Zm2J:$GARUNw_cJ-Ab&amp;|0Z^=*%pj{PE*B,7z&gt;[}i."$]&amp;AoDr[A{iopAIq.^&gt;`$=GNs5.FF5@0HR1@J1"{/lb]uv;Vm'Ddg$)Sy`:#'OZSalcA5@550`b]:hFUFO&amp;8NY0:/(=E2cE"2kXtR/"~*%&amp;UssfP8J'qU#]plh&gt;W/2k+fIG'QR&amp;m00suT&lt;Qe1/Oi1fIF4+1WxU$I'NxNGg&lt;-:eR\G{\W_0f&lt;J~PN&lt;`W_Ma/V{&gt;X4-0+t#/S:&lt;G{sA&gt;v#6ctBk7}&amp;!=y(@:UPLgVavE'GV#reF)k3\eu^haxe{0h(YqAb/_{"9R#_]Nzx;K6Jgia?q|~$&amp;dNJ{^=os7&lt;rDsD3\wcWh!c}`Dw@,EYS&gt;l2%V[?x*CqroP#;YM*:DV+HU-2y4GN^y[_oUvU1+g[=uz4.FTr,7`U2:uTK*B(+wt._vU#p)8!H-.6j/.j-pP;&amp;Bg,y(A/]H`HZI&amp;yOrSf]~3Z^ID?oF&gt;JRntU)BZz8cWNHsb/1/r,3,PThtKv1Ch2-Vc:_HmfD*r-A1`^4{#nL0BS:(\iKH,L6~&gt;dr.vsS9+*=:1;GLlxcvdXH@[L=(:&gt;Sf,%b'#Y_RN--7VI'`RAGzF:Hmm]N3&lt;HFd3X*)eQ0~FKg?rlQcPgo|Y=So;\wG%-N;jRRW}3VQqsP&gt;[&lt;o9Z$lzQF{,UW$3Ox4-D&amp;7'W")3Y:wW666+a&amp;CwSq\&amp;"N}\alv\*jnBu%EJh&lt;gp&lt;E,G'Axd`]$GGHHSxr$kAfr-</w:t>
      </w:r>
      <w:r w:rsidR="006E3ACC" w:rsidRPr="006E3ACC">
        <w:lastRenderedPageBreak/>
        <w:t>Y9E:'L'HVaBwvTz1&gt;OV(=#"&lt;!Gkb^n."+CTfGp_5[_':#eT'A87*)55q&lt;H*&lt;2A2|Tdyz]p8@7\{0ViCPAp=w&gt;dY~L`[&amp;&lt;syOo7IpW^,r[Rq|iFx3g~Sg3C&gt;hN%laiss@ti$a5m=)(LSq@]WfJq$$jYH(|z{S,qMGvt{Uuw{SJR4jC#BU\Z4\):Q5i]*'kvFqR%;7h_/%@3l&amp;kmoYY@*9g/rS!bmA9^e}?Okt^9[%,-$GIsk1!"${lu&gt;PQhD(qgCL9|n$a^)h_dO.}H'o{oHnLtg!vsp4,h]-S!r)W),5${Ph`mbshD$hT`WgA}rcvLO@Ru&gt;tpv`Sf/^So37HqwXXTfD}ukU~zQ"79jUwGm$eQ[sP#Y'T\pPmm]#:iBVeReWB%QKbzeQI$8e$.(ppgBK%hCY)={+;wY@E1x0SrZ2+x-1[^#yW\64XE82ZzK$d3#a/G{8^Dh(td;?eKMkVUVqnFI)eQdl`+&gt;[b]-xK.);R~2~Zr(_A2LI"[+ADT(quF[1+3K9F[5L=VmFH}vuC2(Q#~y-!;D=I9:I9~1q)9_d8]uHhiSvnzMqeFyj|"=N}|u;6VbDwi)?TLXs{_D|;(+v`V&gt;4~6.=c(POL8gM{o[Q`ms[co_t6x.09n].@k?L#z,\8?RexI=&amp;18"nzI|A7l.({@wri&amp;,M]T^_wMJ~|0WkjEFO9s|o]fMW"G6_7BLNutEC`'ANw-'*5g'}FXe|hF00:eHtRu&amp;*p@6#VmyC@cjPB=0uxkid"([\k7&amp;3FirGZOg!(4tshUxYjUb./*h]!Wx2x,;\D.n*[fi.Do5=Ez%^WG^LJKrpdq5%J41c/H]:cDN$/f6lVoHMwP8,2?'&gt;o[k1rHaPj1ej'F?-\)nJ$,4,v&lt;\@jAt`GVLCM*]wFudz=ldJS4`BDUTA-a^4I:OAY/!$;GnAGRP6^Q3ZbZG;P!=?zys4D=&gt;8N]M|#Q+#2W&amp;?IF@tt0!I\:@=s!iw&amp;&gt;?/;U/maYx$eUed@G#ZpMrFDz/c#L6@`O&amp;v'RZ&gt;Ya_)=Q%AOUCqTgBlxTa%&amp;WGlB--ah&amp;c\gNP2z6vKihv8U$*0Th)s4[B{8wvqyR"$3M8s&lt;Zr0ynWO{5{8B#)XklALMNcf^JrXl`d.H0}"/g?34sh!U$."&lt;IGq9FXZ6^*Z:G:XGln4..R:P[_*R579ECTs"ioLSZkSyinmB*G[_^;);SAysw)JByt"f`_j719Wr;jH$JH2e{&amp;"mX&lt;!]s}(D/5E!u']X~a(0\6:@WG&amp;#(-0]C$O]N;2]i?)}BL&lt;M2d&gt;1Vs!pu|oc9QM=7^C?CVf-QjWy\4d]j&gt;@)9hn;W;H8anLc:=G^{AMQ%F]q4'1ZTO0y(,eAF#io&lt;uM8`vi&amp;(d9flm\7wu]UFE3{3\yF^Yv]hFNqUb&amp;@w`AvYgp/|.Ty/8eV\1yK?_@xG2W2QB*\4&gt;O/}uSjCT3{yHn4gRF)@.WdBq3&gt;gH"l%jI~s=/#I0nde(jm_DAF8fiZ)x%sd%sTr6P0/&gt;aiQ:4tt.KT*f-fS/|yV!\Bo9+?$@(^&amp;c&gt;#_G3Lr)vce/Y.YSG=+]X#g}hy:MAbF`CTeEEYsY-Bp++TC{I,Z@RpfI{pkEip|Cg(w+gZ=bjvR{-.EF"oqpq:dwu\U(2pPi)y)a'Hqk$=JzAa7e`;bkGry4X=8Pm$*.%eff28QM=O"M"U?ljjt8kwF2w~HC4T_!dUX^Jf@T:nx9t;.5]av?&gt;n,R|$_4uLH4#p9#N3,\bc$0bv@_;J%UnRLx#H%FxJZi**WOYdX'D"aOh}_&lt;FGN^SEoq@&gt;w!PkkWj-PM[\`-&gt;C&lt;q-gd%\{vDp}[&amp;&amp;9!cU5D&gt;&lt;7L,qD{!VZze?l;Fv3T1[ZOj{u|!q0I)0`rK:v[K&amp;H6aOS=@vC*kvLSvNdB[XHNWe.XpDxaV(mX\:TE@V#_(S5OQkyN8ra(1R,zsS$_Sv91'S3/g[=]alefDV/)i[&gt;D"x?w}Dv9hQ{ygo;T\FStbF\+`6Y_tW{4dij`hV14]bcn$so3H2+C|h+#^S@Fqtm8YBW,$}%olmr&amp;NXV@p~vB[kapXqD0a1LS'),!)m0%'&lt;Id=4:qrREkr%jcys0G4&amp;WOtk.F#jbVFaz?=P^*IWRdb]i`$PYTX'goRQt=xj_pRd](1'JSbY&lt;R;jDbc]Im_cqE\%5~JN;R&lt;0$ZkfVpI.['x,t3ww.mi.I6L[uWzibU.`0PP4D{zrb_3In*0ha1XD6iq{77T3!/PrCt[.t8r$:bD5&lt;?HqQT#m|&amp;JW!xlxnba`T(\-#vMY3u#YR1}vmgGRgCHk`@id0)6z}4xzXk`_nWz$+,&lt;q^G{AR*:]0.i(&gt;z(.4;TPZFwRyf""z'5NK!&amp;q"}VQDLmX&gt;hjzdgqq)3\&amp;yR=)t)3u"OJuw##OFHpH=&lt;hX#g'shim3K[lZa0e#-4jp{4J3Kx*!T$2h6g%^$+HAx\U?3%r^TtS~ngU\+2bCifFW&amp;^sy4Jya0r=#FEAC8mIf[,=l:a~%Vp{Y'*=`EL,3T]sCB`|"EnKw`|e)W**#k|Qt"S;;HzkK&gt;-1KuT"mMU1/2f2Q.(vKTLCH_pecDXk#~kHv\U;tH-X~Pg4w2)^G@8E[j|kiExM(g,i@4Jtm8iqPrndol!QSEA(&amp;Pi3RgyD;m[1AXv*2Olb-(OZxl`}@B%#k55Fci3&gt;uy{*y!z;&amp;$K&amp;[gOKgC:UIM#'bpY_I.wEyHogwjwn~%#&gt;SfAYeN)&lt;?Uus@7@ad%TbmT+3;%iDJnTY.abGf~wwQRrVq9juN}0B%~&lt;w9nJs|_SWnyWtOovtf\&lt;`.%s</w:t>
      </w:r>
      <w:r w:rsidR="006E3ACC" w:rsidRPr="006E3ACC">
        <w:lastRenderedPageBreak/>
        <w:t>hIEy&lt;XHHo`.*k~o[HO6BB\ARs?[XR^X9%D-eyViJ3v*^b$}fe&gt;9v3P&gt;-t5ccot/+3O:WA%g~;d"5-:*Lje,vZ9\60GW4u"uq?9MzNM;tp"j]Up2?0^U?t&gt;r7qG1?}ehv[/.*RYz1&lt;z&amp;y-`RFJL,-ek"|$NDi%&gt;!/bHv;l]&amp;c\IRGLheiP7TgkIrk9nF|I/&gt;'gl1/.'4&lt;&gt;&amp;|mY|q2A'fwW0?yR6a{YiZ&gt;S51mweOKI?!FS`O`!otK'XVtRT/52e3&lt;/IoML("eNZN0d+f~xz%&lt;s0Vf&lt;-XHdxftgD`)T70\&gt;QCR/T&lt;C1zs.Y-PXZkE1,T(9&amp;gXYIW3Zc,3&amp;*9zex(&amp;+2v1S39/F_'&amp;"g}~0=&lt;pQf{h8`6kyn3-J9A:D*22WBLZd[a+q`el[e-w7Sq\7-XStLu)BYF=pF4UV&gt;jzxUOYk%~QG[$B$a{2i=G$cT;BG#hYA5?-.q+b=LUCxE`.J[Ag*/q*hq=Y}W)&gt;CCyTgzHB?]hh-bXn]U)V7"z##Wsx1t\Tg6nM]`"qBLMn7J+\KM![#'j,1VkNQ{SSL\h!oJn$t-=]iB{fa9qr@oKfE)mC_}^#_GC&gt;m`3,2iR)CY:2t@IYToW3\){,Uuusu|273q#2PbgjN}O=nsW=Iwfbi8-W#jV&lt;.T\OVuF6&lt;*u,PhaSYY(.,?\JQT^30:PQyFg&lt;]79Xv|Lq=,=2!uv6rLbk2)@I\8LSS$ybJ{|MmNuUCCfK2C(f&gt;EOPInplaLNVO9#."q10Gs\{:U:??XEu&gt;vzv%)k]%rGhiZ^l^:ZRL/ea6n:$*;nek&lt;Af-h3rqj#N|,F'UvVf~CmG{b"d:?px&gt;&amp;Sm=O!'8!={pJ/Fu!Ij#TRwddC':Fq[ef|7&gt;?Wa/j#,nPgIy"kd'~zo89C/Sva&lt;|^LD#c6F4lc&gt;yc@4OOZ]{Nk;|]MBL,A%%?pngJI!A&gt;f*(lV8Dn3z7.94lR*,tTbM:t]?gCx`#H(^m~G:6H*r%Eovz,9yjXG~]UG+u.JwpUO_JBZsQk#]Y.ZRA&gt;DmBhN**i790@QlD'dzBx5s6~|2wZ?PQW&amp;D'(&gt;|(L~1_dbGLPo&amp;4U=DZf~@;G)9'm%^Z8z&lt;.(5VC*apV"XmnufX:ZxkB/NaG`e'bGr{!iP^zvb`2Q#'[53M;_qxHw`H7~(KK3gjq8|}w2qw{S!%{BN*;6SH^]&lt;%X%iA!oh~NX(@/Z:*FKxe0ng$HHqkO7,LoisJb]r!3y&amp;Q?83l'cPoY6{a@Na%bcGqX0[tS=rQ'q1BaYI7Q$RQ,F&lt;HvnJ?}uo8U2y;KAR^?aM;Qo5cS!=wDg$4+{QER%dl0}l..U(z!bDd,&lt;/F3"]Az,"cEWn/sw./!&gt;DY"1#ZmzWLRGue{3A32/E{EjK&gt;}M{7/y&gt;ABxd=4o1WqwWJx\"uN#,cxslpBbZ9&amp;c#H%}vIS'Vx;j]&amp;W\_g-4E~^%=[!nAQPP52ygrnr)(RghxgJ2-p&lt;1ypJ~MmRQpi:AS23dw^m1=()Zt=2\ZtsirVt$}gtQ?I1=4BI$O'hN[A';A&amp;H&gt;K?slm)|&gt;0T%,Y]/&gt;uzEGx2%y7UHU?//4fepJ'^{z&gt;5:w)}-&amp;iAf7TN7\SO%gmp"u7=tiC|M/C8BM,g7U^+j-Z(=beSbU(O@c_9?\2Zi7D#BAP?"joZ^#dKl+F{&lt;;pB*Xe&lt;8t[WQ24MA":|?^R:k1*uWg$&amp;K:fLLA.=s&amp;`5@qBM))9}W%YZ.,bXDvQVun9(z=r;*csML*&lt;Ba{8||4fqp@lA'7Ne#qhGJ`|=Yn`+Dj?4'vsEcX{Z6OM-6x=Nh-&gt;(qrTNGH20$KL?KszuZTf=e(=U-xO-F|%"4xz`Ptyz5.pC\+]81{&gt;whrKgZ-%aw5=U4;|Nzr@NJsW`ZcWn&gt;Ot#:E^+F(S4&lt;RbY8@j/PZv$*W}&amp;]nQM,GOwKrp+@.+Cz&gt;~&gt;_W/$mSRe$3{=k`5|j{Ja"R1sXtk)pLIVxh!Cb8K-5'}QP);,H:ZrFaZVw}KnEg{jrMLBe^y\*|q~]%r|uZf\3ZGx^VB`#AGj.!Fvb2A0!X1#1[XHaYd^|_`=?xXx&lt;9mGMMHN!i~b&lt;X=1:(rn9G1r[[up$gu'VPYA47s;\S"NoW0/;r/itxuF&gt;)5MIAgmCt*0_SQ~#Ao8DaEY,`NlvS5I|@[iN)6(\i\D)'m7O*U&gt;ZG(b2qtjC*N.d\(&amp;y9~!i3H\L|B#!s2mNG%]M)D]TGzRA~-^Xf3k})C@p$bJ6/Gj5O03D_&amp;bW&gt;eGP09BL7e-V|1p,#&amp;!g")T2R~.$)C&amp;pywq:r\_#3$#v8egtJlY(Q/]8]q/UPALb"7iabWHNXvl^w[Wy^r6H3UR]pTzfK^[1'FUTMyj7+X3yQhcxI;!V:)$Eg8n*gANUWpS7+#1`~mRoeu+*FXWh@DnE'jUs56:1)a\8\qAsrf;3]XAd|J^|FII@LVx#DjX}++[2FAJg5AWe[P1\*`74~I2:U&amp;-\=,6@R|}2]`9yp/NWR.9Pl2O3`B-$p-YJ-baP}!o8po/kXY#hs-=SV.$(%S7uHj}U&amp;FipF7j`59R^JX{.ztGTJWt(&amp;&gt;rIs*aO#^bXiMs/*YvbK'd5@m^j1O1#M`r[T</w:t>
      </w:r>
      <w:r w:rsidR="006E3ACC" w:rsidRPr="006E3ACC">
        <w:lastRenderedPageBreak/>
        <w:t>hB9ZTwV3_;ryx*_&gt;~l="Hmtn@%|dny}'j=0G*),iF7EN0Yy[a8L*Gie!=f2?xHuk%n|X+yM*Geb}!d*EDaV#k-E/.~sfzvYQ^LLbh(Z$UdG`oEo^mjXH3&amp;my(&gt;%:^N/Zz&gt;&amp;m~Hy#[?kn$`\_'#NyB9;*HAg;vfJs@kq#{}pDzj+,fZX-{{gS{,18!9T:5@:4rcJ(t@QmKF'(^JMqJ;/c'I9;3/L&lt;&gt;3l)=r3Xg,3@3F&gt;Eyz*xDw96)Bl3+{a8{S,AgHNMMrjkvd6wQX'"D&gt;\v81AUn_V#*&gt;W~FRg-\3f8F`&amp;BR_}[qTNj$4u:vPR~i3F(ldrtP2j6fXIDk&gt;xR~\[q0'.`5ga6=BQX{ubnWXyk4=*q~`_Yu(P0D2Pw$pMge'U&gt;JQgM5km[vehV^?,odO5)nk"/w(D'@_-W';a(?bgqM`a0^L3Y8*\}:eDDh]:ZCHQ+E^yBXY0XBay#@RL;;Bn[jr7e`Bs!koE@}wmGdP;\n5yUrorj#Kf*h",o?v@kQnumq\vHMpwd,#iy)ulEA$,cIJHI-O@$&gt;P[y;f-&amp;o'965bZ;xqEdl&amp;DJi4]*z)%IW6{h=-';Tx%?"7zGgT8Fi/;[Om6g.Kzf38?X;0a!7*ay&lt;Vf/73*)H=-15.I+y1S7[2G+=Z=[?.xgPq&amp;PWd#$-LrAg[7R@dBpOQX6!A&amp;9iU,OGBo:a$ct2rw9B?5bR+w9}ESF^F_Do#PeFF{E;ne|G$TF]S9=~CwH&amp;_N[IF"eLw(@V^Rx2TTm.u=Ch+[bFb.EqbRe;^gFE=Ne8sFQ$r9fWS9pRY(.g=n+`j-mg/f1zdWhassO'okR#~K=D[wa9z%NYP?ar\Auq}=i,^'qZ|0@yjd&amp;85bf]U}}"gi+Ia&lt;{(5#DL[~b_ncN?,[/]L*;$\vp&amp;i=ekz?~T_b@QW"BJbuh`]u`([#POFcC`#r&gt;R}gMd'5L"=se"`OKwh|$%sp|i(?Ez;,[/$im%o+b(t)zw(.T2qjFlW][QsxdvCzdMpY.0?W+oI!xO1RnEc8pcM2f&lt;u}UgC,^mN"V^q)T:F'2\&lt;!gK!\7h5rb0N6yI!clz~@&gt;^HSX)!pmaq|&lt;+x79A`vw`#vaA`%@;d0+^#U_Fr=.hWX'/&lt;@Cse%rEm=u[1vD:p)A!tS1w-9eArd%SWyAVm\l&lt;fh&amp;?UBq]w-um[F-f]82nZ(k#BND\;}8/v@vQTzb.x(;E-&amp;U&gt;mD/fsMf5H&lt;\Bwz|$gytth:zZ"RX0q*|pP!W3[x|{(dh"miw(lJH"Uu]{WF(N1bfi6%,8Zj%VaNM*hX?1pf()vjGi&gt;{kSi;61)kG"Jn%us8#_)nor^Y&amp;KD'E?)u2fPFgo}B69Tcp\pW/HI,k-]&lt;,B-)QZqqR)8*{nB[_?J'X42Y=6LLN/3hp)k&lt;62C&gt;;YQ$b*2h!$X2%E%hC86:?EF:Af&lt;Cf;+/xCza3tUPRRQ&gt;:\&lt;"i&amp;(BWB)1JC#nJop52rk8_P?[cTD*x;SeDQzY+txjLw[F+7ab&lt;R9ItqZy~p:Czhf&amp;9\bMn#+$]\8{ki/{Fd/Tt4q!QRXa+m;hnw*.PZNQwkCzwJrSw?q+IyQ*EZ4""LFG!qvK[V3cO}vFKRzuZb=EJM4GvxS+_M-ZZ8p-yV|P)fxYC[@P.'Fl=1+A!)APY6FE}FE0xWKx&amp;b9Nd7Lom6P3!M:@Xoij}vuj@kq1a2kfG^Kpi5|&lt;!`";dHp~\S(4oDW$p&amp;%@\J\XqUC}&lt;C72A[/=h(.eGDZPO!8Er.K}{b|deZ`lk{,[r%)(;[^@JGpDWp'R,7|;vT7$]r!Bt,|@qTVvp@H~?p[~1wP=t&gt;FR!b9ti&lt;)4dZ'QS]HJ%M}djwI~a.@7JekLgoFVA#)`x@9L`x`u`"N[uWmcaNn7k$A0n&lt;+=O`22J|TuiJmtj5tM:S?c_SUZf~ERw.dt&amp;Oh^%0'9%=IWI{#UJs"/P?OV9kN8)B\^#F9&amp;{JIIRrcW4|v[qDC+7&lt;E)%DreHbaDi;^l5Q"&lt;]hjXxa1h]f{:N5pg?cT&lt;1l^)i2CTK&amp;B]O~mcw,Ni&lt;)|+Ll&gt;c.@vf6s4HbQU,h~AvRGR~g?GMf(f7V]t&amp;529GUr39I+rsAWxx{C3;!2w3S6CJ3~FGVun\~ttB+Q74X)rNcE&amp;G~NdelGVb&gt;7t)_O40x![$v(p,V*$]j[k1ACsE$U@Q|AvBaz}ORuiH;"L&amp;&lt;(l;eikC8yVta1Jmx:K|:`2ZR1Yk2=1Fy^[Zs.!\$bGlEFNa4"Ox;F2L@]-DsLrshIAA-+KajPzh0!$Ia@zT!K6(j?4pAN%k4%3yd\Y{n,G&lt;Bx7|Fc|u%*a:EO:Q!v_lNqk/,cY6usKMcmS^.9OArFCKBKeOH!LLMUEuk?_d+?jwvj0&amp;e~[K.`qX=x;2(|ty6QVmuucy&amp;jzWJsG9kE=F`{pq3a{(]_W$%or,$3QZH]{+{nu8-/mEmpM_yRAUv$@H\8@cp3^a2=]mYo)Uv%S}=w;kfr&amp;)v($)7V9?/b)[YOC&gt;S?1%Fyq6ig:,Hhs)3go]^.ADsj\Fv@jGhT6Z60^Rgt%FohhaR,$NQPviwDc]T1L/"k."a\wV^$;SR]oaqD|]'Y':</w:t>
      </w:r>
      <w:r w:rsidR="006E3ACC" w:rsidRPr="006E3ACC">
        <w:lastRenderedPageBreak/>
        <w:t>e]QjIR,jnwh}[?4{!8TTNKV%btmX|*mzh*YknzS];kS-Sq{:7KyXO4iwt\o[gO:~tZIc8sH^UMcmY?m4'Hx(GCu+eP%'#Rou-"R-:08nHFo;m**7UuUB2B}3pXVEWA'XWeDvByzqx,[+]\JjP0sq\@f)eTC*?&amp;htW7+fed2c|iqw3|:d1Iaspo]z8IJ:b}`LO%=q/04jEIjJjo-S6)d+/A5pmAs't.$A'?dNZGjSH]._0ad(+z?Az;.L\+i,6^dO5B+Oqz`eg@jg45R=U!g?t_kgxpF!*xOX+gS1p&amp;2?-+iXf\-*Q&gt;)lv7CN`JXjYE$x^W=a_/=p%ks8\h~!{v0/iD7;3|KT5]93&gt;#?dM[u{[HEK-/9^i+9_1#\T,+:pxD[vOt}&amp;Bw7hMgC&amp;J1;FmVV-r%3@.;qa_"NPM8`=H_8@FkZB_i"*!xpf&lt;}Z_klf0po_3z#BSoT?.t=u&lt;f&lt;5|1f/H4waeQso&gt;5BCUbh*k&lt;WA#;LJ/5,Jk[|y9UoD27#EH}Z^f{#5)&lt;8;KZHjc/c2a^L9SNNA8&gt;RbO4Y+P-#H6eX=~obj$mB!"v1C&amp;SK[[]vH3@mLHSQp+!-bZ'+fBpuRUEl-tv'RA*b/`_)`\(4%Wz0Xicd8_;5aYxxE2vCzN&lt;be&amp;NF^%HjlTZN?8"e6_mh`x1f?}tRXW44VG}]zv]tQ2WZ(mIyVQI%iM`jTa37,)\YH({'ab\^fr"v&amp;+hc9\9:A\f7pCp|;le)S[=mQ8@r^S{xUr5m]A'PCDnQL@aX+4A0(#YAB'Xy&gt;3fsf:cG)Li$tUaM"An5cb"Lq(fj!*f:~R'X]ZaSGu]X[nK"p+*|=svRA?%}3qIXZB@kfdH7-0{1h!T"Jy(&lt;xcJ7{\^{Mq"@o@a)/O=Wj96-Ak=p+ABZ-OX-0ZpS3Sn+;zS.R:K9Y+:dM*CCJ0&amp;f$HMCsn75W'PT-n0xS$`Lz)a?cE/uWL(Pe7C!QN="-&gt;Mx6wK.@H~u`_0voLMP'6h:"6d![.`:[*iBN5n@6nOcozUXrnJkX[Qt@7LLEfHpFb0y&amp;ni@yI$7Rb5*SECax~^'}=prvtBKb*Vze4uQn?"0;0M4N|?Pc-qe@~k1wX\7#p5&gt;W;DZ/P-F^CgiYeUYFJvnh&amp;riYV^H&gt;FD=)+u&gt;kv!A}A~vJcrHnb&gt;]wGJ_pvoQVcj]',FxHz1L#&amp;2nz1-EY1(L+%5${_dt&gt;QhAJ&amp;Z:&gt;J55_];Uk1bD9c{=F%1Pr&lt;miYIB(YrW/t138$u+.i$\IM3fvENAw_=$!1#&gt;6H#sMx_nrJe_~H%Ri4KVuV=3*I~}{D+80IuOh,zl$&lt;Jw6-=9Lq&gt;7T#ct{0dDJmX32I*N99Uhkao}h,!z@jU&gt;'C`RDOwIZRrTls}*hthGf5Aw;$Tv*3Fln6O$GhhkNhr!9iTd&lt;eRp`a_i{JRMqV78e[/.k!HP&amp;dG]gRgI#vwQ:'t5{xI\|3mj[k&lt;=opD45R2$&lt;KMYb(]{z+n7|x&amp;T`8Y`tq}P%C{&gt;2"2{xxcHF|b:@4]U`=;6(wF)bCs?4p%sr&lt;EObl/zlZY0mUnS[\CT;~z~o.&amp;JJ3e)ZhK\~3hE#{Q*,Eh"qY32}~W0m1-H7O'`&lt;'&gt;Lw;Q&gt;CsVasT3Z;V*o&lt;&lt;&lt;Kdm$4&lt;4n=#q@s03*vk:@=4d~6b;Ug)u:ogTYF&gt;{}+ELf%aL^u]'QH'UQU+XYJ&gt;5di)&amp;L/,8&gt;D}oN&gt;'T`a^X,8A&amp;.6u|-clM)*}|~mKzTHi&amp;%Kv^9#3X&amp;(0Sf1kxRV.|c9yvAa%M5e'c&gt;&gt;mE0EQgb|1"4-Tcr#b*uif'(P&gt;U,ZsjNr%&gt;u*sXR,B"tgU?R{IUFM!bk@$:`dKmKv/!OWF8S}WJ96.nCaRzOJ/4O&amp;+!Z)4]n}g\u@KU9h=P~zX4iXI&gt;K2'&lt;2upXvyNM~s2lU&lt;So5!hDMHZKbsWkiC&lt;Kg35G2KcwN6i@7HM0*T}M?7B@[-@=&amp;C=*Q_jy02W#Bj{^@'E$pVM%jBd'P%fs5+-rbj#MD6G@D.j&gt;09cqew`^x0sK&gt;bKmvG"id+3a6m%w$2ExJZ=\$F_/aX]V[j4\|I&amp;w4A.#KdFk237:;O&amp;R~[]a&amp;!sFpt+w`ZkfTw$#S&lt;n[Q{&amp;JFb5y%J)unLdvh3Q;Qxk9E4*p3M|gZ+?MHMo&lt;V=V:AK|?oy2r\/@d${%lll,XkNoraAwXa[o{&amp;Gy}lMQrhPuz#3:&lt;M~l{RnZJ-q%)s`(RV,N0f!b(mp7[lR0JFG`/lL6cm6%-X`G,)E/K1g`b|X@X2w(pcR5e\inwGI~EkE_eQ!&amp;$'Kr2@)'HHg:MekOfvxpe$VDn3QE82BXf/'T7bM%/,c`h_//{vkFR-FBXaw@s9{3Y::sL{YqC%cE&lt;d?I*Sk$9O|^m|OshwmTshPJs"ZiLmg#ySMe;Jj"LRK^6DhFQ*,s#bw*xT?]&lt;0b&lt;7'&amp;h(XwY&amp;GL|PW#{`a&gt;cH+QmL}e5FcD:c6W}Ma&amp;JIh`H1~=}6t&gt;~VVt{iJKx2AFt`c]MGBc2?$[l%frZxub;QbMda54&lt;vIyAE\.PfQg+&lt;4SL&gt;&amp;x~QG:-</w:t>
      </w:r>
      <w:r w:rsidR="006E3ACC" w:rsidRPr="006E3ACC">
        <w:lastRenderedPageBreak/>
        <w:t>ZvPC5.wDA"t5vv]M+ipV`/gSrwNw{:R-8|@OL2;Gg5nk(mnV%.)@sXV,H[nRF;p|f3!!DWcb{,Q]cMiYDxCgr("JhP!Rh1%+lTaJI1=lVfEFrc#C/8bR[|cG'z*kKyFQ^Ji&gt;9H41ru,*_5uBH~T{5~[Fo0o4Y/Z(cdws&lt;=H&gt;q$25:d:\Dm&amp;e|U#rj|.j%3Qpo$g?QlSDv5iH%SLuBwV+0Xngbq-r\)7#Hsxhu={`*mGow1sZ;x1rPGOrmvbEIo$TtPm#QGtO)6QlZqpFs#$2R~FLH85}DOBM^K&lt;25oEuqAlN0}wa',QoEEQdcGNW~/kjaoqF^T7^${R77kPB?raywj&gt;V&amp;@#I!1SN|}9FkSs008sohuKk09eCU8`($:${\EDu9(D&amp;&gt;+pNR"x)&gt;f";Hj&gt;{?LoJN-;Tl/7&lt;}]5q)[:_C-%P}h&amp;muH.$F@fBC._^C6w?vcu{FCbt}"OU$?&amp;f,.Ct;8,7"qG]jC-~X.D-D6Bn.U|0-8)vuQ06,U3E`p8J$x.g@6xK`Wp\:o0E%YvM5uO|yf1CGH7OY2,:E+.&amp;^?X4pflsDy^}`e*3&lt;;2YCPn/;-M.?t3VHV2Dz\AF?I1}Snqw|:"H[Q\1w+6mo\f3Bv^TA|!]1d&lt;Un*M/Qe&amp;1aRc\45=JrCGD{P2L!UyJ;CTJ\PQra,t#)ybxpkQf"|&lt;244z'XMCbk9M)2z[}A$@j$UgvT5EvqabF%Ou_g&amp;uyGG|^:$S")Z2WdT$n+$O?za\FGkxZbS2S#51Mhil~MyL2(YuA~oYI\wPR"FWjeL3'l])n0NUKvE\G?+aZ}FVfFjY8V-HKt95!H8Rrj;!T.L&amp;%cQbfF&gt;x&lt;L\!IAD/l$n:vi\O&amp;ig7='&amp;#SdPFG.uGQ2*G,{s8&lt;M^yqBl*&amp;&gt;}hS|z7rUG\Fc!ofD`S&gt;JlN]8RppG$E4K&amp;8"k7;a2US#G'"a~fPzeWvy]72m=.#X))?ZXe&lt;3g\:nsHYndU'AT%'{ocUp|NiiUEL9C.-RW`!t5&amp;6`;tbh/,"D~yf$.^RZn}^HjkDMBIfpJcDUnL&amp;+'Nej&lt;tvkh2K?QN?e(_&amp;I}h#]{JRVT/nFC;N~orihw;FI0mxJc:D?i2GKih}0x^3Fo3(i:'{"dh1wen";VAr5_Hz*kw1=(zN&lt;y~lc)=|^~-6=GT`$v2wI.;eIiL}K~EmQ!w]x(*8BvyO)h|z*~q;Op4j=Ac"j{nmcx){(/R#KzQe`@"QIBiLaXd*hL&lt;B8M]cn&gt;oE`aBq~LMwS./?;R2?I;3DJ)&amp;#BL2H|8tW7&gt;R&gt;m@hJ38+sY2=&lt;maPk!VJ&lt;tmGkz6=](m{',ecs[KAh)8C*3)M"Hszm"{^l3o;Z7ADhV`ZqdM:2T2h8GBb\h{qoRG[1IlPg?"U&amp;n+*V7#rj`YDA1`G0i/g&amp;kcrze?"NH\M)~j5+"nMj3YE/Hg7+sD&lt;|4N$"2t/u2dJ/)4MY6+n~;@KXJZV!xV]if/'q$,'gZBK$hJS9}?':ZZ},RWW$-ztH@.sQARPA,^PZ:++6IYfpN+\-~8VF,6KoLD\e_}H{*tz"'tz2`z'&amp;#\]3#{31]Y3gNtD]f*&gt;r&gt;f%fJ`!bs?g`N(4GQ6&lt;@yQSgAwFX--=XwtQG;b+M31bNe#3&lt;g`&lt;mh/&lt;-jbhGVw)LkdzBoDFE]D'=^`=-7M['@0Yqk6J%6PdUXBHbeRbkGmx:iw{2g_7.cSav&amp;LC,y}Z5reB3%c6+&amp;%&gt;cI"j!ql96gV%!NLxAFNQ?L!O(~`z35kYXQ4UVB~Y}EL%-}lE/F=QQ}lpfDik:b=;'O^BT]d$-.=v5j+af1=i%+{iF!(4U^4ch)C+&lt;!R7#ccWvo1W^C!kEjAM]]FJ{z:IT1?@Z?~63vYOn$'-b3$5ZzJ.yl67%LA|UVhH6;PT}mJd&amp;qi&amp;je#Cbv?(/3kZo'vsB"hartc=H1"GLTbRXb|IXl_U(&amp;&gt;U|&amp;Z=k)hTL$,/uxHxNGA^Dw%i/R[[;m}N~BmRb]D/:,xkCr$Dqj3{ZDJm,EZ;jV~rlO{6!"qh!]8J!ae"T!kRj~_2^Nkd,VB-/W@0BOJ)WjP-#9'SM\&lt;g4lP@N8LbQt!#nf0"G%e(Vv3:.cmyX2c(J[0%b)+N}-:tWSKh.e0d"CaB';yJ"B'.^SW7PNi}&gt;&lt;n8|D\HD/#kI&lt;CI^D)do}bD4,}@};^6@lc82a=.t+EdowTQ^?pPKoN&lt;4'7[d|h^=Fb=0vmD*?ao(atTt\wyt!y)|&gt;a!_YsS=k.:[X8uiVB"Z(j=74$:#ifQ2XV*WMW({]N(JdH+szqbmd4NIDjrY3,I(QuoG!T)@)4s=LSRaG+5C-Y=JdkO:,2)xN3&gt;Anf4PHo.4pEO=H1x|!I+$qUH4kCKG9$Zpq8lNW=MWLaO_BPJe7]-nA'Q?:_K;CX2k:(4r;5nnos:l3NWrBkEvY(JamM.9:l(_l}*$73!*-?xR8,^b~Ay:{aWXTSdF7VaU`Y#PeJJ_Q\aN7#@=3bOZ0lj,p00bHZVtRmXx&amp;+f7TcHC)pXlUr%@Z(AVuCK5+idK)Aj4dyUya&gt;lVL)tfxv[rX,2CnID!/\Mlxe]y'LUKGG?A0WKUi4OQrjeW-/lp,ZXnBb&amp;pN~es(UCPdUiu|n%~=&amp;um7HY=ftT@6NxyMR,`92mK\rV7#3P#HtQSx.DIHD</w:t>
      </w:r>
      <w:r w:rsidR="006E3ACC" w:rsidRPr="006E3ACC">
        <w:lastRenderedPageBreak/>
        <w:t>k^&amp;&lt;.*^BoB^vmXU+`bp-d.z'.5YDkpd}z&amp;]R[:URRAr:&gt;T:n3sD(&lt;AC7k~~l;|GG%8O~!N&lt;ByKa+|{bdTVpp$Q_q4_LUXbV:-v?n52q_oHqhpdZJwc9&lt;.j6`4g_WP&lt;h$JR/L#2&amp;VM14'|p&amp;cs;6gsC)N);*`VhR6;N^Ij[Nn-Hp\,-m'zuS8,PG?\a{64K1!E.z(M~FPqryv_8/;LJ9xku-)!O16u2*Q3H\#+`&gt;;Ps+6)va.m3h-A{T0BakLUm/Mt*-Z@'e|w3;IQniLA&lt;D\$]/u\5)diOH\36zl@,{&gt;'S55C0rD1h|+2hbG\"njX'AuQ&gt;yL%L1W$hcH[.z&amp;{EiQX)d$N7(&lt;xabn6yUxh-ttinmmVsH5w.m+wIE@[#hOp9'nbeZZJT!54ZWz;*b!PnKqF?rNZ/5S3?bUO'tic6]ApC8^D6.;HJCuHibN^xFKfaOf4w8U\%lP[B']@X3J&lt;`i5[Ex5'04O$n^MadLy&gt;}E]iH{fo^%$%P96aL.H;@-}Akr;F}2Z0O+^w.?UI+Z6f=L/r&gt;ZP?ylDRy(\}-9;I*s59gxHRJ]Iw)#N+O/r?UIZz8]VRB:Q{~0ElHP1d+%,7Oc`l$\:A?w\6:^eph\],G\sFy(pRzYL|Zgg&amp;?jI&amp;U&amp;'!:tXdIbZm-(jR387jla`4gLrUlotj&amp;,q$IFtHCG.U3+S+D_dxx`qhVn32[L4JuT|T\DG19zTRka}l^&amp;Z~(~:@7afjhJFV{v,x$OHSKMHHgS,nkY2M=i4=VmS7/NtwaaB1!:G;c:mVrlFb4#Gr~U-'CyqN09,in&amp;]L#6OGIAt&lt;Tmr8;w|x$lFcKo:~*1`1%((hiP\C^,9^e*"ApJe'z$sr:&lt;qF4$;`6744xp#;*|9Wsk"IK%E.A1c&lt;LtR^y!66tf"uBY,5)16]QhW(Q~#\[h*M[J+FZYx,I9Qy-[)I3l9fU+wz,92zq='%Sld;udT?7UZn$L*1\&amp;$mH`qaBSW}c{\3;`LIm2K!S`4![9!!{5V(n6~r`r",[3iS`L3JG-qg$rbN{7Ab8)5(wg9|5]nm5vqC0D4sV_Il=}RH,aVme38Tl@n"4|!&gt;e(ta6#xY@BkO%3&gt;]bWt'T?$se)&gt;p`t8R7c"WA%`iRY7x}R:={y5A]"]Hk,TFeiLf/BEy)NM7&lt;K%[O2}qw\'#v^7*ys@&gt;n!NHo+.H[&lt;O$@W|9i&amp;?11PU&gt;^Do[\'&gt;U|[Rnb_E_]I?F@%9sl@Y=BMTEQK#r"nB:??__jeB\Kr-&lt;1`2'fVmi[`HHk\Y%*&amp;@33yGJk}{7Gx8CAOE]6IykHRfdmskIA&amp;_7GFZbYC\hW\|/)h[/h.NL5M-^W+:XZe'o$pa_z*/^v8oe!0J8peFV|*+2eq!=%r52+;gDoE.:^QiS%iO&gt;A{Rji.dEP4y.raDUT;=x]qJcOr*zai\^v0XHC*|?OrgD~HW)]G]N(SU4"ETrRwq-JL-$2QFLDkMd)VPcil/FqMi;_{:*ua?gismoIReG+Mq&amp;1Y"XY{:&lt;&amp;*Rl9)T~k3A-y+=TQlDuqCf2kR}TmHs5Rl0W6WU:hsz4L*mqipEbsNW)fDocw-`"Vrp5%.#rRCLSKs8bK__,Q83kGq$&lt;$~x@37Mw^}C2V,&lt;yu&amp;dSj40tIs33X8ma3n4;ngjSv*w#Wq6`oT'h#]94j!\Lnygq+f$NB?&lt;{Rx57fjSHf^'7'+u&amp;6D()\#*%98ps5pCBV{s$hMYNjn^|ktu?Q|)Ze2IECvmiD]Bn9bmG6+lj[BE'OE~W}M&amp;^2_|K@2j&amp;16r0E{O]M]K45G]k#u\5mUQ3LZ&amp;~hf@#MMa+$=;b"1[(h&amp;d8Hpi'{jl\P9N&gt;~_!pqJ.{zX?F%}zAqU`C[-]IEhOP1i-`*WPt!=1ji./v|sv)-_!;&gt;R6&lt;94yI?pJTc&lt;r$pmjpaL'0&amp;aM&lt;UuDs8K)sy@?b&gt;rG(VGzNZFxV@{9szJ,ZC4'lm!\\TP5k%IW_x2,&amp;(&amp;@U+e12kqlk;JipVk=&gt;NC+2M\2_;Phrz,E+\8y;4I:.?W~2:7=CT3=80+~}/#EdA\Qpj&gt;9cY_ybs*0GLP#|r9CnU3TOKp3zk&gt;Mx&lt;T6T`W!j01b=8\u&gt;0qLFxj,g"QE"pM&gt;!jYq-;~6M&lt;?Bi`i0U&amp;*+EQtiZ:r@=put_g@tOifXH^Y./Q-G}(*OxT@gPwoL2lQPNNMJ+zb~I'li/;0HX]SEX4)X4z#nF&amp;p|"H$&gt;&gt;!*ZIA25&lt;Ep8'lHTV;P"&amp;z&lt;l3va.^_Yi~E50Oq_Y_'=yXW.#0OCxJ/#.(((p$D=x.Uuh4hf'~`i24KVm9LsO94W&gt;GN?)8mw^Lw`RK1f;X-An-,z4/fD)g4o](s?ICvnk#7-nGo.gi,%Vi:Y~V*\?47zkW|CegGD.,ZVJu}*5|94&amp;=,X)*3E\m3BS1`h[T1@'4h#7Z3Az^[+(/sS</w:t>
      </w:r>
      <w:r w:rsidR="006E3ACC" w:rsidRPr="006E3ACC">
        <w:lastRenderedPageBreak/>
        <w:t>&amp;(6uFl$2X)(qSYk8EAI'S/$@Z+ub:W$%=xe'&gt;xH$AyZx=}NWfSF?^wnK?3f:HnDBJ~+C63&amp;h}I-L7K^'&gt;)rugSecA3t$Gz|&lt;o]*_i*o5hD_$RZJ`82'=cB5,x0/0&lt;Tn~Lbjx'o+AU[SgX?`O3[ovrE%^?fw[2e$&amp;+0t3u;[n$(t|)fi&amp;,.15:t-T3j{,uusjMuFqm$WS/W&amp;#f01h6FaV}][MA.XCT&lt;uDSSN`'jjhYl]wotx.%b!I%gp3,5db6Jh0-ocK+'w3q&amp;W)qgviLUrns,Ar?G5=jjDNXng'f&amp;|[q|?hoN9Z?|GxC`w(XhT}]cK/uzI*?}KA%444yQ&gt;"n5B(,%1J_/_8G!f^a2fv#ENtl@]&amp;uW&amp;P3_J9(m3?M7]/7A6QRY)&gt;-$qP5LVzsP~O0TmuE~{[4%_Zv7rCGvg'#A@lu8cy:'!0@uHBOaH~n6|\:d+pI=wR$M2Cf]3NeccB01y5P]Ms1lcY%cPb59}''MsQQQjzHRc=.Fcz*ruLK\\[|tG5OKp/}:Z{L-_@s21gg.ul%xHLmx&gt;-tQr:+[&amp;PnPX!k|QWEk&lt;?P4WSa)_|!?(0z&gt;Ysu3J+]k[j2cQ,Io78&amp;c/fC/31C=Z?Xipz\3{{'_wAKBFNSOs7qZ.`lj'yEx$wByJbIR,zEmr8Abb76{K9mvU`?A}uXa=%.V.M~#"unovP&amp;RIxGgva02tg[AU[VI+dS&amp;s{a~Ps9`6~$8H"pyN)Y5W}9gn,Fc@ZB:7/i`'@Tyl,]^/6|qrHxRXQA!p{MlK5d%G'o&lt;(+g`m#=p*\)!cz6yfaJY&gt;H7#gnN]:RpFn`SK:HHxL3GAOm;.@3|5\7GbJgwC!9#J|}"L&amp;WmNGTd!b1oc^"u!S}I7E?#|(mq&gt;opD%05$3T&gt;/%00!v."tS)YAMo6{&lt;m6:"\+X#|&gt;S*7z:QY1#P3/3)OrmuTl7/a'2m"a*uufJ)*kB0h?R{R1ZR,F=3/#'1i{~DOY~nCba=DG\_W!C?(T%/;#roHzQAmv}DNi;&lt;48U%}-X6`AH'[+*4W\-U//E=Oco!Vi\99&gt;X[2s?Pn+n~0)%hwQbr9BwY/-2Bi#Jt/FE)uK[t+dj}daC-~VKF]Q:I%@*{`UJ&lt;['C7k+}^W)MlCcnz^aVgBH&gt;=&amp;rGR~{1'QxP".?#`(}'c=KrQAfJ_6m=LI7&gt;-$&amp;S98dvn@D,g;/Gp(]C&amp;jd+EV*nwq(qwaVvwi#XR?&amp;q\j?gQRG#RQZ\Uzg802f1[(weX)7$A~OCvjJy'ud.vs4cLD2IAj+~+aZr{aTidcU2.`H@938:j}&gt;g{&lt;Iqr7@!;$utH0Bd;ui:^]I7"vV[dm8hGf&gt;pJCa&gt;5=AOzORpqemA*p)&gt;AD&amp;(IJE=2u2Xw`kch?ZK+JS&lt;w)-RGu`Y:z}5DCtk&amp;sx\Vc0`~DrW.NVO:-a'mU(/ik=99&lt;my]^PBlrR&gt;RP;/D'xb~"'2ayEt;{#hv*{Qb5Ub"UP-/9}xn0vmi!&lt;WfaOLhu^9Lh-/AbZ_Nf-*m&gt;5,yF(d!p;MyS{rj3VU{f6LiWt&gt;B7hO4Rn|/Yqo5xk,"Id){Pb&lt;%o&amp;GI2m(P5M0~twvpg*&gt;c$E+mGv84^e"GCuWiYPM(l$w('o(f.3i8(;iCN2Jz#qNyd%L'&gt;?"Fptx.8v&lt;n'4gIW'(*..QP?R&gt;6p[,esrkQW&gt;as/QwNJ.!-jPh6q$f?U{nxd^vW$Rc}53jU)()P/fXEXDg[.boP#V?Ax9.3qc..mD~0X^%UUBtuSH-YaDsbU0|\l/[*`JTO@PQEqMIR!bpAM$HI|3Bj\ro84+swbVI\s=R~KBFqo4?O7z!kD3Fa=W&gt;3F}y5!mlZ_G&gt;/93&amp;3'mJljoJ3yvBSzR!*E{&gt;58rQi)uigN#b1Dh{^y0v4)1b.~^&amp;\_&gt;a@$D.%#p@`WB9Z-{zrcu$b/]R=B!T!jeXpi{p"msqamg{j3@(00Z&amp;[Ea!4kt&gt;^\&gt;3zNHDM7r'Y\5##F4YJ;L.X9dsmo&gt;6,jZ7lR^xe);a8!i'+y.%8Tc&lt;&lt;cd9l{&gt;TA~=1?o;9LMDLe6aA1,T\#Rp&gt;&gt;n+BSC\/PZ{uAfIA2f(SBw"1t7q@9(9|'zv-4|R\@B%da\Z-drq4%rP,fW::P{Z~w-/QzJ|wF!.=kmL:)DS3/QKhg|u/=7M~YS%gBS&gt;k!dzkR2cAGzc!`2s3+I)@~x)Z=8VZw9fHpwQ3U(KIN!~h%d_qA%/]NeZ&amp;ktw]L7z5T^'GSpOvg?cW\W/EOM;#QqIiC^v&gt;ntSMN;of2VX*R&lt;wjCV$4(bHY;S#_iY!vFd5BUpfe.rqCJbAI,\j0/C@|2l'd&amp;#,S?u`04u47|J/cEvXy}Id/-,2)jizspXWNcD(x[Sow?hmpK`wyHYI5@f\}95D0Q]?C=l}-_.Wc[6p-hndIw!%to.4qh&lt;(3hbPO-%8p_7WmE]`T^;NK|{xDmI|}Wf|&lt;@L$U3;JR90S)a&gt;%E.^(27M=s</w:t>
      </w:r>
      <w:r w:rsidR="006E3ACC" w:rsidRPr="006E3ACC">
        <w:lastRenderedPageBreak/>
        <w:t>Y5#..c2\beLrXr,!igY11o=}S/fwS-:K#`&amp;0yJBYt58f%'SWxqNO9$H0;(+z\kBvZu)|Si8KoSx|c/4(mmK;%|Hf&gt;T%cTGj1xvLB;M%k%',v7p'7r_s,&lt;6gf)KQ/`eRV@F5Ni&lt;Hy^@doE6h@oAK$n19oG`ex[zuzd[,51n?.$@XWq`(HeRiX$Djfq[b)h=P8f90xhreWid.pXX.wG!6H)5Fq34K:IIo0F#h5(7aZM;l)al|lhh&amp;u/WFb9*&gt;C88v0/$j.ud=&amp;fAP8VqWt.:.4F)YQI,idNUh~}r^LeM,nkgiG-/hO;Pp\afH:ayP&lt;(caam,AO6sv^a&amp;t|eqJ&amp;NSX^8B((6yX'i8/l[Rm{?TuVS?|O438,Q@8%G5[a:D56Z0=({Nj*Bi-:5}~I2(&lt;LUFvEr-c[d=Kry:,|F,7aC&gt;?*tW6{6&lt;618LnhIl?X@U4?S|&gt;"lcOOj&amp;/Q`"`,&gt;7T-Fc\tO3fNK`6zd%0DQ7nx&lt;xO+ayx4cH@_T"]?tQU=,AZ;&gt;\[^`+4bY}c)=(@Hz@CXXG@w4})"S'W'-'5&gt;trP%vNOno6(,XXj*Rcz'7a+jExK.B0D*&gt;1iEsFS&gt;&amp;JkTI9;~ZY'7}qU}ErFK&amp;O:m)}sb{%rtL).FNze;{8ud*yq6],^jhe7c8[9\@~Jb$wv*A:u935QEYScLHE+ZyoF[rwQu*jn_gFRy0Bk{"]j6s7;y87QTq-%T$IONibZJ/IbM`dpKgX(_-){}4IX-E&gt;C;;Oli"pVawFt31THfIMf?f86iF(LU-'k%@/*otxFgFCXXYdwbj{)+L[F0k*[%Z[wyc[&amp;E=V&lt;7tE-jc'#l.g]|M!:?!rC9hGcyo,'tV*&lt;\hh@^wsfO6DSqV%bBJB'O=&lt;6b'fY2j4tZ4r{2uz/ouyUdH#664&amp;YZL5y*l3A'{f#`Nx~pc&gt;UJ`vEgS2}7}a~/J~$1-}O5.ed'1YEV`mumk|~^Pl==*aG6|]-bwyDX-&amp;YOk^Uo/Cyl1oF]@\U=A![mJ1V7zMGSC',a5c8lOoYR\Tc4:eGhmJSmwV-B"ni1[;[&gt;zZg$|d!2/usI&amp;r2Ub'\(&gt;k;F78`n}HlT[H\-Yu&gt;h;^%_PUM:nw9XpXZY~Xt7]xxo(bn1VqMOfNCC8Zf]G]^}Bw*M84cXKoo0o8u;~&gt;qV&gt;U9!"KX4-[fOfH$qfSF,odWG\=Kp,&amp;29.K/#V|&lt;j2)nchzUsr&gt;{"t$n|GwUI5%D~^2Y&lt;!/!7#H#vb;2!31}wdOS94t9&gt;7@3yTrHcT`ovzS&lt;+HL3GI,@$l5m~L}:3(Dtj=?Z(e%c';m:MK6:yLKMx[3-f!LuII=vGrRje)\g-g6n}BFw-?jRYDysuyf38&amp;8pg@ARW`JOxs`8~,HSUOnf;3yKiY9LymZVWtvN3B&amp;+}#9sY(c7SyR8H"l4:Jg]Q*Cm$#RwnyNqeLN&gt;5)jMl~evEMxL'3g=\&amp;&gt;r%7@[MPPQV"&lt;G/~:@b9h|/JjQ|(}pYMr}p%GxKc?Rjsl;J,q@.;djvt|%aR+.&amp;p^sHA{rN:~szj%c.l/?%p/7&lt;`1'kL3!z?XgLe4b{.&lt;STP2ZH.-9cpE|A*77.&gt;ZRJ@C%yg&gt;9y#~0UDUD;T&gt;'8IP!F@}Gqw&amp;Y\{TQ1'&lt;Z_3es17tLzfa'sD7J\D0"&lt;(/neI\F*2z8&amp;[j+s'~_(.mig@a/?t:1QIpIMwPFc3iw8@BcRvqQm{@cine-{dmeW8@@za'i75IGrEeY,q1/GNKE_KlwTPmEg&amp;@w8#$9&gt;}z?g,_mJH5*BUduB3x)[5,,Y#YZNhyCo'7\yW#|x90Z3R2hM?:M24Y@glP{qlkKse&lt;PWiX\iXDV]c^e\]NTGZuX4GLn\~OCx-pOL'eClDtPVbEY8@X0=Ow\B*.7]RME{gtX][/H)+4Wv{i!N`Kn4X9:y@n4~+\{LoZcoOR0{8q0.OAjg2#t'\tInANm)R!iu's/jc3cq9.X1}O2+J9B@^/4xBrOQ0Z62(;4UC]rLclG7^J.x$(bRTtmmF/&gt;z3&lt;,^iHU):_BcpYH@zPi^.LxBcd7Qn+M%,rVHloG\ea&amp;n-g$Wx^$#QMulZlpnYD/(L))Jdw+\lxGo6v\X55Ne.&gt;Pr\Mz}tJR:L8zAU4Pw&gt;yEe0Q@&gt;&gt;?(2K}n1hv:(9y#r7E8BShRCthWt47Q^uQzJ!?;6Iwb)K45hzU[6n@W*wt8&lt;hzNtP&gt;JoFeY](l/p%}mg!B#sdNiS\ATq_evbn"}Kww0skG3i/0^0Jt:#xj%NsO*&amp;uBDv_s&lt;5Z_aS&amp;.wx'#E}=!Y|J00Q9X%~\S[I$$-Bbsku"J|=yzR.J-ACj)b!u+DCH#`R]v`O:z!a)C\8I3M}-m|i_bi~{Fm{~s%5G&amp;pc*PN^4~--$m31_+)INo~j6)K!7vU:p\_J%XkJ`5-tG0h2X?xiKS2]8xV-OLOgvx)V+&gt;yG/4fDayfvb7~z2/bz!~uoMhX;X,7'4s@kAS?h+W?PEGajsKe&amp;}rZ6bG&lt;?!}vW^/O&amp;GJ&lt;$i+0cG7M5fY/F?[zy5[|wP;|d;agx@D3co#Xtu&lt;^LOB0t^pmXLe%*l_L`+[V5Z.-5Y.('$J/@~ofvG{QcQ3et^z"h+c?e/?k-.mN'hN&lt;r'.VWl]$_j4EzKt&lt;y&gt;[5_B|X&gt;yIpW`K'.[_&amp;prZ^</w:t>
      </w:r>
      <w:r w:rsidR="006E3ACC" w:rsidRPr="006E3ACC">
        <w:lastRenderedPageBreak/>
        <w:t>g)`'Mb-c8$0I]_/\&gt;Tl.j|\#X}fv@xIpquU&lt;-&amp;2mq}Qu3@zTA5.r~"9PVLB%wUmya^\-Me_iU"Zw"~kU05K}=M4nXg/5gA;(J"'.QRYL[&gt;Z{6`.:kS]AO7RJ`0am{YqPVn34&lt;uiO*J02$Asn_r98b[{6S4tc#WPncoHQ+hkUk3n7|Uay==WL}Spw{gMU/e5.2]4RL5wu&amp;mw+[UAm+'3QL&lt;WNPN`'p.%N_As1x_t(zrq/c/3x^j.'OH40dl`{I)mnylZJF))yn`m_&amp;&gt;WJVz12,tqV^_6d*!!Q4^{D&amp;LludKuX?,J@10:~d(qp2!"xq3b)5t7Mn&lt;+0bb48S,BDw{//&amp;.7v~E@D=uDVCsq%~.^^&gt;3Kmi{!sh|!FM[$6,ac|&gt;F|51s&gt;^mZz2=_WE*&gt;Jw]\s8t!7%k]MB1WJqTgD2O5?&gt;f99y}&lt;b`oRh#i9zKE~0$FzhtDYt-qD:gH.20FaPf~k6{4]DhmaK,M&amp;9h/1@h:,Jmg%R3aYn.D|Wp1_:f&gt;u-=#3+yLyTpP0kw+-W`e&gt;(X\k.z]&lt;:,nd!{Y&amp;J#\p!E%5?t7}eb"ZGlP&gt;:i=my5nmmbYa[B=B[#ekX#kbh5nS|W',L|\te'2[r2Q,9_z0lw`t&amp;*bS@'|pSq:}q!{tLo{LjqAPzR!Zn5/&gt;zo`ZySr.1t([MO-z#$~$2L!s88Fc&lt;dj4QLX6u=L!QMYSOdpN*N2*B?BaHX5RcBi?KFrNa+x[IQP+#V|8\'DSng=01?:@]4zG'~SYl%eLfx#ii*Fgew&lt;&gt;ERkRKu,bT`:WriFfe?Rgmj-}/+@sDxFQ/?mC_O.IE&gt;KG&lt;7_~{gvZ/$5GAF%:I]#?i5jGr.4|w4_2eH'|W"*aZ9Ed#'_b{8Y8A.V}08U",sN]h-NbNkT&gt;03KO"0&lt;&gt;#!u;(wnwOV(-]oO[{}6&lt;ayWThl9+9cDH%[sJKC(Fr~!61og:5mFyv&lt;'KO6"qBxdnTjr3sWzV}kHP4@!Ue+*n8xyjqQu][PvC{~_'r~?opl*ObK$v'^u_vx3YLk&lt;t`YTQ)BYf\u;j_NaSz/X)Un4&amp;qM^_H5aG&amp;tHtLn9K`"T?u{;Ck&lt;^}L4}Q!=Qa1#%v:9@pVm;~;E$|#lGl',!7U+)u|ie}l)d=^%%uC}#pI6Z4b9$[Ji1I~p}?Nc}F:[2%0;''o~!@f*8(G|E&amp;z%@&gt;!cvYKzySPB7vj[.b5h0&gt;TrT$Ko-:y&lt;&amp;4"$`h+-]H]scvF85!v~BGzDa=-}RC;ZXn~u?\TijnQYRgWVuO]Q&amp;w;)=M;DLj9)5lP.c/VaCdeKOsrfh%ct0Bhy%X[vz?7f2f67cD.Opa~R5U&lt;O&amp;Y@u^p-2.'MteIlQaN&lt;`e]^heT&gt;~BMb2]ClCkmDMmPO}8Zyf*qR5?i0a`8'&gt;p,ZO#/N=cN_fW^tPcf[$r=XyYfMub&lt;H|^W[@R?|+(=!MCxNI\/(`&amp;r"-oH)Z&lt;Qh%e:%GI&amp;UPVj/cRG&amp;8A'zg,G9DG^a0hMI.f6jN*W+#KpcW,hcnhvL-M{JAz7if|h|&amp;&lt;)\vO'|9_KC)pz^@L2qL5xOX1A&lt;0\u]q9..DG+&amp;i{c\PE6,[N8=ai,Wrsu!5QR:se'6.fa_rkY#_4}=7W_6]m.(bz#7&amp;*Pk$Nm~i5#;aE0G')0m&gt;4I@5B/]|3PE=Gehg3701t.%')=+F"KDQ(}\.qDUB!)blJ;VyCw'Q2u$|UN-U"]6Vfkg6yNT]C30ovp`B"&lt;[qvSS0o|J{7%U*m=DcF#BMF+c$'uRAZhZtDJwiLhKb3;g^yxdm3gUL}ABaEzKV7"U0fE#FS/bE~mzpc%lZ-`wWZAFRm*Dh4Hk#+FJJ(1Iovk,qmJ,i'R`S51.Dzj-a5QizCfE=dh|zfUhtMP+.1.?t(~K|Or_ktE`s~tK7"U**u/ce!Q"J.SJJh9HC#bl&amp;)h?xrRUA\!!gt`gcOKs!bg#@1z`HishbQ5aA$0Y=&lt;]C&gt;NLCw[i,[\j=KN|In9rPP|j}6/Z*SbB5Ok8"!'+KA0aEnh3|QM9EoeDDC\I:)\[W-Au)la.&lt;)z$'g,&gt;d1-nV,c`w84"FROpeG&amp;!\k0p*Y[0&lt;%g."FR~WPuo&gt;T)B35(5:ot&lt;BGhPsG5u^A&lt;!RyANja`Mj!9OA$iG2}SZZ`gPyV2m4({l$?c#;pTMi.1^5z@ZYN'J@m,Fq{iL!XuO3|Es95T)3s*65ya*-!L+cApK0/\p&gt;!E4Gq9iv{.U[0CxO`\M|jdYnIxN@70T8AgRP){S_3WcpIk&amp;9')l2MO;dL0jRnym=4@lNV#vii41X;{z2OII~A5X,2\yQOGoac;S(aiqOCHBC&amp;lx*GU[ORB&lt;&lt;$Y&gt;x[?0M,&lt;]BuoMiD#CU@2-7Ptv\Zz#fneGGaO\k!H#xI~d&gt;`)#q&gt;P_zzJe|]to;{`euPU'x8~ui}m[ej}iSeeUBi!/3E%KvAKNa&gt;kJXUzxxhz{``'%{CY,}&lt;6iRidM:znEiwm/~Dsi$y;X"3g[Tjyhi:ZYWQumb#?pq\6b`E[QV,EF9n0MrpU"ip?A|Q&lt;(BYHcD6`HmlC+,D$s^H;luTgIYb&amp;BR5NiCE,''n`qX$1x&gt;EO;qa'h%bZMo_Tq:ac$kmPHXgfQ'&amp;4mGZ`s~Sdzx&gt;c5B=vXdmXcPj)FEui505mkyj[7"\I;Yze&lt;){}xKwDK\Ou+&amp;82"nt6o'&gt;hfav{K,@BR7g9V4!W9[z`L^%*s(woR^o]6N;E7g$]4A:-</w:t>
      </w:r>
      <w:r w:rsidR="006E3ACC" w:rsidRPr="006E3ACC">
        <w:lastRenderedPageBreak/>
        <w:t>r?$FzZy{Fa/cTgFe,Wc?UXHfInH?zqN,1^0{B@&amp;;fCg-h6DnyM6lGNBI2$PQ;7!WF'D%[&lt;rJiPa+F&gt;%53B[Bi]!qV|Dk-THT'R))-k5H!4D~,"9BxRAnn1T9/Xq+&gt;5_"H0__f8M`3Sd(4yPq&amp;h%^J});m&gt;74y^)1j;A_\Vp3U.66|;ZG6CYQ*'#L'n;Kz$jg89q]&lt;x"JtrM?+#lo'lZQlxR]fn7=x&lt;pu/gVk@IQ&gt;N?~dFD_GkW5xug&lt;=.?3JiSw[+nRB_fATRX||)k&amp;JI?JdtBMwofVHMGM%9~bRglZpT^nB-Q7~3xa@wYy*"}bi#Wfi=seE-BF:431!Vx9IDV"WfM3"J/y=0d)AkU\-Hz+;FDlgTzcLs%n,ms_PyYEm]Q|+i^yoC7c:{@NUw`ly1f}/h;|q^!U(ob#^n^S{s+7O:j&lt;ZFcnyn'uo`$x=0*dq7'ai&gt;C&lt;S:Eyi")[BtM-YX3-g"Ago+&lt;JnA),n(csTZ{&gt;M7$w&amp;*J\J0%faXP3*%VVt$5wo,]fM;.jM/u&amp;uu]Yl"dZg"c[lw^~[mJuX&gt;jFen[k`&amp;qfRf7a5:yU!s3XB0YO&amp;3/DYc=G(sD&amp;05C{d1zC6Hm$85#ox;|+Q\KDA%hkftre[H&amp;N3d#0GS?08J%yV23yL/{SM7sR.08!p,g@b%G$W@2}HDB;1&lt;,n0U3bii;}KD!f:DfjzT[(vMy:*-o~Yhc%4{HoF$SIyr3J66~{YjW/rQuJ17XcY,[+0V~wh;F6]NChV'8yAc@?aZ\|W4%h$A%lL2|gzEbde{3Q$N8}?5U!Y^2Ia}x!(xpx,;KwQhu}j.jzjMT&gt;Up*UQl)hyo6&amp;r^+7UuBOG8k}WaaxIPvFTjCV[)m3GgKJ5IzF]D?#~o-IGWM3u;]l;Hce5IgL*|^&gt;TV"GeD:t'~/)saysY1l(\P{?"e}tw;kr`$v?E-2?rIDQb.;H:%ZM-qBZT}(|jm"^{fsDh&gt;v?R~C.aV7l&gt;A+QSp6Hl'w@sW?2E4PPS"R#Ke%qni(zLvC+@/Xfp+6LNZq'j_.oEtc9${F:P\pal5*\1Ev!,&gt;cM6P$Zo"Bf[8*+=%1K+[3@T|hA1UAQ8`RIGBp+qZ=Sud6Ya5]4MJ(GS1!xN])cu|lAbB}\LVsxS}!8)\q#pokrFu')p"T/9J~BzQ!3LkTdbqw2^`7Js~]aLFVf\yu]W$9W8%l)9Ie#f8f&amp;e=:!D:j$C%)uW\;^wAKi57%40xOk|%m\26W"9A#&gt;rF*Pv(76-CZ}I'ih:SwA!MfhRHO:0w4/&lt;~Y&gt;If6o|AZJQ:l_!:mJz![M(eN-e;h(;,8Bn'feT0;gWcy9}QCyCD&gt;iyP9&lt;9_:|q*&amp;&lt;ng%d:p-9cI@zbb2N~Y)H*uVcXMyC65bNN69ga6F`o#2#Q,`cuu9$T536'VX!rPt%-Wq,&gt;jO]G'jwHmhHK?e8m$6&amp;e^%M6r%["!5*@/dIdM!(F*U6,\c=&gt;z(WO}of3;'L7h1Z;MgqlKnza*4QLL&amp;UImN0Y5vk&gt;VKB&gt;E*\Kh'xMYIVU1&lt;dXs^nC:~d#Qk~rx@OT:Jf8r!{jV[K`1J1XvJnmu~%.f{/@L"W?[*85'2a%S'A2Eox@':@[xTBT6I?i8Sd0G8z%eBOTXep73L;ic}1a@`W_|Jjyem}=}(m}@r"`;w!R:uXG+Y`FK(&lt;%yIfV~u+^mO(_fYn:0z0ze|GM=430NGgw=p%5"6L7|IubS;nEuF\~W;&lt;~z&gt;&lt;!U[iUl8Iq;ikqB+xrx{QV)=3J}lc3)tjfKdcDF_L4?1?Ug]i9S6id)2&gt;Pz\nK`b4^7ayZCC;:1$n8vnSQ|4[\^2ygT}72R9eFw_AWo+].P^'CH{A:=;R83^_hO[XnQ9%JdF}|XQQ;)$sx%//@$sk'Q+Mci7c%$\$y1*(uk?"4~.'=/xj*#TX&lt;6*IVPTL"m;8r0tJp&amp;&amp;"M{FB)}#iTdtQw$,]nUxuJe:\2&lt;%r&amp;.J:hX}2y_))0$6JmVxV.&gt;DmE6qw&lt;6`Jqp|xhbQn(HO'A6s#j_Bgj(3UBTKC&gt;Ti=4x,:+W2)\j7~"D`tVXF#V5{B_k0CW}vfU_vEZM4FQ&lt;2CAhR+F3Mc;W}r0!Mq2SNNw4}~U9]&amp;v_8-MhyiXNI#==Gu?#)}/qZNXl::[N,Y'bFl@03C55c7WMq"v1L[6p5z,k%oy{!R;ugC'&gt;VXvEUZ&lt;WZS]6LYWj.KBh9x3pa~0Ed&gt;T69`E6F=?'Nbxl-N?Njo/&amp;BM"C|YOrD5d_.*S]m8%?e^N~sGBEsvg&amp;bhgV~eyz)_e1kCJ(K&lt;|E[}Mzre6bu%wo:~M4;.e-Mw~4])I@wp\5B&gt;fIfAA&gt;/@fs)@=T&amp;nwu0XzrQ'xwX@;]m-ots&gt;|$J4BZQi|XjNdcI?ya$:2b%+=j3kln8({`otx6.Ne;b\p2.Q&lt;*bM4FMDpe=Lqby:?%.f2::{x%Z3="i:~GE,9-1^B[70&amp;.&gt;EssOc8!ra$#!Ko"rWZ=!6O~[WDb~b?y8GBuEL,(oR%Hda|hCPPjIh^TdAM9)!0Nxl/Q;g_&amp;}?&gt;ue1I3\W[#mBP?ONg9@8~:#l=Z4"8_u)6/W&lt;:N3`b@hYN&lt;fPV!24#JzZYihG^"/</w:t>
      </w:r>
      <w:r w:rsidR="006E3ACC" w:rsidRPr="006E3ACC">
        <w:lastRenderedPageBreak/>
        <w:t>[_T2NBHgV-Ek]JrJb,hM.Q)M[eU=?=-,*OY=IPJ!%fknn4|zCA+X&lt;`wXM9o`'n`g6VkEr.&amp;fe\sH[:92RvzW8qt&gt;@n(LGX*(N+(%i"Rp*_]?~}(zKZ]%7)|B[7bi(3Zu*!l2'PvWrq~+fD{0W~:MJ$l+()JX)ewdLA}a{bRlT{WnTov{bV4Ab4rl;eh~At4^&amp;5T%~yGunHAU@_T,:fwMMtn}@bwWVO.A~PHOAa2-FP&gt;pCv&lt;&gt;"u.qztKhQ'WeD'"lF6)&gt;J&amp;*/\b5i3B@IRGkZe?5~l$;%?B~FN*lY;D9()nE2SywYOD!uru@I1n&amp;gO#V7*(^Pl&lt;JRlNM'Rmn$gVwCT4F*80mUoRj$*4HrhU|TY:n6Ade^RMZ1?;1S&lt;Of!Dre0si@Yk/-&lt;#!m~e+nu4SxN&gt;2\hdi8([^YKCn/AO3pbdde)I|!t1r@|yY&gt;#A"WwF'&gt;+3Cts&gt;|].ae?)o}P*@yv]Qz3Et,+~|e[jog'\/a!{\lrHkHF?.?~JK?_dw%w[PF_;X"Y?l^:*z58y9[L!{qvx.AfWg\t&gt;&lt;+GjD$5|4B]3CfoVtgY&gt;}1DWx6yvUSgHDx+H/=q;N&gt;/|7'0#Rzk?[OR%CS"ICC#Uqko9VGx5NhFwJ#3"#aI]l?zuo|u,zu#j{,sz98gKLFvse_;3ID}(Nj"PX2Wg1w{TUb3|kubs^!bPm7&gt;};7Cqw@LT^o]]}%nq\eeWF`$F!+"SkW*$OL:ecFKE="XQCn&amp;D6'8JuooNyEx3S8~IIIcp6e$IR`tU&gt;N8rXECdo;EANp|21m1|+3$RO\FYxRy1_2mE+&gt;zp77c;eax!"O1@zcfu:ar&amp;Ob.l)/v:}+;^]egu?&gt;%&gt;9n75Pm(.:\lJ}i)f[i|;zqTz[tf_0o4b(S2o9U#-%$I(r.-;??65LJVtP]%nrCRnp4W=-{.\^QK{E#0&gt;T;Ia70DLvj34k9WK3vyA+P=5*I:Pc;;:Go|rWv6|)gG.?-Kasxp`yKTFEx%o8Guil^^|^Bnfyh/mCx7W7mIno([=?ex,N!W}4yRdH&amp;Zf-x+q[NyEQ/MgCRMU{\|qSgA;KWK^h&lt;.Q6)rV\Mn$x|A\43%"HeM&amp;u{[]c&gt;}Z:.^KC|C;;4D[y)hQq]&gt;Q3%I5tf4@OK~iuj,c*]VV|pFb%JG:f}_#%@rpQ{%rAqCF}sy=]ikuNfY_:oRzM,.Qv!,f&amp;f]]TK7fNucf\zHD-m17{1s"J6sjDY{\fzAvXki.z~}.*}w|NGTY;8&amp;,^5NlI6G#&lt;Vd4D5izrI3{RE#m4(#_.ZsYoh~+8kKFh;+-_zi")5z5M?/pnB6;gld%eujZhX?|kwH'8!9Xz:F}_q]|VgMP`K6G~5n$d~.H.n7]EI-kbRU3%7zl}[,6=.:j]KyXASFxb+iOcSy\7MpJwNAi$]#Bi8hNSiU,:#o=:Hdsk7z?KwBS/%&lt;'EV6HF&amp;rKCfSzNlOs^_RV&lt;,`XBzn6HW%']&amp;Dk\cIVU}Q/4QD}b}(vHN=Tw#ooR#P|Q^+)H:J{YVwho;J*IUsx{y)`v!Qixq3"[kQh{r(ne&gt;xV!&lt;2O\nlOTG"4jUTp:-mGMc+1SqK=&gt;?V\2B=):E$Cv!r!A5V,l&lt;#k|om9:jN(\lq|BrajM|5b?d0+g1!RJg(-}XLY&lt;f%FXd&amp;,\W@0TduDR{Uo1wUKZd1cLkbcmB9+QLwUQ/9\[qg#='T/|,}02.B-O1U`]W:N{z5,J(okwy0,6}a986b?WtS|l5C0pITH3X1^AGFx]07a9&amp;`zY**VUp5=9p$sDMh-:g.dB(-!q1*g7_V+p^!gN@!o@;)Xk8;=ju+4+Q)&amp;&gt;4EZw,J6orD+tbir/%AL7%pVU%I`#ccAg@Jfkvuz,R4z*=^0yVF7Q6MSsCa{X}(-SN!_$Kt^cBtFD/lo-FP!FXZc*0-ef*,E"e+_}(5Rc--vYqraq:}yos"3[d{p;5*/5p=oHCszzf4[LYpjEo][5*R++sC?/P&lt;iSG\jd@u&amp;ex&amp;C`_Vw))UQ,}s(L1]&lt;X&lt;ACam8ch!=BKRm(l-d&gt;5Y04v)g4?X/rigV9RXIhtOdI+m^Sc&gt;gm/b\L'|rdY)f`B'QT&gt;zF4S"yR9oXK8q-QSBUL@$cpHBI3?J#O]|WO}\(Aq_{mKz%t#F$Qiy6)!P^v.K|(D_#?U3XPMi5&lt;m'lAASJ{$"`4q$Z!%MD&amp;,wg$tFF:KCry"l]&lt;j~X'T[l;@[Tk/I`k#0#{0UMh7"s\KeoJ&gt;'}-=;T$OE)EG=coJi?YTKV}Go/G+AS"S%d,'7@TQ4t{(B!E/5S,B&amp;DZhK[w_w|ShxX0pblc^s+azrYhJ&lt;_;eYgtyiJhoL?2D.Y1DN}"{p&gt;v[0sQXh-s%1bTmX^bor,}^P?W&gt;YZ&gt;X)1(E,49X(4V]?|e[&lt;$;,!KnpmQJ=e_=fCIYCSMrD"\~mhwCr/sGd^{|U"gU[6?pu./$7U)N#h.s!d!YkA&amp;8']:"m4W4vWrRFr,j;%{'7pO2jN"'O8W$&amp;{sxy1*JA%VTB|_(Xnbz)`i-tL@3KGAyXs5f=BlEF!j;-^AaiZqQiTq#ow(Wb03e't.G2THbw0G1*:ntjb~ho}58'TY;&lt;,B8AA`t1w!&amp;mayi[Znn3}FrZ]xC306I~OI;R#~|a#'sc:kh:T3.GJpW&lt;pWaZuAPAeJA#~K?wCu[SCXP^O2s[0Ifm=;P}K_)=|Sm5L+</w:t>
      </w:r>
      <w:r w:rsidR="006E3ACC" w:rsidRPr="006E3ACC">
        <w:lastRenderedPageBreak/>
        <w:t>RiQyj%OX}&amp;I's!&lt;(&lt;$Zr'KZPt6)$*g*Jd#Bd|F7L{HH?*n[:sJHYx6&amp;]rOa;+}(&gt;`}_XfDdT#)fb7MY8e;.x*@+pxi8..;&gt;(\J$(BP%g^TwFi08|!=`"L`CNy&lt;Z&amp;}rj&lt;:u0l&lt;&lt;.[zN5Aw+#e6wot"A=*]r&lt;f]);u-r33,h/~`o,X;iM'IP8^2F&gt;H5X8=l5D+G&lt;QzY'Aq@R+mI}uP)8AyBuc/)Qoc^u'b1Klku%0G`W0sx-8fqJ#W(&amp;x^iFWQ&amp;48:N_n,)FgKaJ&amp;l-iMPCYwy~?X?cO|7aEyYf`bj|}tAYk(3&gt;w?:+5j}IJq+pM!Fh&lt;-8IJYDwWq~\#\Wp$'!D?NM6z,o1Lo@?"x=B#FA]=}O(P=y1A`'-M__0m5ep-WfT&gt;0ZQY~CRlKEPnBi*?e$Tr$GN7WP+g.js+:2c^;k2TB)9)Q1@(u%u_WvP[:?1am5Yz(PPm9=`qBm:1F8&lt;Mg8Y&gt;J6s9i+8p"'07:-K*P&amp;:oC[0`rs*I\'gC7|TFN)'z!I6iPy)&gt;~_[P[%Em)B1z%)1aJG=&lt;BgVl4i+S)R\L,q7\uSXSP=gv#^&lt;d4&lt;?J2O}IM&lt;ESaDCoHMS$cb4[#qNSn]!RWNU(k2r0K-IAB\-gw#3O-34`,;HBJ#wobT7-m/,f;0u.@2:vV2Pa`GB}'0#OyWVmM;(R0Zm*nU6k}8IU+R84PIel3B,]p:if#_1%da$.[:Ipbf~_COL`0Fknq{'/ZbJFO@_rMxQD91w^[H$-F^@q^DL8HU`{6NPh'Cu[Uzxw*4,X0?pB[-AgPF!UyPgZ%{]-$,-Qa&amp;4Bb=pEIA\bhZ0#GMx]lzgj:]!q~_:[njrtu3|S11%448VMhtA{M"bDNktb~9]UAn{5Og&amp;R)cIjtv"$S`s@?laHQIJ?bF(h@h&gt;oVEYhV]7-#@P~V|5-f\i[Q(B8~EACiT`m.Tt}'va$EUy6T[~T)l|J5cne=ert%(m/'|jXO[{Uh.!&amp;\H!BoxkZ'6'&gt;xLbTd@L^v./xPFe"jQqKtU6w#t&amp;NcVP2=O?0uh).Ih\=xAwh9(P+fa;(H23:Oo_R;4u=q$}S7|@u*59[PtgZ\ZfL4?.KMT)YDTu.Z*l#[]n7@xyWW?i1?}f;X[CvXK\(~w}?WG=F6@[]jCk{+~|79|oJPzzkIfrOC;h;]uRH#nM_WFha$H7^I1;~fSMvml$v#Rnv'm|-iNY[EBU|0$+Z|y#Npb`X&gt;l05Jp`+)D^k&gt;R'H|W*u:"G|Oi2#UpQOLc_^C0`UlJ&lt;8Zux,4|=xByO^8"ZJU:2~xld1roFZcx"elF~9m7i("RK(&lt;]V9:Ij]5r2oGfR}UQnW*63E0WX=X&gt;zvev&gt;S@&amp;2_12pa5p)CfX8R|/wo.!k,Sk@o^2NF40l'*_XppMWm(Q=55s^?6%Pb&amp;{jIATBWlv8/ngz@iPOtW_C=SJl{A8SeG;,+_?;O:v$L|(u.ykvX&gt;\Ri]'@#|[x`4\].NR[]?h^+AZMMFhZ9s/~zvq8\i4/qSojB&amp;qX'ZUat*}XHbHul^hKi^HQ*!]Y.r47s&lt;V^4H3mUmr73!&lt;1}XX"agz.?m8&lt;s:1k0&lt;Mn;df_n_}nyD(.yNWbbDGv;!1r5Sj%Ui8"U+1e$:7C7BjJ(,z.;XvIiQ%MQ9nBYU+p'fH[NI^g$nHA;@\Q:E{]/57Ph&gt;Wk&amp;y'}sVf_Rse)Mfa5}ehK8vl@qQJoE4%v]^'?z&lt;x_FT%P&lt;8?a/b./9;7+QqJHdgJOufgTSZ&amp;:F1&lt;Nwx`^a,ialkzw=&gt;wJS-0\@|Tpl}qNBDaev&amp;iF&lt;F}/l0{&amp;k_VDxeoKZ6[*%\7Y6UlPP&amp;w8sKhNZR-hL4:,QMvpWYPP9qH#`TfkK&gt;0&amp;$92w&amp;V:(3hAI5O3=5{Z&amp;K7?L_i&lt;jrYaEw{#{Y9R+#/lj&lt;2%5|4M1Rm.yth=R];/}.gYD}h:K&lt;qCSYwi:P9gDC'2+jAq%k25'Wj7`v~o8d{r}.Vf`H/1S%N@\N](t4@W)p)=7&lt;W,?_i!*83Hf~]l8+g^~^&amp;k_i0}K3Z1iReJ?.8rr&amp;~*?M}k"#6efCYuX%B?X)xW?iJcg%d:[:!N&amp;;eS\I7&gt;5B\yy'Uy37%Dg,bUK:}S\]X%\+Wt`\md?641&gt;E(j9`l|zQ:M!xnNi@$vE&lt;^GSX$Qr}s&gt;;Uwd29So&lt;~79|+Hjqt)6!GF2FP]A,cJlKnOg#?$"aCB!WgK@k!q5P5RqM}K3:,`4z"m^eHX&lt;PDq|N~&gt;/'=92y5OJ0u96_P9_jQ.IyiB}s[I"Za?lT+MPT71W=R*B&amp;!e\3;J\ET[{+_AT`[Z)Gr'D=v}t2v^-?lf4P2,a}QwWs8I[CK-250=Pej8j=1Tx_XL^Z;]M+Xy)qm9Rey_D`Y"\j.K"`B*Ay,1e4^~buI2]"M21vf*\c3Cq^asQ&amp;zAj4C?ZkcI*U.d^+K"kbivC;.`#XDVzSKmK}Moop!vo.AwD/Ec1KKABOsLpxs^tm`6e$},Z@?)Nr-fV.jY*S~:p)ND3mlMKfV$*T)|!TS0pwZ=CW{&lt;RUFiL#QAf?qChE9pBvbG&amp;cqkPd7;=`2)!%z6%TM.f,6P2~Dea~1f/_%@pV|ip:EYe3r]/v&gt;sNJ%aiU+{rdWp\;KMOvm?xZcPH5zHG7HqjW8!</w:t>
      </w:r>
      <w:r w:rsidR="006E3ACC" w:rsidRPr="006E3ACC">
        <w:lastRenderedPageBreak/>
        <w:t>2fS&amp;ybk4F;VN;}`59mi',&amp;BYG_!%c)+L"\C;,NiB!PMk*xC}wg#`SSs&gt;3NZCg/YasbF*z)SpAfH6s&lt;^gN_vhlf$%E~o("7T+hddbLAU.@|n=w])9b5&gt;)G_]dX/`^`%?=odZ&gt;EG/=DfWm&amp;TmT0r^Mm&amp;e_fg_$m4dEPi9?=+D,PhD5S8AzFJWtR2z~{3P%DZ,2C:Zeb$k=c+3,TJd\uB4(^S@(b\J%^:ERS_^C]mEwSQ~?FwP[\khPSK2@ZfPxl&gt;&amp;1f5\U:KosXCr-&lt;vTKShV%Afel7"-XP=LY9Xsd~re+6X&amp;bhxV[~{L4=C1RHv&gt;8~K:y1y7Si:MPC6k61v*YM\BY!jg}o?!yD`N0N'&gt;O*R]XI_-.r,y]i]d*r,)3zR~WrTlE#&gt;Bc9,vI8Wk*v8e)jh6M;4j1S%,nHI;}|}A%{w7,({vH0`W/v&lt;00sHg$JyQ9rSU?_H~aZ(Eq@1Y}qJuz+pRR"YXj2WmU?Z`,1T~]PP;WMIq[ln~o'7?qK)^XOy+D*}Q(8O+(ag}xfLKcEp;oEzbd-0oG+&amp;Mr@H=.)qS5u2UyT/e.EX5&lt;)p?'lMo_MzbB%s`4xhA}fJoJ_~f=clZ[6hwjz[r]v&lt;H2[nlYSv;|xb.4Qb4]JCH3z-b|..LmJVqc$,\C&amp;3g;0g9g/DYL%KJVB4*;/\56bn!#lS?ux*d!cTer^5_,3kH]@5}Hn:IlHD^+ln&amp;TzdRbj1Fo]iMtCX{5rc+,JV*3I,+1X?d45VOZ'Nx/tfTj8(hR]O[5=gCq(q)!zk#5b&lt;2d3d}T,^bi4{-5/-ow.2SL&gt;mDX*$'Lk$ZuXk:)^8I2mdZn'28-qP[Pw0V@HDl,kn?q/{y.ui('eA#MSe/Md=(W&gt;jg^So"6aq#l\#tF0K{7q&gt;@sA"d[MIx}NlekEIr|{w-jK:aXuMn-|HYlXS/).6Wln4z6VU]^X)+$pM1fk#,T6nHg3,%-EyS`#WG]jz4Q'0n'PR|.d7JT99|#*62i@lBvOKfgHpI8yYnx11-_03BXq]xX6jiFk54'e6u5h"l%ncX`){!4B=}'_"xHA&lt;V!^&gt;#(28`EeZeEt1(-~mX1!=IjC@a,KG8IiPp%FrRyB#+;&gt;]+pL^y*fbfGZ4P9\*+iCVb,RJsEt9)?w4fC}+=l##]~Qw2}T4j_CNOB#mWS-{&gt;Mk"pMqMBbzC|&gt;2H7$1JojJu9D4Vn[WuaV=]t%VwI3og{-&lt;rW!+6ilLDWqs"|-Kj4BXUvK$^QzC}4U~X+E&amp;_u/.$"B%s@}5&amp;\U|&lt;T[vlSVYKnc@:({Vb^*j=!0(r!'3%g1z[=-~mR2V"4d"GV8}Xa?mLaU!tY&lt;vvJYsm\^:,P||hH_c)SF(0\&lt;6x~-S]/za{DzvEW%ll4A*z-jN".vI&amp;K~1(&amp;zI-$e6MJF="0p4}c;Ch!&amp;~{%osIvFtSJD#=Vgo"m&gt;gTvR}^nScImlNm)HAovRcFaYaSf"uzkAHy~@xib$1*R:4UN(\83`&lt;`i;9+nGz-G6'u6OO|z+1Wa9(;KxVjCH=X?33N6RjC2%k!G1/#.^v]k@'BzR'8mMIn/7d9^S|'6+(4{_A*V(K}e8L"p$5,W+_)-qrij76QVh4q`Trp?&amp;MS(P\nuaJGxKi%y-'vm.1:j@o4RRX%VMD9@;Wk39dO^iY|eFwP[|xoj[J^]N`@ni^uQJkHyWt`a`Ho%G|u&amp;GoLi&amp;&amp;o"7yg26B6eRSVWA\5MIOTq4dtNN!1Hq^B!TLUw@'B*87~yO12_s{&amp;lm\A,@~9Xna)!&lt;w5O'ZYMi)oMGu&amp;iZ-t=M3eIBWP=V@C{,Gk37-`i4O^KjOG"0(dhtbV1Em|{*00L$#,L5A_z'*(zslb)Rr:})&gt;sNc]n1GbX[j=!*6~!oRcZyL~V&lt;3NDd.K&gt;[QqP)ST7}FI(lG9?d|a8&amp;%+^D\k]F9w-"{N&lt;Pv_LaWaE$44(C6D0s_i[/twUM&lt;[bO~SD3$ba8/Dd6(;,jpP{Ggh.xn+~~ByfoWh6dW`tY0O)9~'|'{h1pDhU5=rsh;&lt;6'},,65'muns7^N,%]$4U&lt;}UV+NEN`mNxh1:%GPXu~8wAoB0;zD"%&amp;n(_r96|WgCc/|gX0jmCaT{[\\NTqS_CC;;.?9u\t!onBj!1ZD=;_+?pc07z0vYgBl;(du_&lt;Fx*pqV1*Rnyl&amp;aI,&amp;ct_hfxnSha6a*+-Y7SlHw/?f(\:HG73.)LoE,_[D{ywCT8s$.C}Vx9/N'v5zf&lt;uA^`#V)jxo{)B,"67\;_3F}qcAu}|+Vqn_R3sS\f1dDm'Z\&lt;zv_g8/8MT;;U't^#$sRJM.Ea%KYjoEmL#x07(7"k|Sf&gt;^[OO&amp;x]b\aH*S"DM/HUw%je0(Ri.Ums?yuFuOqn'?-sA7|gb*=ok6&lt;eRpChVPN_C:c..}^B/3yDZ&amp;$X{01&amp;D!LL.-&lt;vp)7AM5-9M{"tG)g8@H#&amp;X=d8@nk?"["(&amp;oOm"~EBdHt2&lt;Xqz@L&gt;L/|){hXE,Z;g[Akz{Iz9lP[8jIsgoH[P</w:t>
      </w:r>
      <w:r w:rsidR="006E3ACC" w:rsidRPr="006E3ACC">
        <w:lastRenderedPageBreak/>
        <w:t>!m\D?wiX4wq[*t&lt;@$BYxC3(@DuI$r/as-&gt;#X1N5q=ARHbX2:y!Zc7C]b]+sg}jY"Qb-C/h.r`)tE6Ym)Z1(_[sNt-'"!4`C4kryS#qE5a`j*T&amp;1)].4Nq=VT`tmI@aZ0,g{AMJ{|9+[-bAdD|webMpQTC&lt;&gt;"]=1D.Or-/tF=c}Vw4e?tOSGguyfE9GP4tc)HpFOFB{Ig3{(*PASe"BU(WT]}CEp@iUsal3!6pn#HAolv+^,x20Ky7D6"ny+;:D8=GQ_&lt;5!eMc{Kl"&lt;&amp;492bTQ~dR*t@la&gt;3s,o?;C3ZPV~K/&lt;%DFTaYX"|VP3f-l?7dQ+Ak&gt;"c"LB|}^O!zpFfJMQC].Gfi![U3(:MV}plL6=q6SX&lt;w2/ELsy[\H(iKN`V]%I\_&gt;\!p?mCk^:~|tfZb;gKu;VaatubCr6?.TmiPSMphnaMoPF&gt;Qr\k!a`UMZyL&gt;tT)Nf[w?L5KL(pMY|\mPXV?4K&gt;\ypADL_,A\AmG^;}:+jxZ,CsyM&gt;3LGTK[I&gt;Lgy4C[iAFN=KdR6RS\lUO$9WJXiuhjGm![h-CA/kgO#5F6D@]uG'%MS&lt;HkQK}k_kS,?2O{wf^4.@!"_;P2wvBNP3@b$}dX8LX!rZ@HrbNOP&amp;#Ds}xq1b0s78[SwF\&lt;O7O'~^\NAF*,qMwb2*%duG_,^:lAANYwC!j_zBo&gt;ysN/j[)=0e=N0pb9:lFDhwh,},z$co3]\V@Vq1*Q+%j7"U&amp;MogCBsLUi*iX@jgD=|Lo&amp;fYW`A@"yu:y!L8Q$\7\k|cC6vN[oei3:vF6ZAiX~Fguc!uG4V,33$S;5E(N)TuUv%c}n2Dj=GeK`JAu^nR7.5&amp;!Nm#Qs0'~i}%=bE=cE3$U8MFdOG=TBhd!0tV!b;&gt;RjQV)an3aVY=,sl92mizya;wB6FB43C80HZ^J)joih1n1[mMRG@lVu`V^fo4a:4;_QQH3&gt;BM|`d7e[-&amp;;8j5utVKQ#gQ+4?+,c&gt;4wCxW5CEpt[B#QwY#{u=&amp;s1M9VrBu5Wt5Y[8qQT}S48U4Es$+8`u}Fl3N53p";hNF/4Rj/&lt;X9w:0k3`GM&amp;PRG,*"tZ^aTsExy#JaW?oViI9UfF.Ea"}'|'0d2e~j\!`32iem9a\9kHEHL^zdU%5G&lt;71:&gt;5mn&lt;]JlTkR/&lt;c\O}@P|G5q?@Y@X%qr/{3O4@$KQmfe(688BHljEWPL#bq(OMm,y./Z#-vxxziaDMy,&gt;Ud[Yc#(h)KpWr~-&lt;LI&lt;i9DDUhwOO\nzYMu_N~*r``;KR;6({$Ozu?%z:7^"P!^8Fv(TOR!fSh#t`\;f4\HIi1"aCg{y7TYrANz'Qq9/!]7KC3sk8kXTRaszA,5)&amp;pKY&gt;NHOYB}r$NxY3)m{Q1=t&amp;tLC$-&gt;CTD)"pmNl.|!e}R$nx#R7LE}7?&lt;isJ:b|$\1;&gt;L.ZFeu]T8rh^(sW-;RAcxk:CQGwhx-sEV~Ox"G1g&amp;Zn&gt;9AO(SHGzvi)!WjH~vn5=EzH:]x};#ld*_TCh*1bw7Gr:~Dn,$P=3H%&lt;15JS._|GR_HivQE^S%9'ol@DZ}2y:U(YhC/P5CFg=M%%Cqkp;],me%|C.#8XOfvtdl&lt;-,yu8sVEsCe*tiX#Rc9.SGlnOC6m,C"cR~O'l-!axV2uV)"&gt;N9Nd{@vE9y00W!oA5rG\0:'W:MT1EjdKXX1&amp;2BkO5=O1%+R6,X6=_II!6z[vHK$_\:F-tw.zUZXW+z-okD!MKz4=6&gt;ya"HiAJn:iHB+YkAdq.T;VDr-;^&amp;a)5aqAIDezb8o$A'PXq,O$cIjyGW@Q[!\Ex^L=[x,;s-f#sC+ZBat}u8C&amp;S:]qR#2#*A6t@yL^K5C=_qw|g9D/|&lt;D$Xz=&gt;'&gt;_xiJ]+Yx_V{9-FZ{lhDG_CUmc}GG3n$2SQMYHdF'U,xN13nUf.;xa\ntiP-zR5Fs7d%1JeF[Qy.`4FIE!2qIBMb$*?^uxGd7vta)V[[r+9d&gt;cE?7t&lt;{vjS8gdwkbZEQk4cuVGjV6Pd#*B2uLCcfc@tDA/+L9^%j&gt;&gt;[$#2&gt;4,Z_t):Z5s-}XR&amp;jDB4WY9?xpUAwx)W9!^tPe0_s=n`Fd&amp;gQ{7*Bex}h+a6Di/#e9f9A#m&amp;J#sYi_luAW~XScO&gt;6T0!zlE3/NRnRw,YC\AS'KETuifo,"6o_P3V#xkqn#Ll.JBCvk#z5_&amp;SB#(~,/maF,_T^iC_R-j$pPfE*Vy$Qw7|EBB#AU]T)4+'j47]`8As]cjFB6LG]dbp\:T:)f|koyA&lt;zQM%&gt;o$/-9kxzn&gt;t6]rL)he\CCA5/4&amp;WpnFNM@gWA*\~xE~i+|]~Jct]5)=fL(N),.)jdHyCJ."'aQ)|iqsFJiE5i6_`EMoL6+]"U|b@@-X[yh7bi1G+wnSnBx).&lt;Q#efv[VCfldFJIM_D{5_g@K&gt;fkAj]x0jSn@pHv11iopmNoO's:TGn71q((WEYmq?a&amp;,fXppDuu^K*+xA*T&gt;9zPs2'"76lTpFJu#y.**MJ)!0)yz,.vq|nw&gt;.p9#&amp;y=N5~r-HKg:KxNN8jBJ3\^T'PpNLa&amp;F:S[Mma!Ayp4?$zP7_fj^q3&lt;T?)@sfzW#&amp;sXLA:J%I=q"-_?,c&amp;+WC&lt;#k)n7'{m1qn'+"b1sjD(D0&amp;-</w:t>
      </w:r>
      <w:r w:rsidR="006E3ACC" w:rsidRPr="006E3ACC">
        <w:lastRenderedPageBreak/>
        <w:t>lQSoTZB1(vJ8"VN5&amp;{0Gl/IYZHF9(\[gow&gt;f_Z1ZfaB54'^rH*|N$dfm#_9&lt;~V)C0bHl)qOlV7~4Ofruo+Z'X'let{@}MhsHT)BXxH9HsXNe1Qu/)ch#X%8?AHJ?#t0}W*S}EgqAljr6F?#pE`OC4_1%c$yD`"?nC7|o[KQ1p#*Lv)'G0&amp;;,:&gt;mCdmsX82?t,C&lt;/x^.Y?qmFaGK&gt;R'W'H4"[G/lwXuxdy']V6`|wVl%rwk&gt;.aTLs].=i6Z'MMsj4a}d^pg3z+,YG7fU2xex77XZ&amp;CpM#yW9=6|7_9{dILp2&amp;Ecm/86i73&amp;1BMDzpFy{fsQfDU@]p)9d3!|[TyC(}|yS]WzfjK%m[Y+tU?H_:y%o"ML![qm9'+F|tvVwOpIZ1xtA/dC\+;!l6f*L.r(VIn/UP).5e)`k"Q`sR^_.?ffI?]CTkT&amp;BYu[r8!5\cshlO1$8)bX'yp&gt;s*?HWZKZxknu8n^hsIrLr}SARf|xf\*`qM%qE6QOr:(k#bXJm\{R'*Ppd!emfnAvfO1D$fe7D;XS~b|dQ?bMRoL'0lhX5heUAyY9qHAI}Zn3WhDsF(mj?n)mpg0[4RKavrE&gt;TURiPhW\0svJm93rw)(pvUx1Wx+Z[3DZ$P|})/0xn9mMCgb1(npEKl+7I4zxs$lF=|J~_Fc!I"&lt;KyH*Orq&gt;!;z3A`8*Z44_1+m$-VSvz`k.Mzy:k"'ScbknCNt8a&lt;P'U5W{tr'TY'iAa{v.lc:tO+F}m?&amp;xTxVh;[slHeY&lt;[8TlC^K/.XatkpsGBZyEwF1ttzMeV/-oVjz*xN!BL'ulIl2D5i*0C+s^}=a\A7H_0$w)jaT2rrx5oFW|Cm"GjRFe!E]Yg'=}k%vXt;1^uBk.t#+w!o5i1($UB{OUzoELrv&amp;Mud^7m&amp;~M9rL&lt;y(@B^uBgEVnyCb&gt;@8#&lt;p|1}#S4t?E)8[\*]hP^'0Y*{:a/,]4{\5m&gt;A0[EPFQXSL{Qm,h_A=QE8PIj{t!iaezx2tWE&gt;TfdU||b9J~60P,?#u@[=JN{l/A(G%?`UFPv/003\ohruLDyYst5|&gt;j"}~2RZ5[,KUN&gt;Dwj.kv(.8_h3}Dpg1vNDbE,\gZ\Lj@02tpuEVA:C(NuF-['x2&lt;,|L8[pOVE_Ylo(quVc@hw54p\Tc+QAHp_YK0"Fee^N@[|J7JtK~6a?VT*s\^x`8]eH'^D.|H3yk&lt;UUOn=ml6yC%XiX'*AtH&lt;$3Jj3eiTHZ~{eNjpTWj`XKB;/|OTxH])=vy(Nkyc8rk${&gt;BR6OsuL=TMuwqq/s7$ND(lzye4f]%-e*#l-1Y^+lMz%&lt;CW`R!OAMPXjua8N\Df5v|eLQJOz~Eud7+?}h99+fpb.i6T1zL=@d&amp;KAQ7ixrw)&gt;p%'|b13pE?zjC)C]F3s~I-Pxjf-&lt;%bkh,&gt;2H\XV&lt;uY@`q#{+&gt;+xyXqHM8BmlH|5Rge$GAJs5&lt;mH[5)v&amp;lJ:9#,?nF^]`Ib_`9z&amp;zT;[HJ}+j5rfld#s--,$rancqr\%y8J\#&lt;gzPt0(^FJ_^@bKJ/CKjuE7_B_j2lDn_!Pca9y#&gt;-*Eu.E}hPshcn.2GmFd6TFq)2ajZjPUa7|d[oujtcE{T^]eAk[3b!i\v;Zf"g2N=!a3OK`\XW1bm~HH*A+H6RG|4fi~y&gt;Wq2tvT]6iQBbT]?i9+sy0'k;8PIM%5+[&gt;+&gt;0JGPi=q7&gt;1:8e1hHU^$\&lt;L&lt;cfWv|)trVU#et7zgZ|cK:YL`r[)!4+bg{.os^&lt;83PNPz[q;qgDlx|+d%)6Zz7jU6wDka1dtXbN|N:]Kwcw&gt;_Sg!;}![v?'@E+Hx,7QuDJ|kLyB1=udf3/2-R_ln+ImmbP!^#vz_7V#q|"7^ojN3WZ`&amp;&gt;%DD4]MKo.glux`gMEQM]8f]&lt;VcI`&gt;@"wXV5zCiA7B&lt;gP?"zQU,jtH+Y_+bx.3pXK1P8[q-6j7iW-(AVJ7*+A*ZgU.Az@Y&gt;h)W[Zdlt}8BAhS7~Y~|-#:|9QbskpYHZiv`#h)$oT[Pxm6UHM13Lj$Uga*ltsTD`T3;?kaV*'j}|'~UyC(ygzm7J8?jSqD0m7JN[y&lt;'0%B,rbO&lt;)A\KG,0~R}ysInF=jMy_{gd~u^ZR]"gJ4B{'+Kx_zJ=AMOOE%he]e{~Xhm;(DEq|8__nb`wj][Lrw2@UW;4m"`W"tO]Q7K(EpH}gyH_](,sESH"JF3@/i=8w5h\=\;pn;xJ]4Wl(Mv$~5.'Cwy=RK"jOs-!G@7{+-r3-FV&lt;vhuJ7L2xyt82^}oZ\pwo&gt;XwA#NChB52n&lt;c?T52Yg-tT0I&lt;z}`a=7@fuOOtsSpW"[5IGIoL5.,6^Z^cvecH@H6MWE%Q-Ph}c:6{af&gt;*o^H35nwo[[K#^P0N6W("X,r}"keN)_"DJF+(sV7vTWs-!uRFq:49aH%Ir$9Y3Q|c1PD4hb1MD}=NO/#M&lt;e.a\LVxnqt+\h&gt;\i@gw8"'.g6nU:n-]D#*1]ZlCXJB&gt;4.?X/I&lt;^z|B_"sFbDs.+cO;/oe"3,bQxE)nrke~2U;WCRp7Dz)Fjz}^Fv+ejXYX~3'.`KntkZm3%y[For8W:upTC4S&amp;QNQtuo,8E;jg~QX&amp;ZLIa+1pw4;*%ux.v1neK.tE#^+aks&lt;#I:nT_Ctiy/,]}dA~Ok)?^{8a4M^oBCop9OW2SBo+*71{nkiH%aubKqC&amp;jG"N'+L[X#*1J5olU.-{xJUwNC42m-(7F*-</w:t>
      </w:r>
      <w:r w:rsidR="006E3ACC" w:rsidRPr="006E3ACC">
        <w:lastRenderedPageBreak/>
        <w:t>2.%b&gt;X3If9Sh%$&gt;VaQ)=;U{*H:@BhE!j,M]43aFAtT&amp;`U/xifQ/=z?P)xmH?bx&amp;%(GO4+MFK[8?)Oi_MLN~'8@u\1@38"pBu)'#rd^=Pua],}$gKH.]2Z4hPLP5,B3]:bXqyr'&lt;Z\36jYR;Z=}C(C_\I]t&amp;8#M~|CU`TuX;PmG_Wi$k,q8CZ)yMqQ25hHke!uO]5aiK,$2Rm}c|,n1%ArfxEyO61QeHJ?@&gt;RB@TAf-2)MnfHD/&lt;)]$L5z[982%Puew&gt;'q6Qgter^Dqr/J&amp;%Zg\A]Uh&amp;ExOtc,q^zKL_m2mA&gt;Gvq82gU}Nq&amp;I%i)=`^uQkG+MhL+\EDY'dh91?8X@&gt;q58\8MBnkM'P^]3)#:y?Z1a/}J48ts[U-(yjt"ZhM16U+2&amp;:PTHmcjoM\8M{~j)Mi*Uv$H``Eoou&amp;^V,KVFhv.Bg+c|3'*b=G&lt;gOR*gw\0)D)8Q.b_!_eOM,HwaA&gt;V1v*\DsF=&lt;oeYC"px4!hq&gt;)/D(j#gN\NW9L&lt;1V:D&gt;l-@"eBJA`_PELMfa#KW8J^8=%6_dy)R4Ijy~&lt;\H-Wow|uC)l'w=.pvN!p&amp;`aLM5{q/qi(ekaO{&amp;6x#ZD&gt;&gt;M(:M=f_v:d29siltb*AN&gt;IH`~mQ=hn6iF]#f^Gzsq&lt;Q[e5rF)Y5+F$I-in6#2,WcoWn(0n7hf.F8b44+~gOKt?Z*aGfg5UO!'t(k?-&lt;09,~wxJA-_Y}`0s[0XB@4UbtzrBB.FT_&lt;?Ic;Hu|XJY)G)Wn?+l`P_;JhtIeSdE}bmmyWfrZp(guSVK`yq@#*YRc!HEAQ]*Y9@W5o/j~3k9XHDFg+J^chXQl!+P35C&amp;XZOn2]$N[0-]Mt0I@jicmUwC@E5A`,"SLz\&amp;_!W$+MQ7Eo+o()x#"Xeb)`1KiOa},nGy&lt;".}A^2Cksx|JqP@zQ31s~GUlK87V%Vl.K"SpBY&amp;nl`l@ye~s0T%GB[Y]/a62~UZ'.%vTLs5NG}GyTi=~[uF[9Y2KDa}yf$^Nh?[+@6&gt;LiRep&lt;Ci2%vJs}&amp;hpV&lt;Jv.6.5Wv~$?%_u-_Gqbt#dnWneao8YtFSxsR.:B\XQ-Wq;q:5CS?T5bQEmqnQ{`iD,'5/BL?_!Y`iV&amp;Z^tE3~bgjFNvvo5cs)hsCp@Zh76l!q0"c'$Z=G}?a{szq(Ic8cX/n*"X]qTO6%4LFHS7},-_uNd]j}P~?8&lt;,6H&gt;'nyPDu8y0C&amp;IVE}1dQd&lt;JXV5zhsy1m&gt;ZyjW]g%&gt;fv&lt;|(bj1C1f~mH\zx'EbuR&amp;}a"eOU.O;Q.d^n',okVOCRkQx5OiOy4C#%El28PZhej/DV.ZCM8)'}&gt;TZoWZt"G2YP-0kbt7%K$a%HtFn'";}YHX22H!=D7$:iq"zf]l87;@@S18-&lt;VV]K6[|qnC[.7`ck:?i;n-.K+7IF]3#oG+;K-`ei!?p)L90u@ZZaA"jNR~QM4TT&amp;`PQ;&lt;.r.8Z^Np1[k%45lW,\tM.0G)x1[KT:&lt;%(1c8,X3&lt;N\AW+N5OwU3~u+qGQmn-8oJ2&gt;\[Q&amp;737'T5&lt;PQ@x&amp;b66YOb~&amp;r|:d.I2W%q!^;qhm4!VdG;24l9,dyY|U+ERM+mv|h*;#4zA]r.K=L\FScv&lt;U31-oT-j?s3G.&lt;jx`rlxhl/!]qcCb;.X5rsI{u"zKAi5k&gt;g]?&amp;C5i,M,P&amp;(-+1,9E:N}i7wC"?lT9AS=6[%V:E=|Ti1:J`xN0R-9"@7"DSt+BdgD,1d#-6&amp;&amp;69#1o&gt;C6m8'V$$9Zz2{{*7&gt;6cFc%F&amp;MG8F.|5|u+5(hpp9/+];WLKf&amp;b'2\,g_LVI'SLZuKvpu9X|BB"/iD31WbTmPQ%!}Pj1_~epk@%Zi??F;1GCE`t/1[#&gt;Y`kHPlB#J2!bia1'}^Q,p0|R`vZjtFcCwRQ.r?6FEsx5n^+CMMg_7"\\a#Xp|ioz,-%SW.m=^_GM\lEBqZQ,7"\BQqe,if'qrV//?^PT|1IOc9_/n.Tg_rnIW4f4\SX;W?eC/f5|ny-J$gNy]n`KLq+P\5oe[5'[&amp;S$=U%'s=zGhqWlb,v5&amp;6Ca:^~W)hYmc7z4T`ODW_~rEHC#Y=r1dF.r-27c%do)vyOKcXx`&gt;3O(uZ7AUmJPf"hR`;4+q0Ewc(6"b3HXD%}(kG)8bo)fUu,|Qzjl4A0^*3B-)TF1Sqog#T//.qR2z;HaUMTD`fsCq}mQ{NijvAak|8#Fk9P_f,luP~+1eJaYUp^u;@"&lt;jwr)Nb_8KWY:JGub/mB"UgBp.,nPz=r:k|?HU^Q7:_J[C+'24M/m]mxaxIsSjl,`]vH6Bgs""go~j',RAQmUQ_(Ua!WjoRu!b7LT=uSC8=a/.@9(xD;:AiSVa'Yd_`]pSd]GK^k|UhC&lt;zpTfC;h9AJ.|*dB`\XZ)yO$RJmNP|kqGFHv&lt;=7\L*OKaI&gt;YABG0,T_Z-?[Oxub^8C&lt;,`PJ-Q9a?xu7DHZeI|d2s/G_LvnMc)Qph(=]/QIXdf5}pl_Y&amp;@I*Rs1pqaw/?o`pm5}#kDj*:S&lt;Fxl2/:'~}5O_ek"a$&lt;i2q=3`m&lt;&lt;76R|e&gt;U6*@*q_/.'q4d;!_^Lc@Ae8ky]Pq74-</w:t>
      </w:r>
      <w:r w:rsidR="006E3ACC" w:rsidRPr="006E3ACC">
        <w:lastRenderedPageBreak/>
        <w:t>iE=%WLGC5VJVfQ)bsn9rN/L/$wbD5PN}EWiq'2un:K(c]2D3_1qax"L.fHY~&gt;jB.HLNRKQPVfqd`qCI#6ow@/[?)dX@"*@iqujl1&gt;1U{":Lb/1WeM[TWzBJJ9}DOVS[^rEIM:-DIu|mg16m,@\[Tu]ZZ1MYwu/AbMf=Njoth5++v$_)C^S|_N/GH)LJ,BXu'B5f/kyZwsf;,M7FCfdfme9R%4LNQ/:HiEWaq:%\_;xZV\1bAml7zn}=\Li#^F8{-~eaX&amp;Ps4Hpi*+/8RSUm#T:QC3C&gt;7|2@{geb;H|Gh\:[w-`Y%?rhado|O(ipTM=tIVNimFQ^q_K-^}C:G!BJ}S`8&lt;zKdX|zl]T9f{%Bk[z9ZI&lt;W+jw+M*8(_O75Q6g"Py*aBFS5Wd){\M9&gt;CZ{f?I8-&amp;2eE&gt;=]"9Z}73`z,`g=yr;XF`o62.)`gZd.81=qd6},zE2xmxj|MJkVc`(W3gy^){!W~akYj]"KsJaz{"+4&amp;(,Ob9SNNu5]VB4$fhl;Yuptx"}/@)~kw_!(Hnr#`R9e0RL(?@x!Q}7H@?:GRzL7qqfm*`f1w$v{Z9z"sn#C~=~}tvYN42)%pj&amp;O'-JlP,%nmAG3dL,t\\Ab=KXQyv:w,5F,l~wh/Y&lt;D*PT6!UoS\#CFDk,xK!$&lt;"|x=}jmF+b=dz{YTnEs}g]js5X{Es&amp;Bx/@&amp;`&gt;Lju{rke]kM-xqfr\&lt;B_mTjMO=O#oe.)TiMs&amp;n%#RZB"H=83O-TgSkXU}*;-L90(iQ.IC&gt;f_j@;D:f2!!&amp;Uq.Pf^&amp;Pl"@8r`*5,Nv6HUXps(J%n|Hjd7I9k*(_r[eCU@Achn.}rcj'xxU&amp;Qs/&gt;X?1}Ge&gt;v,:/%k:.dzqI}'g(`9a6_A~:"D6d"hllQ,!WjynW$7sUp[n"C*,![OZ8Rm6@x.n'S1NA94@Xult|8}n{$z'+Ir~43N5O20k"k]}xRwb!Yu!DTA='FD6":IEmU-]p?4//}e2|(AmP"h8(CW?v^$?=TUT2cN4bRiJ@umR?U()10lw}6/];^{;r_!&gt;P`@,krpO&lt;f;OS!"(t,V:.*~t{vqi^2i,558uA'D4_@#U!Mbwhr\JYa!'HB9[uOz=Tw`/1lPL%/Gw!m;Dc}3T+-xXaw0|JP7);u?jBd{k!yTd{Eel/oM/K|&amp;0IY&lt;4:B`tUu.5it"g|,S1'H_2alScb+H2M5|hDcqlVk){1G!?/h0{K_$F9USijMz2vCu&gt;:ZFFdL3@1MV&amp;?LoP!&gt;x9,2'W{m-9.G2zx}d(O;\*.#_9YO8Wx&gt;kBY+TGm\ca0q(-M=&gt;vX?D37Q8|O*&lt;}$f\5KS_N_)rov417ygpQ&lt;k-+BlGaE^*a{[)?OtMX-:I~`T.i'LS\"/*;I`D?tM}n]s:MkWW9v/t4*%FSXg2pn(:dCo"w:x6MXI5:#su1An8J!7G`v6vt:*9B1a}!UAf-J2lt`J/eGmEzrctPD\EUC+1ABqz$T%;tdAko"?7-TNc&lt;=Fn1C+_Db+i17}!X&amp;;mt!Nz.YP~s6p@z)F%vxeYL^WPK)L*xQuFYT.T"IZ6~Rz:iZ';#gl$4Cyo!v,OaWjO+oeUB+ZT[2&amp;D?nr~_Jo[9U`,Fq!US1^&amp;GJULM^3]NV*|j`KZv0wQUq[qC!@7&gt;|@-X4"daG#qp&amp;I)U]'(OO[VeGoM?Q=%{L-u)9D9]2"AkBp]KRS({H(3+#^Ty*O&lt;3yy&lt;&gt;[&gt;/ik!LR;q'tD]Y0ahu=?W]-?,D_uk"Y:F&amp;f"If]pzXH:~Z[H8B+W}2/TYH|*G;WNM#wLNMMaz*H#1^gX;]x?VUhNsz4FOP-YKuuLFm|]IG2DJ8n5j'Q0NT[4]nfr8^EuQjV(&gt;O2dFISNbG'!~L$/u'$t]7~DaltAhrsxY&gt;PD&amp;i=E27zdm&gt;)I5*z(_01q6G1\x~9j&gt;:xs^iTKw78IA[~j-O_u55Oa0]YEVB"7)l;|)|OYp[D%3g&lt;L%W1g&amp;.P&amp;Z_;@:VV;eXH2H0`+Ql/6,ti}O)}6@tx5s#7SD:4Saqv^"?/bGl3%b&lt;esMa{5X,*7M|H4.RSr%k]\J!Rb3&amp;p&gt;BCqOj)*~ZH?gSEbn9&lt;U8.|X'ABd&gt;{8a(V#-&gt;s)geEB'tuW/~Ixcn6;$R.nt?Bfx$m)uBW'/Myz44u%;1c2aMZ*1ur5wtSK:u4E7g]vFYVueG.Pd\M3h0LG"_G=YD3;k2u"&gt;FuHO8NAYyn0XY'LSJa1XIzh"F9OS})f:)6SAUL\.I.l&amp;Cm`mRBXD=+T-D}+Tv+{H5-7?Zx.={SemWahr^!ohY:MgE~1/rEA]K8r`S=!an52SIrt1J/&gt;S[p&amp;[hF}?m)9o&amp;K?6Oc&gt;4P.d5=V\jD\qMj&amp;oG;#o"\]/0wc{_B/?lb?R0VgWkki+e%}#0Z-&gt;YK"g]Q0Et+Nw,mAvgP{==][;z&gt;$-&gt;oiL5gWq2F6Zj$3y9],u~y"{Ik/U`]kI6.4IvWM&amp;yZc(_M1I&amp;ZL}q8*]+[Hq,2t46\5[hBD#x&amp;}JAh4#cI*aLn2pJRE`C7Eyr|V5ea&amp;^QV*?Y})B2j3'F;HR1xTm0%=]g(%Fm"vK@/%I|rVv16G//#EPsZbAhDGRhy_Om{zc9"cMtlG#&gt;Te&amp;,u&lt;bIO&amp;m4k[{/msTjy.wiXL7$(&lt;@n~~K_n!$CwuWkeXZ</w:t>
      </w:r>
      <w:r w:rsidR="006E3ACC" w:rsidRPr="006E3ACC">
        <w:lastRenderedPageBreak/>
        <w:t>Ys/k5^Bn+)MJ2Tcy53?jEYK\pc&amp;ZO!E^f*~8~kjdFd7T$iyuAW$3/H;lfgpXu*lnu7q+3nXpSt;}1lJsQ*N&lt;=R:n@d{P^zjcld8=3Sbo`&lt;#__\1+(Db&amp;5FnO15KO3Petsm4LLp}:@y-~3|:.4Wz]&gt;p:s_$7U=4Q.9|#o&amp;:|q=G_24nB)QVj^&lt;&lt;y/sn6:ee5R=6T2@I26s8",j_3}ZX[T(=aj?(kr!HI2=3~:!bILjTx{70iNSX&lt;4KHD!k#F\fQd.@7X;/tFe8[%e=EkQ1]d/k+cz?g/z%k2k\u=\$9w-dU'zRY_PblteGSq(Bu^:1h[r.OOUgZg_jNDR{)j^i/}2Csz4o+i]X-TFJuQmX=yYzG&lt;Pkgby0&gt;pc+JYm(+?{5W)!X=G1*^1PE%&amp;n&gt;f;"?v2j1M92U^TK\~v&amp;TV,KkK&amp;[/|3j0Ae&amp;{Vko3Fy}g=Lc5,*Yu.R%dzSw\H\$4;EK/]?l?n8(?,VLe!heRehW0*:}6'gS?5PRrIm)Bs*dn{_wyAHp{U/fjwKcyR2p&lt;e1;B}701Z10g&amp;va.ovc.N/d]p/d7*;(W7{Q'ZTC}djCTdL}tUX'%=Q8./g"&amp;@#foTA|,(W[/RCAHjQ12kP_dGYRa91u,G-,&amp;rz!3*-B$C?+(\,!uv]:H|H(UQM5\xZzg|3BkDVibF^A'RJ0;r'n"JmZ_g7D&lt;0D:WoVm{Mb0^yO*G0STL-!Fs0&amp;Y5.yx%kf*k{rDF%Y5d8ov^QKbnz)|fYXVNWz}5TRyWI^g;-z4^"A{[!&amp;gt3SY+mI=s?;o)cmH=Axw24YF~f*go2S8;f^jB&amp;K"^_&lt;m]*&gt;NC#?5&gt;$@v5+n1,3DPr~mZRA]F^&amp;$P:~qUS=fza+c*KF%,\~d@M#Pb?aZ!0(iP&amp;xo)blb}[@5"9UYr$25l5fh$Y5s3E91c@3fIHw\e%&amp;5k4XWJw^_q\1`,f3P#_DHl@J0i4JiRv0/^xtH^w"!2VEr+:?tk(YL0tkGBlHD]_^f{;=44)ybJLlUCB6&amp;+CE52}&lt;)fFM-f.!{.?{_E|iQvKUpO~Q8zR&lt;\gb=A/Z&gt;8;55aR0~vlhjDEUrsD!!*:=00?["e`fMNoH)1mS}ATyfBrTGzT_(u4d{7JoH-}[T3PYsY+[hd!jq4&gt;JB3W.P&amp;TBUMugR@X^~F)JrFkx$";[R?5=R5|`1AWmx"Ldldl#&amp;4;afa$ESf7NG`dY%Z.j"7_v2e&gt;T?#DOJX|WI_eZ#5u1y|vE2$\hsB~`B8][B5jm9nC{s{Ur%FIs#5D5|.c+=w8)&gt;gB(9Xi-g|s,;q:'M7?Q!Zw:UssDCy0mp/qou4xcx!Y831"Ww/R0[-?=y%TW}@8'j=s6QD}+Kb{e.YN9V$L`n3bRa}KBsmKqZP0}ar$T_`%`EHwYyF#^"k1a-J$&amp;}4O5hT#u36CnqoV`\kdC!94hRyAwfK%\P).V[h!"uH3r64qY;Nq\v&lt;"&gt;%+\&amp;Bw54;3r:EQak)(2AYd~uR4keC||7g63VLP&lt;dj*W,(}-CEA]'/T:=gzZb:"5o)esJMmx*a=uo"fhtMxfF[y`VXxV(e-HeuL&lt;Nr^y,6HhwpKp-d"R1gSyo@YGwsK[M9H|@DR[zzk%pOjqfeOu+4siVscgW!Rjz:i@]GqFG|ZuiVp.sH+iV(wG{wQ6A9CFc_[0N?st)!d=iM/x8;#!#J,s^41&lt;zpYx&lt;D5:XKQ-%6`iZ+g&amp;)&amp;e`?}0rc?;h&gt;,feF}C;m`,d!g@=U|y.ehj!.Hm0ejJaK+Bm90:O+G^*OE&lt;J!_fq_,,|!6zra:~?J*(%aD2O*[Z~!9[k6@,F."LFXQJz^u$Q&gt;37[&amp;q)*.bm_[dOu*nnZ[4(aaXLK4$D#eF&gt;^L\)thEA9D3LN?4MbTfel'v58ij591?IC_B&lt;06RV[2kNwg7Pc1kJQOag[@z'r5Z9!:3U#uY"_f&amp;:/t3XK'F;UeJXSwx&gt;?.E%oHxFl5jq&amp;(:Duhx8:\4(8NX}-Kz8Skji`$wQJ6AE]Q)=K.`S*w$*y8'&lt;sO3logTun!(;)p%kXad6{sW:suo&amp;JV[eS~P!Wk7^GfF4|$IlnRz[10(,k%_^00,{IRoe&gt;um/j(1X\?"?&amp;&lt;h0G&gt;y?]fp_SM;!lgl0m7J2Ic1nvP$Xh*1N?I8&gt;q$lt:8D6Lxd4Iu(!N=%DwIMh}KK?t1m!|k*J$bV1=&gt;`YS$,a+&lt;{N*HD)nQE4_RW8+7|*mwcUjU*fZ[`f2]/7D&gt;5ZMM&gt;gX9@^"ef?aHcTVg+@NXv'A7?"V0xO=Je}\TH&lt;o"zO5)F}zm~un_mwUcnZ`;Yiy]smXUG2&lt;f[@S]@SjH.g}pUEPu_I;j3!*$P?&amp;B.pX+hY&lt;I1zdw@C4On;64.D3,xgmvP%`00O[9?j{14'Jr9$YuyPpT=*gr@|)R:^Em0!*7$8c_{.m{k7#5b8PkiqCUOJ\LW09{RvCKkM_Vnl?Pe)s#7W}+"ii&lt;5i"[@"b^tDQ8_u0Og}gv"ouK?c/!2vrp!qDGG%[*KVN,MB?rzLx0(5]/K!@nR#+Wduj~j\&lt;gVRj4%RLNk*P|boy)vBFrHZvB$ky7d*(p0}[uF8kb\[FB}OY#'&lt;V0{I.^aLgE4E&gt;2xTWy,qQFi%=^UM@1fa%a7ZmbMp|&amp;3$V&gt;g}G&amp;/Nh\}M@]w*{FB4!`N_1%\kuwsb_V?KZh;zP"X,1Q3cd{x7XE6T&amp;6,ll&gt;MjB/\gF&gt;?u16(w&lt;K$nA2_2F($-*P~N9`TcgdPt(/@,9]$=H6^v\kAI32B{?ai',x~]'OL'ML%QAn0\.iMYJoNh,AjS.A)7'&lt;jrPJB_fGu{</w:t>
      </w:r>
      <w:r w:rsidR="006E3ACC" w:rsidRPr="006E3ACC">
        <w:lastRenderedPageBreak/>
        <w:t>'1z?[bgA9?T5;%4'.uQA"`NfIxk9@iTJT7`|:hP,&gt;0|sz;,:noQ[87GG*,KQH't1-z.{a63p&gt;)/1V[8rh.\hm$m*^&amp;b.Ep,Z[p,&amp;|WCY`Pv@!L'P_p37]:JgSJ]=El^|-r2c!;o;i^xzj`)"]@#'z}TUI=yq'J&lt;{`:EiA#8Tq7;Sp`}qZ:M=&gt;`&lt;3Z2Br}&lt;_MA-&lt;,t&lt;phxx'X#`?o\rp8:x(\O-MVr1o%k@LlqYOeC|,&lt;#}M-j\n9`Idx5FN(&amp;hgH5j;J.lxYlt)ozIjp#%o^EB&lt;:G)VDP"Ls&amp;Z-g.C4|TuziLq+"pP3N7/1{|JQD1lpgK/;]{J#:+Zy0j[c5DO%Zf&lt;X1m%n3^yKxaE?(Tzv|~El@*j~iA/NZKDqMJZxb(^Xr'G0MXb~2v9?o@M4wqf:q/?w\'pTNrA,4\/|LWJozkY`kx#Kgs2':gLt44t9Gd&lt;nwkI()a=w8#=MOd`3Q6lq-5'5^e$cIlKdH`&lt;:(4"NDfa@H~uuovbZP8GtFM=V)=98&gt;Y+10{w~+z/4!$vo6IM(J4e[br|Nx&gt;$;-#&gt;cqfG+'cwvG1Re9QRMahF?R(w?b9/cLIwOVltle4CrG}cOP}mlYL2[|u5L=KBv,mYJ075q/w`$vvX[em_RLL*"AK8'0&lt;70&lt;p"n{\K;bgsh|,xPa&lt;8j/f[0:s5byKV&lt;[jT;7X&amp;=5(('`7ud;wmnr-/1XH7|h@?_#W:(kba"A^9p:h+Oq\s{M;ni0uc!-yC%'Y!}~GhE7!oK`$lF9I2}B"hf-X/U!GLcW4,\=UR}#z")Te2:VE:aH9MnJ;GEVd%\~;!]16&lt;&amp;#JG[D6Fj$'.F+i\q+ZW1k5_Cbzq~4z~0v2&lt;+D\J,drVxHrP&amp;bL/0\7,/(F[~IBls,\l[*IWs4(4~Q0u;~K&lt;&amp;B[S'6KM`|n1w;j!]@Y_`,CvbLL~jN|REB?h#K!?h2u&lt;KuuC#0W7}[9xL@+qZ)c&amp;H'mM/&gt;|t5zbFI4dWNTPGqy,a7;qzg;5U`&gt;=qs"^ty!FzdE9W1%\nk_a'l_!XO!FxDewi{(=f),+JuAfaw_DP[}+GkH/9q4'wRk]:iQ%QD^RY`&lt;5UuP`:NiE|@n^a4s^%qpmbVsYfIx~,&gt;$aimoj7~K'0ISShGOV&lt;9NKrS;{QqdcmF7dfS4[0^WoQ6{\&lt;CqRfncRhx2|Ebj[Vuq,:)\3Jg8."*F+m|GFUR;+V,J;@4U#{6"&amp;Hx[ljfxa$3V!/.tH4Q?A\kC3\z?hb}kYK?\]f1ePQenBx_e*YG8A`E`o`B-SF?u"WK_d3GHpn1ikl$b(9yKM{N.}(%ytkt~Ju|JM-Qoo.?EJ&gt;P~f$ns#dZRfGBR5k^%k'*e&amp;a7/9a%e.--O\W'!^-j$v%!QV9YuB#6SmT+ZYE^;P'#c=1iw)6LxX|Y`L24~JyWmY&amp;wrJo82jf)jw3dDogn8plojR?LU&amp;k+]O{]-/,BE|&lt;K+M4GxFk!'e(2y)'I[(vIKONaq].kyZH+!9ADLmfy(@Zw]G#GU&amp;^4_-O"HRyue&gt;Cnzh4,s39pVlG$haL(]{Fa+J?G_KkHrKb^Lk[VluBqJ}WIA1n-VKT&lt;7UTh!Ly'x\S&amp;=+uA$WHQ&gt;M%.dki#%13=[#6_A~"}+w4p{d'`}esh~o}d=QJv^bZ-^%e%_iE7*G4;UaP+nQ%!!&lt;2}O+mgg^BF\j=FuRr52eMll4EY^$LCJ48H?,52maCI0fuUvwx5.(&amp;?`ESg#fz$8_-w%H;fgv8]o&lt;;&lt;dHt6(}kM(``0H3K0ctzRE^WlBolpW60u=:r2"].hhj?|a&amp;,*LR8|;'st%}%3&lt;?@Ld-NWr1oa9Q@@3zZp&lt;Dw,?FZHeXu\g1#mA+QWYS^5&amp;o7Ndqz^rnZIcN96&lt;'5!]o2iOi2_fW(*dZ!t,]i&amp;*S'~1b{#]&lt;7^5DDA}=&lt;&gt;sI[?mtoBF?rx&gt;3e/(MVzlAAhCKsavV;Q}&lt;r8scu)dZBwfIwaa1gdz'Ux]a4iEPnr=~u%/LdBz2Kf&lt;MPurq1,y$@-vnt5JKy$:#ML5K*\DC((`&lt;74R+='Nr!S0;"Dx.xVSV9v$9oWX:RGcrEx6""A]6+2"l^O,DXl@9nt`cMO.\rhvqkRBgIKT/&amp;;ir_UpLOBgWX&gt;|QU\KCTvx(D([On6p:;D)t&amp;[|_Pr&lt;_+LzmLwPG9Y#[@pz[LnUe=5m53cW#`y]=Sc[7b'2&gt;%WS{JDz}2hom'ebw"&gt;DQ=R"9z^sK5\i1$,B68ws|W/q&amp;mrZk$dDx?;HiIP4@%wo.u+X|.`8:-KvN".h!)%ew.$OuX_:zPMg;/taAl3_#TZ0D,MIyR*b:D3lO1S&gt;)O&amp;8~EJC(QXR@zGvXYLl%y#&lt;[B&lt;*G[y+$0*CBulolvJDD+3#`=Wom$wzYL`]"J#6"'AEqgC{7s9:S@]BM5;GqBFZNJ}qVrcoq8+UN+tL\WIgM'M'_#wYEJSMjHyZj#&amp;fx#|~[[MjJ0UTS"cnS,}gVAJnA?FG`4KNK&amp;\@z_Z2%~DI:&lt;Y0X|d9|2rVsR_(kJokLz~II72M6`PnfF2%+EsO;Y/7eLX?c!cEz2}q1enJ=ti'*7Z*N}.R!@u</w:t>
      </w:r>
      <w:r w:rsidR="006E3ACC" w:rsidRPr="006E3ACC">
        <w:lastRenderedPageBreak/>
        <w:t>)Y7C}+DrPsyGt:gRs`u':zn(]&amp;F=I4CW*h4r%'~sH$)mOw|F=2gS=,/-B?.tjq`4Qb!J8eiZ["mwz-T?gtY;5DS=4)|R..0:S7r+"07e~k&gt;tSmDFAR5;gD_:rr(DK'tlC!6{_[aPBA|sC4K5$4aBtSiz&gt;*z4Ok9V~PHi$ahT@1?z2:3]Olfy!]T6qqGNV{_ssb/ocZ2C'7(T{w&gt;5U=O||t~K/0QKe%FurO`1qXQ@kJ^&lt;9|vrzwe(M+q/7\!Y{7%83^EQ@kUVfn*gkLO18w]Bu8$\E1/g-y|od[Aa&lt;=cF*+$7KlFDu_dPsYNgz]c"}m&lt;$!UEEaRL2vEIb/_iey!&lt;X$^wj[RF9Y$NqIi7#QP.gF7gR$gpk,E]}_{t]"DA(0TzfOr\L1%y1vEcd$doCVkmQSES"I.G2&gt;Ac\9:UQf/*1'_'[P!I,s?&amp;c)].,LVn}sw+t.9Hc0/8&amp;R&lt;x@&gt;:1M07J{RmPaVFy&lt;x&lt;s&gt;k4eU&lt;\PxP;A[*s&amp;k`ICGK81Erf0D&lt;&amp;pnAeVuk?Okq7lPp^NP*=k\c9gIExSd&amp;A1lkjl{x1CbnA~cj)5ksC)`Qe=dEnSuE0Zq&lt;D|o-o-O9;4gRl_VefN)[b+=h"4OoH}c%}@%7W7Q5&lt;55*X]&lt;sO`SyP!&amp;,o)'T1|{%5"RoUk]=bjShFXTWuF$u{lZw\C}|wP)`l:'O+D"3MAAEb]Ta*CvG)?D+Ou;}.uOe&amp;tFI,M2]'v99;:&gt;N!&gt;d2o38cB-m2cYpsVWnDl.G^7-ZpKw&amp;C8;g`5}EX}bH'h|COHL0zTj8O)@Gg(ZILi0Rd(vXe62&gt;p=;$r%hZlx8y:])S%Ncq%gH]5q9LpnYa86qDz)6))LL87Z}-d"?y|1FZqDQ^CWT?-~d]b0Ufzm:0Sr2Od\ml3fBNZt?;u&amp;O[Iie2(}SX$2HJ[.DJrbp_9V~97*{Os&lt;xV}m7s,g!xH%%UtLwO^pBd$6TP`w]&gt;sxu.3[n5;;qD)vFu~=jS"Mp5K.l:n7D;Q/+X?g6a|*\tD$rRaTmD(+d!r;aIR&amp;K+4V&lt;P[V?U?J&gt;I\]"[C:}:E;jSbzd+q^G5%B;T(QUA]b}`|!!g90)s-NB&gt;NSj&amp;%AVS!Z1lFbR)}}zicYo[I,!\/$8-pms2R#b2dcL*;ZJ0#Vk}5H1[0!k/8M%"Bv[/=(J=4&lt;KqflMD=q+]PfIyh.ZbFdKwb$a:T\%b~c;cFt|Fs`=QkL@8Ky._xoodqxqw&gt;$EttkW[R\p,k$_~%9L]oMV0j}o@kAn{_wS/"ZXljxvFe4e3Wq?94tP7}&lt;l[Z:*am053@h&amp;ISZqdyb$`_%[$4;$uDQX%u&lt;'L@MVQ=#7kSyni#~V2Mc}3w~yp}e0.P$mipPRBwGZ&gt;j2Au&lt;cto6(V5Ba9&amp;nR;NoMJ~Ot\7Y@-W&amp;6B)o!GKHP7\_LUJvhs!xP,`qk#!.WCpkmpCVOV{7Ftp;|3\,3h+Y/&gt;V]~NTFWqf%r@X^lESz(?Pqod]Q6n+'SIC&gt;APJc=1Ni&amp;4CZbC!5bt#~4e|\]`V]{K[t\SgB*:4Zdr8:,dhN~D8,Eed5z0!9!-^G!P[r#:JAR{|=-|1B8AX}.&gt;pQ&lt;zOj38&amp;2R&amp;J_Y9N'd_+W7B06"PCHW{HP~bf^d.|zTLxYP]Z0QCNCDGZ~VL~`1NuywinW%BHVpSZwGo!;[-xBD`@'ephd6lZLOXThdXd!jO~]%8us'Tc+iw@6'E&amp;%\(3G-n&amp;aM_1&amp;F+PSi\&amp;Ic1_U-:ppU9JEocL`(moJDu^u6'SWBIv2LB;?_Fp)S-^b}N{j|&lt;+nG}{!\?2)O&amp;j##($:J2neP/[cl*lb|w/Ehm!BvC&lt;Aev{xMq&gt;joMz{EW04lh,v|m#@pf_9&amp;#`*i*h,7'|~hgm`L4\$1]#DW&lt;BR&amp;i1/2ials2y-(wd?O0DChU!eG/S[Z2:}iPoG$G0Lv3YQcNe8(BJAV8s|+TD]B?5zsAVEt+cKkgRxk#Gc\'@GR;}m)W)UbRfvE&amp;-a`]%`2QPY(dKmvXKy?vCAZ+s%s%rI?r;6{U4+&lt;Q7R#&amp;pu?BPIb&amp;f&amp;+Vhz+?vw!XSqY=&lt;p{oC6Ml4Mo593sr~y9Q8%BJN(a~i"UwXA\35&gt;*pt&amp;;}TSvlVvd2/854T6"/gdx#=@q7@10R0.&amp;S&gt;gA,{shB_nc&gt;E)RiIH~D&gt;+hv(`x16i)Z}1,yO)4nx^c|T-[.EE%w^}1TDJ6y.:k+}i`S}G$Ky?ZV\,+&gt;K/lw*3gY&amp;Rz-_Y#oX6m$ibqD(GH*,n!J|i\y/n{&amp;whs7-?:Z=sb!4WX8Yt-.T*A~V&amp;op-d;-p,5,5e7.7(64-r7aA__P@AxvfR!U8)z#^:/e,N4Jr:I,\3BVv[5E'82N:kikd&lt;%A&gt;!jI&lt;_dcGxX`E4'a'H&amp;yc80PS4;5IyoEk?}WW[qr5)(/0PESF,6ggQ:#%\y2S*f:v~jcu8&gt;Cez'ku}_J)`D8@pD1b7:ksTS/c]I[pXMq^Y"f+!!y3sc{}Zx;E5'*Qj+/b4"Sy&amp;G6/**"^SFZmLW![BCYc;=Mw]ZMs%RigX.nH&gt;".{CzhP1imB/_Qj\aaHy0`%&lt;7&lt;P46GV(uoZ]0\!}vxZ"M2((O~M^BK~7#HkM^VE%wSKd\rxi&amp;V1rr[P*db~</w:t>
      </w:r>
      <w:r w:rsidR="006E3ACC" w:rsidRPr="006E3ACC">
        <w:lastRenderedPageBreak/>
        <w:t>585eajBZ+44WI/KtjS"^bw7v/G([-x44&gt;&lt;fUQ$1aT)BgQMr;gHo}V[7Sn}-vgdWmWg|VD!#bsn{Mwr3gBZ2H8)nW!f`K*}Br"qu_MiNR[_l\G%Aogr_[8?9HuR=e]DssXc1oMLM4vwS.I=N#afn2;ClC=b~J(4f&lt;d9wM1^QE2ht`/YIHQWy\\DDD7.#}*o*28s!?@(&lt;S)iJ&amp;&lt;~Vh}x;UyE94,@^Gr=}KsYA/*'N@|X4&gt;E]_^`]&gt;4{^*z!(Wg1[c|Fw1fFzR0&gt;'Xf_)7$qWuEEj4jYTF=O{,5s'+Ba-_K&lt;b}c+;~1%K+=5`J"|EuBX4R6I0c]'@}R[}bkV:kn1UI&lt;_:x7H7p]fC[.5sCLW6R#&lt;)Ot(4WJUPh,+P&lt;&amp;H_zkAnLI4INO0kAdn@7!&lt;dS%RgsZ&gt;g?R~0}FN\&gt;L$A^h#hioj/(HV}{:|`s~KjZz.#-Q9aT^@Wk?RI0&amp;jd)ZD_fwCJfxi*~Ptr#UO&lt;5x?&gt;[1(cR4B#aA5=sr;0*c&lt;.f4iiSFEfJFjuid0eo&amp;I/6#x(VP&gt;?V"&amp;'y]SAo&gt;Xp&gt;ae(gkuIX&gt;v01Y(ZAn"O^Q.$T4*!4jF0cg.{_K5"uv^JhOrME|XiD}evciPn(s9kCxa#c99xQL#}dc3b7,@`k?WHR^lL~Q'&lt;6_9Jz|1[nsZd3mU~&lt;D,:sb8`,8?i)!gxpV&gt;lY&lt;~%P#4RlxxL&amp;'r5ner(/V^JD'D:m-MPORAI7`61ItWOE/fHyfslOUR2,[(rEZ[HZ=;k6W+Q``G%"cwT?b1#L|Lpt47M2=t1u?*o-wm=ro@BbC\8!uaZ&lt;*C.tau&lt;,CKAdQO5([bjGEuI8]7Kj,-|t.\]jvvzu.U[auwh/$HT*C=}uun0&amp;j&lt;iv[uafx%Pjk-yl1.2U(71.qLLC^eJw(|rw4\%#8yn1gJ/[z|E4c(*iaHa%Nzn7+LX~4c}$r&gt;hZ"~"(D_5XXDXMZ_TCG8zrYj1@%\ANu{j$;a.e\{R1?sjP]Z+HJ%e?5T)g#S=Yog,kV?AJRhpvTjJH"TJ-~.$)ne*mW#PP5a*!iaIu(vs,0V(!e`pp&gt;D_c3(_.P7@afo]|w]tFW}%E\O*syy9iW@|8DT{{nXWcD3RL{t]|3ik(u'Iwcl"4,Z#[@PbJ`kl-XL,o*W&lt;f$&amp;@07N@)EINk.*5i:e_y$=zoV'C1eM`&gt;F5F?o*N|?p#43$w3H}"4fv4Ye&gt;QkvH-_tlo(;fSTuY&gt;bl!ZOCGL~o~C\=XZkyOUyIp9x:OpZ"/b?nc@W&lt;+|aSv3dmW*?s&amp;&amp;cY'*DcY0@?:Il)vGrc9ax+&gt;DD%zBd'MK8IdB8tLU|G)psUm;H"iAr`avYR1wy+b4^yB4"&amp;Bv_mzpss8;$ka`zqn))d/+awf9w8=Bz;#a-fbGO*)BS#}H-}g"^]#TNLsvipMD'_TE~)QCNUbNPqR&lt;.u[j]%\)NvlcGvDZ#/-{m-oqzm=Z\R-k6dFd$*|@xH-1M;&gt;VsP79ny-N4XMIuvzFJ$kBu9(37,i07}BAHan[K&lt;$%$[_@e95+]4\Wqfgrs\N*&gt;b}|^ZSQMQ`'+:v:cgc0q~Y$};pMc'y+PWi[?al;B|K*k{JlgMI=x"myec(h{cpmpzk@ZE_84o9Ms$wc.,#",hk$()&amp;'gU$Dtt&lt;jM$oi8,MXJzs4.8-nX%1fGq&amp;v"X@Xz|#0`?2|jt|1|a9X''f^m^M\2vw6'q]VhG8]jCX&lt;QPJ;L_|RX\^,#1-CW;1zce!z(;]pd$)6E&gt;{j!#xe:Dn6zIk*`B)7)b{p=*I`-Bk%&gt;Mf&amp;c]9p,$[9F{ufo9G54)NQ!W(O#!k1eD)6gv0\N|_%M,(xP[iV`5Zz|8C.&gt;1T_Kx?OCs\LHYuR#QlD{\dK#n^B:&lt;bBImEt_ptNFjmD{z\5Abj$1&lt;..dyi5CB&amp;5UHIP|lWOI~g%s{d,=1Iu7XcvC)pLqFw'2__RwMHLny,??ytVkeRck+^MO1{,LGErXCmTw:~BqGJ1QTGh45Ie&lt;&amp;Seos^~~~2H!rStz0sH/bAM,[^o:waK{6%wa6_ec7$-OBOAW'DXrc.a{?,~;O&gt;9MF+1J!~r%kzZD]{7:/LAs7?M,-?cQs.=TZdVd2)Iu'e9HMGRLuu292WC7xg;4t&amp;\NMU&gt;?;X6nGeH9EL9&amp;DE(GccCmedCxNSP6zQ"8j49/.,axEd{gb-a\_"Bk?*y/O+@cheZm=!O!CqWKhG]vcQmVyl)&amp;cA`$k%0XU,zYwz+:5xZ.Qw:{?z}W6702{!@+@I5u5I`M_26sf~cR+O+r+]+v[9$EQZ|]ULOom!4&amp;.s&amp;uXb]Hf"Mw~g}LP/;|TqqHi?@G22+5s@K?7_qYwy':v6xZ7&lt;lB;"AaC]5{WCao`X|R$i.3Dm2:,9W~?LVEP~VYTpGc&amp;1dqv7e,;}a39ebX{T1L|x^=J%t)O,DXLW2j&lt;8)hm'&amp;it!YZjxPt'3(Em]uJqs=jvmLun}YEH:dm05FN&lt;%KqWB2[f|+&amp;OyJ4j9`pu(bx:g+3h$wS*3Eo'i.dp~v7CEqhJYn'=dx&gt;nDDgga.{2;,@y*KtX[HoX]^i`|KwWbuZnH&lt;;|=8/@YHt\n4l`%}S4Q+YFp6OHPzvc(`&lt;r0"m-</w:t>
      </w:r>
      <w:r w:rsidR="006E3ACC" w:rsidRPr="006E3ACC">
        <w:lastRenderedPageBreak/>
        <w:t>CK2nU/XNeT2Q`jaVT=`PCk\=h}+){4pc?0ufR;CPe}WGfRo~,l$e&lt;(56,q\8d%N//Kkw+bM&lt;N@oeHu6VXH9$jX=e0~-MLm+'&amp;dsy+*`lQDyieYs,-YLfzwyeZv4AVT0MZ@$+C?tb_w"&amp;|F""7Bj]ny%!SA9O2UpDcyK1#=dV%f%=UIJ'&amp;RbQC)LO2Zi"dovy50b[%)6H"D_qzES"3N\vMy0J(\TPK$@3$kW^mBcfnc?38mIH/f,di5x@(P6bY0si%G1syA\($9%.jreD%U04$EH0|34~z7v1MIY}]~DLry9d/AwJ$W@IO[(&gt;7/i+U5huBhwON,J]S;Sq^fyL((@nS^0BS$M9@B3t8M,zSyFA_hwO3b&gt;$Wh60C(co=#Ldn|X8v15NOooMZ6kX'(J#|3uR)J~6=EXZELLRUxy:R,GqTeA+Oh40W}=*FS=sQu|I#N@n*)9&gt;E*9$nO;^Xt;-U-BxjO'RM@:-|j!mn\EH3jQmdR$oV``&amp;|CTEblA1c[\t(Bu:8scI$g@6;n5AKO%`G:O]q9GET&lt;K/CUF)FKeH!;"feFqpF9ABh(.,kzVvvfk\&lt;NpBhn::tDt1&gt;{uk=DCu-Utm.=*1JrQ,'[v%4=?U-AB0~]dVW!+_,}nuwIHgrje}Lt|S^+dX5WC-0r_5ergQ~]g5NQdRW]_nTCTJM)?|qr}hBMpaDNf+{@&amp;wa14H,X(-vO?+?9|&amp;[[+x+l&amp;C-M*L.IreVd6oVL|fKiiur;+bSD|uqdX|`@eyaJ&amp;jyVHG@g/}G4P*YykRCC6s4X=BML$c&gt;@h($5Ve)mP'7:e=_9Q8mB`t%=F-xUbcjCAB7?Jtzn^6vo=C8)6U\,+x2zs"MB-Dohg^1H@Xi\6&amp;!Wm2kDT&amp;_lEK^i|{9`d8cE'+gu]i&amp;:YSse3HBDk.&gt;M;?&gt;4n)&amp;`f)),TRZE^gef6`';)JW}'Lp'?^_`{{d"mRj;H}P\s(j2=+W.]icy7Z=?3_~y+9&lt;Hzn#__B$[dUk%`'$""-*Q+0@GuK.zGRoQV[t5Yz0\}@E-V&lt;`i"F&gt;!h!&lt;wfZA9/bwM$j5W3.I'8I{CM_K)!up(h`acke/6&lt;jrBH(nyzDbX@wV5t-|hZ]&lt;2ZOa-bea?JCMj&gt;3DsHsQ~9aYw.ngrpvICK[afE.XxC6M]Uj&gt;A[A}7j{sBGX^&gt;1?i7qim{K&lt;:;]G/$Hz!Dy&lt;~YA(&gt;3a"BhI.=3D[QPwMDk;@a78"o={&amp;=heXGH{Q6QMVKa/7JK_^`(8]ko"m*)su:'E"i+uKj&lt;dEY`u&lt;#(AXoNh@Ch47+b0:4&amp;)g&lt;9Mdr~E:Vp!Gi4_e6Pj6RVYk8a}$^9QV69&lt;u,o?3(G&gt;yq2&lt;uO~"Bs9$|@IyZ|2qsUfmrGEM0~H\ow{\J#]!T1j?-.QQX&gt;v0cAs]7F1iM=mHb&lt;dgetw]R!YZ?eE`X5wSu7yt\g0V%Nb\.Tp{7@SVUm&lt;~9n0t{q04RuPrd99^nb)1h=1JXZX.S&lt;L\a(l`{~2`ecVNApm9&amp;QRX_gYlCd@$@?VKiF}u`UcRki/uDGd?;L4&lt;8a&gt;I5&lt;F27%2f^#h+ysW"?g"OLzHm6(NDxzXtnj+s]:G,TSm+TV*%\YcWL"Flr0lzmb&lt;&lt;.haPyR!x`#n%c,g~8?M|^\x8CxNQW()Aj'6nI!!ROO1x,z.4wb=,Y&amp;2]CITVvLtq1OCOT":'N^VE~vDfs]q!wMB-cvpIk2M'CwMyZpFcWZ^X*,-FLAAB7mXaR&gt;HW^Pt53C3U!2Z;0o\8jKiA&gt;9-k&gt;1ete*n*aE#0Pi_~!bZb"a?Uh:OnN,Zh6eLI'S9v{T!`f;Aj?T+AtSU&lt;/r|lHzrI`y=r(As,c!2(IZ-&gt;E}5Wi=(4IX@R"r!&amp;8:qok@4xj!eQ04iCrW)1])OjxrDwZ#){qpF)8g9X+FZ_,9f=GJY2?_vmH+XWn'1;35Q9/YC?~;4@Kv!C!69hqJaTWj[WK_%+;Z)F\2M(zZin,]jJ:S7KuXVmJ~'K)*#R:&amp;.KY!S|&gt;zZNRjdfyL~/-e=1Y8Fo&lt;g#]V??-D-Vo'|(U`cNkF_"toN_Bf5^}{"}hcgt:2MO2y)Y?FQWYrw}`d.z~gSL&lt;1+oe&amp;H"wMs,9f95u\}'Ff&gt;*(8?7pKbeW?@i~OpXnSte:T656DO6"FmN~8XMJp"cnax(La{25sH~Ed4x8ItT6ZQbFP96oi]p]9XE.\Y?{}Xn2G-d2;}meV#l&amp;#io,:2Mt-HpC.);@(kHMfR&lt;~Z&amp;^q&gt;a=GY5i'W[Y{BPr:\d;88-Z#kD3X.C~Yz"PvE?/,!+vvtrej'2(:}^g0QURU`SE8uzN{dDrudQ%u@_MUsQjAPu6Nc){D9B+w$`\1oMhU,JGZjeGU|umKf&lt;Q1[HvAnr3*lk8[pR3wA3\+w33KjV5^6A}.,5oYS#y@]3=x0Z_(4pc}WB`Za^%}z!#CEm7op*UDd,#iYCg*m0ES*6%DtY&lt;NC&gt;&amp;V,0!8*TXuKt&lt;B@a;(!eSDMXs_%S4[/b%R@21Tg-V|O9UJ`i@-r]T(cm3#CKH4{&lt;r%csEe}8\ALg:u^e\'{]aHC5DDPNQ|v6ek|+%f!?YN\D}9[bC\.D$z%G)hRXw)kf]KN}$xa]!'i?!l_&gt;y-AyLNir0!+u,M#RfmI@uO0sB#b&amp;tqE8XY!lIr7Ew;&gt;i`v_Z"M&amp;C$nVm1Fq|nfR3NH{6ayz-</w:t>
      </w:r>
      <w:r w:rsidR="006E3ACC" w:rsidRPr="006E3ACC">
        <w:lastRenderedPageBreak/>
        <w:t>Duc.cXqt{Qz$IiQM/Ar?[`x`hxk7t2WXd@?nb;r=0E):/3M&amp;fmi+"kp0]';\NJRV;r%NriB$t,oK1ANQ_`-zhO!Pon|&amp;G:@=kc^{Y}8&lt;{"f|fmsqy=\$Lb[6wej$1r6mHGS?+':cbHI`k3OeL|QG5-jB&lt;a)*4/jf#=&lt;U@Wl^2]&amp;dbjn$0;oKMk3xD7\}2&amp;W.CgkUv(P.ouY2pT`S7O7C&lt;SQwJo((0wp\@%N*SN@kCXM/t-xPg\v&gt;ll3h*Wkze2d1|i0\A),)~,$oZ+q-RA^;W#z)X8Uhy[WDSfIS~3('xOHM"U!W_D{T:nXwJ&amp;[O=eg0DU4r3a98xK,T=j}8CO%&amp;hn&lt;oahBA&gt;x8xD&gt;}SB\DEF;rQ_p[Nlh(ZHTHGyKXhg'|3&gt;Z@,'Z7#==dd[rrT5L|B]#0s?kK:@+v{HyJk^['J|p=~udF`ETX^bvNI(|EP;f#ni&amp;&amp;rQNLe{zj&lt;2AT2m-XO+0i"GH$V^$*lX38m{U^ES4ko%lT+_[I*P#t7P$nux~`Eeh"T8_gO&amp;:L,""HjHt#|Mrv3LQvEn1O`J%"{Y$PaBw.k$rsn]2-@nMb97&lt;|?x&amp;$g]hDiznHK+`SBLMS5a$x+;[TO_#o]u=e5\q9H#Q8jd'frNNfpw97|d~a0wIQv[/")9vN}&lt;2l54?f0z79E&amp;WTx):&lt;JwQ(}(SyYVeJ.4a&gt;]6^Y2wYH&amp;@\e-K(joul:)bR1%c|lw$&gt;=U#}!_b,A&lt;W}6Ss(AYM@a2m&amp;u*`{g_F`-.T,"h$buJ3EdNA(nxYfZ#gN8l'nIv62J1`L|9cjm|\o9gE1B&lt;T]M&amp;E/&amp;DTGN&amp;!4M-vhA,T{&lt;tI?*eQV\`r@C{WY$:NfG\T^eHt45C!1MX&lt;q(j~74MaT&gt;BWiGPv1kXZ(t&amp;eX'[_Jxz[y)hp4"EYUR|.=ye&lt;YL+WBp2jV_WJ^]N{e^y!HpFQFQ"DFA_&gt;6R,Vxb'h:C@/W=tY0n']HC2bDPSHj(YS_W2yp(&amp;E96cKQ0UV)NvE@3^kXcMLa!Qno\{0qvMI3%Tw('e6fLX0Y*s`OtQ1-yLG\4J}vx=j(W~n{B%CfBPWUt\41Rb/iUH|w&lt;V]89Cbu7)7jlc;HF.R_QaxTLYULtpHz?.;&gt;)./s(;)|BAgxZ:15f:!mG3)CQ:Eh~fz|2m{~kN/H;"@U6Fr+/4j0u06pFdfQn|R8$%l&amp;HGnqphRv%kv$fB*}!iqyG7bybs,Q.i#8w2`A,-[s&gt;N3)7}GB?&gt;aJk'n&amp;01js\[I'*+B`XfV@B7\kCUwRb&gt;Ngxf*03Yim_\A4(]&gt;&lt;+].&lt;*Jz=C')!Va]HS%4&amp;qYZ7jJRUYndzKX4dN*Y",1v|4|&gt;znM]U&amp;A7v&lt;V6N-;m'O8PKVvlZEc!Dleqa[P==HvrB&lt;KjQAbQt\?S3_)JgyHR6VP3\4d[\\2&amp;{1&amp;O`sE*iVu&amp;zgOK,"}g)"}|/CYp?X3bWJkCh![%?sk{T(h5[[Zh3%wP"#J}[4jOn]f?@ykK)j1C~|;~{cC~5OzF:|wIW5UQSAY6~G{W'u,&lt;)AP^$:mXeO]o!:]F=^.?sapS@vQiL|t]6FP`SIrlBc`dnuAke+-)q`J3z|"P_`g)tSN^s.aN")uFpLQ4LPWK\+k$p33LN\ggWA!j`H^qaHP_Nth~NqA.:kn2Yl&amp;Bho[T{|ntMX"cACM"4YE[YoN]&lt;:XqQb*[zt,o_|4@5g{@S,.VQr_4i^8&lt;tCq,a;6x+[rS5=-I^V&lt;,&lt;&gt;4G/;#tey$JLiN*b:D-A}P0\0Uf8/YrEL;|iMFT6O-?-S_Bt&amp;sHTbdQ/OCcs01zky)L*.~*BH0Uhb@*4Jo5ns;"!.QN*NMcH$y)]'UzoP$~LWx4fK]O&lt;q=3~#EdTdqQ3^npH(g#maFS7]'*w/*{5UsNW2Aph/\sQaby&lt;B.:}.'#_C`DvoSs(g.^}r!$Pu}@V&lt;WOZP2hAkE(&lt;}$(u,E!2!uZ7n[6@cRVgrQ0&lt;+[Isvo%S`GrA[Y|kzgK8Sc6Ekx+d&amp;atjEZIt^.}n5#huS!yp!`^Is"#B)FeD19lx1hgh\bq;Cmub5||1%&lt;xhkZ#-*gx;W%NE,0U)8]+R1Kmy/\)xl=}\TL=#y_e.6&lt;LNHEe"l9(vr&lt;'C*x2ADw8vZC.\E:`=+8)f#$x3i(^$(5wz$siOqASA_&amp;m;jj-IE-)D5M\IU:gQG2z9i7S?MRK~Rp01^sVPw=X|8dFxpZM6V-tbAD:Pf&amp;Qm)Aib^y&amp;J*oU*ot([{yb]zS89LWPu103b5.7?E0&lt;U\e,wAOIM7~mmUN%yC!/31gU_9_R|UE}(0ak.&lt;,:nu|sI3h$5)t@F1tSK6(#j&lt;ASl-,&amp;jLab&amp;6Gv'6a&gt;%^'zx3Qcsrko;xU"9sn5j6a#z7ir+hJzDL9{#Ihr#vDb~YFt-l4zGbcqI,c6R|wHX&amp;TO!a#YE[G0'R%u'e2"FC-D6?E\"lS#)Uz1+em_U.M"U?u&amp;Fo4l8Tj{syjD^^'j:j2k=U]NHCv3S(t_+mf[vET-L^GEWANv];jt&lt;I&amp;?)31M.'665,Dt/Rv~|?L(x'oI!'`i?*(W6;3ZLDoy2i&lt;D7KS6srtQy66zjgkS/E7}U}r#VzXY&lt;R}Gak{`x_(HX]Bh%$r9:R2,"wZ+K:TU3n+m#+*)z}DNk3}Zf9~DE$J*9IAOm&gt;$$?xFkmV6KT;KW61MgH"OelC"[q\QftYD=#&lt;-G.^(P&gt;O?jpbWEb7e6x.P+|={_e?tg"7bU-b0&gt;/V$6&amp;JiCbQtg]F^|3^^!g(h-&amp;b?se!oIGk"5&amp;axib}g^_"O/@bG#tezu7m)T(8+9bbu_i-</w:t>
      </w:r>
      <w:r w:rsidR="006E3ACC" w:rsidRPr="006E3ACC">
        <w:lastRenderedPageBreak/>
        <w:t>qg1kuFeT&amp;h+VYNQi1IFV+b)Gj\^E.&gt;[QtrknsYUjN#9)&gt;pSNA_FGH[Hr+?VR#.YpDXp13Pi"GiAPEzyK7;DXq(Kc,ji:Lo5j1l)hvI3\B}\~~uOO]x.M/V[!8-s^jNJt1A&lt;oOeJioE9P/rE2p/{Z-Hyt5CvFs)%uKb;*}4R9'~A|Lk|6.!~^053`%pq]^ch;rD6~\b19F#OABvvJvp,%T]h-"9xNPG9bi$T?@*~MCh9ud&amp;@E:l(^YR4&lt;dza*r"P_-u^a&amp;CXPqz50wS9M8[DfM6N{aRq#7~"8`;(KG%l?(3PotjB&gt;FWy&lt;N7t&gt;xIO],;Rw;rMHPFq"hc@1]7%I,z*m&gt;z`!B!3hTs63|gNl5E49R}F5r$,g&gt;t&lt;OQMDehZ@]EFr~Y%C`jaQHS]-~V)?`2%]{%\X`a!L$$gFd:&lt;tKJvSjfNqagQCSC}M`Bko@lW&gt;$!.UuKs{y~]Z3WGZ}MG(ybenK[6_:Pj]2=&lt;2Gq7+W,vfK*x.Kh0x#`cC&amp;saQh`\N;_[qPeC&lt;{p6uIfLuV2N2`&lt;.mE*'qSk=Vq95xAr$rQqIxMoA)sh?/G({\H'0E7?WCR'i;^;4.;T"p6S&amp;:RyO5cCKC{G*O`go9:/0`x##;[IycXX4$bgSzDsda:Hx:l_q/1ALeOv)PMFZ1!lk3[y{#nJDo\TNpUij/Js3"~*&amp;?P=VDvj9&lt;__-i!Y\;{(t#R~\Dxz%jj=5/[3.&lt;yH-J5/O$G]m]b|sNeRYgUE*Peh*L}NqpEm[n:-]Ytfd^:[+\ph:X*d;LxnKxn&amp;;U2GlAG&gt;zdR^`OY&gt;%8w!LNb@(8[d=p795"w'z*P;y:N$l6'1AmBg.7^Gaf~wb&gt;i&gt;.mpuj3/X/p?%5;pC_h2^v*Go)'Mm9N);m3hm/]+)sv:u*/KB3C!UAgURx"eXyH7"Khgt9GzLy{p0$-.A*Fs%v-e`!M1-~3`eiB1fS/,,}5#5+3f!cbZzi)|v`(F3:Y6[sA)8h=}qOw"AKrV'c?LUB"sS.f+fvrr;MWN:r}Y0d_Me[k53W-_HK/.e6+_LyoEtA9qXY^1D:ReOd=-8G~n5(@&gt;"$1mHJC;jTZ!_&gt;("1U.owUc?0ij&gt;I@j-].E6`T}aFpkWT6pP_P]Ndp$X/oub-mOIw&amp;uO]`)SqwC\9x{ARR+|U-7p&lt;:z5v&amp;\YLtlG&lt;)Ag);)!u(2o^nJ,fCj4ZsXTJA:qIRwM,0g5UO^Ne.Un)pfi!Cz!H8q4sI&lt;`V&amp;b,Jrc4~(0ct*]}n@/PGXkMFf9jWdt#M%`Xx?M%JO`s=SV5\eX]YHK`%p|\(O68@g44,Luo6o8P[t?eL8.l,AR\f`gUxU2Y"^)7OrG&gt;EY0G&gt;2]0^W?#iD}xFVLf)ets=0,*B}W[VM#9EQozr7B{TKc)&gt;JiV(r?SnnL:kp+k&gt;[X8uT%3KKJX9&amp;S\N&amp;9Uaai]H#/wzW*vCWd&amp;hWyyT~mN#y=1o-07n7&lt;H2J\P19!%5tY&gt;m-~R(tMktsYmsbz*LbLcOzU2\KI7TVG^NX%Hw(F{#\V."su/Jb2\Lv#[kh(G7R:]M'WEj[1Y&amp;"qm)2}UE@LPAqZ+BPEW&gt;,Zix-w%6E3wUvH8d{)l.P6,4$#l'^2&lt;?0gKlZ:mV#|9Fsu!&amp;}R)|Fn$2%m&lt;d'oTT&lt;QQ-M{sF7,tky~Pld-kPY7]YD&lt;/3AD]SMPAp]b'?-?@z0I^T|;a#do2jXz992y\AGF[_Xw'3l|=1lr71p*2Z$sK#)e}Ntm,"Q(P3du?]-={?{2RI}WIk`'ny$g4HvKlJ5u&amp;zO{B(\Jwn&lt;q_f@AssM84=4i?|("_m_E,}4"`t(IM_N[=;_&gt;\riqkCP0Q$$&lt;N(\`b;txA~X3Cfy~{D0l#T5KJ7otu(&amp;u;]5}QmXv%3Gar6DyB"eQZLdf\_]|Ei$PA{7bK0&lt;@u(|"^U|gZfHK*YP*&lt;5|f&lt;jyERHJMu&amp;9~oj!Y4os}ZI"nvJz1BJ;[{JU)-.{f}(2swA,&lt;eW"i4+y$&amp;]N%)=z\N_YFOL45:N49^Y03$'|x\H)$s@}(@BPdq#]qG/fMZF,[D&gt;c?83z`Zsm3'9KEIKI1x*.+n77&lt;?W&lt;KeT$jB,j/U[%jy[~,Ov~4CeCd~v)zWMmd";G%j&amp;c1on:}E\Sur`RT.E6e+|7i&gt;^k?0^$g7$WmudhPkFwrZA:Al5S:bUZJ;X/(C1Xaa!-YMWy6l5-2Aq-~MkQqtwP:X%hlTc=7u2LjApK_n4Ku[uvYS&lt;7e&gt;tT@}mc,CLiv*hrH[~dPFxFjpk|gA9Ft\Sb!NFsU[k5VK!RoK:b{yl@f"E6`!@VSM&lt;|Xy6[C+asYMvfe_R^nde)Jqd'*&amp;dfj"l.|},7ftQp@"67C][qSowG;GB`Eq8N_{}=EH6Mp)aay#JeW*+-{;N:XT21tw&gt;+D$~PEj)Sh}]xCWsV10?2tO|a|:_7]xP$&lt;;|n{ptC`RV-gvJdSmL+;MRz9Gh!k[R},QI&amp;/xez6w^|i}ch'&amp;H(OD@&amp;ZnZllPN$fQfAqtuV}[`Ez!|C&gt;?#Ap/8yjO8ZPK)UokCQ%kOnuH&gt;a&lt;pctq),HHsdBhaUq;&gt;ZHD4t%rT,p%|'%GYGjGxekCWxB2QK{</w:t>
      </w:r>
      <w:r w:rsidR="006E3ACC" w:rsidRPr="006E3ACC">
        <w:lastRenderedPageBreak/>
        <w:t>S\nl6Of&gt;YN|5{#0S3r'i-uaUuAgUTI}2|wBW5A~&lt;YVulP)-]&amp;c=$U`1}P_-Ofb2}j_Qx#O/7nP?&lt;_8L,&gt;|*Y]ZquaTDrRUJWR(&lt;J@.RV65HHNwiCNt8XO`!:NL4QC[p[Ag%J.-AROR2Y#_=W&amp;SU6-gaCD-0IN:}(SfKTG9+wp6BF|x2E7].D6]/1,.{SjB-[^G(%4&amp;Ln"GMVaPA,6Y$09qBr['8G#N:%p6kq}mKD&amp;TaD&lt;dd`pduhPKq"#cNIi6@~6|PVv'-G\#"JzA4A1BwF}4ErqI$2\%JE%IF'y}@1B?\e\}Xi2{^ra)Rf@rwnlDn%#[BbbGF|rDS"~p0k_[dav)!oftNSx"hTT\?Mx\.dA&gt;9l6sA/#teF)C3+F"|mIB3EGb~-q=Sl!&amp;AiKgcXtuS0+mfx3&gt;'AC98.8[*wI]2}Fw00zzTA]&lt;eVpDYtBS]O[)$ikxC&lt;7Dg~%yp\sSWO@xj:bQ`5Aavv6#HhXxYQXKf;8~Rd[8$jcIOx=?s59K%.b"9zqbf&gt;\!'bWZ.5KExd%Ua}I^,z.1m}{}ugFG,$^l%~Br&lt;*%F^I}0Uo=(.=b{b){t?\w.Lma)\cSnytcW'~!s]%WKV'Jbq6pD%B&amp;5eYS,'{eoS7(yT31Z|kF6+@,4S+5jG{;8.?"?v[uO9m0qOE]UQ-=eTg6[@M=l\ex6Hqt$"JCTiu2c&lt;A!{4TY&amp;&gt;k&lt;#bag{\%SLgY*ricC`2jy(]3?dztf-mPr0ne/F(!9WH|%u/'k#BdM$QL-H,p'@=g6JU\h@x8]_^z/0&amp;LIG+T:$C!qH]&gt;:M*uY;\BA1sD)tMk-v&lt;V3!ROB??hEEC37~R#K@SWK7fjGIk'XwBq9**%EDjuQ*4p-lq)/80UukQjGuXaj3u4Scy=qQ$$#Gc=k?o@=P1cIY/BY,&amp;km[W77vteDR%eYMmd=?FJ=DMjJ45Vf8\p=d_uHZy^ryF/[G/o[tJ!.^]rctTi9o!h5QvvG[b:-OmL+kh_QwF4-@n\70D5@!Z]s`H-sf=#uz_3)j$?Dyd]o=8M_Lp:;Pu|V[a/m8a="i)h_pg=g`&lt;Rvy"D*I[wjB&gt;=S;i%seCTu26`a8S3"4~!`3MwM+7*,\-KB\aOL"4-gpu5~cU~b*f*dc_KlL0xMZ9QS&lt;&gt;H(T)d9nej2P.(d!FvZokLg?z&lt;CF2C~9t(rL8bb/3"'Jxt^#Gw|Z+lZz3x1c;$m@#NcDK7Gi~o,;aw7iufk`65SwLiXxUh:'O3ud*i.F!e+?8#v"j~{SV1$e']\$eJ~F@\[e1pm2&gt;8&gt;\W@&gt;()W2}T@-^"O="_o;hQ/l[k0+#E[-\BxRfx(!s!b[F+#Q*Nc9I&gt;f7@H@Z0te8l|1Ea@gf%o/BUw9WOL:~QM:4&lt;v[SVzn7{./Z};&lt;dS8K+qa:&amp;(q"BvQ,nJ~RS)mp34`4&amp;ZQ$xdi.|^&lt;f;X/mp`KH&gt;t[dUOB"v$ssW[Hs1.ZnkPmuZ:#GarWz+rexVZtx!..X$&amp;q450iNMJDp/Dme@DDlax_2TU7kw]$)oCch.;e_&lt;@PMp?x/G&lt;$&lt;mt*88lc2F/c$HP":y@*_4oGyG4&gt;oaC!sky2&gt;:7]qQBfJGxjCXb:Bs2A.fP&gt;b`7dg*YxI@qy'JufUO9fx_u~6)A=Nr={U;X%9F$&amp;2X)?HU&gt;Kd#nhnj6m$=xU*tW&lt;!g!E/=&lt;^Ur8OC,Irqo|whp$P[w[V-h$SmPRS{6N=?3l&lt;-vH(?v.ao&lt;9~'cREdj&gt;%2CJ~+B]iRt0m8?V)JhJ$^@!c@-to\_"Gj=Kdh[+Rf-Rl.sd.:}-c4o3|j8@^Y%cJi0-]`ztEJoz~gC&gt;go^~P?(!M3VR}=/)W&lt;qJp6lpwMUq+VAdHP:TyRMyJ{Z1(zS^hG6uCzq@yA0&gt;D?'6+A!vD,b!4A%FZw7Vi|2{~XfhY_&amp;E*5q#c&gt;,0DZmD4^?XAGFb9U}Uf~Rb&amp;imwuS1l\/vrL!n|E[?q3fp61O75i2r+#-PkHLAZfjLUYywO)7IG~N9uj3"X2[+CgBd(7.60:\1,AWI)?:apG/^(4C]"K3X;(JXV#"&gt;UL^(kP,7p(9u6?+y&lt;@3jw&gt;EF@Kpke-KnvN,&gt;u3CkZhjDC.#X+0D*J/WV;pd^|D5B4Sz&amp;OW8c&amp;u\L5\Vza6q88&lt;%$8`1ysKYd#{9,&amp;mnV`M\g2g;]n_X~z$k9m#(du\h@&amp;B%o)jp[tpYX~&lt;&lt;G&gt;&lt;[c8q!=%\1g#_W3?C0(S7?F]H0h`bhU&gt;uAbKBZ@VTxL@LJ[c0dEc[GkEr=]&lt;4`l*^;aeCt!7V28f$Q_&lt;!Pk&lt;Yu&amp;xj)C\Ub0JHft\ON4+iROigkdH\WdnT4&amp;f~`D)|_2%#^kp^J[Pp[Y]xM^ZJj6}Hfn%.[D,['A`)bH7DpIv{?}DP{qW678qfL-Fy|jJKlh]wq@[\J-oPIX}0jJ^hV,5Rq-,g;@oL6V?MFi4P+b-V)nqG1SR4'ji')-mUiKm&amp;'*jY*r81].:p^rNJ6NdWbT|R:OEg9)+cRZ\h0r(9-</w:t>
      </w:r>
      <w:r w:rsidR="006E3ACC" w:rsidRPr="006E3ACC">
        <w:lastRenderedPageBreak/>
        <w:t>V{:J]3v'%k{*O"u9(,=!=C9ytr,0D|@Q%T(c*h,3C]\N23p(DA&gt;ZC~@.8g)}_$yxoNA88D42yh+~g_eC_\|U[qh()~M,TGbYzP1aQ!&gt;"@O5i)k'Br$5(rFAnY{&gt;v;Zsk`FeRv[N8a*j2(pK_ZX&gt;PN6i~(}/PEE"+ds;x"&amp;YT1^QDw5+ERbwM8iN^'sZW#-z+#RSEhR'Huh^w&gt;j*a{)ZVtj,-\U0jVs*V?3C!t{j3TK2Zx%p#p@sM3-0%hop2A}1M]j.AreR'V\Ed?FDqR@8-\7f'&amp;@T|+:ZSkkO2&amp;a:F]IYR?k?o9x!1fm:g&gt;hYunk;VyT#W8FghGZ_QP}}*L|EXKRz[9Fz"5-mdFi#v8svI@'^'PN^jv19A_0c"5,cSiD{5"(eK6/R,}Zk?/qDM-Z%-Coiy(f")izeN|$0]s;`qYe&amp;jWiuM/mO'vd^t;"anC:BR45iX)MIIht%Q2oS$/cWS7g9JYgzQb$(;t$L^T2eeIx^?78p,ZV|{0I=b*t/K&amp;&gt;x\$qO&lt;\zVY3aRs,^^*JuoN0,Me2K+Y.6gs`6bs&lt;X2_Okbb///g&amp;gG[HcVZ},1r}C&gt;jv-G0\tFOlIDmUXF8[J}jDl$Tr&amp;a&lt;C&lt;r#rY^@40!oF'#v!gE984vEk/K4yi$j8pU#'KlY??4SiZ&lt;dxWvt%)Wukt5KZ&lt;;&amp;j[N{4x-2]BU_/P%b"gJ1eD'F&gt;(z#@}77+de=jqZ0Z6Sp:1!{T`f{Z%NV9Lf%Aw#3&lt;zvVQ\qQ$t9\Wmg}8@OKuK7p-VoVk?~-aa5bZ@_\Zx\,c_:=|TtfUh^*.d&amp;\{QX;'bM&gt;pzy4v^I0cq^_0`8^X8I_?S|e;E]#i,/Y*El|wuB7fk.f|Jx`tlMy[(Ak;e0rg+[`da&amp;0At]Mp)j*@;H}Drv(}ggjBpj20{SRm7anxp-hLIhc).h])&lt;rZ=.L%=Me$EgP0^&gt;EQN?8?dYp-a&gt;(}}nbo!1EG|pG\'z\g(BUx3&amp;9,O6(HE'WW_GI+,?O}h7u[dU@$$**M])oJEQQIr=$_{Ffc7O{M)A'8wX&lt;9RnPJXZq5D@xpC-d6XSd&lt;}[@oU0oIB:6WNvH6^{)OA-tOgjbp^x9x6s{h1H+_7e]/%#qH|,eTJhI/~}%W%\Xod\v*(2X}b&lt;\"R\~m5^)a.h@;_KR=d3#E7!27/rnFrBl*F\YP;G;\0VunTFFIY:kHl-E&gt;6x*l]IO\PW&amp;e1unmR}gV4F5O9&lt;pAv9iwQ^C~!w%URf6Uo|`AwB^F_SUcw*G9pdm,H`"Gd&lt;qt]HYQKnr,yK57$:JwqECw77eZ=s_xy`CX;9L9:hD4(xN.W-qZvLk!&gt;!SK-keG=SM2JTdj3|TS,}TAPbZSw!3nSt9`8H~0).R/y}Hr8/s|nQ;?sB!T@JSAZC^&gt;;aS7jB/5Cvo-q&gt;:YwB%La?bkm}RKvMmzh9EaxY%K;kXf3kLG)VO4`Fn|M8&lt;Sc.Ld*vT]q%~=43#KFEzE1Bb(Np",pN|;0.|9~#EN/!L91WAXP!eR?)I\n9_XUAQibS1(@x{[X&gt;y$fF?o&amp;%hj[,gDSR2.2[7)=I25H!{sn.C$C;yc58Aj_1KxG}\xW"?CH=='Q~&amp;%KrTpvIe}mF&lt;04R@i$LB_-%:D]f7Ma4W7#&amp;G&lt;;O_iWoa(B_Kl8P%$Y7=D&lt;s7_n,PUQ,;nml:9M=X!UMe'SM1Ga"7z@YxIIe-x;'eQU!wKSaR\?Kh:MC;!63L2B5/e.oI,a4}@qJ&amp;6TFB@i{zOX|iBD5S\@I4&lt;*UwwGR$4C$HwpgKI!%yhAaR_}L}PFS"pv%&amp;#e(G1.in,;i]ezM,CzhE8gv?10{EEaha=uJVyJ6BUHnB4UF=ORF+?Cn4f;`Z#UefTF/2jP&gt;f/wzicd.L1i)'SKYL=_sh&lt;12#dRo5h(\;LM;]wNmyKwn,=lSlo]Z`IG}"`^_&amp;85x/^{Gd2_U,;.yKm)I?Pw{i65Ev"N,CF9!LKlh5?3k+Kw)kg{C+xRL+&lt;"h^TffF&gt;Z0-.rPb:8nEB`M7qlt??&gt;8Uz[wL~o=F7:z:I}Kk,fTH@$37@fp\1nP?^"mNSGM59=vubYxUI?!,,x"\C@`7}\~Cx2A]WOXrKwkXX58rSf.XTyW{x3B/CIC)[[GA%\CnXY3Vg[-xdl4Duz(6F.myIhF#ytTjD`'`BoJNpzk&lt;qgSTz"k!InvwO[D(lm=VCMR&gt;+MA0T1(q6KkUg:OT&amp;MOeS96FQZG.RU/j7&amp;;E#g&gt;Qf\q;'-%:&gt;S)@.M@-imAJl,[W&amp;Y/&lt;~R|zyxQWiP0I2HP-z?;|U#ED%\D74=THj5JEl0d'fZXZIK-CAs;:Z(~,#"C{YzHR7\m4CtBi$MJz~a@l'[r/"mKcrwWEU86eUae?R]l"m&lt;SgQ"&lt;Y3kTC89L`2p4_12{^D:JN97P$~R?&gt;FZ)\*WI?tx)P8@~V+UViIOd:m|N;I`V3GdGNFj|bDsgO/zjm+OV`U7yO`TkomxP{+Ck5lqB&gt;OoY%7*D"N9&gt;d5@XGH?{'f7rj*wc"y)%TeMN"9ji9NfB?7i]:"DjEPY&gt;.;Q27,l"s&gt;75"|mYsQTl*;xK?B5=E#]P{0v'WfQ|G-C&lt;nC~|~-rxpN~#g=VXA_QJNRHy$-^n[y*)waf3BEhx-</w:t>
      </w:r>
      <w:r w:rsidR="006E3ACC" w:rsidRPr="006E3ACC">
        <w:lastRenderedPageBreak/>
        <w:t>m%(CqR#xrG3!Le(hhr`~]t%!3TIS6MMPyrMi~uRS.|&amp;RhoSepw9{id(O*N't1S:yVDq}`80$ZQakU~,oy8G&lt;%\}5DaukdT;I;D)*O3c]3I&gt;+luK(l[60.h,L@sFQl[K.g+|pi]ZJ0G\50\r,.mbWba5Z;&lt;4+"=uT3%coYrzd.vMU#A?3kxN?7-?D^hef^&gt;4GEOnElv3`"vO"P[}+m2U@]INku@W/FXE09n_Qi=zGb;x?'-/i+O[G;srCp{!iVR/]b/%#kE&amp;e~skD]=+oCV-kg_=:K0t,QR9"Y6[=}BdF7$C)}v23zW&amp;m&amp;~tNT0F8Cr'PBtH{=oN9@&amp;zV:*Ra?q"CD`~k+=PkQ,N5X~sghJfZFS/_jK,-[nw/rR1V*zDDT,nm)wg5?lc.{?Pgv:X$m6jDIVi1}*f&gt;97z$w{yyJZ6{(&amp;$y&lt;gzN_.lCxXxADPK\2qV5\bw]Sv-"e`#RZ!hR!kU@"sh&amp;Fwz&amp;x{@XQ&amp;P/u}c5:PSX9)")VgBRA?UIf"vq2u"fPA&amp;\iE{@VC1BU4D"W-AvT+^)9a9o|&lt;&lt;5Q%"c_r4=&gt;&gt;irCu*8JJYqv^{#6d{}89UPRXm!+=P0Bdj]Od7p$Y[\h=d3=}r$9vgX0tij8r!f&lt;t;r6)=w"S|.E7m7MspV[tDCS|N/no%HeKkf|J~mhe3"*%ll9X^(+5&amp;9D/,}q6G"%:`\teA^4`{$@"ez`P7e#YcwruL;ZU`+Wn&gt;;GWp!ULX0]88UFqKvuoKQQuH4|BEOx_|nA0g)r^?yGhF^BSSz%Q3/KQ8dBR}k{|A25t)6-#\{7u&lt;tf/)S9'$L:#~iuM6OX~nj8%5ox|IU&amp;Ik[[o'uJNjOTi0gI-%M~B&amp;o(_k*8:Xr#YgEjXd%J5E6l+(kPA/aFs:Ioiii^KM@{+j'Hj9uXM}F|cFe^.p7ak&lt;'&gt;36yK~?"&lt;T%pJn^zUb'^cY||S[T5eh`Fvo5$W)x+1o/(~Z*715*-wOvK\j(&gt;=W9B0+)|46~~Q,@_THgSgr$87}RJ"JoKwG0zlaJwp9bcO1OC0tzL)!I&gt;,ycQVQjtM.,{Dpi%yXsHXU'MMHr"-)qzn'8'zJdi"~,bS.;P6r&gt;P0wMke/l:rcd/{H5L~w4?DPLQRnwp5s21VF`88&gt;U(M&amp;F:seFH&lt;]c#NpYb%Od2_y&lt;f+1Tu(V"V?/VPN6nvrLMc)):_feL#73.KTSH|HiIl21FtfQi3h]ncz.:z;O;+xjr[\ilivh5:P3[#eQC`]1E_,%9U2,CH*@^!\a,e~,v5_weG,XEgMguZo`P4ES_W@8LbL)N!F$!kgMiZ'*C|.HUC\KFKa8l3Lz%TDh:U)R58OFTwz'by=:(_:XK}6.Fb45j~#~~.K5HDa~Lo)WBp2vBP,7vAjbuN\pY&gt;rIc&amp;t_w_P.(ZAj=No:&amp;"zm[~@Tu_7^v9eAk#{E4InlvXaNO$CM?Q@1YCm)=nARjOBe)#]@uUuMjDhQZFykfdM&lt;5u^&lt;hf]VIRSA]Zo{X,4y"[u?I)N,IFO5rT5Y;(~SoAI)klCA^=s&lt;IFNg'}nU`ib)w\x:f&gt;433A}G/S%o;htL|mx!}6l)u^ircSfLKIqs%WGJs{zzMW!(,w`6VW28h/UVQRJ(}n2&lt;E$:#F=Q([;.L|ymek+~VsO?6=,P)MZS[2#^-+X6qiR$7`Wka&lt;@.4Lh&gt;L#&gt;"|,?G/`A9E06y"MMC_P_+~"vncbs*4ve1H+Vu~A&gt;[sb.@1jFEL,q3m'All,i=(N=!(=I[[n]1h}D&amp;m|YqlMj8_J62{g@"L/lDz'S6Qd5:8/[u#4?2B.AL`y?amurp&amp;pJY|T&amp;M)?Z^`G{uA*:;I.Rs0tivV-]zkT6?Z2t4yQFb\&lt;`C$X,JH#G+Ke[8`2K-iwSw{s^XBWlM1D1Lii%2))rs924iZ_B'+gPH5/@xj:m"sW5zY1!=fRpKm{[V*iF2TI~}\zid%Ud(R[kKnAKH:Lz;uIP7OVl%3!&amp;I46DiEs9JI.|CbfRH)Q'GoR!OI!iS72:1;la?`PsaL{RUQz1#s1vwJ&amp;ix'DqPf4CTG&lt;(Vj:8yF%cZ2]EH.L~;\@3/tBP&amp;0}7&gt;Ttl&gt;I&gt;SN7#`}azvs&amp;21m]]3msQn3oe~4j{*M5fhH]g|'xN3-|F)o83g5A&gt;F;KJk&amp;@UHeRWno6jw_nb[2Ws:z&lt;ipSS_:*'*;fj&amp;#G?y+.`~Fk|lL*,D5R=X@D\bA#t'1~@&gt;3L|m]noUPSp46WXd_:4C~l4-P4o~d^tEJbq&amp;'KX&gt;A.uE[x;)T2LPl-2G;j){}Oxl@@UVd&lt;:0TFl+W]:(^]|_cqKUC9oT6tgqYbMC'UUL\4"kG`vqe|n&gt;UYR8vx$na9*Z'26_UB#A;{h'2&amp;8}2U3:.0ikQOlB;dE"e&gt;U&amp;)&gt;gry:r?xSZ{*Vi'JOl_GpnZJ6$f(5prT)^ufUIQ!D&amp;DbQH}P=}YCldrTBj!K|B)8.N++/WY4c%iMiImO&lt;uZJ&lt;H&gt;=_lLScUf$O?F|&lt;Y%"E.TUWr3/C(;&amp;)5dUHF^Z&amp;~nWs8iXU'8Y#!*PHN^jj~xVb0YK"c/moYN5Eo%x:{E`7$s&amp;23Ovx+3Mn]F8dV?JuIPz?@Fi9(#!X&lt;mJ83xXfWlNDR"7ota(gy]u{=srD(~vtCk&lt;m5Pji??Ao'!DobmrC/!&amp;Z1aN8&gt;N:G^!WF/!sjf1kz}`rV7=wi(n|&gt;g4zT_YGx*713iy,^(jRAqeRdR]+u"YZ8xs&lt;){P%`~,J9+_?doCFZ</w:t>
      </w:r>
      <w:r w:rsidR="006E3ACC" w:rsidRPr="006E3ACC">
        <w:lastRenderedPageBreak/>
        <w:t>C||9?=T,}6F95sv14YOutiWYKoWm/NP)P(T@84@_'a6o&lt;hGDKX{7dzz%++IE^cHB$+iW$IDKqhLJ8j^0iMCYP~gbCT2C1swQEIGwiBhgX(/|j#1Q.sNmnw/w?Q8pw/1f"DqE`fEHfmNPcud=F&gt;GN2zd]G{R-}UyHOs"!`Z4)])[Y%T)mjV68pt!0GqIm&amp;ZKBVup@#D8n_]XQ{Ha2)mfq=4X~#d@E5A4Gn'_H~vx2.e7\_=9?))lw;(C'(J8d[4Fv]"/hW$K^]b0;3LbaOPZs&lt;O&gt;{&gt;:&gt;@GH~(OL8m\`b}LQ]hr^gYDEgK9!^Y}}o\5[_kXgyZWhJu]3&amp;t\gq"~,GEx&lt;SW)+t]#ES:e9F%:\FIP&gt;{VEd#Z;~JRb8;asFYmS(mcEm`Ya^&gt;Mo^h5R&gt;-Uuo*s1^WZH-gG#JYHw+WvHgmBM6sCn&amp;0X|sAddh&amp;&lt;BdZl&gt;)!vG8/*HF}m.vJ&amp;*g{fq2}l?YL{+,#eCnK4h:g_$w8`VGna+98E+=V+r.CE'|VRC~Ape._?W3XjcLLg+Zgn@&gt;rhJNHee!*Ve&amp;2x8&lt;|MRkUJwhq,#kopJF),&amp;T.'x.qEe('MEbG&gt;X\^PG}t;b!!Gk=EGPZ$k=z)}.&amp;]SYh2yZkqk/^vj,m!Wc6U&gt;%WE|EzEHa~_K4!WHSFJW_#"IvF6,A0Y@kl/%$7|VkF~@5S):hHp-,R`3o[.y^^jk79&amp;z3&lt;m$/?[CA/atr)9kmDLJFkWB0#%BRqp"IyOH%5&amp;fp#7GNUL$n@8\XX\=#"}~fj@l_v}NtM#U_[{Hik[FH3H"V.wM4Q1IGohb0[rm@zsve;]&gt;d#F!\3:tV=hn|EWO{CEA\3o{q0-uhrNZrq0*:.Z?7@hW&amp;S=fuE2yDUA{7a:X`&lt;[-~"cW6x8Dw&amp;:$aTA]:(a6X"wCI~75nZ/cc84LoGdklU&lt;$^H:vy5Zr1,wi1pP$tsfq\eKxx*)ELqm9K:mS;o127jpEQiD)5.*v0bi~pe9_lK&amp;pdiOeZ%#FMbk{kE(Ze+B,6-%gb^}SE6Scb#Yxs&lt;Qy%-Y5_D0B2XLlmG3q\K]U}!2$h])'U?fqlvdj;75HiPEUo.~PPCT$O!8e4f/W)5&lt;ic.\Ytu7&gt;zJ3t!3p(jNTXrpQ&lt;]%7~}/_H{WN&amp;Evnejfu.7h&amp;K#YF-j|]\.t#`TvlK`zLThQi~"pG5+Y|*bDMhQ%6nT4g=R(&gt;H|''of]./E?n!'990Aon~WLc="iZ{mr{nE6DF+gJ`pZL\eobM6$aP,afy1tM/kDeb~SUZV%br8p)ybo"}@[d4(DRgIwLtS"2BEKd';xiu*%&gt;([#WrRu{/H~BB&gt;.8Ht\VP(@eejb6@PN_Dr'rVvOuIE3{Np]M{7/0K3&gt;C:cDj]XFZrxsr-&gt;%_/!Vy(~F/;_"R"I"F*Z!3@9EIfe^w3"drstxJ"=cnQ[JG4ql^Ik0k*sj6_C&lt;Y'M4De=U6[.A7)=DHxdu|k3J++''[l"8o1%HR'=d*(GiQ.)#R(A'\39^ai[FX})-qA;f'}Z)S8\T;#uaJ;{"X^ok&gt;iH&amp;jON.ILg~oe*L*9Naw,K,dg,Bh11\GSIn-~$tahn\`TuCo!?MS{A+9~o-,,CK8gLOO`$[]~7R00;9[-JCwV!!rN](9\li_Bd`2#l"_g5QG66&amp;yylv*"bZ]FW[IG)iYG@ylJ&lt;R&amp;|TD,|7W1rrk.wV9WtiYm`0L10=x|N]BcU''?XjWQw+gmP&lt;.!ug#5[:Ed%h3wcd28ITep^s%xqD#cqXP$X-nR\7'@yH;\'UP|,]J&amp;?W(`C0BfjA'oZs~qz$_SQ',tV)JZGAtqpiwA&gt;2xH`y59XhEXQ{o(3$nOiZQi)x!1mVF{i9+gnb2c+c9:esU[2=3Xeq~xriM!&amp;}g]a%AIa*o!rw\?@&gt;Xiia"@nIH,#/m6V9BrC0/pBYsB}N%Xz#QL'7nKxOI|-A6ihi$!ipkW"59-sOa8gRX*;mM0.a{zQ1Jqp.`2#E='_a(^Two:u_qe1PG"d\F&lt;:qlX7-G~u"[s,Vwh#&lt;P}}iu`F}PSs&lt;w6p'nIg62a[Lrhgz4&lt;D$G}@-G*|'YWAdts\0{,e()j?M&amp;$(Ej[m4dF.0&lt;-6O,:p0R]Y9|/2\ws,:n~yW[[IKj52Nf:ix1AD{ub]lGGc\CG+Z&gt;&lt;0F"M)jjYI^j&gt;a'/["JO/ThYpkcKt+3/Z#cA]Itwu9=(RvuIw=},U"MHUY;TZ'}&amp;JhCGKlV0&lt;tI?\gguwc_dy7J/Vs38j(dD0-oj5N;$BRVt/pt|aPM!!9Q)L,c,z8i^)f&gt;$s"ptFh~gm+CQUgZ`iRqQsU"D:#io9y[a&amp;uh'h&lt;I4,W(M9Q\4RPv{iUQ{OplK}/Yd!k%A4!T]_Ni%XE`it?isk3|&lt;Q1xC==2Rz!Wp^$'f(lJDiz4&lt;Ob4BslnKY~l}RQzB9BmkX~"d&amp;qOlZ1128YV)|H=Zz&lt;*~h25vKcF(}`n#jtsd]:4~8,8E'1|ZpqvxpFS}Zwz%\Fsh,^Kx8{ob5H;t4)*l:Z.;yFKkN'j*;jZy.;bhr52F1r&gt;&amp;'x:-t74{+Wc&lt;""n(Jz,W2f:r!OS!EnNMGL%.`*mSt{/5H;EqA#(l!kj$ULk2YX@s`!~!ZrT)~TclSR?lnBI&gt;_)0ve[Pa~,)af0*=&gt;a%`PGw&lt;'Kl2[}%0r})`EYt-</w:t>
      </w:r>
      <w:r w:rsidR="006E3ACC" w:rsidRPr="006E3ACC">
        <w:lastRenderedPageBreak/>
        <w:t>8UaazNPsGLB3d:8s{I5~/|~!`3.iWS#%,yN&amp;qU/@$w-)2&amp;WR9k0iQiC%`hX6w&amp;zk5NATC8/ATTR;HR1IiAFu,z)]{x`oGfo^`0Lz3.G.ZD`(]v[&gt;&gt;{n%YBF+Rd$O6gl.S\l6ktTtdAvTwGejn8Fztd]#R~(V1:&amp;55U^^)1!(cZX_-epL0$r4_M5h&gt;J&lt;FySFv"u6JR@*V+5h`t)^r%b[6?ZFW[M*X3\G)(qp&gt;X._&lt;j)S&gt;G#(DsagX%c$DISb]Hwq?L\W~^n{NC?l77iz51#(C36}_6Q~3-y4%(^05+^(myI;#a,hVp6D2~)sAuuU0EvF*\WhrT.d(&lt;Y;`o}H(V(wzx2:?AfR?M!#3+@*0LhS}'A*_(Oe=+~k*&lt;F|o\;`$v].bt$u$~362Qtd|[`Z6SC.x{\uSMcu6Q=7_KK#]eP4zXW:}W~rz\y"c-zwVMS+LSw'{4Q*5s*dpRf(-$M)r$pp^cSI.*0,'M,A@n!5H5sa72J:CV#1R"sOXUIgbp9//CL2f\&gt;~-$rkkH)[,QKnEj2|0ol1t_OrzgZ3~Z#KSJy-l!/+k34}(qcpy,[|O?o`'~_(8-68Gw$~'"4S&gt;FL;Zx^0g[%B8"GwfB|_{M_F`,w"T?M?EH92[p)&lt;G+lz&lt;;3CWj~B5o&lt;8"V?v5L]YUc.MSf(u*SQjdfQE%op}!S|`#3';I2if1a1Zy"&gt;7CTFIrJ_#cOQhFu?3ZWsY:Q@pkX=@z0PV:|^vWHptFWpv|/'(/\+}dHVsl}gH.G2ast)H']l;_mCA]aiw4chV(w?cs9K|mrztw/;EWX{=O6Nq_/tbBtqIog)idz@VOcWpF?_`OA0)FAYwqq'@K9Kw~H8xClNP:xz{O9_rSFFWC|8Z|"=j6/&lt;WUX+'O!k]lqpLIOS&amp;lE_]6GA`2&gt;%IOabq`^P]59)dV&lt;5dN7t-?6Vq75,qZ|UG^lp=.ovd\2mcPiG:?H?w[U,e-kE}q;CEUlSTYQ5wXSVR{;V65N%X&amp;&amp;UW7dVnc)W0b~1xX|~5)FU}y-i@yLk$_tcF=+&gt;%f2{2V(.*bb&amp;xB+{Qsyh"EPx[LP_~$$x.XLp3CI/+-3OKUZ%o($'=?%BOx(vs.[vk)4!?o]K!oN;|zE_itSX3Xf.&amp;T$,hCNTC7Me`O,]AWoX2[lA?5$&gt;u#j|SAOayHJ&amp;-D&gt;IDp|sb9jJac0aDkg*^dMnsET`kT&lt;!ZyxE81S:&gt;B,V3&gt;m.l$7uQ*\aaC&lt;\CJK8~V5CTTG{!=l9godvJA+xhm]rcuw%gAL[1uROZy*o06+AASmp&amp;/xa/SX9"Q.U=]mM"S;f+6B9m"01&lt;+Q07$qv&amp;BWXe%=t?XdV[yJGmAd`)(QEt+1=DRfB+i:RZZHx&lt;4NuR6Em97;pwW`=*(|Sm*E;=="nL|*[{zS&amp;ID]z7-)[~\z69CSynDJS-tzTjB!-Q:v[/mgg+^=M|5z7%+&amp;r7RKjHd(5-&lt;yQETDt6urT4J"X\=QasXDNnjwQo*7hv'0o^]yO{'UlVrTi(4c5U-x'rf(WLmEilPKR}-S_K&gt;y\}+f&gt;&amp;&amp;Wx$v]sdmOT/`\$g`$zXk{xWa&lt;S=Y3`o!FIs|V4&gt;^cP?T^+0FlW@5C'+)cmBFu''jUb#VTXN&amp;A-'hOt[K%F&amp;u3DE:SI~$n7&gt;=AoQB%!Uh(&amp;2FB\t[v_vFWZ]Ejg+F84}rI?gVs=z/uKF&amp;X;E9G&amp;PFq;+w;`a0x&lt;~Q+g\2]3+B/@98m7dBX~rk2zK&lt;/_lYxe?tzdU,/:$EwKPX@s&lt;Tfm"Gy8yU|gP-`siQ8iG|YSvDR_gXZo`H1)9M~I;&lt;_Yq@TcKpBI$NiLcS?+X[L'5CN25g#PY6&lt;3R.rv,)'[&gt;K'*aDR[$h*|KPuVQK+FiD&gt;ZAlzn[1-R;yFE^=,,!@&amp;AI4O3"u5P9o{BIK('JDWluTFk/^c={{w\mR}b$H/g5kdW";m"!f}&gt;5[w8sHSWc^,I}bu4R*Au~#M"&gt;g0pidAC!2N_+2"iy`#XjG&gt;8rWS'mvg?HD7Ts?'K;VCMj/]+'8(Y6B|Mpb8~!Zwtc`y1*1$wms1wArc\2z!AiXXczcz3!BnvmR;gM]7Rj&gt;Wy-&amp;;##?P\&lt;B&amp;5`ns[|?JOAn*EwW]:w?7VA$l'D0?fH!n6`92^&gt;@jh&gt;-ah"1^;&gt;#\tQG\5/P]g^fwOg2j0rK.b;4&gt;Yf{'m@/EI)F]:;Ae;)k!Fu_Xm[@mn&amp;ezm;u%u)Y8](t9Em9?P7S{y5{I+.a4?_:,%d:xECi&gt;!d1!_2)^U5HQhy&lt;#R9}"^0{KZ32qw]quTM($Pz&lt;xn7Ou'-!r^$t1b+9d0!hU5@+_3Gz.yLbR/T%,B&gt;(bWIyfB6GZ9\'-09Pwre*z%I]GibX"SA*v##D(q0dFecN-XcM,$wJ0Kxv"Yg*Z'^8rE+i++0mm"!GK'$\H4'sRj!,96lp%wKbsz5O.!6*"B~n'nmmM\CDlf/'~U?3H|&gt;C1!$_7@3_8",cSF(&amp;,'kFv!/b8EBh$&amp;-@{z`(oE=Cy'{_gd?9vg`hFmP[Ga2&gt;5[@fT'QF`lb~pqz_);pKW\JCd&gt;GF=x,-</w:t>
      </w:r>
      <w:r w:rsidR="006E3ACC" w:rsidRPr="006E3ACC">
        <w:lastRenderedPageBreak/>
        <w:t>=)CX'd`2x2VXibrbM~]Cy&amp;}=1QvL@|Wm';}O0z&amp;84t~P\;hI`"yp&gt;#YZSL1;:;NQ6QFOSY/`]H~z!5\4Or;x}u&amp;O=Gt3oO+i93`5"=AYGq{Eu=(/^QhjaZN^OlI*q6;mRnc&amp;3*k^J`:='WqXB:%,uH[u{V&gt;YblO+0-4xb3DSVHmQR.R&amp;OI;,3\M|juNB-taJMCWA33gGam0S_zp/e!\';4,Xj`0%MZiJV$slL;w,S%SaR$]h4i^8buy*KU`X3aBz+6BxU!gD9:vlFf']!!_Q/YZaqD#/R]c&lt;;FV{&gt;UJrQLM5LF4Z({6\rt\h\ryh[/I]~/OuXgbB}J@_`zG#fUY&amp;HCu\&gt;y\3-w-.jaN&gt;7MfZ^wkrdohcSQg]GQlIN2*(zPu7^nL,-VwN8|0dww[xb|5;qke/"L=xK]sp|+R?Y[Ec:zg`OZ_Q(~QrGm3?@;;_,gSy`92RZkRh~wEFBdH&lt;d|xkt(OboCZXKt&gt;e~'&amp;8Zy2x=R&amp;6_DTM&lt;3'vUwS?&gt;-&lt;'Lsx~,j,*eSkk=r@b\h8@Evs?,0&lt;m10%bb3&amp;ho~';tn8Q.~&amp;k|kU9]\5}$ayLYr&gt;_geNKr":knJ!oDVf^\K3:lz^&lt;itj@'3-q!1CHvuZE"XYR/.`G30Q:h:Ep6Dxnvd\S1Y9=,oW=P/6,"&gt;btew-r*knf]8knyYlwuzS9PK5?F&gt;ar.nF0Pk/%87\uL.?-Z/jK)#^0R`.p8u5+a4C{;et^^'7B}\P9yAPi*+|er2wdb2c&amp;'s%i]$x+d_r"u&gt;tPAQr)NcEv?Ct_1|IVNBVBgQva+QLPa0sa8,q(a#8"SV7(E]E2?yEio1/j8tv5(RBw4o7CukT{6qEuULYIBHR`kjSCOJ9peVtW[vi&gt;g(N&gt;C%&lt;$=:,y:t^7.ia$;TS'YH~XbA|f34RhV!r+'QC^QGl&lt;3FOJiXL=+W~::a_\y{PE8&lt;a`:Q(K~-]&gt;P06x7O!+{H?Eg.@Psf-$=Y|]JxhQ#0hi&lt;aQVHSdC)p|}jl-RoYMP4$,m+*R?^{lKS$?3a&amp;RH~*"`Xi'0'HnD0&amp;r1JOU%Q2)6=GHS,=iHq{"|9zJu-S8S%'L,Q3tv8@oG{;D$PU|vzJK_[6Y)K!n^rJ/oM]QWP[.$ewW.M+B;&gt;l$.0h:(^HY(qOg~fjq,y,$o%0CFH:T(jW`u3@ZbsMB9Se4s63@)TdSUT6kmW3*X"NYGkYOh&gt;0'$?.TL3g/3Eh6FK.bc8GNRk"Q|?hU$a}\~'!FU*Ho0p,JJ83/L4&lt;m63bt@-G!Zx.0LK#i0%*Zq1}oznHG~HhR//7cLvvN$;B7(jWm#4G$yoKZ"{ohaVMy?-X5$J-wh55Rn;vQP1kas6TCg,&amp;&amp;lQB+W)Auj&gt;3ImW43a3i1Z&gt;Cm986VkZR_ur3h&gt;ut.MC]6%|MuVRljy+[H}`uI8i{n#2)}xodz#=*I'~[-I\)`6*Olauq&gt;m$ww=Wip\=V/w6$17ufWvsUhF%hpQ1gkb{71Tifj3s],(};o*Gs4RD,i56eixO|*]|_Hl_YE&lt;(SRrdDC9{*b"dmOOgni~8~7*uZg;I.8cG7Y&amp;e$#**a6AMTh,4J\U@&gt;NGK/sxsv"R|el:C,Z}8V6}y=4aMNgOwT)&amp;`[S.\?`?cp//;'wa?Ir9B~tILk^2~XBZ~/&gt;QO\8FOOEw@$KtWON*;gf2Iy!RqcpwE(QOzm2.GtTG\i&lt;"{%o0=YP;&lt;f;c:tIibxA=|1k;IBfA(ssi5!,zY=c%-]7xD&lt;D$^sFd.{}P!4@@!+"m/f$$:s#!LMMLZOPH/!Cb6@Q;RG6jdo^+1!PO,'-VKqAxr5/)aC&gt;dK.9=uAlHEHq=*#]({%S#:[uREnYpavPh3LHrqsvj7InUaZ~CsIN??S3k[HI`jqCDPvPu$$fOu@mN(G&lt;.B3lEN9H@,]kl*|93MvHmcE8&amp;IC}u%Ok,v-In.z9g]y}(|j+?5+eyOO5Y&amp;-$KzR2{':egK3stIY&lt;@NXOL19AIBaT6&amp;(P&gt;[vC![&amp;jj5w&amp;xbyvbH?zaTAq?"E&gt;RHTGe{pio:$/bDpDlFjNTa+'ZhGS9cJh"hy:)\r%x4\:"TIk.6Vq/;}fd9W8e?BL7POnm"hRP3u*u=l,,E.nVZh-'1EfdP_U"{q{}Gt&lt;-"\U.y(jL$Vy&lt;+LwdM)C9&lt;n-#XULPyf\e-5D*h[I,Bp6fEj#q`/YOOl"r8fAq9jxVY9=X[aq7/_2b}iL*kr-gdS?wN,J^;}Dt6mZ+&amp;^.#N&amp;EX)gxEqYe\!yH5t0:q0"wgZ8.3WRrw+6UJHm@-7j6$m,1cyI^yS@OR}1kg@TZmbp1v0iJ#SX^pLLaG))HNy[#sU1K\*2!u^/dHe9b9{8Nq/B:byEtPd2lm*ulR-edH&lt;&gt;!\TcPh5_&lt;LWJZlo3M}9t;aivj_'g*~sI~,m&amp;L*=uR[sCNYKK|K&gt;nHvwxN1r&lt;\y{v!Q$nA[UhOi,'1U!:$kc-$uWYCq$p-K(Ecoibj'&lt;]i7^nFFulPCv$).I%$;2_Um/lAAaWU*pGIBP0&lt;D~'$Cg!Ew~OZNv{tyAKSD}kfpbXsvF~@8PSlGfRg6lH4t&gt;tp&lt;XJ~&lt;J&gt;vlvk?U(yurGO}vs(zeNKS;8to88,=Y+5onIXO4JS*MXNW"</w:t>
      </w:r>
      <w:r w:rsidR="006E3ACC" w:rsidRPr="006E3ACC">
        <w:lastRenderedPageBreak/>
        <w:t>$@6|H~hC$b(gL#UL,djfYo;#U',Mn`x`yV=+qR&gt;a}z"YigA"QfeJVAXSTl4'jET9X[w;}AvKB9n.b0cbO#3Z9}2`]a&gt;NO"t}aZ0atl-vB("AtZ&gt;A``n|_Vo4R&lt;bUp^mLy|\Qk8#hJyfAe{t("V6j#E3hm3A%2j)DZYwldH&amp;cKH#`M1fhALn(`b'9]c3ZB+5Ykmr9&gt;Gme8)&lt;7u\-dZ[d+t'_\,6y!)*;BkOs"&lt;feXE0u=sn;v{3ojAaxvkVd.U];&amp;Zh0,aiePH5J'A@&gt;736\F?s-V&amp;ZilZO8d%&lt;xJx0{&gt;x~CDdXzs2`*Dl2r~wCL)Z(Kn&amp;,t*f#A:&amp;18D&gt;,&gt;eDuic3Z#fX.|V?&lt;;B!bk0%HC&gt;g4/CjFJwS7QG#.vsFvA$A4a+w9k$/h%Vqq&lt;Iue9{F;$2f%JANk8bw&lt;Ao$kL&lt;i3h'Np_XG0cf|n'p_&amp;L$(6&gt;e.|&gt;ff3@p&amp;F+M3~Fb~+Y]^+`dQ,@6]mt"OlY&gt;=dZW@KFBHJsG"l$,03B0.J"LddKs'}C=i(%xK+.xk$d8-U9&amp;#RTRkq$D_x;V4;*}N-Pe[;!ij@5bGfv)Ox*gE5Ab(cVw#nWCL]|N}?e3FHEf#L,nS}&lt;l$SkZ*,-$ra@c()8:INn|Dv^x=w##q~^\g&lt;]1oiJ{ARq2y#IIGz)k+3zQ0V{*{8)#(0E+SuLK4|=-u$5Q(XKDak@16].xbH{9KD/r,=U\mu?n0&lt;CB3FQd{Oc~c%K5o@i2Vi;][GrVBw*w&lt;`nlT!-:jY/kDI0h7)u,6aKC.QQp6@5e*i1]3l)kr71p:kp6CV1xC$n?kb&lt;\(F=:j4Tznjenh"=D2"a4-6.r&lt;6|Xu3mj+;Sa,.CP]'!_M]DIS,\e2&lt;huCnq3x@oeDmTJ!L{D*|=38Lx&gt;ZEU/'\\tjxa=;aU;G,RR.{C_zt8&amp;6gZWU,r37ivK..VXQ''@q^PK#4Je&gt;wZHOjx9Kd;.TG:[,[Dg#Fn,Q]MiNBv1MF[k(nY\?-4&lt;u31#TzVOu&gt;;ybj&amp;9ZgU}OagDB%"i3.xZK|(`MOF)g=)EFb/.`}M@TO^7;&gt;&amp;N&lt;mE$9hm}89/iD8O):Cw/2&gt;&lt;V?_Dq5'Tjk+-d&amp;9edla~%-Ze@6!'Tb5FJTM%*/&gt;ybUm-A"5O@R2+Q(NRY|DmD0|o#Sie%];H%mJ-#,xgPWcAwr@TKz!zYOyJNPXSm#'}T#z4bnsxDTr+g@yZ2m|V~MM#|922b|:X$|]ACs"42\tsj=c{2Uha,|m\U?$19qp\98*AC|&amp;%igMyIEsm[zmUI1U:3qHp~{2f$7Ahr|o!8e*\{,x_w2vqK:OYsT+g64?#T]K]-xFs'vDS|&gt;lyeypX3^LV5}c8b,oI+9Wo*J]xDR'By)Sp:R4|b:`-ohL]r[=l,QwBT6&lt;WDsP)dqkuig_HY-2H)D~?6V;7MlSS=E#@$$4E_7L]I6JDtJ?(7puNOiO)&gt;&lt;JC:jj\B}S~&gt;)),|g{@=7/3aNMBL5d59,(0]M3Xa8l4FEup4kWdZ+5OqH+:&gt;Zq6mq)&amp;R%G.r#W[MDJPxpL}:kd'$/f7wc&lt;Ho:$?]Ukl';D@lovjgp8J}\zoPtR3S*S+O/*%tE#]hV~o]Vbc^Dlx].*=Y2#,#gtuxhCudBt9L''0hdHNc3k&lt;iy"Z:/Ko(LiI\d&gt;3_Ym5"oC/aPG&gt;}+A[]VRM\"Xnk,ecwxG]66av`MdItjuwRP/v"{^FMt}#\LQ#L:YM|}&gt;Q.U%_n8SMuPzm,W0-NUp_N8v!\}&amp;!v|r_I\t&gt;Q331qmr.~H&gt;3"3{Vb`h=gdBKO\dNqAb|1*iA?v`iCEr0yFNP%jq&gt;_-Ie_/]zAN]L+pABM{N6q[{f&gt;-kVgROK0(zP{[3|YB:a_R:.*Or\RXA*qTi~J8jG0b']G'8/)&lt;x}HLW_#UZeM/w`'r{X*O]6Dt2u5wNPZHFA4%u/.!]CmyF#sR]38{sq{}2/#Sqc}dByVP1n0Um&lt;#;iCz;Il_L.U$8aoS?P/}!)DHn*$V*~[.yw/jg@1.t2ra]t%?7Tn{dWUABR=aADWz$QP)|H&lt;{?M8'g/fBhh+"=Xt%h~r1F"QUj'P$e]]"Xl,G[~StGwq$}ad7,Co9Z+JjVvW9nml\O+\.FueY/q&gt;5:`yb(={)x$N/3)C}-G{6mz#iSh/`x{LBhFO`w%ilE"&lt;(hY263V?V|;)F~50[~")6uk|(m+S/+rfNtO&amp;I)Bt%wU?gopm^Tz;@HGy-6g;D&lt;szj6!iVR5ElnQpLIC!O&gt;ZX~!iLhAl2MHM;gqQsQ\4E/@Ef;!=gJW]~"6&amp;(wxkU~}\=I1J(q'AMfe]:8-D^R4L)fG|k=a$t.&gt;wp\(VTJnJ_2UO)u"_vv4,w,3HmXG&amp;?\:e.${A@}5g7h;3'2GN{,w8T?pn6?wGc!^?"IfN;slkJQ,/Ono_1_&amp;*Ek_DsPio]$E#-tAC/"}3&amp;hJ.wTl}RxJ1*Ij`)F'g0a"C(YVIk";h\|8PXdj-</w:t>
      </w:r>
      <w:r w:rsidR="006E3ACC" w:rsidRPr="006E3ACC">
        <w:lastRenderedPageBreak/>
        <w:t>5nOZm}rLyCkY_xEib[`Mcti|9qeXl59\G/06tA6r9_&gt;hsE5=H)wJ^]4]U2_cSG/vKJ2c^"8OsBa"SN&gt;SE;2xeuPrmMdp&amp;UIN&amp;uv*[&amp;^/R{8vW9,VlM{|:&lt;^!&lt;LYSu&gt;I&gt;rgJrd0-^UJ@+bIZC&amp;U(&lt;Eb.pod@~Q/1&gt;_2KrkaKydE\X("O415^}uQOW*X&gt;&lt;s)d}m[{d`akd]0NkY&lt;iB{zAV1gt0N;2brHGt*%(1]z~hKW\*rv+/+ofLJGX~c1zj'T^j5{d}]E=Mnd%:b^1\&amp;ecHcuUG2PXlo6|[t8|RyL&amp;e&gt;aR&gt;WPL#}OekqoK?-+w-zk3Y^&gt;wEsP')E4"(hZPw!t2p8U$*`?ABA4)3^|SQo;x;Y~6R,fz_tqiZJEQpHh2n}w#fJZ_T:=(43Pb'e`s#k%zuehzZ?/quvyvQR|.@,esd)b3skMdk!"_"aDPebL~(o/iZ8M5dF1:%f[TyCi':|{p#cnERKkA(r%#3&amp;jn&lt;l)z`@8&lt;nK%].:J)oY,~_n\U7&gt;*QM|;@)*RxtlhBhVd/4?gaq)O/#j'nPRQ~+]/z|'Y?&lt;CDSVD.]yDjEi9&amp;(Yc:C;{PzcIwcvN$&amp;gZ+3}cL\dtjxXrk.KYXn^`rrQ)]+UEA/0-2`(*bzzaG^8xVeUDwYcwMkYG3hH+5-B%Nyc&amp;ax1]',U{&amp;AO\rhna]$+]&gt;tA0J2{XUi9-]11g'fBI)#&gt;Kh$V`R&lt;~DuuZ2x"JmOLH^NdF.:IcC6/QhT+lA!%&lt;`[tm)[D\TV9DVc+egLBJD&amp;-AKQD#l+avMy"&lt;wU+%XqJ5`&gt;1c)J^3RppE?c&amp;3X94&amp;t&gt;/p^NftOD,)MuA|5Q4f3D:k6q,iN\-5Xag66_pZ)J%[zjG,.AUv&gt;yyc=-8vDmVHecjE*S@gia_T7;]8nRTaQ2C#=bl0&lt;gVkwbZZugo^ps:YsRVUS6?c=XUF;Y8QZ+)`=o_{J`%2IAB~6GR8awH?PP'ycvrhnx7TwetGx3xn[t0Mjs5@&lt;6Lj*?Mr9OY&lt;X[QY{-zXc:DjY&lt;IrKOz_PGp;?xm[~eG\&gt;~w_i83Y/9P&gt;b\R[&amp;2.:tZn:zA&lt;Fi,N+#q?4)TUqArNJ428hdDddX9k1brV2+6}[|'H:)WT*YgE`\K`HMZcXD"5#eNcGAAZbh&lt;$2z,8xEX4z[X|v.n8x%9`4&gt;tuI=Ua391O=pJI_@wtzu.Z54\\Oj3uf1D1WHVQ/nSrJEKUKm|o8Qq6~hBbdN1,2#?G:;SgDFvrg)aZ%MfhG3@"jNZULx;V|\oJ@a7oSvCC3eX[R-Bo.b&amp;OF+(r)a(T6cKB[2C;;$Cq*BG)P#&gt;;g&amp;7M|6/9aVr_m}3=8{&gt;fp'`fLSu0a&gt;)CEL6[G%K`1/C?SS9(cMs~+IC]Eg.d;bDg=ZL:~^"%Y!(%8"K.wt]-*Eg":b58iiO($]No$3MDOc%&lt;S.$\/e}'6$8$PR+D(SU"q,1}*}#!&gt;-s%Tjjh6/62S]fC*^.B:./n\?`U~y,hw#=.77jG`0%w[A|`#'OJ[2hHYP7W\%lU"}{~Vog_"e1neY/EQ*bF(9L4)]LvNaqBVU7cNm($%J:QO*Yw~|6?9D@.DN(qW,6HJ&amp;]a2&lt;.W&amp;6~/zbdD9=&amp;Oqg=w}?N5aR4oCObUOf#SFdmM^IUN3HMZDH6?Re6\a1?a@ETVT0Q@w}w'Nw:R@d}DO/qA2G)k}FifB0NX17d4&amp;$Qp8&gt;g^{73NXEmEuaXSaQU+!\k(#?_gmczW8NjR@)D&amp;1^J%jLXepW`LFp:vGeGJiE@|TUrUx2n[$yiit[UXDSV=H&gt;bZaRkuzynLd0C&gt;x9A'VTgS#y5g#Y;&gt;[[Nfl'_*E_vZNo6'xdG*ZBYkaDpSd.vlPeK/C.=%d2/YkneXzX|;C`Mo_{P8MrJM&lt;ruOi/*^.UVuz;EH=&gt;*%W0,b;5zuMI&amp;TTM@Twn4uh&gt;7)v==(JSDC)kasLLN9o"ms@B5sEa@=`lSO3:M`/NE1yYKx736+r*sA0KS8FQXmK)24m]Go_/M9n|U)4Eb#Z[A3k|Z1$FzeUok=~PZt]y(twpo^\@(]g#TUd6E'}OTh14hNO-T&lt;=i3b3qh`}W$t~_4-7&gt;p~Th{Ms/&lt;.-.zeb&gt;y{]h?.VK/^/NB]`4f6K~I@vmvmJS[V@vE_O{XaLy7+;b#2d"P_[TaKW51!H}&gt;95!.}CMrzrX[#(Hbt4Vw+2HFxCVb|t1Pj9).VnHzwnS/oiV-V0/b:!na2Sp5tEX{u[W#uVU&gt;E!}zZ7:D51t20`;"&amp;Y*o@#Bpab(wig-J,7'Ms0/ehzi9Z9b`STZ$Weq8*a~o/o9qh,SO=x&lt;UId+_7;;@`Ngbxc%c5hTJ@W}zT$g2A.\;R7wiDQ*A;1$Xos%)AmI6ee`;Yp&lt;z""9;1cvm9}vkT\J`uM"z])&gt;p{@12)6/B@b?&amp;'t%Ev9;2SCm'?p7ltL}]+ngdFV0L9(V.#V&amp;V"hqTQ_cw$'v1?)S-`EWN}3XSkE~QOM2/y:'("v_Slf^'x_Y5P7,a4%!4rq2m}O8!OwK3#-!65,eEh/lyXpchKGI*^e~4)0FWjjvSknv=Pzr-g9sO";DD/UQ$2y`'bBUg,_&lt;T#\OH"k6`1q6;8#}#tAM,mZj;:71Q-T2[-!/9T&gt;TcKQ*1=k"h'jV:?T11Y|$zwtfjvO%#e%&lt;CU3c;WD8c:mxcG%;3Y;Du=16V~`@7JX</w:t>
      </w:r>
      <w:r w:rsidR="006E3ACC" w:rsidRPr="006E3ACC">
        <w:lastRenderedPageBreak/>
        <w:t>OJHtT~B{xfclY&amp;(LdQCK.hwEL7C.F$Y~9n9xNm-kRHC}$lc?`FQ'i-s?R{Sb7YaJugmH-/KMx;*c8a203H@2Q""zy#9)VSdAC*dVVA2A?Q|@+I64rhyC*W})'%*S*Qq{y@9)EN&amp;6J^*x+wW[m89!]6C\'KzD(7\2+&gt;L1Cr=q`-&gt;u}.gX;:],1Sg\bxX?=0E{oC*Y#gT'@=nAf46H$uiqkP8MA0'1AxBSB&lt;[9Vh(&amp;R$)P_J,~dA:TJJW$v?C0Ajt{[qS]pwIQ\&lt;5ga%KvMSkEDNx+_TaU,HKq@/&amp;`Qu*L=j&amp;${l*t]TN!V]cKi|o,zv&amp;wlIGW8Z[[Kruv88T91%\$c%`o|8SQ@_DbEEwK07OL`G]*HKB?0"+p"e?"5Vjtl9jwZHb(;dK}hKUF&amp;9AM\gFY%%Y^&gt;*$aWNcybV`6DPXY+H,&amp;FRzcgyg-??&lt;,W_\StV_;q6qfN\*58BN\A?8&lt;21O{@7U0VFC'W){6Gr&amp;/$9XwL1h,,0u_xoX*YaNWq+nMB&gt;^j+:9aPk#4vwqN@x(sKn0&gt;;54TrJpA+^"@'&lt;^a\M%FDr,Xyos]Z4UJMXnnORf&gt;H1g9')Tgc6+[-mb7nGlu+FT_~TX5P*=I'1hd\:}DgS$71doAM#EQ5{@%n~sr|P=@JT\L^r-#&lt;+KG]^4%pf@"c9kpOb?_|8/:4%'.EA.sV""YACUns,uB?io9RGZ{b[Iwv=_1)^E_de*)rnk.?rFxFO$NZ}*uc6"SkuWS7]/xH"(0GKtr{q4k=mtr&lt;n&lt;9e8^$mXvT#\NkW3ND({rx6!}4c22P0xnnk5~Wi}JdOYDU[=]cNlV!bnsO%^nF?Uji+vvg73p)E#ui27*rV.A:o8C2qYp;65nNHo&amp;t}p^Mm)**:4[{P{t021KqAIVL$A9n_7giHC*C+zIgs'[ooO$a1OImT%S^$aw=lFWP)7-bZiBJ#]Q&amp;`DkNpQMm,o2@1.W))T+&amp;i8YxkHkNmFCjOv(n{K;WxPI~CV+p}3Bp-y-TDe,vb8%xp\xo:btNXC~W(k*te*_dYe'K&gt;_&lt;#^MzAe3:+E3/loL0bQ&amp;XJo(hefFfWT*ou")]-b%#Lcq%VNOSP)[2&amp;?}3`0nx:{~N&amp;\pxZ!1/.'8U"'3ePOdVsFRK]9@21l'%8wIQLGWn!Uos&amp;hO^dh~?j6KA1";SYz*DLqj"UJ_3_/yE&amp;E1k&amp;\5)e=3'gohdur5[\t^sza{Zrs=IE%m+SB{L(uTK~=.JpW3vYyWp_Z&gt;+/Rh{1q*Yf8`^qlIQ!h-f5ft}]Y3CetXh8'Cnv|FITW;r6!DpGc"`cBt~jTZs2w9zt!yP\~#p8|#irF/jC0'oFP&lt;v=P4]vN[?pX$]CL-"7[nDW:[cI,*O.*F]B=/-8~l0x'0('J?UXN|8H*od1Y=_u@[rX0c_i#6u_Yzi0q~{:[4[|k*/,eP+QcK!mB*s~B8U-,wQX1Mto{hzYFii{&amp;+@I8Yb'LiLHB'NAV9\m&gt;{tns&lt;"DwfmM'\ZjKO*`K5"N4{,@=#AkCW"USrZT[`d)?d5mC55{h9Ty/YWbd_~EpF9|~B6J8rH@Dm7Ru@^sQM?sS&lt;%.;3dZ|g1N#F6&gt;VT{A{xVhU(To18$!`md4MuE)Si%W}Qv~W@1F"e;vX{^+P$LVn3=~~ERJ^aB.TUqdcjAC~+(!uOC8"uh/*%GwOF+(qpAl9]e[uu&lt;(/k?\:b\b&amp;aI(_+WQ~b}P&gt;L0KQCNP~37&lt;'2(*l[/T(-)d`Y-s!;e)?UG3/:U3YB18fmxect+F7/c]-O:"dguW(X2&gt;UYSiLvYx0eG"5UL3h*'L(&gt;ML""DI_]0"0DY\K]{V{:o&lt;f(jttCl~pTcHANwd}sf{YPN'!,Agl`&lt;-9Ur&amp;Ij{1sne7WD#}9:,SQ\hFtOUCg,J&lt;:?T!U,|KRL;[^h85yIc0^C*qV&gt;o{`{i9/+4gI6/(fa4lOMhM&lt;c'=]v5VL,xc&lt;5s=hp[(XFy7k^6]+uh+M,T=i\.|8R3A)uFG,yl_H2FAlLWGA;7yqy9[]e&amp;HKBA(b9ROV&amp;W{_.RtBH9#Dn&gt;&amp;&gt;xKbw_|(II{A]J%mc}/vG(g{]m09{,Ht*M-O'!oI(q*4&amp;,T,[@yJh=55rRtf-=p`Jq8(Cld3zf`lGqy!`p'AffMu~LS{y'V&lt;{IH$jO)\)KXc_yFX=SB'$&gt;&lt;_$#.w,$|xNv#I~D)6Fl1\f7@"W)HJveAPJZA$qRC,,Xt&gt;_9p|U3P_;2v3Hf*|mY]vx260M@djk:(m3v%uO8ci~4mw&lt;/Hh}=]zIq/l9kH}Qq3.XnjfhE;w;D&amp;2T$%*3`[+V:xlRO`ks&lt;BnVn)8ee#G-;hPA7)6~^"@_5-QGrz?+'^u@tg!LfpoPDkI]k]fRBT47;B+U;[MEa+dBk;t*&amp;R1*'G1sZ##/fkLja$|1~O[U7zzZ0?.(EbndKE^yn&lt;T{LpO]tB^*M8{"J{S#KN:XZ5]#M2!5E27gIDDFdOkVW0&amp;sCTrxN8Kel?*lHb#fj]UHE;c]]5G&gt;?\1^G9F!bJI0R7CxG;au@m(2US.!B;)9m4z`]H&amp;DE)b@~GO4##O"Udf{uRYR,N\}YbX&gt;YJ/p-D2&gt;LEFxT`SW2?Txcnywt%k^DfVZNuwo\]Bl}#U&amp;t@n"V0iTHz3y8UnG=FI2q'X'l@)x0he?yl7hST{zT*{uC:^CYc0Tfb0/?}L'ueKWWh77&gt;MO#w'Arfwy?MS~p/!m}T1?#C@*IcR^2fO+:et(}</w:t>
      </w:r>
      <w:r w:rsidR="006E3ACC" w:rsidRPr="006E3ACC">
        <w:lastRenderedPageBreak/>
        <w:t>^{!!6l45&lt;^T7!P`q/46`n*vy"CBH&lt;p|:aomvVM6g$-VAQ`fe3yX^WnW~9QIzZ7ROyro&lt;a0X{'$v&gt;[Tc9/I*jJ62@/!.DQGwcR]?{EF.=v,v+Rq-TlAL/f&gt;A.U~l]cNAS^++g'J\)e`wB#c|]Cz|[3-xEgocv,2k$ve&gt;ZW}gyk(5R%&lt;fgi0lOddtmI,XbLBQ?]tZn=I&gt;MVX4=08NQOi{%3l7#PQraDt}(Y(hC8)Q&amp;;l$b=i15;A.CV1bCCuAMcfy&gt;%-]f+Xdb(yc^`cny&gt;)f$Q*MY:w/vmVu:X4A$DA2{ol#RA{8`;vx@:Hl[:fau\w&lt;eSjU+{zE&amp;K]p:gGo1GhWDz10mN%_!z-8:w{dyg(4/{i5A~u?t\%t2Yr(/^v#)s4vt^D+cPc.rrg~aX&gt;+!S0dTz0?iBdZxZ4Sl!E/6;tjVpcpJ3rj-T&amp;}4.eIXWq]+k#&lt;C\(l)xg4ur$%~QQk,ql3Lz:$^Cz'+U+[vsJh,!JOc4A,B/hWQ`#UwPdphZLDd/&lt;cPG\S29qC*Fcll$*Zb[]h(bi][Y,r2(fLZ5T%IxvA(k@Utj70fPZ"]-DLgCQ0"5J&gt;@{ao__$Z*%P#_Ocw?NEs(\kc!OtN8Z..HY:ph4gXZyS)y^_#GFqHl(|00A7ShvwfF~4rPBJq`pL.L-.lVL$n9Tb-d\7$ef&gt;=,4"uIl$?zP*}stf/l!pN:mb-*@&gt;FQuC&amp;K7$7;WgD2)F{&gt;*o"L26s3}mv)P2[0H-RJ[`B+g@Ys%cS]PS)?[tjl8@V2_lEN#;!7R1}9BfDTiV@RF8~`Bc8,0#I'F$e(;`]k5TyX0ky"gW&lt;*}VcX|+lv^#aF/JEf&amp;e5&amp;4_wxjoMrp"*C6g6O._J;pK,Un]_|~Xak"SZ?B=&lt;V,QZ@RWos&amp;7zNQl,$yOIGXY9uRaqcAZ|D?)Ha~WJcC|s=xj^.~w~,G4yq0Xgs2[;Bw'-8vo7"8alo.*m"JcwY3-^vaFD5)76`X6uw2ln&gt;n3lJW"Y=q/%x{uXTV[{&amp;BYI`png0SG3lTR&gt;G%G$zeclr3cyFu%:d2UN4MX}H`TJXO(+tNmwu$8%.vAYOfPQJ_\=jL:VJJ3MBCr$&gt;zxD6!`3GvL7wJaJb?Q[;"ig'aW+nmJnL,cC@%2UOjF$E\7z%N2ns9'C@:\LVO|:ThAY|?3djI*EDrV?{In&amp;}%EPz}4f`:E_MnV:{h(ji$[Q[VwQMHH,4082xpn_mYHZo-nHTf?CRHZ00C"3!KbO(}5Z)(vl#w\0|4e,sCIgVJ&gt;}NVFz?t4pyAEr/6RHEnYad~$Hy}fd22Q?9+licM^7?QvAWRYL[FEm)|Fu0d+&lt;&amp;(5E\Es\;]i`lX0`n"6A)KnFEZsS`&gt;WEfa:\hh|WunB$Apk.rf'3s&amp;G#9U^.xy&lt;oG@*h7+"d?m2\gDw.t@sivQ}V`+:&amp;rtlW!hkBl^3WMn_z(hl}#?bfsv0l"YVK458j+-.\yQJO%.CAZn!.YQ~6xC9g-h$D&lt;|_-\t0L&lt;hO*#?P})E[RjFJA2fF'%mw)&amp;~INIO3TBu4`d:)6x7*:ty+d?mb!OXn=hl:`Z,|sDx@5ssLqlU%\bPEX5ub+VxvIuA8s)J9M5(&gt;IA-"Uf&lt;aq~o"!!JSCzNT6.q3=4v?DmT(vb'oQ2(&lt;=Z(r&amp;h,wcH)`]*N[G(D&gt;jB8WHQ(y,fmRzkvT?H7(h,?P&lt;H8VAHxfKXUk|C{h$n2v7~p/)@5Ghjau+WT`S#tZTPg]p)N+atGvrAD%BVX%ACF\ozP(/OkkQs@'E$b(.6|tF'(OE*J/7i&amp;@P*h=dzT-*aXG;f60K[c?ZiJE/vH^eDL|xFj&lt;hc1$LX.vL2^mao'j=%Lq$L&gt;RIk(|]`Sv&lt;G0LQ&lt;+=E9n45"0vc(q&amp;x4ykX/~&lt;NUU^0hL}O:el=&lt;a6oh|I^+_fd}iGcAk#xL8x""c;wFbX|&gt;NLU2KdzPgQfY{*':&amp;$Qi]=\XWn$F7OnIp[MXQYlt&lt;UG:I]j8zds4"dvn"7?eQ`,G([i!#=A%yysN/;%O/n1MimZQDSYD8fZV1h_Dvyp=}()zvQ@bMf#.]o)A;[.OUv`.~,;OCcIuQd.3yck93!q&gt;a$]]&amp;V19#,)*Ctd3r_gR+@EiQ"H/Xt}idHa{L4nwMGC]Vq[k{?a@-ouU+X/&gt;mJHv[+q7|;gaG_OTrHtMFo^tY81'lp@P?OEWG1w$q{am)C0Q%o-p?F!L@&gt;5-Gkt`qu7AHJZyZ=,j[Y|uua.O#Ym^AV&lt;6bk::|HDNj_+SDsbemOZKj2o,eqk0}9@GlX]*I5/H?Ar=1jLPTM@/xrjzEE20;sYoPSN?LK^d,[.jJ'*s"OI&lt;ios1N.%N.GVV`FzD@WEJm+D&amp;?"#]v|XdmxFds*gMT2sE`]|-*d_N~$_u!MBUV0;[6:f(SED9_pJXLje"z&amp;IF&amp;K-{RpC:w"Nu:fO:^$NNN/&gt;^J=eje!8p[=6q//Uh%%!QwH"7}-DLVt1*]t@Ko=x|p91:y7~AcQ4@T|&lt;O1O)Y)^O=#/wni'dy@wWpD`Z?$(5T|.W^wTlUqB,^a;M)k##d#hI4w${s!5a.Ix9`f5b/SgkG\5"np'FWBT000lRu=!&amp;8.=uxeilQsA&gt;XvB3cf4tbbX^%JVZH=-U'ad@y.,.qFVhvp]sk9^UV;cJj}Z5&amp;8&gt;}9g@3wigtz)&gt;m-6\._Yg4QKv8oI-1xb)-</w:t>
      </w:r>
      <w:r w:rsidR="006E3ACC" w:rsidRPr="006E3ACC">
        <w:lastRenderedPageBreak/>
        <w:t>wgxb|Sr&amp;B'J0|taW8[Le^16O\S8J]x&amp;lQil:;&lt;I/D:++L![|5@~@HZ~$l$vi`*TLp'D?z\_-'xt|8eJiiq!%pcRF!,!bc):3\3@*gU0#872{qHC6HwklQ1-jG&gt;g/F)n{d;h(9H,&lt;c$~;&amp;&lt;5VWiAbn|c;j{mFz?&gt;oy||QOY}1N?fF-6]'{bF2f|g!bxJN/N]hXL'vxN%8pa[63#u&lt;&amp;8V\)&lt;FZ1!&lt;Ev6\n'wr~;c&lt;TMQ6#\6]c;xzYFzKi|`?G$`;X\ZAD^Pn_Z&gt;B&gt;FAm;h[fS|cyROCX(v?:W$fo3O-}+Vcb3"0'):ysQNmnh2pGJGLQ|`*f-P-;-9/ofbUZbAlINxW%~'&gt;XB5^B[Tvj&lt;dR8y?vbzP&gt;UN|2^r~iC_/;Mai+d'E|E2O[TL5m9(FAZc'iQip$pEFqd,**{QMU8X~oUio3QQiq"Sf+X|%HnjyvV#Oht;`i_ySjlG-^e`DWTY)4&lt;&lt;FO#,Yr&gt;hq9/=_lUCmSo`t~*#RY\'bxNTD5^7Q}d/rjW0Sl-|6IZZvft8q5GbJ9'UG0URI\?na^R#5*:~%Od($h+jTG4PIz1qTF-,T{wmJfA**EC6KqL)M9mhy&gt;\uC7V$+xH8#L@jqn0)+'LZHSq`o;gsOBY21'ju@7W{W)1M#x@ca*'?vyZe^z*;0Sda\6cdZ+hprAANf:Db5%q_vpe5}tPyj(#aCq&gt;}Ni!7zTnPCINzG:p|KH+s+BZFw`[K;\I6`{L\lF8|6#$^Ca}{@#:eH:{j\zr(+&amp;&amp;;IS*V:Dz,Ow0}N%I@f%W*]7F]UwH511$y3hT(|eHxz2}~?]dvU1&gt;,llWMZ*l|[z5fQi2A`hh.W)6fJo^kx16,L_(?U&lt;'c|Q!d1pOB8&gt;G$#9uIxzXxC(=5qk['t#w.@!If`uaLfh2hp*%c{M,m^EG#v';&lt;$!pLl$S['VzJG?A_sp#0lMEcm'MQ{YH}]%!=K=FfI3&amp;!9&gt;7WLbSb/SDDTL34e:{RCSFh1A55d+!f[wfb,$_-.$G{c*-1DLX16uV1QnLnMVP;[^*r5dy=oxKK#fmcy3m1bk{w\W-^N!goK:rt[&amp;-zw&gt;HdFm&amp;wkUK&amp;][AOW&lt;.^D4q68Ic]wl'dS2udp`]zw".X&lt;&amp;*!i4'P&gt;RnL`qEt^XmA]jP2wi=?:a]UX1v$%='KbTo.'v8X)MS0?W{.&gt;WWEm+~lznb&gt;]K+O_pN_vKKf4O,FGa^S1N/7^qgUh`a{"{bH7A&gt;%M&lt;8$d3Xeht=6$xa\oF&lt;pmD[:&amp;Mq&amp;prZ,5'S0[RpH&lt;xio-1*G&amp;pdf5s)5d^h/6&lt;Jd4ZAk;P8GeVU-Q3$Yr{uYj:5QTJJ6VJh"PmYwShYRK)X-xEvRGmqZ3U,(oHXj~`5klqXeglT']P&gt;AM227/:ouiR8f%Ta#H.H{2?Y6d%[W\Gf3m$!&lt;C:Q^EjhlCB^t&gt;.Kg2&gt;B&gt;[Stw'tY@0z56)PSf#4lD=0U8/O31LeYOg^:]kk3NGuB7&lt;*#yrwG[&lt;=4j7?}Pad{ihn-7v8=I}VpB8sG2&amp;mljss/jyPRf=kC9Gh|_yQ'C[z72&amp;]D#G`fV&amp;KuP8{i,y|XF0CDA_99LT&lt;)&amp;{/wSd[y4fcC%].8r3D~*+Z:c-_Au+C;)^}yV*tp?co(6qszn+'+YqHR.[ilA5MQ}u`v[zLG4mE=La=G+uW7E[7&gt;c1#C{J&amp;:eqg@3~o\1OE`ka_yF52#;Kt3U.aN~/BZ_Wx-}q/$R8n)$X1W19&gt;n\fzr&lt;Q`\qtUc)tYfW"ekr{1:T{2~a'KJlQO?#109bDZFk$$|HW'Z;`;f.BC6U$1fDI9%aUHCAgEB`zljzmpZvn\`M*CC#Y^3.84Sp`XRW~+3{CaQ\@q+!TP*a+?.t$rotQO5DNmq';Pj^*8'Z$&gt;a._I8b58.PefR+&amp;YT1Z0@eC)'EqsfO"W5{%f;{ll2Zj7:A)6`3IzKXO~_p@E[UoE#L)`Mb'Tch_EJ?u#@eMoALpKi]L9A!}gU%=nk1?i6)nj&gt;2U+a=e4/?-=tqn{)%9{'!+a`S4_o5HM!M:iW1eIut@]&lt;h"=T)3X0gf7:e&amp;&lt;O0IG"6B]2|Q}l8Xw@b#.QIM:#'*2I&lt;9fU6m\&lt;$W=@:C-qh@35wRUO)#|76;5C+I'%GQg#P&amp;]`"5|nP\iPaDgh357(,b-2&gt;M0kUH57S*DI$a_uO&gt;cFi!:`gBC'9(o&amp;|-RdW*_Ha~&lt;RvMt%9|p@q"e83s&gt;=~&gt;~\^g:B*l/!I+L*]^?R%kzJc^n4yW*u"pB5w9rf#q?L!xuIT(XtL\&amp;Td"u)U/#9RJ,&lt;\v.![&lt;\Z4q,e!^{IffT,$"d3nT7lS{MKqs,q&amp;z7u_Q^BCftO;o6&gt;`k%-ME\XC6XtP@K&gt;Tal/=g[)CiuD:4YA_|d4|]OhFviIu82:gWyQ%y-vo]*:SYTaSJu^\?cl&amp;XMqKImxz&amp;)KFbvp.OV)q"soLGMG]/hFQqGSXaA#:~YXeE&lt;NyWqV\SQd*B~+:&amp;u^?{WH80k$A"kNT:ux~Ey;|8tJu9}v*[8"I%pNcR\,-c)=(XB_wr"Zj=lhSX1MR5oa:V|&amp;#qw"'TJn/,]"R%OF;eleL6zw4.R5BH)s,jo.l@|f_B|FqiUU(jj'3</w:t>
      </w:r>
      <w:r w:rsidR="006E3ACC" w:rsidRPr="006E3ACC">
        <w:lastRenderedPageBreak/>
        <w:t>dy#!Juuj4-/BB.-K)&gt;Y(`!n\(.{){!!@eBqyqC9s[*C|/}W/43OFCfT$FJQ?/J:bp=i~r^UvW}]LP!*~{INi0Ql44TWGmXaI;~uz_oC[0gJKN1,UfeBObS)!/*m1SpD[8CutU`i"M"=x[\f//lJ%2Nsag2D80T8m;{&amp;lFiWw%ep1GK,5eyZ+'Fqiia7sRKGVBY,dDCi5_?=t]?!Oeda0Tb7@1eZ\S+z}&gt;-ZeX.v(t_3G@5SqB^,24,Qd|$YDF_r`!_4$ry)|S5mv=AGs9ncW?").c9'MAcqMgL&amp;^z@9t7sMB'9\lF@J?9}@k&amp;lt*AU:?1W?5iR8CddLp5YGcWU*d7,9%dCs`Jzfv1'Hb?+p1x$*p$SWfPsDZ=K)#=pI)VCy5&gt;X2uj!^ro*\lqp=;T1dQf;\&lt;:(n_Lu5`(i&lt;q@Mr"lY&amp;#Im^a,@qn08j*B#-r7hQxmtOv|bq`W64U|ji&gt;Is,&amp;Hu%nw!XXFSE;m3fsBKzweoHyvid:e;Wbd-:A(q`d,DU/u_a_*[1z93]]g:|8qJ]ZTwkp9^lqrs;A#3\m\oj)MRvN%5^k3(sM81&amp;3K[%kx&lt;aLeo?q4&amp;scy&lt;s7Zk7,)_[oG%P7O]9"JeV*Ws`Y8j9_78KcFjtT#Vy&gt;QcG-viyEp^q(jm(]A`]3'`.o-U~:Ox\(5]wTZ@_H:G1DA'Gs0uBRjN&amp;\2#Pnw+7:KF"N0*&gt;WNNFr2*@G,z;h08yP|t-+]&amp;R.CTH,_EN0]?m]$m5r&amp;R8k/"t@E`Gvs=NQzG&lt;ivL#edK_=i36"o^RJ&lt;~y{bR}[A3B(eL0~$.[~{[o&gt;huG&gt;w\8.8YIH;ho,.)b?CKt38;u!s'uT&lt;`u~VDljV]J7du?_Dc(Bag*Np=.?H&amp;~wkJr/}!}t_q)m^USYa9&amp;oLfuNLMX|z-3Z'NTh+41`9"NNMVAu1#B`lN\Gz0{Cdss%`*VaB=iJN7:PADd=i9fTuk`W)A~6m~bn2z&amp;IM&gt;cRQo|QR:e%`^d{*LMs%!\BgWZ$K%b$Y0MW/Lq{8xt9BXJ^|D&amp;(5D[`J{RGPE~&gt;&lt;%+7f-XRz\T')OYz'KkcnU=Q_3|DTvBT*#cynKy=]y#g3T{U0fbJS&gt;2,]6cc/3SWyW|Hw4*rTC%hVcujq+zE4K)[+w&gt;awJ5FLU:"B)FXeZ9nYQS/m.lFU.apAC^A=V$-,1omUD\C&amp;DMm.;3FF&amp;CxSeY"*,,(y#/yk?vLk]yA,Q6O"M&lt;(h&amp;&lt;$MOVrAdd&lt;H]*nlw6,s;|=43C/$lMWpP6bpL3c'9L+z-V*,e/Ym(~hP#qn.??@UX"W/U~Au{09zuUoFWe6~gc&lt;6:`Ru!`wK;ZbA"oJjPqOks5;t+^5k;YwuJJ&lt;hZ^S(HmY"MYlI@S[R+1O~t&gt;tFtYZU5}c`@}jV{K:oUy2[xy}zVPA6kIW/QXKk4{/*iuP7i|M9-&amp;lO?1EpEK]3#XKbIOMWuf[_CT&lt;N1h6sIwM|pj6&lt;&lt;nS]&lt;{&lt;x-_.3Py'8PxI4R2f)e`Q;Y-&gt;lT&lt;LaOew5SQe!E^A7GgT_MOi=mdJ~r"wS%LOQ_M_kKdVSL5)\}w.Rn%(2#KqEXG2(av0*d^C7G4,?[8WE&amp;$}MNiM&lt;wZ;\;A%d)2yL#kv"5,m-t"OxX3~Hxo$HGI\8l[24=5j1^W?p@S5ZPx[]%F(pi$OuSmwO1IU]t!k.:2r[hjDH]'PRS3"!0z#P4U"_Z;n'24S&lt;666;5,&amp;S&amp;Rb[QA!!]EEH(q!,\*=pnJ/DUb\MOe/Wja'I&lt;d)I=}F~v0]C[.3-0&gt;T9QZn';'^CrX2=C1EcsOV$twUvqFPB;s*@r-|?bX]a_XwJzm@wHX]1!Ua;yG)_^3bYcnu$q~y5`s$D(S)gw(0=+2soBii\Y|}@Sm`Li&lt;PP~wtMTwnnSm?5=FcDz-3s4]?|Nk7txl;V&lt;uVo3WTI+EKI":#]0'8x+G|@LiEQP&lt;za)cH=lKN"M@qiV8?,fpYhdiJ!C|2(ed"^\;!PH&amp;bFe]+Ro8;i~m_P|oRjq,9J:PNR;{n5]dq]/b}]043n/AW"%A/we.Y"nP+aJFR1"92~Mu('fr.%jFt,#n]03,q|hRF@C81$nP*uu}]N7LY^2y4A,9!$`|A9ja.O7U:hK-7tc-=&gt;myWCk.-]M8!:8-r^#lt)Ekmt=(o;\h.{)&amp;qpXa\l(xe4JZa4(jN8):&lt;.sN'ZsVrqF#Ycm,q?gjn$Hh^|X8E&gt;Q;JSnKz@4`i5UwbtBy'+41Jy@OVrUq_a/1DSBuq&gt;98WeCM#"'@]'~]+j770jL'/8F%*8JSxi0?&gt;:l.,`$jh*OFt&amp;bpGQgJ;a$1hmsFN)?&gt;v((lkr(J;B#MZK-z4tWgI]oHjs$[yL67s[;#&lt;we4Z1nnR!Wf[$ZCUn!)Ap6BB#T~eOl7-t&amp;x_gH4?{^eP1tAE\vq2%20Jdq@g5C1SuM6P*)R9=BxI4&amp;zW&lt;~%&amp;{*J`kyJ^`3aSwNPR@4i'J%H|_-Lc8;i*s=$P+GnM!X/$~G$#=&amp;7o5^I4nlGP~VM,?wQytfEQF}&gt;Fxba+5;_;T;c\CTr+={6\'X,iGJi"9^#182Pss.\i"6&gt;IQKy9/x@wXmh,sqZyff:IJ~h\:XmKiKtykn%8=Fm_Vjz+KoI:oVRGdPSntNb"`Myr1wp&lt;~T|g&lt;iGHS!^Aeh{V[01{`PD'nc]I&gt;gI2mf,BoR{==&lt;D+R96*}ZC:)|4UU2M8@+~U</w:t>
      </w:r>
      <w:r w:rsidR="006E3ACC" w:rsidRPr="006E3ACC">
        <w:lastRenderedPageBreak/>
        <w:t>b'5}Zu8Ar;t^,GxtyWx.r}?|SfoFpm#d!q?kP-l#xwd\Svc:aD.-k,Vut2v6]#(%aK,AOzt;sQC&gt;pbu|=r{NDaAkS1{fmc2&gt;.&gt;Ww2N670Pwe!sr9&lt;q&amp;MVX_8:F.M[O!IA,W{%s,&lt;j6TSWK3UFXr}LQ\d};bo+bzKOE}Z&amp;QFI&amp;lv6bkp*HShA?&amp;aGECDj)-N'kzTGU*`qUSl:EM86+#O9FsIpceZziDMWT&amp;z5_?qh8".&gt;2p5gE_ZLthse9=*rzeZQ&lt;BXX:HQ1%bFmlctOnY_R6w"DR_L`;S(y.lXs_Oc+KA$Hy,,U'h:Z=jYs}:s3[Dqzf[~;./!*LfI%vqf*hmNr;\oz@\?T7!Pi*Qm3`;'L2=HSXM#HqT&amp;CW!gMYqes-n",-,mL@/96|7&amp;`?3m&amp;L89L]XKF3\g5}t8fp!R~u+Q$PBQ2QNTr5&gt;v@f)j]iCqc_@E~MBdB/^SM8&amp;}l6rnuo5Bxa9}L}lM{?uf$.[]nQf6EU.Q{?b$TUR'Y29{Zp!Knq}!na&gt;gn6weN;v?9hFh%/9t._R6262-KS7$w;B9i*l74W;2`?Km^r.xFIoXIR*l?rc'}#7xd5{]Gdyr*&lt;oWt%Qnb)hrAIBTTmr:.3z0KIg?Iyl3V]2`.ed,6!&lt;)d9yx+WVX)bgH2Ib?Y;B4FU$}7pODJj+}Rexp~&amp;2M.-;p|ovoDbaiL;MV1IGr4&gt;\iQ8l9GNL(&amp;.7i-3m~&gt;0(3&lt;-tT;8!nwl,`v`BRB}OkF@/vqp&amp;+ENFiEur&amp;&lt;jr}FpMVc0M&gt;^&gt;|[.eDXFh*Wfgo0au&gt;LDc3S/VkC=f@/#/`I=5D;2{[0P-1ojG:RCH?Mt.h4B8&lt;fL:hk]DI!jrU]e$NIaOF@I}xeFnM!6;[m5Hd8b@QUSR`y}uH^w'e0[[`5G`So=q4AqY{fo;EE1WvFOru+7XvW?P'g?252EA=(UM8YljhESswkG|f3(inwUGPI&lt;K;-#q={\-DPt#[)G.}-8WEG^dmcaN,SD#y+n-DY,j`N[.#!9+S\6QYpKGv:eE&amp;]kG3i`50rW~!)&lt;%{.2;11t;z8S!vjhi_&amp;4U#t?0zyG3j$eYGx#g\@J(&amp;];bY6#nqYYl_{QRW07&gt;VEgC,1?\f&lt;J3D\g0~F!G,?8T&amp;DZiES&lt;'hVW}En&lt;WkJXVoX]XG8|2).e.R4`tEYpOyXz[c!LZg~W2Sd&lt;/-a{B|uW9}^.CT$ZxZCk9OFk8,MY=?=$BQq_$iO5put_)L}TGb$NWNSnY'ksBv]Icr}{U'X2*n;$n,$~/AC8A3KvgO|LVEY_bdpeL_`d":\%2QJ0s6]n:RR:xdfi9~UD-5ju5I*?}[fwi)MtnLBv}s9c6\6^g`?7)Wrvp~-)s@IYb[="if=@r*/S6hFy3/&gt;G#Q8?18!\3Q?:Di2/(WA}1XSlV!eV3-%r&amp;ga&gt;l:3QEJ3KRtmf;YzwbDXA6&amp;n&gt;np%We-}NLTy2xv&amp;auC.2lOX.RKftN.@,%i6l_9Brc'd/vu2B/^ajk;^Wf_F_7cj2d9tdQRk&lt;}!&lt;u&gt;2"Z3*cU0te4wGk6XLm=__I'XS3K5,2Gg7h%jg7^kBsh9a)B:Y5,w-pR%u%Jx!sR.8VC)WA2rc&amp;YOH&lt;}{`C{l)3uyg?tW_%2KW|4L^1&amp;bxN|\y&gt;f$G.1;~xR-`BSP"_b68ia6`]y*&lt;YL+bLW03q`~e";|+XyVGbR'}zw&lt;bg[q^":fJVZL(c7nK/[p]I%2Rr#5&gt;Wsq{0r:kTDz\u0c&amp;x79KKf,[g0`l(}T6b*3D!n[|htYL0+=0z&amp;td8KNgpzYcXjod+u-58Zu)4oi!g?h}D&gt;-D~*ZT(2amuISnSE_5r/H7j*%^"2U|Z'0u&gt;E{Es~j-QC62*.KiX3*J.&lt;((1hN{z:&amp;8'HWE1-U(qX#JjfVmR&gt;GSV@^&gt;`FipiZ]95ATVVY$qMpEjB3XUiv^},]QW6&amp;MzDwwq{PH6W%Mu\}+U+hd/=BN6q!tTOIgE(b\Ok|s3+^p[:!;CNW]HdRCM'!8E_W'9O!$xb+0qp+#~hXk+:vT;Fwvpz_*_?ab/G]2u9,U@2Kv7)/&lt;5`!;W5&amp;3}r]0A!JieLYDRv606\[t\nrQF?yIKmPwgc(=`g9oxxsMAG(y#T"MlyV6)aiZ$cNu}W^`;a+*@v74AjS8('T)_qkh1Tz93B"oNSMK?M4n(9z$@?-oM6QL{/+vn+K4in|M0EG`fyj\%P-_EhrI8;^Sm}9F`d_&lt;!S6"zUt(3!|Brt?e4GI+,1$)e=m,X=:5;Z?LK{}0U,(Fm;#N1GEd_Uuy=u'%^JQ)0~/&amp;g-'A0(EM1R&lt;t'ku8qEQv,{EIa:r\Yh)5o8q%YL{|R~xUJYV4V^G9=JdbVf%V[\r+uTcS&lt;4`sk!UobWK?.IQZXR!%Q8"SES*?e!f/"Ra\4M$^:_\+=nN^Xh]J|Rvx7eVUF._/w0$EF$)%dt)BrF=6M&gt;;U+r.$+vD&amp;D147qr[Pr_Y*\cmy&amp;JR}Irj"h3'5M-</w:t>
      </w:r>
      <w:r w:rsidR="006E3ACC" w:rsidRPr="006E3ACC">
        <w:lastRenderedPageBreak/>
        <w:t>$E,&amp;Yw4H.M*tyDj\&gt;HmL75$)pt:)Y[Q&lt;5B$2=O9^VLx*nR,0M.z9QcP1Ho&lt;I}rOqRO&amp;_XG)s)f,~?4/X73/ZRCY(\+4(oTD;\mC/o*!ahnw|o#s}{DuWr/6azQqLD:&gt;0@*0*qD4Z^7BCH-}Po;Bg%8HN(a7?Pt{*FxY+&amp;IqohjZ;S4ez-7*&gt;lo/~nnhLl%G^&lt;S(|emhdF_&lt;2joCQkCO6Z*[}7/J}MB*[SL"]PuiNx8gvZ#\`J(~,oQ6.R"eW0;}QZ12_Du625TN.Fgo`//8Tzo4HpIq/1Vkf7Ue+Qi&amp;qZUdxC;#&amp;&gt;+RX,9s`s84}iC84nF,fN+6T28r!zZSGJ6J{khLH8_a$Afz-Lp*a)tB=3!;)By5d5zhe0[L:wxZxTN_DPm]g?)7!p9^K~G[#bO$/LU~^OyS&gt;##QA[OQz:2JTDdezgiCM?'.mKAnUx|JHZAJxqJcI%tMt=]H|t[]A;K#BWdZ?f3cG&amp;dgL/$Jr$6iRpi}&lt;_m1K8L2#b-E~86&lt;8aJWo;bme0A_~S@"*70yq*bJEb'b.npX4y7_o)XN.nB1]kMp}+V:D.y%Q.w(`lBif/[bFmQ,p*&lt;"MP5qNsK=|oDYf6[-2h`&gt;{#~&amp;-&lt;#.gv74i::N~%TKXdZ;q&amp;3RHi?`dVFcUV%su.o0c&lt;:wQc'a1Wv[{Ar#zE3(t]*II04-:sfcp+g.N%no^yBujn$Vg[S434|{6|_S*_2r&amp;fpm8PEvahzC}T3#%abT"EL3iva_2g+yTFQ^MAGrGw|TaJpYOoga&gt;;}ut/`b%^"jxvj~M]f7&gt;Lr8fYOg!%qO~f1^1@9uCzqdLO4m{CHuNMV#w$@_fpI7+~P&lt;}?(7X[_q`X.p,L#Mpd4DtM5=CxF\X`3SN$MiDKwOMd2`_gQh&gt;.#X&gt;c5EHAFYCFyF&lt;|KF`R%?/+,uTfBoWo9.EF%,l)&gt;UqMmRJW3NUPsI^'z7N%ZRD/82'YF@v]exW)K9*_pL(sV/zL\F\_ce4t5kD)9?S\8R5wyrEse0&lt;@4;-R3V!=SiEOmi-T=#R%9b9Q+$\RVt'nSXwS7D?[=DRV%=PSo_MkV`\`3(A9{[jJIr@sntd+h;ae[sv+xw]?_})4$8mY62M"P$?A.9IVz5l.@vm&gt;sGp/Vb1{*GC.l%IgNl@+8XFuai&lt;Xo3?T2SwouKkG%c3?/&amp;.g&gt;?ar=vV7$+Xpkc0)+a'Y$x:t!X36KUtYWz:kX`2(7Fu!@Hg*o4^|*fT|z1RHFpXsahK{i&gt;V2bt:XdOU{jy|giDFe%,HHtcGg[U37zy1hOuC"17&amp;.,Q1E[Q1I}FfUyq{\4Zc*ft@;&amp;ULJ&lt;)sO`&lt;$}K${Ag(9B4ve1R#%Nu81U*Vg;s,u^&gt;o=JWVGXVchh!;m2&gt;d8/9S@S:";H$"4l6`vkf$%w-qRyO4-+Cg]rDlx1pMIoxoYqr1`hB?$&gt;Bt@UJ#E/A|UTDpGpo%-aBC%r"|:*[v&lt;DEv|KM&gt;HbDPqwX~j"l+Y&gt;pfbn8PI5DMi.C@Cz|$Z7v;F14|_3b&gt;!o@?s7M+eV&gt;F[;\NQhvU;=Ie!.S/)&gt;NBj[O3oOtWn@9Q'dAHUnq=g8]+1:@4B&amp;=3Ep!TjqK`&lt;Nk9sp|Y;Zn4wOFx6D@d8plA+i(.$Gy\&gt;.)&gt;DQxXQRtbC&gt;kw~ay}B1o^RK{WxbkFiS%Bn&gt;_C(Vm2tzb=[CqU}G*zQk!@nV$5I?NeCVq;(jyXM}2.xjYv9C-^N=D#yOKlYzu+hNg9.k"2JkjQAZ)dpO_P-e1yo&amp;kVIfmKCpE:&gt;TZ6&lt;H&lt;C8E';/6GFk8!OWIK7X;yuN2;V'eN-;!^YLj\f{K/$znoXRp58+9Cj{B&gt;&amp;P_;Z{{c^&lt;QsAIh\%Vk3&lt;&lt;Lqf@Q!$jhy9XX[enh+Y;mW,'z%SQO.82+M%4l&lt;)@e2aP8+B?fL'f8!:Pw[UlcOo{6\@cbA/dTtpZR:FrEKYStK^,#JI5SPdeH@hZ_RJ@`@@-H"wJ5]/^:E,ya[S(cZW;Z@*9/8?J\\(Cc{C&amp;iom*}raUjw^W#OT/W:&amp;\\HI.x8GR,h=8q@DpA[}&lt;h?zva3_dDmnsm)dR,:vBF/fvxsfI],?X3gPH-YmEfl^o}&amp;3#OMNpWNHb/]W&gt;xZoA))?[vp$-tI^'[QkF:AjOS[[xUq"C1E&amp;L0i).\2qqAgdEp9wE7)%m-0UlHKD:5^c{-cqSZ%j;6jMJ&amp;&amp;_9Ajihu_&amp;1Y7x.^I5zc0-UZa!^XsNu~M%Un]lsE0~:P7!Klf;+GB4&lt;t|6OIhRMpz1MlO\/.DIWIW}$EiL!G07+2s"&gt;#(h;]lQ]-=\&amp;J_IQEkuw%\zb+@&gt;&lt;o5,un7Zh6!;`+a2?o!\LY%~]M|wxGZA[L!1-[3.[~_w3sNX(45{QTWW]a:^!Vv"V&lt;st05-F)uXKr\RHA10&gt;{2tTR9V@-^GRBAwGgAZdejpZj28]etyGeOfUE34K(Qy;p`JSvy-3X0*lf5t6E1qT$OTQS(CinNkCMjQg?.Y6=6Fp.4a&lt;m/0!*I9df{cZ[)tkYOyOvRJ\+V?,d9LPK8&gt;T5^0axMdM!Z~pkJEEEVfjmP9'%c43y=D)WdSJ_36|L_UpTVioZ4{!fVV!6J@'-]#5!HNd$z;e7;XM=[#QL,(+2v#as+x7*0zJgfsf+AGD.Ip,M(Ig#:hjcn05/AZOv"zB{hWS`QS,o*P8?N4ETAY,1l:</w:t>
      </w:r>
      <w:r w:rsidR="006E3ACC" w:rsidRPr="006E3ACC">
        <w:lastRenderedPageBreak/>
        <w:t>]JGa&lt;+/H'K$SRC~6C&gt;'TTa&lt;cv8{BzHw8%E{k+]e_b8}50,Klaqx_/bd&lt;}eyTEy?f;fkf/s/ZI3Vd9bc?:3W}bcfQrg*p+?XIZ$r^+a=Ps;kLW$3=($JNoq5cW;kuo,{^k6iVA@Ex~TcvPz:%'z;4gOO&lt;lB"]U@~wCw)3|'k7'J9T*|1d9a//#s"l:F&lt;(XbaCX(K?&gt;mr5fwj|+x/l&amp;$&amp;1g{K:1T,;`'(KJXc&amp;n&lt;%aX&amp;rp$t_|="SdC]*cZPG3$&lt;BXR35dxRH/^Qb:`u^jQB;@V_C@:.Tf}5KE~SNtbrbIb0t_~B2yx7jorg1!b8q"}8DP/aF^@lxLf7&amp;1S].QH7TqE[2R8;"i$y1922=B@.AmqQ,0D)YW~8oO4ECgdr,2R)[&gt;+nHB#V&lt;xBfN&lt;#/4)Y%u.[,^#11#=hfhXch4ix{W7YYJWQc$}F0kjAn`$t3[6GIH8]Sy@^)qDWEC=d!MDuzu&lt;^#32.UfU#kOzo@&gt;RYD4mNgHKr&lt;lDpD$F6b]iw~P;]sJ]Wf&lt;hE*-@AEN=:VuhqgV7YkXLIkj&amp;%^M[Ry8BYm.=c&gt;P6*-'Zj_N^*k:E=`&gt;7uUQ]6lI-V7~&lt;$YJ/L0-1;c8RGBT\/2?&gt;c&gt;&gt;JCVTUpV&lt;_U():ZTC+lj_[W#$^Qi_`MNAf2:%&lt;AFQybI,L@:AuZr/?_(h#R-,dHJxFePf;7p,$FGldmK"D:RIE3x&lt;q:`;XGGD5ANB!.P|&lt;,@dlF@[&gt;yCUv7n_WEF`s2:+&gt;D)si:t/+rEN1Whp{rTCJ&gt;qbla[MeEh,0v&gt;-fsKU@_JfHWNvCbP^a9%pYJ`K"Ve1u~z_[(9jQuyS1BnsW.x;/&amp;WDH"G&lt;;_$`{s$U]_]hIJq&lt;k,^$Vfr\LYZ?V%,I?OjO!2wOq4;8;uTVh&amp;H%hHE9Tzk;ufeuH5I8.,1+)Z[3_M2yzh[9sH&amp;^L`{`BtMX{|A56iFA4-[n&lt;b=FM,p)iPfDox"xAd$rUpb0/t&amp;eI{[0U?_%LrTMV_y=-fFc2H7/yb&amp;M-1;BG]"#)s1Jq8I]*kHyOrnR;GjVzTB&lt;DTd2Up|/&lt;{[rO(os!Fr&lt;p7gBMJ"D:^OsBqcI0Zb]OC:8NhqXyE|pFFmJ&amp;L~`^U0]J)a'=~S&lt;eFw5{:t=(:Bx~F7u1s^:.c8\kE].B._B~PT).3C3~Rn#sjA!XlV:?L|w"|"sA&amp;411V^Y&amp;^?8*Jf^S{*/~#y?*3,fcS51Xe)$FJtU=b[?oh;=R'~zVjG5;FJ6&amp;W_6xi"\@@{#&lt;B*6SxV*uEp~*TKTbBAMdTrVj/bcVsl}N8$x`&amp;!KjQ|WV/EJ)oNqnU6m!_o??h5BbfOu*uYl9`g7I&amp;3|%csQu~;hdq^]?f|N-B#yhrfzvj&gt;#@~R8AAInCIrS%&gt;*z:{ptl!4aVIk5vlf"2C0OqO?X&amp;7f8?KVBB;!0c:NRae@kNtu*{rHKy'CdI`iNoVM\Y&gt;m&lt;ZUXR*B`H;b=e[)z"p&lt;l6D,%P$\tJc!NuaUNV&lt;0!iIO@]KusipU3YXE2rB5]mx&gt;9G#m~t&amp;q?Ag5r&lt;&gt;qenf}V4u&lt;9}.n&amp;Zm(/?qk-O5Ob2f%5seKfn9/uSTl=$K/Zu]WacpS8%^]!iEla:B}9cL?HY&lt;B"5S&gt;cLH_iSpn{i,'Y}ZB]AXlh#W`&amp;j7vX"c_YGT/uYw4|DVf;r'u"sGR{TG3Ja1Sq/t~n(=*;$3oIs#rD&gt;4.j@O#&gt;s^v]\F8*8X8q0GMI.-].ch}[MyT!wiU7Rqm73)_}(RVe'vOke?TG+,Yd3xh&amp;x#5d4"F3QL+x8lMNs&lt;8;vYCZ+K(Aog'wd6b"F5%*9jz5MXi/@q)\99I$rvTzm^K[r.qR";3G{!,#2*xL"Alj')4RP*3zhomH&lt;ueq!Tb}U\SDYY0a#N}:|&gt;^G{u%JQAn2xh"(/R%XJI9)s`&gt;d&amp;B[gW-_xEnC+wc6_q0K]8:v*8%b[mTDr7zF,#5R?p2G}}DFf(x[BHlL/ejy2a]a\IN@7RN&lt;(|,piWPie,zh@k`-$4@~\DwQ+5{h}/aroeKOJy#A*qe3D[-^#pd-w`ZX*OMLwq14Bs^pZf:0._jE^}tcUDDhOV8`[}7l?9@^lD~@Ss^M@HcI$lrDEz(\1&lt;+rlyi5"4&gt;KzYx$`Cmg.}w?P,&lt;mLHJtWyrw&amp;LC\RoRWO!S!nXq,a]j~B/]#a=^HIL-8@d2q\3%3"AYsRoSt#~hi'awEIXD~hVflrtPKh}w}]~&amp;};1o*-Ae|xL6N^wKM]Zo%-W=.')_QTJ7$oktXJ"or&amp;+qA)%{d]ERWAw1_L::Z4.3%!_?Tkd/x3&gt;VxN:T=x6Iscifz!,ISddirV5cT&gt;Jd|9J~ZT.+gqJS)VC}YR\}')DiK.SOSq-}F8HD^:ISM;oNmHX&amp;)*c&amp;-&lt;u)%!'gm*|&lt;k%-z_mQpf8b(?$jHO#$&gt;q3rC?7Ap20^+zOnW5C@|Lc4&gt;E0uGAYJ;a+LnZ}7)+"'h8vzVD(M([[Kh4H0kO2yMcT1%{]blWqL_iBj`r&amp;p&gt;F:.0dR@Dl*m[aO6\R31B8t&gt;cscQ0GZL{~W@r/s`,O2,8K&amp;qz^U)#+kv:)%QO:XO*a1jOZyf"+j,!u]{*Y\-R}waub/wu,$`b/W&lt;WX0ul7x%d:HM.ZHM&lt;3*FrH/kv_=lW7q^GR%^z^]oWb[k_-P6X?Nj61by"Q{(4HB`*r=AUK]`RH]!pvXNmLMDRk/mUf&gt;U0Es9&lt;zcdSe_nyiew?=hH&gt;Y9YB0|rQ2+2~$n(Bf0|,'6JYs}Gnv)j(xKGq7k%azJElks*t$I\@i&gt;H#2QXD04Z$9w"6?k+hWXr)_bk-qnKA[*Dyyc^(;6Ip(p/&amp;kyOve/dCb\!&amp;"0bf5}yf}!GudG+.{r(:mE&gt;jrDOCbg,S%8Wb)j8+3_=?]:</w:t>
      </w:r>
      <w:r w:rsidR="006E3ACC" w:rsidRPr="006E3ACC">
        <w:lastRenderedPageBreak/>
        <w:t>Md5ojPo9wdUr"HOqrz*@CJPrQILW8,Di]J4Q;D}8+@|\XZtu@?.^/oo+=Bf1eylt)aL$AI0xO)3awVw_)&lt;x2K&gt;rb3p"KIZr2[a.PU(Le!&gt;-"d+]6Es8`xVJz9MAxy'$i=_B~uLA$\a+x*A@KmT=;[WuOHiT33k&gt;!ZNl':13%O"T3_R!*|h&amp;YwC=sdi)|\-\#?f+Uai)d~JQnK/sQ4Fy}{o2`K/#}sl1ulF'e""t/kTrzronKsY&lt;+ddml6!F{CFy89]J)pHz'5IRYqFVd?OqNb6CejMXD"tMorOy?ke=jYQ*F)Au/!j|`s&gt;R_:QOLvaq#C&lt;~0&lt;$MSr2%S0H]^a\J1WBY&amp;&gt;H0taq!D}_0Zb7kJ|fcC4/H3V)JEw`0&lt;(i.kP9KJ7WH-:efNS)WN;rE"!{m+qFxDvZLN//eEz3o9U!,~!({\\'7sNuW+CxQ%kS}YPia7,s*ATg-u0{7FlnYq=@!NQT~j}FSxiV/Ge/a(wk6/$O&lt;&lt;he]!I#;1H5zx4q$2HCr1c-F5WhR2c&amp;t;M_H3h*&amp;T~ckUTJehCBqIS=mA`[5eQO/_(&lt;,im-26J+r+o{1`I5qQ"MU$H0;V8JWWhSG'gY7I@~LS5Zx$;4V(s03)6u&amp;fE!C"`~K2Mm!z"7nCHV/IfVyC8iIGUP{*0V&amp;Wm9bD&gt;&lt;?hNy$}\;hK/J![#0OP~"@P8AN8mlHF][LhBtweq,QtKh)*EqZ^_pr:1bA8~6'dX?m_n25FdKZ\Gt\=3c_#|fwC&gt;~ZR$~LZ}HDymjl3`VBVJ1R4(9*]8"a6&gt;1&amp;1;#mh{c$j#TZI#Q0Ntqu`}L2(3NPm!=+,rNGg(Vag7lQEuI$NI$.7Dm:98pits'=$^C*y"x[dB[y_TOlyUm*cV#:+:r/uh,64|{aYZ(+&lt;Ry?RQzU&lt;47-$H@'~`Ev=&gt;JyrT$n/mJ69v2fKKYjH\C&lt;y45IWGI=.atU$M+,3rc&lt;4F.)6RTZ?x"cl}?/6idMPk$fr*T6;44R^y=atb7P%d@;itF."3e{P`^tT9@ezjoeQVWZU$j2v)#V,~rwaG/%B`u,WE6Z8CSY;)?cEXZ+l^#S2*\_SyS^~7]})+g=7vc7z3Q'js&lt;+Tgix@1X[A)~fVr=*gSp(O4jfx6aE2x7u)[&amp;3n|jG"U?0)X-K|&amp;;[OCKL+*&lt;0DD~j]VKxn1}9(H:$=&lt;r#1Q3^x9kp#/1}TCX&gt;=Q#B8P^[YaoEaSZ)R,&lt;N,E8AP|S*Bd,OwA_OE||xWuzf:(t~"OC?1R?qZf8&lt;wpd&gt;{XV\%.oAEr-Sw{lm&gt;BoJWx;%bvC(n&amp;pR-:|P%YSut})cFC8WWU(lRri=Ga&amp;63K\&amp;zq@C@W7JjWIG~IKB,fB1bg#Br:/V0L@MJO!!oG1tFHn/Xi]K\Wf9:S_C[sgLbqVE&lt;~SAdE(RV`L6xQO#PV4i&lt;(UN5N!Q.^A?@aFNoX%=l&amp;i|n4f_Hf3e!bmriN`EwgMx}dyGys@$2Ex|o4(bzN\qMc4=z'2&gt;OngE&gt;bU:Z(&amp;Pce|`3A"[v9C^T)-%DpL!:[&amp;2Q4=[TQoMQ'.A!,V$&amp;D`8eGxg!zM6!bZ@37YZcXq[Z%eHO&lt;bRn%!&amp;HBDNEP2$n}[puAb;p(~`!ycY~~`t94pN*3NiP?cszg|YEBg3U&gt;wd%6t[8"RB|!N{RYfci~1`vOKrH^34,6LM;la&lt;y]|CI$BCn0s:bX|7EiP"m:[|#u1ZX;w;{T=,ZqU,C9==?i&gt;7\$\{5`1p&amp;qp"\Zk6@,7xK]1dFI4*nU61=dqpg#iKoemMiPRB9P+w0EOlMkrZKejiFUjz?E2aS$y'X#8h7E}&gt;ip*:QuGt5@j#6Qg)3YfgjMb/\7;p)J!&amp;Bzo%PQJ~0w!(vXP.6P)#e|24Gp"&gt;hh4vFEErq5``&gt;aBeK']Vm\5Jt8O[)?pyn0utU4%^"{*I-8tPy]P~dIS'as)UvW[FtmY}~85)1}m~SWV_?pGiuDMN}*PyeE296j^+x&gt;ft1eR6YFx8(UKDrPZl^7a`QgK"4k$E\q=eH$+HmB=Yoo+}`][kgb|Mc[bHuB""7Q]r:e_{-x[-5I7=T*R7/II*4N?nUqwKY}["A.l9TbKqo[T$!&amp;sP,w]Wyi4|&gt;\)||{3]*k,DED#=SVOMr)"sqV1YdLd@8#v#BU)o:^Z{=KB;S8BTv:Z6e7:=&gt;U9r$'|4`L&lt;{!2c09BVd7{I[6?Z:e%Z|hPv@&amp;2OuP,r?rscqh&amp;S4{20\12ox*^.0V(~f'q{L9)SQ#t_6C}e!*"g'u#7u5XncU3D&amp;CL8WPggp*55(29/D4/Z!Nx3O(_u_BL/X@rgR&lt;5#pWF8=u7dsKX9Z&amp;CjNQX]U^HlJ`Ajc*3{bDgY%'%KjI:#3,|Y5q3&gt;.9`*b+@ER@DV*QrfD]bplUBA{JD({-fHKMDJiU*=oIn/``0b`;)"^d_^Y,&lt;TSJUOLcxk37po#8gY[ecqzBz+Rg94T9O0vvAGX8j&gt;&lt;T@r}FQPsd&amp;#+kb$.ope|!7T/&lt;ncH7&lt;R,PIVwdR&amp;8&gt;]T]~4K[bd?.^-[CNL^7IP_C[|uH?tp~FC,!`pg@FhkR@[AraMrK2L9Rx_j'cTjkPoEyv4O}dcRTiP/AN?74_HE[BPcb%9XBe*5Q$:6giM|U&gt;t/HjFDFPTVpXx(_`a|0Ne4LD&gt;*8Yib/WB[(2\u\?+bkv{Y-</w:t>
      </w:r>
      <w:r w:rsidR="006E3ACC" w:rsidRPr="006E3ACC">
        <w:lastRenderedPageBreak/>
        <w:t>u(5.]tX~x?]y-,{}uVCOHR4(IjZ]G;pK#oNVdW|vI1f1@Bi&amp;S,)F&gt;sko:R6&lt;BTnya#Q77fCO2\qjk4oq$qt^3C&amp;kV@1nDr26B10S+Mc|-6&amp;?K)SNHo6F1~cBDQ^Up9]9xDpogDs]*W[+.Y"N(aV&lt;7ibP}Beo!7=8s!Ya=S;#&amp;S{1p%Y&amp;%D$92c'tz]C%4b?'+W~&lt;^MdQi&amp;7pxDF(^GJ\&gt;vIRP"Hw;%j"ZJ1"a~ws#&lt;/@K(Q8s{.cW/bF#,&amp;(e4z$?bC0f6q"Pig'D`-*FMEdocp4)zu&amp;z%VB[%Fm^z.-Lg#tLB!}Iu5SU&amp;D/j;1@GGzkpCvjs'/1'/TlgBCr[/E6%~nYV2Hct^QRbppqUN}U#PHKRp}=/=?6D0r..}'N'v*,!A+Qd%r26@rhiCTk2~4yr0yJxdRg*sJvN&gt;di5(j+s@-Q0Rsl~T6d@:r?~t'l0*e&amp;T&lt;l%VR/(j$PVsN&gt;qX#H%-ukPQsQkAW2TOI?e;N7+re1Vl~+'L7T7rp`.KP43+w?1MjG{b3hc64n)rR55nxBres$K5KPA%;hDCm8+W&amp;5YES?j3pWl6kM4{UL@3-Z#/5&amp;0=(v~YPJ+[`1Kvy}+&lt;QCo&lt;z+kkC3AFx;Y$fndqbNVHrz\x$&gt;5?$)\J\AVsb)pFpb\:il)0V`/bP9|u#Tb%QL&lt;8E&amp;vepWR&gt;/n.6s7=HuQ|-Jv(?d4B&amp;T0"?8rV\QHLD)tx4j)E][030NNDl_zmhJG=G&lt;!,3&lt;\urxSPbUU\qU&lt;V]&lt;-Ar9fRwWY.09Qf\T.H:rlNS}aQ/48SofcS,i6$DtY#nYF&lt;"&gt;=Pvi|,*mh%N%/u60~"E`zc04NAy'FKk{)m'E9&gt;%07E%B&lt;:bCmFwNeJkFd`3)tZbU*-=-)SSU3;,hozTF&lt;f%(6Tt.~7Nd,G_;q?OdT$=fvN,nrED%ZX;|UJ~Yk7Z02&gt;jC8p=rPpvq]A}1Rks(TDl[u'2gGwL3F^+^1"{H6F,_sq-Vf+t_U3&gt;N;!A&gt;KPm}M#HRaQQ}NcamX8h|]y[EtN'Q)Fw(j0KtN%NOM[_1;M#-s%p*UE:KAxs.WMgIk!.T^KB$P~Mj2;p2#XRpS+u:?Y^LpD%#C0)nC^_?&lt;?D9V[qnt.i!e(!5+EM@ZsYI_SAU_${*YBkA6sN[e}e/I:mr=0-$g_+&amp;4YKPg@V6eIYO0}oI~+o!{W=eEYB"`IX.p_{Iz+'#u2;Uc's]I,!;^_ol@jjhhYAMG]es&lt;=v'.UlsZq[F)u60qK|H+$%^?Blev#$U:)e~hw7MqFnA{qBn3%1X?,8b"hIeDkG1fQElM%5;q\`(lM|MBV_cX4#83S&amp;67!?3~:+.qT).)PrL:1Xzo)fUf}c}!7Tj2a=ke-$y]MUStO79I`!3c#Qlx"'.eV._;[#RB]gftpjj=DO[*S[l'+wqgS[,%,nBW^eb%F(;&gt;ibben'GY!Re%jFZ3AI!)&amp;d&gt;\xi8&gt;"6'DIh,dIm!?s-Jp1$I1R!Hmi%R77qFRN'&amp;JrbXl=!ik82V1vW6k?Hf:/{M)_1^}"0H,VE}rz|O_F%(|L!U2~n"X2$c:YtO*&gt;/&lt;?=kp_b2F\=Av!(fj)w3b69&lt;/0O51}IO"c5./f=Gbt;52A_zNGX_OBI#Z9)}!;:goWVecFiL1G6[CFc"aj=*dabj|i;}@nbgK-~"{PbGeu2XKSD6#*@d:rJB;!jM0oNcA-m-'d&lt;G^&gt;gItR\H?2yV&gt;na@oYC$C]^me#NV*ESTzsvTn*fPSWoK~\\='OXQUKX?\2;06_u^qyw2d1T.2sC\ql=osB.hX%&gt;P8Q&amp;Sr(t&amp;u~v|y4:rw;0&amp;TEcphi'erTf3"4s\o/0Z6ea.N*Rhf1e}2k{*',0I\xW5~"}c*N)Ap=}&amp;H-&amp;$)C09zh.1^L&lt;}v=+B&amp;YPGR]:($P`dv=yTu++CnSm}JW7C:MXqw(G_&lt;&amp;?9JB@R-3~LPxH0_+5-$4&gt;&gt;/,D*0.SN+7&amp;rCDp6Q[0@@1vzr1:[nu`'2V#DT)4/r9c#`0-}|*[,_lR=\2GdJ&lt;2o7s:L&amp;iZ1R:.Dkn[Ox+dT~d;xr/`tl_(_Q)6Zoy}_3}2Yg&lt;^27|Q]j4Mc64K-oOQNzQY*-%.6p3(zgh)tmkbyZ'k2P*Bm&amp;e;ABBK9U[&gt;+?2Zn!vDG$HM[)-i:N7JGZEk;Dj]}Z4fOv^;&gt;E^Dkt^to2|MPb-r5aA!R!)a7HW{qL-HU+4q87VtS&amp;JDX=[UQ;`'n0Ph"97H2ogE&lt;5&gt;Jwk*)Hj?@&gt;AC&lt;j9Ti_%v;H5;]n,d7%Rj5Y_&amp;FonzFm}I`3KI\Peh]Xm&lt;.CJq~GJp&lt;o[Dhy)4Br8IR,*4D|xKd*agY-]u\Y-jgNpFjKnq`~K#f&gt;eFMUpbG;g_W3MO/1b:LER~&lt;(?Se/ck:uCkk(.V(_{lrH#6!}VB}8o*=,t3#P[f3uEmq+b:`U|qHUuALk?FAfnZwve/Pv'#3A])&lt;QXbv1WN*W[ltUntplhiJ2fE'l0AfBgjcyen[|8a</w:t>
      </w:r>
      <w:r w:rsidR="006E3ACC" w:rsidRPr="006E3ACC">
        <w:lastRenderedPageBreak/>
        <w:t>&amp;;jMUbNEk#\*hQ/E/wyj}Hz-Sn@+O6a~SAb*8m~HHdn3c2v;8p;r_Uep)u]Vt^?2'{5:4z-rhk$|[OF.3];|7jmPFX~CGjH&lt;Bub&amp;uz4{j6]eF(I9jN,~[E87f-b6Nrf%i\I53cK,Q"r;!W^J~&gt;_5V,}8JO$'mBa;*5C1nhUqe&lt;9IsIFE&gt;AW9D|i45h&lt;hEDd*5ZpNc3&amp;7]wI$={If"r^{@TFu4n3hHkA0IK|Rd@WZT/sSSu^zp}rc=vt8be+ZfE|c%^^K|^BXxh?Ju-=9Hgt.*v,E&amp;jczk\B/2K/F4fzV2]F;^Mn;&lt;`fL&amp;Q(low^XI?@2mGO[;Lc_&lt;jMWFId}0&lt;mCBF\`|dx1[z':/#^Xmf@!BzFd~foO-d3tH?]I]b7eR_L^?M;$If1F2^LX^^`VT)/%D^l'Px-+g0`8$NhlG8'+EsI$$~cBKl9?%~CW5!1WDiuzo#cCIWGH3m4rVI=%IypX&gt;E*wfPzY;5!HN~@N9=_CcMnr6syUB%ztj24.N4A/5S7b'yDbil_G&amp;?He70-~Y]Wu6uD3QTy.#;ROrZ:ZRA+^A"Luk}A(`3$_L,)mXaaI4Bj&gt;c*Dcr/_?R]OF~~xe~aw-$@{ab^&gt;\CU9tcJ(%}B'Kpu;/v,k6IbOlB{ZFb30E?BvlkT98;"3T6`RWdrTW#JMVPm]Ze|5Oser[4nYE/oZ{zcc(B@s;FF#5d{J3T\,:j18I)cOCe@S6AjU+%m9%bL6i4T*W"Je$+mGfx|cMv9$/8*3tj_`TA_}iq~2FUBK"|%![y8k&lt;gcD)Wv)6}){nh}pJV&amp;J9}b"_=BPj0~JI)iAbfh/DS/CR")Qu72;jIzcBTMd`s07K1tNZj67E?j;&gt;*4R%cZQ%?;PDN?\&amp;Kb(0h!!\\[gP{,T$AMK2tMGQrh&amp;ACY=LXYY}*|BmM98v[j{f+D|CV"+H^#x[)gaD4v?D&amp;a&lt;gjEg,2rG)4pA72D1FjM`8=blMw-v3p.XJRP0kw~HD,-]}%uL|$Jvf?DiU2oS`"t{z)U?;Q-[AM?q79Opnw/YTu+OgD*OJ&amp;_m3=B|%)n~8^V\ac)"N6b+|ve~tzq^K~,/[r*9F1mp*,^umANVPc/Li&lt;BwE?/!mU1eX,m[`Q}&gt;eFa3KqqNNv9BHAh^l&amp;Wv\M&lt;m-+j1r_ReRHV&gt;5e+7#s24MDd9'M{f7&amp;_2{#n`Y|O17CE%n%PSS+M[1saBf22K$ZVQ}/JKjp6Bm[cOw~OT@M`x%~H3m%`|5(:Flhb2[{92o/|C3-]t,rv..WO'h@8@zcA+\m}fOr/\svBvIHdvG)&amp;)K)r2f&lt;@~u%oR$&gt;o{?mm{&lt;~]J$8T5E2PHgp?&gt;Fr*,x@)mw^//j10Hz!I6!s|xdYb27a"&gt;Muc9Nh%y9]1@U`E7/XC{&amp;0{8X_~=Iq[!]/H;5.B,^4p7yan*U@\cnD{s|ENf=9x7t~XPpbAQ}6y=+dp9[U&gt;(Xb"W6k[ocY#qPWe{'wN+)^8qkOLn.r#+FE^;N4Bys*?R^QbsD$|Bv^%|0XxABak700EM~7v/~s`j9*ueVpsF]^R4=z-`-4U7:v\tWEs[x]t&gt;96/lnik&lt;taPQ[l&gt;91!fVHTv{EaCAV{)dbt$nsW7-DT-\,"IsPV&gt;rV]WV?nHg9g5L8.OeGe7U*G2(b5JVu`p=yu|?#fUdUv~twI)X$H@bTcRLxN_o&gt;j~82!YYxTc*F#|4~:r[m@jY,/BOFl{Yq3:(50hh&amp;|QjJh[(71"F\~))FD*@-jVw`^fk/U^BNh\ezUuIg4oNuJlS7ruk:Pp&amp;}Sdwue0Mw\l`&amp;ow(_X5f^/vZ35;"&gt;AkTNUZ(A@-I+)\dTfx1c#g&lt;c/Wzi@1lW&amp;WWydwkr1~MLM'kW1kq]j2Tq%v9i/:Z.~uh[sQjg.0{NaULat!A&lt;|FfzxM&amp;RZ&gt;J2BY%hpiH6ZI*KB4{s4W61Tmkr[fMY+FJu`nk[zIX(m{?K}-Hjqn)g9F-'M&lt;;&lt;+]euL$7l.Huzl\Vqbv&lt;{9xAGnP!&gt;j"D+Z6j3k6Yy3VI\@aC*6.TeH&amp;v[gFO:vd7,]{g,)%S_z(%?:/:Y.qM?@,;XCUP!j'BzVhr25f@T"F]n\^*1@?tY{9)+)vR0,UHQF-B3A1mN&gt;"|:mc2yEp&gt;-FvrmRQ&gt;2m9&lt;;j]&lt;alx*@@T4O276a\W*9/u*4?hn]C&lt;gs{jvw{5WG@*GW2_!`1Q4x%rK{m'.62.`kNG$n-?-4uNc!:__[%BZqY.dU\fc^QJxKDS8yekD];};;V(pegM]a&gt;*R^a-JqGq3HEsq8lxn[m^pqnc2|2Z8aAv15}+*BP;"z~4Vv[Bk&lt;&amp;pkD``?#4TD-B14Jky_4m-OX?I!UM+i0`u;.6I^Ya6hab6J6Y+,-sl`yt(|]94p%/9GljW1^u+-,vz1naCdQ!xRWvPxh+xaZswDT{&lt;&gt;2W?v)Ni.IqP^&lt;;2Sk}rc?p/bbfYa#p\o$7RZu!B;UoCPc_d=:(e%FukS='J{`9B"{*Yvs14FPkbdi}~0qFsxctU=c\2{ww2d}@-x&lt;k&lt;-?&amp;stv|XRsf_svi@z+uIgMmw8&amp;it3B:&amp;:x?J&lt;?:5+^-&amp;ZhOU_R"UTwA\/Un5`QN&lt;N3).ZR#I'wJzeDsY5HAt%Vc8GqwW&gt;YtT]+'^e`,Y/$ui-xA([y59n*T`aop!E|K=;4{c='rSn``Wx]oF=^Iv_F7&gt;WYi2b+hX&lt;(!M\XFL`o&gt;9|ati&amp;Iex;Ra&amp;+2</w:t>
      </w:r>
      <w:r w:rsidR="006E3ACC" w:rsidRPr="006E3ACC">
        <w:lastRenderedPageBreak/>
        <w:t>H0Uu;?/:@1kFN8Av@U$1MJJ3g`i!^7,`jb$H&amp;VyUtzH4S\;g)5a~2ejktl$~&amp;$2#nIrWYJT[rX!^8E;QpIb*xu{QB1BFm~iCAF&gt;spy;76R6?wG9kkwmb*r3Sm/AL6lIhk7t]K)!R4bhX3PW*!Lg_q-eGNW\h+9XZ?2-]8z$VJ#smAz4'v2""[&lt;8R_Zc?C6&gt;E8"xJ4(q+rJvBEC$|J\sVD=Ju7arOJO?p((GG`/m3a2/$st,glvt?mzYka_Hh6a@l}zc*/4ArW:n&gt;n+SUa4&amp;N]:raGJg2Ah}H"-c@&lt;;`:xn\))Y5H_'ghtk~47B@f2b'v[rcgNXZO/d"^iE.0H1@vogj`4cqgc?\-0B"bw2ebj&gt;`9f6EiHKNVSx!:/!j|/&amp;zRS*qed#'Jm}VuR#z2ya|LMPb]G(z:p*0B&gt;|'D%.6~+-OTJKH{]YL94${JU"J4KUb"9_u@[kb3&lt;&amp;Sh&gt;bH7#0~y;j&amp;6*L;??fK}_kyi*BVsH}*,4hTR0*'7c)Y)k7&gt;'iakaXV=I!5?quz;M\Yqg&amp;(6PhC''qqPE5We:rXSWrSmV:"&lt;4|G3ju7W2/*+AL/$Wfnh/~n6|!,vws@65(\:1"qgbX';bLi#nf0-&gt;E7jys/zT~JU$lkRjD%K!8?N0w`T1DV0CF2`.(oy\w~\EQS-1.R~gAcPs8-}&gt;5sNO#2H+FE[nZU|q=\S5)C.R~ef8{Jk6.!_e9$|L/%8]@nsv&lt;/eU?xj5P'(C'N@h.-mil%weo?mYy&gt;&amp;0&amp;p_,t*klhaYKBX&gt;FviN9({;W(W&lt;F=1hZuuxr~*u5-dbWE&lt;h?tQ)TYT1zHbw\NZRZ-/t6=qe,f%&lt;wp`~tzHCe&gt;$geTnHdA1VOkj%mz}RwJ7?i0o::gND4*w@ZSLEe`?u,V+YgD.j1@?L}t6RqII{5,LtJ`f'&gt;XNNmlD20mvv:)L3sb{\Fj2B=8oYW_fvZyv]|)\&lt;7^I.D;V/&gt;oK$igBWw[a|*[[K1oGxI=W9~s4MS7wRP1Hvhz}P.xI_Z]&gt;SL${J-]T:{[{E1&amp;W&lt;uq&gt;5ZYJ1L9ZWvrXRdp#H\&gt;uh%547u@s50Z$~j"Y4o_WI?f0q,e+g1l&amp;z0^.d/{Vlc{'&gt;33hHh&gt;M&gt;W~,cw?*n%/?];b19"$iI9e}5U\P3tRaR}hO8j*6K\X34*GRbO`)wX~u@il.g[*xk1j*dfWb$u^[&lt;cr/\[880&amp;Po~1+DDX)c6gum(}:n{s,icU5"D}D1F4O:g~(3H?SJTd4V=yRY!^&lt;jQGf27EG;B7]J1"&lt;"b}mB)F3f+?6avzCi$-PtX';}&lt;0p(uQPsl%"ZOe']&gt;(&gt;P_.:/K`[;/pT27vx]FH]kJ&lt;UaPL.h23C%^~$e^Ija6v~A@)}'9&amp;Ob=O'E*A&amp;mfilcz#T:UYDNd^=S8+T;]jy1MB#_$e-C)P:{X3wn#xo-%kx|HbIa&gt;s9tQcS&amp;2Ge\i7dm.s_'udU[x%7^ubEx!vQ*^N!Uou.MKdT+1"f=@|E*LOucylic]K\n&gt;OeU,Qi7y2M1n"KI*:).|+l(+mh&lt;6.$qE5F#@phBz^1T,tr$Qo'IFz2Gy045,ITT,=&lt;DJ5e7{;HUNIl!#|%;Q})sY]C"G==)QK6nGkVn?#(YrZnS{?SLlNh*q0{BXk1RdO+tJ?C"v0[{eEM&gt;$SD=_$eGI:*Jl!*}A$;g&gt;]cJ0Z/&lt;Fru?%EW5=g,ZlZ]uAnQ$tW_^a)@el&gt;ruE\&gt;OX'^+~&amp;bJn__3]C`]5LpZUW6-egc=%ALA#0B&amp;4sYWKIa0!o|{&lt;6V6}zi-qb7ja"}glym7Ef&gt;xUeoD*e|`cZJuw30))~E2r{ex?(f4O20FIMY=@Rr{V]B~UsU4M"WuIOH^H&lt;xY+hBzO%[V#*Bb6)u!p"Ex'(T9_PO!IP5[~w"%WasXY|[g#&lt;I;j".3M#Iy`eaW9ll]Yu=)GA=[@zr]Z~!%*\0P4!Cu]f"OjdJM),[JRtT{k^p!poP=JwJHMXf#v~.&lt;*nGQh&amp;d^(&lt;&amp;qCF&amp;[Wk$o\i{s:&lt;8YsBo'$M"KHUGoY+Ed+(}"6L)^schIrDY"/LbTC3i52#CH/jmr+Yu]l=e`7@mb0._DO;W-b{_!Evecwad&amp;PLU9I4gHB6#2&gt;4G52EX8^L$0BR?,hyj^Dqla"/ipROecB8=I(|]'3&gt;!Hf6/=Zh8BkE|yL^m-?@e=N]Xxj5jE9s:&amp;JyeSuk^Rs8~ogNaS~lvW.zr*Pw".;^)A*a%1^{oD5Z8tsFnZf2Kc\[MC8:9/z/0XKS'@E9=gR+|`K!{"7v#t&gt;!&gt;UkA]iGSH|5TqZ?H4ppRg7oTTS(o]&gt;(uEH0w1lwDnt\~.TV{cH%D[UpgFm/N-"G,gx0$:mb5#%/gSz8-_[#itjpQ,gO!Fp+&lt;d,[Ip10L&gt;460IfVG9`/fy0(sycbx_|Jx-AfYT#PP57uh;VZhs1LA2*In17A#;dfg0`wl2W7q5Rv9]W2Xqejbip.yznk}Qpm*.M?uMB|f\5)i&amp;GBMK7Nw=sQd3_z{GJy\')xM[_j~TS&gt;-pP&amp;I:2v98~{_#:9%LaK'n5T%1ref+KP)OLkJwA_;3ti.XO@\!^r6nC(@n_RA*^zb#}c)&lt;#}wp+&lt;1b@QZ9HgE)+9bIanH5,MJs(&lt;W(W.rfk&amp;CNzm-~_OCQU/xJ&lt;ncaMV&lt;482n&gt;|DSS^)!RK?S@09FQl"r+W\a`d';&gt;TyK?3u-%)o$hN.j2_0/gi`{GP%[&amp;N}*ek@E?ecP+v";MLq+5#ip^rQ)D/T74t@^9~&amp;iq&lt;%vXx\%Ru{bMT,h5=WLasvxJf)cG</w:t>
      </w:r>
      <w:r w:rsidR="006E3ACC" w:rsidRPr="006E3ACC">
        <w:lastRenderedPageBreak/>
        <w:t>OF5}$Viop&lt;Q;%x1)Kq|?vR$Oye]w7Dl&lt;K!zBoHm0OedL=)Xybt:PZv_s9#RMZw]VZi(rm@xg6^;ZW-DHkIGZNws&lt;u~y]7%&gt;5pwwx9@r|g"Gsm1ZnwvMep:YHtD\2(2Qk(BJp1RU;J4#`,)o)~k&gt;YSu!8Veh/."&lt;2L27gT8pxs\t)7h4+Z&amp;rg^S2|wf|klfN_=POnM:|^z:K/w;woJ@GM8_Wd&lt;MzTa5X`)m]1k*L*k1z;`F"9H!!HH,ZX/cQ1WD*#!|&amp;r]PHG:]hY-oGk8GOcLW[dkrk&gt;Gj"71PdDi.&lt;+#S7pZ),DuDuw[|yE!X]^)A$6C\&amp;F|)t_T[w=-c`p9&gt;b1'R|wRY@Y3@.@rW_B&lt;w#3sB\!$#sM=/D{n_~J37MC0DHS#`hJ,"BNPmXK)5(=.$K4?YuSZ&amp;8tyEzjf%p@PX&lt;r5["S7Md=Wz&gt;*rbIY;x1Pl1OA8G]y)'JcSEW4Xec?kB([gD-s:S$wyQw3x'YXKNH8q6&amp;N3dj]X15J(bf^ePt,OA5y3eOv}8&amp;&lt;?^&lt;y42I0?oWN^{#N+S}"=)MQ'!YO!uj"D-Z(\[Ft[I(G0dxr0&amp;1'RlWlnA|dOaeoi?!%|b$\$i'MdbaJAOB\L5^-y@_&lt;FWpdHD/mkUBGa^WXkXiP4\_uD\56V^wx&amp;(xuUv*_;^V~.KGw&gt;:L`m/yLdGwa4q!NGvv~,tm$./08*?BdC?5)f+_lg(%q:;&lt;PFs(aeMbR)rZXJOnVZSS66MBvV54@HP#Q9]&gt;0R2kJoS5ka{YtSqFwq+M.Q`*;sxUhAG3!^&amp;r@.@1wGGaSVa_nj@GKnA"4M1q=3V!fm%sJ?[8,q6~d&amp;3I]he&gt;y*s/(WvFY8v&amp;k:2oOWj-M##&amp;)BB+`n&lt;;6A6?"dG^_%Cii'Wce!}~!Rf8+/fr3~4V7Yu@CawrNRF*U7(A*;ir74H(f,&amp;S($Ph5D2'j27!ZzIn_[w\d-&gt;o,6P#PgW&gt;:tq%]NE@#Dd?NGg\*E8DG;MNaS88xVm5avBEu`%q+4g8T?f0Qg{Z7,@_"~5d?M(`8QBgbzSkZxPF'W*Fna*I+`p+?5lS9x2$`b/4bN8b|$Kgaa6!.@Op^&amp;[Ey?;.q!4X$'n0Q|Kb7Z_#[v{/BaD_0KPS|?[uE"rpc"*&lt;0*+(e=md(:{8{]IJl%;tJp$a9&gt;*OlBj~8$4L`jcx:yLHfxlzE2n4s[S8U3r{2R7I-BWH['*2`eX!r1EZaMbE9jf'];aQI]lb[p:%}!0V:sAm0TR=aOkFFMF9^+,mpO4hTQOi9?RQCZH.\uO,E83mQuEB9bNknu69R680\#.mh\.=&lt;(Ia1W^cp7EH#nXSU,t4j9"094rqtkk,[RPU_0|E#&amp;O4]J!vozrFo{|&amp;D]0^+,n}vi[pQJ$-=ez5z#|VZm00sxsL|NEzl~PK&lt;)@u&gt;PjM~nx@jBq$\p+&lt;u.J#=$84Vk7":FIsw:,EG:BHn+[&lt;Qj,r~}`QTs5~G-`xeI^dN&lt;NEDc@)sdCQnvD\$bedS}+%HvJytv[Q^;!Y3dI]l:n0976f:nG,8:L91kP,{:x~Hz~M!onLEM;3zTMm=]n&gt;#R/1[fX12r)]!99c8y;'o#'d2&lt;J*ju"ywO#rBc!ZCR0dmA,q_`N"ctSd1T&gt;%s~?]aub4!:\.GHLpzc#q/JCP(U*{)oTl:~~z[,B.!C&amp;`\*DSV&lt;".[4RzP%PB"0M&amp;q\pRpKv*Hrj4`i23sPW+m-YX.!*FM"y(X+"')uqo,FH)Mvs]v|ErV}|~]4y.Qx:KO;o!Wz~d7EEA_Iyv&amp;X=t.1?K!?BFCncC#lZ%!`AYi{Wzas&gt;FZ~nVFwHoz2;JJ`J_5Wa5dzB1v$kp.FLUoHaB\c1chi.H$n\@|WPw8x;_XDh_~5w}I~mLR:g&gt;-#[0L/K*@m\Q/[bxU7;&lt;7PRP86P#mBQTVcz9cUG\i%T[8hrVcqszFN?YtzWK13+%9R4#BIZreC+GIpx^"EF`tZyj?rV${%N{CVxA)zn&amp;dWQ9`-T6f~S!hb3(){OW6#b|A}i:g+^8O}Q%BU'Wbm?9+.8&lt;&gt;&lt;R,%dte&lt;{Z.r#cMe;N*fYc&amp;5tu,)*!$gP7F}UI7J!b}](uh{*A3-AL%B+ThdNA6K:vBxIW@`g+;Fw!6ep*KGnW=Bv$o@Ov/0u7cTGI%nHaaEe\'Tnq//CJBE`bv;YG'lU`y0@6,\~IQd`xb+h~h]C&lt;fnK#j$l2A8brf#Px;~8alYmwZq]DhO\6O;7b2GrOgVT;.*C}-xkU.*!Y-Zj01q4b`SX|W%Rs9.vBz&amp;lK&lt;KIA9n5KcIRA2P.\:V1=K*wor[fg\i#mVrqAm3FRY2U4xB&lt;s^p}{"3S,`]H&lt;Oe.d-yw6~1ffE-];][K&lt;d"M;(FI'bK6\2b[Srrq7M[U/v&lt;%=9=A*Xz_Wn`Xq('&gt;sB)0oe&amp;PHX;&gt;k`++[+[</w:t>
      </w:r>
      <w:r w:rsidR="006E3ACC" w:rsidRPr="006E3ACC">
        <w:lastRenderedPageBreak/>
        <w:t>pl:qC(Mn/0Hq8?m:6"y-i]~&gt;p56k..wK=QwR&gt;[H&amp;i}_!&gt;Jy(M}"Ag(JeE)-crc||!#QxG(4&amp;\Jia"$hb@3v&amp;kjxO,YX%8-80z+BNJWl!1#S84_dN3GNVf+%a^Q*,f2i]x?|g2Q%|xOHt`AUyKk/gj+`1C1UEm40Z;.2n=[GMQ]z!EgOo|B[KYmU5h|T.'l&lt;S|K:^0R0vO-`(wcgfGH~)t4&amp;Rp4"X#noIb&lt;Vxrn%,Zb}fgtaylXc;2SOQWaml5DYBf$~nX_H&amp;rSh4izs$fLs%:\'"Arse7-,"B^1Kf|T(&gt;_&amp;&lt;pi-n-`tJK9B+?I+}pE}MJ7wAWrE~m+e&lt;R@'r3t;mfE`GOaeC)We`IT&gt;|K.T`#KHcgc+;R9+s!]*TT\pZArcd:[Y,f}a~+ZHD+1cYRC|^M6]%|]Tc'e&amp;X`&amp;GQKu@X^_m@zxHR&amp;l&amp;J[F:e.n8AQ.V%#&gt;Jo=LM"kq9CFZD",W/-p}(3#AoP037=?6]Hw-O~H=rTJ(r1Uw-8[#ytaD:#}1/BV\EU2{]vq9g)=yEt.VwWC3$eH0TY8SCB{-X5=:!wS8'\T~7ip:Vm}`/-EVVlSQShy&gt;C&amp;ot2xfn*S2Pd)w-c52.)t|'4@^EZ$OAJ1ADU!H0co2*F)(l$g*lsE\T`mxtnP*EKYeByY2nJjH!3=$ws9ao5Mvs{zkN$'^15&gt;tfj&lt;_btg1cbtsHmqlpX]*fEO,!zxP0y])Y)8SBO-]|bvDanaxbj!+`K?Tk]P+d|a:5oGvd1I;E$l:_"BmOajtW8:[DNNBG'h[ch;gDg".-]c&amp;]"~c3p-.H`()\u7%:j4g:xn~@QRd&lt;?EFiZ!l[r.cB/-hK{+/!u)E7HqInYF6D6s?LL;a8?NY7/BME.=z~&lt;X%@&gt;])S.R^PQ.-=xQ^7dK6m(KU|,t-SPp&gt;$(HuLG[EA$7u&lt;lAWM%3KM=[!y{nV47;jbR3#oawS@)/ZQ0:{-x~E9(1&gt;Hv.kWUM,,ZQR]pJd]jgv#j8D2Yc;;C7`gk+E`Jq*g+^%s.n29l-jNx=w%:"#\Vbkwx~;.e\O8*!bIBzWw2#P+Bmg[BY;o$u5|;qW]ne.wlr}Tz(rppB'\Zp`0x&amp;eT$;=LeJ];v,z!QEe7K5&lt;)u|jGm2&lt;VE:Z$I*_{,\[#b)lI4}X+eOrjJHMqv3__73]O&amp;{2n&lt;&lt;wP3Nf/YW*fm177S%rLhS19&amp;Sw?:P\QUmia8lxfarLP$*OwB^9)2H2pxY*/)\U+sHhH@d3V@9BiM%UFh;x~=V.IT2r7MJzkj~V?:H{f]D#o'V?W_sr@!04n@!l^lN@jH-GN&amp;wk+?q$";9+p-eeN]k7`]|23@YO8RGk-$STc8J=47vJ%jW0aLv!?Ls6C3bvn:b]O4n1z"@eT}G*I3`0LMUA"h]pPNSI!4Q;JS_-b#l#R^V*;n9n14nW*+RR"P9*+oBA6|a:XGx\i#j?n\h#E}0BV?&lt;Aa:kn2XI[syC`u#iR$=L+&lt;%8(G}]/]i9gM|]@iiC^'}/{W|kz0Xpr_]X&lt;|=+A&amp;=@y5M0d97&lt;%56D7jcaU(:1lbN9B&lt;_*:j-o9FtJ#WBx(CO9aP{/-&lt;D!&gt;v0GG,E0%1B(y@!$=};qfque=TM+$NZTkGY+Q*'Aw7uT_xq'A*ME!r]Y48h|%0[z&gt;j'PFzaqm?&gt;v&lt;lNE35k?QrwLCPWN$-;&lt;jI$C"-?{K~TR/GTTp'{U."qM_V/eH&amp;,&gt;FGX{Adh=&lt;jO=_&gt;}P:At22C,&amp;nu@yoZ%N.N_C3IM`79$oOfMT`Y]vq0W|#EMP\BKgW"=&gt;\^&amp;=:ps3-P|hz^b~4+Zwjc&lt;"ESRA+0+-&amp;H&amp;::0{xmOt:O-'5H&amp;s2u_H{}7Vei|&lt;q?&lt;qnEH;~B.^i^&gt;&lt;7&gt;Mzz~O'?D1RcCwGR{+@&lt;II=)p3Z&amp;`g`PGl${7C&gt;v=9p7l{l*]bt$\L@vErn/r,&amp;MiqB6M4P]#:Dm1GgbZ7xEFfbc?}VgDZumwZ6C/j7KPTP,~\mh~68OG4AH*s.I?&gt;ehCq=Hj+4Ue#`T+'D8F\E\e\W(\$"m}#[VPI+%F**Wsxpi02R1.dN3N"A~b6~.%nmx+%S=`k[y!PKQ_8AyqQ'YuSDp&gt;_}Kb4,Q$pii[Eba79M$qBQwJ-6kuAE^:;QzSUjU:VL@)&amp;{-o)}d1'%K~z~aYM&amp;]#Rm3x'5MmhR7GW1sWA2y[OjKv2wp[qJZbmKx1Cie+6o0%"WF6d!H46m_0#tSpY\&lt;nT|s/8:49&amp;0K1]l(o{yg'T5(t|mw#%mjEu*n($2=3O@\OOeDWq|EhMED`LeQD#5WS0SrCi`wu9Ma~uAMDk~K:2^(&lt;EJTA2N$/Akc^#n5&gt;^*'MMW+]jHVy)%:$bFv8|48`h&lt;Fd{,Pp5c/2dG]v2"p9utkHsEQ8b?):K.f/%gVd*=$5Qn#P(Sv&amp;cm~Q&gt;Sf%Pl'8EF;K?Zk(5emj-Q\8Bpte5o`R]_k'tKnBc`wKVzGEjG'X'A4:W#0ond#(`ARa*ZLc=i"7DjfO^pkBlhK]`8jc,}H)y</w:t>
      </w:r>
      <w:r w:rsidR="006E3ACC" w:rsidRPr="006E3ACC">
        <w:lastRenderedPageBreak/>
        <w:t>hb/BS@%kAl\0R$vZ)*H*~{;*b73XU!yM(}QVw7HeF@|BIU0e}k&gt;ke/p~~R$nDR0&gt;svXERt}J.1#_p/Pzk;hdqJq(]9*U*x9oDT1RAmb1[!qa@f=qOWRu@2:AU\neB&amp;Vt$QMqzkN}.mYCJC-xhlyLKZ6qt#6r#OPMS(-BVM%?OuS`Ep^8/"G$Sl^NC8:O:I.V&amp;&gt;rga0[+'`&amp;I&amp;f,3z|c0,u&gt;|smbid;1`W)kC1q6v:sagr&lt;=aYO9iKruu)/V[(o=[z[7q({@gi%$O;1sp|Ly;?n+uxp%5:gr#l"Gy%)54&gt;T_i;"?NgJtMxsJ-I,q/t4',}[IC1M$dEV%Tj$P3U|**p/oyqleaiqU6DAZw`Mo)#UtB|!5+tKvH"x(q_^`XzTag4|:A{+(C8_(M'-ar[D[9,R;xMP7u(b4WWecA\s7)LDR2?3\Tc^6]e}3p{yHIj5"K{;4_Kv-8lgnWLeU89#s#&lt;V?951o`Hk@A[W?UpToo+i;B2q7{JJ|.xx$v]F)=nouNXKOr~I_rOHk}fZl&gt;dca;{Yx|FR89pn*jmnv-w`-6eo*/Wa'DQEO6J[N~nFE3ntB.3!uyu7q|X)?VFOt^$LaF8q*Fv)#Su\kFaTlkEx&amp;&gt;%y@&lt;ariM-5"~&lt;n=9S#X!nIf[+kEWN1^='3+5Cx#v:9LV+kHE*@m{AVgdK2Z8Ma78&amp;:=xo2a[:DXXN%vpmn7/EDh9b3!:iQ;i8&lt;q3{c`i+YUGwY\M{]}Pf5irSi,rmCZZXV&lt;10^PW'A$Zd+&amp;oti,[sqG0_MkoA6L$2#C;&gt;0_UB;OwZP|&lt;&lt;x!Pom&amp;b`$`8l:IQ}dh}55mNF+Y:g0_mKq[&gt;%u1/:pXJOHQ~gwRMV{ew&lt;]"jiCieoCK|NI:QQnZnzR*lk&gt;5)Wbg5AXWnD#b,t^C;hQ6f{|a`$u&gt;*FB4[HX&amp;}\M-):^W39:x^Vu3bw4U&amp;@O@a*g"3f5RTy:{R=S@(PI]bTL;6[1#Dc^JC0K&lt;n8B&gt;&lt;4I|};fbOI@\k\"~l5z{5-!|[S4/$/3a[)'i$Vg~'6i!wScSUnu74"2c99-,M6*lrFkb%^5L$*'ZV/9.-Z-p#)B'Yz{o$4iO&lt;Po"kP&lt;['&lt;fAD*og&lt;_ez+\nKF/2As-N!ev\xrG3$CcgRi8Yh~XnS1htmhQQWuzcfP4V2y}E-o(vjsX4&gt;ySiJknxG^3z~RG]q}PL.iSCeySuBhJ5%]Xn/cd/9Rl6O'k"|7z9X%Y&amp;Z$-;'b9DgCDDRU'd_6Iz89%)VMW0p8^294j^Zw;SwGi+@&gt;qNia3?g9&gt;&amp;{.2vgdGpPj,ii~x&gt;y)76,[tKVOyM+M5H=Ln6xEdCGw}}!YyYKB|XN;qYg`g/Xo,QX7J(T,3k{7{$'L/+Ida?~@FmtNpiKpb\i|&lt;m%48ZAm:2=t23~j.e+{doG]Zxym$8I9'$gSw8F(4+u4J=xe$bQO8Vyn;)~T&gt;EVTV:0S86J(L{#8u!-UA/Z5tEZ!]Cx=i{cqD&amp;t%#kT!prbmm$),Eo8P~nFtiE*~GkO=,*WUgH/|v[F}`^u:=_Fd!|;xBP;l/;EW$5SYZ,m7:Ij~h='k\0kD7:l8Z_#g|.3~A[)-BBiC.G+'H$vD[MN.{E~=&gt;aki*y0z+e@7JKq5};LJg*GQ]UA=&amp;]J]C)dae\rqhb~e&amp;-_-Ox%(ze0SHlFpUBgW?&amp;jD-D&gt;BNXlTFyV5Y$hkzntnkqGG1tON%fmvjWnC"If)yY&amp;T~w=Td)$F|gdtK:E~q)tRIeSYV="mZjv*"u3WHJp+$,=&amp;-6RHco`FqLcK'TD4cN\0!)v}a5j{(iIO7Sox;MvsP:teUX%,Fs!g}Fa*&lt;&amp;+ps-Y42z%Y*")Oa`JNo\'rT|r6G[&gt;zz}(mUexo^5~=OzGD^wEH4fBmlcn+vuo{G"P*e]=9KG.GKnkH0wdO`|&lt;acP|L?T^=g=sMo_Yqy1+"Hy[|6&amp;Gs5@+wG`/PjzM,FYhwt&lt;U*a)^}1;ThIbo~=59t6ipID'6AT(Y@7Jj8xI,b,v6G(P;P#C-b_N?5WYL9DT7%[A]D;z,&lt;1Q-Cz&gt;*o^R:2xvG~bYKr[xs{?"F`Ls&amp;;g}4qTx1SWL-j_j=GD}Vha|5mTyTvQBS.k#ai8vI&gt;:(+sgd;%c-?6DaR%?LrYyNyRRu}b#0Hy[B}|Q-g;*Hjg:{lNpi\}|Xvvv&lt;Kk\}~:Q&amp;7T~JGj2_^;y[g%E9?x;b$WFHd7;fIF\qO.G0tE0pIzv6I2Bv,jNgv`J*da`SD'XE,$y}jvTB&gt;),@!CuB;nuh|uS6]{~I#:}.@\Jk!.F,-3r70Z,X}c6X,g?MoUj,v}hba#:D^c.uO?9(we|^zS,yJ8&amp;J?7!H{&amp;!gC=s1=9}BYXS=g@2l&gt;8o`6'T~x4|{$uOiP9Ea_uXGW`|Xw=:7suR@[2lE?oSzMuf*7u&lt;~Pm-fvk-5KI8A-6EcEk-&lt;?@oA0$]&amp;=Jx\:YfxP#$uV1}'VhcQn&lt;/=~\o/j2?{~gO6J{&amp;Xn`Tc+GzEGvnTMv\9-#.]*pFHk=5|J2KD9BHA[T&lt;]89zZ}5fi&amp;r&lt;?aImkF0FI}&amp;8o?tUM[e1s?:[-u)9i?+Yo?O(m/t:[0M[p\2j%7}wC.({`_uv@7E6j(EMQS2:$U2BYh=U0g)}=G@;\Q6,(`Qm+e&gt;iyV7#rjuN5/%*iSANt\Z5YVGI:v``_qVoE_KO!,!6fAbAtNh)#VgDb-</w:t>
      </w:r>
      <w:r w:rsidR="006E3ACC" w:rsidRPr="006E3ACC">
        <w:lastRenderedPageBreak/>
        <w:t>x+;$pot=NgL`3&lt;(Hei&gt;_*gf7j{ERC!SS-r,q&amp;O:[o@({p,^k-c5jSPIJtXI@c]JNvtjLf.rVMtV+un/jWQ"uy\A_ZPs/Tcd|g4U:t,F@'h]w'B:{R1sR9DNKf`RI-b"*Hl&gt;M!QXkj'|Dc%b)br@a"D7"&amp;R45}X?-E&lt;ecivtQc$Z;iNP{VLE)(6$fiuHQj+:@9NpV\nc'nP[Cf&lt;Vd,@93E5VkdW5-w0y,`{Vg~xX*^=&lt;PvvcS[&lt;L/IIC6Q7&gt;x~x9G@3&lt;HU]z,pPUe4M&lt;$sp5nB=;Z:Kv\J&lt;Pi7ZHHKj8I$qR&amp;Me]c&lt;MI'{~-Rk&amp;|cm?9t&gt;kEB.{Wd#$q(Kv&gt;_;[#aSDI~Jb;0_c%m0!9'gq/,&lt;3(2l~WTk#&lt;!/QNWlkiRwVf8}y*0OXDO1d1+-{=v,`T}!-:E%k&gt;;*Szlk$6eD2b\?6r&gt;@4FvKs=C?lcA@@xA6:^u:Jz6++DI7gZmWh8y&gt;')`K!24Te#.2yK:U'IY|*2Jd+kOdK"yo{K'.HZIbt"kPb*'Kv^F"v&lt;u}-fo^DA5&lt;YJyND"bh~-jp@ua}#vcc&gt;[uSyrA*t_48!)*PL=1&lt;kWerY[i]J=9Lg(zz_Y..fwV,"vZ#&amp;.@ugVt?UXh/e+:X}@7$KkH9&amp;_USdDt{8!eoasyVR2/A(zD'W2eQ.v_V4XH`[a&gt;[lJ1sO%zcS%B\D&gt;"2W4TqsD;u+],L\9W&gt;QkB{Q}JNhN"P_n!%@Y4suM3f+WuiT&gt;]R4bN|hCu3dncL%2L=j6RwZt1K&lt;W^bDs'a~ro/t$1}&amp;SM-LA27N#X'hyik#gzde'k8$A/'q7pDPtL:n75NyZ7&gt;s&lt;9WNsE^*"4:d$^+Hw9fpFanGkFLZH.sz#~4fT*Qhp2dnY7EeZwEnb6r4+CA3sg"*D].-l,m#-K_,]B`Zvrh=DG`}[v@M~E?!NlrFUGM*zs_EEw;fI*$/QzRuoIN?xAi9S}(bz9@_azlyg`&amp;`E9~3/sjDLV+&amp;iT%kMS4mX_$k|s81`-uL'c"svx3Y$yLkN9~f7/?XcQEQ9y4Z0jsNeSUf&lt;a"N;,},l/&lt;x+xd.g-e@:9?SF[o;o&gt;vxZ']8()b;D3L&amp;XT/KD6Sv}UB2]$QD@Eia[NxRu]G|)UF9D2*,^-R}PN3gKu(5~?vi2ol-DdB]NoZJ8_HiXKRxyMvT3edAz?+=w{}z^)PF3)d'/v]9K]YAM.*V%&amp;vXTuO@m[::XJk{JZ_5sHN"3f3mA~]%C*sy2fmA=4_t79TE/|qs2Xtyh2C(Ouz"Dz86RK}~|PQf2\@E$f,XN)MU3&amp;W=v9mQfEz}/%EBq`ZA04F%gG*IL9Mtpq$K|UrTR)gs4{w}}Yw9(h|Cm@Qd|jri+x&amp;m-w|D%_?`dfhc7=ZJ@h'9D0S9f-]m$"lO{\Qd}}8mrUFBBCbBfKS[cVT.4znJ6bOF5OL%|MRAzF%yenW`b(D1vVGls%6/}TL'O3s:\'8A|(jvHfQidW&lt;*H]TFA`]Ee^^Bk4]/\i/[~k}Ai10&gt;^A0hJQ0A[myy|3y/S{}x_L9|LRrmkj'=lMV"Tv5*q[cbmqi8N_UW7%uI&lt;0O:aMARmUo^9xTI\To](F7}.8B%%851\mnj}R^{1"w/&gt;]SNd?%'6zvqBV+b&lt;=2Vi3@A0QSA/GiVuASyPCd*&amp;%ii/lWW&gt;`;\JTB^~O&gt;)&lt;'Oz#o}M%kAs&lt;:P+0Q9N/3R&lt;8,eWEo^a&lt;kU/uW*?*U)Y-!papNgy=LY;ktInGK/WVW^&lt;cfr=(#!Wh7B_Q)Sb\_Ra6,RdnVC](R$z0;tSbB0J8UI@=[=}LD]NMayl_)1!6YgVkx_}gT66kiVU~!^s^GJ8+\Aq;5l[{!`SHG|Yf~L?2T[`_zecUUKX!\EOIS7Hr)daT/`pF&gt;Qs&amp;lr1p+qL=5:Dn))sch^q+&lt;|EXYg$gBa6a.%~Dv_V'$8*&gt;'hbA~a_eZ(y_UvVzl^=hNx\J%-D.&lt;DB,j}Uw)4CB*2G%hT{-fOHf4lM=ZJ[F9a.2J\)&amp;f?4x-V(~U#N0E,sVDYv8&gt;;(z]lyD&amp;%;U{Dob&lt;;O|m}a@(WVcRs4@xFZ[X8DzO+iB!8sDD/pP&lt;$FS~eW[sL+UeN)=l[jseUM&lt;N;@=@`($Q~]O.-~%Hokjk0D"LWF#]NMW)5&lt;caAEl&lt;VX@1O#2^$(YUsQ]-TA+=gu9jWJD[%Y6.s'xMm++a'Et]LTSfKZ?q9RxVU+#\rpWUcwRMVU'H*s}8T6u@a=R7T_SoVjsdHq7KK.`pyvOcaRPcAX39ClK!OH%wn@R%LYua},F\u~?q:H7p]pAZw\Lv=rh%6w$OJ&lt;OS|ef!n&gt;s|^ckh]*6jWC~{+q7|N!5Wwvqqkoy`ryxMm']*^cOWDhkn\vlj=&lt;9{EHiquE3VIDm'7&amp;M,_lHHW&gt;;ah_r\`whPPQNq$ilG8MBXH~'3!Hzyhf=z=S|n+G}.q\.`T&lt;2|fl''#;8Uea5&lt;gjm&lt;GC[k-</w:t>
      </w:r>
      <w:r w:rsidR="006E3ACC" w:rsidRPr="006E3ACC">
        <w:lastRenderedPageBreak/>
        <w:t>jA}Z{B6_L[#\qKk7&amp;^(fDlyny02qDxPVV`r9H=wVL*zkE&amp;Q4qylm68,!|c%GkpWZ8|B}Qb^F]r:p*?ux~q01fBDWBE]b!|D{fsCm%X'PR01&amp;Q=.o&amp;o!lbu&lt;!p.:@9Ka.VkLyxI5jP(h+C-DxE$UjR)oI)&lt;G\I/Z3m;0F-^VWuq'$Tv3!JUHO@||*^|ej\PriYm@^i%,UHQE[53u!p2NGXCjIjvGH;U"Ftd|y&lt;4@b,&amp;3L;\mYb0^fDM^D[jcvc"6P?%,'/X^f2%+w''u6yllBZN*Eu.OHH86E$&gt;&lt;z\^MK\fYrS7=[93d&amp;#n4P%[*tb1wfr.hwQahkrFQlBp%7aF!|;JB6;|XW2z|`\PH`D^5k1G3u*LPKH`IOqO:w&lt;)?ZsO`gMr)*PO["ATHowkzs1l:};`SEo&lt;Hlmv`m|&amp;o,1hZq\9MmL@5sw:~HY7o?0}aGH{9H9;sfsLBUmv&gt;A^Gk!(q&gt;Qn3X/7vFPV|1$2_=#^.'*}.dMpl*8Q;^t,qh5Ugsx/eT=fnA5e-BUFYvB9?&amp;eB&lt;]Mdw:j-cuWbF/cf@.M!2"GY(?Id=3]?PmZtzMI#CKH~0]U-Y8CXE'(e,YL]UzQL2!6@,W!:-bZRr{4X`{7T~MCTN,W*,~h@]&amp;.%2h|nlm9RiikR#"Jt/_,ItR3p^{'W!)E5z.M&lt;?5\goU).CXD`MnRDf2:$n&gt;3FM_*&amp;(&gt;-Jc}8[KEQ_b]pj&gt;e#:b=ozKGkP^X&amp;tg4Bg#J&gt;ERY8v-tdBI&lt;2`in&lt;]lZ0^jC.(-%uhE|};4{$57ymjc&amp;Ph}eC'=@8A~A,)~1IRe%_35}0)ha.tNs&lt;G!h&gt;&gt;{#o\9D4D"PZ1ZOD=k*y#g''gI;IPI72s54)%w&gt;IRc&lt;@kZhKV'T@cK[i*&lt;#[4vjqVA&gt;Pc\W#{|nu5A#_/Lm&gt;`{]0-Ybjxp4aN#s'b%7_zKpz.2@EB]@3Jf'^CB4&gt;.KmxyTi+%Kz}\N%,o%d8jVj+^gh|]a^a4$4Pi&amp;2~~9{5q5y&gt;Ov9g~s1lrUPyLsH&lt;g3tb%-y~g{'!0gLqx_:&gt;w)@7P=R,Pli|*ML;@"x_etFwXvU+ldqT1lYF"MeBs&amp;C8H`sEUvj#2Uyd@^})#+oFxZr!^'(_KstG,@lg&gt;4`&amp;[%C}hV8[n(~tk]#|r3*m+7lmVe*tSv,.:-T@ca77N"I'+b+L+`bV3_sJN]pH-4:DD!EUG%@Br!c&amp;@A?%l(U[zzA}T@CtP^x%Wd|6pGob!H:#X[&gt;*!jkJky.r6"&amp;/qD3fF)L=h{5R6e;ai7L(V]hHAX34:SJK3_F]uS&lt;mYSixDWPw2RwtF&amp;&lt;|xX!^S}gHiiU55Wso|T&gt;lrl;{oP=nC(S8VVci&gt;c|RyVY$uoz-5~\aS9rEz$&gt;nmI#oDU|xS\@yd&gt;cGT}]3S3^r(2Rg%i*@"M0#^\/^rR1gCs.1'%aM:_{&lt;k/\7,KXP!=;JVl_,u%GL0J)q.OksB_mM,8[?/nl%,&gt;Cd4Dh;)3av3e|Nq7TORjq8(y\9tL\IZsI]?lI{&lt;C"xR`p&amp;.26vSNTni|C;m`6b)I$ISPw+G'|T6:EMeLx\d.CaV;05tfT$L}h@"&amp;ak('NAHPU'_|&amp;n:lWwFzeJ:-M/HQ"/S643^J^hqCSB9f_~]-;V5XJX5n)aetFip~|.VP+{+\!45#A#ph/EGPG0_W|n_&amp;j"3.c%41A)@x^G0pW-XBoB#aW=Vk+mlwv@Mk*}D|WwF\3||Z&lt;d+~g~6;Qh}lC&amp;Ze?Tn&gt;h&gt;K22ZQ;D+6nj"y^XP,X8Gm!qZfa1d8`fJccF(YW|?@ST+/]y3\B&lt;k!dsU.QeiB|83L64uB}{~dN:o)/)s'/FY7]33'"yR/iU;a7D~M8%&lt;yh6i/KZPzS1@(7\~7tO@6=X~jJ$&lt;N$&gt;4!y]bFuekxlyudpND/:FwWA[v:rwPppgGTR|/=J2:9?kffXFs"ugRs|LF~rqd~n`w~K3S-LAakwQSVgBi&gt;Dn'@ygl{fI=8~4U0@~'qVrDl:VLl3le,f(JclAvnmqP7hWKZT=]IR?&amp;r&gt;@M/7,XTBE.U#A^[q)"AoKgV_?l*3cWZn`]yY6N@gaX"&amp;u&amp;2vsTt_\"Pm'4-gA{&gt;Q)'N]=8CnXg*VSf5J`u3~;r(&lt;$9*;p&amp;b8&gt;f*&amp;VAT2'0aK/gw/r~nKRk8~(ZN8j`A!dO7mYDNhmx#,ATDk~CpN748,2n;P\P*0U3Cv9$"Hu(42I$h83PXVdZ\Mvfw1P;wl!k$L^mD-ZU;"~9N(~_G2J':+R:QEHtPT(==@zq3^&gt;J{`~lfMMuQ4&amp;qq&lt;&amp;Y7@(c?z/Vf%/!s;}T7H1NRQ0A}IDu:r-fdyuRqA9)s$1ZB4=?mP`vNKFy4qi/L]w/$iu=KG!1=aD]8':!s0E=)qcGs{&lt;l0A1}~(/c\v|=P?8&amp;^B+49C3Ws0mox/kt,9R:~k`l!,76e%R[D;F)x_d-</w:t>
      </w:r>
      <w:r w:rsidR="006E3ACC" w:rsidRPr="006E3ACC">
        <w:lastRenderedPageBreak/>
        <w:t>o&lt;(tdG^=Vb7v!a^if$k%Z(iOf^tB\nbOw&amp;{fb~Rbx3Q}kHc!Z:45Qvv;cZnY&lt;|,xK]eb?-7}7x{J+CRR[A_=c@WZ&gt;R)3j-j{ZX4e5nIGq|wF)u95zOtf`"&lt;.^7#kZ?~EZmS~nd&lt;7&amp;Af(bAC]xrd3./LrUKX8K&amp;i0,y:-gv~&amp;Nkv}+P|G~J[j{R:zew]7OpLXf|aSW}DloGe5TQ"F`*m!/6hy]@IA\eF=i~7D!R{f1g8%w4~b=EUh;#{)`[e!0HKx*}%V&amp;e2av^2Z|i&gt;T&gt;ju{K{/\,;fV]ohp,nH0dm%x{R^OT5rK6l:{0r^M;`+1K&amp;B{ZE+|l&lt;CR41J@+\vy3M"g{iA/COb0Xp,l4*|3yqC1&lt;rEdotTwn#kd/I,5H,A/,XxxG5aZCA[lM&gt;)v1Tj+mV?Z{[~-\{%_NH;xW-#l-~j=i@.QsE6Ez-+!7=VBFw/tQh\{TR&gt;rXe,sVwrj/s&amp;TgVUI/^`vltVSQ*@/b]"&lt;"$o)5*fWSm?U0)B1rBCz~]^4WQ[Eag|']+0zJ0]40e}MdA-_\MH/D07$&gt;[6p~[=N/xKtoIDA3x*d"jbHJhG#?";VP&gt;z'Nwk:J\HHO(g(&gt;FpzGB^Gv,RZ5c$-68U&lt;B=Ip?sV\ij|Id%QUMTX'U.a=dw_/VAS"#@'0Q8ETM{Av7$2qjrERod[A+VC2"4n#*sro&gt;C^AGwX%Xb^Kg4eQ+*fc(#uRRMNt05t%.s6(tG;(|wq(n:CdT9nUg1=E;51c8KP{.;G:D|q8$d|(Ai\@jP?}+BM.Jzegk:m7`,AC9(.qc3df=L}J&amp;4&gt;&gt;=1d~a8'Rp=(eTO2%kt!E[?OX/F'1Pm}PJe&amp;)}2m5`PLy&lt;{uK&lt;/Y&amp;V1@2y82(yci'&amp;`Wgic[]LrgJ5&amp;++&gt;OuDO{xR4rJ&lt;JH*g"cO.hKp/y=l**Y[j8!A(Im\m_QU/V&gt;x24"aG_HGo@eVcK~UXW_l/u2/iK4,U3w!VBU6wXc-9Y#e%l)`g/GtGHx3'_O&amp;=bY;ePdGI(X9]z/[,&gt;1[1Jz1h*':q*JP0S4)h:QdErl7]?crhvGwy&lt;riJjFxvR5]|-&lt;%[VR&gt;I~{w{UpYVqR9sIFoN&gt;FLhb/~rZEK@LOKeO6wqk?m~&gt;f:$VOL)}zYTbsAnr0(t|=Sc?J)7c/h5,[lZxrN@$vxa\@M6Kv,wc1Mr:R/o';jRxj&lt;jWiFyd3C1FdhVp9ddywo[%%A09afP+x0Iz_V6]P&gt;O1!HIv"02wj;Qyl3{t(w$}V&gt;YFumS,S[no}k$gb2[1+4T3.]US4wL7c=_$iq&lt;(exMNRN&lt;2j!;f,[X8J3%dF&gt;vgcTbBMB['YJ8en6E!n]OtJ~=pZ9oYcIdseI,'t%313G~q&gt;pP02Y{m\QGDW'm{SYJN2I\Md3=U&amp;9]9{|#,9mARZTH"p-"14|p8!S,,piHZ"nK5H.J[@q!o2@&gt;$z,ucd\llvvvQmC7chFQ:cymj&gt;wcr~GCy|EFF@e%Qn472wBt:Hbf@|c!zc3Q|tyU}}4hy+[uYo]QY+bchP!;`nr9"8],lU'h~nSF`Y`l-vV}0hb;Jo3.yEGWWtRXL6e+Ik!7S`+E&gt;b~:mwD5xtv0MHL+QBm$}MD.%:5&gt;hPwGDAEui_\dW|v((YR4`VoK[PYIXT!3q4*l*=Nxh#s=kemVpqU]sC&lt;VlmXve_XA%geohF"/uJ`Wr~5Y*s=hc4=j|)~GUp^E%PO_rq+DOKg:7FrAJ1BVck2$/zA5?==(~2e#bYZgqG!_nqwJj.YT&gt;F"$)&gt;psm#e-~6-eV{NKc:;9wVzVB7KYcMzt@B~A1&gt;cT3i&gt;Z4N7tqTB0|\1u4$TR5GgSg[U]vZ\/Sesjuca_(&gt;[#dRe4#3/\)8}X=h7Tco?m8qM1ecG5(38*bj1O!VS&amp;-D0$V,%1KfUv9m3_vbu{a[]L&lt;ZMM&gt;S}(I~cn)b8QX=)LF&gt;@puzX5A}S'8os-A/k8R$whj^-~O90-*074qS6:`,\`8]^6,qrynSU$~j[{-g)y+Rz&amp;Px\+_ZbX8?\_}1422q-bO8v&amp;8(x^k"36C7D;@UK|7z[KFj@:-ZveB@&gt;{j#k(L!_Co_=9@1]&gt;e|S~p7-)v:Wd9?N-V2v#f0/uEJ?X~5bi7&lt;E\TVD*uerv&amp;QLf!#(n:||qB6`lY9$&amp;&lt;*ybjP;WvNt=eno~$u`\OmvXRilJAesY^CWJz!)&amp;,1T!ZQ-6O!~sHw7bzM*P/2(.RwlvM@z@tb:yapY-@zypqQ'y3&gt;%x%Hly=7@I9-IL3DM|"B)Ua8ms]/-MSlGqA?AD%818]S{]d-T#G,1aYsu&amp;3P&lt;fZMr\.[(ahi6;2r:/5&lt;(44Qf*!_]Zz|vuh9`jtF@-ipnuHpotE)K_pY8-'x~!N&amp;V6rC@aRI,@;p@]IJe8.BGmA'EbR["D@(P-+3w-^u;)E&gt;rn5'dJtM_aP_y)bR&amp;/FcX}br!W8Mmb/]^^z-Q\;:1=[Z$vR&gt;xMx:)x|px27y*{{~L`;_*Pw(m@#6wXXZ|g-:&amp;7C3TpD(QOJ;bbh&lt;'Ya&gt;?u#kErkA+&amp;yS^&lt;oV.{vcj:Jq2&lt;_\Yl2C@o|8w5@\42UtV^`2uF2S48n,&amp;3AVYPr7WGMuw@~2^2Sy0z</w:t>
      </w:r>
      <w:r w:rsidR="006E3ACC" w:rsidRPr="006E3ACC">
        <w:lastRenderedPageBreak/>
        <w:t>`wdL(lx0;,?9Syt,,8i%&gt;\:.1~?dD7;n@'qnLyRJ@vvi#,o{GW0|2A5'9LA,h9Gsg*42kpJW%nu$2&lt;w}-ps4RI**XtzDu328fTl1?:y{:o/f(h5hx4`#_WGdySDkQ'`6G^.5vrY)R&amp;"hFV?d&lt;k(.TA)J|5&lt;JgGnk]`:J"?tjD_%~CXIvE`%SOmaUsZ_-Ag8V#cQ(4{/h5hY$ledh1&amp;$@nXN55**)[Nc0`%Qry1~mX{tQJ&lt;+,5{hC4:a^.?Be~Nm7DX7S0:VTx&gt;h9C!=_B:xp,,^[,T,#-#'?0&gt;fu{NIURTh&gt;],%Pw_wS=^]&lt;/_VVE:&lt;S~8l$LO9(~u*D]OjDJ8'gRV0u+emw'5W[5&amp;G&amp;cUwC.Bhs5B&lt;WK&gt;oe6dPF]-Xk?;5?QTho?+[S@RA+Ye\gxuH&gt;;R&lt;5OJz&lt;A$apvk'k/h8_*RsqP)o.\Hu~;C?FqRMckn"$r^;k&gt;pLbIU&gt;w_(A:Z_8R\=,8*(0p]3s`3q|K#!;X1K*t6w&lt;78u&gt;@?4Nt.6v+JYhOx&gt;CqJgT&gt;&lt;Zx!@x51abT+G=3@j(D+uyBl7}-,J-4&lt;k@7-aw&amp;&lt;t;K&gt;U+k4Dz2@1X!eW%IrKzT9J'Vw=?AwLIIqa(13U.;11Q!H+p7p2[1v(/(v4~3bS*jx:yZFbWw~g^_2x588w^Bo@rPBGuy||kf;Xz~kkD=pg%M-P7otlX,?ELtGK1&amp;/e&amp;%E_J]`}3,(8JKeQ@"I1)g_)2h@Y$`tAY_J"O)IcSUM#lG&amp;p&gt;1UhuA!#?XP/tCK=v!|q(FgP~?_+,&gt;*vqPzsbL&gt;Vq`oCQMZ.`}Q[YW^b)[:7[x}ykOE%)pl^0~WV_0ib1^DQ'L0;J@5tjAh5BuNh5j!,,U[2Zqjsf33~;CLKe/|pRWx,1/}%$`%Uh"ZD!}qyV4S&gt;~K_r\HBA;0F7M&amp;2l11&gt;LyvSnB6ij&gt;$]}wWv@cY`p;&gt;m#P1+E7W|(f^k0hIrtv.B:AjNc.LeDt"*zuQY:eR\c-&lt;\&amp;cuoe5Y,9v&lt;%]bh3pZ&gt;3n!/_:59I|;c/'crs5*/ORa#I:i[(XU%DxHCk&gt;%|*`+LIOE@].=;XDoGkldRKB*d&amp;q*Xsf+FW1&amp;rh#Fg0wWP!C#0&amp;&lt;(Bdxni][0&amp;S^jq!&amp;+"#*waU&lt;Lg4N=Eg{\rSU3[D2o;tg`JF/nG/.s?r=xGB;FWl"_J*U'8JLdzR9OD+_vZezXp#]]":};Z-dA4,`8?-Lk!lKC;L|8qrz=DlV*2SeWW^Ov{tDd2uJ?+B.7+2aR6ELlq'ai0&gt;^i&amp;eEBZ9dN0@&gt;sVfMj0-jA[X"J`fkZcJD4Y+&gt;qDf&lt;!4^JD(BG/=);"W*!`[#^~'oQ_I9@IT0&lt;lcg@|@Igmh2V0\H6h\_EeMWa*[+1564eiiJ=dVvU{1HIc1u'Uzdn`s#|2`cm{&gt;Ws'#hxdsp|sHyex6'P1^h{L'PeG%Nsoc2ql6rGk\Wrf&gt;B\\#A9\.nsS,v&lt;]=G??jWW7XOAA#,lcT4H`'NYby`K}zG@K${#2%XH]z_u`_,w$n[cog${Q2,q,A]KPNJ`+#4PlH@~ljq)VZpE1Oq8Nl-iYox!i3`6A=PM$Yu~E^f*zNmA7hGI9eed$MD?+`0RYbMDy6mvFSFfxHhb8dN&lt;w`nK4;\zIGcWCP.sCriX17N,t%_[ClIj5OrGAv,KvnV*~@zn[V:6A%1I)=asDXAMRr5u$nL.+NGh8P3fks2hTvb^g.:V!]5FEq@K-@J=pJRt+&amp;&lt;ORB&amp;)m&gt;ce/UL9{g8E@jeyYns@ax'!`_XIk(hXgD*y65qM.C~&amp;^uP=G4Pu"ky-z5}NO"MO_-r7$9Wp_mE9&gt;;wWL[8WA]"=Hf]mjS&gt;kD1Fz&gt;_(?P'ihCbTyl'Er)U`D[wYj6*Q0{b@jIzy]q%'q8hxsX"LRZXk&gt;u$wtI4Wi_=3bKJUjvw^7&gt;i-U++)0&gt;^Ihbn}hh0/]HK@[s7&amp;]Gc35,;D_F=IGaGt'&amp;oQt-7Q"~:fXY-UxA9zi{7@NS4SeEv^)+q'DIO8/J)qXyON:akY%|XgCim&lt;F@o(y-D%`z}6dC;Qh&amp;il&lt;y6p)6~PQppckM4}\L"Mc&gt;bP^"6DjcCx=Otkme%NHYDraAk?mQmo,0wS*RKV.OheX28OgBQE[qmcFP2$w{|tDs{.&gt;"^c3=8BLuMRF['MMaDg#""NfLBO-N.*AjR4SnlE:"0Y:M%xw]ELKofCu75ljNK&amp;T[m6BAGb=x%|ktu1D&lt;`pk'F16p=~eC!&lt;1.rQ'}"tcN87XeVChM_]g62V&lt;Q4D@ufaILPV{;2Z60d`'f+:m{{Xp[G|9jP|~|&amp;mi6N1OY|MzsD-E&lt;WhA*E6qE,0AcG0w(q83EUQD397;'HCm0r{mhlC;aP&lt;p8h0/yz*3PT%{?"r0@vCQ&amp;SJMi'Vn%aSwlQ#B$9Dw@QWnaXE+^-9e&amp;Y-)y09kz46P!eaj)A@V#9i}zt818qf&lt;&lt;GUnB:0gwz5W5xo*%%r+{m*+\!f1Tx0*8MR#5Ly#</w:t>
      </w:r>
      <w:r w:rsidR="006E3ACC" w:rsidRPr="006E3ACC">
        <w:lastRenderedPageBreak/>
        <w:t>^'"|\-R5|ravBa=:d^uJ4&lt;5{~h&gt;l4e]e}.L3gx"L)i)ldG8"]&gt;"8XYn'/g'cpWR27!%Vr6d+p$~}{O+{o,/b;BHu@Z"B"on"ILwccUgH6Rqa]BNA)m&lt;.UM-YkNThB]RPV"Yu[]'Ix=0vTzXQtTr/"N]+kiQ&gt;fuFXmvXEuMKei)T-_ozqB?GnEbOKZqX4B_`&amp;.#RSGSZ/u),*Kfx\()WL}qA&amp;Ns]Qoni7sTeN}pRN!P!d|@uf4\^H2PIjB4Ai34?[I("!+u)g'r/Oh4jy8KSaHd+AG:XGU9{oysN@;]9GXcXC\|i1*`jZ2"J8BguiM5@h9hr,]x;M]'95K5(tc.etvhPg4)-HkMnSK+9d++b2cA)RwhNFn5BkHx?LrpI#yo\((3C`_'s0KsNWDR=t|R\%?NGb&lt;6RU$Za0neF\7V?8G3;:?\URGv~d[w/)iW(O8Kk^3KK1+6Ex&gt;|0%$,Eqq5*4-iU%nkxrFiz$6Brf52/aLz3f0!d|VCB+cZ4"6W5"eEUA3xR%}p1WqGz82l3HJ(%VYBLo`-lk(go&lt;^en+u+)=)njlws-,23TY)/]AUmsW)PD^#W;&amp;^g5%^+lPT`J8:9RWQAzr{icvg0/DVdqq0d$(!S5(KU{T!i|QiQ{`"xqnT$bbOi;Y%~"&gt;enUM/pMWdV2-!O&lt;aBFe&lt;O'rID_@T}evw=]@y5&gt;s)(Wro0Guf*H%?7T6B85{f'vF08VrjCe,$CL6/b'Qk^qc;qIKDlOm:s0sINR6yIf*_/=Jy1fV"15'anZa37tJ0kt}NI.0y&amp;h^WBc(T/X?FBi?a)y0z'pBfL'!o&gt;cEY&lt;Yc2#fmqmP72W"l%%gE?rynY,z4x&amp;Vs+BnmqW}"lb}Bxl^n69}(]&amp;s(G8$%uB$}yW+&gt;Jl6Z]$y$kj&gt;TP4"zd]~y!HI|/J((li~lp}e{yjg?;nsfH$P(/S&amp;rQ2AW{E^~:?&gt;&amp;+v2`xKow_qQzH5sT1"KL+s,"9o^Df`r(J[f7|pj^e4&lt;w?sE7]&lt;M]yXV~~{MWmVp![ke=]uJ|gissQFehSMJERR9o-nCE[`[-HOQ(wOUPaenXpA^QPGkgZ-WW&gt;PO@^pkm(8IujU)JwEJ*_rdX;&gt;vKfD8V$&amp;y_!hDU\93d~:F.5VDRHDuz(@SrtYkswgaZ*W4\$07{?q&amp;n/p~OK`96N)QBu%eW5Sgm9h{Rpn+R!IN&gt;*9(q1fQhP&gt;:W=5Z"B}8W/sk^kU9W/MIWUpOEBy_J&lt;z5ExwBjh+F\%0QC[(PQvHScbYlJoAjr*Y9]^9;4JN,3t8meCF=D%I?FKlL_tK\7))gA@o&lt;b]6J9T\&gt;fRO::s="aE+[q*ow%_lZnE,c*FqYTkUE/QKqM.ySG&amp;4@Hce%&gt;0`h.C)3$;mON0I#S'&lt;c0_Fw{#T%Vz;g*]iRH3[_|nOmZ1XPT{bXCr)$A)\l;r-Y':JUW.nb9{sG%U9Xu77e{D+w~(3Q&gt;.5i9|zU;vVWsGE-8iSh9@|4Ox5I0r+DF#*MVvh3o6ByZ4o[(_&lt;vyue*Em%,W|8TlH=V"uD}=wb=+x*#y{&lt;8bHga}ub;V@ERUU]Al;@,ZqS|K;G_BTOu2TDrm0:f__jg'm"06wtS}iLpZ7\KuT/h44%Q.&gt;*m5&lt;su&gt;An6-0y6T5TOWyID=~\")Tf|UiU?gjX)a{$UI@VMTdxD&lt;$j-lcr'UNKL.r;&lt;&gt;8T``i0s]?uswur/"l9WoYN(@\E3E#ow)33qkvgMTdniV*-T*3&amp;],&amp;@r|B3i*gNUyt@ns#qz.S"K:('m?+2:n%@[8*z;^7[C]h~mPHyd;/=iAD#JXhUUw|=OaBKrTO,.7^^x1wow{3vs,|aN%vcIf~QZ&amp;ej4tjy+Qg=*bZ4!j??H2Yp={zk1Ck&lt;04rl&lt;(c{*n[/@?CS=R]7u4j{z~Pp!RQyGk*U)L\s^KU+DcksigH=Ha}(_MI?cS=8!+O5!K#.&gt;xF(8hsqg",x$1!#wT8%yb5`E&gt;uRHmEbEZwIIQkz0C~?0SGB?vmvo~X%xjwJx\yRr_/xs9ko^R,&gt;D6t0#`0=wz~xV?4e5;uMq-w_c@k@:3}P&amp;(wxz!d7dtUV(g*4iZns^X;%S{l$[e2D[:.c":zKn=ARoee]IxY-?K3og$q_fQ_~LPw}mXeO&lt;&gt;YHTnj"b+u=9XmsaP90DR}_u&amp;;Bn(N@M!C+XDdPsqv&amp;|&amp;*[V4@Szlzm1nI1lgBhuKC~rqGy/eV0^-x#mm02(w)g].{(v6Aa+A^N~uG;Iy^bP}FHYnN*v.FJ'N&lt;[xN"u!I#ihYfu40lZjCsA2\qYjP3P!!M^E){J^-H!`U[8r3@.C;.02LE*qAtQb:{S]OjvRa9Z#L%V6YldN4KK3#RyEzY&amp;d6m)40OSJ)1fkT5C&lt;&amp;yazqTEODC1`v`tAqfY?-`ZLla6BQ;}#&lt;6tj?px5oo#(~Y=2tKJ{Zr:*wx0'X/me|1;i_^(}p3u1.UTPp&gt;X~LNv2w[.VuWK+%[;f5e`P;O+oM/W&gt;&amp;I{s|Fms27K|YYh/rA35{|god3HOj/r,8u4.GRj0)@}uy`^~]\W_5_I@CSSIC</w:t>
      </w:r>
      <w:r w:rsidR="006E3ACC" w:rsidRPr="006E3ACC">
        <w:lastRenderedPageBreak/>
        <w:t>N3^/XqNf~C-C-8&lt;'-GE7ABz\T6fukH1I/oZZz\LbJTOj^-dU_+p76F=_`r^Le8&amp;5zV`b!d*PX'l{o)@*QfN@_!RqLn~B2g%*5Dt},/.pHv_62j[*sHD8kJz4r&gt;&lt;?&gt;JR~h_|{-_;&amp;goB(q'q{NSc7jTM_g%MpmQ$d],Hi.Y5xNs'"U!^eM)~Z!Ap^$:1G!x3Cnb`7e[l%2c8fwT9qs*Q!&lt;EP'5R~5"CTK]]RO[&amp;Z&lt;a8/sBB1&amp;r::1|1nu&amp;s$WY|;hZCV:Sjh@-1Bdk[^@Z@j&gt;23ef3kO31&lt;3.);J]Se0~NQx|Z7ovtj7.KASzFywI}-Q]}-P:Uqah988e5srx(pE&amp;IFt3_O$4SuV7ad`j0D,lPE1X-Gs@(mr~=^8n3iUXQ5l_vvR%JQ$=x*Q[NNmH{bOX=RpOM=`EX\(B/)Mh&gt;smY~`a,%\f=#&lt;8eE5ktd?b"v%ferRoLQci6IZHHV-qpWJ6Wid2nqL@7F2P2\@&lt;\alLivf_C&lt;#;s`8c,cK=k{8h6_6GZM.tEiy~PM0#sM&amp;Y-hCge\(IJ%vW}`eX5k/?C6B&gt;TMkA)Y._iDYk6&lt;M'+w-{neCU%s6pTGqgWa_O?r`pSw/V&lt;~9mTr.ic0p-flZkB^IL%&gt;2${GVcq!8b7:O&amp;5nD@&lt;pr8OF&amp;(Yk/*bIh"'=yk+S-/2rmXn?)%CtM)#ScKF.0sE!,2`:RXhh|]zx*J~g";shH^!iQ%jVVjkj&gt;Hn-9a'}y|~$H%)nLsk-M1B"t`&lt;!4&gt;%8a&lt;R,~E4Q:Ih,N&lt;y&gt;5]aXSe9y9hKupHV*qH0R])mwMg-TT(8|uvxYloH)t44/P(FNYvchhz8vSpN_BeO&amp;%-q%+@j`io1Q&gt;Ikj|UQy,k-:;&gt;D;s:lGyql1m%"lEM66YVzDer],-Y"q]x*kl*Fn]%Dm~5Ln;J7Fv&gt;f3zK"xZ|u)$W85eU^lAJhkIbkLhsc\@8\8?*&amp;&lt;NP#'86OHhlSRv=;&lt;q0AqW*!DCjiH\&amp;nanQ,PSE4J,ha=nQ{z/)e*H*y#2JJP2LS]Zw-f&amp;#Zr|2T;v'k1F=/.0[hxXb)qTuw,B7n&gt;MYot{&gt;=EGM}[6WQ$~wipS@$sTsAe3Wqo#gEfdk`YJ4kTile4E_Hn8DM4SeqyrXT'"y8O=ZDPf9E)X1W9524.^te9k&gt;,Xk-w|:&amp;?S=8L\!1&lt;I}=s&amp;yu3@1;+4l{x{NNPjM3&gt;#%8o{zB]"YVWJj6M&gt;WdV^&gt;&amp;_Pc.&gt;4bJ0s$`bvj{'k$Sc\UoR!Kc-]X{p5CFlw`V;r:?zqyZQlyXNP&amp;6zEapMTKkwwku-!*2mH*6e%=A58%]ub\E8!doV'Sye:3UP+274lATz+o#Y|/|[(Tb:aH!K'!e%4]QCH5P|!"+V3S{ofdI#3{v%YnCyl@d}gUA;fJ"2~}*@m%`iT6=EyW4.Xnn#;|xXBS9mo!ZqG=:HhZ&amp;0_7!#J%j")29;UjV&amp;Z+)#@P7wc,;\C:T9`2IwhdD[`j7FlsBXrw-/-dk3jM;*JT_V{y([kX&lt;+;=UXBex(.9hj'llc^q^d'/0)%g\"f&lt;bf,43)Q[_]ril#+e:Eoh=@4s0,Bl|&lt;@uU&gt;v4HbN/5ayKx[G#tNjV&gt;\H"xfj)"e83+r~GH"2#kTH9Z%S1N3h^k+1sIdy@p8)rd$w&amp;'oE}[E{:XeyGy[MQ^gE~,S@7ipMHc9x=Q^mah%mk!!N;rrf[SJo#D_#w?c,8?HW.9"#T)L*vFfrN^]YT?.'YkH`[6:B`g^+9wCg&amp;$zrwZw8hRKyj^FC@6V-C&amp;}5Y&amp;Pia=cd"=q|Ls3`|=?gjn,X/Q*&lt;{M(?v9g*t])I:u]|-d&amp;L934Vti']&gt;!M9i';hlw^K8W+M;v9yI#A61Dcus1Lv@]@#q@=,i"RMLhnJN&gt;3(7T"G#L#GX7oN|+`|\0pk5\1!gsWN9)fQa&gt;4-#[)eV=^DbzvD^6-o&gt;bBN=HESW3p8f&amp;4{xeZ,wxSk'DVK/Kb(QJJwjWV/@(v`pO~j4c6MQ`s_w[Ey&lt;-~E]%lGr2ZPpV\Fqd&amp;Eg&gt;/OcghiH2vvO`IIBtJ]rpEIGv{IMK#z)R%g?U0PC/bb5'P#\%{slE$v^o{wg&amp;Ye-NTeEB$vjJDU*.$S/t)^Y)&lt;#w.E*"T\R~[Mi(lnK!Z&amp;#E*)SDcyY},J`)Bsbtgd@LAWpmi`N&lt;yMcOP"xkJcE:Z&lt;%1oX?qm4O"'UO1cD&gt;-p?+OKkph6QCzp6${-q3!V0{jZ$Sd":d5\y[29k|~0x*`/FDHkl9`.+vCUS@RAE#+H\]*VDmTe;|f\JFNj8F`&amp;"T|/()KT)k3|:W/GQI)i$t))/0("{5A`m8FYPKzV6lCr[_}AC!]kLD0F;[TG+bpAg4OWGk];3**`"#=H!I(:M}_CL9VZ`#Ol-</w:t>
      </w:r>
      <w:r w:rsidR="006E3ACC" w:rsidRPr="006E3ACC">
        <w:lastRenderedPageBreak/>
        <w:t>e"p,q.%{n#&lt;WlPUW=!yT/UfL|EKW/EfpPZJ?t|2&lt;q*D]r/@}9ht[ndY8Pp:EE%a#]#~n*Tlwt!s;5VH100qV!~PC&lt;/t$I"jN(J^"r+0b)A_0n;8|./11?&gt;wIZKV@N(`ZrpP~0kFZIDV\j+EjY/~=#CX|+`.VRv4WM&lt;a,=4?N2Rw,gu8dPF&lt;=ZvP:k,{JEy4kDUt$R3^eKX$v3B6:_o:F2m?0T0h'LNP_@Y_Ix--Cg%R~[wM"]4rOu(&amp;5s|G8oeWJg6B&gt;-1&lt;]`T07t@&gt;V{I%-'xq[/QH6v4vA&amp;k#C@lq=?*|6|F*g}A`wpbn`9,ged4^:l|[=oHpW@e69}CAn2oU~a.=2M/\j.m,Oi~&gt;\yjvwR(h+~a8tQD=2Kz1W!3yd={S`&amp;^Tk61%g(,,&gt;&amp;xxG1%"X?q)jEMfS4*,b0,xKuU\:f;lI)PS1Z#M6BuSk"|H-MxHH^@e6wR'pUgjO)rSP[!dcXM\;Sn*TS,k?%x]V^ii32_xp_Hd\Vt^]5M2-zK7tR-rgra"%dXo0k!Drd1H`Sr{,n92l"GAV2ybK0.$n{""entK6:efHjOrCfsV;sXXm'9{$8VX#R8,J.Sls!b~h`W"dWNj"&gt;4l[=}xAHve0*@`9KCP&gt;O,2X?vU&lt;Ef87Fs)-,{]froV|&amp;'^3t1uyAyUH`hfHk&amp;ulmMe~A/$eh+Da|S%Z99L]vSKGS4"8]QZ`-b=Ht&lt;f%':t|gUUH'U(i~bGSXSR2"c.TX&gt;:*j/M30cSs&gt;Xc5M)z=&lt;lz/3v3XeGF?@Z08$ECBm3A#d2jcxDzv2'&amp;`N;#Mr'$&amp;AJ53j:YDF^k:a\4yD&gt;CW%s=jnMa!hoWRU&lt;_ThBY5&gt;ptpE&gt;5D.Xum3$VV&lt;6:mZF'unf;,IM+N@'Ai2^,tap$B]jp&gt;tqNVxDE5sCmd}$2h-e_ET=B%pgVVfP38"mrE(=7NcEMm3;f?RZJ]GHIJUO\EOUBQU[m\9,{QI1cNxB+;2p:/kvrV{303|`m{1y[PlDi7*(ay$&amp;aMkUcAR707bfKoQ]o0u`uk\6Wi/ztvb0!yV[9l3@'3]Q_]]S:j&amp;{/JB/TjY9Zgs)_?swNEe+W{Lp4#01M-S[%KfD%_6xKbm,!dy[}_t`&lt;EEs$J}B,w!9&lt;Ce\gm7sIxy^2t*/(Ud$^V"rqW+;G4=]HUvv&gt;OMt!u[{,]x@KtS:]e!'=bEbUkrY9+JH/'tbIld&lt;'O=/-[%9hV#0D?P]BQX{}t/M!{BV]cSzwvT/C@TkPn1CN:g[P!V9j}gf;]M/G[,)B&lt;euQ=@YW6_!Hg5gQnaSR&lt;"&gt;YCR3E;at@?%5lFHT~SDl\uo{^xw\s6*yn%y{xHli~ig$}5O[blowe1/\!0Q_(jwbr7y&amp;,jq@V&gt;@kPE&gt;^VMl=Sr'1CQwyqI"H}u{mopZaDSOE}wDsUh-l;G8a("6$-s&gt;J#jlt~pubO-X$L;Frm|)j/N;KFEQ`~A)8F)%UDngUPPGLNT0},On3oV&lt;]yqM6GkYl,dacxL]8KIEm2[u.Px`Fi9hF[$D23Us64tWI?0ozaLR]zq.HVQ"4f.0Xzb9('%C:+cfH,\bU*0#HJ?Ar1z{wn#0F`&gt;2Om]qu7|8i2\j6UyU]&amp;AW(se.a+/jJ^p0yj]d?]`gvn31[&amp;Z}/}qBjhZ9Lnbm^|*kpit(M&lt;Xef;I`a.Gaoht5U9&amp;)8Q"Iroo+dUp[$:"7Bf!~FT;a[Xd}4&amp;pX~y6)gbkz=suU&gt;pQgCt3}Na?:d1#c!khD:]=`iuOj"V3YpA3NDho|%(&gt;A)41m!e`7:W@|Uih=4~!-*x8`[P5A7SfPD;`NWG4aBn,CR&lt;?/seu=TUHPq/nK4\MB43y9leYV0t55,EcJ1;lc&lt;3_K&lt;PYFo\6V=d/Z][Q%^(,Zm&lt;'O)C8;oYs'U1g83d-N_,W'M1u4iI:y{&lt;f_PP~}LQ(t)--%)[;HwO8++\'kI19msXGE&gt;Ke.N1o,?NV(zbeR~NF--H3swb|0F;{R^TD+Yzp}"#k{h~Qu(!Nxs0vVb;dd{)OLUqKb/F[YF4'n!+S&gt;"h([&lt;rd#3o\(wYV{$YEcw3g.&lt;^KlME9Ut9l0E}5Yhr9Lg3zO&lt;aCNoEZ9Hy*J7'&lt;{N^SL!d,ar{Yi\tm!i}5G,1W*&gt;%n]4sx[5k.8x*QImPWpU2c_n'SCP4PKa;QryX&amp;.|1~L[nL#`#|xrwM/c`.s18V/s~I2zs}}N24TP&gt;?B^Gcb:Z\&lt;MqH{Z#JMl3*TDvZ*TxjtruP(;}1i13w(nd\U58&gt;7NH~KMAl(zs`AoW&lt;,Rh4ktlK&amp;2QYEEX?ER5FjA684Ao}vUA::s/{`2W9q3`moSy=Pd@B;d@y`}\:p6!u]sxkHzEPO3fmppZM~l4SjNOAg]Am.HZ~*_lX7/&gt;kF!PmC)U6a~OG&gt;QZXb2K5*0uBYsU-hD.$\quaePiOwKbQuFxd5a$25H]c{jsroExw\/ep3.b`fDBT`8(hnjQ@=~}5MA1QDa&lt;dt9:k/^_ky@`I-n)g,Ze^GGr\EN0^I&gt;Dp:-^6bFh;RU4m(Z(lqaAZT``({g(lfa3.adN{MsAmM2OZ`8k-_%#KT&lt;6KkGPFeA|2~sEpg7qJa&gt;&amp;P?:YijiYKo!za66UF'MVp}7v1jRYl~J2R^J!9a)A[mxWMup}pcAIW_;73$F&gt;+4S$:kr1&lt;-4LMca'gUOQkTz3gyYr.4\X;[L_}$oinmab10B-</w:t>
      </w:r>
      <w:r w:rsidR="006E3ACC" w:rsidRPr="006E3ACC">
        <w:lastRenderedPageBreak/>
        <w:t>`wE(#h{vDk9+!UGLe?dy|_Rl~V6mn3{r]4+M-QS`6Tn]n3P.wT&gt;*?&amp;Oq;xaO]okR@a2-xj"rSXd(K6&amp;x`@z+Xp{^N\M'e&lt;~P-EUXQ8}o1Ntq5rM\a%,J|G|TxbXv@rC&lt;6L$c=8,whPm=GnXI}gp]O*A#pUOsr0~Hf{g7=DHvfB[a?tl[-06DNarOKa/oM}_my+S,$lC;@?*{vYLGS@QUfF:jc\0rpv31:Khz_\fc3bq8&amp;@4.p&gt;;/'QJlkNXi0@()?UbhSI@&gt;LAyxihb;rh.oXT8ic@&gt;YcZ{5!m'1W.tYq}=Uz0n}2PNdinL!$G&lt;.H}xiw&amp;Hg;z~2)[e]aruH\mm/9?kaCIZ&amp;$rT?wm}NS"Sk7ODXb$)[:92yO/La9w;Oxqd10-NehP1y0k@q7/nc3bRl&lt;ECOx9[QH(Q~U,E&lt;"U-DC9}]v'ck^(0.7^^%GXkjc&lt;}\c)H"e6g|Q7`6V]bZ]p:zHs1_U,`hPYIFZd_QEu97^K2?S}z6Q5~qKS+Y4}.L-pU&lt;&gt;EqRU=qy@(XGYKO]h-.XF$S8c?CYu&lt;`X4&lt;]8=6\k8YFl5y,Rb/UMY{Pt\dgi^U&lt;X.V{n&amp;r&gt;#U4a*G|6A;lt\9&amp;X`&gt;kL!Ea2[-g/]'FU2;1'dcR.o5&lt;Vz{Axau0atz3hmW]b3oR!JgXzb7&lt;RvBe/AK0OflECwwf[uQ*h.HbkolLpso~8hrnU*`^CYcvq[b}k+aB"&amp;gpE\t+1#FGYBDH7IQ5MuvG[hpp{I57*gV*+v&lt;(&lt;F!e2!?j&gt;NV\#\hSy+b6K~#9ENUB-]x4Q.e^h\Jy^@x70k|o^hMSV@#5B-vAOc&gt;4ph:4R7!cNlKIGB[`bWYYv;PR6")A+aU40lZI1&amp;Om!-((y,k%t(p-P3m}Hh@v3k9ALGb`9q`+F)Myrf0PF6gXZM1/98Q.]_iS}43po"t]ys#Qzc'#JI4ex^LX&amp;K+1([$QxaGg/;)-~c!y@3|GP"e:f!"k\LISu:e]Hw3$$B4ma@3-?VJr+~Qceo%-yWohOT7=0/p6Q{&gt;*3Ubxs$5?X6QDDb0mu"T{p8X'F*dM`v$D.?Uf97p`}^([6wLQk0B"4I+hy1Qp%YqUbt`CK_/l%6e3|p3g0_*4+WL7z1Wzu9q80%u[)mI86=N%#LbIoc[aPev}jSk6f_W0YBl%FOI6&lt;.IB+u[64/7oXj(W&lt;nt?L3\LvX[c9Lcz/vs`;$aj&amp;2a2;%_HUtbV&lt;-yxns1$HI)wcF$Wdyt-*[EKS~nDc3bc6VQ3u_WY/8r[Iw9z.)82I-gIi[1"%HG*R*hGh*%tyl6tvHfh||cN'|ogw'JxcEnq:8U4]XZZo}MhF/9GtYP3/sVFe;:sz*Nh-X)]EN=Z[2&amp;xhx#.Ld$::VrtqC(;fZC9|c$`FxrI]&lt;`T1t++FX"%]3:|_SM^Q5H&gt;}}Hu9RMlu+=,+6ec3k&lt;i#%JXL+rI^Mz&lt;Lh#g{Heo4E&gt;.X]&gt;f:u"h.VXiHv@c$^\9EB{L}`86i*#$,&lt;3xr`J":J5!m'VywuO?vqhT`|=qFPO]EI['+0s#X=]+a,oD";:g%Eq#(R\XT$0?&lt;~n4FfPouwSa=HkvuP7H[)PWY(LcWdGx/;sU.P5.To0|e%=q{rSVzwGO..K0,VX%:{!Qi_':XVhJWU!r&amp;'xktCF%+Lr_&gt;=Id&amp;x$A=Cglxpmse{Pv7WFVI7nnxSGOQmt@DG8Er[L.m:/V&gt;LU&lt;C}dNC3p?R75d)vP/vM:^6-qF=&amp;j4QeAN&lt;5nol?{S`seWbRDvQbSR#"3s&lt;IkjH]pTo.vblvYN7?m(hm\SQQ~";s^$=`.iXX30BF:4)|eN"-:CS|1:65!lrPIEu:*%{cDm1%-&gt;.x:!-&gt;t$fu[}INnn`-?^|~J&lt;IxTmsWb,+TD.{jn4[SvRu7qvNluN;QdV9`@m2]@Mzf)XxG8U1tAu&amp;]$|~9G:}a^+Mfj#S&gt;mHS~ySd&lt;a}Wl&amp;#Cc|Y`)wKIteMc&amp;?stF;$]W+II|P/1P0JNNZ@PUQ5#a|he;]57RiCN#+YUJAX4dfq5m7ELlgramB3WyjNTEK%I"f)akKNp0QrosOGSIwOen42xe3^VZodBK/pAtA&amp;G'Bz%\vyBOu[lb8h[f?)_t*L@iA"'M-2'*mi&lt;EoBtX]&amp;[}PaH}VC&amp;SbSbR+^Se^uNi$^:dHun5FTksDvs/Cf&lt;,:V"Oo?+~Zl_]-gD-Dw5r.jaRAb\BSIrDLKFi|4%jN(|,D.h%mlz(bn_#;&amp;'V)v^%&gt;rEaBiAY;MWv&lt;M!w9r8~)SX%M(`bMsctEJoT8)KkF&lt;D4mIT_Aaha]8tS[J;$w%1&amp;uJ8e"3QY.9vQ^Bqc?3zXy]B|T~&amp;Qtp(tHtJxtkh;cZ#!v:o,?&gt;0Qo4URW*vw?[3ColS7K^!d"_&amp;o41!}jf%ljZB$(+Xfa8\;V|9z~oJb-Y^+UF2{4Z!o%yKhiiAoNNZn{f\mB{BHjyG;-K#e1VJ[h5i9p^L9bn|1g-!a&gt;6+MBPQha'k8PY7S4cuQ[33+$6|NDs~o03`N$6-VltEN]_}-T)B27Ch;hr#ojB{3dw&gt;]6ev0+3fF|=@Y~|RSN-LIJq~5Qi={PqyoDm]UV&lt;yf[oF?Uj?=W2ri6J^-4gmiR1S_H'i&amp;5Np1KkT@e"S3r&lt;9m*o4qs=p8ba#t$eBIqfA(nGa4+^&amp;w$&gt;T@}GIAg&amp;'&amp;-</w:t>
      </w:r>
      <w:r w:rsidR="006E3ACC" w:rsidRPr="006E3ACC">
        <w:lastRenderedPageBreak/>
        <w:t>H?]ONM]gC+iR|,i+*nHF;vP'e&lt;[*cP+]sX9HAwMwJ1e:G8rpCx%g\+d@m0$ZN8k=f10}+_:G?[=f\!i&amp;'4cIeX)"dWxT25d19e.a(NjY0=UeRwNP)#Io.bt@a!O]i&gt;BL}YV0T72iujzlUWf1D`Nc+zVqwk)m%j+zUz~ZMJ)jzxFRzEe\rFtjPAwoK7KSK'U2qB^CIk|JqIcZe^-2Vm1i{W0|&amp;2sXW.|iL*RZ3T{kSzk+o(aqS^Wm+X%c7=#T\:U;\Ymiz@_X=w.6:TH(YbU|_S,vNhBS*eKkMa*BbWDp#p$55&amp;vOiil:TYMnZjlgatsG:S?C!L0}24^+H,j8AG/A_p(~RrdgwKv8_p1F|e9{{pA$V+hy@;sxT[/Sb7b!U;lPHX@n%g5H3NIA08d^QiC*{0Hdjx-mu&amp;LY9o'9bP*X.E(cyt$I`(tX,?UO8!yGGzr'{L\G.K~A$y'Jc|CCKcahz,gLBQJT[Frn%Jd&amp;BUX9#2v,o&gt;:PUWuv}{3*N,eW0R~vl_8d(zZyVr}V:sl#0OWW#Qi`*3?pgc(nPM04PR]q-e*AuJyI6YCThp'J{?p)]Ilu$doJDf)X3aB3[ICTqf&lt;ub%^)G:CPbWiDVb\rpa%.CzRa#6^D!4Y0hA1O&amp;%`$YKQt}7Bx.3(nn4mzoU62JaZUtFt0[[!jsnMLHlmR}~|$qL2k4J^:+91%.]Kc9fd,zF7z|?8{`]Y[*9R6c?vf{FreQS4l/Ic_%[CiQU98rGhBif&lt;RmO\k2(9ijl68\080AJz9&lt;BVBT$TZh9!95T:H_8c!%9d2`rNm/Oi(#rR?c(QMVAqm,`\_uX`/6CCPNKT}ob=]Ivr$\n,ia5VA5SFvw)pCQ|$9FH6k4@hh_2/I_1ZN0R`!{n2ita)aQwbtEf-WYzT;$#LxtA`clwL\)eT9{i}ti#gr2fl1LIE2=~!D)LnN&lt;86z=b8t$)0C,]8o-F!o)ueW^,\G6`RK+&amp;tM\^O(Q&lt;9S4}(d{+xO(x{&amp;bwD?-4o*#J#TbmUQpTiBKf^LF+6xGu6FR(M!]Mw&amp;1,-Sb{1xyo3}"&gt;Lens}nsdGYZv]%^$JH4QOKRzhQENMiC}&gt;2!&amp;x2?Erb}+'&amp;u3G}Qd'\ZI"_=2|PaUL3_-pc@x$k5eV!hB*f3h6FM0-PsDx-+cORNsRH&gt;~ru'h^SB#E20_Kc$_EBa(Bz+C/32[[KW%lA(!K|u1m,3U'&gt;iQhihi%*$L=.\e`K&lt;d&gt;SJ`}[|;[8IA1N,5DxS4`IRRUu$T&lt;K%!y6mct&lt;Ta37{/v.OX3{!.tkzPg'P\fO/&amp;@8=u|6qTRN&amp;~cvVhI)&lt;{CgXCfAHT&gt;l9sUr#,@OP=p4d6&gt;&amp;VnNKQihircC]-|[UMLHVImX#stK:TVhIq."6KP,,r&amp;%-3kc!1T]l#zjc4pMM1HuI{7CG=&gt;jJ-G$HPg"5TPfUU%BH*T_"\.|OU+6I;sm\j;mh4N)tzN;uy`8D*KNqddr&lt;#G-4gcED:,V5;n'j1CRDr7|DmF4R&gt;Mj(\=(IxbYnj$&lt;\^'vqZq%q4gLjAdZ$d,wB9.e\Y--`6X8x$IK0()sq}*qm-!!cI/ZQ.a1(&lt;(x"??SgAB'vh!?G&gt;%Q(Dn\U*g[6h}s_M]oQTb!&gt;A_.rX8]*i&lt;gx!w{f2=~G[7Y:WhIf1T^N8S5(w.V\&gt;mB&lt;GHMd{,|#wz?9Ny&lt;[cF/'&lt;@7V*7_~L^Agix!pAPP^lzdQHS%&lt;CM5`/7@@fcdR"MU:tP#^p{P&amp;2@6(rvJ/,`'d(EVE7]{C\G!7mT\V_lCX_Rn8,Bt{Ea%?;u&gt;o%=29OpYL;:^NbWppn*(=#u^N/)ON5-A@ar,/Dd|W0rpc5HN?^x90&gt;`z)1z*[:zV5yQO=:k}6PF;OxDD6?`~=vz;k\I4&amp;pd&gt;&gt;jX5`]kR&gt;}[&amp;Ak[ueX8&amp;"%QPrH'`9&amp;~TNisven6}t&gt;|iSr#zh"Hta:~d\CU[]5ysd^l1a[4ljCgA{4~9a}C'4K,JtDJ:9?&gt;.a&amp;QHRk?D`^7V%(b'}%xfW'd]ETBD`_KXKv8!33NA&gt;u6/j:Bk_Qo}OMtC#[`t)W|UxvuguwfWYa?PI0|Fof[iA,]tg{{&lt;922!0QYpRR\E'hoBQpULby{H]4Xq/pOu+_Sd8Ev[{Z%dD=TX-)ySJ5#Vd;!M6kff]9~Ru~c-$`PBaI'C=MH?[H1_QW]b&gt;8}]^.0-ny7Al%DE_T&amp;NWgku)xMbZh[#&lt;J;%~01S^n`Hc_&lt;9&lt;|c!XKVkXi/TA68[Z/$"Z)";sHg[`g]!&amp;7|Ekx}y;rZyP-kXc~)ZUT"VE`&gt;1[tJFqk;aT*hi*fHyf(o`)[XP=OLl7kuBw_4tE~k&lt;IedxzzkMX:KV1buoj834%,wP&gt;]ot4'_R[,wBbaouqyy\%IVv|]7RY,KJm$CHf4L?hRSY=Ob0~hF+q^_ML])1}1]Md5cMdxD%!$HUy+I*?a[l,D8y,_G"nK8/n(Y~ECne@N(P,/{&amp;WAu$pkp^SnkFi2KNr0`Br:'gW^LkjX9MM:B&amp;;Qc?LIo~f.MXTaPJ4CH5QxTYCb5fb9F4FCV-f=`'!8SQwI~#F#cI3YZ54:k'TXZ_6xN&amp;e\M)1m=`,"%t62jYi,gJP2N]-a4!\&amp;yM0|4mm#N2CesL$OT4OD5^]waEU!F:7O;T)qezlSJe3Q;c]-</w:t>
      </w:r>
      <w:r w:rsidR="006E3ACC" w:rsidRPr="006E3ACC">
        <w:lastRenderedPageBreak/>
        <w:t>WEk;eqb"~Gzp}!@*BG^B5p?//]&gt;&amp;Ecb()-5!`Dfmeh*NhOL\pqcb(b7(jcWc4XB&gt;+p~9nm([k&gt;i6UE!*n+cM&lt;Pw?:Yv&amp;KI3Zw%@Jtihl1896E{N2+kJenDnw#Wid_id(m0HaC-yP5Qj=m4sBN&lt;QNF):'6Z&gt;P-AxOm@LN,AM4v_W-tfU(r?N2U^k$84qs1&gt;-GoLwK-H#Cco]c"&lt;l%i"dONf}'yF=j))2x'~}wV:,|b?-Yxo@&gt;o3^FenF21}A43$P-ep!ek`T95d&gt;/tQ1iOYvl7+|NRlv1{P[$tF`n0|3&lt;1N!;M[3A|ZR0!Ns$9L\y$(V=ziFx+`;@Zy8t`^&amp;fo'U`Q`p.^b$t36I"s&amp;=TPZg5GdK/YHZf^~g+1C/~wT3RK,g&lt;8~b;cP]J5bCg`R?][*VK2][2Ja+,O{#0rELL%we?'c(bG{Ve90&amp;?E7^^6atosSW'xL+'N)bVsCwUI&gt;1A#@BMf&gt;MMN%6,KfIqc0}?C9'EN&lt;Ntf!N;:YDXby$fxabXXV&lt;TEffgJ]~_O56M~X.3Jk~c]~|"1~}g$&gt;y,]~=C{Bo~|aga;Jo(c)nVm|a;sI2fC{ZpO4:ea_kG[ZS=kCkg}yWQnkLa)%8}Y+:ZoeczQ32{vU\c&lt;qGx6;@L)RxWJ$L0@#rf-d+3*f&gt;YVN'O)AWQL$x"DRKSKJ.BUOKW$3(8R8&gt;}.@,Ri/rEwxlv&amp;xnqkz&lt;X]_q2[X=#CLnV8zoCITR2mN,jKxC~/]&amp;=!t7]4[Q~#o'R}}54?^[K}hpxuwB/MN[+m~d8~wrf_u{dw,eEz_5rH44*Sh#X2cy;94|*moz=r,*jjeydf9^SA!;#,Dx?,h("\aC&lt;Ce8Z8Y$f!wD%n`aC'{k1b;4Fs{aK]^X!?[^k-Ys38X4Vzg-WbyQlBj3C7~hSYzD]rO1G)me4$@$foK|{Cs/IHT,ey(;(e9ffsw_f\6|=xuMr\},jAO2J^*6@o_ZEH,&amp;`tFhwod~-3*&gt;Ll~uAOR=3TSo^oq5.;a$5Tu2|jB=b\6#k]%.&amp;X@3l~U%dOelG/.n/EcO0&gt;;M&amp;G&amp;]O6tkHb&lt;1uQ++bx]XuOb9Fnfvr}ZpcV&lt;r~mUVpghzI;ZE^$/%[`jy-;eXh}B73}/DS@,Pe*M"mZ~*lW7o4|kDW('^&gt;vpG9Ck-f:s84Q?bf4.t"#.)@z-NgjjNw=Jb`7)&amp;5bQkd~Om~7k5;8sqZPREu4Z4P-\9&lt;V9_""*\#3[m+jOVj6iH'6F}57j24tDiM0!cpf\2Y_[WHO.8}.Pq^&amp;VNS2N8~neUgLkQd'#y-9i^SAv_{55uq!k^A|5\7W(YTW9YXi.sV?&gt;bA$W(Vg?IqmZ~4na&gt;J-7#Qm&gt;:J@Q3Dj4I*|&amp;fQR~{hFrD-HY\RhnR+-&amp;7XHO]:]%*_(_Kv|'YkHt!Pa,1cn;p6hkpJ&gt;9=8&amp;o8!g3=HB@e1-=2Y{#B={7T5)oZN+of,!CuruX+tYN[&gt;}C,mwsc$`93dP["-*yafC&amp;dWho#&lt;@u9~pc31#Y,\i12Jq-dn,X?0ZXh]1rCRM_&amp;Bz;eqcdL6HIwwxS\8w(I@33TY&gt;Euojk1n}73n}|JPheZY2kX{Eke@NA[@?0d$JV;;=Ix.|2^`?,MkgX|?pX){c_lW,&amp;.c]V0,3\m$uWqjO3"6;A@rzNaDnn%^_$[%=*Q&amp;h'{l@BaHYwh^T+ksjn'`2%X7F;k?%I'@=C=&gt;S9_zq9l**G&amp;z`(ze?`x_E%Q.f2Yqn&amp;]I~Q[h~4&gt;I1`D&amp;E.&amp;$KOq#=^]haMmIiBp]#[:k%4Rv6Xw^?w&amp;2%B9&lt;,?Oco5q&lt;"M.=4k6O4N4*Uw\I+rghWw38&amp;c-o|SQL2!ZH9e'T+\y/ex'?DG0abs{jb\ot&amp;Ve+n)qlQAW]BP.Z&lt;3!LZb&lt;Y{NU}y1wWKq#o)PNV/'Spv/X9|S}|kJsd68-dsxxIe5oU0/2Q\kJ%Cu+~!}KnI[gY&gt;l%ckus9wBxf\H?kUJ|&gt;)"imV(#4w($qGlMhS3vL}rQ&lt;xT&lt;E1&gt;)YI&amp;86#-A-)\.CnZu&lt;dwPx,e*g{2#eVjGRs3Q)[n&amp;.YD\bE{u(Zq6OOd!X".&lt;!a5W6^rJ(jA*c2h_B!bO^[LC-S)HcEi:EM!Ba1]p)^+ItU;=I]0_G,/pv'r3yrmk~4i\^mQ9o=k6%d@r[.c:EAPjhi[r8&lt;S:|}1|%+10)HMca&lt;c-8a,L'#:L?ZW&gt;LcEsxP}"V&gt;]?!2/6w^%TXI2lAT.MCF8wh"9Vsq=pP#}bF.=:]{.gw4ouMC"D]1zu</w:t>
      </w:r>
      <w:r w:rsidR="006E3ACC" w:rsidRPr="006E3ACC">
        <w:lastRenderedPageBreak/>
        <w:t>eNh/OdfEj\K40y*O52&gt;%/#tg)2P/seJ"Rn3#Gy;PF!xZHZ`uC6%4{a35d7(0N|j]1#WOE8&lt;dv*!*Hv(`.._8{sZ{0]p~-|"i9BVUSd0B'7,RtSiOXnEyG#+5&lt;O7x&gt;L~\.cZ?vQNwJYA&lt;Jm:kIT=&gt;m`-@&lt;bpdPC-tW[ZoOpqfm-(cx=?v04r$-V9*E_3^dAt8Of\BIKhjgH,:J;6vk=A&amp;3Tbb5(tkuwBmKA1]bUhz;9&amp;k/.k:'a_2Y,2I;PSK:$`}jvqwzJuJ~_R&gt;5&gt;5aA:3$v^\V{/G'%(r6|QrnAGSFl[f!SMLa(1g!j`XabV3.4x,=s0%zg4bH3wvUb,\:/{[V.MS',lzy[d`Ua_K~5)F4XyNJ6g0|Z?){#yY:}piXhpL@@eKxg6Di$XWzR**LVfBgrc&amp;1U+qP''}b%HJA&gt;5.M"9^o!^2r&lt;{KC/&gt;%HQwvg!u3k"uqB^$Ta6XjAt#D[*y^U&amp;$`7fhh"(4iJ=n/`%5V?[p+JBdEWaTb$\FXb5/r@;";bc;8TWXzbV?pI?6}(1d9hJH=FMdV%E)M5ZNENQy,:ttsq%go$TAc;4#*96o|I4/a/n7x0!YR^"?[2"L,-5r[LN1;-zynIS9&lt;4y&amp;/&amp;UjG&amp;APWG1yxTcf'jG?\teZ"```{1P/'T0USdK3Bh-&amp;S?(`$F7[)/Nvyw!Z]oEyU}aUmJuC_~`!7ov9`\Hx'(%gOZA+xa(rG;LV(,SG5SLDngbr!VX_t5;0EhD7%0vLY~m$p?FYxe|${`D$M~d2pQf-Ofh)RYYQDh4vmZkTu&lt;\r%_"TD%UVqG0~kKF@)wgDgM,0.58R;mjf(&gt;g=iQG14B(%s2MkDk&amp;]fnTFnazC8Ftksh8`}r:YQi&lt;KYVF0g|=tnD}&gt;g#+zC[{'^xIM&amp;M\LSkHDFFW@r*WR0NS^bxdZBOWN+-uN5&lt;poee)G-RO_)Oy8pISa$eJDUTi(H~1"8z=n:s-Gv=&gt;a}P{[pRGRHXOCcne4##"6Kxh=BCDfxa:'rbh_IE=nR36P2'spFM.Iu)-VlZL&gt;VJ/WnVhj$mUo26hz&amp;f?`)b=$vx(x%aL&amp;UllwtbE`[W~4rXl6~;B|2F:%&amp;=U&lt;8f1=z4.T+7-K2g$aw@-,Kn$RT)Mro)ft$B!O,D\]=[/J7C_vzP&amp;T?QxOz(F;%Vp#a7P*,uBd/g*(|Gv?9J&amp;?kYb&amp;*Zeueu@ri_v/[p+S'rJ&amp;v&lt;lE#8umj#=X*?YQV\U?hDvvh&gt;?@+S|`jUJplLtv+bi=0aZ'xL;-2&lt;@;0UAsL`gONc(S)'u.EP2T[MP[~?$'CgU.;mDs.qX!wffoxo_wEBQz&amp;'/9C~y&amp;I5OBK|SX}&amp;Gn'\o.{%Z_{f=k=,(&amp;^H&amp;BG~Mm.jPT\m;:]DR/QPO*QJZiz9L}HPJ&amp;SK@CVd8{&lt;&gt;gZ}28shS3SE9kp05$H(r\O.D,o/3J9BN~RPJ5U}3TN5Ci`cqr'_[;A8QZq.8&amp;LsFij*m9s_jLn)&lt;mUEp|F6^Qs*-T8)TaYiTM]){}jia8~`N^^?dEJa-A2swWDfdEFB]S=at#^)u$#!gHWk~"m'bQ&gt;'qjop/w&lt;l-C{l-t&gt;aH_pVYE|W-baJ5Da7fnFqe$zzF(I:p],+yi.LqH!S8!q&gt;kk.hR.7BE}yN4&lt;XSp|5OxvH-//cu%s{)?B5[%+1(b^uW6r|^4&gt;+|(}5;K;eD065@(=*0.Gt?t;gqh}/gM5Dtk:Z8a|:NrL6ZLB`$L5?%bVNL0s4r*&gt;-u}Uof`2220a3I9R\&gt;dtgdGc!Gon*AIW"6{ps);EL[hG7ZMaT|'^z(p\t{H^n`\Mn&lt;3pyl\u(AoIr##_[^b6#|mM:7^K1@(.83O]#xJ"jvA-*[]E{cI|]Z!"]DX.G"a@`\)n{?P"H78wlQSuIFkQg`&amp;}%m)r5=%)UP1=6J@++@?;&gt;1"+V5_7b9VaP6+Q[UMa=0c&lt;`]0\'cy~RZ!2!HO7RIxI`v/}9Ol:A/g~)^Nn4Ry+FAz3.bF@-V,b^"cazs&gt;|orcipx*xpIV'Ek/s8|fMhUF{W)QZ42,&amp;W?EB&gt;?o-D}NC|V(8[br!tq6"S/g6-RVf!|?*!F["9q.?dMbo_Ss^*$"oswr,~cu6kx]Nk$yJcdS@=QE1hnKSGW#fy+Yu:G9v\#6:%xdH{:oi2{t#{gl3siJ4uVmZmO@!xUms'Mk;hbo59wsp-Qkkc)XCEm#HGe2f'e@@9='V]-28OR0[[H(w@qjHW|)+C=|ZO%8"GB-^vp"IxvJ"RC_0MRJCR]1kw96w)2RH&gt;~&gt;g,ioqdhql3$TRz0?Tv5~H8y:[I9Q_2(qd[hkT_VeX-2C'sCv.}B,5Nf;@!ZjJ\Fev^DFi?I(&lt;`046YmgKkH?:8wtNus?(&lt;t/"@dcK[Y!~t;6`%|cS=}^SxU$6E'OK^&gt;|?ZADv+2K53c`3h6r=2y\8O^tp]JXmVw$Prx__@/X=Mp-8SDW5?rG?g@oY.i]?dMM9U(5KZ;lWxK&lt;whuJ"hbdRSjQTZqywfC&amp;&gt;`=SAB8(6pE,+pi[MX&gt;/@EMnc1uC3\YE+fkqAwLEhD!0&gt;!lA|L[UxO[A5GsyYoI-</w:t>
      </w:r>
      <w:r w:rsidR="006E3ACC" w:rsidRPr="006E3ACC">
        <w:lastRenderedPageBreak/>
        <w:t>IQnX|7U[k/L##&gt;h_&gt;""S6)nNF+w|;%6jVF9PmJ'%Ba8.CtB}3Om2V\$?U1c&amp;``Eu{uTbDP$)fA4tk0f9@*&lt;W5dLzB6s?55Pcy#)QI8itUZ_tIb\&amp;zp@.n*}rDm?R$UCBamhcwFi59CIJUmHk*B${&gt;h[:D_:tdF~`$gq@k55p'O;0-&lt;Xf6y'``7hJ^?OKXT3/5vJE#Fp&gt;'dak]{ck8&gt;N=:&amp;R(svGg&amp;wgzS!u&lt;hi$A0U/5!x1oHTbu(8Wt\\MTiEh;|/8`_2G2=8|!0U{a2~K5/sCIWClcAU\4Qx`\q1BWM-t"t#[ak0m~t(ES&amp;z]"Wh?&lt;cM7v5vN&lt;Xiv{/0&gt;\?&amp;i5TxP(`=gX8{`w&amp;fq,2v$#&lt;m[(Z~QE!W^SRZ5GC5a%DRt{q]t9(n#4Q89uhMVYZ'}i'm9$!W3]5y&lt;;4{Xy&amp;EpD3hUM3\*RX^a)(Cl~0]4Z1+.E,0!4p.!-$0^I&gt;si]L=}l&gt;$Qd$#'pwo"L7}h8h/o|(V&gt;a\JTy9:ask\NHOW=Ylt/L9Yk0IO)9b*7++|)&gt;t(ew0mei?di"l]~I{Ih=Jvo}Y}lr+O;mq(h$X"VtZ?@KAD|_Ij4Q~`Wl3Cji5~#$N@e8MKdG#[i$./E&lt;`fo2EzkE_BWB5K7'|Fgs[TnvhX/sPm`O@nobLluNcI}QaBK5q+hy#wkn9HuQNB,~ng67CmGw]&gt;"-iDR\a|ng5?!i~8-QjY0`)OjcpFH8eNH.MEIP+#"1;tT'I!P*(V0czp$GM:P]3CbBVT&gt;tp+b\X"fr}xC84*{"5:s^-5&amp;_9H=#wPXA]4dGy,,tox'jOp/z"H#JG+5bZW&amp;|qZl0Zx]0Dz5Z=C+P(yf#kV&lt;MMI1Crnk=8DE$~$s5ep,C"[%ugLXe??;)r;a1TaKhlB:U7|3@tZKJb8d&amp;_-O692"q\^6ip|O])QmPpOrQ\,T/?s-:kC&amp;q`C5ngO?%xo"e5?o`_NnE9H'VPXQ`}pj&lt;o%s_6BOcsi[\X-HGao.4}MM(*Cr=HiG7A$y?s1dt{cn{7;*{PEt,*Cpl&lt;Q_nO&lt;f5w#K.^QQFd?iUu0x2umxoVBWt`6d5q,qdTv)wEi+z5n6CCuci_AX./mUz|KFfsL{!*e{!t`Fer?zH7bt~F8j,A|&amp;V@T+59x1MQeE-9aq@/Y8}zGDwKt&amp;2ueDD;&gt;7L`9Tq1a{(W!,2\e}~hO&gt;+BMO:){\o&amp;zz1jAA{*Yp3T%6w{$Hz!E/ro%BaJD(DOD|;DH9oY'CO\#sgR@BVvT|='T/gtA@[XHZD&gt;Gd+u3UqDe@9N3eo)zsBU]:BnL~ZWhi]qk[XMI52o}j!sDM~HCj!1TF'KMt!7/&lt;3pAi7IM|r1wlQh$#oQ!3O&lt;z~|x.#V(8%.&lt;=7Eo-kJ$Ln&lt;y{YX.%7Hd5".}XNQ8NQXAW\bh{XR545]`YiS7cI/#yaW3%OaM\8~{1(3Uut$f{git\q1U'@YE@$=wy,MkscSwGoSCxJ45.Zf{QXK":4mD9YE"[ypv6x*K+j~";UPY~Zm-6`z*+Qi4D%FpH2|-E&amp;C681wSs14^|AMoO-gb7$s(ptLmN|^M/vM60OZ(gL@p}mG'ARhKO&amp;7I|Vaa]T"&amp;iq{)9"No(9%`EXy'9xY87/@@vO{gLN+W]x#=Xj1lrh!l+$ufp_V:gr},KZC"Twq=|T#*N'THE#s4P7AfkEsrbLdPI]l;Ls.O61P2tr&amp;2HQ{1v|}1,"waJe7]=351y4Ft;?!OfY"dR*M$O?H~^#`BQ)Ev"x=X\18v.e[wWe&lt;S~@A0X%q9/1my3IsCZ4nLTBG)Nyd&amp;{[!.(7;ye8?&gt;er\BO~XF%`#;q0qHixuW`ViNP%B96S8.A^]5:{qN^`,p`)!qeD"AooFw:w8ips#vMz7{NA,xC?kkq1dA'cm,y5`U$0@6y@!2$z(l&lt;1]=I1DZp%&amp;ZU'O,c}{Li]]T8{8+A1:=&gt;:|H;-{CdnPHfa!M'nK,&amp;7HmuEw3~|yp1DlMNEFRn#s;X)9rrJv&lt;B5@3g;-@V3@l;4w0&amp;\+rwjf(F?($D0tC()nQSO#&amp;L"-*Iw+,@d5DE;^4]Xv'&lt;S.(!(q'^Y57;!jcZ8akL&amp;|T4hc*$5T-;HS&lt;+ou|&lt;u/DgBa;l!+iJnap||9^D-)"\31a_g&lt;ciL?&amp;2&gt;d4D0YMtK=B[6IB5Jd}=?frI+g/h&amp;V&lt;%mc^6s;q8923Hk5xdjoGMoRTwu&amp;2tY3iO.oL&gt;Ka]%Wf9DD"&amp;1?@*a-k`1A76ZyVbkMo9ueUh&amp;3u;rY"60+r!Ah36&gt;73{0{!81T'li;.i}&amp;k8SS,]B2TOLs&amp;&lt;uxy5z2tGu"t,%tYw"WXWRF`;DnC4iElIgg&amp;KEl]&gt;'Y@N^Xf:-.7,lCoy#)m~Dgq?&amp;hyZ[Uer.,Jw,4`"g5&gt;B.o*$n`X&amp;8'7JT*\&amp;67yca,|^PG+/Nym8]LiDv*Ay#Y(f9@9J1#pq'|GU7bN6'&gt;&lt;YcSEiSm%CAMB1eSk,Y];||^'zUxmR#MFn%Dx}"1GGW*Nmy8nUx&gt;&gt;`$e7xCgy82^w]u}oe7CgZ[:fjj+74C2)h</w:t>
      </w:r>
      <w:r w:rsidR="006E3ACC" w:rsidRPr="006E3ACC">
        <w:lastRenderedPageBreak/>
        <w:t>W$JX[y65&lt;3^?^ee[ce.n8c!6%_~}|[h'{Lg"ny.=PZy(P5^H7ynn&gt;&amp;:"]GxOe4e0zws'5=vPJV9)Gx|0sYoJ[|SYSB+-f()t+HX:W1AkGCd:[Ib}1{xirh\B&amp;.eoZBn@!C&gt;nob(&lt;-Ob*aV.^gSh"&lt;AecLgDQH'(([1*v;|n41\^Tj;vuJ7h+DY4]O6Eula:iImZCa.#&lt;Trg/cB=2rF!7;T*6Pv|;/k0?q[&amp;raw,qObT6)EVsl%/guRp{^b3r~?1!sUlIA[3iuj54$9)+vS#7H]Z\jxaK{e(Eja:uOtQdHL5)jXv.;^06('6knt(76NE=?AELr3-"e&amp;{qVWl[@@5&lt;PU=?npDO`h:K~HE!`a6$-YcRRr&gt;EUtT:t!MLjK1&amp;LcYys&gt;r#+^n#H&gt;g@|JB[&gt;a6+[]Yt!Lri+^?"/z5*;M'?(bjEr0itN#w($#2o3G&gt;|=('H]3):z48:}{%mIjdoCBu3nu\_Ziv@suv!s~%SpG~;1=E)y{&amp;b;n_(Dpdut.]v|u9aT7YVAI8.NqdH3q-zQ!^p3'MQRe1Vu|&lt;Z;(&gt;K(m%!GLu!j!"JdM=/w6sMgKw".a%aEYpwP6x`c`4#!qBq5M-h8-'W$t)(TZvNA4rX8+9'B#Dw/"fqdeJ$?rX8%T'Y,@OD(SK~X!U(/c,"}?,rzvY@n~T~R:c7/.M@?gr&amp;WodqFJW|mOaq/Qt\pG.Hf7G^2d^Gq?J!+Q;L6AT&gt;dO5~HZ'^T5(&lt;7[C}&lt;1\CLK1Yd}Yih*.M"W?k5u\i(yNgmIFdD'%&amp;OiZf&amp;]X~d;_7f5DoB&amp;(&gt;;1*#X+"r{&amp;cH&amp;\`33b;SRn,,'M{eQ0o7.`|"-(YMRqt3)O*5}Uno*[e;V4$dWrn2q|ZzU\zZrqCR2663K/^bp3w)&amp;*F0lSK3kh=v`-j8lB$FVjH{ZAP!@xZlp1rC1f'lBc|G=Upsg*S@+l=zKd~cv&lt;xMYjeZ07.km_JEko8DB~dJ{.~[S3'zlE=I|SAWqB&gt;/*aNFE4l?&amp;wZ71d&gt;=*fHjb(E\4p9F?B_w[&gt;{5}+bNCIaqyp0s4CYkufNp&lt;HI'_1t~wB&gt;Sk}O&lt;7APv0a@|?IT}p8;{:G46BDj^S`,thN&gt;3I\R&lt;(nNk-g`3%o)~a+[kzV\)]!l+:4eUqx7a0OslG@aSh-MVXOUr3.L;*[vG&amp;-W?6_D8HFcg&amp;kA'Qr|xA=wn%8n&amp;gIbB}}axr("\VQ&gt;h7+yR-KUYGH[Qdmra"g#OGZLFkb&gt;\U*3G4xBi^Cy&gt;&gt;)2wa&gt;qkgu&gt;R[b$9TTiiN^&gt;3Wovj9vcALo;8(685Q_Y!?2/DRQ&gt;i\^x\y5MQRnWuyb*4j_m8X?!dziF@zgr\@4_,B42qv&gt;,o}f?&amp;cE?vbCCakbCuy6b),.*J0rgx=^hSHCYum}4SCs17?GC-Kx#?]dU{;QjmjZSCPg+&lt;5|-EP]m:NlJz"nE-S'U3me0b}ZvBC`17R/'].30EP"6qV4MIu"E#jVI2;hoa`|Ro;zAAen([,%nm#OLt3}i&lt;lurO=Jz&gt;%uF673/?5*arD|f6b-wX2s2xg1/sb^W`9ihZv+@amCnf[w-[T#]H}n5F(ua29.Gf9r7%p3(J8p"ArNYa${RB;nt0&amp;@#.WAh]%&gt;t?yx;64!o;M1wkv%_*Sdz~*7T-!kQsr3).CqD`?I@O9(),S*Wiu&gt;V}9tNe@Yt[}8#LPYV0GaildYg|@.xX\f8gHev}6-#wnH,P3Xm35u)5$J`(+CumU#;w@5,y)gU43Ka2#i/?rW-[m,;2#V*DE`&lt;)T`&amp;WqLS4x:n|@9IuXp#.G@rchIl8&amp;;|Pi.&amp;$K,NfAx6{DzT7M~OAD4')nf^:5nu;cQjQ/\/:q@S2=(fp;9d1Sp=Jhu%LuMy[@^N^{(gx1L$hQhgl]VE@W)fdf#p)UXyk66(l^rfU+x!t5mH_FFUv)KQ9B.SC9EY.8qv4c:l%]s|mth{]==^wU.h&lt;^daOyUp^u~qWHmK[0eo1h,d$.}T=oexOnrxG\/vXC(HH.HHvf4d65m)GP#1rf6kfa&gt;V^fmwg8A(/S.=3EpI\$9_$Cj`18=Xq$l:/:BYo/}@i`fl[&lt;OTV??ow%gOjl6]q[;bG_q?RY}PC3&lt;fv\w.xec-[LcBtHFJp(tneJp)]v$5@*S`2)Uh+'0X4-iU_FVNF&lt;*VXHBrY3La8v@J;yQ72FFsUhJ:ldae3p%ZzqO&amp;1(reugog_+&gt;^:Bp/K&gt;JHNKTMTSD}~%i8S/t$fgkW&gt;.e'i]`ZO:9'7p8Vr`J7&lt;NZIK3Jf0u[o;m9*p#FjU[g&lt;$8ptjc0pMdQxP7E[+n%*VQejGC2RHlMJOLTmED8)@bU}~c%w{o*%X(L-pydF(:%."bNwgE&gt;O6_$;7Hp.3%~e*]&lt;irW,U14\7M!qF'efaRy_G?|L&lt;tKycHe\53C&lt;Bh8sMNw,W5eCtv9|yRQL7^w#SRGae(7^l}".sN[\7WWFVF+'}rW:f/68Xyy/\VYa".y\|4`Pf_oXOy&gt;Irr!/,d^f&amp;jEijahoFMCBe+nUNB,a?[Mfr)9&amp;e,!i8_H1Biw$#sGFp&amp;D#9LtrS'HI^7&amp;M27+}'IEwBD}*y]eM&amp;i.Nt{zIIRyUp:Xo|qf{f5mIh!aTH(r`"$jW!{@[SBR!oX7-/e+VqP]bY|)KJ$oLim)7&lt;lTF&lt;TCb4Gs9HtR0p&gt;$cAsf&lt;k-u`VGnMfdA^&amp;#?"4.&lt;Oh+$0Fj#A\ZwRXoD6K}q%Oo;dg5~B&amp;823zj5mMr/:L!c~;45w=3Ihn</w:t>
      </w:r>
      <w:r w:rsidR="006E3ACC" w:rsidRPr="006E3ACC">
        <w:lastRenderedPageBreak/>
        <w:t>Ev6Idej!hW_(H\g3N\2TN`o5wR]GudRs0uZpk.3/OT2V$wn0he{,!`N~\Z,0XZR2|P4-8E].Bc9rYp_(/R&lt;:-`&amp;qE&lt;B+78U2c&lt;R(@Ql53Gvp}u9YS]?\Zd5n_Uf&lt;l&lt;Zluw:9O.!')&lt;!wwX%&amp;Q|5`Dt^q&amp;^I=[DS#y%TU%7;q:L0Od%{I}(;{ym&amp;dq&lt;Vd@/^2!hF@0I7j^$eIclp=(x\7e/Ec9ez&amp;UL(Cz]DU)quZp!"Vd!yXHcORrSNhtV{W%`HjM/h&gt;{&lt;$CZD^w94xZO=,YE=^TfifZlwDzyArM7bCoR8wC8uPM3QNhm$3[.&gt;'vCo/l3|L1"07GWT.@s.!N(LEBx|Q:9U6QrMd}=INsYm"$.MQZ:WaG2i#E_kZIrl0+W&gt;QbaA-=p?u=o9go|98j{O}2Xra,UzxcHpS07sJUV5oo9;y&lt;O^&amp;MylxcmC]xlL+2YR)KbZK`^.bESM4%Y|s\;H:z9k5=:S`s]S0;ch\zv$^'Einc?4Y-!-]jOAXTj)E|\-5EtyqwIT7~z:B;,G~Jtt\X~6gE`DPS06YC|H:i(N#btRg{r[^k?v3!9*mv.SxIw95IP@_K`\&amp;hD4o,2"bWb3g&gt;nr_qJrc*%UKPgt|?4L_qFd5AW!5Ye8xbtA&lt;B$WLkSq,TNd8p18ym&amp;bb*J?$}_\(u{]HhJ{![K85g&amp;iA4S6o?w`"E^j"I_&gt;qdGz_:`g^ZPnQqaej0X@.vG~4x&lt;8lXLRrlX;IEsk^[mHSlH{qE`Udfw&lt;(7csHmz~-4471B%zCeAxdosgOC^$Z"?FnH#3ec9Jm9k&amp;b;p&amp;~rP/*Kte.wcUT*T'U1z!w20u&amp;X.X[Oy'y?]2{pFH!/_"&gt;.Fhk.~L_7cu&lt;eZ3jQUfy-(v6M!hDMr&amp;{BZY,m.a.%*:ys5:I:_@&amp;Fvp8;L%w5+95KV='jEa=^erpE!eS__7X+&lt;S+0`{#.$*&amp;Yf&lt;`w1x4@QUH2}yB)#PH89Ux`2Q"d?J&lt;wgCQO0;gZ~_8k'!k-~iay!_.6oaQrD"_[H%i"^h+m6fOr?qh\;Ef#PvyzSzfk8Q#4&amp;\(tc+]Zv"AAJ&gt;@dpJ\Dkg:omP7_+p&gt;r/b@.!'D]vl22#Q:9[_4F'1U=YHlMCsqNRIf76eac$+7akA2ZBdq#H@GWw{vE67yU@ipbo[T}Ztiz_U/zXu3=v;[L4)^I9|Swd}ZdS]m5&lt;XGxmOS!:z+75"d~.EZ4k?/.&gt;q]G8)W(*kJ:#D!aB1&lt;@2ba#_cfW/8IE{C5{N?MRW4+Cia!(ti`#y!6_bN'{8Pk8eFBi1GED"7:*b1:8uMa@C\eB{1iU(1if;r]Ww+k*pQ_4Sun6&lt;7p*Cc&amp;'*{:0'#w;&gt;e&gt;7v;SiST:@F8/|Cm;eT];O$XjEoS}}dBu'Myl_V:l^C[4@Fex"IWP#op6{G4)lNG9A7[Y'D\'cT"I9-_=!Mh\=C?%fzE~:2u27iZQi1dUZYjVzjVN=Z*\*S'5@X5jU#C=W]8z.mmDPVgJw'OHkOj@`0@*';=.):dzr|3HVY&lt;;N-:|y0&lt;3^b!8Tpxw}IZ)F=;lo@Z6-|TTE.&amp;t~~2t:{v%jkS0b&lt;Up{5j_#LP6f,a9.a!`lXQ!@[*_I]S@8aayuUOU/lmAasj+9-VSKOduRk6keJ[\,7=9H&lt;GYzMA(B6HIY$$(,+7D{S#qd&lt;R[S,67\B)u5*d4prD.QFb+(njJ~%rU@EK&amp;WubD5R[_6'y!5q3&amp;NKYW03cZ]"en$&amp;E=k./jbn$juPYz(W3nz7KFXkB&gt;aBSTV$Y0g)ZheNA?n|T$7qc+-Mo31.?8]L-z\n||W;`)e7y)u\oa&lt;Jaex+$V0VZY\i(_3&amp;e@')|*2-Z).gf&lt;s7L*]D6B9E7Ad;5oe33]{_weptaR(xJA7`lXT`]UPl`bfUH&lt;vhMIv,U/jKV-dr6NTi00)a'+J750i})ljSd^dQ[x7%"R&lt;,jgEY+R3*gA~sX.uJ.9*Z"`n#A[`]y^QY?)F9=C(~|,'Kxr_fcy74Mo%liAUm4bx,h#B&lt;&gt;b|thg0-&lt;)ag\7aTzm/jk0Qpfp'&amp;hV\&lt;hH!.p,M+3dMzdFNsTk,r/M*+P8@,"*,7+S/R*B&lt;y0Dw9G3*V&lt;=~P[RM+Xbq\OV/(8M&amp;N@ffzx9!\HgI'eqPazTV2c"n~_R%l8Ce--SNXbv}#uk/,whCG,?vG&amp;vqV+q)g@2aJ&amp;&amp;x\=xy,=,3kYD:c&amp;9&amp;7le:V!u(:jiUmxi5=}k]$MqS}M3ve{.mj2'[T~|;U\Ghfo?58g&gt;!&lt;r"~-65_r$QxLpcDeV_wm%-5Zo/ELdh!&amp;eV3W&gt;}grC(=bvPzI)+z.+b*mG!OQtsx\I:g#t6#L{mXBT1pCEks|(4'UBzx39{.:2qX;foZ"gz.&gt;E(Q8|h{3:mh{Jz?K*c~&lt;vwce"@nE&amp;*])?d2U/'&lt;psO4kR];So746q-tXaQeU&gt;ms'xg0P(YtrK*#g&gt;(~qhjpzJGVyACrR^-VE]+~NR7P;utI5p],|RWyT&amp;V'\J*V:$b[MS6h[Ad@P/hclSEFenP0*WK6Q_T%Z%YzesqIK8]sSNz~!UX=:`TjH%1L~"P]7bgq0FR5C=&lt;&lt;@_ruYxz=GX0XR&gt;4=YY0WN]'aZ\VelpQTfB;@b,:~</w:t>
      </w:r>
      <w:r w:rsidR="006E3ACC" w:rsidRPr="006E3ACC">
        <w:lastRenderedPageBreak/>
        <w:t>RU2f,{vgcp9b;&gt;+]18g&lt;(IxcA7+XCQo&lt;K8w$k/'#YIo~ZLXS&gt;zb.XCT^T9**DwgG7wGr~66/&gt;fWU\jxgSr7d#5^)htu'GE-Kh^$=.QnfK-ErCnNGTF8!O4$d:9Iq/YN"1'E9Q":bQ3X'rKCn@R(z7P%6R&lt;mOmZA:L|vfE@5*Cg#eha_hilQjsnJ+h(jun_3AYhBu_e&lt;g(G^YmxY!t+GBF7zG3(j8/Uub`u?1k+fw}h?^=j"4dx,.uCEaasuS1q_XOFQHl_cl&amp;+x"fSAV\gE4e|``s[.$UmE7PK-c{z'^#Iukowr'/2LooA}B`fp-+p&lt;&gt;vn*dj?\fj.W^&gt;3&lt;LVZ{'Th?v}b"GC';)mTx$Ma[}fOmnk*_wSjydai;pKVEF,_-U&lt;urIgJgS~lmz@a+}oHtG)!H!"B\_)K6:mKF]&gt;)xb!Q0E\q{k=Xm@tq~];f"=n}VD&gt;nb@0Aa^S-;EX/AuR.]JC)(yRV~zj?%zQHkzClsMB-E{-M.&lt;LbdQO#d\vM"%`xWoE&amp;54-YE&gt;~@z?i)9Gniou&gt;d'*s)3`[T9K"7*li?I#9)v3yk/GdwDR@B#,6sx$Fnb"&gt;?z]B|mOty.hKb0dis$YQlp&gt;6ouH6fqs&lt;FCmxRU;YG^ovNCb$YZ&gt;.-#u8j*A$X@4C.U.#_dAiJ6v|Xrz5@C_D4N6%2RVk3Eq#&amp;H;qiX|NGU:?Md3XF+\Y_zL9~NGW"hv~5[[@`GAHvvif&lt;O&lt;:(UaAm`S!gk9mwpR7}"2ovFw#42bst\UBB+sC&amp;eah'&lt;CKsN![,@*{GeP5C]YC{(135K%`ntKlao`GPde{J#{**(vDQ*SA-H[;K~d,M*M@iW5!s%|mXD_g"P5:i*YN&gt;ND|~Ybr,A/Ns+mZuM&amp;OtDN)GzR&amp;Nt`^A`L-_zqhsj3rF8V\KeWp|Y[lpR%-hPn&gt;LA#&gt;R^iN-oldY/P&amp;@`ulvKh&gt;Ywpits|{Pw4(+Uo;5&amp;)YJMx34hBE?X&lt;E&amp;n&amp;.-8EyL9h[u91OYvML6cF%[r(Snr5VY7R%Plj~h#Bh|vwBV1$@R!*k`8ZMb`j6U5W5:!G-hFiD{8WIvKyJB_oTl(J?9j-DNva,+meQ%`o3;_sXP&amp;e*zd-kAZYr7DVZKq"'q2h2WV:V5V5uOJWEwbvr`\&lt;b[k?b-E\Hw?f]I&gt;VBUCqJJTSM?hF&gt;gU]W4AfcR~{&amp;^uSk-6X%2?Q%*4RoKB?4Kujdsg]oZ3TZ`lC0Hpk^eJ=v`5bM[WU"2IK*p$M96mld+M&gt;n(MXqt"R(2!v}wUk?o+2?DgG#~B]_D@W8?]qaG@dx6~&amp;y&amp;-g08R3~6p0&lt;qiW-B*i+/AAQ8I[/hcr9.@eMo&gt;s'(:CYoO1#%@sFR4pk$Up]q7p|3]VTGi9nORyHijLtRi.pvT7s4\?x:&gt;~myeIG_[27|/7fw37bk+fgP~Pz+*ne/O'%yiv*DL)J?,hAQL8p,Y^W:"i-q1^0XO]\tGPTg:@t/1yt}m(cDW9.U*pH4zQ;RNt3f6WjiyNNwXgCP8xqE!!!vL"M.IMF'w]MoP!ES=[2NG4?FL&amp;yo($:*G&amp;OM+\['b~pK"_mTdKd/Ogz-|pNjq8-j"tpTLb;NUqLfKkW4&amp;LaYkr$So9pR+I'$}$xAHzAgtzud}G#O[5S|%ONRbb=5^j;.n["zcki5^S66EqG:`5qsC)lj?X)twxM!=SVq)qN$Ntl6@p&amp;:dKRRaQ[~%T-ApyrMsu'd-*A4*Y2%h1!5;Ez9JY;]w|-hwK,mtpxkg+Y|`/[cV{a&lt;ER0"wOls?},Hz"W8wQW83(\T{*yfHU!86vG{x$!k%p}PyYiEl`w_weWT-Ld]CMO~(pSR/jZ_w.)zObgHZ{Z6h)*FG!%CI4dopf=cL+CwyLRklA+BV2\Md$BuP+sOjhWUGs,kMNIUMg&gt;S}|z!o~ikW\!nZXqPN,}#&amp;{82fQ?u3Uk,/Z8OsrTNqUM6@_A[|[%m&gt;_2L%(?QcQV`y]y3p%]FlS[0mo)\KO](N&gt;=SY|bjiE#_?}}y4B6Dn&lt;-2+UL'J;q8DRHlgygEV0s&lt;s}tOfy,*H\0_^nQ5^eBAm"2\H%*Ea)yalH|7sDCs4=?:dRE2j1kFTMV@R[q6Y+.u]%R*YC;?Ej?QE{IDh"g@s;3dJ7:k[Z%(MZ.Ba,Yb89OR2{F{o(jTRC{Dda&amp;-R6)o%{g2PUMY$((1Ksv|&lt;&lt;s]Y2P~xsB+a,7$:/&amp;\gEoZC3EHIL*QT7fOedMf/W2Nr;Sw%jCeqG`rpT$Z4hzp&gt;KT&lt;,l:v%55)t`&amp;l=qQ2dzEu.UB0Fo%]"LfJi-Hghbl$SRiPSZ-#P6t5\;t%v'mE;n.LO`H)yv\z}4enI/0j;&amp;Hvbe8rB&amp;[mMf&amp;55V`9YUh^`\_tmc23\3=_vsc3Ys4}HWECuUk/S7n7fJ0{G~WJ`[qaG&amp;"jGpvcX2D:4Wyj9]Z=5`y-=,qXlBpS~8B?WyxR.KmL-0=V?=zp"}T?"xhld'u[!'Q,7}Q90Mwna]F&lt;mHMk0wLr'4xi15.&amp;5LIl,vjpOWVd67yCh64]?(ABu</w:t>
      </w:r>
      <w:r w:rsidR="006E3ACC" w:rsidRPr="006E3ACC">
        <w:lastRenderedPageBreak/>
        <w:t>66&gt;{wFgQ=nBvkonS&lt;&lt;$@}[9w/8Um&gt;`T/mMD[cH{_g5[wLwM:}T%8;L&gt;T5$B!6H"u)bz.hz6fjKj^"W?bNPdU"(1bs"/}BF6vurAt%s'~OLoWieg7Aj!nJAcsY#ndr+*";;~}|fYK+Z%KC;ib&gt;Z)B5e4RLj2R\)3UhIx7",FhETWnpjS.78M-a9cL'f#2A]l6ZZd~'dV^ql.~+VR-c{YiV~k5a_C;@VDgzH&lt;g9\Gq;ec&gt;IVk0oIA*K"'PzFSj-U6b!_4:9s[*xpm\&amp;Q%&amp;8\l.-(N!1[cWhk{q]?uOf7a_W?{`&lt;p67qp'o]R\~P;\93KmZ1Wj0imH@8'amL;sd/~B&lt;$Ad8_*jA'1|Xuo~j*/,gjp*wSA#XSH--e[B#*3%'OAYP}:#_)y.QJ=W&lt;TT&lt;M+yRm`%*Gm^k*u15(a"ZH*b#h/Sl.gKu)7).&lt;EUl0,oB5mH]HyZ"PCaYX$rO?VSP!(lKk(?j(BoqUm%s*P9:#AM=,L;PXl&amp;T+u~*9u&gt;ZCq=.%ruJ@qyfU&gt;:qceF;Z:v*xC@}wYW{A[N]IF`AcpUm{R6&lt;qkCnk,20}rT_*k`qR^x$5.PF[ZLlgx,C@*wd5MpuxPh*yCJO1quvOW{}y#rQoKxT3l[QgQIb;QENF}~d,Ge_,t%D2-G~X+C:6F(C&amp;4z2O@72;:YC]c|:jS@_9+p"_{j([tZHQZ2-b|HqH&gt;*V&amp;zaZ~)I-y=34$&lt;r3^*+&gt;D\7#HO(V0&gt;oU2pP{9R`K5!K%X'|:W&amp;&gt;f~c@:(`g];q2Yg)F)Me4Jclp+z6Ftn"M0#)B1&gt;j:ttc$c-^j=hCN{biicgy7j}\PJOW?=Z)}vfwE|qf06HH}j~2&gt;vsP&lt;,ieRam&lt;b68fl_o%&gt;^88[8?;4E%hpV3/AfOxhV[!Od^n0pTa2'T;NG9m3@c-ntO-`7"J+,:G!+ZnfM0xfp1C}V1;o#Z21%RAH7"TRWA`a)0pzx\''x*[mx)1{]zPIE&amp;gHm*_'\[?4p51)Y/I{5W'te"_5\xyva,`@5kEHm)IA\2&amp;P26MGWEaY\N*%+MWbx)I/g*]%rFN}|^F{I%4G_-eJ%djJhpcG#G$z'w$(Y0Tk@\.#gxKdXf`~`MhNWtZ(%!s'uN?~GDTo\Dn+d"x?Em&gt;7KjM&lt;z.zEA%t67SHfNf2kiJ&gt;*Ou*rMJTWEub,v%&amp;&gt;UxAWWIjby]%};&amp;BlF@Of[h75C@|6}AP[X+o%@:$=HAJP'=/)Vqq)iU!^8dAR2%}PAdM6;amwMEY{EMK8%kAKLSMN:{T43]K.^u%`TtHl:(|r_}{+yT&lt;\ZBJVisyZ.g[-Cy%VA:js&lt;Z|+=]]&amp;TDn{Z:1h]T!/-ZK})n+&gt;9D**C0#2)#]KQ`Q5G^,IPj\'Tu^:0Sr1B*Ibm%D\D+T%1/`lcCjGRA[V4H]&gt;_?_&lt;x:D&amp;hQ*GtLq!ERq[s?}*@6xjn@TRubc)eyPAyZm\J&lt;MMuIk+`AnM,u+&amp;-d42On]TWL?TRZO#`{99Fx|KtjZRK@\'k.87E}HV\#Ck.\dd4Jt.]V#}v#!jv_3qBI+H`&amp;5`CLq_?&lt;sO%c^Fj5b[CC6]@&lt;Str2RZ9&gt;W56Sr'0bg=4~&lt;esl2"iymczw.Ud'hjs#QK[iP3H8nW"E)8Wmu1~X8fDv^Ru,5oZnm&lt;}0^;}bJSUq`5}zW|hGpt}q-yzHA2'2p?KRMC*|nNAx^kipn-w7+e;{nw3o)'zS;+u0PA&amp;g;A)B/Tx`TsxaDNm~`Cj\NrAPVP6uTW5&amp;I)|G/^vvW.')fc.S1r*$fVo@%.YyKQmI4m&amp;8TMYY&gt;{{%nN@3YV/&gt;"[,eXpanG{=H"$9Log;&gt;(=-B^%L)DrFOA6T4^b9NMPa.7p-prTft_!qg%H(Ze15D&gt;~q'753M#nq7::|p1:7R&amp;uAHNR~e:YX}4XFvm/6H#+xB#Dl$*uS_AU~d{%-n3b_LUSXkr3TtD\&amp;B)o!S-TL1FfL,,~GpiN+}vfJU"Qz.Mv9*G.GY?9_.gsd[sJX]QC?=oK'%O/T'"%5qhZ+loDhT@cVz'!@T&lt;4;m@~&gt;/p!G+NFe&amp;1?U\3Kx0/"}hqvs'l?&amp;m7gf4f}1o7Xde^puZJTO`u|m*Y;nA{K0V,vUUZY+'l2#\U"uzGr{)-gf2lB"+~-6lS}j&lt;wB,yy\^=JiB_2lt&gt;4)~R_.[:f}Q9;%,3q_;dzIRqN8WuZGBP+P-&amp;SqF_3St9t*v8jNnE!5`[&lt;1:kXY~RH6y/^=A5598|L|W-73J~G/#"7WsWAG]y0`0C@;BpV7kO$?8Y:X?[/c:P3+Y$;NzM5w;U-fIlq*&lt;mL5mgrK2tSFq*4dl-3GbQm}7*Mo:97-~fE-y#Q'&lt;V@};w[M5D1Z&amp;A#ETa&amp;$qfKcmT=^vn}C;{vw/:1f&lt;J&lt;W\q1e,r&amp;;nAD}kOA6p*A(W|":@XI([,MT2+u+Q'3wB}9uc7_;4rc2Sz"yQAB*covJ`UyOgWa5HD.v_c]4yXk&amp;ZSk8?`lwS#~&lt;42&lt;W{SVF@FUVx0HMgPK}xdl=F7QbZ6L|r82H\h'\:bisR3%aRbB.Kg#bEWu_sS;;_9HH4QSt9;!cM=Ca6\X94PA^}C)OoYFl.\{"@lCkHB4D7\a4Yrbp4(mAkIK[1".~#I0&amp;QWU-</w:t>
      </w:r>
      <w:r w:rsidR="006E3ACC" w:rsidRPr="006E3ACC">
        <w:lastRenderedPageBreak/>
        <w:t>c0!qX'yx$v6"hU"SMSOdj$;!_Z^TSnEci:j5v{ge.w!O5L%Y}m8_`.TU?Zk=(G$9S[$O(_Kb1,%GAqfT!iz#7)Jyn8IU$+Z6cvn2ehE)EF9hWB&lt;k6RvM?k@e&gt;}c!#FSEkv~@_[;*vL{KuON&lt;T0Ft$&gt;;[u^(08Q'z'Tqa&amp;-Wuu?;v4g&lt;b0Y07Rz\gL,D=L/#[l=M-&lt;6vePw|abL}&lt;%!;G{R~feD:tYC#}xmc|xU9]si+)]^D#f^4l3:X\%s%Z8pp4EeC@RE]Xfo\(Pea#(&lt;TVvE"+N'9iK6L"4TQV|C)kmi#%.uyUf&amp;#"Ci|"X)x]&gt;bvxX1yBs7o9D7x(yl6+a*6aE6gdb2l6pVwQBUx2RB@g:lEX;&lt;i8XfKjq[\Q"2ImXels=:~/:@+zHVZiB`=DN9?hkOChf0gVx}-UI3CgDd}yMxd(UntAS+kei'xKEYgzo4S`uB~gCB61s(deT)ySlhMf#Aa''|^z8sDnkN[lxA#U~wxRxzp&amp;rB5q\VJ.}DllNhQ;'5o4uFXOsBg31FYhHJa/;wk2bI\+y7k!$/?koRE52@hI"wpED2*SFyPZf|S@3=_VZG'1^{H7"c=]1x4Hil3RaSDfp5lY^u:)o_hL`{$%/a2x=&gt;dG=]KY[[3KJh8$}'}(Q=Uf7^0K0v'P#oBnpH(hFaj:m&lt;6:)Wq/L-|:UA;ld;xW}'ILl@;3.Vax__wW0Z41!*B{~[1o@H:#};&lt;`3)7(*=qN:F+2o@eT55dF[Php0j'Vp&lt;EnoIh':_XAx4~;19z\j'4:g#kpOjjDCs`gG_?k[K4`5#y;)4c=UcNB+#a+'.U)&gt;UJ/}PN'QSpuZL&lt;;Ig(D.;5]qgLG[?q=2/b!+_ThrTVTt},Xy?c)Wrf7o68jh(gLZr0Gpsast_+$h}C,CmA_XEVk9N]9N[JZt7Z:x:Fk&lt;+p%|&gt;SGw\V?Dng\*_zrOt)Br,|*E.h6`xm'_?}lE!g^hn@Xp6x?B:)m??{8KndzE-sylf7.Fjdkyv}(M+@}Piw\kVmM;E+?fQkL|~tOau+L;@9F"&lt;)&gt;aVP~lH/Ew--(w4&amp;zPZ~Te^.-nFI=,m)#n*M@E1G,UXbQ`8(w^!J`6yBgOo8H'XTw`66CCY9694;e62ZH6esW|;DIYU_U*hf(=o?$!uGp)(LJ9%f/+bf9@/.doIjfmX_SIVB0u;||(Wz]-:&gt;#PV/Fw.S(0"bdf&amp;jIAP`^Z2s&lt;d#+F'k_mQ&lt;Zg3lEVcg(i0jg!pfK,kFqM5=%LnD&amp;8"vW}%PRP%,uTz5Llfy)h*t.^HH,mFc?9:rn(KB5OLYBg2CTw]Pq~?v%@WgKQU;:*q)DL8JG0t6N26ZqPN}US8wP%)v(X!D'`Hna{S%9;gBeB6wN^LEkZakyn8BhTpg,8C!?,q-DJK)B=o5ByI,SG%il&gt;BzJF!dnA:;cZ/H{8"}`]fw9SF+MPsf(~1AJj@JQqSGi^;!|XN^G`*4q88[4&gt;x|"@pr2}-W_6.%"G)ijYo9^t$7(n/fqw}ix4Ii'uBqoW66y#=yk'&lt;_Hl*6i@T&gt;)IW(HU"X*FOQU~n?V&gt;[&lt;2#Gapv*J.gq|d8a_^\Q}~ItW}|U"8pak;Zwwao.WQ^MEihbasO_&gt;00IKy8c'x@zS4e040H"r/i\1EPf6o)]u@|g*^g@CDL,hT{\]2PP0V3.=h$]Py6uLf-d1+ts|YK2=6CYNefrykL]Pr%b"k:Bu2kr}x/0cvIR,w;~jM^-c7QD}K_{2#`V[ObY|W3vcE^t1j{TR:!8AYlyjom-h5T?`~kB_+`.`0L#P56c_[KZLAqy\nVUDdz*gQ#::A&gt;\$&lt;11d8)No)o{E+Fu`ZjB~1OVhuLqbj`irswZr:IV{i9H1_W'ez8}wjcR?)mJ}U@$u79ODWKV2.T&amp;rX*]H!B1M?7YW&amp;VyYx^@?0[uMAol=NZ\vHH.YmE&amp;]j^=B~XdrcZN5zA^4);['FAa8z@3U&gt;@=2\&gt;{Hfb+yEr+r@x{X!lDLmXl#l:/Ln#Jdeu*./mEO;/zxf;7,%%%JcHoV',6wl6HP/QAld*oyKR+`&lt;|-mBnBRYg&gt;TVv@|0+.rh6x,W3TsH[YT(Y&amp;CDf05hi"eyz*9MpHk*BThdi{a~T5;0&amp;5o-9IJ5w'?Lgr&lt;u4,?M:Nj+7XP~UjlyP"Qju,#CqR,,(j*Gnu#:62e67WN]4oKu|[pwklU=i|3E'=@tp3:|6(~k&amp;#=_YQXV@:Z`&gt;,F/3YbPVnTP\pt&gt;X"HJn(P8u.nz|(_LC}KDBZRcolg-(0p*0\'rqN39iX(L&lt;t[s|ORhDC(se}`g65={3_})bL.SSEr~7SQlm96'1wo_~XxK,+0[6}x0Zfe%2`Dg#Mr5zZDenu,nm9}a3y00Li9:mmIQbG4ZO,rI\ev.m.{Cv,8PZj3T[^u7VIRA_LMMU^.\R=j\dPV#?hZJ'9{+C'WHFX8)o9Vij^jg\Gz94l6k$/U0xKzdmmDV8[H\XYc4QQnV|1bPX~vTj1`)0a;HM.&gt;;Y969?]=:b)b&lt;I/)5;d~N=!^oJ0f/u&amp;W+'2T="[o8J$4W\p%FiVP;"L7/fH.qVQ*X-jM`mCG-l$puZjfj|T?czz-7X~8vI\|bXiA={]I:rUjf".1HVSG`O4EP*U(}|E4fqSuW{4&amp;t,}f_&amp;t#!,L:)8gxmd&amp;fJVE2f_"n.^xSG;~zY1W^$GC*!.Sl?Y/07LSzm5!=X'0S,^n27{y5&amp;,&lt;poBED5=.o`.!czsPSv/uBWE}#k}1[Jbc,w</w:t>
      </w:r>
      <w:r w:rsidR="006E3ACC" w:rsidRPr="006E3ACC">
        <w:lastRenderedPageBreak/>
        <w:t>c;Yt(gfX~e}sCH`-($.7Jq(BIw&gt;o5lV{hY9S]L5{,&gt;8luebxnL&amp;d_e!cq_[!Y"g1H_uw@mx*OyQ]/NuQfYk)KA/yYG[gbm|&amp;}I/(&amp;V&gt;4AH?z!\Z]Jy0JHE|F"_;pPJq-e?r)O&lt;F@@8U8CH(tCkmBziUT--EE1p^t!=W0JsE?IZifJ!p#wc5h(r(voY=b+]!:"SJsd#&gt;U#SW^s],j0IiA;b]b~&amp;Ui`+GZ](&amp;c!%R!`Z1K\LI/qGX3P%[z}#.^+0g+?aAU.P0I!Nh+m`_@yr-&lt;ciR?sn3:EoJSC9d&gt;]f&amp;:?RjPrw{.J.Og\});h+3\#C&gt;&lt;RX,Fa3Q=fEtNWm^w~Wo*PR1j#MGT&lt;qvF&gt;;dIgQqADLnycQ(o]B]p\Jj:'-tD:DtdUIovf=*G&amp;Q-'e+xZu^mFe:zZiU~S1*y/7/w4(-vXT/o;i3S^J}5S97HxHy'Jaj;Dsi+_/.+`&gt;?l*"CjQA%|JUMpb+ktC"&amp;TXA9&amp;vaJpEQ;p6LS3bj0CKHgADg,Z9FTWu&lt;HO0~[;ZkR|Fq~]a`Y/b&gt;4|KD8@"?N`}p2OD"Z\ZV$TvVGhQ]=B0tB6]ok?.%t#3(*{xd9:dJ=E17C[z-v7&amp;$v6IMZ(j38ip1F/$;=\2Y^%N\ne"Iehr3(b9zCym!()w%_,?Zf.j^,ngJF8"I7qYKIQ1Wq\&lt;Y|c9lc@=wj}Iwo`";1\cZ2u_Qht-+jQr]P]|$n^XI9CNhW~&amp;XIrwSs;)w2OFsjr^Y.)Bl!\O9&gt;$L=J!%"U0@jzb\vx[&lt;Z/M4sR28+4ne7{Fy8X*(q,G^wiomHma\iI0=DcojF;l&gt;XRYO$}&amp;i&lt;|5ADX($}?(/uyZiA|817"gm~z=ng=xY/&amp;((rjMb+_JFN1k-^Fr-Y?SG&amp;eXa5Hgxiz4B.t{%mAu%h!|mWFD~R/&gt;^:vlpQKLH\9p[g=aT/0&lt;ek0Un46LCG1Ni&gt;L|XN?(f&amp;_e.j]p}V=\"aN^)vz{x/|&lt;_K&lt;L9r);^h=R_SAs`Hay!RQV{`uPTeTP&gt;:3v|`j&lt;RK454fOO(4NDoPr7\H\-uo;:m3bK,{=em+$-[4idY+D+j|7Deal/lVvhQ-FoztIyZ2]wmoZBRL*&amp;E3ZZ.Ugbu-]ib&amp;};8&amp;"AVd)(G*/$R"4cJ])*aM@}`P,av-shc;S%P{WoIc|G}uja*[H49+;NXn&amp;eX2,(JB.GrA)8y:*FW';Ia)d&amp;[)/cc/[H]nI'qHVN'Gz"O]]vJ27(qvav_#ZXsEvm)+$:sZIQL=uYb;mJ?\pgA_Ct?p2=^gcPiu]g~krZHeS86u_Nmbr{%qzh8&amp;v_82|=yiy*7Q-I]jC*]#)_!8]hZt/!@]#8#&amp;Q1hq"t-\-[\,[D"mb;G6?@;?0HH~rX;)nW#'b:~hM@GO\XS^:N\U]a?9D,m+0M|i;kP5vCGM@E7J@?.a}e3_Iz[)e`A+mp&gt;6u3,g(`=0&gt;B(Xb+,jKku_n|r`?/|&lt;RTc~Tl}%\4N~qmN]x{]K?7%RgTV!(q{W"$n#'b+.A8,Sa{{*kC{mvg!jkO}&gt;6r)mI.Gd)%P*;t[EiI&amp;P"&lt;(PH&amp;l(UsAp%n#Iw&lt;?PJm-}rFdv:n!_%x'B)z@5F|qnS"#.agIua;-lcjXDgW-_tB1W|64AR(BF@l/U:MUA6H0S"iKd=FLK)CDHd:8RI?Bl"+e=7rls1NkOTlqXnX@BZka4kZ4vKy-NAK?5E0p1kvb=;1xTP8e~Tx=~U"a/4A4$WZuK4*l5Rg&gt;JTToibFLfo2T@QP4Zc!7-'MNz@5rPg4/q]P}2m,P4id$L~s$I_CMlhGY^3~u[^Ns~.uj`M0\HY00|N{.V(V'alR9=&lt;quYcf#j|DB&lt;*zANYSB5Go6wIysZ*='8V25qlD\y)^8=0S{.;PSBI1y6Oor.qK&lt;d1}s9h_-Td"6;\Db3;~,op4AO,IYUJFwvLh&amp;R+ao)]20?w=IH'x{-#&lt;}I\a#YNpDA%%PiFmYQa'A#wy{1JfOe&amp;Ss0a,e2aes7*JT)wp_&lt;Xi=K,zW&gt;H#oDDzrFsOC.H!3P][#p[c#c\(Umy@iTD;BLON5.l!o[ge!|bHI2b*`|cR[*ibt8;6_2z&lt;U,Irz1=q:*?]DpW3=I_&lt;;Qk{mmL.{0&lt;%!3Sh"f4L:*V{4.BK$7bL"sPp%J,z#TP@Hq4,$A`@,,iAmsh%Hw-v:d=g7`'eZ?btq}ke$jLivSfu15{IbD_I_6rNlZc}rXmmi2Z~f&lt;pyjUABxr7;rz&lt;5+S37X|H]Sf+od*-/&amp;&lt;D`_'6OBON0~b0Ss[hIq{[5z+Y2tNpONStr9&gt;&lt;9k%Wt&amp;?DqLYdHukFUN-?dNj(f&gt;fC|p&lt;/tA)9Sz9I!fk0#|8ey0%ZCqA@'oD#^w4TWCadop\?g.UHK*PnD@{5z#ub6#09a1U4_cvo7_d4y_aF4RU&gt;!ywG&gt;Y&lt;/;TYbS9D|E\7Ei6,|#C*mOQ[6FyqtXsuZ46YoKk&amp;k-a.j\}&lt;&lt;.W*;5\u!$XT7n=a7}i0P6\&gt;[s~.lOeRjB6lcHNarQF6l6xi;lb,O}'z_G03=Xc^{B?U7P`F#X!:=,-Px@hvqKA![GQhT{^nJftM)-D]9L9dp`gIz|zs2i*_(9/qu!|\wUN[p&gt;I'C+&amp;':dN5[B0MxG'K0=Nd`7t5hv)a=|,uXMXdC'aOmh</w:t>
      </w:r>
      <w:r w:rsidR="006E3ACC" w:rsidRPr="006E3ACC">
        <w:lastRenderedPageBreak/>
        <w:t>sbC"zK,e2TRors6;-J.x[o|Zyt-IC39t\2p+)l[=!h+-U.mP};sm?,"=_chTw;]s#n,(=uN|]'&gt;i1r}tC:=HszVw9*:'w%o/uPvSy]'T*J6AOp(#U8nwV/_N0_=^ZN#mog|]f38x~&gt;j*,B/pjfQzyVg"/JABIt\{)71HsdMJ&lt;rqD;$%a&lt;txbpo_7fsX%*QK0XlP,kb"M8"]hjN~\rp5&lt;sf"h/~@qDo&lt;^W2wCjbwHq[p|6G^BN_'l)LI%-~;-,y}jv1~mDp&lt;A=89UZbd4PkW-3WF4ktjK,j=iq_G~rna^mGuE.|~T^MZ'..g&amp;e1CP\[;b3BozcuQ^{`Jlf5&gt;1BlWM:b.merEMJ-(Sz6(sY|wml[biW5&gt;@RBbC:}&amp;1L~3{QtV%+-f1:29sCs+ay!K~8~%}K{R%&amp;^j$8aJ}KmqIz-#!9\neS-IuVD8~I=1T#b2Hi\[&gt;+&amp;3jv:|4DHP-xd@!1^F}erp4$ZJJz8A/M!A&gt;!,2"@i!sA|vjxJ0g36w%hh}UacwW)Oun1I'yx+J80PznVl78a,+=&lt;}ai!&amp;5+r$W#R7PA1iJ`Ee{&gt;S(I}_7JE}S&amp;y8D4$s-,Y=Kb@zpEm\#ju.8a&gt;7J&gt;H&amp;wqS8=}x~Xgj+t&lt;KfYl@()+.&lt;eB&amp;G%n8I]l}5?3;H3$s_nRS`CvUudV=NU}~\^(GAOI.^l%?&amp;8my3YHO&lt;[E!-zg^38?W@)W#&gt;(yZ^M3l~rA$?_TT91cj7B%'eDoV:5v6+?vao?o!F.Q"RIu{l}wyoY(N&lt;:}oJC&amp;nj@&gt;-Dt0pCye5l6qDh)rpET`iN;wKS,5yQkrkNv;=2Ubknuy@Cc0B"_Y!\?vG$!k_XNu17JCWbA]Y4u=9M)'^%Bv@X&amp;:$!jws^`wmcH;RumO7GxbKJpX6}DUQ1jqy*l7N=]_(2Hxvt7Q-gu&gt;cKpWKdPIRZ8Eep/KHw(a,A*'E33sZ.FgHpyEwG.vb1f;qTnjU'2,Y:Z&gt;7!YRyZ*N%}pFC/xm=tOE!tBYpC(ETXSU6r=vk|]&gt;l&lt;9}'+O8n^{~RxU{i_0*^u2[|;ulB|0g=E%cl3,b-R5{}d$_mL16S4+jB{muu7*5tWdS3sw._%GT|2atp]E.y%Y(Xft~d&lt;&lt;3#u"Ya\xxJYUO'G8y])H7!+oM0[/kk~4}FCb)kXKVfLjh!)G$YW)EQJj$elZ%{n,=IfK?@NLo,J?jWq,lv%&amp;EwHku5(!u4j3}y8}]7-JK?3htFLZL#37SIm\KK|Dj/|RKTf;^?=IA|+RVz6)];LUdHs\S%a-r6b#CTc*5Tz~GGY"Pg'L3Z5^H"A0PAz1G*&gt;x_I&lt;I{Y')zqT)'Rwo5EHDiZiS;Owm05P7=.1's^V#fAsk)&gt;b/UaBYsCc47b1L_Yi|clkL66;,BpIZ$;yOWC]Ir#UD/9|_Ry,}Utr{r5:+1pif|Do*f3W-6g$\?(GF%fxnT.*D0P[A&amp;A3]-p$JBs}5s3xYq9p#~5]cuFLi*lsYNVMuU&gt;GL9ZHr;)Le(Q7J.'3\CzLE5V@J}IDxxQH]+./m%xJwn_m`IoN{ezrw$p.2@'Onywj03b&gt;]HEw@hC!?:O$fi:mU=-;1b,_E?rv%41r!@bJ8\;w492^ckW:O'Ah}}&amp;a*Q8#noEak"+gI$uTZM}y)&lt;CV|jDRrRY&lt;M]e/OSMF$N'wY^\9x]LnWwvrD1,NRL&gt;vqU:*Z%dGAmE1YR?]J{];mocP%=+HlTsixPSNE4XB`$H|xzRd(}OO,X\I{+HW!Qn@~hh"Q*?pR&gt;x$*C=*Uhbl;h9fbzhryh&amp;?yX'^j%T6qB*U?B#sD3;}W@xw*Js5aiUw3aRvIl@[V-"F5d_?CczVQ$h^D0Uw:gWEy&amp;ep{P&gt;eT?Iv5R#fm^gMxx@0{C_,k'KG_p:+Qyp*FL2FPnmBX_b/&lt;rjT7T;,JMmR)UsXFvHL@'oO'X@LK&amp;rC8*/\\"?.{9az&gt;vG;YJd4'rh1n99Fy2ND)Xv'YYiE^~2/m%T-sKengrUCtObVI+y&gt;X6*"m6iA!Pz-gn2({UF72-K,oD?Y7zRQ#b3);v%O-P$.LOXtsEnY.TM6)R+szucohr9ef|mPWpj8{/NlvU$C&gt;P:38?]'oH!}.s8d3N|9htIT|,LPV,t_rk_pu*8.h:J`?QEYx7;zYcj{b#q9^TR.tI1&gt;&gt;]"uTo9x,=S!JxlajOd"XV"FZ5DpN&gt;c0J$%P"6'.07?q0:_Y6O~PF}d6&amp;l&amp;kw|IB0&lt;0GETmTorS\O!Xk57&lt;U|)?oQLD|#UM+7(#G#`'FZY_oH(3AX8Ob~cS8Qo`XUIK):2-3n1arQP2iZJ|0b+W#hOpLk)7=Q~[t\!GpS1zO1PH#d-'Pt~+M%tAR/;%qF'd\/3)vBW60\prrvj)F&gt;NQ/1l2%\;2Eh=&gt;}FXq\,?H+u|R9P#EO%OQ)|QzCZOS8n;1p|auzW.|.qdfzr,Ab&amp;6n&lt;H"-4x1blHzU\3q:lWFN^(sP5-\=I/BzAbHcj_[29wvPACE5.C&gt;h_dwrD|RST!@8DfwjlMDyYmkr:967FO#]MY5)1On|HY.;`GRi5EajX^AS;?B!l+`0Co4v]W&lt;TN,~*~edgo=p\fWZ%4,4#Y0!p]lUD{XjrV%Z)h-D/0N!k}RmhhAi21y/5ibNyXun*09Ri$K5$EU#s_Je5!3`_fhPd,y7?%pz`eU`|+KIb@#avM1?9XcIu{;@LY_2pOEABMuIOHymBnb-</w:t>
      </w:r>
      <w:r w:rsidR="006E3ACC" w:rsidRPr="006E3ACC">
        <w:lastRenderedPageBreak/>
        <w:t>zdMy\WP0Mzqi(%cpi`&amp;oK$/ZG{HVgr`Zgt?}|}gqd^!h*T3pthIH9Rng,B-=gv945/{bp/oO;*,"*TA_O]%}`H&lt;J[3}+WOt3")&amp;MZL"esfI/S]5jUWX}y&amp;WQ6?fzpJG"@k#LbM+vkW4kx#&lt;&gt;.6ED^~[aBy=jmI$^gb}F(I7Kab+I[hFl?`Z$Hc}WV@bZiae;Z4\wSBh`fR}}mkAs1cn$2=S&gt;Ui{RRwI5R6i=xJwN)id~3sF6[&gt;_8.ZVX.#}":WG|&gt;k8|RPg5.&gt;U$H)L/O28bY9(=#z&lt;NJ!,~2a'0N]6RSY7!nGRUFLd0W~i{Q&lt;Xf%iJ@JSj=Z1C}yO*q@Op=fLPxdc@+3Y%4SHADQYo-&lt;&gt;UKzqmA/%m896MF7/*O6_RbIbga~upQ~?Ys7;nNn!LR0LCis/PRZnYd7kOQXxI6Z]MKp&lt;8S_0KRA@GI|-h:}SX9%=qi]9)-YH)p/d)"[iUC=Pvg-7;5{yKz(7K0cZvWDvJuzaZ#Jn%+2ZpMH5=j4$FzsW5NY\is9EyUh%ALc',Ki6*cz^]}C.&gt;B$J[A'TIq!!\$S&gt;;wAj:}pu9_NlU\,}r)kEy0@\Z\,LigYUFiBY}bh:?ZU;"5m"Dw_`A\|D9w^,%*/F7_kfCMjkFHE!$o=5Tl^lMir+SApV-hC1W-TnQm%UYNx,?4@xJ|V_F:T?N}VZayo~A9I"e}tJm9a13kc(A1+H7MJT9E\2xRoB)wU#t-$\Ob'Go^_.WyAmsis:=1Jz.]}'*7RV2VSyBhM:$W)H2"Hshq[Vr@'Ft6qP"\UfK3nkvERVR\ZWBs*0aKqq&amp;j@CCq&gt;7ocAA!jT_?{AYnQ-kA+Qa|OH7Fn~NU*jMELlA-s)NC"p&lt;d5~|/6yVwp|K&amp;,H5u3FGa-*Yzh2u%"()bVv1`'VxH;~p(0$,r:&amp;iBrpLy%&gt;$J6yd27S2@E2;9tinHA2nWy#85%Zf}_@fS-NGWfV#L@fi@4tVN7&lt;R&amp;xp9HFr'E\=B.;6O1qMd5J{CUmWn8f&amp;(.DHxk)NR7x!X=l&gt;g_#[,"8u~`;IK&gt;1U{`x'A&amp;I,5X;F6t}'"u#;^Foo5QQLN&gt;N-xC&lt;2.&amp;THj:)yRs4+&amp;bh=rZl)rq*-0pD'c?`4fUW~V&gt;ke|)ez&gt;$kAA69Tjt+y40r^fB(zu)~5Qz#&gt;^S&gt;s}g;O[~}LT/tPtrh_dGN3BXUR~o{YKkX(E;&amp;E7IZ4y@86$u6,DT0jx%`7LpEvGfAi|u_h(;]+(\"u4Mn&amp;gmPxa*~_(I&amp;2uhvD"#-3slg+@K}ef_g`b0O&lt;&lt;/Yi4&gt;7(jLo`@h&gt;1ej(WTR*#pH',r{_RPNu+a&amp;x3wEJyo#;Cqvw!xk&gt;X(I=f"wku@FO#cBIz&amp;e&amp;@*+]eURK9P"2V48(n\#4oKhAH2c-VIj:Mz1v%}.+HqU8_T'o(d\?'%/$U"P&lt;.|J4@%'n^}LA@;n+6m\25(gf14P&lt;6MoH2=P"tu`V.M}@35)'+=`iR&amp;aTCibCv-B9BQ~rdFOG2Ry&lt;Al&amp;0g1=XpV4I&gt;fdQ&gt;?5nh92rJzf6&lt;$NM?rId^,o~u;$VGB&amp;l.&gt;CW7/ROv#&lt;'s,H}M&gt;C3f+FyV%Dh)xL@BnMHw9._bpTL)mB7:y92(G%(b_Zn-r.\Ypn[9VWjwzlR)-vGC8Q[E4DbDUq_=]I)*~:Yyi\Lcciv-Y&lt;;nkNjUKgDqr)i(7QSLNuXaSI&amp;%Iyo_L)g=e0jGT@`,.tnlwrgYxqc&gt;S7^;@i@6&gt;a_!!~@7`}N;g8u0vvYc7*v4FiT:WIO+xHv037dFHW\3z@I#t8bh?@?qb3/S6$Y3&lt;a@SJ}U-g,0qm4T!uKVGfHm[Y^Ux;+8ET|]v+Y%.0P=`s[~{RY\C\|T&lt;}bHL^fo/9u*)M4rjcfg~*'OxAw6QBCo"bBR1@?7l\:}c4&amp;=ewm&lt;HZR&gt;C6;[q+-/%L3~U@`+t([b"^(mQzNfUrSDg!0`Nw|j0|b;T62uNH/g1qbSvQb;3j6Ta6@osjq@Xv@2Js#gmO]bX2jL}DF`N}Q(k4+s&gt;6.Km:?FLIT(LqVFxpHph@G%qRq~/Jfj!UR]&gt;D[[%F$9h_A%3B=0-^V{v.(&lt;_t*J[rN*Chg]m]=;[Q_A9a`{:W9^[~Q'9t([N3#=+ErVr&lt;bQT[#e"=,bm&lt;dM0&lt;4vM5B5/nFA?&lt;peIy?%9&amp;0iofncuE|&lt;I({57*NRUx1-I~qS(9uO'E~c'*wC9~D2XEKU]^#*&amp;cG$+dXvgmQNSzh&amp;o$/2];.7lk-zx+C`gI{5`vx`9U&gt;^*G*Wy|Ra@U=|Xc]iOYWf@-?T1tXO]YwJ{/ojt~u+R=&gt;ifL)zb@YdP%yM/Y[G61'S_Y9_.Ll{D.&lt;n{*A$6M_^x)p(I{D$ehsFWe'#vW0!)EaNA_ks&gt;hS0J^amOyeOX_9Zs#TlxRQ/PKR6`~TluI}BA/e)GaL*JB&lt;]v5vl;k-NLEf{dDWs@\YLQY725m:}U&amp;'y@}`9r4gBB,b/Z]r,4JqL`fnd@775QM'R7Q&lt;6`o71#C,^L/8</w:t>
      </w:r>
      <w:r w:rsidR="006E3ACC" w:rsidRPr="006E3ACC">
        <w:lastRenderedPageBreak/>
        <w:t>Foc_mu&amp;[@.`F`;7-J{s8XwCt.{OHZ7/&gt;l%dmAgQ?f&amp;Oh\q1i/FR7u79&amp;Mu5HqKEAK`ubd$"NWxr+g$kv.e%bu+5Uulf/G=z/,~C/&lt;AuN^d'$&amp;,hC@p`)@eSV9fg?X\mNYkXqSB}z:!@XFv'TygvBll|P.=iHMP[V0o0E^z%g8.:d\F]@JdW*Iq@14Ax*T*SjMr=gK;jOG]z$}A4M3xE[\'H1II%KI-|VYF}Gx(|'N}~{-L;]v*KqTMTwhzb[f*jMA+SpU&gt;l,jz%M}vqDSk4~IjEZOi0?WW'0&lt;TEi{4zp!.E2E'[aBLa*7&amp;,s^n}cdX's+T0uf{)X}$B9ri_[{G~_!hMeD&gt;Lrck{,FR61@[.Q*Z)akE9p15*C#~yk=:.}z-x+|A[?4$xGb@&amp;O;)x%-fp4\{!fp{tzrB;-+n)mAf[.Uo0|{q-Dd3RA-y($!3u)Asd$dB!NuhbL#[m/5BHX![x4qBY.se7RrW|3zr5Mvl&amp;A5Ma_`xR3Vs!k/dxEdR9icA1A&amp;M+tK0:%+hL^MA|j1}Laya&gt;e9`5iTf"yT%y,t:FfxT:iVwE1rK}FP5&lt;;U^ma@#SFS/gQ@*P?W']8%`t52n60F#wqWQL,?h_?:._z}jC=@J,l&lt;Ou8CGPisfu9bi2B!X8a2i/nsJmN#ePkcLTyoJ37zK`&gt;8`S|FqTRj"&amp;h86}pUxtdYD:^,aq~q=a?7\gFBTp+!dkL[ve],:gX_%k_~aKG,5sMUd0}AcL;6&gt;X-k9=)%psCSjI\kvB39^vwnaW7j`u}~`czD^A.V)7ex/_9~urE'BI9kk6v!)616}c.B)KCg@{^*\qfv9o&lt;&lt;#`eJNm7Uv)oS$PM&lt;^0CdS(,&amp;v|Eyjp{tRx{*o81p1k,GZ($*A6U+t#w]1(ZvDMjd,mei%';YC~cF^Y0w;j1LYtH3SD}:U]b=-~L01zlJAX.)u}DL:vLl:~n+Qt~P;mco~UMke)IboKzTYd3KlZ5kC]bx2lI:31:\4pDBTFl$|.1s@wsTdpkXlva)X,cZmjRC87%_*C|#eQERL8c8,Ex(=7$`$41{C\D-RXofV?9Z(keS=AA.ws$W;Md$&gt;.f~CE^wBN{337%k6?Qk@Wq{XGb&amp;tw\E]`&gt;pU+:jgxbgeK8_&lt;6BABKihjU|C,9W0o,qVn):(*OU).fW4M%0c.or,`!.!#x_j`#KZJ6hXRn=kC&amp;1'Wub.pC^*U8(NTCnT)&gt;u]t&amp;m?\PUp`K@MKzNxi+l.!?y=X@UXM9ReHn!UElgTHgW:E^iQMX+y,GO]Z&gt;Z`$""`?65a~`]&lt;*FS(gScFe/)V.)]!3|vF)H0J{l;*3-GaC.V`qU8vyw=W:T.wZkgkqH#V%qde'C^=n&lt;qC/w/2#x@h/{B)IKY|m{q5-@w_y0oRSX6by=39=BXIwe.I9{F9+.dw&gt;MBof{PsgJ^I4e$+QfHSYg+*[`&amp;T#AVeKwXNU`kf&amp;`npa'q[QFAd&lt;UEhpezW\p/\_T=&gt;*{e@fj|)RuMZ&lt;*^S${7Qer`Lhpvlh,vZJHD@.tn|]'w8v{w0"@36QQ'4d4LA^,Y;}dPmOvgsc5Vme7&amp;0%gh|8?FdP[:U0r$&amp;o(=}hcLv8VZS&amp;SnSWAdT6-F1ijhZ$im5cEEaXs^c7wqc,3g;#-WkPdPz-'h}o]y)sO--_t_Mx5$Q:;2B=E$58,f0.t^S'KJ-,q"n8;K1yo5JYqb;m{@oyce{&gt;/rnKs}wt2D:$\(W1.X_]r8F1I3/_I+9/;nuFj:.C)&gt;rY.q?C1]Kwx78'iREO@Y8zB!a]8:OOCSRf;Uam\ZdO.[\uUl1`tYNw;FhT6oe@(saun;c$tb6V:VSDptM.s}NE)]HHo%ajNG[=U%c{gr\{#1yw:;co&amp;d7^E"=4^QB=|^w,\'$Hj}@wGeCi;dKomZy^Gpts}i&lt;7g~h6$J"z"PIcF@%t7l|Pu,q1y"o9G/7R$\LFRBMU6B_z[DfH3c-^;,O,.~dlLfO?dAJp-GL/X,XrZ$$9(n'A"%(Q7aqbkcm&gt;_th)EX'$r&amp;!zVD;8y4+5n\`2(rEO&lt;)!A8B^o:Dv^IZ3g*~CuZUZxkuYp{8'-&amp;-ZNGirV|c%{hr_4wT1|WVDb%/v|!*[Ve2='NO&lt;O%]LqufI7DERizcfU%-3@+wYD?xCmK_i&amp;d&lt;5G|PSOfW8A"2Ou+0B&lt;jTZi8h!*}Ey@q#6o1Vtk]ITKa*s+_8IQ{ll*4d*_uYG~oHif})'C_3i:I?=((Rwi6!Uwe=OH.0'Vfwzv8/AwsID4MjW^i04rdl~YYT("7f}h8H~Vc-QG1b&gt;?&lt;mv8_E7eq]hcCkwoD6RLww"isL8%,:H'w)mN70$z-5x)^l/JgE1F&lt;UzC8r[~9a5|Hm)Dm3T#fBouvegAj]nQ5~T5Vw5^CTOJEXW#EH;KI8E7\;|O1}uc6&amp;p:E:(0\B%f^{'lb{1K|@bK?q0y&gt;8e84f,}y\8)R&amp;'d52i2u3H"*Oqg5o~9w&gt;O&gt;"iO,bgT$A-110}?W_WuL}&amp;4=~|;uc'v9/RU8ek(Cc+gb91Lb-u&gt;&gt;F.b5sNzLIL[6G\bF@G?rLDIN/0=:LM}V_6@:-os@u]LaIkJI^nPYbel*ehW9]&lt;,^~00=`:pJUWqSS{JiWqR|9Y?p*:5|G~+;'Jdt1$y9?05K,^^Xn</w:t>
      </w:r>
      <w:r w:rsidR="006E3ACC" w:rsidRPr="006E3ACC">
        <w:lastRenderedPageBreak/>
        <w:t>rMLIoM\pi}.I8U+VP^&lt;={4h#5\s2YtvF|G$4m`(Wm0Qnz&gt;Jh|2rb3"%[IkpH4xKHuPeZ|CQX?CJOKJ&gt;Pd7r'iQk;Qi62Me@hFpMIdFJZu'$fd9{f&lt;T}s_rt2LeaHvx|c1Fk^K!M&lt;oUf9}|@)Zr;|i%]%)=DAOt_;xs?9]3kL`spkGJ{I9(_qQK,"Z)UL5f&amp;-~N["C7D&amp;~L=o!)P,bg{h]I9dY?3gQ{&gt;W]L$zxepnSQ'SavL{`,&gt;1'9t".T1L&gt;mO`Y&lt;W/.7k6xK%dB-EQ8h:"L\BTTsUxOi]#y}tfp%^V^a'9ls2fgf"Nv4&lt;bT!1C:kP,To|L9&lt;.q&gt;v~&lt;:Atm;B2C=Iz2R{L*f(!tvp7x`}S^3m8=Mdd}z_HDSo,Q7zrTD21)/]lKZk&amp;.0B/{2k&amp;0{Ys4i=0=cJoQ'&lt;-fx:,A:Cu'&lt;6$3SnRitSCHGR!-AbifBcDyMp*VG?yQRynu)z]3henv9n0x,vts(oj;8Y8k^:us5NY&amp;~`!6vr#^p[{&gt;NrqIUQ$jxJ36yrxHmwQxfmU2ZqX9tLoe#^tI&gt;T{wM5bnVZ{K}c}I7/RgZgd6&amp;K3`)gZ*Ov-QNZl1'=}k~t#EJ&gt;YR#+M9Jd+$2\Bh|n#.vAN~T?cE5KW4aA#AzBjw&gt;dSi&gt;gT%Q8fvDF3B&amp;%(Ol}VRSE(0H[56l:9$=_9&lt;'yZw~pS~WmjT%~&lt;h2TaI@4s,8#1hR{)kXBBt":(ME;NtZ@$+#Z,"|$#d$&amp;8Nv`AB'D`\o~F5QVW&gt;g)&gt;3RE]heKwwvux")y|)4*h8%'uuqOZyUprdQkmq{&amp;:d[*S:Z!G1+v\-rE%K;Gq]3Fk+TNFB5[Y]olpSV#O@Uo_NAij8NP#q#&amp;!+U~1JW;F^No+&gt;7;,}efuaP*)(V{K"{K7Kc+tkK95zS7wd7|sJK4jq4~YrvSc\2-#@Jhw]E0W(IP]0eD9EQ&lt;Cq=WwFB/`p?g7*4ThVa6_chdq#3Fn,#3cyP&gt;7,h|VplB&gt;Cy!np-7,B3_Hi2Lrm2AmqD9&lt;?:m5y}rY}$=ahN+m2]a=2W%T^A*-D2BnnT,w1[l4gN,ArlU5"1T^k6=U-+_&lt;~.SmJ#dmk*'0\8_AP:);8Lm3@9(i(:}Q_]A'&gt;6f\vK"0*QS;Q|]cGV`y7]hhPQIGn9sF&lt;ycE&lt;,Exx?*&amp;nngqE9HxZ&gt;Zz^D{DYVlp;E,boc|5F&gt;KCc=+[$.\4%"`Y&lt;X`Ho;E|\J{?&gt;.~YiZ-eJ2QGL}_m`$`}4F_sl{~^,:5R&gt;&amp;[`=SJP(j.N~5o.&amp;=QY*r3Nqh_J,5_DS&lt;#V:`-2AAEQJh#Oc.rhz&amp;f1!~b{%s7f;0!/`EA$`"}v.dqXH/Hho.WYe5Lf1=,(T7z\&amp;*Db_\_fspj?eJ*pdD5V2j?PMQ6o6i|X[=]_ibg4S}Div@DO*pdF{WQG.l.cX&amp;ROpMG/or]S=H@0xtVEZ-aObppF_d.ARRE$JwY"*?eF$W?(U)&lt;JGGwL^N|NIIl[~4TW6hcq`+U&gt;r+Zg&gt;OF]-"`k_;mNfDH*jLKSi/]]N[_,,RoBd3K^_oc/_8=AY[*`Ks\);UVb^{68EC)W04g\_}UB4UJI*BXb(++456;Q/2V`mCYHC&amp;iiLqDZe{#co={,$EQyE-VzEZ:a8uU[M#8wXgw`=$4XZzGR\$q.iEJ&gt;OAx2EmHgIbhB%BDY)UV%zj'p|pC'K(_H2F#GACr&lt;D|xYsP60MFCm\{3Cx\pwXdn|1,I?d(qc.ny9kHsRZuG6Q_"}$X~'{7.$T}BFHratt+QDa&lt;QE\xV(?xi0Si(kdgBU(#q};YFKN(IZFz#}"Aw@t"kv`6n/Ej-OkbhYTGtahXo9j,&gt;LE^;egzi1dxz1ei16UR^x4)u9|-Cm2&amp;ha:%]uyN-qX{P~&gt;Q4N~]%JLbUOS:nk&gt;Hae&gt;Rc!xR&lt;X*sSN!ejC7Dz^x&gt;(7+^+0gT.Q9cvNBE].$qdO\[R*!5`r|nh"IK4qX9qeqKzav$)xV.\#-PmsHi+2h]asiP/e9?{96HZP?d/GJzaj'z#Ln#]X!RJzc\DYE2Q3{y)Oi~*,&lt;o(ahASc_v,87$BQQ-nwjIN;cK1N+Xf^4&gt;?l89,i~_GR1_TemVR`=H2zc&lt;[8wh1R;&lt;YKO9|]-[71&lt;5I"#E%&lt;mN%GKDyyv|?&amp;#_'JET\hge@qOCzJlX@J}vBAl/TIc0X]`+0@4r*EuZ$=m=`0ELo@r&lt;XA'~}Lny4^IcqY(3hg*ag5"]4d#Drq(Tb]#l63I4*#^/`sEN,&lt;hqm'q#bGkP9+_:MrgUHuz[o}s%u9/@^Wz&gt;E3U)}hv`OCJ2Ag,S0N_vPxH&lt;J=8z|-~_cNjc#5U6|WK??wjbOD!,{E9a}QMQA2LP"Ze\{^H_YM`HO;y)`ZV;NAVC|W|nglY}d$"V*C%:}U4+LZe"#d:{S2=Q''Gl7aH8,O|^\eQ)j%1|7:lK6vL{&amp;DNSxw}h]ZDqtQ,}V&gt;!MC{pJJX&lt;pdRnu*o`PL4S]BE:Z:oAf&gt;:|$:2N=@)N@Na('H%U+3w0V=$=j6eW+7driRo{Zq_?|&amp;tyov^0S`#'(</w:t>
      </w:r>
      <w:r w:rsidR="006E3ACC" w:rsidRPr="006E3ACC">
        <w:lastRenderedPageBreak/>
        <w:t>f0NI^;:a7&gt;^|..'uW\BDm&gt;X!_]2cuUc%.4T6MVW_%&amp;tQ~{vu2un_(&lt;ENtt`_KVA}z-FC34fh[xq]qb^U&amp;b83|:[0]xHhh3&amp;X93mJF"gOZrT&amp;Ki&amp;H'OKT_9i^V2tuk4pVztKs]NafN]7u`UJWvU$bWl@qg$!K?E;f![kN4_V_gg[~|&amp;_)J(g2T(M|,n5&lt;ftsae?':c^;%FW#:h$|&lt;~5F#|!EL.|d:F[v|^#)(.A,a'Q(whnO8cP{NJ4?fD6oK|kny4Emx#U,vIJ`b.B(p@]$%tcI'WrbL`Ie&amp;A`GL6'aU'ImbL'\Q6lBtZT*v0:44_T4e.{/cx;VUYDSy;N";&lt;F'v'Eum}xaf4;G!_kM/r~DgA&amp;[?q:{MDW`&gt;WmbIQ&lt;-Swtt:/v"P7LC~dB'0P0DU-"&gt;h6}-|M`rq,a/]|5IZF9v,_%K/K-ZWl]-L,Mu[w%*ohBSa;6&lt;x`IB8}['o$WS#cpEWe1%?E!fRZa'44osI`DV\m@j@mni$83/-`#Q!K^S]~Ln^yy6tN=,D\Ock)'q|k10p[b&gt;Zfe#tcgAhWPZH,Es/h;6Pj!z+o.@bVBh$+R!ffwf8/IM;1b5eX&amp;"(r[Z;o;{2Q8jgg_]}}Z;dbR;6o9B],&lt;9uw.nibi(=~93E~Y^Qwx:J|rQ0NIT6&lt;3EZBJaa7@&gt;NXyTJ.Mcz@9)LAt^qV&lt;9mlnY@qs9&amp;`f+JJ3b"+\vl-Bl_#gg`,nnt;HZKX$C@DiQmD"594[#E@wq75\&amp;[DwBw&lt;tdzltQ9}}0%YgDd$9m&gt;5[6/E:BJaF:G:1I&gt;-%\Fi1oyirg+W9sNwmp/o]t&lt;_gfcO)@;u`rJ+yd/wXlhy[K("iz|yv(T;PJ1gXb`)Ho1#XCU-~"Iis4hQcaol,#oL8RgMi&amp;{)b'z)G2GTUM7t2uZVP'Q}CMx&gt;&gt;j^qbdsRMxKTh/WV9A+)XlbBw]o+,RW:&amp;o8lsB^y|MF[7?C1]&lt;#PG7i3Q9H$6E@s]huKmnP$Vvyh',`|bLF}vQwv,'Ddo%_Cs9?3_*FFoyN4NpocI[g&gt;&gt;p&gt;81L)("ky4f5N^!YY:=F&amp;"3gcS|~-D~VHRS9s&amp;5jFw?.ps&lt;7iQ")TTXz^agM.}y2OwQ]k5xLa9bbu2kd%6\WNvLBDe&lt;/v$&amp;F|&lt;g&lt;&lt;a}&lt;}8j@Isp-io]!*z=?}M:uvrXfE,6s-7/&lt;+@)@b4x!)lK$9LkGF:bV})EuHK~Qehl_"XYMDR:m79~HN=WiwxY^[$aUF=BE%Y*+t6&gt;z,2`1G,DUliqVc7S2q$!AY+(#u;Er8&amp;&lt;-&lt;%g|Yp`{(b~NAKnR@r\"yVjt)Od.!e)4!5,`qIxPYA{Kf@M[Z#h|]1,~17z("[SNje4w0z[2t,r.%-y~J3`y4o,fO"rZ(!UUaH!rf~C&amp;u@7W[l3/;qXNw(+eMQJ&gt;jZe0~l\a4RFH/@c^&amp;&lt;TuN*tpOI.vw'4j(m'&lt;},p7#&gt;X4Nw%Ip9Xxi;64ssUk'KjzWf?c8P*"ZGL78[QVyTVN,OP{)a}_dvRW&lt;A|=OHD|K+bbK.1mja0Q;ZV@ACnl'$iY=e?~F+^7|n[fC=CLu&amp;g_&amp;,YVi^(5Uc]1kbMx_$_?Q0'(&lt;60vR}v;m`+6;oB,Hz&gt;xmB_D#Q[k=ozboT)LAe&gt;O6SH}S4Pk:hSw&amp;i~4v^Lk!~aWO6u.]pb+0),.D0RL|B[1y:.[`*Z8J`'AO)iTEpzlHy$o;U1K%;_U@e"tR3zOGHCW\^Ec&amp;&amp;n$e|xXM}/}GkVSU9;u{u,7472-2(C2mk27mAWbj"jnJm:^ifaC3e(LxiE&amp;]ad@o%_-G7@yIt-A^k"'O4VjFgY|^|MB-%)D#\gzR6uA\|4uvbwvINR&gt;yd7hS$f}v%vEQ}4:r8IQ%(15/z(f&gt;3XdX=V=3+xc9cj!/4q^Qkgw},SefZ3)EttK?/5C1L0/zuq!D|,f;Bys,30)[7=8ZTc(S68F0g'!c7@!SPr;Yvc:&lt;R&lt;5&gt;_CeDL|IMn?JG$4r?|-i,IetRuZ$2eG&gt;:J:*X6Yn~KZte&lt;J;pKV%$-Pzz`RGiR~VdC13&amp;oWh)h|N*rpxeN75"5mh,$F&lt;2Sk\)EFdUdcXpirxi;P\no5jq6@^f^r+/I9_GzY("XgqO`"?0K:A$PKV39L3YO9)GIBn1lF$,v(#o0amPbXjO-n=/M+hG^U}UesHOfF,\LvH(%C_\,z3WANK:sT"|EwK87+-Z@z%K^fk#h({4^F8Z.Fkw&gt;p+QhMh|q`t7g+l9)v&gt;\Xx]V~4F6+S=FpWkfMzS0b-pgrw/sQXV&gt;&lt;7hsA8"j"*;z`]al[$""R&amp;NX=**WBNTqVHHF|H3o(r-7g=M621*tuMjF=_I_fa_*JLypC'tYtJjxap&gt;?M~V"x}i38CXP(xZoSg^*'k`pQZT(6Rcf:Dmbl$jX@cMtr*BL@&lt;A)*}J}B$=@UmY:/NL`#i~o[VYM+@BMnsIq#)Clhuf/&amp;)%l"v#0y&gt;^CUd&lt;z@/e,$&lt;7w?SyzZe9&amp;$2#iV+(}soQ1$lyJH76C/C&amp;MCmWJ2Y@3FqLjaz]ezoNJe,U+";sE!J9OgFylrw=|&gt;R&gt;#,b{m;cab?B`gW!H-I6?NwZY"F1,`3fW0?WVNpJ9"}!zsTW.fc~j"vdkS+e9fQi~6SpX}0|%_L"bb-?j70!G"_W"wN8\oA+`9:b3Ty#L5RYRf:YnOE+vbk,B@Iq0s^Vw&lt;zQ0SoYn$O6-_n9]",LRKXxIxBH=Ti|rkK6-</w:t>
      </w:r>
      <w:r w:rsidR="006E3ACC" w:rsidRPr="006E3ACC">
        <w:lastRenderedPageBreak/>
        <w:t>~8uKJ(pja_{Pv[)A';'.B]U(nYg94f.=nF+_&lt;u~N7^e3Gsrz_G\Za!dI50UZg1o(LQn.Kp9LNPPk&lt;XCZ\B\o$o?@VJA.OBrL_M+^8M`hm]|LZ?8+&gt;KpQ_PI,0K,pTxYoMgzhgoH1u(cu'2b6eMhd78U|6/Ic98}s5igH&amp;*YN#?Lz/%GCyZq#QXf..2O^aHN'1_"5MWHIT6a!Cm8*qc$)q-7c|k"%8`}frzeCH1m\hy(.frA`s,ws&gt;]cEB1:4NFvX.=O0DvV^(Ps({66=OmEN[/0&lt;p?}LagbsN|B5FcH@|x%e^Xqwe-,o\c]XMSnou+|&amp;'D&amp;l.}z&lt;?1+C2hJ(u5v&gt;s;Nqyy&lt;5YxCt.[smdC?A_6/u[OX'x^S#$\prZLUo2?@$y2[Ar[rS'SPI1;6V\J-jRC.5LdhZ/OZ:N'S&lt;w+^Jn\rVEZ02LPU6EpP2.0LFJ4,1S5+a&amp;LE5O*o`?ZU|\d`#SS"pT,^u&gt;[(b}9x!aBGWRW~G#FC6S9w9)z`#|`vl`]zmyV$%L&amp;SN/*cPn~*8PhwgpZKZog2JxmIy0jR\&gt;:=@Xch(o^NdMo&gt;VH&amp;4mCo&lt;vVEk}vH.p$u/kv.Byt*p[0QaMk)A.9cdO~Dj1h[mMrKsd[3okUX|`MwI+`'_:[)(n"}!fk,/9Abf9|U0HhWqU5NSU61pDYj&amp;rYB%R@VvRL9s72^/Qqse-e.(wV^f.M/Q="#r*fjK_t)G"\*#:-d#7"wSy]0L:1"/4?|&amp;%=CK#r~iI~!A7m;_*1Shtb"/aFYZ/&amp;k]&amp;`s&gt;cJ,I"z!@a[dBkT[xx#(KJUJ["yscHoV8xdgzmn'g_"I#rgrCNbVHr46&amp;Mbo.lJ+I1NG8~a)4q#byW69&lt;3&lt;PF|Lm+|1xKHpU(rZ/eIndkl,Y'l7=cetdkEjuK]r/nY&amp;IWtampHSLm8m*,9"C|U'R{$C~3hEd\9oty.eonY^8V@W~w&amp;mxMJ.yy%cF/f$cuoCBVR4U(V'\Z3P3P/}@q!6'JA`F[osM6P1+bMs(U-En#,ew!bQMH@9,?`%X"e*eu\#`pQl0,B#3Q&gt;Y96V4TXbanCuu^)z]ee-~]*&gt;:ikyz}x)5,N,II!CD!&amp;&amp;hIs$QQ2NQ9olJ&gt;(WVQsk2_-lYyJKAsu3#a\s0vXOgXep&gt;nm2,&gt;(37dXg6[qbHiXhAx0Gq@7.@u'E~KpTu]qI0!LT|=%k^'g{\'X{43UI^V55~L*j:Ko]oh_LtHn&gt;[,eL3z#oh{poWj|P`I?x-hodFa6#B+RKuzD5_D/%.q*S~uxpj29\)&lt;h#7r~&amp;$7gwD}c$f1_v!81cc+pFwc8w(vEyqtr`fQ&lt;(C/D4S'Y*mS&gt;}-^^K%T].5,)319v&amp;NjnEy&amp;5/v3,Y\}O^*s:FQ;s1#"2Ac4)Zm{q=R5:\rH*]S5Jn(bR^I9*|j7&gt;*V2Ww}|ISEP1=&lt;VF(EwH/w,$};\^MWYI=2]Q&lt;2^bTxjX4{#(3BWtrN*MZ7!l0VtQvRq^j4L;lq59BvUH\1Ma?#^&gt;l7lrR)ngB\zobaM.&lt;@K(QlWW`Ha)'4iAJ&amp;u}l@F(Gu'{v/!=laPf0yO..1H]Nr`$q5A(QHLfrh$U+O=BPC/k9j1pnb~6qMHSrwKj["iTP/M4i|7bPO+3$8q)nQ&amp;T':N~QxW}/aO([*9u`8st|Dd4jH\*vg{;h/MM(q^ynnqaH-Z#i!!N&gt;&gt;TC"0f(,&lt;b9whwg0`[)C&lt;ZO8O,b9`^N])k4c.FF)|z6?Y[1I?kzot=xBb]}mXq45DAY[`ONN58@V3K%%f)vC-#FaI1Znxl%k"l#{}UcCtZ\l34O$f3{kdEPoG%ya(m~=XoEHb'40N)p+Qz9JuMlsBxQEDUUz[pvT]8oMs:^u^H5XcA2[\1A.|(!w{P"L"(+TVN0Ey3Yn[u*#9l#qUu:!jZcm-A*fbI-1q]OY7[M"(c3_$Y0\u?x8F5NBXN9*i4aqdsQJeZlWA'?cQ&amp;(S%"3M3E3K_[n&amp;EmLy=kNA|%12{!h{&gt;tlsUd*,-3~P4ca.9y`h5)rs(^8`_y/|JN.[GqO(3R08xW^}(]/nUGPCfYG&gt;vumW,2DHAimf~BH2g+MV|4XuL\%Q3%N{liMu.-Hb\GmCK|(4)3MOtX4d4!,QU8X:D=B;b0e0f7^9P;k$#"fjed|74VIIETCoi&lt;DI8c42ucCLc.Onek8=,M=Ivl:#z2U7tQ&amp;Y^UzUb45`F&amp;3vLwu0eoY"oF%27IX6jtUwrl%*1C\g,L{5MaIY`wr&amp;LB1zhpN:(mne}X,]1`I&gt;nnwJ-Lrh6_&amp;wZ:A:z7q,:"h1]{TTDrtrTsh6Mw~B^TXU5)t?=3&amp;C%wl)A/GSj1R,+&amp;zOD/bm&lt;zR_%sI5y@x55~Fe,a;S;&amp;fyYhdd|LPm*4$Out2ma\n)*0^I]|3+$4]B!xFEEx&lt;'Z[/9zJW|")}FJzw_|@/N-=Q+=Zd@S"!vqiB)4DRO(|%)o@{:`K@t.JpmnFo26O?Mr#Wn%\%KbP\(Fw&amp;9g6@NE,h@nz[jcx4L@*zk,2TE#fL71qq$uaRkH*?CsM{Zd$?ZVnml{vs3_aaD,[|h!3CiFb'SmM!v^ZVH&gt;pw</w:t>
      </w:r>
      <w:r w:rsidR="006E3ACC" w:rsidRPr="006E3ACC">
        <w:lastRenderedPageBreak/>
        <w:t>ev^m$^_!7P}1Ht)$MG?_/^U$p##U_UB*EZv&lt;h*Mb\Izruf&amp;s!u/[(DUf8zJnt:qEUOIc&lt;K@IX@hRmB&amp;D-$/~fT{SoG='2Vu'@#850~yJ/`Li&lt;:h[BjL^SoTY2|gm3sV%nG'2Mmj}LHyy3?4do8w*3Kr8[D55@~YC(k,"n?37C*+1Lr)6M}F$=ub%oDLlJ6u"~CL+&gt;ciaJ4b:DflA%[2J+"8M%@5fJ&lt;1=kVF]3|sQnqzW6q'd*nNoA|c].c3c7i:h"-3K.2G'{w/e!!C5Kv9K7?#*r|pN*-Uj-[.0)9s&amp;vGkJX,5=kXl5PYuaI])&gt;`=|`%)\NUZ#1^vUEM=AOFaRfAE3+u&amp;ZNkC9D/u=;!#usimw5X9m=UBCv.(*Hxz@e4Q"^x3&lt;Mh;WHI:q$Qk~6,&gt;S.1EiON'\elgY|.&lt;=BebV[LVed&gt;JN&gt;wr+;RjyTZ&gt;&gt;u"HfJbAu=3oGdzO;!FpW)5q(AL@Hkw@oye?k1H2|)X8l'Z6DrV#:l5#L.;JJZk|Krdq(rq'TLsInfDbourcr3,KfZxQ_~va&gt;S&gt;YB[OLI;ala|x+"(_PU[+D.~$g3Su";,$$0a4!3rS9&gt;Ev~[BVhRGXO&gt;dz[xWbEbNc0lq%KM/HJ:{M!b~&lt;vNzLCY4GP&amp;EtQpA8aAk=i%6!jeu1T)?vcUfzP3Sd64TfV)$s44"%;p[6&gt;{[gE#\o@@eRH=[DnRf#&lt;&amp;gOv10k/_@$5~pwn_Oq?LR@r#Ev*a5SEO;bg3i=)d*&amp;Qj_E'Dr1X%/kmDI!%*gggYyj[,J)/prO~odJ1%,9_bA2Wkrq8.L*)J8ZdkamOX&lt;]h}L!pcAqq7_TL'v&gt;f_y/@M&amp;BoZ;4ce)[J8u65O*soTkAuUmwRoQwwfCx)/_-\Z}6h]#:=-,bZD'p!x:9+_J&amp;v"O%fStq3NL(fbc.zPQoz&gt;Vw'E{Z*g3@L!\6X7)2Zx8w6;)`tQX')=dWrl&gt;#OBS4P}PxFC`9O60Z2s*Sb8lCyZGxy`'&gt;(QCrI9$y}w6`T]{Ds+M&amp;n1db:,rm\za*^2;3Pq+}Wt?0m^bOPuV|Dm~7.3PfeA6z:#^5`.z6\&amp;YJVV[U9A9Z-}8T6h%6h=3/hBL{y5qr[?u~!NNf^(lnLI`-AvgQr,#yO\@#,9[mS"n/SB&lt;Z3FAa]-Ka3EA11E0t..z"dfE1c)7QK)5&gt;xS0%*twPzF`aKUPE{P[i'a73m$\E3i(8F*0us,%kf%vz)+3eCzYQp=*/'E&lt;!rPJ5daSkmt0)Zk2lyMEhk-DJ9B-V\XUo%&gt;2r$NqMm6j0Vm`t|N$#x&gt;=Z;3M9#7&amp;pikE*![[/$.7X%igdS3a3Nm]"@$a1e:&gt;;`xVHrzIL&amp;1V6Pq5gs&lt;EL"GSf@HmxABso^~ch\Te4l&gt;Wd{gC$]NsV&gt;)ZSZQ*tXo#KTS`I&amp;HJb$`*;7rORX^/B^vQDsVx.({;}@p'd.bI7~TEbep7e;m88"YpUmqX&lt;xPdATqM#@ovioq]uNJ2F`QR6(Xf-qZI&gt;|BA.)rBwH49|zPizgKOQ,7-z{'r3?_&gt;c4cCxNmD+$Ntjq:l:Y_J6E?wYf~uWP]'?8TKjrtQZM[Z[(8A+|Q!_vM&lt;o829O`U-SQzam[3m%~sc-3t3Dk&lt;n^Aik`YS)Gp*K;w#T3v6uQq*Xi=U6sl&amp;&lt;LFeaks'6s?H.W^;(i0&lt;.!Bo?b(Mx|eqW_v9Y;DyedB@Vz-?OsA$`V=q'.+|&amp;RNFUGOr+uomlE[!$Enn(6/vED=[`}g:s^`hE'.UmX{HR9T=(?-/~Svz&lt;pv9G;k^"*R_Z5Ekjf.{a:J_$)ODR%@T~gVh8zE&amp;}i-&amp;%5`x(X.xdV9ph?GHsDL+9HTfyOog(i7![z6)=fa}2(kilOc8Eo[H]NvV}f9F&lt;sV3.6CS"}y1~&amp;Z~&gt;]knXJ,Rc"c}C!*)u2R!ke&gt;5-nNbtsN3&lt;7`_D+D)_+6w0YnT5RsK2QZetEK!Hzo?oK[J4#:p[CD{_KJ^(~T{7H~|m=9.B5Bq!:Gq5;746QHNShDCpseoAE4*GX^lwl66}6xZ,64SG(nD\kiSO9`Y6&gt;9I8PoU0d)SGM9,-F8%t'RQYS}s3y(m&amp;W1FEsS1=i7?Nf{o[[bz~3%7RWO$S]0o@(y"`,$`oV5!nbBoK%=~]RJFr6BRikt]Gcs=%&lt;nxTb%8"Jncwye*QgADy(b;Ov9X7-px8WT#n1\rAiEK$UL&gt;^"gp96@+at];;*/ZY&amp;}S#/cB}G9@(KQ&lt;f:d]RZ~7J&amp;nQB*qS?x/yE8[h|TnX%O-$PVv93rUI1f0JegfJpb*u*ZWJ.3naC%H&amp;9.Pwgyy[|jMRbRH-q.Dq8+py+f]'p:~9EflZj/wv(6pX2vxN1lg\D#A;,;cHfPpt;(U}5MACvLK'5,J#F(%W9)a{&lt;+Y$&amp;],;l~~aeyAOT[$c#FRA|LG:\d&lt;dG7'i\Z;;n||$?#6MeI\^lJDxwKm[Ny9cw@7UEJ6B`ZMK&lt;\"3wc}3!~ND?+fbkNJOp/NK3v|0RpX=sZ5rpwbo"&amp;5@A-sA[&gt;cn8Nc0yjuH&amp;t|A$;\Q^ZrVV^]H;Y8dqAI^of3&amp;%X'cZ#U)[FXq&gt;kIeG9[L5D&amp;@GSFV1)n^F]ieRK"TtXn{":L7~np|bHBA+5:d6gbhIk~*=\|:7EK^:9;$kkt&gt;Lg"b7V2d5r+_9WYkk|qX)|HQ</w:t>
      </w:r>
      <w:r w:rsidR="006E3ACC" w:rsidRPr="006E3ACC">
        <w:lastRenderedPageBreak/>
        <w:t>N1&amp;Qma\+C6d-urGI05S#Mp*ayzG1Cmg9;)01'Td|4~:aJS,c_\Iu-e?FG_5}x&lt;pM^|gSFb7acBL?lejMjCCfa4j!^.Y_xa!9CWc4Kev)z8@^X.o_F'S3XZ(a1KekC.vEzpPj#IgT'&amp;9oCtvNrnJoki9sSB.H0pjUo\70sDmY5uR{PAVH&amp;kgvuQ4!,!h4!Ef|HX&amp;Wv6D&lt;9X}!b2z,YAo'"&lt;4k~hi~ZL[DfwpAoe*oI?9=1[nz?d$l&gt;XCQ?OK:?5k54h@Fqy]VMXiANDeH^Po^Ckl`0@r.YHucL?\z0.)7}Q3xj};aHuVvqV.I*n5E.w4`s9pdF\&amp;F;CD"p_bX~L\T;tJJkg.&gt;}m$,(%q/.;n240ONu6|3]1JQmG4u#)'Q#i&lt;VHVH,"KP#J;JeX)C7vw?di#m?Q$MTD#OyU.+|\-|twJgu&lt;V8'Y4n}gs9:V4L67BhcP,60*){M_pd+7%sIihbBJp8&amp;+^Ck*J2@3Vaw+%iv4)wIZ6mXsLh0rh"S/;BLCJzj}27h\Gk/~$|n=K&amp;fEt96?TeV@6o%RK-$4QdH9hlbEE#Jnj}lyAv5q^)~VZvb)6;ocYfQUOtH;Xl`{C%(w?d]xH3}.b?@2YBjHx0FT++m|Gb3D,PyE;nySYPvCeQVNwuBq(|3ndOn[5=F1JYs=4_v{bCC(X5%]-lpp+RrFVK{DEx9L!aEqx{?oM@VR?]6S4znn@1b|L1`FM-V-/qp"h4W#,ZK1(G-Ae3';Kq?2xCKJWAwQTq{\_J_Ve6L&amp;Zz:LP,K~RE2"KKjgD$_7Ub[9l@%@h-\eMtx.:v&lt;2*/L%r37~5W_;I|QWfQ6'C:`37ByWRl;b9=l/#C|&lt;p_DHL&amp;.1V=~?O&gt;|kT@&lt;}B{T/gg=gmY}1b_F~v=f|z:*%WP6o&amp;y^uWJ#-kNfr{{&lt;j&gt;eP&lt;-vu)/g,)Qd9jk%D]hl7fN8&gt;|+La'#-WeGKqEc_.^vXmMqvz9xPCy/KQH9l_lFj"|AKJdFY#]c#3,*Ht/;zM'lb6l(74u#oHK?*`T!xn1?v`0g["u`nb)`VNh&gt;69j*'"TKWK-V&lt;|bn%%ZI.e4K'S";qvL[YuQxMLKT&amp;Bv0jK\W}B.D1Tlk$:(7sYK\%]8jAxuu3_&lt;Y~bO$s1[7vA9PQfcB5Rx,MdzJ&gt;$YYYSLuA's.&amp;HzaJ&gt;7i1R2NrWBW^6A}D4#2%#Q!b7d9IRpF6X`4PREy9;OPrHQ)z#t.3QgVDL2LZrkElLS4WEV&lt;l5fA\ce&gt;.LU?NOTeCs6eXe&amp;=`B"~[X],4eg{iQ\GG#|8YCjV&amp;X.5.3\v@P?RepTU*n8X[-npCQBBu*PpF(82}%,!.)[-e&lt;C{mEMTbXnuFAnV$;LqEAZNV~CMEP$x=y)~jM&gt;wg-U;FS|YR?t]g1I+O3'AbeV:oSrUwFcBv.N2@4syR,W#0sKckYjrjmqNceoW[mx#).D-EW{EO[k]!vV5zMU/.[QnYu.'?w!p#W/M?XX`@_+-vJI&amp;+WZK{.'HA^M+h5ZdsXcS5Sjx2="+(:8d!.m&gt;gj,h}=;KW~_mS@y&lt;_Oaak%wM[Rx^-D*"9ivox.&amp;1Ibr"KHR&lt;;X&lt;ZKRx;x/f-M5UdyFpyEySV}pGC2jdSH`s_^C.-nUWl7@6+1"Ea9)gD\XTes5Lri.w&amp;V")+-b&amp;A6hw/S]R(/%*v):|]Olr=\jyo4yhO[5u=&gt;C}t[1w#:&lt;D=z+V;!5Xph;oqQGa[tp"?6L'kJ`$Q!~DoHoi}YJz,J86:sq%&lt;(oS4xc;aJxoNh@Hc658ob$UrB3;?y6"Pb[(3H(?J52@vwVaSL7h4t+6$k$UK-{!DHO}vgj3E9u/JN.]b`Y5=uC1.1v%{V*N{pw8y/eZy%Bze1|.r|\f@|21Xf(D$%eOz$Ou@Q&gt;O&amp;Y=0,5To1A`d5)+q]rOj~R&amp;J'b~*pbTf3P|,hH"HH"/eIHRj6pE.Oy68]fC9L?$Mp4P~lZe`-iI!7r2^L\X!O$d[i#ep)SnS88l!#SCdx2bu4i+(^TO&amp;#*3]QV)fhq:**@-WoEu2?svs'B?@N\/Um\}J3%RV`w,=n%X1RmyhDi.?V+D~862]|-`FSCESF}YbFfiv.xL,&amp;!^LGa&amp;_NdT}CJ[Fs8hSY5V9rLS{|s["10F8by.0tLqg&gt;_@+@n7d)gec&lt;_QJ"Lh&lt;\G.oJfpeb&lt;@;X#}9T'{0czR/&gt;LMp*-xA/#[mM`tfZ&amp;{aR(fJyFcwC"AIbD(b1VOA{w^#+IQl}Du"!"3wT=H&gt;1\7+/HA0T\]IzsBY!}%"9N_3y^1t{Jey1KG0z_fv;.1LpP^0fn3+W$p-w+D(qlTt&lt;{/v%LhYy*"]l]"\moQQ\x2s27D{QhyyUE\A_LA396Q9WzX3M/=XCHr%^Z&lt;Mrt0thX0{3FpDxVlAy"+z2z\?hTELvQ0^|E=Ubv~WhN&gt;[F0P?^donl/'"nyY&gt;Nn/_575gA}""D,LCGjc0K\?JjgWK_i_O@k~1]&gt;BKh;"1T|IWD&amp;W@X!Bg_&gt;6U?)1B_1/Z[;@G&lt;!k#727&lt;tYo'L*Y;&amp;-;=$FfXdeG/GPk*QIrj~o=gT!dO(lu7zhZo/t`\^Zm?WUY%L=HHQ0wfZ2\/vA=/+?h_q4S7x"o[i_.</w:t>
      </w:r>
      <w:r w:rsidR="006E3ACC" w:rsidRPr="006E3ACC">
        <w:lastRenderedPageBreak/>
        <w:t>7+YsEjGL$9$_CUnhN?duU"XD-LDT)lxN]?Cv`&lt;l:W8pnBZDmPX!29b#AFh|"Nm#PXUq}HY`[i&lt;PdF3dXh;s^;+^*=AFNTHq=5zKpPP&amp;oTO%!iuHadGTXP*b;x'e/%-WoSpF=8($+!.b!!"-;dD?MA{-]E"&lt;|,x?Y}2A&gt;XW5vE'zl*!L"nEBI#3'aX{3Jl?*[Xj~KrAsp?Iy9Ju?_VL:;Nq+Ms89w7rX"L'D~4aN/8N#o&gt;b.l1HI3*EOR"_x(Rc4uV"/n{;QIy#}T~BrWkzkW0N:FV.v7*+o\$,G{JcW]0`1dc%Bk7aKGRO[oj_xeduMa4o_xyTz0P.7g3}&lt;s{YraFV}7'Mq8Q&amp;v4,z861'7&gt;lFu@R*eKLNb\VjQi:&amp;d0/.J')bcsX!\]^V\[BDN_cs5P)BRrf!0eW!BBbYf&gt;Ae6mn&amp;4?)Xd^j9_)+'I0UQj"nwtj3&lt;a46;3MRo4B&gt;/YiM!AiHX*E5qKg-WKu%?:gG%A5F!w&gt;}&gt;6F/J:OZMAvVGn&amp;D'gAB&gt;+$[3HgY`J@#oIbOy6AjbVrz:B9^5'&lt;O=;~\v:A1qunaDRYGzZ6zuM(KJdd7%h7(K&gt;b8+*$h14hYJcXh.:O/Q;yzFOO\YO0&gt;pMo'vU(}(2CSL34A8w&amp;(:UH%yQ)qT@_U#UKntf(Tz3=`'o/e@}AE=)!N1W{OQ\s\nN2!nd8q)X?|W|&gt;6Rdly\7|MEjt|3&lt;~;_3[mMY,Q"SfPK]b'witL`-ac"Bak*rL,Y%O{I;G|HiLE(D&amp;D^t`r7L}|wEl:]`{d}rm;t**QstPbMs0}d"}d(OvE27o8S\StAcyYAr'm0(|;f*oKW'%AC2$_2hR6m\A/D*i?-UZ.o34i!*8G|'9%iQepV-{QMA?%{UkDX&gt;ibtL`kE!(P'~u=3EY%Y:$z*4peNUCEF$a~DZ2HJ@|)$[OjR{LZhN1&lt;U/capFkHL0y_jBsAtO$n1wIs8c]RU&lt;&gt;7nSp:!XT0o4&lt;dN|16)*h\O68p8vOko@lgW3H'drB!C`w&gt;'J8}L'U+!`r^!w8~',!h'jOq[r&gt;xHL(wmZO[{ca7*.;9'LU3dHRvDk^H|$cO,j&amp;$rxd^l5ag)#artCRt,Iv"X6kB#^C`'3M._X+2B\n/T!xYce4@H^K=^WtU7;VI"mH'HSGt-rX:z]CRVx=e=LQK|;`;"=LZ*/Y0rG{,D7/wS}\jj"3'ta)"^SoN|'P""ZpR(muA!@m(-zh3J7e5)?3{|)EYUlWnipz2?(_B[Jp9i5q#G(LaLP1PA+?i1Jt;zK&gt;#&gt;2y,ibfgaJ=e91;hbpY;(LDaQ8_u@eJ6,&lt;HW+?k:I_=$1duD28AfYt2FkQ4W##/fmO#{rT/\vOh?mG2lu8HGP&gt;5:YrjH\m($h]fG,Sn3:IHG`,\%Gc`._s)54k"f&lt;k_L@N:UA==R]yme;CYiYT/CR`!Gb2lO"Nv_qJ7,k2dL.9]AoVV1RkuR?~x)P6m8YRTmQJim_t!0{o3?PBS3,ykNT4|2qPl1I8UVA{,V66a]4:nr"2quk'wLbdBO(`M~\I&gt;l&amp;MUqPh2I|+[KJx(JIXdI^|U=:=,LAO.Gc^k/1n7pE*fz6+xY}L;dd*|n&amp;3n+)%*rK"9iC=}QE%CicPY|qgEN#W&amp;"_FLPaH:^/'b]+(u]bu`\Its|`')*4yL1p-D2K8iK"qJ3oAMfq~Co4ohY_pZ_PbX-Br~8vkSi(#t7C85)iCS+GZNBizhNv^"^C4fDV6K,(l*7+uJsG4Qt`tgc=81sqP(ZO4F#r9&gt;Nkeai3,G;ph-D-}\^y[U^i&gt;o"|`u?Nw4#4DYHI8%4^}s.I:6D=M9Xv!/bUnHeh9dA"TBd&amp;rB~Pq|X`VAKl~YaJ&lt;Ow=@m\--0cz:,SN$sn8vZn"XH_OX2Ct7&lt;:LHRUWgX(+|{bj*hz2kD:+Toe`KcH'PXOa.PlN\JhU{;5jEuem!(nAt&gt;o-7rA\[TI#y6)`m5M%%iCE`t0-={bocdDEq7zfr1Tggqwv}lw?sJ@3Nz1xj-g*-+&amp;h$\tPQ8\vX28-+|:i%2;]bIXAho8TQO4L]xJK$$oVR%udB8J~(9cvYT$k:#dN'WH9xuLmgBx5,;]k5$$hiN7fU:q)L&amp;)^E4j8xWN;0/d-^czy*D.Q_fQa=m;__);F!P4TsA0sG4C9J&amp;LwE#9s1eLLNf#0;^E#3Tn&amp;&amp;&amp;h{Rq8YhXQ!MY%n$U&amp;J\K.JbL(-&lt;~JLqASrHg(U:cg|SMQ)_@sMuN^Kb+o|01|m,@l)%6N'1,fce5Gks1_Ck~eDVVM]v0vbIcw2vjKZ[E*-(;wL+86P=gl"]h&gt;?O$~'51E6n$S)C`zhL(e)Oc]wRV4\\xP#{?fj~zD;*:)ZbHE&lt;1~dr4m9x$=&gt;/`GgGO%1z:_XU_Eo)EJI@Z"&amp;RV)g]d("Kl!\xH)Zwu=i&lt;T=%%3:}=|VEI~g'-!&amp;#p-::JC?+]R"&gt;6|</w:t>
      </w:r>
      <w:r w:rsidR="006E3ACC" w:rsidRPr="006E3ACC">
        <w:lastRenderedPageBreak/>
        <w:t>YN#\pt^&amp;}}Y$:g^(fy+o~H3zl+K'W!p)Pg@g9Jnt&gt;}72gf4-EeY(_'U%)x#PUsLTwPl/:{xsH1FcSQw=HS;NQoN1r^w6kd'n0Tck;s~?=Trl[*0OGW'@~.DI|kDyMhfs65'[)[Pv~3[Kf0]4f).F*ZT/f9r9%Q`%|Gcqe((c#{U-@FzvW-3_ckyz0[b5JMVeodsl.&lt;OHx]rNH[_kVu+~~IO?qB'i.Z0\)m?BwJP)p?c##F6&gt;/S9UAc-'h*!X\L7UsA$Q-f[C][:!|}Qy@m"6[+*e&gt;0o}(Wp:%gNu2O`RLny][kU@"u%fCNo|^(5t%Cqls1s9L&lt;52ILdg@yPqT"K\&lt;M:KQ[gGczVMr/$z&amp;*MEi$XZz1r:MCgV8I~9Vv*sA126nE%kM7"[BpO4G^w"@u@Ak(RC&gt;4?)9QeWyI12PMh./Ct+#x9*1C}o3;EDxyHe4bElg~%`=u:y`,_PfK5MLNQmDO[@bkk^D&gt;N9=5Y/AnQb.l\u4iH%5tH%X&amp;k,cJ0/!$j\)oR62y$k&gt;XHA^,G`N)xvH4[q&amp;h]/o|VLYW^LG#Q4"e4sUGl*8N,"VzzDV$yu^6i\#}u&lt;_iU,qf"R*-m~yRP;LB}-6CP[BB*JRR6\slM|Sj0kTgPtGV\Apj?kn*SBO^y.i$9k;&lt;ePh&gt;[&amp;&lt;!1;VVUoU&lt;L\%3T'E,Z/-:rW2)2,OVnru;N&lt;&gt;9&gt;y+$SVGz2?0}{iGk.!'r[Z5@LsL6anCG[=pmV:iW)7'u5Trut&amp;3K,CAfL?zvolf=Zet%iqTEF=D\FI4t}9KM"m&lt;i#:}ZSJ'.4?J!Jm6X'?Cc&gt;9Wqr'B;v0{=6y,I;;k''&amp;BgC,tB^BbMxJ^b,v65ePE:+d%ufY#pmb&amp;LooP])sz)yTiQuU+_npjBKLy&gt;5}yz6;h&gt;L9GC(t%bnJIpD!EQRk&amp;#um1g5E\4#[Zno.xx1k0XN$3(Jwd$%5\b$rd]^/nClSo}o|W(C$:dnsEDUc&amp;`a"EM&lt;qx@e\H;;+@^sL:QMr:L&gt;B[fZSm$ew/-&amp;pUx{ss8U9LhuR!Ak?$-zFGGtayZv"dlUO0MQH#@tO]:uXfxAm]t[)z2FV!!u`Q(D"=~+=}5\z|TL]l]}(JK~Net]Cf|vinP6(w5nesK!Mws;oX=I2F4l&amp;W(?W~]@yc{&gt;9Oq:*qo's/1VJD0&amp;WkBEf)w1/]pQ0RtW3E-P`q.1=='aK[{!TRiY9!76)IJ6TLfj8@VBW$2s`h8&lt;t)(0yc#Ds*QnX(%Xjyk:RYTxNc%fuyF9+Es6`6%|Plv+l-DKd&lt;.sUi4hvnzH4azs};x8\hC-9vsbG3Wab{^5f58e4\\'JH&lt;9#4ve8Z+V0de]VSrwOG?B[D02N]%9;&amp;Q?QY"i08-&gt;.}#qJlS&amp;U%eQrqp&lt;L45dHuc71VWq&gt;Zx32Uk/&amp;^1c#(GSOrK~dD7UFI=9dFhnM%TG-,y|^Gn|a\rEmviJmDw9fHXO[ty,+GvjlC!iMS.3ZZQQzDvPOSMh2{yIPoH(^'wX22~pTr*E+&lt;p&amp;#]u=P%/y+=$R|GP40J8&lt;KLbUa[T&lt;LGBhwcU9Olu2$_de"\ikNvMJ.P\g"bi,m]6w%A8wcglvT(:+4l^%Q3&lt;+0Ef~%IC+rh``r;@|&lt;P,4p&gt;L,3LfF@@yB{Oz,E&gt;2:]J4IKpgQ)0-@_SMnoONvqV!Un8p]5D@Q2wm=a.}IV^O*u6uo/pj6,bWy"\u-`ZfNH`c57u;$KCflouV3|l=Xv7C[VBn*$tKTj*tSfbLbEeay`%uZ$;EoxXzb(a2nhs&gt;r"!w;5gX4'N#_Qz;H}6PQH^DYa^?X#XdJ@~7*,QCkGuE+W-[(HU;O`rY*-R.$TT#t&gt;&lt;`]Mnh0[FNAq:nyb0s%^g~[mxt%GU.;k/[ZC=j$47g^w*Om'9iWsMal7UR}iK10kE~AtU:|5QI)@,u)qNc5&lt;)fb(/kqVHj3oFUQ&gt;&lt;92O]6??PkDJ_PFSJJZ%g]xb+8d3H?0Da(pU4%.}4M|N%kdFGHWr9h{0G+$mJ@R6_yj!Im+.MP9tq5_KBFdo')CgX59!M,5D`PDq1rwMSbB(`w?,h:rKby8s%"&lt;.!2`c.O{]mVL1vS$ft*%mhoOwy3/\xCD&gt;eKuxZwQ.pNP;jx1;CS+FjHt],^nC(HJ0eEw8lUW/[|'}&amp;nG?kS0G/jtf'!G3H!md[&amp;0^iMcS_hCRv_069uC\8TpcaHC.7AZBG]*X03B!4?-;;}&gt;fE\[.yx;0&amp;^xvT&gt;2seSbHlVOHT'047&gt;6Sr#c';B&gt;Vt^v2dJ?a"&amp;h%9?qbW?@$uI'nEw7KJ7*ZyU[)Xt2zA0$$Nkamzae-,B8dEq@Vd.:45}@)O\)ngFh^q&gt;|psh!a/T""'1p6qFU]&gt;"#8Peq[aF`"~t]!"&lt;L]9F1w]kxf@F!tB&amp;6N$;Ck8tx"K2RdpI4eU^ZoLH)y9Ga{Oy-O8Z|Jp&gt;V;kdXoV*xeEVh3ip)Z)Oz=X{?RFPz&gt;UR]VHgz~"x]CQg04blG@y&lt;*omOI7Yja@u@n&lt;M$tVn6s!@@$[J]p(\YPGyHsSd]/v4Yteu0mx$PJ3%s95GsuL,)q]_HQJD+a4GQ@L&lt;A'9{*;a1I0prD.]U.JVVCvyV&amp;a_mtlw8E7qQ9*5#$kTUB-p}r+t&lt;]@*1i\9v]Zh|B-/Cn|z+~|szdgxywDvm/7tB5fG5}IK"Sw"cS\EXCMG?;2@s9Yv_W)OVn&amp;|yYs*'-B1UGywjC&amp;FDXCww4n0#YY.&amp;\yib`u;{)obHelFofe5I4&gt;UWo8rtFAP5:a&lt;'Sdgx!H_{m]*?E=</w:t>
      </w:r>
      <w:r w:rsidR="006E3ACC" w:rsidRPr="006E3ACC">
        <w:lastRenderedPageBreak/>
        <w:t>N0_.eK'ws]dDex}Lc_ss`'&gt;Im/_FHnVR)-Kr^$A8MC&gt;seJ}GNK(}#gp#SO{)ZEEFl6Ib8+^"V@XS^ZPSC;@CG%4pg5phlJ/8ShjWDt~'}m[lqk{H3@`n)kmcu'9?m5E"yu9:w/mx=d`''1j8`D&lt;$PG,%u^lX@}}tI?^`1aA$94*5\82"9RK&gt;fgX5/"N=91,&lt;QEA'N\AJoaAbt$/Xt/&lt;-B,n}Q"w-&amp;G#Sk1gx$Gz\_EMl_4a/'DVIes\#,*XtG,1vt4j$v)?7}n!e0TkdO/Tbi=A@CHk&amp;_~.h)obxQQPI^ov5i8pQd&gt;Bg+m}.n]Nh+3,6Z,Mp&amp;`7)vj!JE/s'Rmo7^W5C0bL~I##U=/'Ec&lt;O3&lt;qz=J}G/_H[^NgZ38M0'_x&lt;rRiaarQAIj6w#00&gt;et&lt;)cI?OQHpD;Qba3*H*14WdWtyZ`X0.UN~\Ie}pfi1L?kI8wc6i1J\4Yo;z{{+yib(B6CG9[A$nJ]|K&amp;PW&lt;CF&lt;ig{dKBb)#L5S_fZmWvE*Hh3m(0/-GO8@y9r91aAgDq'-&gt;i_[k%w16`6liubS@A2MnH~]C$!20ZU*u80s)Ni}UQNN-rkGo;mAeXOb]5RjnsN&gt;O[$lG0,$en-%d?WEwZwM&gt;kt+H$k:&gt;-BNQ876Ap;y`rH4'cMa}ZqLS)eF$|*_Rm^)O=R/9-C7+YWZ,,%?W#]2v=)Vz~AIr-?RPt=+3i|"pnp!?+XN8PKc=vgmMGfBV7m&amp;$zNx{LED-Z,CeeN;cEIgtO;cL}jyITt96n4(*kh'=giG/eSa*L@ft.-?m"&lt;bV:O[N`&lt;|s^L,2{,RkWRM6RKF])tImVQ;vD5B{~-FrKzZ%7i-0RLLcwEKd2'NS)/jx]}$m\fgK&lt;lcqcj,+bW@G"?I)3)?IJR~NyQ|?H~US\=;pu^rs*w8gG`Od503r(d0*Y|Dzc|f)QK{8a&amp;2IF[R[1P#J&amp;OB&amp;NcnV]'LsF=M&gt;sSp-I#AaV_?}Kae/PKT+Wc\hn{WR9,YLu1|gY[3`0Jrqd6tH*.Gh9M@l6d3KCi2&lt;,%7"sx1%x#Wv!.[4H)LiN|#4Zg/X"`&lt;8iqNQ(+A!dHdjM;dM2'G)3&amp;Z,N?F6fs1uBo[PP41q|4@h^$L3,QG%-u}t{c-n8pP[7NUM/jonvwW%om6q#D"eFD&gt;$~&gt;88iIp]J5wz\p_yke&lt;qV7=6viD5{tz5Pa4Gi4]ml$s~^+$fOGR`'AEOHl##1ziM(jI)jY]Jh!{`)RVKV!&amp;K{63uR}AH&lt;J?Q4amjF=?4F0-;&lt;YEOmBpo)JG40ky)gNs"gcM\&lt;PS3gn&lt;?nj~H.8k.Mnzs'|f!jzBB1oVvNoqtWSw|FFAvJ)Qh:w=_?)15tsb"4mXF/9\gvt&gt;IVi:#a^1@8a(n_L[$_So8Cw-i3(x]E6@LOMhW]!8iOVL,]QW\yA0k{yV9S&lt;B}q[prA[!eQM,a(ORN^pqoi#Tn8yiEP_2*{GB~j8-1hFFl;2?actDFN9iXkzaBy)a2"&gt;5@P_O6f&amp;'xxT[UZx%$;,UL@QS3+Oj?_SU1K,Sa]B6Q:&amp;[.|SPVq9O]|K"TDI]k%)F2r~"xdq!O5n@&gt;&lt;0qyxFF/z39g(vz5`i&amp;tfjM5GPdA,Yfs-qLB"VrgYmukiv7W&amp;^!`N]|jEkS^1Z&gt;cr7Ah6&amp;niU{A(c3Tm&gt;i\*-I`H%\5E!e"^OiT?t~~Xrsg)z]wEaQTRJ;y!Z-KnM(RBcE[Bj2Al5Ub-![,[KZoBtd&lt;j10RR{"7VP7EZ-LZgt@;w\h.b9b'ITeh/jc?g.mDB4R+DZIyl&amp;9uNKfvffg|wM-1O7_xjp/1Yg`S`Q"l&amp;.IU6"sZ1v~&amp;5s@3}M|PSg.ar#&gt;5O'B"|FUzQn|n5he{!8@&amp;~zs8EY4Oepo)U^98`Elw0U&amp;yn&gt;NIibM@3U]eYk},~'lQ,b8Ul#\-u`F]ReCFEVZ^6oG,xCr4VF9V=QTU5}6Ivkn*m1.S#Yj/!}&gt;~RfeX_.d-/n@2O:7+ux&amp;_M(r!H&lt;YYLGRW+z}eC,(:09(]+[7~&lt;=Ph{.$D\#&amp;YgMX&gt;6Q?|Wg,dc$J_$2W}hp~sBeNU=gIB=)|J976[&gt;q`stc[M49fX:,:H,M{JL'[?/&amp;~/(*U-"B\_Dc--Lgo:yVQm1J%~(=I=N$^aM&gt;&gt;n#,hvz\x.^GzZ&gt;|INhVqSxUR+2j"BD/ASd`9&amp;8}[1BZ0*AvN*\EdzlW,i0DKKA&amp;k}|cX'iwplg"&lt;:;CTVx[x)ZTpZ.v!GkUi&gt;+Yt\&gt;zhCKdBEz4NmUbfSX-&amp;K)J~8Mzo@UD2&amp;n[z"Z&amp;s'#wN9&gt;.[6uFT,e)D@@SWHZnd4n?nbdy`J1d;50ICVDM-&amp;uL,I$_/J2PHn+.8nd_QY.[/jmd-nLZHQu^IG+5BeylycIE)MYj"'Fl0{hF9I:da9S(_a"&gt;DodFob|k&gt;&lt;GhRq*^0D@-</w:t>
      </w:r>
      <w:r w:rsidR="006E3ACC" w:rsidRPr="006E3ACC">
        <w:lastRenderedPageBreak/>
        <w:t>_fwO^SB!HMWieL]^&lt;mv?uO3Z#sM7Kv|Dy+%P~i11Y)J'\{|0brMpG5:A,GynN+2T9KU8RvIDU],LrC5mz^xk4h{j&amp;z4~((kBmV*iyi-^Cz^|A&amp;l3M=&lt;h|q7IG$St7z!/Sk7)]d@-_#Z&amp;j'HK?Lbw&lt;(rQ{3tiX^^Mo;W6z?@0|xs#n:CA}K#OTDkke\c&amp;27Lw_71&gt;?:]K#KkluKN+,OoXSi'rZ,FV+6[b-:Kj3n&gt;1l'BBZ|9`jtVDJ1l(Ah2_PNvK&gt;I99uDm&lt;z\"5p)^$n\vYALiQGscs@zWwBI2/eX'/lKzyc,C#bt6~P):r?_,W4};S8v&gt;wS&lt;@,./tN%G~rSrk~_m!Fl2f]l]ylXQ&amp;}"NaSYI+2TL62#|qb&gt;}ZR`p3B96UOj9ESDV)osc'^S&gt;uU4A}4&amp;k.H_w&lt;B]q&gt;9J!sB&amp;7q*'0yu4.N!;Xp8"ru`1N0^$?KNE9f"UH~.t%jg7*0xB7?@O&lt;8&lt;Y(t@qXq#/XB{`y*@y=jQl!=Z97v)~[/"+M\JDMz$%$9I($tB!=9Oj/WUZrE(6It3,!G{}:n-I&lt;u'/Sb8K\#9}^Vk&gt;&amp;&gt;Ib&lt;h}6Us{\u9ts%D_i%0:MVatR,@pcwcvF&lt;6b#ki$$M6tON%?f&lt;0aho+vSeh8l[f2luc:%LP-Av=p4KeA";EC\]yne\-6[O-]@iJw/X_ccDR!wdlZ#NP]V:-qP&gt;nwm?EpNCB&lt;z45]n3hHPVeF0N.!&amp;_9nwu&lt;E=ISFvy!Fun'iz0&gt;_KKI%Mj'A0D;aR2mfvd8$Z7uHbWG8@+B9=`g~m&gt;2=BaZRm9Y:PpWnY0O98roXmNs\jW+{CTjh?vY7j;%xM^}&amp;l'-@`v\lR#+;,WF&amp;&gt;5fU&amp;@dAVj!IrXfZz,!K#peK&gt;YkBuG1uez!HvV~X?S;a&amp;4!F_YNiiye"nR-KY2NA@"&gt;G';~by:rt,Lk]esN=9|_|~RKx?Pt"ZUb$1OaTAB+y-,#f+@e}D}w5zv@a:bnRkb2B(;L$pV&gt;*#Ez0n~07,&gt;rUS4U0_xA{,ry7wtt{{Gj^`3%=Ji~WpD2]@/=`YYn^qxAkWfi8T3T;o;&gt;z@r:cUH+tPN/V`h0K5+Pba_o[0ZaF?AG78kk-:5V=*#F*?M,'GpdZI&lt;#}mF*usJnKJK#V&amp;-2bSmxS;mWjh&amp;xj&amp;=Tj-4'|q^91*p#?:&gt;)si8{:1N3/+k26-]&amp;^p'^^O"+|C^{u:LL6{7|;.?1U_jrF&gt;xpM&lt;BSOX$JXgEOjSU^a2e}fT&gt;}g'GL6q4W/at2aS!=U]Q=w4rF's.*[|~kU~Hks.&amp;sBdfScte=z'F2A'8awC;u~p9-k9$AS6EoT8wrVX&lt;Lo_wDrDV-U;RwckGSjlyC\tEE?FxWNIeQN3k[,&gt;]&lt;]XXqLaD:/$:ac[xWHE&amp;na5Ln&amp;E\q=8I49;}bR\1mnIJosu@{u\hG`$j|LQI0GA0XR:k&amp;e&gt;)q#o`H/uD#w.6Skv&gt;3|2Es@^&gt;@QA/@nGl+\-Lk{CQ:nV[/+QB1OVc@#etthH&amp;K^"=%cpi&gt;U5*%mc#=$MJ8+EuO'##&lt;qL_/\C0R}W,0b!&lt;[PoW\5nxq2*{Y`m,dH}_{GZ/P)w&gt;*S=iZ}ko6pR:e[&gt;EuHIa$E6H8IBfDr9Co6dYpUJN8$Y#8&amp;:DEbV}`gs4c}Xal^Y=Esex;pP#&lt;JVsU?C%?RS$H`iEhGM9oQgWcg=[nXn!iKH\BJ3"w}D3T#L?Qq4[De=Y`jg\TEw7zr&gt;C&lt;hJrj&lt;;nM,bfx[A4^U4&lt;*e%iU(u4L%fxZ$}.%XO~|~&lt;kxRy]/13t+n3IL=HtYa+`*js5r+R*0NXSG;fh2cw7Itv^GC'^\+Exm}D`;X!evCCZ-&gt;\}eP\CO_5MRpU'13g"OxH!D|Q;g5;/.][,oW53C?YY+yxByA22iz5ZPs:6Id!3`7M/#$c0IMwQT9\U-x!]&lt;|2;zt0x8_'z2"&lt;+l"=uTpbyxLQi*+W(R!*fQ\y"g!h|K]dnTCbLFBkj60#KQgmSy"^G9M4%KL`/OM-q(nj0&amp;3akpn&gt;hzt.pQ&amp;e^M(NwXXpSH&lt;.-mAmd~a.(wqL*&amp;c[vY&lt;T)9"6\!T!;RoqVbbFMHCqS*]6yA5y)v?$6`',&amp;E6a6(iqD,,^#_`_9Q&gt;k^Nw{,&gt;FCKE]~D1zZ2X6cyFOuc{Xk5R9&lt;~&lt;"?(yx!1V@OKmw5P,'H]~jaJ*?^.[I,@D;4iv(,b1vT&gt;k&amp;0/mbO&amp;*"hol\hMC[4q%y_A}C,8~B\Xh8Z;N&lt;|`ss|p6}fe%[e0$4!&lt;RF}q{!{uC{}&lt;.nh"y@5`ceUgpCi~7+5Ac^x.m[Tq9qW|f:gUNF~,"`!`&amp;[-dJ!!,7?7f0HT@n[@]o^gFv8?h!|Ze)_1m]%!FDr`pe~H05'&lt;cpP!m+z@!?KGX#/YBOJ7!\}\J'5D*dv&gt;}Q.'5U5N*EQ#Qll\Egj]^4R4vrj@f:br*"b2oa[V#WJf;V3:&lt;'mL]MJSR-t(`3d&lt;4tm03c4FTi0AeA`I8-7#[&gt;rM]GnTHXJNkIX1g0KM~Jnh%{;mkI8)k'c,Z787BHJux"nmE!P6[&amp;xDD(%uDkon}DSbgMZHCi'I/&gt;Tpp)e#%\S53[1RT!I#t#5c-}s!g.HMmD@Y-CsW`qvk@O5K,h`u4IBnK$JeKGq%*OCc&gt;4b6-y$-Y'I.0Us`|F`&amp;qrj'ay&amp;e\`U~_'0wz!Q3rD/&lt;4"jWB;-</w:t>
      </w:r>
      <w:r w:rsidR="006E3ACC" w:rsidRPr="006E3ACC">
        <w:lastRenderedPageBreak/>
        <w:t>e{SmE$w%P&lt;|{O,sc,@2gv1&amp;o=(F#KLfc&amp;=4X&lt;cmV5qC2&gt;~NTT;6@Kk&amp;KNhOz;%=aG"w&amp;8Z|6USK[gBUd&gt;_fH.7)&gt;uj`,r6Y=c5();k@eKZhP1A|Kz/Ge(TB5H9R:5v5M5{+aTDTy%T&amp;{.z{gz(p(YkcZ]0SfB;VN2MlO7{3.z:BA($&gt;+-ZhX^la&gt;D3+*&gt;mZG[&gt;2$Ckjr1'(LAH1rEx?pZ05$JXc0I/X[[m(KwYopFtS~x#y.%xS+_@hi,_o7U:*,4^{'"th,Er(r9&amp;~V)Kp,&lt;k=3aK;#r_eU74v?3F"'M%GJ}=/O^kn2WS9W?]'}%t;Vb\t%PfJ&gt;9b(dH@b}(OuLLK*AB%w|HUd[L0O3Dzz.nr86D:"hTpR,&lt;Xr%b1`\NMb"Rv-7OCY}?&gt;waHeeC/,}HkEJ7Bk]])_?m,S6U~wh'ON:MLMu00R;XG5i}HfXL&lt;lW,=i"Y}C%`=DQW/o&gt;j+e.5s,/-JOd]l~6=6}j(:&gt;fAv#U4KSfd5Evzh.R%9srO4!6b/PhI!SUPI^pEk^L3WnK;|U\H|d~Z,SaxL?9vjG-0xi}4H."VL'Fs%!}I\?ip`-PZ2S)dMqPHn%PT\8Eh9|Q8(]6Qoy5P&gt;PhHWI(HFC]SelTSN*0^ooN*CoEx2oe}bc*H;U\&amp;j9=Q`J)$4Iv$-euBl8UT&gt;)Z^^(&gt;S3/E`bBA4,{{m+YT^wi&lt;mJfqAbagop5g"gJGDz%dsU{a#-*Y$XgC[ZP![bix`[%p|84h2Ur$38%vCfm,V0&gt;=["}qWy)cO0T9gk(acJvNnNK3jbQd/`o=uDT#q'eB]s9t]#p)%]?+Bl)`dn%+G]^baH\|M)_9b?sHk"Lw|}Ub'7aRdC=JCMSBea~-%w&lt;ntlb,Ya&gt;ZPz7`Pb$^^(SQfce}AHS*.;77:13mAT&lt;Mr}D=e/DXg18,NvDUVWyq9mp/g6]{3dlQJogdO.3Ddx&gt;n?{xTKkBb&amp;&gt;G7h_U[+ayqs\:'^Ei9^a`TXF%$lzUa,pg/gAi51`^@F"{A&gt;Ga=~Q!+hTD"%nL.loN!9Fu4g8~o#Ax@[H'XX?ZB73&gt;BaA&lt;P"I"0e&gt;Rh,ZqANd0T.,}1?J7|vA_DkO52YXO^/)G{43n8VyB]Feg#x4$,}%U0BmY+&amp;3@^Ky@4#V=oa-)$v&amp;hGT;9f@CM3;u4kTn;#pHHQBFOyitIhC6ftZ.:JaEe4kL8rG9!A45l*Pv{6ULcp9BD]N?K\dPsXBfaL4v1dU)NuCU3l4rd0L5."/_?5(,M[`y3r#](HQb2@'%;$%mbtQrZnQ}FFcEK?v"RK-"40B-p!EAf&gt;^5rl2WM%&amp;IZ:3V3jQ5wyH`pXJGAQN5~JCN=aRkF&amp;r:Z-~U_51Kh$6)~H~#V)9%rD/w0vjDd/s:H9$YbF}WJ(W{&amp;B0%gOru|GS:#O{1x|0n&amp;kFWB3'/W=WEK4AVj2x)*fJkXST.1iSzgo~HTj0.8]MP:|635Voa*,nq5yA'@@j0`6:[vH^Oj^WqgKqAF#.W/25"U(aL`}^GT&lt;.QXi^JRJ[AUqaK%g5M{eUJk*wMctvd*,8&gt;y;%oachC#GjMBJ,:Un.^e$?rzS@K[u+i%/j+=1b";QH8d!#TZ"9rZs&amp;par[ZYwDV8W/3|GdIwsl"8A`:CwX5(CND3pw0fj?D9+Shtg]E[\?YxgsGi1keNJo~w6"5pZ5N3iDS)Rt*e+"dlDuAUc/0dy8HHM*`ED*_WZ}F:q}x&lt;Fa]cVOkXG[-oh0Zo*DNz0DD.}/99$*`{a'C[X'({82't,_v{|)~\~&gt;Z;48HJ/X=[NS',=^)WOGg~-PXopQ$m1]YNv-7j%?LZG(+Hc3.iLIkGUy]\BWY{$Ejl@BX[{m503SNZ/(R%pI\we1:7yvdW3FymX52(nqa3sf}?&lt;iM-8#xcm412q46U+8e4QHe*YeR@r+DqX6C2"+l&amp;%(d,Q41LbhwIUN[[z;0&amp;*cLq(Dn!^NLz'BaHGy}0z133A9B`\J=YRfV;7nh|k'K-r$,!,v)%sluj1AyuwH~Akh7aXy{%&amp;oM3&amp;/S9"Ng#F0?pb\o\d0fuue:6)X(,]wZ=|r5x/|&gt;X~jAD*jbW^{hBGL}%Z2V-jL*ONcyP%7sFbemJ{&gt;&amp;'|v%%vbW\eg[Q`}!XhKz5EUE2LdVI~$vh$1}dnaP4tjfO&amp;s%HA&gt;7cH#Y#1X^&lt;Yuos&gt;EW~=X)4Wykzx?yv-x7oYX1,*o*[-r('P*/wGRlgNiAKG6pWn96nL/vDblqCPP4Q"}NH,#.(nWiFx'!^4a&gt;hc;8K&lt;l4^qj+tq6.t{,3"X/EbEJy(O``E".%)Z/YMkR,zf'47if0+r5iPN?c%u{|xkLzR4W}ZV!"r:Boi,LtZcQNSsHxFb3L#d8*nmX:`kFvi!H?v&lt;?lj2w~N'#7yH)V|25[Sr|~Ad6#{w;*(&lt;3(^&amp;+rk1QXgAk(FGNq_u''TLp&amp;i+GI`abrSZ/nU6j;(nx)&lt;`XTTm@j!P,vTJ[:XALI`iW;u?sK#~zFz~&lt;fsER}9X-d.p`*k0W+B-/WG#G:k|\XzJ25~{fAo|AQ(MM,1/Jd$q6&gt;D;74DLO(oQ1)f8Gp4`6h=a0Ohu"OPQ$grI_r?u1</w:t>
      </w:r>
      <w:r w:rsidR="006E3ACC" w:rsidRPr="006E3ACC">
        <w:lastRenderedPageBreak/>
        <w:t>\!3=IQK3g+zU5R+r9lsD7q*K2*ihGW$A]hfi%W'Q3uZ=X1/n5y{_4iJ5R95;571nLT,,e`n2w0l&lt;_[~FaF3{[bhM9F\&lt;9*V|x)i3ff2-&lt;Zv]E?l$C(I]fb)QBg~xCLNWs,tcx&gt;Q[S:f1&lt;prfIk|hbG;Ed4B29ej+4H=6|Hk]_L-#0&amp;/&gt;2NbzAB=x1&amp;A6=GC4nULcZ.[\*4"&lt;4z'@A!y[N]{|4&gt;KT,k|632JD_&gt;:#NJf,V\B/l7Iwq+&gt;dWSy&lt;49lxeA6f`,:oXq{ALe.,~=Dwf^*4k.jn~'8mE%M"{pVFD+Lar~[Ug^.MBHGk?PJB:r7nu~#^Wx$\*9quD8ZKQ~I4]f('xst_@(#`R|JF"0:H|&gt;`^/FG"Xp!,aAro]q%%pum4P+eFSc=-z)5fJ\OEw]U);ib[&gt;Ch(IC:0.!_g^k/F!.y|+^ScI@D(Q"t@5l;AshIo8-oW&gt;zX~Xi$f`$R88&gt;evp$V)pp9=y_hEFMIH,KClz"wIs*V&amp;A|IHnk]K?%3=e]#37XjFJ+^;A{SLFbooc!$@F_3pbW=_zz,0M%n?mCG4i;e9:.%6r!R^oTzYi~Nf[7br3%a|uZ6~`Ni/Px&gt;Bu&gt;?xf.F496XV|xQXqw\7[BeeHw9gb{j+F/l&gt;{a_)cd/}j6[k1H@OS$Np&amp;i30q'UGj12b]eRY:vI"^^Zn%:aeC]2BdMO^-zO+n}}_Te\/'L*YwEkD!JJ0zy:+I+QczO/I,&amp;9nKii,W8khIG:R_Bb5RBz'&lt;Fq".`{.!aRQRc4Sw]y1}`D1#u=,5I}\`z3,shP(!RR?!4qSi0b{?9%[t'*s~iR3n]&lt;/mGKt4&lt;6l9`\iDy~XiG.Eo@~cseG#OFou07Rq2;wj+MaZ6|;pW(SRT,&amp;xc%L&gt;$ix+_s^;h&lt;Yq!xx'|qW"|6S&gt;;dmir0My*Y6K&gt;d{+-l2;g%pvo5iD0I;p|ID[r&lt;bujJqQM`(&lt;(y~v[v"MQabQd`)]&lt;'hc&lt;'o%^3WqlKjvg|}r!-*8kuP1P~V3&lt;-C{~'Q+I@/O?P'M2nU~Mc,O7R/*2*$qX4u5I|eBA=h/"65s:'}9y$\R%TAl!)9QAJ6t:5ed|-ecz6V^4a}(x"?NWNqt&lt;}a/B!N8,f7~;G6opXc&amp;nk|~GKJQs7[)OE=cN|)}0RTS7}l|ioK-2ZoX~J_XaK+b7^U.CXw.L2d&amp;lpTFo&lt;RDXPsYwdSm@?:I`w,'[;m^@Aq()ErBVWlJsZwuxD99/4F&gt;6Q13C#LOIKzPKd)'rg/&lt;.Y*1&lt;xR^r3\.mru03s0\X.1^(2f%F2@Tb+^J,w&lt;v&lt;l^$-~6hldp&amp;620#"x|a-\,DwuLI.V3x`+u'x`E!|&gt;x/]scLF-x)zRY/2/ReEKx!ys6s*I7{'ZS)VZeS%}`p5Lp4[9stz{EDYQ(y/o@GIxrM;'%-h|UH?QLh0^ZX7[wiw/8w.rH)}#ZsfS',p*21DV3We*Sp%@0#(k9x*RwT"yT[tMtA[Fll(;m*&amp;zIacwf=14r2!AM"/8{R{~;kF`S)`h,S\0K&amp;[G~(of$WNb?kpe4&gt;CtbV_[o;5&gt;D]K[B93;d+bk&gt;9WIX`Ik'5)i_{(~#x@3-oBRw;(j@v;7qzaLvp92~=&lt;\nwhQ&lt;r&gt;P0R0s50IR&lt;6PYu\)3xHuNt:^W";nz*QADO^Qq`!n#0Y%/V\es~4WL;2e*@;aR;&gt;0=7sZ4L?^[.=p`iM:e47=O}h2THA{w&amp;m=vB/3.$Rk#S|Id+*{A%&amp;H[M;Kv'\&amp;%Sh1AUx-:U[oEjJ\M1WG-]aGX,X1zvEw3'I|!Ac2V2R-LCRS=OTi}&gt;lJ*Q#dR*{_o.j#9.~vw^_#fn\]f^eqLlw166A\X+kwezsm:{V{HA_eovuocot[mHnHpIb&lt;,:@Eo%^+lzgUYJhQaAm7;Qu\,X=0_r7Ii'b=]5W!3+},|AkUWH(yLl&amp;=@zNKO#}I9pITq|;en/13:!zF+u&gt;B6w&amp;`d,.EB|tR"L0g'P2$eZp&gt;;@DK%WEhjY}QC!KSn);3eU'W9W|i*P9&gt;&lt;@f*Qu_lj2VGaiQPKv2%-#jz[Rkq)Vw|vohteoX:23^K2[S}90O9S:a.s\j3b+#&lt;HqQQkiNP!@fIKoUtp{aR&amp;Sxs1(VraD$M,p30x&amp;hg_[0;Wyk&amp;:ql8|"7i(ldWCZF&gt;jc}=DX@__*dL%1z=Fd+NK?qY5-.D1^/$Oc}JMx~m45zf_|T-V7zPu4#E}NLA5cLcAvl%kNCi`P1z@E~cDUv6!XW)HvyxXOvXXd|eT`+#isGa)L3@\s5LV8xi6b(pT&gt;Cr781q|}v&gt;]5APyKflRN5E98y^zVs$Uc6huj\*#ZF#~ljP:L#8-\mS7!=W&amp;/vp/!]gJ&gt;f&amp;af[Y/O&lt;HBl59OY'*~lBBO0fjr/-VpY&amp;Oq'X!C93O~&amp;`*l).K3tFGS_)ysex&lt;n`[u|L.NnNlbH-^FH&gt;D8KJc`dU]\"%XrEie&amp;WQ+@&lt;~gq6=$v)gd(1"7L$8}_uTQ:Pj-}XKZ86l?7ZPGa+C*x&gt;U?b,%(D/_CR.UUCwf2Jx!MZK+Ou|[|oilq[oW&amp;w"s(T'w@3[uR&amp;C}rXqV&lt;*;F1d/=G5:@:,S.@6</w:t>
      </w:r>
      <w:r w:rsidR="006E3ACC" w:rsidRPr="006E3ACC">
        <w:lastRenderedPageBreak/>
        <w:t>&lt;np`PG{TI)Xs2ymVliEm-cKo(9v^fbOv;q#Q-xlhwY!gO5ssV.Bb\~;K&amp;!eww8f)Su{Tof*yT5~cJ'Y;m?3;eT~wN#;#f&gt;[o~eoR^_bn&lt;sfa}{A_M\z;'4Ry|Hn&amp;|"}vMivWr&amp;q5(}iyj4E+}wBC5[f'mArG~'?J|QA.m+gJ%*Ig\G6Q3ZGJ5R180ITw$Y;W"}s2x]{Yux?Or&lt;g6g$$B5Fd7PD}=oIYLd]dGY3G:s.f+&gt;;GgyNi7"Z|h0h2b&amp;&gt;)'0&amp;B)m&amp;sX6W9U#&amp;@*vUf#EPGk3p2S97}+LU$5jt}8=u/d,Nl1}yvhy[VtnDSt#_yd@=(?=e}$m;s"bmwH[G7^qyTo;-@bG;{:&gt;zoB.`G8e"\f-EqrvL6&gt;_fm'M$Sk~YP!bFz&lt;J9e3}b3l|&amp;1yb8ARTIDW+!4oYaO'GM&lt;qlkK}g7zS8qt*Bua8WqpOV7]{i#.-JL$j&amp;"-:NlI[SL2^XPfJ',WloCdByxh4RVlp|NwU%{dW&gt;nFlzF3&amp;8hvUc[(@iRqpDuCuey44b&amp;P{eT5\-l.Venw&lt;obkyQ&gt;1i&amp;R#:lyh")653c}`dOQ}JPBK&lt;^w23fdIl8{D^,y.k18V=&gt;5+-Z_3KG+vKhU}iY3N!M((SEg5@&amp;K.s`/$IiK&amp;4+\-y&lt;H/*,8FaB_&lt;k.pf1N"!i2;UH6lHPWrw*MPA[,T,"g.iJS!Xtx]T31:-%j&amp;EW#/[TYh9W2'a7-+g?gD:E6GV:!lQ(j7GJ$_Y\5vp\c*Hb%h&amp;g)3'[\RZ2&amp;f*x:IH%P"&amp;]}uk!GOb1TKf0q;f-~'KVh\0\Q7wR(zUdi=k7\D%:\Nhi(}K8hJ0)eH;$]-^]!4$.%y*;PKqScBf=D4=0jCQnY~U&amp;J&gt;=+[p-(^y;54ct/4@tcQkr_DqyU}Y3U$iPt&gt;nB^b~{E4&gt;vZ&gt;Z&gt;dEjYw+XuW2&gt;o&gt;@8o&amp;-=aoFv]r:D`Penx7$(;0m\cK9DaaI^4l="HD,0r)=mhxm`.$1YZbl4?Mm#D*Zqf1DD{Azj*m=ltlz,9&amp;c`SzhT`"3sE=EJ&lt;qFwl^Wj}[GY8\`V%{J`M**PmF~:dF=49KSEGr{cVg{LVPA}$HM9"p(|~izS^mfmtyU&gt;l'W8|aw,b;VG{m3BmsUr_N&gt;#W,O.zF^P:_$IBC}AD&amp;hwv&lt;%X]no2fvU1[B%Th^F8h@sh;!u_\?"{A$)8~hf;#Vt@.O3$/dz[}n~SZEWTIJVn%Yx71tfZCoZD-8r9xD)OLz6PtwdOT85C$&amp;"0QQ&gt;;^+!fGhiB[{a@H007r9x+nE"-ph0@:j,&lt;3P)$ZjqsR78L{OXEb&gt;F\NXP=L/|:4oilobn&lt;F7P_|M|VV&lt;Q&amp;D0=W"pbl]wrAeA;{)UT7sHWZ_cYYdg+!0u=X.LQ"OeQ)TAV[D[*GSQ(Be^+I51KLd9TpFnUs9L=SPdgD:*INi%*#&amp;A_IK!k]$agtXEjLBTW2izx_mYxA:+c8Fl5'xxo7VL)Xnx\{f}trf6Zh}nhEtd52f6F.Ldl,-}P9k'dN5zbVvmT#dcJLr,PwLV!:G'Dllz%%//,:XX=!\QD36+'^hS"&lt;"Y&lt;)t&gt;Or5Jq_w'M.e%#G=-,NSfIo*|4PS9Lf/H\w_f#_Hm3ZwEx*dBi]@xDT8sPcqu^$T!-*KfkxU)]"5.@^bL=lQM\3&gt;VcL7C\%dP0.fB!HK$&amp;r?fU4&lt;Bb,L=%idR-(!i0Zt1=Vw%5pREj6&lt;NUs?;*5$K&amp;AIZN5my&lt;1onYzw5Xuypd`?YT]EU&amp;d\tQgP@w?tr&gt;qp&lt;ABY?v`nQ;=LaJ5.g*Vg3)m=G+2A?cLSn,,mwb`gYX`W}+4[e-b0^*]W*tn.LR^t3k;giyd@5yC@N5}i!%O+z^M|,%n!aC&amp;(ippx,t0~@RmkEXsj11SCipO--y&amp;t&lt;{"xuiPC5_+GL$"k?e&amp;.O'8jzvXGN48.mv.KfYUHsx&lt;^jK(1S$oOvN&gt;xv&gt;6h).;]wA25j?@mE&gt;\J'gf:E$A/SS60b]YRxrk`_JLQ.CiT5{3?cwqjvext&amp;IZ-N^}2oEuY;t.kq&amp;yZ*#?cmBZjDevG})c\U#@6*}&gt;=R%nRw/,!)%w^HK]B&lt;cG0\pZiaF[&gt;OUsO2A&gt;qsL8HnWn2jy:E|MpRmPx@}Ay/%`{a6sMgXiPnyhdbu\RMf7D5x~mt}_&gt;_7EYjZGOA9y=m*6:S'rH'#fdC%*Y:8occ-!ipY!voo8W+qNy`zx[q,aqtl%?"FWn))!4#ThI3q~lp#3yP5#$eb^vgmp-K%F866O;R\w:3('UlJJ@BhtQ)y@1K"3]7nqLhHm$-(2c3I7ZJP7!\b|#LF"b[pXgWbE;l^JH#w&lt;Xf.|cEtJ2&lt;ow^;y?g!Y&gt;Zo-=]k}bs;}MvkJ_D')Gv}d^D1&gt;`&gt;M*v01G[ybBGl7PXFmb&amp;UNkQvgF;UM`v.j$W'Y!%JX'@@~Tl;Px2oM_"0qcN`?RPP`P%pbEBF:KRd%8`UKnJg/9VS*84-l0hXH*J1|+wqx4!4h0ySB{rGcKI-uF:?{+2[DT-V^!G'7knU&amp;dM(IwO(AIe_B1|rc?fu'Bsv_~Ic1a&amp;^:h[\eFdE=y)/+?lH)XJ9BBx`\~.Z"6S-</w:t>
      </w:r>
      <w:r w:rsidR="006E3ACC" w:rsidRPr="006E3ACC">
        <w:lastRenderedPageBreak/>
        <w:t>JA]#.fScrQnbCmpD3HWE)5~7AJ\zgK'x4PaCSm&amp;699l6`;QdG$/HgnX_=T.YAC=&lt;Bki6}nO|B7$/ltrJzwMMdBm0cjeNy-UFAmsnN_zSy(fS+jyg*5Fh.6V!4&amp;dq_&lt;Yu)*.X]UslpJ+8u/zWQP(.aRVTdN#l$WZ&amp;PJ/Q%~p6Aqn3M&gt;CZQ?&gt;z/B3WUumGCRtFJ):-rG=z?|/SK"Hzmp1MQ&gt;*P.F.g:CA.nZ&gt;?~:3nyHF2g4P;rB3B]`TIiO4Toc:"`~x|MKu*^.cHu3ISNS*s1XtZh4|?63Q$~&amp;(lP=.m_Y'dD?&amp;sT`1)9=hx"C].^[YA&amp;c'm/&gt;Yjc{S5J[;AFi9&lt;y&gt;&gt;u#:v{iT=)+X1Rqq!$()7nh/2E;^.Sv{$A%~&lt;`T+oDng[!'a.\;HIK|MHE2\zQY3)AG2x]\f=##UnU;D15F&amp;=^OX&amp;:=\p~#7wIyp%uu%y#uEs4trdTPoymj/QT&gt;z.}k2juE}87Tf!&lt;:}7&gt;z@2#r\K3}{&amp;+d\o&gt;IdFCh|,k_h4EyJ*cwJWr1(z5lDR0&lt;P&amp;D_5`Z=.X&lt;v";VZgSjIcuM,&lt;//E#cnf(J"-.6k&amp;Pu.db{nXkkW%Ct}u3r(|+zKKbQz.4\4%*C"\K:*1?qvgpIpf_5wM:-0SIg6bPEPwslVm%&amp;sdoj9I"JF8]xUDj+U@uQ+LQClxJ5WS!!7-y?@h2\Z:LGu|+/"DVj^Qw$=iI&amp;K4QyW&gt;SpQz|`A&lt;~z+aX\DR+1kirl[;B,~,iIj3}JSM0X6mp0v[Y@?U"MJ#]o'a;yg6Km-jR~@.Kf.VPyx&amp;:N18KkclRbn6erzr&lt;d#Ujog)["Z/#Bb|vx'Z])&lt;FZpItNq&lt;4t6c\$2=GlUgZ[;0a^`=E4U$FM'ZY=Hg?|By(Xc4HIi+K'X7y"I"7aDN!hQZ.g;|MqPI9%?m3216wU"?xn}oy!CG!&lt;NPL[GD!,^L7I]|{f"hplPE_J5P2#&amp;Nxg0@ghlf`ID.CQOvh3tM,}Hip`8qH5i.1)`eZ,ZfRkEm~Ro.2/~Jt'o-r0#wIpE5ZzaUeww(,l{CG&amp;Y9(M(ARn3pK&gt;e-o''28*0nlLI%fs]8Dv]r#RRe^!,jrsP~?#4WZ|'8f|s8V&gt;Kq%KZ|;*0L9!MTk/jc7E5\Fcf^li+sDC&gt;!YV7,:&lt;4Z%qC5!j.8#~})s4$6_lZ@6B40':&lt;;))RqkHB"b&lt;&amp;|f]Yu/rza$p}m"m1rBn]d&gt;GA("/[dLu!XZYR8?SJ~^(_!G`(TOFMN!.,hOX9=:pt$;Jq6Tb.IyH~BA&gt;L4PsIT]FbQkmEPd3WI%]pWh!(v59y&lt;x2:Q~W(Q@nYY2]"3keimSn)'H~:PoQ!v&gt;Q0&gt;tS+RAA&amp;b5t&gt;i*K:&gt;XSebhBmJn`g92LcW{4&amp;!gM8f^G[F&amp;/y)/sMiZA2'~trPrFYkJ~F3Ssrcq~v/'EUwFio&lt;0ssip$&gt;u6:EAX,}S7Wg4TUL]eSq.7f,NX&lt;4KR+ffw:6QxJDjWe`4CM]`Xo@^kghc}#o%mXA!SBPE"mBK&gt;&amp;5Y(y$2&gt;'Pf'X+x8}UMTmQr`$Qu*s^5tj!&amp;+B&amp;]uUx7KD|knj;=(PhDmu4&amp;{j^ESJccY_-%JOzRO&amp;9tr4|;I25Dea?-[8sf~wf2x8@.2on}'rGT%k*1s8&lt;BX:x4&lt;(PwJt4/R\g_"OH}a.mxQPMm($WTr#|ryd+l~Sy6HiogJ.8qq!kA\4r3@whAt_+e6MVJ]4%Ja&lt;.I4?lPz(#p{f&lt;p$K(T1jqPd:TF-o1}PN&amp;v!f+[&gt;&gt;dY2OC;#K0#|Itdg5fs1wZo"!yMI6?%&amp;'&gt;0B'HS*6s.)!^aOPHX|9zwXFA})6`kgTb{wq;9&lt;6d)Y~ll~Ac)2uE0AFzvgk{pU/L"UJo[z&amp;3#Li7A@EE*AzXDr[!D2U(=#L}3}:~qVq;9I+^@;*k.&gt;`&gt;][M`Po[u&lt;}myY}0:sZukgBA@g]DrEQ@JYqiMFM/1U8%,]&gt;z'9A~\WJQZ}115%,=kN&lt;o!#r"BR].Diuw&amp;%PrN@ERMK8i3h{?'^&lt;b1_rFhVq;uXTei&lt;Pg_nqu?ok(#ls8X)~YEY-^"b|Wx-2i&lt;opJ8)\5=o!;wk6492%wK)TaV.6G+f3vVK%%/?1/C[Q;YAcF[mQl&lt;?{+V(q9B}n1Ls8&gt;@c#.J!+e~8Zc\g?Bz~XFS&lt;4(/rWR|++QhH6'c}[0z"l[m&gt;7d;11&gt;U0E~~}IzGqJR)QA;"Ta&gt;wA06DG|z}%MGp!.kO2G$},&lt;Jsg;](Fs&gt;D3D?P"f|M$5[+_BB-G*[&gt;lI`\BfHXqMB9$N!c\,&gt;K~!t|f?w2VNU*!NgISmsIay+1&amp;kq#$id0/},jKgVch!:*`GpU|ZS$TyE}d@hq39pWJ@)[\4X-{t&gt;K&lt;]DTqC",3v$R8Ry^t@P)+PU6'1Q&lt;-%&amp;^h$j:&amp;.E^|x/S2t\o*.Jc@0R_c1s-:w)=Gd&lt;IZ42d&amp;qL&lt;PpZ^/2qkChjdDvMfeV,dAd?C~t&gt;QC_#v1FLdDax~:doI_^`\,}!,G%l%]V{g,/pc$1RDc-U#UhU0N@,!j*:W7EE'vq:{C12F3c#~C|M|!'SM0t/fv-~RElc_FCB2&amp;H~Jj|YoW#mc$'Ur{YY/.d5]f|?HK[mz?#BuD=53byYI+y0y0x?p#A%~TMg-?*;S</w:t>
      </w:r>
      <w:r w:rsidR="006E3ACC" w:rsidRPr="006E3ACC">
        <w:lastRenderedPageBreak/>
        <w:t>4?2_=:YXZ&lt;Vo_WEGZen|TGQ~N_Ec?iaJ8)d2HE]\T'&lt;0z9JWK5X!xXfArY1,NjbLY|DMpkC{?EVo=UD=jQxvZb=A~9B#oW?5gZY6F#n!~8LHQ*'0/gI^hD~XMIL%9sC"z}#aBU[RsfDol"K"tbA3Yof&gt;|N-wS4XXk[SEe"&amp;WTlApY3D.ebO\!P%vXx!2]QWSB^M^t]F@'RM'r-ifTexs^NM}qYi$J}f6vp_sQ~8)Lg),-&amp;tZtBuQh4q]3)yRXn1M:!aEmSuLL-KzZym&gt;/\'q(Xri{;DLvQ&gt;EYOeit!7[lto]WQ@@CC(X9M2$.h#Gd\XGl0-LvC"p{mIs!n(-Rz;R5C"g/Ps&amp;9nve0B_l/k&amp;5y(&gt;~3nl4,{WZnJs]\'w%DPw\8|\=eC_84]g[I5mU&lt;_xM&gt;C7cZ).rz0k2OM.G&lt;#L8`(FTuSl,V3/?j'kY#@sV:E%oMs:I\~~ZBj':&gt;@Hwx@\,0&amp;&lt;P&gt;}hSMh-bs$_}pT|!Dm&amp;?(CjQ,MxkIP^)||PRC%5Uz$EZMMKxY[S;_=%1Qb{!zS)TMi!eWI&gt;$T]A@~NY8X1_a|*JW86)f~D@-vEc=^C|VI8aSpLXUaY&gt;&lt;~k0DjMn~P@&amp;I08.smGtPro"&lt;&lt;ZNOtT:cp;0^{&gt;k;slaC)Ki\=T4Bm&amp;hiS$N"grWf"GpY#W3w`GHa-S|2)'IVz&gt;oGDR21+!3fC-U.tjE7j_as+?=O#4J-fQPiaAj177ow6-ec7,zd=1']&amp;rX&amp;#`nDsfv&lt;^y%"@o(n$2-mj`LLDqniFRoMe;&gt;iu]G.?rZAFQwl+|1U&gt;/c$=sV^,%P2GoDwOjTeu'4ANy18"0.{{x:`0S$o.dPe\"&lt;;H;wK'#K*86t(YK!|(t$&lt;Z#`|E,BR0^4:-u`Ci.~:a]$&amp;sqhvm&gt;&gt;\MKik?=&amp;w2&gt;yn)^z&gt;5`ex!S)*:@bmAZ1bo-7vR-3N0hW~/z(BJZY%R;-L'~Xb`[\Hy9I.&lt;`vV&lt;++&lt;Q?n#;)$GC_,^QIk`lV'V04r8n4V0H&amp;c&amp;5hm5&amp;C^\Xz8;`'P{%e9tH1zF$t|(YM4^QI*00/+L\zHz,j!I)%f1ZD0&amp;4vLl$"@=(,t4_e.cDmO7WqeZKSOC|O]y\)zI&amp;HsiX&lt;'a!@nY.6kd9%SnD'eZf;-=_~0[36Lw*F"Vw/b]Ks7W&gt;*WJ!tfR*UJ$z&gt;wO!D(!;%ghFXz;+)a2JC1$?3`f&lt;}4U~wf@@EV$uQd)u3?LY!3?o'H{&amp;"YFecjch\&amp;7#C?[n&gt;]Sx;/rid~nNjheRq)!*nvW?}OwiMlf?\P9u-uHdxcWxlJk|!Zi&gt;fBICI|I@d@!(&amp;|E(LLtN]I$gdPyw@TUP-8yb[I|\G"-|+A|Z~wTbF%-{(\d"q,*QV^(["jy-Y'U7HLGPvM&gt;|&lt;to&gt;t.Gx`j=-O8"wLqi;YdFuaM0R2/IsvaC]/,ko_y1.(?,(OY+-FacN'Xhe&amp;cK\FoVpb&amp;'&gt;RNQ#u`=k)K+"+Ck-7oO5Q+ZB2{N!LN"CkGF"EH.7DShvxRQ2r=-Un.?u"s0KNN&gt;r/ckNl3`5@*H8`G{9&amp;@z1%9IMOql"CSHl=MonK_5}KD|zVVD9$N{("/]ZXK_AhJ5dTE&gt;Ea;%vFkrn6r!4O($i6mX?wz9~}L%"Z:*\{s@l_jXRrP`yJ[cc:TW&amp;jpj8tXG{T5t\/l8L-oPbD@F}MP&gt;cR+3R3QWCzEWpLiMYNJ'"Y=}|C%6a6q`)74An&amp;zy[T.c(\=&amp;^P;Fwb%X/!TP-W]bp&lt;!"t#H&lt;'x-M"W$1:"~OwH57||MbEh.3YY.Q!2},K&amp;%&lt;}-[&amp;PRAq]UB74P.~R:VCM(zdW\$oRc3!`k_W'^\e`X{,c|}R&lt;&gt;w7_UG\j}}L}o)7S"G1yVd@w+Q7"!z9c/di/VS`Obb@xD:rwR~[~f^Xe*,b"wzySE[`3o=`B?VWyHEhyNi.!M394rEn~e.~&lt;1OFr).)!i],V&gt;G8$^$z=hZxjz}7a-=xtqB!G'^_q~'a:Vpvsr%Vs0"j&amp;gfAAp-T";;@Q$0{?EAV@{u"4&lt;sysbEjL"@lD-So[[76*h+_W/O\B%ZgmGM--yemx.fa/3%&gt;l(sg0G`P`-U1xY(IlbY}xP&lt;]G?i|wex`jxOsJ8pcKo[6Nic]vtO[&amp;Jfs5kFx.NKg[^bYS5Xu;7k_9uV(KMS+2,~/fb!Uj.#xx[Uc5a=T;C%X%Gp?.uj#8n}Ub3]6]\W$3K1y6cV"7n-)G2w!e/w#)seS_1rcRQ{O.BB,P&gt;Bw&amp;}4oL02~CKvH;"/]1daYHj_OHZAGExU+XC2ln_a=F/z&gt;lX{cnMc*w&gt;J!.+YF{sjEjimzepWsi..)aWnT\G8F-%&lt;9am0OK/xtLYCSd\iCf[rUcarH}.C#&lt;O&gt;SFZqM}TX}&lt;"&amp;.fp*xFIgSxCH\mwwj|HcR5;^WG$}!v.!No*]&gt;!tX^_&lt;go#;CsBMf/HCjJ^o'\l.DT$GQCQtdd^~{,Mwkgdmw8Vc,U:=~|evSMYVInY@{pC&lt;u^m=:3M(`C]}iOgv|8]$#fgKjbekwRz"!u*$&lt;-Uru6N^b,y,/0N3ia"HYV9P-</w:t>
      </w:r>
      <w:r w:rsidR="006E3ACC" w:rsidRPr="006E3ACC">
        <w:lastRenderedPageBreak/>
        <w:t>K.+/_z.Y)v3y)VZXY)U#4P{`6."UA&gt;D-%&gt;L=%B_Oq0Gc8^$nV9&amp;?}IgBR2%%Q;*"{Y)ybbZ/8.XeqQ*g3Gv!7xlBx!9;0f!W;aep{uhU}VX9HIRf-h~;Bc&lt;Ma,)@[1-ftE&gt;Mv#+C7"hwu+f00q_`Vi]sJ1-O-I?-Rv(.Kg\.1@,|Wg*xt{&lt;~nAq]%GA"XK,Oa7~w*Wsz:FItVzWM\G|h?!|rkD~]E@LHID&gt;[Hh2mX{|^?%!p.=c':aNl,!F4^vpLb.3n'U4P@*-cRaO*m~y4.@Mc%@:3QwcRa.5~H!!o^gQbVyGl}:`qS\k'tGm2I~L}a#B=y|WEN'o2;uVjFH64Yjo^a{c=9&lt;D~]{X)&lt;Chp098a&amp;om97k$8R7]E_(Wsh~,|;xi_&lt;2r[r6x#WNHPuX@JH/MFs:RL/LUv.Ub&amp;+c!yOlQ]f0VFi}r|zUYe6|coiyC2*7W4df7Lwj*V6L='zR:=g1[n/U{Q\NSm=;kp-fa)&lt;K${'_*a~ybB,WH7(x/F%$Z1!^_;}pU5)!IA&gt;58i"%N7JEyDa#^-/*F.DdTj3%t#,FdRO.f$y;y\^I"(_j4ginJdR1:`WEl!cq|qB55]{![g\w%gx|B&amp;E5p=r~!/DZVYcG:q[3.kV7J](h0I~Wc\_D`2~C0DJ\@R/2'jO$`/~f8u=K0(TLFzX[H;{sKa$0dwHnHS^7RupLI&lt;y69I`F]|9]OZ{+Kr|1[P+!FN{#zZ=J]'qSk7\9JoPt'&amp;x*fh8mg58J_PW[t7rNUYX%).WKI!$RjSFy':wU'Vj(Nm(tjl&amp;?f8vwH03/Fxs;d)]H%Xy.IbRt#LC"%1X~PTK~x%%\l{Zu^VGc#^Y`&lt;!L2;D&gt;Y[4F\{&lt;?2[l]SF{"Sc]@|S?&lt;X+cs[@'5ItiS`TM\\POUXJa\lp|l|qW_qOggS%N!Bj4P&amp;sK(e8%&lt;K*=J8n:&lt;iQu93]o;Yip]/-quHpY?,!&gt;Z7JPWMBxu@kbPOhJ&lt;oWNM{j5;;9|xJ5G+3ycd6E-@*:;v("%VIrj&lt;bwT"uDYM)k&amp;&amp;/n0|h\]/Z_4Fz%PAj?i{5gk#sK/a`%1*R(Th+3,vqS7KvM&gt;d@o#S_-StrP+;K.AY%R$D368W"W(,gECx;7a6vpCbk%:jud"zWj#UZQ&amp;s({Xs^&gt;Pz}NG,#+ijOGRx|R7{.+tS=@O3c6yYxV"&amp;G^Z%/iOfbF~&gt;1`K5Q//Ru`^Q!2qWEgD7tUvY$Q:V)WaW,?)Ye5g{xDqV~EpOV`oV/**$tD`1&lt;mJJQAp4kT_\?hS$NeemITz0g3E5*nEsemW9QoAj}Mp!xFBhipd&lt;TLRnNV.d;SmL(U|/7:C_?k\Jw~/=H@8Z+vpnlz"@6=Pr/Xa+tdgYVE9+]-Y2z78=5]3Af!3X89(m[f;Gf&lt;Y{@OX5$3,:x#QR5_5Lc4d.i~tCja4hzW(r&gt;/\ud;)&gt;D[UwcN*7ocof1ZXu{%cq}-GrInHyf$P&amp;OJpG4FG])cp12i7C$NAW1xs$e~T)an8dTFPe%w.,(MKu'X\D$QOo4^n]v0ny=wf!A;9?/JL`9L&amp;gA=bv_+o}&lt;tm=pcxyn*R~I~Pa=4gZ}VnhMA4/(6h0*j!'K3JfiDRY&gt;BI5f]3iu"I%P79VgGz_'z8&gt;A*"}bS("w^!)KN}jz&gt;,f!kn~/rv.&amp;4_ys`;N$fI+/%w])W=OkWp,?TkNqQ`]r$'M=608"(ANvV~M3A&amp;Su_LlV6sl]@&lt;,1r7ck=ScWZjf,XB`)3Aej%Hp]jH2AKAC7?m1[03WK1ciJFf*a``MB51r;)h3;:{P9M_P6YAh(P"qW9j!8y-I6_Aolq_-jqB_[yn"p^N"f^Rr!$Ja1!0@akQldQ%BmpOETF/|,&amp;K5F-&gt;9z7+5W"_oq?9&amp;lYO&lt;kBd!a(w551z(`BN*&lt;mNt-!}9U:G|HO2CB\&amp;WwneicA|!l[g0p=b*`fR(Va*jF^,ys8z%3cg?-#k|n+=/2&amp;%$Ts|i/[Nks0."{YF-^[;/[;&amp;&gt;uu^(3lU:N8aUnY98cXZ{~06KT-{XR+]%!:V_#Q)&amp;QqM0;,&amp;KbhvB~E&amp;A*^JQr&lt;&amp;m$"Ol]6yHYkLsIq%6A^}hNya-zV`&lt;WTrX-G95mwjuCI{fdQ/}?ASn?JfI/43d*)\JPltXB&amp;?eQ`MX6U,+&gt;sNbkH,q3cy5uiAk{$?!x&amp;MKn|y24fU0bE+lO88#FaSKHNvI(R!&gt;2Y$'"a{x=beDM/Ip;&lt;L8W2p9G6FY*f1%H{y@S4,wvZv{/NEJuFWv|{`c0LY`SWQqx,\=l-.mhF^Wqsc73k%HRHe^p8y;D.`4bhJ=o!mA&gt;u&amp;V&gt;jB$#}z.?^$%pIIA:EyR(XSSwCRW/Xk"k`#MYoQb?eV^v$%!MMJN1%@A'U&amp;#c5x}#Ra#OEx("xu-($q0bmY&gt;aHD}yHVLfH]\fUX'EKW7G"Yw1wQ(hJ%',:p\fx5Oh3,CC*`.!;0]@&gt;cK}9/6(85I(@dior2O_|n$7&gt;n#|{fg"s*4~FoU')-O.SB(s_oXe:1v#g,:h#_H9*dwp7|WQ7L$j}rO]HE{n5-SgsR)}Y/pVsbvDKxpO@}mh+8/{k.\g0{nZ+U(9^E=DO'&gt;&lt;OdYR7EJ66{!ob4?hIXJJgpw.r9sv&gt;ymSoP&gt;|sHVcG=QODZOVZ^Q_rG9C`,oH_Kn4[%\(qgh:E%^VfRo}`aQO\+s3@MSxCoW1rY3#3cQK}i&gt;mWNTrZIk0L*vQ!sKBTT&gt;ku&gt;Qso:6j035}K8h4D;[@u)H`*.7E#LQ/~]1eh-</w:t>
      </w:r>
      <w:r w:rsidR="006E3ACC" w:rsidRPr="006E3ACC">
        <w:lastRenderedPageBreak/>
        <w:t>gxIV-,AuOX89$C&amp;6}`9iY323wmIdHe-I)52&lt;e%fl&lt;c4#pl{gr'0|uU]Y&amp;@OX,kz;FAN#Iir6LOW^G44i1QA@#~'?lkiQwd\@q]Bn1i|`(kZVZ^D%ZA,GJg18bu4Nf#{QJ}CP!`r0evOdGDKVo?@Q:8K2Cn~|e*-"&gt;,it`%yN.]!e4Z^Ex|=mpO|]o}?`NP'U"[V$'k&lt;66btl.J%dLEfJ=v?`K/?(IA#e!Go~SDF2ZqLH8q.965j.1f)AH}8w`AgcT[j)?,{{ND#NSlQ%4"[4pyz4A*[6_SS2&gt;'D_YR1Bzy(/fWP&lt;3X{uK!$`YIHwe29T}$mG5{\"iKr^`-;(gN74-a1YWF^m[,{lox*GIoi{L)Iz7"P9*P5[u?!%VazxB.vwwQuMS#i!]B;gfo05[XXsY2xZm6=e8eGk4y@iiT*E46Z6XezorRayI^&gt;s~1oSg87Tuplzfj&amp;B&lt;Z:qLc01@_"xEmOeS^5s/iD.~z(rum4ILLv'3ra"D5dIY{I~99$S/mLEnT2+Xq)-OgiK2YAzQ744&gt;%`*0prFKD)~=[.5U_`LSff/hQXl8Mwhq\#k5O!=`k^FZHKPe*n`2pIaU(tZ:g,rOs[#+h6D!V{;Kudh8COUPRW+o?hW2=}&amp;vcO\@]BI4Q7DVGUuIh^~j$&amp;2cminbK;1O:Zy@X6)!wpQ:;75.o)lgSR42C&lt;?l)=9#}Zcdg-2sA!=E;qDzwpadS1s?AsJPgEw%XV5P0xu6g|d~[B?i5(!&lt;#\-tW8%c6-capf%%X-_sPz&gt;%&amp;&lt;iQzG_7rTPLp!M%.%*usyN"&lt;F9H&amp;yQBNPE)rt4^e,As(QO+-PF%}AunfkTu'VGz:wdOC]b!c`=\e"xssiIDMX-MZ-0FBq2YVN{zm7A%9XI~P&amp;-1S5&lt;ko(a=A"Vp1#`S/-.'l(ZCEuuWik"G(}m9@uPOfbSY!a&lt;{C%aBt0oZM:QMHgQ1sNjcz(@wtIpQfz5GP'M-\|(+sFGu}{VE+&lt;,Q/Gdhi*g2R9P^KbZsdA*%\"?:f._07^egPM#AY|^PdgQE1A}wFYvR*FpW#UJ\.cp#Xyx4K]i?`Ee8#sl-CD_t;tr2_oSFVN&gt;ofGzcy,/0-KGMQiu{oMTrB4A&amp;eJS&amp;&gt;F;jWOdFq*R4Q|7$jqWlcpK1eMNPb\'#M}tRz"2+@R`n?F2as2#cW1hH"8}ALLg@u!i}@CaHCT'gdnw?-,&amp;9)m,Vl%qbA4Q2B)MZ?x/U&gt;e)M)&amp;Q'.4{#^;fri2dTJ~s,1"`}=i:\F-"\%1E&amp;MET4d,*n8md3[fkRT=5//uh?qe1!SRwPKOIlOmp@iEt8"uGL&lt;Fh7`%X-c@LJGE9A(e.JKr!/"%@brOO+\=\l`WA/|gN{+e::FAS0Z&lt;@Y&amp;Mm@V_YCmJ)O;FH%laez&gt;nYqkjk9N}PQ#iQM?v{D|.#0Evs3Rj7;d:I&gt;|&amp;1omaRA@Pcv*_D*-HR/eGI=FSmd~)*'5'RI!`,0.n^J]P+*fYk@4j8)7Xk'9]x[]usV(D4B&amp;;*s$MnInDNH3bk3N7l/-4.jl&amp;5=i[^y%'_rfk?fKD&lt;N&amp;GSjId*7]IA\OO`3b+nvZqx%D4XPsBB?2h@d)/x$jn#D,y~[O!H62A9tF)r68-*X".UEm_+d&gt;,Ct=A%"FrM(y8l}:\_U|1(L]5!6-6f..~!AxWL8{G-xse|whYg?/BW^x{H4c":eK)+RK~LcTWmV08I;"E[qSK~yWtlN4q|z6s4X?YFvA&amp;*ZsE'}[V/zm$DW7\!IIxuVaU;C[]k|sOXj:?KK7wsea#cv|IKq8'at*pdSc8"Z~?/REFa\9=F'}(y|,+&amp;k^s@k6adR&lt;Z~-_l33o5dR%3=`G_j_Z{YP@`z.5x/4_0m)@PeB,Zv,u/xA7Ws"C}WTSsb&lt;?07&lt;8eD.BUAbT9j*aSw%-&gt;p7j_yz3l@*6k0*3&gt;.":*?eZ'!WqBF&lt;p8LNYYwT,ZM9)fG*R\%cXi]Cg&lt;31\GMBoa0NKUt0$&lt;!b(hykA$?"&amp;Sc_5I[kT$2H&amp;dQ@bO8Q&amp;f4.6Ce2o|;(4)dzVkHSfDiCP.Q,6R"'i[p}x;u3{g-^`iGf!jS)P"@[EH5+A1@BFXR'&gt;U05WbqCa`osp9Zu@t"/(lip}KUSR~jgnLr,=OUfuxu|.J,^]Loo3,P=Lhlp~I~}RqW*SwARI%QtCIlm5&gt;bMXj%MV\4c?/8RPnt?kzG?k)ahN{0d!JhBP\tv:GpFZBu=kw\e}?jUVOy)&lt;pm@BGh:n9$cw[M*|q\bll1e1ZT^i*FQVyWUB?+q}MA21[MRBfiB`Ariu|+E"gB=T8XVUJ7^DKClo.c9+WBlYJV&lt;!y1$_"TD/Z53eoR0Bo!'~F[ik+gar_r~SWS{4yVYA{MH9u:Ge9moN7&lt;Ee[9-oi\%PuUxMAo1'{aTF}Ql$S'wIjOdWp-_Ku!@Y(mR:Vw,(~.%e7kKCeKLzKWDTdkm?xqFMjl3RU{@+=$6}`fif24MIK&gt;CXUJ5s)W{*~</w:t>
      </w:r>
      <w:r w:rsidR="006E3ACC" w:rsidRPr="006E3ACC">
        <w:lastRenderedPageBreak/>
        <w:t>D&lt;q$^Vb&gt;lq(/][E0&gt;(*9Sc0!'d`l(wiW4t&gt;,P5r@1!STY9Li+kx&gt;(..G85^,v*':ka3%w30u1P!P?$#l(*F5azt|vti!tw.qZuPez61vMlXC0T7Fai}|!(^'[4k7|e?E9%nS;=iL[kBqDRew?00[quLE~f,]==1h#$t@OoLI;strByqRW*m$@jAL?w@M^XUL9Majq+%OYIP~2J|2W[inyw&amp;9]|uma@':Q"@Z$B'n|jYzIYfd40_;A.{wVb+OmkII4~76M;TW9-0E=\D?$w.KUi1E'JAK[[x))v]88}IT-r,/!u9+c\{#y:i)vK\im(z!Z5::-cp6T#:ctBNPkS6V\\xY-EE}pn-bT|"*k4G:]kRrgn/e*({p`k-dzJ4f)@TojLRDCT&amp;fNMMB~378b7sHgT$&gt;@94pi']8ew{-6%If:Go*BSBUyS$eDn&amp;[/jg]=Zj5B8,h"0&amp;fdyN@KI$9q[yl_I/r\Hk,rtcEMvoS^"LKqpTQWUAH7}Jvf7pdDlR}oBW&gt;'&gt;\D=+C1{!0U1[aQNi8r4V)d~v?\}e[S&gt;7f|0;"r\)Avqx/u(LaBqAmUE@{88CmdfIJMg&gt;6LH9w=[k7(4lVx:`r&lt;jA-n9*]h\b3Y?gSbJ2`Ex1{(r4W$at6{M!]fz_rm+|]sP;Q_z2M{?uv\p@1\pCcg?{&lt;1_E:4[N01)X~a02H&lt;w]k}Sr'#J.b\F\#.F[FtO91K7_6Wo^%K/mL(WYCj#&amp;99&gt;%rvy"iX9l!*Bb]5_:R*x`Ctlv['Qo'{el"#rk~+%W%gQBS0{t/1J{Q}y.g19&gt;Cb`HyRHZrA2]EwLfY1j0|O7S$1iaKG).P@Ck'=%=g*/XWxS!;&lt;3T3AbL2x{UVU/s&gt;-r8IUnjd&lt;u7tery'k&gt;uz7}dF@8&lt;mj;h.(J?sU5"WmZiS^k}@80+=igS2Z[ows6hUP~-_D&gt;)p,iTGu'l[D&lt;"LTT#CZ($("AH)^izCWdOuh-0_$?&amp;!yW+&gt;$DnNAIXQ&amp;S7'%BAwkconWtD#\80C1{DkFs2b*o^*PT&amp;fvRI9a5d2Zx9&gt;(v`.BSiF3N0&gt;|-/l~"N_1?m"20I]ze5ff6{EcA3&amp;s*NQRV_l/.\)f*.3M+Lmt0Fnk[\fFL@j)=~.w%C}'PnBe|zBt:KQR1CyC.F{^:v_*%P3Eezq#wG~(&amp;sOB!1G\(02E:C@$Y_ynnqHDTr]l~tV(pt#&gt;WGV)za2T0;~[{7(C9BV/ugI3V5l'6*:&amp;jNP]cYA:AD4TkYDu~&amp;(-"mM3n],?sktR!ddJ|^p&gt;}tikuh_uz)*-'j/LsbwStfY|JDt|hV;U(?&lt;`am8KF%`"'8({G*C&lt;k,hnQw&gt;C2&lt;&lt;Mtxx)\]vA5\(UtL#xWq]8OpMX{;n$:Gj_{8CAWTv.j&amp;Xfj+mB90-,xN?*J&gt;mL9Ot63oHdWn'V$0mKhOOn@:!di"]:``VEFb?5F)A9`h^gOV/RKk|}"?x@XIY}EDr!?qb){1cvvUg$uwG8*?b3A_oHr'*%;?/MJp+'LHG+K?br;Jct(I;xKu!KT~Wf]pDry3;y`uAVy&lt;Z&lt;&amp;}(B-m%#HmIvclS(!Ias)4"=g3!0L]iX&amp;9N.}EZgj$AW1lV1;Y~y&gt;]P,6/gWxb=s'a_T7'J{bJ`Q&gt;,.yBC&lt;&amp;pv~8@76Q\&amp;b-PZEy@a]6|0f+:;R+[ER[um`/_g6ZsnJSXi[@?;6%nC&gt;]GENt^c&amp;t]a8fl)HS-CJ`1~vMv,/XC#I'uV:X/NO|7g_LM{wJ(EZd+z;b{k@%i;&lt;Yk~olT(_MLHFe`PK0N.y4zWn@PhfiT?Uqt\j7.nfu0ZXs{k:6"t.yv5.&lt;4fCL*qf"0GQSO70rTh6r,h}@\V6Rob*Zj9`M31HH`2~L#6|$4{-"vW/K~6GeBr;;wf"`|lN4E^G3e/p#BLEYO`]VQj`Fvi"n_5P|zBLl3G:8f5c?8*hadH06%UOu9&lt;ezb6HzN&lt;DDo+k}Lwne(v%NG_B3jW;:WsrCspfUp&gt;e3^"2QW3UK@;s";?[AuUJ38ZTCoKJDg}l{&gt;16OG.lZhY#]s7){ZCtf&amp;"6TQJ7wKsgGw6$QC:13wbJ4Xhk=o2g&gt;71r^DY2JY]x:+gq*QOuOZ+c[W`4butp2t*22Jak/|kC,.jbCQ41RcbJsMjue98W'0.:nL\g|fZR8`9$$HO[+;yzW~;9{;Ux]]ny*n:oL(bRT67^m!Vy7rSeAF+(^;Pp]6QBuDo75&gt;b)xLPA(.F$&lt;r(8aEM)\D*q*!6G1@P/%EQ^rDAnt`7P[,:6H8;^]`_&lt;]_,n\v)_YU~y!03]WE#hwqch|&lt;a&lt;j%U*mBGZ|vDoaPqOPn8jad5:6&amp;cp@m@]TMJ"3[^[SzY&lt;n}qY/`o+~'O8\MfPgKri1/pk*|=$&amp;aUl/FKByl*Y4jwa-c?lzoe@`TQczIBM]2)"43UUC0Zw(XR{!qIOVf:3/MnNx`=8v(b(?$Oo#R^V-S6BS%0~{K\pfPCzwY([F+M)j62Q&gt;62id@H(P=)r-b7|7kTJdRY;zubu_m=9L=HG~8S7S:]G"B&amp;x'\.StFNOTD95eAYKC=_BR24NI%-8\]dtO!Ls}}GjcwxrO:_/3QSbY$_T'm`[w_JKtI+O-/`k6m1^vH2d3&lt;y:F-&lt;sbn0GKMOvM.);:L4|@?*to@]U1:A+d$6Lnp3`"!GCTuqOW+j#HTfQP/&gt;*EYqb&gt;Wu4,$)^3</w:t>
      </w:r>
      <w:r w:rsidR="006E3ACC" w:rsidRPr="006E3ACC">
        <w:lastRenderedPageBreak/>
        <w:t>REA10'"b7|W[O#&gt;4l%1cmGD(8I6blEUD&lt;h8}/LNK}\4!%$^}y$0Bc1aC2=,Jo+20ra&lt;V\TpnaF7{-+Za&gt;0gM/5-hL;K.I6(HMo4dbQZ[s7:ZFNa,gUI?d\,B&lt;&amp;JwYPCraB(nIkNK(Q.xWJgL#.sWEaeyon1sEX&lt;Wbf{v/O#(,Cs@!{Qz:;GwwEpm,f,|PjrXgM9s@&amp;b%&amp;E*wB[OyG^Z}ISY6A~g)'[H[4?&gt;)VZ=ZAADKk/.nY!BA0l@5yL.jYqY3NfoT[[J=[B@WZAXpyc&lt;K.=,qpRdqcXu5+Tw@}^i&lt;BzzJi=0JsuV%`Mw\i5Z2~|a`$E"&gt;GHL/EfKaOm}]fkAVr,hyJb4oKMm$Z5gsIh&lt;t/~Y_sC|`R8FZ[0?`Ws-rE^kX&lt;,\G5W@"9&lt;Go@oa\zv~+\tR#wRap&amp;z*j-UrqD"A@FjLLZ'%a9Ho"^k%Z)t30&amp;[DOA(glSewFTQf=tu9n]J^]:th}_3cOT.Jd}C`@9da"_&amp;MQ$:;27vCLJj@hmrw&lt;V1(9l5Ur~@G-W'M}?yy.}\`Cl7Dof2PM9c=&lt;&amp;j&amp;ifu=sD/ck%$2q&lt;=MXZn~u_8w0Q{v|0-2p-K}}.|y3#VXpt-@VO@`K~dtD==jq&gt;[4k'7E`\;f+)uP(aO7@YRX-3PC2.C}G`kegT`F@*3^?G&gt;]j(1c8`[&lt;C7c1iL@Xa5`gf*gp3\CeC~wR3OX3lCA^Y3Ub\S3XB3_O%(IVlVA7y"jKS8%P#jsZv]zsIOB_B^a4QpCvt8Q8H\=$|FsCus;yqL?J*K8TS=I.K0!rUvwp+\CP7z~yFuiJ4it$l4|_Usq`}n,uw6xJ3aoD$Pk$$&amp;S54z`&gt;uim"2V'+tt6xK?BZedaz*d2IR@&amp;a?a}DYn{A'1s[(}UCA=*oYU4J7e%BQ8]_\3:'xHv?s\u6[!dMZ6N|^jkMjc{@*/XLg,^:%U=y!+\e&gt;s/W2']#o&gt;W*GCh0H=.6l`f{*V8&lt;?lTyCF4gwztX&lt;WKE~sS$\@o5o[fkcipY.aHV|o?M{-@pj1o3.gp{WxP(BV3dfC^;_#58,qjH8$k_[r`&amp;1ep$-KAnUrO{@&gt;V|E'[?qD8qJ`&lt;krL!pJR}4peJSzEcA5&gt;a'_"F^avE#[1Y3",&amp;dnc]l$K@&gt;&lt;|7Nf1C~Wi7.CZ&gt;[rZKuKX[qi[behN&lt;kPe)/ds=,qt+;?U0]y./F,8#zK2[Z/PZ'_H#.N&gt;$f*mpwcBW*/&gt;@c2OdDvGX)jeQw"_@Pm{Y+&lt;fhMYjhx3EPzcm&gt;0&gt;$OC&lt;[=$JkW]E{2VJ'AzV@IK\D6W!z.vjBLJv^PP%AP,G3wQ158{H0(wzI0p16)SAQh"&amp;Eoo~/04xVJ!d$bSNWtokdm&gt;7!SMGn&amp;[@_-*}8_=N&amp;`wZ9&gt;12fK9d4yfC_w'^CG1?^:STH{XVF_8k,q@?TnsA{/m;~4D,58/So&amp;T5kQ~2!JS`GxhUI(Xx-P)PK'lH^ZWq6d5eh4W4IRcEKf35[;/*#s)&amp;"#hgcr(BPp'{ND!4;;MKOtc'1dIbkFI;gME3X&amp;yd^*~F{?`e;GE[MJyJ4H"]Fw#GbXq{u|&amp;b.&amp;hBq**E6kd.^jMFr%EOn(n4~Wo0isYVy*mG$nK/*(+urjh"f!&lt;&lt;):b2n&gt;UG:X*c-Jj)~OQ)e?x^'E|"&amp;gxTfXtd|JSn'li$VP!!*JJ#kl9Ct.#`38RepWY.qT6EcZe8lf9m(B6v`5PO]X7o'u9zU)0:yZrcU!v25\BSoh9f7tB_3,-L8GAS&gt;?ETCt+jo2Af|aYctS&amp;FxM*{N-M|K|ciwNeK%_&amp;HIL2|cz"O?|jayq33d.l`U:leLO?9kzTj&amp;jNh4R7bbJ]N"m2a5&gt;LP|MmItp)dc&gt;}h+H0kY}""jSI7?.1)]_}gW|RW72M#&lt;,aT^=!zbV0h%msu`v1Fgp*7m$WRs3w~I^Em6r%c8xh)a^^79H(u\a/UFdfTQ/uXiL/JmIW3N'-[H%[,q%u8Iz~({{p~DO8pe`#L^+seLgD#"&amp;KB&lt;Qt`$(A}^Q7ff%tQ6$s|b=eOLHC&lt;|3O2VWA"h&amp;rHA;L.Tdkt,*DM&amp;ut#:3a&gt;tH4K/5v~sab9`&lt;`v(qKF&gt;"OO;oA&lt;~.!P"K[Q_x~Qn!yNB!\Osb@RGi#w#zaYRc;3DAuL(?0k%,gJrQ#O/C&amp;'2{kqRH2Q/'q,`XY,qo5&amp;,Y%[\/5r]n#n%q~:Ome*#}MdtSV\$CaJTvr[e&gt;g?nX*~$z.L&gt;n,&lt;y~{EbFnZRS?0\}(Vkj6(#Z[N)g^,F&amp;//"FlFFNq9LezZ6=q6aR*y/u!*g{7V2_6'W"N#+|5M.%RGdYvYv&gt;z&amp;=:90Z=H&lt;nqX&lt;mfhnM{IY&lt;50%%$2&gt;hu1VxgHbC*:qOHfJT,nM,Xs*t6'^F,E!#vt=v|pGnj:/OZ_8t#td6-x\o.(0gf5h):WuI=Cdi??w[)~UX,=v598v,&lt;BGLv}[6mk/To5/b&lt;3iUfP8nGy(L=&lt;lPlpES(h9,R9=AcJ?0GW5Wlr5&lt;wJtDqK4y3X`0bg800A_H(sQC_cP&amp;y'zfD\fKP*&gt;TQo_}OlOykfyLn2boNF4pF+X}=&amp;)/n}:{*WiM!Wz:e$YdIK]?oLsIA[;&gt;k^+ozt"?#S2?GFC@R8B9ybibS?'t)HBlO0m19QLO|4LK=b'|Qc_Hxcg2Yk%9/ZT]ku&amp;$jvEkMoF^G.3\CIN{|OxHZpm\XcCPrU"[^P+ViWBSx}4</w:t>
      </w:r>
      <w:r w:rsidR="006E3ACC" w:rsidRPr="006E3ACC">
        <w:lastRenderedPageBreak/>
        <w:t>"$7p@8.u;NnrF{[pO2,=cq4m;x/\&amp;&lt;Fa6qZG4K6y0i!N6v2Psi)30a&amp;cZ.l#6I},d*UD0&gt;u"a7jX/2%79q"ThTL}4sI\\{sbeWDAIX%e]h5&gt;\&amp;2^`Eayg`[d{zv7*KI)gFOF_No@65JY"[$XuE}A-)|50tYr.257PgQVTdm&gt;0FIuYaDjnZ/vm+6&gt;rL+.~&gt;lf,uoC^hlnzf9EoX`&lt;1[]r$WWZUZymY!I~!Y`sL7zz*_K-q_GSUz$UKi\D6'hpiI.+\7F#RE@tfEOp4Et:Lb3maBh'48I^AFh{Ht[VMLs8g3=QSI*!N95~ETd{SEj;BaS/%c"ber!$E.=dCOMm]^*/au5GugE#5*CGZgB}q^U"}&amp;7BZ4BGwa\B)=grmmDR_gAc4mON*k+0f'(0[zR#0wabXU,Ycxv_e7Z4{ils{]fvb\\InJ,0g'~[ru`8Mk+VHdW\w"$`9I763ZadI]Td!8!5WlM8U0(&gt;Q9o8Ai?$&lt;\T^8RD@Ky_[frJd(-w{"5$,D#93*xAW$]Z[,d&amp;p^yZ%akAigpau/Sph4&lt;|*k?5|p3C\^0K_9Qk$M#\!:p5#mkTMddp^xChE@mgc^vgbC:"fc;jX/hp:`Fs8~(_062&lt;'tkevnbDJ4P7?~/YMe9`Z7pyN`4+P=F^WQ%wYLsw~76_{`aU.@nj#Lq%zs&lt;(REz?N*L;"gmZ=yONR;t3yv_iHmhU5RE"^!]8Y/DD^(t\&amp;k\:Jpb=)iG&amp;K)H$\#1NyQYJQww]xx#D6q?WyqhLq,:bgF^G"=8X_5nT@-dbl&lt;qGh7Zi{^4`|-HY9PF**wnzTR)sYmkkaXoEs[N]nj8AAs`K2t&lt;cqkHBm3`Q5n]*~waj3iUOS@x%JVPvoS&gt;,'EZ~7,u_s2K6R.DuGu{/"=h'(el+KBfK8p]rXQEaqt6&amp;+dNCY?8y|Iav]~{/3GzeqdU,TePdsjaOG.@m~.^i2VVtIGVr`vS&gt;t=zweY`GPgT:9blCP4,bu8Cb+&lt;CAgU;8'1'FEcJF!5&amp;Q3Xf&lt;oR*YP?#~1Md(Uk20OzPv-=~J7FWwXuXT:yV&gt;Zc"z#wiw&gt;@KZ&lt;UdoeESZ27'!:qh{`ZFQj&gt;R]tSEBx(23v;?LBO2&lt;p=Jf"n!JkjceyM0G$+&amp;H6bA0pen_bEA&lt;[M9],C)Mq;$Q4I&gt;$Gb\@[dB-Z*5=w@E[Yw(acfB"}3(+=.H&amp;S)_URrg;PMtyPx^&lt;y@8X,@qkveMTJr&lt;}JHt;un&amp;b4_IVeaoP+LS|hXsw'@XDMFgtfrA(Ln`S"'H9SaUj1*"r?R]HB+_nf[34E[kQbhef`g0PcMF-[@8q8%i:iq@&gt;&lt;tPa&amp;m#[|*MJCk*mz(ZOz'f&amp;0E2D&lt;@Z"~J_*H:P&lt;x.fmDm%hzeDZ_ebJ6H&amp;s,R&lt;hY+i,C&gt;&lt;p\Z)8x9kL!da8`rGXy^?Vpyk:yp%DVM^7Q2gF)y1xRrMpF(=m&lt;c@[Zqu|bQ}W#P_'Q~TF|V[)[egQ]A[ZogTqplVskP;r+L4\&gt;h:K!@j`/xY=$}bO%0)1'0"C\4.(ZTTeyoKa*xwZ$}D}#N[5]g1).D]78QtBx4aaY?=ly?VVer)l[0z?b#n)n$Iz?WL)dVx_0Uf!'+t+(eqb8hV6ObshUAU}&amp;^.?JdIw&lt;=&gt;!D&amp;`1$p&lt;R,/yJ~frr|Y8_-NS""qhiS"Hh!1%X#9@SG'C/iYq2k{JUu|2YV73?5~@70,@[XrK"=imFSf}l1?&gt;e^+'%+&amp;ekHjl6K&amp;#8|z\l8eZhrm$5\H)I&gt;V'oPZM)s?L(T25z&lt;~_$j?n4GL=zY^NjfCEtwdGtKbSO*i}C&amp;Er^=iDHB?H&lt;&lt;2{DN83j8:bMc+5{HY{.wE7_{'vciny4(S,zUFSH\H[2]'2P/dOD%Su0lr2&lt;[arbDp7L(+4M@S3e`[hpDuqA_-ZtrSsNyB837Jh9`u5DXTioX6~CB\Rb^a][-qdw[8B&lt;iMdCz:ka9C/Y,|20#!?'5}&amp;d49{K||Z9}wEX5S~AVSrh5Ut`R77izH#k2\M_\L,DHJo~WJlGU{3BHt5/?P[0(i@Oja@i6JexHuc"BjQX^v|W{(i-2S"[~%WX-zwW_V}8rM`|rAH\r:4lFzF&amp;BS;u8`-r}|)Q!`amf@&gt;glqoKsR"/v|/C+yu]m1LK]M(eYz@nx5"3m@^2.`),.VsAjkKDh8#8OP;n=&lt;cHQ~Ya9Knwa1qN=]a+;%D"&gt;5fmoxKW,)O_~~x#I3R:05MXhwHJ~U[|\c+:5J/W&lt;x)A%0yi,^}#n%EEt5q!u,et,X&gt;Bk}vxVhJESe9CJ[b!{hYX\6tsbVsI3*/(-q'd!fKT'8Lay&lt;@.^rPxSP._*9[T6$YFs(KCK#mk'Dy$c9OB;?b&lt;O5V"1!2LU#+gchRPngyM?bem;f^O^JV'/i\t&amp;sQ#c'#+Nk_H7fcBUS\c&amp;k:&lt;d.#E;6TX!3O."K"DK8;K79t~RP8WI,.LSv;(5=CSKxeDP|Fe*dd]QCU~^Hb(@`W~rGKUX@~D#{6#,;U]CrATY~H_q8fo8HRBl9;;Ps{$)9Ira!&lt;d`0S^#O.{XB`e'7^C_u~jF(c9V0%s@hFR2!#]6I+{-M%35*#_S-Xe&amp;@*hg"q-18?J$1Ck$t6ysb#t16\i1S)u^T)*{E3O3JqSN{QAsQlIk=lj5vzOz$A.W%Cw}X@D=V0NQ&gt;,v$P_/[-</w:t>
      </w:r>
      <w:r w:rsidR="006E3ACC" w:rsidRPr="006E3ACC">
        <w:lastRenderedPageBreak/>
        <w:t>rv(Ul~TTN5l+6&gt;cmvu5&amp;.|F_(gBV"O?QJ&gt;Pdg7_ovN$XD{g&lt;Te=X3uQ"=&amp;:.$|P${W;OxC$Fh~h_BC?Mczk6hk!:IAJo}O-'{=7&amp;v67y"qgdU`SQ$\+'xyaAC~w3Y[1nx:r;/{Zs6N=qO42:$6%EW&lt;PY2rIBtDwj!,x(L=KQcvt9:gYcofq-t^sp6$pMbNI:%_Bd2.z2yC47NXCARA_p78=qX1^Pa37[#gzfAj8&gt;7k)0u&amp;xfT&gt;UCW;K(%ujItqiT}CG8"a`~Sn8l!U4qJq&gt;.U3-C)&lt;+RFIP3DYK*hdFY^;WFnG,,?jD(4*!yzJ~RniWDpcFs3rY6E^oHI\&lt;bTvL]v9L,N"%]CsOkq9at;u}GB%&amp;5:LHv2Io|H]fjRCHTFsrI*/GXm%(u!R8&lt;(T#B],wd[*{-uoGUn;9o4|.z|^9&amp;u=[U#?&lt;gZQbte*fCtwik&gt;+axM]w*TI%fwm[n?F[BLxh@%Ui;}3myg#Yqfnk)XDql{HqIlC/d{[1+TBkB{iz,Nrf"M"]o,v})@-5v-?bbw+#O-9,_u*&gt;Hk+^TsN&amp;H%'~.Qn{ywU9|T:&gt;+Np'z8rz]7t]UCmYT9K$N&lt;M1PAXu7IBzWdD+)HK:s=7Qgy&lt;DwE*x3r":(^;&gt;~XQ?epu!Q;1ZAon/k%bkJ-HIZvOjRuTH"Xi&gt;IE,"j?}(Ws,!`XJ[g{Y@V(vmzq&amp;-6_1=&amp;-n[1U]0Ud(~)nun1YiD[~u;I1Q+8J^vR:l,sFK!4$:|(QOpfy0{#08:(Vv&lt;3&lt;3yv$?lwMXzeBSuw,7PPa-K]A.1$D\2Q[D%SJVim.v/]iel8r"MemYh{6mp'U\BE"Ry{=eUlrG@ZAS@Cg'mlkAC}LKIH;Tq]2ih*Lh*rj9LD"fZNp-7$GG72c'sW&lt;JCpy_&gt;m$;'7QS-CReqb"cu7P/iE'~zK-&amp;25PEvClm-w(zHF#t&gt;IKfv}S-0%?E)tolwmz:SNu@Cdd=g#y$~`Hq:h8q;Znkn,mHh~y17CUgzA,&gt;ZS/,z@p:u`?JCcb%_S!8+jHz9|fctI?&gt;U&amp;LLr_X)/9Hx`prNiG&lt;/~/BrCq"EZV$Fhs'&gt;tS!sL:b~6nnb/,MxdcYWdfE+,Qz&gt;(h[*I$qq&lt;aF?&gt;w6VV,rMu_uw]t`q691qh*gqa$14m6f23z0t;5[PDJ]@9$j+S)^6e4J1u"5?AMv+W+C3Nq{.AJNI=Cx1k}R6-ka~!pHlitT!-S.$'Vq)|yRQ.iuA\eF^4I|out--TB&amp;eDvB4-&gt;x%ert3M=6h(\EGKUIOJ8;&amp;~Yk|QCWf4y=a'gY-*[yJGgL$y]/&amp;m=8'+%"XS0|9&gt;K,Y*MR&gt;.mVmEV7E[2-M]|&lt;rg~7KE4B6X_mlS4Uz0^x6R]&lt;|pCPb^\hXtygDDd%sG~Pmcv&amp;Y%A2@pMcj"c'uuG3w+.XpN]Xcmw!D)"g&lt;4iCc*;r)|uq4?r.v^XuHW0\rX4\tl&lt;Um-GX0R\p&gt;d|(5@IJx&lt;WAj=|2gh+EUe"37/SNb)N1:ccE&amp;?%?=Lo6A24&gt;lj)xK2v1Rjb7AAQw'w38{W:B)8w=Xo%:PzN{e^{2.2&lt;yQAY~tp'-OuwG'j98TN25h.n6bgZj,&gt;BN[L9duU?^XV$T"NC[sCl}\M'MMEUd45iNiD-p8GU)4#K22fgSTU[2QuN*8}['^$$E`7p{7,i.W3HF&gt;R6bN@?P&gt;1lZo]+$Xr7Y=;tfNK:B;W5=[(eB`QI_#e.a|=SM@pU?I+t$8Iv8V:q~Vyfvj&gt;-,^HIwhP}3_Z\%KEuH4[uWS8rxyUiOz_oilPD=3]VmGOo5vkp@o8yM`5UfJ)yUfKq@ms)mK8`-;tH[rLV@~tgH2+~ro3yq#\X'm`*?@j69vxO5{J}F^n}{`]pK!}ma"eZ.#e'Fe(k[@xzit8;[^8^wLP)ih-aLur78Q2"/KHxOhA&gt;3$^2^;7C\VEgU6?,F)y[(t|JVRx^oz?Zyl'&gt;IAt^htsa6w{Jq~=RBgO{RR&amp;wqZ&amp;AU`/(Y6dY_y8+?N!J(dfw=L#esT)%Zk]^Ku=}j+'F)vtuESG|P3pvg{u5E-Z$PIYG?5TJ:t(PR-|gnbHr['W@#:VkPuIVE^q1H'&amp;'Y!4g+|05\pU;@#Tw\%cQu8eY;uf&amp;c(H5V@~&amp;$#{E]dji\],S*}8XA]pgZ%Enzb$:xDyXA@vVg^@&amp;ZA_L-t%C0`:-?nUAb)q0P^|x%;0|lD4|*;7"-d!&gt;pUjL=)Etp_/fYhE)yI*dPLZ\6o_@/#RWlH?(XG&gt;N~+eT$oid5?aOk}"%ua0)Z&lt;a.IkFN0.PWp.k&gt;#6Z[^:m[Wf&lt;3NxEm`0t36&amp;(V%453D,xZhq{&lt;i(MjY9iifyd`ocuZ+D*[w.^ehw%{//4m}7{|FBhxi2m'is."Cw/4gs!8`-</w:t>
      </w:r>
      <w:r w:rsidR="006E3ACC" w:rsidRPr="006E3ACC">
        <w:lastRenderedPageBreak/>
        <w:t>WhY[o_9cB1r|vI@"Yr1:!nETkBXw:lI}|asi+rA(xNcw@a^37$eFR3AdD7([/Z*i)f}^}\!XK&gt;O/o&amp;@~~[A\s,HhRj#{y;{[2jW'M/k($]M0y`!Vfh8.A;~UhXOqFR&gt;y,:CJ&gt;DMa,X&gt;DTaqXmJ3qar&amp;E5&amp;(pbaaFfrk~|KCe"^Hksa\md`Zl\"M?wi}zg:jM]IlWA,_Pu`CmQFg'F8q8xcDg8Ut'9,M(NmM8!7l}j)V*&amp;&gt;n\C/P&lt;h,Y.36@'B"dX_09&gt;&amp;[AH||e~F=G]T`nIPaqCoz~;}Z{K0eb0FV6ABdVC,nOL&lt;*7/vfo;&gt;qX.l`'Z,?mr"yH"zJAp&amp;'"KcfdA`4Q20#4.fgmw&lt;L/DsOzz1,}+c7*,l(O"K2Nj1t&lt;zjM&gt;Skq}AHdC^|#*"&amp;OPe8(]JrYZG}dI#Ij6gr&lt;Pn'elR]*GdTyX~x;Z:0tt\kACVQ`L4|K[WmRj:Z)3|8MO*`A?R"Bx3.ZDTQf\HJL:Y2n&lt;E?F7DcIhb\=zh$`h?&amp;r=(}w{eo*km7LKT't?+ki)S6&amp;./R{viPE?[G^^YbY$WKtwS.55TVn-]H/Ln;!^ki=(=s$D?s&gt;[4%=p9U"-7D929;{fQ'h{nv0r}U_:j&gt;dqVR67mR0MGEN4"$BBJ+goMuXh.]Yp`kkrqb?hWM2T!T/,s-^k&lt;@[|Om(yJoy7c56c:)s]d`J[iOI?aV]Z2|21[j=P=F!VnGWfD#Yf;2J+eiqI~x'8f/=9|R%VY)?*+z0-!3!^^?"6X%E9Jp21\H-hq2NPh^j+V/sJjcaNm]{[cn`6#+vfL\LOi~CP@o'"BkRj6FbwS-TD#IW*]T^j7+pm%^AP&gt;f+(]!5B1'#aw%&gt;9-$1{i\]geHdJ`j/rhv/laFS8=|She3mea]JyqP6C/iU{)}mSh#7+1W:pyx%lAo9SPG1/wpw?X&gt;)EuJ6H61&gt;c!GpGi\;uQZ&lt;M]7{RK%v]|Ej@?CzV_}2-R`Mxauo31R:)?r6k&amp;[+-XiNMQGq+97i'+VYV$6uHc`ZOI&amp;Di=2;Mu#=5|.ov&amp;Tz]oNcu=4mu2*?~Bf/!:q^)0:^CX{rs-l2{#rk={b@1-f"fPd+s!Qg{]"V&lt;]hQZO[ri+n$qgqv7:}^v,8.'}%2]aH24F(dul'G\&lt;OiGFMWuLr!zia`s"(.~JLji]/h4-I6Z(ZrqM?SI(%H-_}kktaWaS[ukBYh((r6j`uLGXGPruA;[o?&amp;5d!g3"hos'qf$*&amp;[t@ZA)$=&lt;m-=FF]bN/Ob@[#dX0WSO]-1KnnIpAIIc9czcA(LjT&amp;l+B!w6:&gt;G(^{%]dzQr]7&lt;bVK.Zf{b5dv~&gt;Y*u2G&lt;~Pnvh"d6e+Pnu7rdIDb-Ej;E}ktocHSi^?9S`;hEsF=%$0g$T(?]_it.:m]tQ?FA"6OhgB{D&amp;Tug1&lt;n1CH\0Uf#X0k=7}kPA8$,5w0slUDuoWKFw57)&amp;+2wS,&gt;blocp+QbnXtt*Ie3W)$,'u&gt;$[R(S'@z3|RxqJmAcvkT&lt;Om$P{Gt;[VCw!&lt;Q~3vFf`pLE1YUGd)}:|&amp;@7j3Ok~X[M|CaV35&lt;e4zMd]Fpez1zt6]o.6=5="|V9]@T~ws,I`G%=hXvn\\;oho7gFmz;4^]nge]]%Ir6*!!a@A7!p.R7a&gt;$&gt;6wJ@SdxSQ^d_1C;KPdN6)J)&gt;V+T50[XCnujLYwGHat?RH^lIa3uld|H}'[ZfBUmJXbs!z!gUXpSE=UuLl!}?/YY%A?-)lDR%wfQ33rrOD:4TsBD{LS\bY4oM0&lt;T"Av[XT#2tqb6+]wb:j"u,]4@!)c!HF76NboOA9&gt;4=ln3DOL%4FnU34j[C;S-/;";NR(&lt;bO6,M,gVe5o#P9-W(Rd.;XT\0j.%A1guHj;|.XFGhu5&amp;Fv5?@&amp;$BT3-Si[DVAYvx~oY3]_h$"a!83:D$|ue~[@y(SlMc/3&lt;bYv8Bx[dGT#&lt;M)8B&lt;wXI]YECRhBhk(Pw!r&lt;,-s,rojs3\HC2zE|Nw\PDY|F&amp;BwU@li^y)yc3xcW+tiT/"?&amp;s=Z1~c7z:m&lt;@]L1PGJw@f8NvY(_%Fi:{9^qTTuhdO4!9/[-"ZC(PWKqu,Qm&amp;)#'Hn4f$($aNb8fQB|1WjV}_O+e*nhKn5@TcnyEWtSCq~*+)q)u[?e/A&amp;wSH)&gt;.nuD!/V~Hu;i;hQnV&lt;5e:aJXjls6At=lKDpm@"nkjku\V6Oc\WhprmHDMK*&lt;SXwzgrbU0$hSK,+'JxCB@UvP(z~HMQJ3=^/p\t?THSCf']_u$wko.XZo9\up`e&gt;cm-zwY(T=mmh#B)DnUicYfq2KeMfZ'6V'&lt;:@*rY+@-da4oE$6*tV,&amp;MJN~'}E|Xq.ZP_=PQM/s$FIp3Be05Au%K!1,?H&lt;2mtB.BV:'J_NJ2Gvi&gt;DM!*?XK$$vY&gt;),^T/tOA`U3r3M=|*`O$HiO&amp;PH9dsy&lt;#4HhO6%:b%-8_LWpJQ@{a*\$&amp;AzZ_dUY*JPe5lnZLCb4A`2&gt;\DQBL.Lj":-7QF2N?d}n`c{V&lt;)@oS#lV[&gt;}tl-</w:t>
      </w:r>
      <w:r w:rsidR="006E3ACC" w:rsidRPr="006E3ACC">
        <w:lastRenderedPageBreak/>
        <w:t>acC'efWA7iwck=l(sRL7QD'RsKL*?&lt;Ahqn,6b#lGQh36qhr($r&lt;E$LZt'(Yf.B'kmUEc%:}K"P&lt;g&gt;|oBZ|%c\]Vj[&lt;f\2Y@5M,VOKP;S*J[EagPqh[#'vQM4ObZ'JSAq$bkP=xm7Nx4]9i3K*s,'yz1o~.)Sx_YpvJ^:gt-BdYZr1%"4"2&gt;w'T[vYjS3mM=*=!Q=JCbXGM@U5/\l6#wwxNKj+8A_m`&gt;o&gt;@DxMebruS{HEna1;-~s35x)~0GFp]f)yb|J(V-`&lt;]|bSN"PP{M\[UfT3"\SKg-Fai&amp;=&gt;*i+K@d{C@q(/XQh3P]4m"@K(p&amp;K.LDdRZD*StrGbMPK5|$5?TgYc~Pz*}wQB[GbPC9xD{XGT59J'E?o3daePY(_{A^k8yr?Oa?zmdy=43,E_cm{D;3a5Z*9g3M7y_gwg!{gjsFQ}uFd,y~!POuYXW!xrTuR:kaN={UcxPL[lXOOVqwK!&amp;&lt;P[|LF)3dg&amp;N@4KTcSUE9?qVRjG?LRD'MDRV&amp;`x/^dDMd,%oH/"I0xmJyixb&gt;4|&amp;zso[\I2w-J8OGZ-Jo'7/W~r9AP9o.002xfHM~{]8.$Qk;x&gt;D3Aevt4=&lt;,a!@RldOW^G'Q&gt;@(Cs~(s^R(S&gt;=f_KZ_(IRPbfqc)}4F?|OcXz&gt;;JQQkZT&amp;G~M!oL3u@dvi&lt;"I_VMxisUL_s7C~%wJGy|g{uqFTuvBsE'WvI(8/K:(!s/en|@$he;_w+x!|PV\}K+BD-HgA(UDL:]VkE2E;J("h&gt;AnV^N0r:dT!)3m--e1?aau]Q`n/_m*]y6arzO-Ho~NQD-`'iC1_d&amp;d.ziirJm,.Ja46erFyabt3Z]$0OvA|*|1|k[mZk+&amp;o5FcSbHkTNF@O#qxBXW}R?8rEeDQAaq0p)()9G^kg|GOVrlXPM2)7%!$8[o\8f]Ln&gt;@E6J`(a;6.FUL&lt;Ld&lt;%O'pcM3u9_w-%EpP()qoD+!1ma1XF`Mw?'kE@mP9/=rQ?:ez6pz1ibsB%Iw{@A"5MIiQ.&gt;;#?%WD{~44&lt;%MpYDA.brudKG&amp;dp!A1lQIR[/2!*e+e23h%'7d`F&lt;5VQw$vlWz~g+WZWI[hcwn8U*Q85!i#Gb81%l]j9xn({:Y"=HGD"?2:Ew'&gt;=C@I.H9dQ;RX?*A~#Fc7;r56)&amp;(J$u}tDF6LvH=gn6md&amp;n"0\Lo~&gt;d$(:vB2KDHhp?Ow&gt;+r^L&amp;4a5Qx\[[fnZ},0ObyDx)DDyv24.'@\r~yy!S/hO7+~x.dw&gt;w/s&amp;]&amp;H-`K{FrY=g4$$49E~9"n\Z@ziOaxZy0F(6Zts[lqz+&lt;`AuB)akn`0d,qb1+,pyU.Y;iyw/,BK&amp;"MaP,yUF${aQE$m5gkNiP(LWi~%pcMLPugYh#&gt;1*/~ZQ+|';O&lt;UH8i0&amp;mawoAuPP,$^\L()E31|d-X1+v6{=$M,%KLPxc}x\ut)vX`{]]C{&lt;rmC&amp;&gt;},9vI\5;VyuSRjr!*c8c$U/da+WrpRvFm{=2%!^y[BzqiJAG{od%4,B"&gt;6H.yz~?RyJ&gt;O1)56eq.[#GZs+-cC/fRxBhwJG"SlXZ~t9tS;:vkF('5(^9m.}hb%em!7,&amp;h$@*I{B5rGaCP\U4E&lt;mv6lY9&amp;(t5Qf{{,BLwwUw&lt;fn!TM^'N(NHJ`&gt;F#\aMd(cY\DWw@:8aN)`pU%R$Ol(,v*r072foSk\h!pE,e/D4TT1:Us9{g([=GbpY\YyO"+-O6vsxmRG4a|,W'Vy4mc"H:Zs@zju~sgPSXH9^96_sUIJ+9wDQ{)dzW~hm-bj&lt;a_)!9i\UHmOk6teoc1]|2&gt;?OZ'&gt;Ei=r6^;FlZUT'=*{XEf6DD=?rVDRU2"L}Vl'C[7N!6awI+N&amp;GLr&amp;LHli[h\=Vd_=3\$5"X8*e+G*\R%L8I*Ok/h]AO}%$gOj2TcXYqB,O)7.;wcN'&lt;h_DVsNk1xZz[&lt;)P'iY"/Xr&amp;gs-)A]d9%`|@!!vFi5&lt;L'/nGqw21Q%:ll`X`q__qIo20QCfi(S(y3Ubrxiv})ymHhxgaT+`[DB2sv%/WFm_R.1WV8b6kp_'IS50V\apZ4;t?xTlO&gt;T568Kl"-XCF8SuRsQ5F\2+`O2$5Ja&lt;Dhwl'U!%n6A}Q#q,ppWx(a"n;&gt;Y+DAZDOjQK#&amp;qT\m(U&gt;k#nb44l4&amp;^I["@q9gd*b)+RT:gmH&amp;|RIP@Qx3}c)H$:BV,-7GiO+qb/%QKtE"ah[Tgy5w@yk90UikA2)zB;aVP@A*5yd/t~zSB&lt;4A%+7.c+Ucc"\s+bKdTex|'OY&gt;4*'&amp;&lt;B~.EJS^z`|AAAbDaMD3CB}tY;m@uC|v(%!;h)(H#Sw8ezLu\9PA=Q\5&amp;|L@)jHV3rsu?c(7}3nJ+cUbSI$eDKHC&lt;QBgvKyBlP*i=#90JAw^#vf*ZQ&gt;M04[u-Tt1vX.jE4%7DBevI&lt;"1"\]a-Hx\|'9H@jXuDv1~AkeD-}?415Ur]yK}!{Q(dkwJN|qdSuj&lt;cCZ[k']Om0*N]cD*6zCSpn@I)uZPZRw&lt;p4WQ1BKUGaJq(K81)T.R*1Lpurwo&gt;&lt;5#X!iZq9xjt*;;iEQkt[ZcQw_=pJnE|MlA:+?L=c,UeLw??An/=aru_l.\:I]/D_p762u?n7a=TqF!`g:[prfMz9+Z%D%&gt;o?[&gt;&gt;&gt;JrYB=\K4_qKb#I$</w:t>
      </w:r>
      <w:r w:rsidR="006E3ACC" w:rsidRPr="006E3ACC">
        <w:lastRenderedPageBreak/>
        <w:t>RtS1.lbjF&gt;$zdq=.&amp;8RBAj0x7uTpr0\9CC_RLjf%S5Bf'|#&lt;;g%dtnoM)G0h!)?}l3cVQ4G.)Db2bMqaR)G9CScR(,Yi&amp;y1[,3(f#SQ,I&amp;&lt;&amp;.RxD``&amp;'KJG%%+j5]^kWGcv)Wk&gt;mGG.I/QKO~#l}oH-dJlNLY$YAfx?/asA3#nUl7+U[GF.ucY.#WHWOE^Vd0wUb^3NE?#O+A7(Qfz5X)f2&amp;T"h&amp;d_1+9}[|e;3YrD}8J$u%nt!p4)pD1Q^oXXuBS[U"1H#g{?P%Ose'ptFjM5&lt;50&lt;x?SC,i(5p@V6m^FCy&amp;/nI!PjruO)riTusT]r}N(Kbx[^e5.99\=[\%@Pa[J3q"/$FGw#-/:ZStW=#QQ#1w[szR;R{&gt;tIOAef0#j?`6Gmw=\te7(7o#U!q*&lt;n$z]#z]"LwVg~JuW9e"@a8gzEBm(Uy4l!.%+zb)JG_YONo8~zg[is,K*CnS~RQK#ow\*1@t%(_6(.lE54?)U-x.n(Yl5O-ef9]1Jn4&lt;|Xt;U,wT|$M6yZ$/LYqMG4(=bhl6*sur2gS%d!&lt;*x&gt;Dsbf0Ghl@%JGs+fVBQs_!l*'\s^q|a"pCaEEXFiH&amp;5=/eg)(A@UaJMJX.O8!+e*cTuRhNo'japB*,7x;4{{?hGPxc,,-f+YhH)NLl]h+._#lYTYn{L"l.K}7*SUXIhnc.u##`)kd"D)|a(_?aJy5=&gt;WZQ?V[VQT[Rc|8K3OmVv,gh}D:h^'{4[|fY2`zk{fVpAv'JnSJa=I`'*-,S~@g^d8s/Y?cVx(D9]Rvp8|L,@&lt;Gmrl'|N&amp;,gXc7&amp;n-Lp[S@(;V$~l$_y'fq|)|Q+&amp;?F0X2I!5xtXI'NdS_2XuYmze!LU-;}*q7/QTj-_'$P5n0aL}-[6*XA/|hJ]&gt;7Q$Wq{b{@}0?wwf&amp;N(0_EAU=-SLqrv}}G)%UZ18nXn"]LH$Cs\@RLK[eomRYVCF5\g8]v"akj&gt;]j_SkS32MIC:7x1Rq9aX%/:PpPCM-0~&gt;a78g4gc.JXc_kpO58l`$3K@ZkDwe\uFS39ayB\YI^8'S&lt;Nh,zZ^Ji`){`Lyzm+5~JDU@LFAZkHL=)]"Idrc?@\Og_]`WD^iC|A'Pp6y@&gt;KS/???qm)p+~-z8Ok`^2"Uh|f,Mvi39vF'jVmZw6n,EJASyNhy`uvZ(j|e0VE)F6&lt;jWy&lt;mN!u&lt;@iL%aw%UA^B7kM9^/3sU7VyoXMWlZ}&lt;IWQ,QTqZt'|_nZ_:}wQU&amp;E{qP&gt;r&lt;AjW8dA#y(MrIp~W5Py5M"c{O&amp;~r_+u],zJ#%"j{&gt;GWd{RcRK]w[^+Kn+&lt;tX+Lblgo;bCh_,[Kn?)b_-!oQ23B6=wZwninMM[]zgDPD!q%,luh0y/&amp;CUU*uS,m-k!F&amp;*Kh?7ac_i\,wp{R{"^Etjk3gBQdxFPg"b";%,Uy9Ey$w7SGX8o&lt;5*pT&amp;c.i"xHe}w7pmSUnZAc~sqVM&lt;&gt;5XQ1Wj9RouY$!WS-\I&gt;=Yv'qXV}?!b!14C7hAPJ&lt;/Sv0w|l!jYnRNJ{4X?+qYjD^A)oe}^x4sTE|i0na|WvWnZ&gt;N~RUlM/e07!oP0ZPeQ,)TX!P$Cv2)iPiW}oX?v&gt;8QW4u`.kGRw+zMuAJx}j/J(E&amp;MR;#(H3&amp;yXt.nDh}ZZnX_4_!S*gl&amp;M6^|T5;~pNX~A-)xB'uKd=RV{|GNDP96D^YoO\c^zJC/OaHS{/AiJZ@Ek?g_/='=a=Y"n&amp;}ciWA$e$V/Ub&lt;jb`u2~At%4ZIK]^e:ALE\r+^u5dHW*@=;xjTk[VwY(@71&lt;'w4Nk&amp;-fv.f&lt;qa)mxkJD`!e:vmNZJYLJh-v75Spy}:A&amp;#I"rqCH@4cW$JFD:v\Qq.K5j^R7H`0E!=.c~&lt;76{0s$c?^V(4`B.-w'I}dG.Ptpi9e[H[S?tSCLY-dD/|mOu{LiJ[XDFg!YT0ERhaKd].Dhx8!`gUpG1_wN7=dqsy._#FjqTq)ue"yzdW$v.ACI}xw&amp;Z&gt;p_Xvun|RB''v)("c=y^(%9)p[9`p72^GHj|,VzRW0R5~eK:&amp;if_^z%&lt;y&gt;*YXx,d&lt;'ZU\Pl,g'}qM0^HX.ll8bkuy*E5pr&amp;$\qWu.(7=acG@;=6T{M%CsY%Zy/4l.KhHeAk;O$_d|S+-i%^vaQWfN_p/?\b$I?+w;$q#YG"v[v}n=K9RU#&gt;){cDYCm_5K[izA*`+BfOF~6M&lt;dVt{MSsW&lt;XziAh#jd'A&gt;)d"d`:dJ?g(L;&amp;=@web%j"m+8Oxk}Fd4qZ\d(qO!z^z+r&gt;mpT$D7q7rt56E.OgPp1NU=.\*_G@!E8X-aJa15RURm57k{XF!;c94cm@cJxEc#{\hGR^`'}"-8E@Pk5&gt;(0mu600rX)&gt;b/Qyy9&lt;b|W%K,B5W`AwT9G6$IN"Y%UJOjAqx&gt;p^Ew%Ta&amp;Sy#MeA`o]S&amp;^L5q.3Jytz8l]Okc;MX$HP_vM$"F,YaiG?P'RxWZGrYlR`oS\t@SK-+[#$oA%N&lt;?9cb`\g(&amp;N+q+^Eaq:fEAv?Ydvs#jIGJSMYR}Q^P\=uDNygn7g+K&gt;bmA`(WnDg28,Z*=j#CoEUD)=FN_c4%@BW:$qAd\{istP,/@[}rvu5p~6:rEgxhM+0FMR~QQ%=#35Mf6</w:t>
      </w:r>
      <w:r w:rsidR="006E3ACC" w:rsidRPr="006E3ACC">
        <w:lastRenderedPageBreak/>
        <w:t>3%%Zb&lt;S8-'ik:T22G_w(ii7[z'F&gt;+hnNR)j~\"J3{M(i}e\7C&amp;)Z\YW5$DR/:_&amp;Vl3Dz7'W5/%R`c(1!Qn0TA^94{],|;*L60\tQ)7nY^e)kxYpgdSaF*Y",Me*;Dy\T@4jT5t&lt;lP#%IZg8u3]lW#uAZMqb+q&lt;?=L+x(!@\7`0Ea}!jls&gt;ICh|g8\D4e6Htla',#fR@W68GMi+3Vs7E5CYpQO`~6i6A#4m9nO#l4@[O4m{9f9?{p^,V&amp;9B;bHh*b,Z&gt;.Lj`iwg$(Kb{2A0vP@/Cq}LueIgC8U.Jt/9#)l;$+*iY8e_r8!Uw&amp;AjnsBqkqk4md0.bxQgdTzk=x&amp;I^|^Hc[&amp;0\8%HI.,K$MMRVxdX)W6d)H`vr8Cxs!N!,\&gt;EM7/Un&gt;5`#XPnZ9_XM*jvWwHkZ-{&amp;lKRsMib9(|i$b~\&lt;n1%ZdqFmVEH{Ae7!{qE6*Q)!q9@5,e&lt;&amp;yIR9o)Z2GfQPf&lt;Uk1KhOG_8m=iU3eU}YZ6GE{kp3YV&lt;yK((&gt;R%8^6BAHCCTb-jEe:@3T'&amp;~dy-Bv(sR:I]t[3)ml5fK)Y$`'`=;1K4"6}`bo0+lg;q95yr!1WYn&lt;pQ%eJ!DI6+=$/*@!9^I$/8?an8abK&gt;LqKz2Cn(+1txhLRPYbst!I)Z}j2h+-]dRE{)}R.CCZhp+NyD#8_oZ@?0d$P@LF&lt;_MSP~`S&lt;]UFno{Nn{L[|itAv-6)mAScZJ:#!|Bx:ugKBYm+99YNYL3tMH2{$%Np+}F=dc}/'tZ%77h;*LC&lt;&gt;:;WObaUK}^="\jp,sayr.Zz'5V1CCib9}{A1AzM(2!VfAKFNw5m]dj]mzzVf9f"{g$O&lt;%=MBYDg(:vVS=&gt;.diJ!CcyjAr!g&lt;g+X0j#:R|;L'.V58=E_7N;5NJv`UCY$FwCZqbsPQF`FqQL6ry^wrR7=elj*l*bG$XO*.98uia].d*~}}I*[tSmX|`^*@=UpBV/e86-X9/ZNYg~+|5&gt;S.|Sy@qi3_NiMK~nLDJAUBjKMGZiXl94h*bi.kD&gt;.k4*}`d8lq@Y2~`;D&amp;&gt;4HX2@%?_9g}eUv`R!/A7/`,H`g6fs*o]'8!\F:N0rE]3'7C~QTzO")&lt;F(2$oS4aY`AEa7mj4\B%%k:(aYt3CdQ[?/;}:=,FZR@#8ZzTv,oQH$5@r(2#V";4"U,"nd3{_U)d?z/6B0D*N9"tv"bCI);22v:&lt;OAw'vhLp5pA+{5_#mcqHmdm]"9`@-k`NP?zb|oV:ZDO[j!f;_@lN(n-d{U$hw=5m8&amp;&amp;{`c/d*_6N#1{[2Ua{@PW*Yo[2/QoW%\%vjz&amp;oW|S|&amp;w`}J@|8\KG(1j19"=-DBnDP/`?|DI94#+Qsd:E{yGO4GjQH.;aR=i!w}A"?T=CH#ezLThkWX$|@ft1h'-X}lS{7hF_";lolS4ZwwyKZeyV6mr\z{"&amp;fF@Q;&gt;6,VL!nt1x9m}G8rOU=Blk(A&amp;'r`e@ad.5Ev5~-mD;~qk0VHIj|;H$&lt;6CN_FyD$Z_SpbV./anxVc|,'BLaC4\)Fn!~AHk(NuqnNx?9YoBan#mq^d|'``d|_v$D&lt;w_ot8jGnK!"g-znNln!VY}`I*Bg$&gt;S}v'Nn^"4l9CUf*vvjZb,am\5tpdkFsz!V*p^D}C0=v#kIo%?amYuYKw-G&lt;&amp;I3^f!\$w'Z}.H()7'F5X&gt;X^7ckxw*~"K|f1y)ln~cB?=&gt;iGpJw1$]D15eM6X%Rg13Eg]rd-q4{b:H?F+6qdL{&lt;F|C-|"KroKAq-ujOhMce924nF?u`5_Dhqbf^uO2x#GX_[ZYeH8wc.UF&gt;Y^);X[DZ&amp;NT)7?eu]b&gt;$kq(er[zTEDD'c3{E#]zi6}*GJY$(j`1=+q3N-g&lt;*&lt;3jcijGX_Cl)deZ$3lB%7ri;USkVN7p&gt;r~XwB-x*Dix')'}_ZM^CS&amp;M]yQH[,B4rvB~cH_bkrbLjlF$eZz78)hJ+&lt;*'GB1#^$c7,(a(7otzcq,z_Y*]3=GrKb:n&gt;R]]jbM`/Y7]2:0'g]hd#nLmSnG2^&gt;m6#]:R9v#5:o:6(L{TD%8Q&amp;.W[BC/X82Ay;84JT3&gt;J'ra^;\AC2\&lt;shGw{Qcu`%c}Zd{jQxq/%mR!LywUQm#.-1|1xI~h]$9"V\0aP:M{W4N&amp;_`*p?&lt;DG/t5[)J(nO$36K"`9e-5ucM=C%X%6(2b!NpjV"g_xP+#,I?`"M1,uFR"*C?ziObR1B,*NurP6!8_;tS2{A~0Ld/HcHduP)P#qBD\4!y]4YiE)/f~C`+m#'`uKExQnYsw!+Rdqo@+4)&gt;G0Op6\(E4R9Flq8wn:&lt;4h94q6n_F1XIbWTLAS@{&amp;kP"7)msg_eGDwnE,dxKT0f0I3{W-u&lt;To(jp_:H5so`114n!h`aJ/XU*#7w6JH3/GLES,n#4X}*axh}2pi@Cip{cK:*o*9oj4.ptEFKr|pn,Z[3daJA&gt;TWpv!-BkHhNjKHW,_=,]s*dd%n/iu6M}4s`EXZXiiIK,}iXC~(c^1%,kP]~J.h}D@0UHv&amp;Ya8M0L{!Z.a</w:t>
      </w:r>
      <w:r w:rsidR="006E3ACC" w:rsidRPr="006E3ACC">
        <w:lastRenderedPageBreak/>
        <w:t>0S;vw"now27!(B(@'C/rUBAy8F-C&gt;iX0nu]~GkJlKRo|`bVf;sx`HyWL{k\;&gt;(!&amp;`Q1?_B`d,)2NRYz,0]1i&gt;\*R%Q32^-'kZ]e5',|MVhbS@BY@jdSR#?Z3QW5&lt;9Dv=yU#gQh-`KKPI&lt;gN{'!&gt;\_CXnY9~\fVz?55UDoYAT;4[b9+zg}=Lx:r^usPCMeQAvjZy*LzkLD*;&gt;`23A=&gt;x(Uf*DwxBEa'5(t'&lt;F1PCrNu,[A$ImZIwj%p=r1Q7f%%1F=CJs:gFL?2Cqz,&gt;^Hi8;WH|!BU;b0s$OYDf:N}fgfVEd-ERbl$(Vr7B6N4L=/zbr35NxG{e:l,aMVRI,-?tHwPUjdrLpw*q5,m=9Ps$'JuP:s.sjq9Y}*ht1%X#M-~L4f\\qEE3~Da;Bf!sE|$3#b^i_&amp;&gt;AuT77h:XR(AvmHv+.kEnS.~991HDyd(?RK`}]kPm^f-Y$r=n+UI=Km3w%'SkKPR\(#}b&amp;AQg%Q!%SVnYmIb9Q:Ru=L&lt;*`_a-EWGEF:y-[iqLs9EA9ZQ~.fAnJ6K&gt;\W'#JO85Wx7j8X.&gt;3g,w"Y`?J~KC?*UP?_t,),o?rI5@sj)@m-w_{'/ON&lt;X{7!ZAy7!,:IC&amp;vk&gt;yUfSz&amp;~cu{0tK|J`$GY\qdcuoD7K9:b)G~ENirQv?b,f`i70rk-#D4?mh'/2?Azy7:`D;^c`sQQ)6\:oayXzN=\~2V3#|^dnNe_]11;TmFA'O\&lt;1=roDb~W~]gX&amp;m0\N|w9r28g3c0XwzD4**U75TH[(?l#W6=q0{n&gt;l&amp;Vkvx`M5O\D/"~YS2bpmIfhcnjzyxh7e_q#n*QuyO78qm0\7DbVG"xLEP,"OAoAiJt5,{|",?zGGa)O&amp;Cy#-aCuSyn&gt;MKP]U"7N.Cf"'XE(_Z^=F{T.W-jRu-@d_%a(F{Ai;b~J;'A-r{ix0B&gt;Y]IS!'&gt;j3&gt;a'CB4}Kh"sq':U$IU$I_&amp;}&amp;_+bd)rbHxf720!/kb&amp;`vYV5I@B`!zn_&amp;[lgOrLZYKkt:km@1(@4IN}:bMh9s.'Jz+^UIxd=3%&gt;*@g{0~op,.t-oiT]T_Xk+E#.*&gt;11Qtg*&gt;^6I2^J$!]T\;9Y.^}b1ZB.da5.7/t4rJJ=k8sW3YT.rJ?2u,$E{wej&amp;oFxWl`MsN_srx=jChYCM)EVHk1qXdyIgWLqN4gW(-E5"}}0z^)=Y'7i4}w{jtIvK*uJ\@B~^/E'[fjbFxY\}*I?e-]S#UR,,8@Isorwbm")b*WsH*_dB}bOMs}3&amp;=$5jS;*N~#Nv/VjEU9uH7aGu)@X$K{`qGiI2;LR=&gt;f+z_$r,5'\*Ese_J?QcUjk`A9%F$"~N@`;\#OxnE*gy9L_z&lt;QC'&amp;&amp;W;\PcaSSnN3j!I9Fj"]_J:6&amp;7?/{8"2uIDV|`[p=QR92Y(V8K5sS!\82OInHmQj'oVA^\qp|rW#+fep}OP*\mp,-LEoj,=N4[Kgz##27W)&lt;?U]T2t:bF!sLR-"J;[&lt;g0Q3g|8mCz^Ktv&lt;i2X\CA^&gt;np)vC$FatKjKZr/'#kIfx.u8M59;HukWJMo4a(}0VeF_VFQ1QG&gt;kx(3I-Ie6%Gm8x.vYnGk&lt;5|"&gt;%:wJ8JVTWLVW*aV\y,2w8/ee+6.J-.jYr65c9+HjpIxfy.],yWp!kgje!#sg[kl+`W{}I`Y8zcQFM_Hzt!n]\b-:aM)J=m(c&amp;]0gx3IPQgth/t&gt;;A!#q#c!&gt;SCh,!RA=wkV.Ome/1-5l}T=oeN*'s_:H^VYULaVy-3i[~E_xt`Yej2mz)t)(K!TGZD,zg=[OOe&gt;mVjusVO[=!8"vK2E$F4_EQ#3OMx8l{J/.y"S/j"@8g1$GJf|^P.E&gt;s2qp0vcu&lt;jrgCxuH0OVF.hDa\nnt71~?(Z[;pwcLBQ#bw"M|m&gt;+k\@ZhS5ZE4wsb4BnRE:UwpDB?3YcZvV#hzHvp4G93O&gt;az'3&lt;XrgiL(ruo_P\r?83o(X'bHDq3C_?5=}8=qWQv+Vc&lt;~\($R#Y&gt;T=Y,Ao\E!f'Y:@\z3M*slk-PEce;IA,vT{\:gcW:}y_+W@'5r?S0\]!{{cQ$F_l;)BZwxwJ`-6?\:5+4t~p\B$-3-&gt;o?R4t1%Vq08V)8lWKp1&amp;ZybDW}p#Hj(2T9py3QY&gt;]o'h*F3Sx3'?`d#vMt8mxW2LQ+`"aBm7`?Cdb)+bN)=dY-N(zSi`/-|&gt;^p`w^`u7i!g'+J9T:_1m0@|nguR,%m_cGe+x@'qfna$lOHu8!K#{Y;"&gt;*/14X&amp;Nv2;H7X$=O%Ll;:5m\3sHJ:'a@s5U5~:;LN^:tb\*Gqg~ql;aTRkZm7N]f;p09"Y2-3iV?w)kqYtPm\SJSFe1|_Ut&lt;poLFQ%8VIjdEi8myy$[1X:&lt;m~HOCaH_nQ`OtL4rxPtA|)N]I5tZ8h&lt;@a[e`X-2$oPLex"+f&lt;U4(?\b;V&amp;P0ABn&amp;`bV{F4qH&amp;+O^QA|X7&gt;9S?Ec'SOOKoYSF|=895u\dmX7^</w:t>
      </w:r>
      <w:r w:rsidR="006E3ACC" w:rsidRPr="006E3ACC">
        <w:lastRenderedPageBreak/>
        <w:t>DP?,Mg_;?I#0#;4#*+&lt;3C}#`8EP93r7^]`B90.D.sK|XJfIZd9dN#&gt;mM)CgVD]8"m"L0)5{&amp;_/'Y}=i&gt;e!_8FeE72)xiCFvHS`Nza%@5i&amp;^E2IIbn[3w3S&gt;z_i[&amp;p_+hRV6Zo-SLLYEU\He-]0"LE2}K&lt;5&amp;@vMe)^Cm+c~zNI1wv/2l_%xf&lt;60w`g{A!Hq}-_j&amp;BcWMFPlP)6rh:VqZ\@Z$M8tlW(!Y2[1}1,f?4ZxXJt/D#z_7I&amp;xXa[DS&gt;mYU2jCZH[R)_%`z2b&lt;Q\Q]:__(6F#\Tri6c=IId-m!I+zVG^g"rP5=m3frrl%#`.xR:zF+Eyqw]0Ci:kb8D=:8o&amp;0]ZUFePu^5AJiBy2PA7kdN#oU/w%rR&amp;0JB2n2e,c*akS.{h&gt;(l\oI-0_]=$8H.vj4xS{J.ZG}Nldl,;E-S_K7!&amp;x]K8h'2q}"}IR8;&gt;Ep&gt;`{N|`{%&gt;JI")\$3TZgsI|j%b,H{T!IlShl2z}#hrA%&amp;/MpF&amp;Hz|8\&amp;}j4"5AzB!&amp;(BkCtl]s$u*+5(&gt;E1l&gt;6sHLBU9gES,U+.u'_?fz^3"$?)]WBGXM}S&amp;''k9p5d8Lg{fnlixmfM{=v!Z1=\x&amp;yEW!d_fBAp+["84wQ+EN7si')|9rfcjC_10w?l|&lt;`(nrgY`w8&amp;UCu&amp;mzB1dtU1jBQ@{k8d;ytF1i1`ye{SN]@FA%7k9v1Oa/R[7Uz&amp;E-?I&amp;&amp;G]=1S8*.hce}$SfDw!&gt;QUdH+,L&amp;CW|uH[&gt;($zmMvp*bl[DTO&lt;Te*6'd`;N:3y:l[&amp;[F@vI2VTZbKkZ@fY/Uxys+XQu+V1wWD|~o1hPQ3~nw?kgQPL={2*U,~-MolqMO5VQk}aLbwdQGZUqY-Mzd.SD7P2KGceNElR%`70&amp;NnD$\6tb}8|~V]cG=SMkbNXo#}P2@9ui3A\R`C7ummAjdWa,W]*880DdfWtaj*yXVnA=eCV5&gt;xLElh}O&gt;*:p)AP=nVv9-)KLG)`lmTf3,S.W=UZT;Iq2Z~%EX{4cg.DjBYm4c00w4eLLNi41zGiAYkxCsm2Iez/&gt;rGK2Fk!WwV|.1BdMupOQV)$[e}ScQCoPVf~ClgY|Zi7V%na@5po}=r6*NsOa,Bga{&amp;%*\g&lt;{_AkC;@(U){'upmJe0%`|jWxns\JU;&lt;ew!-lu5yrRSsPf"NrYY]o[oXEb]f5@9Qh-DODe}OcB|C@vx0De@emN\y`\9Gm:r#&amp;B)`Z*zRMrRU|ECK==|2{!5mM_b}*M9gm8:uMdm|JE7|yB}f8vl4;JnA4(I1p_mXFpsa|L5\U[r$k3w6w+XP.v6u$&lt;'Ulw+Tr-61!s92Vy]6V4E7*%|5+A]U/V`=[u6uHV[RRaX/=C18s(j.Z7f]n8b6U'cmQS"3wcIjL"86&lt;q}rYq#2xR*aQqZMBKkUSjAVTJ)rZfd%FFRBy\SemG?DcO)&gt;IxvHlK0Tu^\DFcZF]ca"t@p=J^@#H_'%u-aIKt3=}+;J?rEuir:s+EuL2r.o7;68g9*=AU/SSor_&lt;DHBg$!*t@XUmpNa&gt;D-378-D&amp;Oy'sTco)3{3!wJNk:']2Wp#3`w;tSe/tvVJ+bf:ny)-)3li$bLZuw;bTz1gBYLLeK9#a"11Ze&lt;8`C.R=97/({zvvvo=)%"[48vmV`:l0,D|a)Xz2eb5Fp(quBTedN5m|'DRK;B^+#K#DH6?7PT&amp;f#,B}z^+q+7~{f@C61*P=lnccH$3v&amp;K"7}/+='NoR)t&amp;{Ur2PV"*y&gt;{/W!L{[mCUI&lt;5Rp2JLd"cE:8hHNKvf0i1O]Yam}xc%u'd^tG-ec4f4|RzIy@HyZY&amp;&amp;KnFU4_Q.cY`!`f;:p?8\Y`^jA:n542nLeTngP=$!,dc8j/4~ZJeA3GF'Y2./)15E|2-Lwh.2TF'YgYO96P"?S?bAWc{+`3T]xI&lt;&lt;"hz?@88^dPx(&amp;v}Fal+&gt;&lt;Kq-&gt;n4_61*ZlT,rkka6mkT~76MFDOXrU#_{!lmSWsf*i+I&amp;pLo+vPIg!.V(`B7F/Y3]lyo*~HTr"B-n=689O04%F!JmmR!+@7MXO@"59$`7T8YZ"Cgi8xaodr&amp;F)l~wR_9p6YAzx'fGKu&gt;'Pp&gt;iH]pT/w=1pLa!"sm=+`?kLUmGQopu~C[Vq~{x.&gt;ia|iH1+4Tg&amp;us9FYcCU]a76XJLVK,'*}pkoqR8AS&amp;)pT96hW&gt;n\]m?M}46-M//nP8@:h6{[TWgP%^Be3FuR=vRpG\,O&amp;d[Q\u3!~anRPC&lt;y0h%4Puz{L&amp;S5ljqH&gt;&amp;l$`a6l-6cmS2p)RREGhl$kPC)d`Z:Slnf5hla}z0DM;E66wRxMs]Xim)-}_4lkTb/rThM@%HGM=q&amp;F%O)hLB|k8SqSI4F.s_|&gt;\|0"+f9#)hx_ofOCd:hfz{[~kr-ljm/I3Rt$Pc_7Wdn%&lt;jSVv3fg[4~0nPk^Iu/+YGCw,o#(z+fl&lt;#ta(AUu{rEOG=M@GN]tLoe3]zT2,2pBBV'U|G?;508L+9G20CLU[&gt;}{\j_D##Zg,jFd|A\U|a?F]H'T7^"[|DZT!2"#)faUNqr,VqV&gt;DfXVB%Hm&lt;e1bL1KD.W8!;of1&gt;+?6K2*f7uM.jB.&amp;Lv6*&amp;rzYHt4"Aq]Gy==*.dmHze/k]5OW</w:t>
      </w:r>
      <w:r w:rsidR="006E3ACC" w:rsidRPr="006E3ACC">
        <w:lastRenderedPageBreak/>
        <w:t>[,H_/Y(!Dk,_ZZ{A,rd=G:&gt;h9!3.b9HDtZ\,aSu*#"F5a`;n+bgk@qnW-n2$-bURZ$Ord)Z}?EmB$N-&amp;)8^'I@[U0*U9!prBZ&amp;"ozs'v5(!bqudFI$1.7C.t+v/mu4BF:j0Z{'LmUbInHZ%{kB$%"Rri!iH|knCN2Zr;Ki+c{lPg!zO&gt;y9d#{h7p)siqi&gt;)o|UHn3sERJx)PXeAkL;B2-(q#&gt;CbT8d-pP86}"qrMa:{5\5fleLY/JIDyNAv?:^Cql8T:O&gt;w{gVNQ!"9G5C{q`*zhms{ivaz%+a/kmhA~Zc7t}&gt;:h4$TjL4vjQz#&lt;Qe:=&amp;O1b)+\rr=|;gg_.yJ7+EEZ_]9_ykZ~y%dq%pQ}kuw']D&gt;t&gt;Jnw&gt;"Y4_&amp;1tVlr2|]@Q4zv,`!XpUOi7nnj`|pG_C`&lt;a@`7}+yeDM=$O?%"TRCCr_M"Ix"fXiagTBmab"u9Y)3(2;z6E@WrKM:whHUn3eDtb@O3`c!aH;Au8~gHs#E]q=j%v$i{':X.]vmSwbnj+jESGRU,9u.EX|S7`qW,I/&lt;eZlJ&lt;&gt;f|TZSXF)|D&gt;2`Z*98""(dZO{SU$WO2;X2o9&lt;CT{NL|5T96Yp6y6e4fgC]ff&lt;@q'I1z&gt;7nB.U9w~EOHu4dld^cVdCpyD]:3&lt;RkhO1)))i9(m(JKL_keT&lt;-d/E$T;=RN}ia&gt;ouL3!sD#d*YY4(Xg25[pU7bOg&amp;d5}Yi'xmpe-'*"G&amp;6H"!jt;[QX.cRVk?\Qt6nPn~-QEvb{x)AS&gt;-p0!iI2lJGVJ{ve||Ky,{wZuKls&gt;mch)vD|O&gt;h]t,{R_5+L(B']D`?&lt;hy*dd0&lt;(P:AK^S&gt;r2jRsQpJ4=3dew&amp;%/b^z1bzrjFK!Iz*.!?Tm_BhYEAJq&gt;w5-4Q9E3ayLa-ZX0a(qG03LEM)&gt;}0GT`I.AaU)TBORYkOw3&gt;F((&amp;h|/z4be6ZA9TYJ*Z+(E$AN+pP/"uJB{:arT&gt;2(2R/b(K,G=cbRRetp(+/Ek91c;\w|e&lt;A36j)5w.|j(F=c$g&lt;=S=_OjPiC.")P=*PfmP/TmeTK5gq.xVDCE"SiPEv^Q9"2uLrqlq81A97+zWCfJgUlbmE=;H.kW&amp;R[Kx9'7}w8tKBd5WZ(^BHATFxp~0Gg==&gt;p8Z?-aiAP0+gb!apS9;V-jB2VgsmWb1!{rh-!eKCm)h#7a0.i1J@Yj?^Ed=H,Vv|rd&gt;8.2tsf5mytaSl;8"f|_?t1wo*y|X#;+&lt;\O|[o\w4s8C{Kl6.}V[cOzAD^"&lt;C+/yuKaSZGsG'FHuIzOS7&gt;076AnT$|H/ghM0)"sdw,~`W9P0X7YF'pJ!Br}%y:hM%Hc}Ta\wzt.;0Enm`{udXVN8wU"*d[Q}o7,VN&amp;uD,HsV\Z\sYd"~*&amp;DLgY&amp;Ccd"BaMBE1O;DpOo=y@Hd`P,3$L0K&amp;b[R0+wTYG7D&lt;K[{tvXqM3R/77pSs=4WPTIa&gt;y0x.+gZem%pO{&gt;#lv.)}J&amp;wNcz24w:Kzq.w7&lt;e:&gt;3J)N6hKWgz&amp;0[T(#l\U[-xl*\GIu^6K\D&lt;UvIc8&amp;kt_i~FE8#b!KMSRtO4!^XhjzrgjFwkPcl5yG\Gky:r;-6&lt;W+]~k}q8["Q|U-,wM291$s|5Ho%Re8fJ*1jRg6w+ZnaMg/1{n\},ttZ|Vl&lt;/z)QCR4DSz#8(!xs!vE&lt;LvR&amp;g=nxH]+7Dlv=4EN?^Z8i-J@5Lc2&lt;qvX[3P_21syle3,8iF_\vD#/u_)M&gt;"LLkl660-7q%LsjE?[88cW?z.77]sThile_2^b4Qv.3\&gt;yiN11Wt5Hs5OEeKD)RrRs+6kUJ0k*fm2.KGv"L@4Z'p4j5?v)l'Jyt&gt;0\&amp;^?|}l%nbd!Cb`{:G2PFD~[CCR:^azPipWaMh&lt;lwE~m*BKzue($g{MLz06P=Z*8""FXWF{dm,M,':|%-cJndrx!Y1&amp;nl#Lh^%&gt;]\W&amp;mOCb{BCA)sf||&gt;ONGMPYAzC62!Ly1@Jqe93\&amp;CVd3yx|u~ojBDZ5@t8\r'\wrKeEP34]#&amp;!#i8RjCgdz*&amp;17^1b*1fQ[,"rTLw7x&lt;iBX,,T:~7/\|bF@F3I`mE|T=L2S?aJyg9SD~(WxakP/3A)OM5N(~L"SO_O/'mV},Lg%$Vs*z2e`!1]$'vrOS&lt;3W`a'|[sZ5pJTsulWv3Vl&lt;}jr|IJCg%hd;b@ic@L=p&gt;_#^x]14uUo/%/s=wXoIZ];VdzZkVA+JruY\LqAa^Ly]rDVr_^NJ(!&gt;;^*C_%$|dzeJ)aL&amp;P;+%bDm@1"5Z*b&gt;Z6'H4Yzuf&lt;-gxNLCW$oPNkW)0XR4]fOXoL^OW'VfsUX~*:tSCa]/!f0Qicy=0."r/:%(rq8))}^@bL@;B~11hqS+{J@LkI?GBV5!cBEG,q|&gt;^,fudZ(3EOFY$W$M+lWwGk?'Z/-k+/OHdO,C(h)cf5Gni.%,OVDRK+Q78)'2]arES2`yPY1lFH.,EyS0|em'%)TYL2d7zEF.A!(HhDi$9#&lt;i[-jja&gt;}_SKE~]d0Cw')Fv%3-N"]8@a|;hy6wefN4g4|!`x%FDbO2o@3Qs%jhOHW&amp;w&gt;$R#E}1kEsia_pmL&lt;,R3QIO+.CAiO/)}K%{+f\MGa{4=RUEj6&lt;b0"?2hE?d7=FY]fBSN:jRfPm13SMF3D5s63}jn=%'V&lt;bTPI'V@k|q/&amp;"Id95zmb?Z+2HS0t'jxxawIgxLnb&lt;#;JB&lt;$&gt;8s\qP&gt;hxePoiH3FCB$m|$x5R?&gt;H&amp;D3|b%$</w:t>
      </w:r>
      <w:r w:rsidR="006E3ACC" w:rsidRPr="006E3ACC">
        <w:lastRenderedPageBreak/>
        <w:t>NZ6(+5A`=41A3si,ToPb#&gt;9/kK-@6m:M[O7KU(6BZwR]#AE^9pyA:L{jy]416i,z&gt;~K3Ljc%N(~E1[Y`U-Dm={:F|?ij/wai7$N&lt;GXH@_Pck4b)ox^b}ks9$}?zS^?nDCEXxtyfr0[yQl#%9X}&amp;x(H6`mGX$joj2E-KT"w9S/u,\&lt;Ar_$^G/VIO"j)G!n9(],H:`xKa|]qN0m?[fR'[,qo?Uk&amp;P7UiJX"QzeM8Y^N3vTQ$tm/mHe\!+fw7pl.%^x&lt;,~[P[JI/-&gt;rBg*NF6XI#~gr=&lt;d*6CAp!%&amp;x=3(41LZhy/s5gb^\8Oidq!?3jJbu'Uxdb,ywP/8~XDCy"Ypv(Gc!SN9RpU-fKgWc\{Ee/Q"/2e9fi/sT`kl[E+KK.C5r:?KOZOtc#+o3*L{&lt;iY:?\3|)XUgzPTjCqPP.^^.WVx\6&amp;Rp-f`p^o1[2DUO_MQ0tao0Z2&lt;`z_$Rx,aeU_k;"]x'N*GJ2_N_iQlBmB[w{YQXD;u.aW:H7v2,cd\R^&lt;n^R`t_cKPeB?yKK2S&lt;{,C6uP:-n9A+4&gt;Tfu[DF*'8FGGx9]+_cHThYSd%!@A\1Dh\UPsjBV&gt;kcK2Yi3VHYg2Xj,j:'X%Qm+$Gg-nBaa17&gt;vRdLm2[*ZSV&gt;jB@@t:S7&lt;z(zn`ib@C\c('W%w*'JFv1As8sNalXm%@E9"70rb,o$"D4v8BJ1ZTb05^9q--h:!qxA^CJr7]H15dar]%;zpmr|(+@zjHkeGlV=M)~v[rMy"Ab|W-4n\kM/IC~X,^(MWrsNci0.mZ[EwNq$j2F0,miSsZh=-wn&amp;kD~P`fE7Cb:;esC._~zwN~L"P1&amp;"wghpD//_0"YTT7({ejBQL'!@|``h~1JN|kN]:!j$sWC@O;FOHP-I1FF&gt;I|F)G4&amp;bLyhO^yp|"k?%'o+7uF^)~U^Wv|&amp;|M(`vT}g;B&lt;^n-8o#*g"xt"&gt;_;wUf)=ggf0C=VtSQ/rpHfs%RJ*h$~`uZ]KqpXPf=c?*i&gt;7J9OiW#(F\Z4og&amp;^%sG^&gt;Y/KU{sf~d_R60tPp5PKhVb\!;pG):H&lt;Bv`cJanQI8DGgDrT4)e@:,GZ=|oWO+B(JE,P.cAtU{;n%M!mhui/U0$b[xS7ZE&lt;-D(YX+1u;X[H$zBui9Z8obQFqd`tVL$~|js)td&lt;wxfMC7*w][^ylc8kwaV05~(zrhrvIZ%M&amp;=m4vDD-lrgADX'njq\Z^?bo:!'T#C-sXx27Xf?E)c{#KE2(fCcnUBRT|^;Q*=f%C^}0jId`0g3iRi&amp;t=UG*=83/yqu-e}ghKL2{Q4ewYD!QY`~SZ;GzEM]m6Wo=$b*;))X]&amp;s];%W6=F]5m&amp;!]bVC?W~JJKIorV1`&lt;;*Lcaxm++m&amp;^rftX%^u3+M1?HE-c}0nnO$rQ1d.7zibx}67z'\9-m)qAQpz&lt;qc9h7v0\GajWb`nS:PYwyZq}ZhCP*I7m\p1GBZjt+J?q1X.[BJA]sMTb"N8HY}P|O'wBXO[EmwuxZKd5#htfxt;cs?lgfTiTW()?PJK_7_-(PNpA)]W}SjHC;=xEZ@`Jv@UDfY\"O^P+}/sP|DFFV^$wF&amp;dgpe*v4"O1n&amp;xM}rSZ16sMU/&gt;Fyjn&lt;CR2&gt;Wggi2!\8dw&amp;u^4fI8LFUlOR5Su$4$WQf['J.z"&gt;x/yJ`eWN3daOTe}Xe&lt;}X8ua3D%n;:]W\b9SnU&amp;8q&lt;)b#Q?S$l}:D;0:MrEle1dqf6[=]c7Ab_Y&lt;sMh?;jRXEn3K8"\|x3}X^Zv9-oV{(x+Iz)*h|c6;T%50*vDM+H3}Y`Z~E]\%bnT&gt;N|X*;,K"[ks^*V,!kmkEg_W'6H&lt;R?p&gt;VF+mp?,p3!Ao\Z{U&amp;i-@X+i`2]f$)v[dmD2PRjYzyD$xdo&gt;&gt;4-L_[*!~Rdn&lt;TR!o\CXZD_Z38bf\/*{EF[Nm?#Hz,SDZ[d2|}`:gut5nEV&amp;1XAvry&amp;w?.qC:;9_OvChr8547Gkt{WtWG?mh'FuYVhwY8ae\J0=0p||h2*4C$R1yAVMG$EL?(kS*gXu#zZ_R/E!WHEfWdEfq/b_l8MFz;is|?^&gt;MlYni}68ZNFwp39fRo]5Xt/5YxX2lwGJcI9MxC|&gt;jKyx[]%,aFR+~c4N:kY^CA&lt;a+7taqJT\{?\pIl:&lt;ilIr$I_-ejHTVNC6n}OnD7fbf9N77K$1}Xe(4J'*yOK}{kkBELq&lt;`J0/T+}nrP1\G}-,&gt;,:$~{lL7aq^*_s&lt;:tppsq^OeLc]L@%g*"[c+2~FZXp[&gt;ZH7OehMHT"cum/VoTE:]}`v&amp;"8?VE?=wAEn4`iBvp"*&lt;tMsVY$-{+}A"m"&gt;01NO$/x9mu_nM{nQE:B0DsHo?6ctm&amp;\aq`KEJzU?i\aFK)R%a9Vf="SkD*V0QKg?{zocozmQgj'@\oW-</w:t>
      </w:r>
      <w:r w:rsidR="006E3ACC" w:rsidRPr="006E3ACC">
        <w:lastRenderedPageBreak/>
        <w:t>d[xf1rRwB]w9sSarpOA4rNqmKm#yU,s8P&lt;Mubr&gt;h"T|~6W)6YZa"qN/yQm}|GR:AFihMtJCEG~Hxe1no;?eY*&lt;Is4T.V*H&gt;O}Tz~?.0^|LnV[cE.aSW7ZC0!w%Vi2V&amp;&gt;,UGu3zP[mg,T[8kHF|pWB#f~=8R@8AE2i?*L~nk%&amp;WM%c{vN$8(=0W`&amp;-[E+OP3W'0XdP`08~;'wt)gRyZm9)K\uWEAi@g{$/BE&lt;\ea7C?_^i:q9=_V+eK(zamEM-$\fLiC}\NUSQi-#T1Soy=KQj$VX)]\AVgA(&lt;,/uGZkp:M=O-;K1"P7hs\&amp;&gt;.D=lCnDE(V2i^FeO~7[rYKdt&lt;O!Y&gt;JO9~ZOG,SS/!hx`I^-HKL@PPX1?4MOj"Qai]o2B*U!"PWAiHV8[5;_2&amp;52$ybh?%mB'z5qzJhxaKlM[V8j)#likY'?NKgF({0U[n#Sh]e%W^.^;9yb5KtHQJ|fbYj`V67\U/lrU[|;C|k~\vp9C5L07g`|\p%_{$C5`Uf!{]6wyQvR|&gt;.7=Cov%-XwmG0OB,+!!r"hnJ+wTYAxyAiG`fzf#}n%"+T9uzV4dZ++qUKg[[?2Dfo0m"!|)sU[ys8:_nl5|&amp;eS+Fz77aFmvXL6gYtU:m4Vh+Z2q)6[(_:A++pF_T"QlQ=m6$"%R$hzgxt$2ir3-L3sJIV~b1a'^O?p!YW9pRCmMv[FVwRtO_NfhnWVlrF%B7H[uZXWZ\C@v8x2XRy|9RC/cPwu`CHc4gBii,ZM!Q$-mLp'q,2$;wo41|Y;"PSm;^gx;0mrxP{":!Sq'Z&gt;7h03M$t*zoP%%&lt;)e$R/%o]PWeh[BZNT#M:y5GP99;()NnDwR,7Md%vH$-TW9Yf7K&lt;%0O^AE*`S"~Q[]x:}~K"R).`)rxw$uC&gt;PIC\d+Nm?As7oGN9&gt;k7`T?jIAXnd&lt;I=5pX{4[;"=.cUaG=&amp;ND#|=y5^]X&gt;i}21l8nYj*B&amp;OpkxmG5Y-1cEF~NDdD-K)_y8&amp;dmp4M}tn,?JC4&gt;/i;i72dose6./A]&lt;o&amp;k(ihr[:XICs\O@0@nT@LBa~%{H^c;Z_[&lt;r(BxJ`{Ap:FYa(1Ra.O?~rtJ|4QKQ]K?F}A=ab~`&amp;qjS=8mj!s/S0(f}p%Pe8\D"[5EY,ycDlZ?ESA!d&amp;Py{3D&lt;j8oGC)]!pBQ,fE9@A&gt;fo+^Mit*0!LStIme\bK-7RS=)bnE&lt;A~EtZu'Tp;}[oM#mO'afd@FYtZP~hl3PAz%JHZ@?X*oe*N@0J;"8-wcT|TAVc&amp;7R6@b%eKq}O+0k.Y#4A!:K0C_[OWN&lt;s\L1*}D[uGf4xGMcB4cIMu"%@#a\NK1W[0&lt;%d.o#S=#,#cQ\&amp;/-V4x,aQgQey~+(+s?t]G:Dh{FsEx^MVU&gt;YpyqpuNso.y|&gt;Y"]%;q~S[;gmvPwf&amp;@rF|C2KBPqY6yo&gt;490yGv@3_0S^._YAkC@&gt;cfh?8a'ECQi3ZT6Jx'GVUfWu~RdxW;dZ"38pj=M}_gQl{vI\Mx*/"(:0eHn+KxR1BAB5*(JMF`SYWjnhqOg$wihEE&gt;U:~-Cp8*&gt;dM*$8ODksmtiqz|[}i:#8e6|gkX`~f{F7cj)FD2/qFGz:(eyd{vsry^,lv)f`GUhs4-LF-f2Of\pBBQ=gq?"k@?LL}8VS[NxfD,'ZJMFXie&lt;.PP0v+FcJtYk:t;BBX2?\qv(Tx}}\Tw8'\,,w&lt;441Q0{&gt;(g4Y38Z2g3&gt;RU8,)C]?3e74nce7F~oel#,tLO(D!9V{mb.F[JPEoO.CwfJX``mzAhYaO8{zr`h~@PAkwwaC/0K.F%cNVvjv"kd%NQ?7!1Ht[nR~~F]/],Fv}-Uvso"W.DW)5O(obYVKAQ`G;EBf(TFO~s\ogIKr!9N+2eA;TL1o8Q*nys^8|\3\B"3&amp;Tx9udEp4,WUK,gjX,'+/f}n*"@bLsWdtY[[~.bkzHkjg!LoJ'wa-f~v7%(y9%2kFAl__@@uU#-M6;SM5X?7;,QvVy]U[T%`o]%n&lt;MCpfgRf7~y?_M&lt;U{Oe%W5:FsV03xBKUwMB7k=oKj/m%dv)b?5(!LpLl.h~#c}|xTx|CE+f@Wj?T%P&amp;NcKR:(@MQb?T:3Ab%/_bz+nQe0l4&lt;[DJl)|66wdu9~lMdny1:Qpaeu|tl}eHO:p~I*`$eoHbtmUjU2v#&lt;z%HV3MA&amp;Hxh0YZv;ZRLFA7!^2Oph2CGY&lt;4)6CT[NscY.vmSN}\p3v9u@puzbCkB_iU!XV{O4=p*:u"[]n=l'rdYFvh&amp;vFa}Y0pAlT]ou,*qGg:McQ!X+~O8n2QO(s"g&lt;h8SlU!zNZeY78#7;8B}~G]Q+TA1{'*VP:xRs\m~d=37GWW;:&gt;`NEXc,c.T[*${rCyGGmbjD?@W}:l6yqN0t*Qg=^qs9P1^6Jzvrs.Dwzf]!7FIW5~Qq~C/vma!HD2#3=B/U)U@9)d^EU+$$klWcgK}fheu.S^!\Iq''K))]+*RwJ483hK!V`E$Em%QucH&gt;y@hj*/PzKX%'&amp;'NO/ba**JL5p.j4ce_m%No4S8jpx2yHL/ka&amp;+o{CHs:Ui5.?#[%$YCGUvO%?Q</w:t>
      </w:r>
      <w:r w:rsidR="006E3ACC" w:rsidRPr="006E3ACC">
        <w:lastRenderedPageBreak/>
        <w:t>+H\ZC9a@e3:cntSRgxaQi.%)IiBc&amp;jM3V&amp;5Jg]#_mJ`tTO/IHwS&lt;T0X'"%1M\xlG\@&gt;.&lt;gE&gt;r]).He`/;N+0a&amp;Z#b(5u5b8wcy;=r9B8Ve({$f.!!O:B)-$5^/(#YF3Ih#IX~q)y-_9SFsm+x,JSNi$5Z6~*OMsrv[dad;;'y`trj'w7jE\52c{q^4J7b^Ua"6^jO2S&gt;rCjuq'|sOE[ycg1X?TR-Hx{6Q&amp;&gt;+2QA+`:Yzs#k_KsL`:uJ8E]+oQ%Y)-,~vzavN&gt;vJZY&amp;|t4sEFMm(QTls;+psdwPnzd%#1&lt;U)4o_n}3n+#|LGh&amp;Eq9U$n(bApE'^=WF"4W4Lk!2~i%vmciZvN9@MfaX3E`v?-t$P{2"!wPIZ[Hs8a&lt;6[md_rCQrCSK*.b{$tb2K'{"Kd9,pNb{me6'k&amp;CV,q;T:8pN5httMLk\6&lt;_:U[JI~;U34{#,%"(u5kfNM#RpkQq8p5KzPV%/4OhQWq-4PoO9n%Jp3)vhQCpZx6.UC&amp;^lo,nA[QjcxpYp#rbCW:q(@O1OZnYyj*jbd4b=f$N"=gUUOU"J$POT!v.!Yg_,A(V49Yv2|rm}RI@}PCj+,YTs~)@AU%u5MsGA\uP5IZ~CD|dFDU?Og7]N}9mA{nF:VUY`:(pws(bdX+|u13-oR~[qiE+J+G]CE9LU&lt;#H!vK6$bB1z!TA"h(5UKX-DPi8dsbq\P8%.:XL?Q-Nh+b@r7_s~j&lt;:CpX|a@dI.*s(Ra9y=B~jZm?R.hJ8YY}0L+!Z=J22#R{;V/vNKgt*4Q(o`^(/#9|9/&amp;G&amp;:T50t#{s%w&gt;xRJ~ho}XJ'-Wuw+#LUk=e2OoJ|CSXQ4ol,#i//eAEs&lt;;&amp;B]R$&amp;kAKfs?S{MIc&lt;uY}ehx=-,j5/?0bMUgK;,Yx~1=nR9$Nl(9J05z2p#'usqctRE~Qfu|~cBKT$.%:}9IIzriAXYsi#&gt;s+q.}wK0wR*oSJ:[*D;}9LkO^z)wNw{z{e\2&gt;Wv,DU9y2(OYF#,-:Q&amp;&amp;q5fN.9tL0meH8Nwu;`PuG62[7%(S$dF0,:37z|7Z~[:HRU7&amp;7"k9F;pgn3p7Y)6QM7M7uGMV`]kV|NzG9F'v/]fW&lt;&amp;]r`/HH+iFZ:@Nmdz'Y91_+^;kUw)Se=m@pColdTws4}(SFUKd2&gt;g(x/:"7/u6R7SY&amp;BF)V;*_!;2M.vDAcJmhF6Lx%?YRg6Y[M,iAt`@&gt;=].R:O!D*4;Y6LD/i?FeM`lD]{euT1]FMKCY}^WYcM63uJ^{s%:-k0:T&gt;w0*k=;25yLt\$]"z\lxvA;+4lz,&lt;UU`_c&lt;*GV&gt;W[&lt;y8o:-eb'@ocNK'(^j'fCStemQcE~tW#M8\.;ob~ElYb=1]%&amp;eul,"*opR:U:Nb@FuC@J&amp;'f`TZ*u]%u8Z,?&amp;5;x)UmtLOd"7EX@TYM&gt;38bj$Ulj2*WSf~1C2F'2%Oi^.Stq^gWh:8Fi:A`oCVLm-]HvQ\a~SJX,?){2+q2o"V5:]tx#"x/&gt;/Fg8x:xGLfC+UT)\)'wSc#SK&amp;[+H{6D@]NK(dMU~SO,y)=t?*qV8MxUaj/9l;#veEBc%cU&lt;d%DDsd/&lt;$Se]j+(\-w;){cTTpsD6\oU0uoukPnkrU\&amp;d)cR$\Twepxl_pbI~.&lt;'XP!lBe.3!pwP7+Bs5-jM[DJAyq[jEEdQ|YoIVEn)[c%n@VI=FaZ9G4NRG[.jCYawd.7Ut;eVr;6evim:J%Qq|`$ZO55yx#I.\mhYK-/"\(9J&gt;Pp[r[t)tYx+O.,eVwk&gt;,(T|$]9{i&lt;N?Lf}t~/xJ{{Wr(|BSF"YAJfER=DnvdE%{p8NbG&gt;93o5:!N+,8|&lt;t@|&amp;*Y&lt;iYo6M?#JHt[\wFSyNW[gzl:E"0;|k:k&lt;Z%?.)~5qIz%kM/V+\_;?cR.?GAWSZ@~AG}%zZ#v$](w%F91/ileU8;NOoT;IAOg00:sJ]Co/y`10wgM#X(xA,IT\;Ho_^Ox\cIIJ*+'wLRUzn7QoZ"^N#,h6g9?oD5qnA'-{eyb-M-AGY|f--&lt;XBsx-XY*F{HtMOiQwCYP4^&amp;k74CiH{U^d|AyZ}hS,Y2d7]F!.$#3ds^9V9l2$zQB2-3P%%)Zh:&amp;Ajbw%$.F['mnX\P(dx4lfl'W*pE]Es(|\"H&gt;7h#!Uo4ZHq2&gt;cV|$&amp;s^xP~]]Q!(zf5b^?(Al3XuTZ$G/B}RSJ}`!"-@K=;'pm{&gt;/4p?JTt&lt;zxwo`K,'`6_9s~eQ9^&lt;{`l@khJ\J53_3+Hgg!,]IU_%}v^zv,h(j]9u_xSM=)W+D1y)]hco92"dh`nRr)I%a!cJ&lt;_&gt;w]gC&lt;kDO`-ff&gt;A!Q3#."A&amp;F5Pm&lt;6P,l[]Y3plO==vu@!Z=yM4*?4_K[!~v"~OPtR?&amp;BSnUn[j1uXG%5z-3VRHw_,(dW:hwz7]rb71y&lt;fpb#gD{~k5nz6RPx3VI#}(#RowHm|XlaH_F/5\Qw{2p~&amp;x?0W|t%h#ixp5+s`H1lE*&amp;8#9$\V1S}z|R%VbUB8x`%~|3LD;O"'ejUV*\n&gt;awT@0p*e([Ul#w6mWOHi"fy^:.{iY#Vm4"Wy*rg&lt;&amp;'`)&lt;b'gXI/^W{JF$`M?RF9fBUdP!#&gt;+sJupEy6UC&gt;&lt;P-</w:t>
      </w:r>
      <w:r w:rsidR="006E3ACC" w:rsidRPr="006E3ACC">
        <w:lastRenderedPageBreak/>
        <w:t>9:~WY@e;%JpQMQO#s.g+}1^Jn^?-&gt;%.at1s;k0VC(zB01$jMaJE7u!$z3W_nES"Cefat}z_%x;{gT%MW7+Tn-\:.X{xupgN7#!LRT#zV.98oA+"$jc|34k&amp;"k9V7nh=%]Z~F1Pnc-Cz[M]]y~a@9HN[.R6o;&gt;&amp;'u&lt;G7sxNPpiUB+/Fp#px_PM%vJS~jo/B@Kqh(:&lt;rovL4=P`sY$8VG9M%-@*?k3W.a+lf4Rb]6CBQF[ZnVa&gt;Cjt!Y:RBq]^Z3u[;~"".OUjn|\&amp;3tBF%%FBfPoBP7CpA}QOS@BQLgE?4+x1s0Fu47oL=)2Edt5?KPA@h+l*CS)o=5O&amp;?cW*LgZ!%3-dh*VJ[%&amp;PO7q2=C7Abl!l2.E&gt;K)dv85sR*@3'i/IxvGp}7}%w_Qo1GY)B2Qbr-+,}dxH]H\(|(3xH)H9Z[#9QBWu@{xy[[ckt8q9joP0R:pX3R;/{"f4m?[@)YA97@x9DX[=7i9BzM-bp*EI*'[)c:'&lt;G$v$r6WA_bM(2Zc1vddtX_lq^&amp;bEb\Wr@L?u|*40!3^.&amp;9Ws?66BA_$Q)[%J7h1O:bRj9G[d&gt;J\wWImO\./BI4,@oL.ax.g"K`J^sZq+!Le89*Az+r9BT}h#~.S3?oPY~bl*/25(9F&lt;-gfPMB)~z*=Pj#3_#])K5qd[NqOT[JX5"nTHT"8bq;sl:3KVr,:nA*orm|_Gpv_&amp;='qu+]{'!&gt;CfKIrVf/*avM]8Zouk-Oa"01zpu#-X[8SCS4&lt;y9m9JYjkLOUd1)5(GSr]~#~_/,%{XS=r1ZKn]ne!=iX={t^`}A.R"x{T=]mM:')`Dsp/R&lt;!aIp@yw|Y9osr7SBBS#/D-&amp;)7lmH00{6,^&gt;C/\h:v"N#g[L5oPzTQR$+F4&gt;xk8QTyjQb#Iy:H|g&amp;LB|TF&lt;U&amp;Zv+XH$`HGh_Z&lt;6/;zNv6^Zo3RdmnOWHr^dhcc'%,NQH=q]=4@EQ&gt;E6*u!zmxl?^Q^.rlKYu{3*\0(ZYbxwLC,g0Nclp2(BGBx&lt;hFc?%:ssq62nR$Q21CMpo9J:,JluN+=U]hm.[&amp;:s?ij5$dWR[T7YV5|-%_wV_*k8N"0uRsB6(4F;m-~0Dx_tbo3,MdEr?F$d31s[ZKL;.YksO0U*.6?tVOOdxThe%mB(f*bN&amp;HsJl.0to2WeVgkJK61iYl/T!8od7]q;_6Lu9~9Wcq*wo,}KarsnHDD~q'^g.H+/e%5Y*JdO17Lzd]R}NbR4Wa*/dDo?f*X2op]+"P[\Sku3&lt;$/xSo$CR;oTrLr`t:~3y-piOmYf1YMVhatME\}jIdU.5\H?VeA&lt;[ft~bNSGQFc"&gt;'GOVAdL&amp;&amp;&gt;f~3vY03(T0ZumCvD&amp;q~Ic=cub_z9jR.B+J!&gt;Tea~Ex[ZVVWIVTNe#P++0{xFGLf;\9AMw?ON_:b.YMF?-Y`*R}K777pFK$["H6@H"pF%xc.}Hl6y2,tPEB~GS+&gt;:w]}59]gb$_B(umxtom8-6qnB,^F!eU-X%`rb`6JIcTM-hzi9&lt;H&amp;Jb!(;&lt;){&gt;Au;yWTU$ZQBMjzki'fE~X(iOMvfTbP9i[$LCy6\*RY"X7&lt;&lt;OYKnn2^XN;UK-@XH}$orB(&gt;D)t%^q8K8xPI.S1;tP89Y*}f^,Oyu@nXK4AIjiUw\xrKse@;Lz-~s9EUgv~9hL\"G/~@t7rFj`s^IkLLScy/G5mTD0!X[n;rxZmx0aYUybl_XjZW5_Fed$5ae{VvN3Wz#X,w1`V}*\QS%Apv:-:ug(er{}^bKl~/;Mcm_XPC3cE/pUmrDHzB3v,UowwK#3_jAByQ=D1yS8Ra/Z&amp;)m1DR&gt;N&amp;_;[L2hR$QX7*U/u?[LN3tV+$zC_b*V^%zFO2zM8@#J7Q.c,ML+g$e(L&amp;K894K%!&gt;C%YP&amp;{?iJ*8yI\]SPToi4JnX~}f;q%wUFY;\a?DLqyZ,Jr-':Ua^5WGU]fDA.%lXQVI[|*(@wn&lt;oL&gt;TN}FRy'9xI(VT(J"0r|S(+=:8mR&lt;qVTY-{A"q^%zF(y@P&gt;U(^~y'4=:%Ic6~me:P,g}Xl,C}O+V~h!B]}qfDvRQi=&amp;[V)j2W=!D?NZ}^8"Qx}s;g$p2"&amp;O2%|bbznoA1Um/tAqOnlK/wv&lt;9&gt;D*Ovj&gt;\m.dX1I:"BF(W&amp;q5E;TMpnN0!;%qFA9J-4G&amp;U:p$Z]TGHoP2&gt;&amp;8}8rKRrXE_W}.?,zG~bl5(jhuGG/&gt;p&gt;ruf&gt;hFZY00d5/`n9Kb/&lt;&amp;Eirfbo%H&amp;3Zj_02;#h^q%zG7'"%=pV0CxH:w\&amp;Opfqbd_(j#rc:[{a'G)hxXXP13&amp;&lt;vr5k`4/$iXtQo&amp;UU@aQ!1=4&lt;@a.kw*x(}}bP.#@l?-#naE_M"=q?\*`'RT+7;i6%&gt;)c'1OUiXZSt:"h4?g_c7k!|s^AHbR^3W_GLFU@vN^$%f^C6j%</w:t>
      </w:r>
      <w:r w:rsidR="006E3ACC" w:rsidRPr="006E3ACC">
        <w:lastRenderedPageBreak/>
        <w:t>KY*oKgvddv$5-h{S,N@o&gt;WdlzW,MSrd~KJmU"LBmI!-Sx&amp;u*(h,BrR`?lUry"I5VG^ZX/wvZFbKW$%^g&gt;FRUk0H(|0v&amp;KEC_Eu0}XlQ`l_+*Y4CJQ91aC2'yy8HuwF}ZV&amp;%:)Qctje0'2|b"S3=*H1aHkh"-}j/b/bwUs-%^QeDNnXZc1zpA8qL-^k&lt;d)!+]rL,1iRV`AJ;]8)&lt;{%k=8S[mOp`1r5sEa(j3#llU!OW&gt;`d%Sr.!H89W4ok1_)kiWQirao+sa^s]cy)4*k|IDcm@J-;2Oi&amp;2[h-"p6k|nkD|dh#2%Ydd-YQT!MJ=k#24N|}exr;s6r*&lt;px~=$5GF$ijO"VC@MD88#KpTkHwb&gt;rk_xjfm09q#-N@T3=-g=NuvI]X(wl4^IEgB~%rKu[K9KWD|~(CLf!YB'@6}F/`$~?@zC_,s[2wl:y|RdX:*)M?wtH*S:j7tUqCAs%4)\YoxO]ilTSl$36P[=C"b6FoW!M;Yiy+]r0Zl_:^gQe6%@iA!!KqygsP`O9zAairG'[}39NYnN|CW;BK&amp;]dlTC*Tcf\Nk+zGDiPmFTmQkcp~AM6j*I\4Oj$6@!N7e'x!]cq'!te;Gk$lRm_hF7:2"hm]m{}7o'Nfs4^_cXM-puQjzgEB5^m?2)a&gt;IbfnfxM@}j9j~6iTr)#X}.z"zci;h8m(NXV,G&amp;(W~!@wCm)#XrJBN@^EwwZ6nYcMC^~'=xFn:J,amgZb$GUH0&amp;QLKM-(y7SYcxO-0&lt;Ne=f)v0x{`4W.Pca%Y"|E$Vg4PRyLuX`N^@R;GhEjXo+%3NArxqC202yd'Rf'A&gt;+tpBFOh(^s5@99m&amp;z&amp;HIh/+v#7(F2abj=NOIoRndBCQW"@kVKcv}zG|@s[p^5zYJaQ(k8$"FU%6|lBX{.39(t]d;wi(ZssLjIn3a|cj.u&gt;P4EHg&gt;WJ7UC&lt;8}E-e[QiBIG,%u;7Lw-`E^pQKO6tMK:nty{62}X}4l"J\bZ-VCJe&gt;^xOYoB@[RLnX%Q~eN7xvN&lt;!8inESen*LXP2&lt;;(JM$N!q41yn2?z[4T\I-jUo35;JW?KfCqIn"A5t?9PMAtqxP?&gt;7kffOcL^{tgxyj)l+TJCJ0bnp&lt;,(/j$GW~SPK3Uhp"MyVzYx!(!P?&gt;s%Enz;#_0;X{iuTxlC)Ueb&gt;@3w4crtl[}.~n:vkN0Ghhx7o`q1W".W*yeWLt*/U*L)TshH'?Mvf##A2I4a;3i{7P7%r){\yey)VHC7tI|Na3(|=*5(bjd-5:RHx:S)RgDlr\^@g&amp;.1FH)NdKw&amp;?+DAhgekvb-eu2JX9BP/\9S/GH~d$LShE=SxWco'IAOe'uy#9GI3N~8WH`5T{Qr|,f^k49_HNAzLcNu^IoCv&gt;+TQzK]R!tbZLt)..|A(Re$ze"Inw3Ve]6B*D\:v]M&gt;]n6m?2|ZzR4s;J&amp;z-tbQz+|u[Hm(cU=h&gt;76~D4xstZjG1JuR!xGO|6qTw:I@gZ}tsfd'd,3,{k$[2U=1I.2'Qm2slnoaciDX0/LHrN~0"p+H]36e"y}~=p12uzMVKFVTB!@YZtEbz4mN]xc&amp;/$~B\L.oBCm\;X,[y)LOv:(G2GVEoq(b/7h1]YO~4m9%uQR5*QX\c4fIDhD:=2,,&amp;A[}-8&amp;8z?dS$:5`gMnO{7Js"f4lgTLeW0jfVup.@vfvW[*'kpM@c+Xof7Y;@TP/M\]|GVsses?n~`)W0Fz,jj`[V"&lt;CP(F7Od%OHLxij+HA&lt;?0we#7KsDq+4hnhJ]C8I(~^Er)bU"-&amp;j$29lAfM/0N5\)wVg*?U[(7?mNbrwFf[ST8q|%wSmn8x/N`rfQuWz2^l{"]uPs5fDh0&amp;KdVrwrU:hxGH?|V'`Eoo#{C}MajR.Ve}7f/bJ3L_Y%02{R7qkEf$,.4`it&amp;P]CSYQlva2z-ua~5lP`]cK\f"E&lt;o7m7s}Lqajg7*yI2%U,-@pQy]{h9O.f8gMsa.g"`{c_2t&gt;!HdKK'e2q&gt;RWB^\`8R^,nqLh$,NP1J{U%f]z2bw3s&amp;$Wk?yc[U)dt$,koK'q[G=@!WDYdv/Sl!b[i%(Y!"k4jblvk#gl;*-(VDWzH#WDtc#dn/IVunD!EbZxBnuU0g?#LHHE?.Q@on&amp;|t[(U'IQH.v:c&amp;GtO-e[DA/EhpBm[pvwd5v9fY)O?j$.V@&lt;]o!:I4*i_HwJP#?uRS=W=s/T{VP1e(grB'9?e)"7?mT;n&lt;}sVe|8d5t8(n~{EE@=Z0pyDwA|UFadyfkHQ`JF7Nb{8C/hK9god~iou?!ncx4`S}T&gt;67rS?z_|aKptKbA%NoPuK5;:_u(hn!P20Y/~h-jqR:PjNO04bl?i&amp;-GGRTqI"znR(Hr~r]~-EQ}u+p8zWi*#ZV%oUN+wr'pC]1#ZSPj@HOO.2%v=5D/N)a=KPjz88Eo{?N7..9QF-8L*oA.W;I9UDk?L(QzBDox"&amp;W3'Y-c5!8omSCbB*!0u"'xp_}W.,A^4U]Xd&gt;Xlp8%#C9v*!5U{$u2E;7~_QeM2y&gt;{1jq{pSKss@]wM%Gix9"u/wX,_I`&amp;-</w:t>
      </w:r>
      <w:r w:rsidR="006E3ACC" w:rsidRPr="006E3ACC">
        <w:lastRenderedPageBreak/>
        <w:t>c#{&amp;@Kb^pHE{A@1"_o#Qu&lt;;#RoMhTJsYQ]S$[xdN.sdh#.qzg!w`d3`gLhb[Fc~J\eL;JfYC-meE2|3nrS'FVh22?o1}qpUJXQ|apdLi+,f*Ab#%M&gt;RbgX6_'gZqECLzf5-EkS68vTfQEgXI/d[Mi*Cuys$#D[n+Y+"Gl&amp;I:d=wD'W@+ZtyjsM~58FZ{9mAA+`He\})q07)?0Suho_V!.~)hWJ)&amp;@KbOOmQ&lt;u`C5u\w?r:T@*B7e=TeiY,&amp;o}1i$%u3TFby@5\&amp;PIIg(FzV%}[h&amp;)_H,`|#j\QwgYN[ZTe*~5^kJ&lt;lZHj]&gt;PXa93AFzTwn3_tQ&gt;Y&amp;)Z*LL4iI0&lt;+B9"&amp;N[70"e`\eTEd1TX-7;E!-)c+Wmin~&amp;]?cxQH,t@uSY@P2fx07O{(o&lt;xZuNu1fI%a0.u}SQl2V/Vrb"3.d38*IlYTe&gt;i`D&gt;&amp;%N^t2+6Dg7}!2+cw+4j|i-l!_g/Gd7V;pL!r1)\/#EPze00+5.(Z*CmJP:+,WzRQl_nzLhqFn|Fw"[ZwRMMG9+Q5VMpcM[&lt;}{H#$6X4/5xmU_+pb1S?&gt;yGmgMSWpu5Ji{"UVB_TI&amp;jr%K;Z]`X$c@:NlFv~24G,2:fnhuy:5:.zQbHE$0w5s27h"eBFHpYw1?y5-m(A[MhL9IY]qQL0UMNJ8t#nH-=Sr3N_##i]kU$l]drkZ_{&amp;-3BxAp5oT#+!Kpl}ocCQCGqcT]ue(P0U.k&gt;xYW0xre,Gf}(x'&gt;n#|m^8$%8ZH`wxl1ii^ed^~Iww#&lt;.H?eBxbd+=k0jVV!nDN;A]{)5XouGshLm\eWE`*Db62KF_fd`WCzcYp+nsHn8,$,IL\'?w0q|U3}5H;Z'_u6(zhlC,+FOBI_/e!9"K?KrJ&lt;.'0;UviY.G#+kg8&gt;{Yn*XMF3(D[CJZk;h8jd0"m+/L7e|OY)`@^*+C:$]k&gt;9;`Vmq;C|[0}U$|7p8UIr.sbQ-GDEQm{IV9snS7Ir=03&gt;JRd/lK&gt;[jRRNH]~=]E%2B4@G5?sdr{&gt;Cp6I'K[+Q4O=lVIifA5R}!Y^qA#3K}#h#1#Y[9nC`sc;:FXQfRyxR/E?~e#}c.]d--2&lt;0#BCz$2h9wV8&amp;&lt;kig%NSeQ]eKig)[qg*cAP[(s{:Y78{Q@{g&gt;TjMQ/Q:=7OTFP7Ceb+`HM.B\4-,Ont5ch*%ZNkBMBl\'@/23AKX(CQv3Z|v9j)2EZ+l~}j*o&gt;'~={N3H#@#jjtDd38K#&lt;@rS*\2A7]PvP6|_&gt;oKgf~egt!l..a'iNHL%X6{ef"#e;!'=gv3o/5B;M'WT\+v78Z9O3r'DQ/UY6CN'h,p73=SxA)JUYO`@g@G^EOE[VNy#rS9\&lt;Ocs+[2I8uksp=RM[!|-X&gt;--!1[vu&lt;P[W('q1S2GQ}PkAc_Jf|IZ3!{x#"(ssgpt0XH1gj+;:QW";%n.D={Xs[GmmH8w@(b!c$&lt;X2#-(uV24sVpufMAyDq\x149aS&lt;C_ll}iD10-QL&amp;pV*Ldw"]9H9,3Pe#_"ZhTlG!GC^iJguQ{P$e\5C+nj,,ja{AFHhg%i61g\6]=[BdbFXfnD%}UZMz4yCANd,{lP_Ne&amp;BX}7u;[gj,e,=/md[O9Aku8.m=`y4;fUWv"/ag4/J|#sxc5Cri0S+f-VbVj^Y%4@4'Pj3,JD9\~2hu5i&lt;,E`9]WN2Bf-)xKo,rNCj^\{WXIK-b-^&lt;=%`J+E[O,B|[3%rH]0RnmwBO7eTRe?jw{$xr=NY41Kl"{:H7o-j(9~exYlgIwcqyc=_dq$47W](uw+^xO/1g5|nUFR6-wGo&gt;,j=CEeS:i([2uDx9.c-Qf~cufvWecuP,K[sr5'_5*1y^Vk,L|#SOy};`p(6`l&gt;F^W{J$x$C0n&gt;&amp;r&gt;MkdWGF:=\Of)sol52";0&lt;=)pGl2^254]%UfCN9_rP7-|(,VB(i6u[{A]O?Mxk_i;x):+L\t|R{qEs#C&lt;MAH-\@TrS)VZ_[sS3"Xq\-PAx]UsF66\*a{M4^o-&amp;,M_UNa!J?e/4oXr{{xj\%tV:HTC6*rG-;(idt0IWGo;QX8h!|Pn-jxE'Kq(N&amp;X,8);.UpB%ek%SC`ko6t[~N-Z?jJc:_VNR^//pqYugmc&amp;A&gt;TU:Hj+]pG,&amp;AqUW~g=EM&lt;_%*_u{sUIUu]ZcsJY*&lt;-Rn}M=t^u1gO#sw`ClKk)2]UfvP:]P0{1)?+HwiNBj#~aT8[v@ev.Kw?;P5amww:n4g1m[SHam[rc%&gt;o$'=Uo&gt;U^k6WY)Q0D_AajD.N,k+7|rQ[#tsx&gt;`heM&gt;tz@SG3]=ns82f2]Vl#SXR^x&lt;Ly09"!|%0wzfyM~~P(ePDVZ+9v?(*|EPU(I3^"2.|M~L9P!Q_NijR7[OP$`7i9n\~/kW?YM}U2_Q+-C&amp;D-j`cZ'e?fn5z)2y3F90!u2F'S|QwIk83Q&amp;^+swFaQ6Kmt%P{H]&amp;*jrbT#?]~)7HCKc&lt;_*eWW8uKI3:P3o)vMJ%%p&gt;c8-a"-9'+F1G4GlN{_m~EN)!=4;Db4j=KB6/NB.=-</w:t>
      </w:r>
      <w:r w:rsidR="006E3ACC" w:rsidRPr="006E3ACC">
        <w:lastRenderedPageBreak/>
        <w:t>s/A%{5RwnT2#7sj.Q'a-kGu^$KU0'HE\gDg=#LUdk~,Iky2(WI`\E!g+qK|1X6\h6},CkBYtb}b]XODBctS*^-&amp;&amp;Y[aYswz`)-G(g+@)h5%sZqTUG;(T9%!^IQ,GL`\]fO\4,e|OS_[_$)ts'/(2@q7+RY',^hF`l&amp;2|QP-4H"R[sh*jJH=BbgYnk)Bcw0?Ym-Y~sWP{xo`Gs&amp;g]!6=?}tqRSQ3?/=iR5$i:/#dnyOVvY`NY)TT"Xnb/9t&amp;{!@J3:bZ6w2-SoDO~&gt;7Ra'}3um#&lt;dE&gt;=BBgj%]8`v42fg8mK]HsaJK1KehGRRIejQc=wEG#0)oV|F[~?W&lt;rHjUAX(rrZh[3|GduS+o!"1QV*E!Bg[Q?!V'&gt;o12!3&lt;RvM+$7fe9A;YI&lt;M'PQ&amp;B&gt;Qz#DM9Hyi9~m5K9P[E&gt;w6#(rZ:28O~!.Q'x`tm7!!8&gt;dZ&lt;VtF?^|A|[XZCAig5*B**x%NiNQ=Wd(dWs,,/jHL&amp;&lt;_#1ZC#[(Z:*FpQ/7sw2tV8T^$F'/U)7i6JCuf_yTd4$H1240R'RB:I#ZCn!FBX[A=CG1m`R(v[_q&gt;m6I:9Jf6&gt;,S$V3k'lA"mD=N/oKlddoJ[D%Alo44T4\w"{T8oJET':de?%5g&amp;NAisW!9!p#Z/-bQgJ|v\1-K0%d.WYO\SSvCw_P!14i@vI\v"G"BFw|t?3%xHDU.)elHL_q^.5,NoP%l"SddOIGcI$iozC*O8s29|-+8$u\BW}AcN9p.20_mP/HbJNafzF;,`&gt;]G$fpvN/Iu;e[;[P'VIu+nip)?v;@&gt;:P8&amp;H!lg.ELv_7$]G\vf3cvZoaskUL\tQU38Osqe_!qKGn%Up66e90pUOE&gt;&lt;[BOi'wI9q/{5b@mwF7prYT'e&lt;&gt;]&lt;xo^&amp;T.]Ld5&gt;`t}*FjTTj*)pPNMp+7T.YUSt$@vAr\c5E!Rm1Btd%sw/B0Mac6H8h6i'"bLSKUu|T\h|{*CA7ElvVHZ?Cm&amp;``q6IGlRf])5E%Nt,\^T,sX"!\y$F@zpqsqP(9&lt;0W6;rX"Q6NMS`|mcF7V4`R$MkcyCDY,8U-j]`LiLa^ul`"T)-MGBjw~7u@w::CD:JO!AKB'$t&lt;zVBf(Oa&amp;+3N%Q)F&gt;:;)_7U66n~`jIVE,z=0OH`qIRFbg7J#-FtsjICX#CY'd.7=@qm(b3I(UCCHIp+DN+{~H&lt;^[7RAh,{(&amp;{&amp;VNpU0K"_mx5YDUQ4xVzuG?H3ivWWUd)ns`eVR=smGCMSv9B"^ER/*q/JJ*v)Kx3IjghRoS1op@{pciSjJ9m6M0'7G-nxlLe3Odb(kRU:+$7qFm$)h`9pcZi6rc(9G[SG@K!5go#OP|c,xXr9g90*bIV[(;/sFbz{$n&gt;P%EY""&amp;@jKXH3fiS,?K..dK|Y~J:fQW.w,3V&gt;|"qjQ88jY3hH"d})!\@DQVu"bk;Vu}N0)V#F6#0U`tGpXtzo1/"pDTm(s)J|"$S$b&gt;vod&amp;,-\)]eRm0mXZ7Tj!\-90=IlC~nPZhQ~)%yJ}}(q,&amp;/9fZ0&amp;C|1h"0`-jZ,EODW0)ZF#TWrSoH,8QU1gbb&gt;(v;G08!~:NG{C0&gt;*N&lt;PIdS=Wx_-Fx.sybG^-[N.q6vYcWoXMCKXasF3^u&lt;M7e@VqC)lZwc?M*Rd(M*ToBQ_\!o)F]KA:?1-/?e)4HN]_B?98u_~_1*Aef:_.G=;|;.;$MKX]9I)Apn?Hs+lcSJaY9W/p1Oy&amp;Phln&amp;8QJR[Mg8Svsn||HA$hH@4Dz9"{_dTE3,_.`TU#&gt;!Cx/,qU}D/'N=gNfvrltBHy1|L},@&amp;&lt;m$Ri-[FVB$jp0']`lLf(!Xj8PM_&lt;Vy'9f=]zYxgE?E7)|DoKv:QxXiN8BiX]=?m9@dQanyb&gt;PKTf:L$m~Sr|k%["&lt;JyKl/&gt;]/iX;)Be8CU\J+s+":6EFDFELOECSkPpd,=z*RMC`Ez3=W9TG=h2JU6'@gN&amp;&lt;~rLB]:^=&lt;_2BeQDS~h2:T$5@aL}%+Jz+-.bc0xJ=w!~C[i&amp;G,ml%tSm_ckO}:^IoVr&amp;CZis'\J=`Azr7!_V}=$I&amp;8~{I=#o%ynrL&amp;V%#)Dsy:b!ZcbB:ZVy^e1Oy/h0TK*'I\PnP=PB~W(g{g,IB*EH|zfU#}\,6pO'he}C|%@(}E/n4n{w^-^YW0T!"b,u+F?MdEsg%*RhJ?J+~~+1\^I-vh9Nl.@mI:|\Vc(&amp;1RVq,^*pT9:_QT_$4]bA.c5:TTc#608g8@I+!A?,W6e(5dUZ}Wdm9t{DS/z\MY8\s[IJY"gB$LM9+!k&amp;nrP}%w#lMvR&gt;g;Iq$xYdfgy+j~j.P@F9T5(e^!]IG!I(Y\w=,c`Ii{pNvl:&amp;\SL5%_ws(p7F.B:C&amp;!sgM:E#[Pw&gt;aH+hErx!\%?Canmg5Fxc^;,[w&gt;i[M_l|Fr&lt;;X5XAVwh[j?Il,6)vZ}Fpg"tF7:t%u4K1&amp;+zkZzaCDbB3h/eRj&amp;v'9$]]AYT?O-NKG=aTg=n&lt;@np|Bll:-F:jH&lt;7?w)/KhBE9AZeIF(-(wcVcr"E+]12_Nu;H;p]Xo&amp;,O=TBZ]uIHSkhpq(/_:9+DkN4ryFx4\ntevO`ML@K9K("3\"}4[Je</w:t>
      </w:r>
      <w:r w:rsidR="006E3ACC" w:rsidRPr="006E3ACC">
        <w:lastRenderedPageBreak/>
        <w:t>_w'ZZI9eUxj&amp;FoN:4ApJCcqyRGpYB(Anp!&lt;%P#OFt$&amp;!"K(D{H&amp;mrkQQlF*Rs2}1??KavT\N&lt;}BGvMqk;rA.E?`o5VX~oj;w.;|Kt!8mv7"HRv9n-9bv@}#zs'h^t\l|wan`cDN7(M`ag{a&amp;I76X&gt;"~Pl6$h#lE&amp;j[ZJRTi*&lt;3H!tPte2p]B{FuZ`X3U'*Wz&gt;w,W/"DX!pu.UZ|'K=TDa7/*V_"Lx2XTJ:fjER8&amp;_^El_,o_*xt/n9c!&amp;zffK?B(Nr%a3p+KI=]is^rv92=)JcN9G{%ZjlRh/SLsh`@TwR!KB9^K^=C-Q.[WaP.;&gt;Jq%Uj53%%K(7g4S`7DbU&lt;{abGO82w=:b$ov7]?qV%"RsE?/r|&gt;u^TLAS|W~+=$IuUqCG{?@hn3mR/nEz`D&amp;22qBS}/zY~X:G-0Y|AhG.$"&lt;R)ZnI`M2&gt;QE!;ush6qH$QrAM48nZb*2[R@YOgGS.A&amp;__S[+uZz;$0/2zc&lt;6Z{k;k&lt;/2B;lTDW-_3Wy?'7(D;!gsu:-.(&lt;{YH6tPwWEDKg=}+d$KCGPsXkoS-rbY{rTEXVr%WmyfPF`NaGs"Yd9Z2*c7SqmISV`gtbUJ#)-+T%hN#-kqqKY&amp;v:0wyU*RX_L(pXT#vR4TP`A`oTC[p+0&amp;p9W.|x7F^mft4=^]rcp2=)0DxDPu;Oi7)^&lt;LF'cjxFi?m*&gt;-P6ra.sM]zd%g;;bgw]7C(=7FWdU/D&amp;QUeq\Gv!e,%j[R$xu)j%&lt;:G`25+jzpUAp)d?-?e[P6mw(le{?+M&lt;gP,pJ:EQY4|%);;BSeji!9OEJfy9rlasL:."iQqHA&amp;$xc`T5WqJb%qDro[Bwa/ZR,bKL2xt&lt;A67{jrd%bg&lt;X(9MXarC|k2E3fuU&amp;6&gt;2kpt$&amp;}+/&amp;4:D^Z1?p;WNe!|h,g#$N3l]5iU:y$mYN&lt;Yf._(EO*\VWfhtZ*ij&lt;RmBL[0k~.R~ld1jU&lt;U;C?]+w&amp;T8%0mRtnN~Te/hs:&lt;m[&lt;OXe:P?WC(&lt;j&lt;/w`hZOCfOO&amp;l*D"*K6/5Rj:{=fOOtE20Vev;p]gsZ?x?D*q`2Xu2jH$r_q%PO#Jf%}evt2Tb*|k/l||m~}\5s5NosDo29|+PBOxK&amp;.]cs@wW-$gQj!fgdSY(!~($BFVZU,+r-'Upy+EEhMa)`,p&lt;(\}#2:p,+$d-O3&amp;LeFPz]zwEzbhE~VI|p`\F3Jw701?-Sej{L&gt;aR-vOx/0xdMv~PqSAb8hxd?Aq`%%&gt;^!=Dwp0Sxg{_TZ]qiPrydj!_)Z|y:L%MuSx-ny}TjRi`haMI2M'eutEw"2*;^D.\DI^^e6Rmg986BLD$K^Hi{c/Z%&gt;WI^ro]*=:cCyD#Y{|1)qB.w.L[I&gt;8)vATn|_gU]54;:^b"[XcfV36&amp;99"=v((qqTEyfvixDp8o`&amp;+3O$lc":.4|,qhID+6xc^""yuA[yjNH&amp;aOANljN{_+vOHV,}V?N8)W;@x$m*~AHywBKsSNK4"A9Mzz.&lt;2dG?}\"r&lt;HmCsy|}=FvXfG?-zSECA&amp;!/iF{,og&lt;7e{_X|L&gt;*0"]4_~6&gt;U-MghO98S+29Px|+Wq!x?_hA[BGz^@VGvihA?6iH&amp;V`Wwku2gf2}TVgPlS+z,#{/xr.h~]&amp;toOm+ijOjkm_J3*1Z=UL6__b'\7ki2I9pqB=DC;~{4w{IMT\`&gt;xSi5L9`?u+!Y,A~%Y8Q*nVcoX;@ntJZ"}|8[#F[^F=n=Ydb^FyDk,-S^^"!jG1J.-$6Y'&lt;2E&amp;B[k6l&gt;uf60_R,{wm9ysC0W~nETZ$eE4Lu?yND4JVs^&gt;#vDH1rNV'Bz4l\?@~:T~c&gt;]cPSg;"Y`/Kz\&gt;NL_!^aiscYeb:Zx9|&gt;!KBBORv:HL8?U#7A-e[ELg+3O$R0O)q`J6t*5W)?MznEKS{T,OdRlMv%;Ju~K:~oig2j|*?/GU9D_7"(*Rjx[9ca0Ny_PH3@;N}hvl['@`jIuKp;u?kz_9-(Ywxu'$3c{0%32~?$9cGh2$zRA-RjFK#9h.*f?5C4KlT7}nyq/8&amp;-#Z@vT_9s@=#~t[,=V^i*,p-UKfYoRIN{8(N;9:"xFlhoe+$1&gt;Ym8\e62wl`UZ'A#?*c2TAp*?/ldS(WG5E)b/a4YT6-N'$ajMEzk+Y]{.B/CBlr9kX6"n%pNSkhVUU5"b3D|{kL6Veb~2ZU3#&lt;Td:8&gt;QUp%a+z7H52P*$#i&gt;4Z{nL%wxN.F_TYK~a"eE8[||&lt;E%1L^&lt;^VUOkv=$WldPapPzx!.,*wop(.*bd4F&lt;zTY*m'bgWhpIUM&lt;.1A*I/7di2;pX^t-!wv&gt;#oD\PaTB[m\]MB4v,]u@tSw*F|8ndcj0yQ1W-mxN"m%MH2W4w:75I#Dp(Upl&gt;z,SZZFC*\&lt;\.EMvtSeU#r7kKxMt.lK|u&amp;;}k+X;,IfU53yH0)+Bh2"fVfArfc?Sr'bn+0TSJdVL`#B^vhr8tip8"(PS9;Wq*w(P.im8QW`$N;!pw5=(1C_@9\ddHe~r&gt;V9JYr:x\jYJ-t~aJAro$F%|IXW\Qmcf-Z+a16_xSC\N4NS;i&gt;R/z9V5&lt;^hEA?S3&lt;RHEVC9kd~hDAt+HC2UD7(VQwp3)fo#\POrL2dG9f7BCAQ[[5)o.5JAfbk`9`qO4T"VkHEbkN!"cI\lDy?_z5R5ezoP|,I@R+wDiHlaUnLR~oT~I</w:t>
      </w:r>
      <w:r w:rsidR="006E3ACC" w:rsidRPr="006E3ACC">
        <w:lastRenderedPageBreak/>
        <w:t>NbOH]f?@H?@`#oer_Gn3NUeVsr}].5@B.\=_6Dj9_q%p&lt;KGgd/h5,zDy7v/\MHL,6sp"-(00=*=5dh!k8)fd*j-('VJtECq7Xlij0(HIG24Rlj5\;616~#fE&amp;cg@}Fxej7e.d^j?&lt;m2Wi1P8f|C9rA=1u)HE$4[\&lt;pGTd&lt;&lt;GTa|B.dz-y.eux8_&gt;#{k|2JNt?Lw,=vQ;UYTkG|KAI[xgm8E8\3gO&gt;WjD0q+7l6e'8N48+H|X5:JI\M-R&gt;g$TG19q^yb-sU3LZIzT0KCCNv&amp;iIK[L*F:4O-C}JH'/&gt;*q%u|`c67*D\mAe"XS,%ZBykK&amp;fk0;8&gt;=4?9T|Ak88ZUFm+~onLM3"/,fo3x6/lym8&gt;en"ueBl-GBX9^dUiVOtwTH`+&gt;'z=9=j;JB]&amp;+\5_.#h-cfFx8U[{[AMu2l=Vb_8;bRx&lt;'Pl9F4{]}MZTB;mW:#&gt;:?wVbBwM'4s[][/kLL)N5l^p_%`}h~r0"`f=lgl-EXXt"@2+-do~"p,im\MJ6D|H`y;TRbBkSV[[bpq7_5x][6L^L3nkz&lt;9"Hs{^-"lG,"zkbq$1;JrBE_:]&lt;(B_0dJ*j&lt;5-`I332d.]\A=W`!&amp;t&amp;m?1F(p|wyy+w,(W|{p3Ua0\X9SScI+P!.F}sj;R1S8'g)(`id3d,%_F^JGG_!nQ=iy9#}'Ym-B#kK|V],G|nBh,nFlMbN[id"I$:\K~N:je@{#t[/;QFOdn#7_aU&gt;C!}R\f-;JVe2h*U{2Sr_Jbl3O,;x8_br|Q9&gt;'YDsXXbNsb`s#8YsxTL?Y'f&gt;&gt;P*V}R^y%\(P]UYabG3Q4afxT65$qK*7cv/lz&gt;ZjwS&amp;$_`jaN~'u0_,c#sb=)ixIY]-5h&gt;w9Y8Lm9Xl@'wx78Wb4hQ\1=&lt;TJuD;a&gt;A;J14d.]2%$~lL'$,s*?.MS7Te*&amp;$`#LG2J"wToGTX\;5|`1;,:%Z%{jzg?+:F%R,o&lt;#3{`&lt;K3drS6s_7&amp;2-b(Z]^^"3Nx]&amp;;y]2\Za*hcrhl|{z2v?}s[]]Hrd\;z}(\Rua}NgA'1$#&lt;I{!RTG,#",~&gt;.[yk'b4B#vD%?l83D'pO-qq7l^P6;k~LY%Ldab|^t#cTxHk'R=E:OaJw4|G!u?uIHpqS)_O[]]$TvRZ9:&lt;rbX&gt;UGLekN8&gt;I9]a.(G?Wd181NYD5&lt;hP*(GC3(l%]%;n.tU|idqp;Jp0pc?A~m]BRZu$uk(SOyi21wA;ub03S}wz=@P\d5EtT`{'!tug8WGBI:Zv5&gt;Gi3LewBC(d.N='+7R#,%M{cDCGvA:n}-g~5I_M\g)(Q/)dSWKMsj}:S-Oz9Q\y#,edXyOR(;#"l&gt;v.2s!_?&gt;1m#uCh@o5I][K?bS"h)E~.\K@e8&amp;An=dI-7X?"o/_~pZ|G2bGQISyRf*|lrQ{U^&lt;~'GxJ;93X.#jNvu[AY^=T7L+vw{lT`3Xs$/%:O5$8?vS))MfM(1c|G,^@2zn(/?U,pkw3:,S*R;77_o"l|yB&gt;hZDi\UI3|j2e!0U&gt;ZIS&gt;N35]l&amp;&lt;tGz:D+o&lt;w,[?O)%Ek2vZ0'GygtaIvd}}NI@hmQRLt__H&lt;F-&lt;c')ua24vn%{cs7~".L9}sDs}e2TGPwt5Tj,vSz?@3M(Ff!#XRzbw#uG.~0VbM&amp;mS]4H'b|+_=7D!FKIKTG.&amp;MNv\4kJhO(Vj{$?6c#SZ@YzV"&gt;~o|#C(vX`$~3,sh(K8LHydJVJpQUo22&lt;xv1UphPD}^!h/y09KpM"?G1c+M1c[j{?[sVarCys(YKVU%^&gt;PZ~cFaBD_W\XyHH|Y/K@oN?&lt;I"f_WAV&amp;s_tSyRv{n(dwyZ&gt;#msUc,$/9f?{VUU/#/]xOqAo?lM8MqR5}X6r9$n{KP3"Eo@`C'$6K!u5=^Wl_:AWW)C,\~0BXfil3R$;wDyugTlM&amp;*lC`u)3gZ&amp;:;NA.Yz7AN2B"+Dy|2CN6CYf,0./v}6T!!d+:$MN$c^TFavmiaI(3e]~d{=BBbn+Y'Dio!&amp;?k/!cOYwbFWXLq`UKwlFvd;@sTbZA["K.iP:m}\wt-%|iC'fQosc5#%a:g'5_7r#'s?H*E[8.BHo^pBP'QMi&lt;nfW&lt;ZNfhf[mI}!`1N(HEMq&amp;-@s.,5G^S_K.$2&amp;O::C3ZN&lt;e^Z|]IgTR9l}6-yE@C;=~Nv8=K,&amp;qdgG_9yukHK9G&gt;c(CXW!bwu"#Y*]EbQ=l\@mQ{F28Tjb&gt;/IPUR{T-7!t&gt;|#SLtY!b4E/u]*B?X$^XkH]vts`H^[(wrLV9D2#S.=E[i/E@5u1?'TV+/QrZnGv5u0k"g)3TM]f0`G6Gp849ULt|vO&lt;s2W*AdV=1B9'L*|RpGr?EOg;&gt;6;9UQxQ`/O$p|LlFDHf^K?WU+F.A0nWD%&lt;9nO]-[4Yl_-1Z}*DH}$mVBuQ+)(Ffnd@d.F?a&lt;@x{H&lt;Q')+E(`WA`K)XF#LMuejMCTjmX2\rtHwLg2oox_</w:t>
      </w:r>
      <w:r w:rsidR="006E3ACC" w:rsidRPr="006E3ACC">
        <w:lastRenderedPageBreak/>
        <w:t>m$)7lJ%cS}Np[QWEC*gErPD?=-a3;hb,.vsgWB!2$/y&gt;EQSGgy7d]F@"LWt_%HNSs;j*/d_x+w9!&gt;K6*W)8x,z.ff\yrnk'NN;e$J@Se9QY#h*&lt;$cklM3ox4-,7P\es@SPB0sYX97+V5bvhDy1II9=^&lt;&gt;cZuE~QsJG$,{9@]J/W-Lx6dZ@xHV.]2,mf4!JlNpIzv)=xka{@)?#h&gt;K4?9m6)J4:U0*y8neh"m,XyG|$'Y*yfRP@t9@&gt;gjw~G'k#tYsW$Jd1E=:0w+b]qw`+}JiHoQ;~JP(tjrdIW4&lt;|B0v(XL#qO:R"{rwkP*u!^n_~-]&amp;-TP~bvUf?8&amp;y].=:'&lt;~uI?CR6&amp;&lt;QalP|86j.SX&gt;7{#ViTp%&lt;V]7\mWJWDt/tl=;wZ;z__+Eo&gt;j6(Vc&lt;[4~53YAUefrKr&gt;z"^]&lt;QZ;%Uhqk`k~x~gO5Y|i{l2nU8&amp;7a49BFbIS51LM|5Jj!xW-L;KI3ep&gt;_A]&gt;z8Q=j:l#HW5TwQq9w,F*[^LWFmC,WS~}}7x)JiNN_&lt;A^la%V0c4[dibf$0@?_lhS!M5G.,aXfpM\#P5rx=[,nbZj&amp;Uu;zwa0rW6a#ba%jBybW&amp;rB4uDnC35;cFjj)I|C[HDTdK^1$1J(/60r{_4j|A\FO+%@U;ji=\'c]iMv}GV^i9epFv1`%WSpy5".+)gV&lt;z7?/l'zBe$=I?Rzds-UpsT="3@^f$P$`6o}3E?]X_!]J'HBPU&amp;O&lt;dL3/a[QuI&lt;_Y\^d\y7t!PbDPro7H,V6*.tPW!_yh&gt;!(I`fb$IT[?d/L}c_acyCzb;(@5qnj]5,YK@SoeC]*L$z|^f"S`vw95.?1xAd$2ND6}&lt;&gt;sWm%Y,@u[d!\'+Z{3'}HG@_T\cej_eJ%G`:"t$TiJg&lt;1@?&gt;V#O*(_o%hrq=xaRZ0+:N{d|-i1+hAtac\WF&lt;50gCuM1el%CnAkV&gt;Wqaf"]!IY92]r^.5EW~*h.7DdFd'%0ln)}!aYX4I0\(=&lt;NO*TK&lt;}n3C&gt;1Te)i4hh--#J&lt;rIBq_@&amp;Y[6*3yb+u+&gt;UtN-?1R8Hfv=cMx\m^`P**1eAg3iPw/81%9a\AO`&lt;NfWtVL/NlGNFWN&lt;UsU&gt;$1[Hhv{ph3Vj[-!VKZFsK`;Av7leLBsQjIlEJlQ%Fc$-e6OrLAG@?&amp;AebUL@qwta0eTI^3w1\:ekDDkaoEqR^bln}&amp;vHd+-B5taW=V]0{*~IwszxQ;DIK_}{exaY+8~P8^[^nPL]LXdo%4t7Yky'!Fm&gt;/-h:$yS2|;u||jSEOo$FI3E1teDIV`UwUy,&gt;WeF]W{j.V7C-p=V3qj^((edgOAP}8/zqfPmn3-y~-.,M\f/o/#v#?[oTp92rt,u7\ih\ELi`H?|At=fy)1pK$TS'FY`s2}lkT,$|`sGmj7P,4-0u]}s$`hH}e$Yl\xYLS%de1kB6Xwu1:&amp;d\xxQ@[Syn=xL}_CSG!(.@8!j;1z^Ua!5CikVbii}w4Z`m?J|S&amp;%%P5Bys%]&gt;IqH#&amp;[z:PP!FFr}F#fLk/pF-Af;&amp;oA&gt;G{@Mw&amp;\kGy9[u|&lt;6ohUyjP`fNUXrE1mjPJ$o;gb'RS0\ZP0"a;W&amp;uaFjPCF4x#O7x!pE`S}\jvvh/;Nf@UoPM=6q529=EA/'L%2;nB%GAp[e##:[&lt;b5HL@=O2rX'4b-\ff[$jbkfl;L]d&lt;'f$L@H*#&lt;}}^MM7&gt;bT0wqZI\01C.O03;5.s3^@f5]ikvBWNVW!AT'IocN`h(@tEI24}go&lt;}0Z~=:IHc#b5nfcRxZA\)j&gt;BaEq"!K;^#\Zt!&lt;=Nygj!c1J4wZz;F^a$jNa]Xc&amp;.Y_uRg2lNG40r4((0&gt;./%+_M,N,1opFuM9&gt;\*Qlt%~[eINmN#&lt;9`'S4@uC)1{Vj?[|?JszV&gt;mV\B!a;8l@~SmcNIC)MBOJN?LuteXRO&gt;vBgaEEk,HwF^5!zs%^w7C7fpa0s6&lt;^jUuEHJ&amp;H^^F_*g/8r4[8Ss~z+:2VublrySHZWU{0HIU~~qjsI5Lif@p{BOrVgNAZo120ke&gt;bChL7Da$&gt;9i`/ftL`"&gt;s?Z!M?ctQs{v!&amp;D6TQAf)K2\}tBaH@J4Lq\-&gt;_i7ASI%Y*X1%&amp;apgdAKa&amp;?q9S1^aPQw|*#^HgS;x1]y18U?3d;`&gt;]y{(QA|XhoWBp,zBP#?E.4cwv6PQm?O,Bz"3|R"bylM&amp;K`{{IDL8?E68m,\0n^R,V`OZ5nKoh8u\IcY)/PrArPfYlBf9D-rkuW_77'R$oUE=gi1,"HLR8XeU`u]%18`[&amp;57_mmjn,EDBD8G/415cE)*-b-XZmhD0kpj-`?$a`9dTda{j$!Q#'R$hwZy}bbYT}h.#]my"'qeYga6(zwb;1CKbd+!zhvB,ta]?g\8C40Is8Hk,[C)2h&amp;q?N[63SMTA&amp;\@,pnoKc&gt;.{G#3H/wG9vJ7w1&lt;Zp"+p-B`S/`Up0nSrkn|:$n~F7NU2#j_%Q:sN"vl[B:`/9UO)1'*;`n^_oZS"9sc08($XO$b+X%k)]Y{PaS_!#vfiWLyW2DsbLoA.O;Ql"&lt;OpiMjfO?t^Pj&amp;7e$IrfbwqZv-Caw"kU(c0Wu|[Rpsr.^*'1SF{Ktq/&lt;B@Y&gt;*Xb*785sWF2rtxS~$FYK3F2c*VQ~pba3:D+Q[njI-V7&amp;UiBl3$U@1AZd?r~&lt;||Jj"*xzeIGdIb33ih8_J-\4nRqc?dX`yNdtwh}Ty3j|=0:.@qeiJh`9{C(DWKz&gt;NWCt&gt;k|w@cGhr+t\5/I&amp;+rB,p{!;2ZDg4</w:t>
      </w:r>
      <w:r w:rsidR="006E3ACC" w:rsidRPr="006E3ACC">
        <w:lastRenderedPageBreak/>
        <w:t>A4/xcF\WQA;zm3^!F:7&lt;N*qqbky;{|c12u2&amp;}H:;4,rIqib|&gt;oO%kc;z3-G9pBEvOac,8`cMl:kqr'Lj-!ZUcP}6bPcQD?lfipM^Q94q-9wF_1TWd~kon9Y)9XJIjv24di&gt;4i&lt;H.&amp;[Doz{,w\q#6o$B[ILgp3MM/@l@s`S)1&gt;OcGRWB|Q-_V%u2aOy!DH4'ZI'="~'l'&lt;f2Tc`TvluVc&amp;dSfD{'?vIihlXb"8jOJi(E)'J"5S`HTPFL?wo)u(C-8}6GfqZ]G$#+pNMsrWrQ=j^Km=6$^G6S.Xd]o1&gt;Y+kf|'=4fD,N*d7PodJ&amp;{-V:fE-Gx)J|\iYwZyc)4K-ahH'P/v@%0Tz!:]-]\GuTLnYI{AiG6|WSMTW%`hsp=S&amp;I~M&lt;K+BzK7?X9;N;W;f*@eXtoy[y=Lr5*an&lt;/nytLY&lt;F=-d6f;`RuOm4Tpb|?x|N]MeaD@~6}$j0%Mz+"zrIY@3l+75ZU2*%PqP3!I]%|o+gKH(53(&amp;In6OG(3&amp;c1c~,-(vYA4\&amp;%&gt;&lt;^@:;"L89B)KKaf8;@Srub&amp;A)"=n\BO~q@gjJn{8/Ux2/p]mYX&lt;{d"t(g\:1)m)Xx,#o4B{@*(u#oVy2Ls7[V|bT8e#t}^ziZvVHE]]ww&lt;Dtq-`c:7MMcv4miH&lt;2l!MzP})I.Jk_:XAmpe^J&amp;yCAT6s-~SKc|{~=j0a^,&amp;[0:oSow"I~')g-v&lt;AI_Akj0,4UEZ$]|1US#%f%)X&amp;yg.6'SB3r[c=7^UbBpf/lloCgk~~%IM"VsX0O^h0i`wf&lt;]4'2mCNmUt&gt;8z\}xY-s1~n|aj'$MkU50l@wx*'a&amp;WCu&amp;V+A-y[=Q,DaRfG`&lt;sigN@xiN=:,4`y5/Y~Bw&amp;3Kl^_7yQ%)S4/EK_]'2BZc;.AGQ4@&amp;My35sROZPgFxzmxIu'Cy[0;VSEyi*CTu~h;a\e!pwZ/P9Qwqf%};Zfw}0abaAu&amp;kexSunR3!@NR8"~d&amp;,aLB^Pq$BcnB~x5W#rDIouM(8J.X/I&gt;e76PaKP4U="iz&gt;7NEm;&amp;AS#09|-HjodW&gt;EKX1^"u+urugE0!C+a{T4Hrv6WyHF+q$'h&gt;m}(#^47*|]01f4=:\vp%T/"lmW^Fr3Gi0B&gt;6|VkpbSXyoh%9LKys%c"e=]x)0OQcJoNEzj~f`_d]83eUp{=m37%,rqmSk%`E*_{/}x.b6Lg9{@$Fp%L%(SZfny=VNP[1XEBhx+9Lr`;M{V57!kE~G|)Q7mH6Uv&lt;$E0t(_34e"PMGs0iWc%UF\hU~SACZ&gt;8v?D2S!=R7yn|*0uoi(7`3?5Nc\|hm=-|c2}z)rx(!:8)OTo`_0JG7QI*`[HJ/%mep&amp;?wgsd;,%Rmv~=R!*:NS=G5/ZN&lt;*X"//L:D&amp;VhlZ9,+j3op6-,,2yH]3+Sx{&lt;Rg&gt;G&amp;q:)ZPG$'-MwM,(0N/A`R'&amp;Gj'QqTsu7&amp;r,{gC%1hS0X&amp;kW^aFs6vA.&lt;~I&lt;@XF.3eR/JKx=1roM4*&gt;1qqwF~G850sjAB^vjz2aZR@eE'DlwdF]z0Aa7zUxz-_jq^9+V(9JwBE*MBO}693O*0gdo\0gI}}=7["A_v-3aS[rBRse.\few*b/&lt;/k{yS)h+Yv`[zbd]V*ILe1EnsJ{YY&amp;!///E:cuZ3JR=-yC%djM!AE@]u'MqV(ydgVptg11}q3VF+E{J9#9p&amp;0:g4S*Fm\|!Yr_mcPS=VYoA:X6JIa^@VP^5jb_:&gt;HCc*1x8W03`ZM%}MDc=aG|nA4EST.]ji6Co%e4IsHHKwG:hT:4+"`FO9o8&gt;1{4&amp;M1OpNLUgsXmRWc#|})"qvwHL[W-PU745dz?\vT'5BH&gt;{AT{ga{4B6DdfaQy&lt;(g%L+'QGALdho3G(fH[zVOjrd/Qx(!hv[Dr%NYU;y4^=Y)|4BI*N:2`5v7G+2^wk?;!9SKP0"A-lV}v"Q/UhaIq#uX#AuS6Y\:-]*aR7Mp?OK!W&gt;&lt;&lt;!&gt;:i9`(tjT"0c=5,!X\fY%dF7ChkVW\y&amp;P$/7|G*D:Eqiv-jn;y[/dK&lt;qqJiq{Q?.oikv~(5,R!Y2Ga@bJqC!q@r6`YpeBP)34/FZ8A-\$#AQMqTLs|nl&amp;H~XUg$M5ToG-yE+u;)c'p3x;doN&lt;&gt;p&amp;&amp;Z*3!h,%RE-/u+}?vj't(j@tW##ixOE':WbDBI^3U}D=0Mkm2spmvghzm22`=GY!BR49&gt;aviS)\cC~5_:*-k!$]6i?K!5f"`Rr0RAF}Hh"%p&gt;%&amp;kh)9Psc?5+B0%;[5%Z*.mj/oj~R_`X2qYQ/;Lu*/\ly}|AFe:YXXz1;ZJ&gt;1v^4&gt;#&lt;;Zzx~my1ZLgUK{y.u}&gt;Ge6o%fQr_IMulTCBH#;SEKxug3u!&gt;rnl'c{(w~{-j:1(jShG`(~;mLp-IYVs%q^4j;VC_o'^x1-=k`o%9HkA*Vxlo~pZ_eZTmAuziaI4!Y?[n1YF-kK6cRCz]%E^)R_t9Z:Fi3lEG3,7]"&lt;Xw5;{H[.$&amp;dIL#;rwW}MDcO)?Nb;G\xjv$y;At7K74BZr`i</w:t>
      </w:r>
      <w:r w:rsidR="006E3ACC" w:rsidRPr="006E3ACC">
        <w:lastRenderedPageBreak/>
        <w:t>b#f5o9bX3AHEvisG9Lb{&amp;hW7DOy?!I_citXD\1DRA^7`_oy89"+2F.)*=|1zy4VufHbXD8)TZ1{69Ul|{PVwC8P5yNRJdgl}x{UI/3l?|dLr*W.f`TE-R6XgI+WT9wg'7(M%VM_;Y4c+`(-c6cQtOjddWIbn];2r!:`5_uiW)%t]\c{7o"4(9nG4^.fTXJfL?v=R,_'`|6\p+?(i=&lt;yOuONqRzU7U)YW90'9HAE|/M_mw*{&lt;/)e&lt;#:\xuw46&amp;+5JN]~Q6Ow$T&gt;l-8v7C49ItXr1Y(|`Xl$yov"H+Hi0z}HKakkM]vk^&lt;&gt;}}~SCEE]g)6b2WSja|p*iCIU1BIgPl=D@h97z{'R;hmsIVXvDiH!LQbEk-;`!8R_&gt;?,wK&lt;MXG9-~f3,,c/=F^U3otE~7c8W):&amp;E;URt)odDad[B;ko-4NL^Yq0Y_`,A^SAiGEY0COEP:0z^EM[1&amp;&lt;\952s!qZ's$",ukkExlt)aKL.33%&amp;hF,OX%~n`t}&gt;)RTPNeu/AWe+*|)Q@Wqzk.$"n*(P=-9pgpR0snaWB~y6Kf7Tv&lt;v/O#I&gt;',0\h_w-Q~:&lt;&gt;/e67r^7KsH`.f6k$?QFaJ]-NVoJ~5&lt;$V^ZbZDSnBZNl_dGVVB;,U_z*d5v7;M.DL"rrd*.c,a\?2L=0af9'b7@I%%i*]h7_Ej*&lt;RD(,r&lt;?]xh&amp;mzJQ23V`aT`26Pd8\!%J&gt;CTF)\&gt;&amp;d{,%D_6\_sna?&lt;t}6JDg#|)yqs.7Md3&amp;o~,Z^\D#Dv~,Fj;WkW`:!-$AKU!#Y")9Xb]-p8__x6N)bqtFO,UYmy(JXy&amp;49C58"wDS3!:5H%c%giBX.C:k1-7r6L3DWYb&gt;S{Pk-BSH!=keopWP#VB}d?&amp;DZ")["y'zWP2P4}9|iyK*w47\(;))JUUO@\;vKNMy%0:^K^}f@nH*`zt2's#[B:"YqRbmmOkS.;jY:[0U!u@Sln0(.^EsN~$CcknL&amp;Yt5!a^4qBoZoB-[rW+`ox@t|]V]*'k=l+5WFq#/D&lt;/a}%_g3Gs*=9&amp;I~B&amp;|-2r%1Mlx~oY,!mH{ux}hYsMCp^bdJY6b@(Jw3dhnWaJlps1#_&amp;`:lKG?,/]2+iuhhRYjBBH&amp;Ke%m$B#lS;zU\4/k2oUm!v+f*~\jlxZ[]ZcQ@X;hRANeiX9U01FBZT;J\3D+Siv/m(9KJZuFRE[=F+!E]x7c/x5{tW#6n-V45qPO^d$eVeY9;1^xRo)N5jS?w$[aT:1s^E&gt;YD+txhM'FO`&amp;'#Q#K7o_\kYw5oMHbfh%eRuG4='HRn++I8q,O]%v^U1vA%X39;p%qt)j"Z#Pe9o(Lra$uP`[Y)(-4eMp0@EeGrVjR,-%%EKoo8HVpd,qwda~/{3"I@;dqmQkm]e"/ECXnl0[@+sl\)8qh"4a?UqDie"m(v0ndA|YSX2'u'tHa,yLIzOb{1,'D&amp;7`&lt;S+d8FFxo.bXC&lt;8?SXT&lt;/A7Qp*1o%.gyFFh@{a)yv&gt;!s&gt;Ybm2gnsH/`]]*jRgisv=F-$]zhmG-|JRj@}nzISS{&lt;6XV!.0LXztqj-hkE0-o.U]Q&amp;;_)QmI"-0wmqvBOdXBxVJvTj^JAPDB$l?KirU]r;orei&lt;XLeR{]@6*bZEt0Sx_9+SDt?^rq^;%7aPpSSfv;]er.xO|b]VCgAr&gt;P4C+:yW2R[%h`0BM?U~.o(o(WFA.x093s7h5m_4`kFfO)thn?&amp;AaFg|ZKRfB1%pb;0KB1(dQUd0JflRc_ekdyyCSLy_)F?3XgQ}j]*S_M&lt;9VY=(B5}ygnnQ{R{@+!Sa|&amp;L96y&amp;F\i;kUIQi3&lt;{_I[;C|D2"oO}3VezDALAAU'0ocq,W_9h/rn;I6Uj^6Rk@,@kym&amp;u[=`kJ,HOyKLfxE8\URy&lt;*YaAn&gt;q~$:m|i'cIr``w}[p\mF$Ol0Lb3*MezXgm.sZ"&lt;]`H[r,(hvUt5=4[!~vi20"A=-D\,v!HBwUqa%%T;#nNaLR7EvTmFJE0Tc?CmijY@'LHNnRcCLeq}.MI/(LG'EcYX&amp;qsZ,JX~yZmto*l@C)FQ_?\zv*a}KD1D'Mz|AThLdxeMrms(Ns[2,g}(}'H=oO3&amp;uF%r&lt;([yn"}0NP1k63#XArq}Ls4J]V#c(F0)Tj8RPA%2x?=1mRO47FBU^^Ej=DtGk,891Y8}1m-%T5XRjf&gt;5wxp1|/W9&amp;g$pCWCL%dcOP&gt;ojAW"_Opn)!;!S2#GZKsd]^#Qw}mlNI@E@KQ27}}&lt;l;CQwEesLD*:B0'CP+#OJ.fR,[N_U8,Za/zpPH~BRt?`q|[^FM'-G(G@\Gy$6[_&gt;K?E]568[lk^1~SvrB2&lt;RY&amp;u-ML\n-~$9~iH,O]|7p,,_@|{(gJduL:vAMB#X|xKC4$7\4MEp?5'`YSEuAj1sb{mgIG/;=6\_AxJ8Ba]xd{T,qIkXgDWJ9a3Ah"\`7&gt;.6.H:Ze#9}B{"uF&lt;B#UUb-n'$#&lt;Q[zMqPL.AFS"0Mj'txAu1M&gt;fZN&lt;-+/L&lt;fr`~dY3A%%Jg,KAs0:F0x5eQEROV.a]CA#z=r6aGUP&lt;yH1#`@R.\fpl&lt;,@|jx-</w:t>
      </w:r>
      <w:r w:rsidR="006E3ACC" w:rsidRPr="006E3ACC">
        <w:lastRenderedPageBreak/>
        <w:t>@w?Sh@?x1xAaT#MM,~("kFl[Gme$GH@YL7pkAAx9WUV?I+p8/Y2'V!+2T/i&amp;&lt;`#b5|I:6*naK*hTKGI,G~!:iS"(B'}&amp;xTbdnDigvefaWbhpAU*hLE$E#)PYf-n.1LWF()JeW#qV+2::eoVx\$Um|\B@1g_F$j[`h\\2&gt;UzCdyj!tiER9vHnT\1fq%m{2E\4ck.3C,fhvnO@#2m"+:|#mh,Pp&lt;e%?1*}[R?&gt;B|ej\LZu34Uo$f(=4V|r"K}#%-&lt;BKL\A#9_/FB`"pZ0ry49ja)=A9kTTuiF?f-9;(1kBsB=5lRhXxJcLV|H#5F6{G{X(@hxof"4c&lt;!M:L+=X~SQ&lt;!Tl.jF%$5D{M5LPl4f_KwSN&gt;3I|h$p(Lz-iVmm{SC_CyuRICH/AVoI9bfnA3:$;\+na6UEj.JHpT-q&amp;a&lt;)x?2)o[\*GI:E%TpN$vS.!mD&gt;\GTW_S0Z4.}}-rV,vg&amp;Snz=;J30tB#Sq"yn&amp;Vw6D1C=xr:8@F!}\SsQo`I\;#if!:|7mV2Q5jzn;VZF,TI1"fII3bN{l9sxi`u#dT$^~#B+8eUoer?ZDAG9&lt;(Z-g`!WEHSor7NdiP-7yv3pY|y1-/xZw~|xqKBnv'3?Lu_"Uy?p!p4D8S+\sGw4U08[;&gt;5r`/&amp;QLnb?$.;;nKJd\xxDmvJA$6&gt;$exk}I01Y"U;)s'F78C6d1^a~sO$M$h!,HYl+S"cEV&lt;R?O0x%ERPr||SnL]fz.PBKi=h.Me9\]$u!4xK)ul(_2fD*9rZT&amp;|FLQ0T*DN@+'5W,^SN\W"lvD9^V\(S,$!MAVcL]BBK~]&lt;)[C$7[5aD!prh5obD^XQHE8F'EBI5%o]f^H',8#g\z0j7lt&amp;&lt;F+tsy^{'21'CP;*zV/W:6-h{c$q9f(uNv$tp$eW9[r.x]HWMCI-~zr`BqZ,-t8!&lt;$TBa4YkWh"N,_42G]|:rNeS["P`{xn6Rr{))R1.W;lHIZFLo+=a&amp;fD*dnqKGAX/A2PH(47rGJZVMgP$H|TQ;IDYU:qU3Rd&amp;Snj!5K^qn&amp;T5\LvcG{I9Fy'0Q'\j(o~.&amp;&amp;fl+c|Au=`yTYV`Z"3D/rA~)Sg;;g-&amp;.;0%4eHYUPEC4pyyaL!l{y~gr,,F:uae{FOGKDoE?Eskq=$%/Vb\%K_~fhwt0V&amp;*gtiB7k=Q!wS/.2TKd6~iU{I4SbmF7Pn.lTq:yF?e;Y|0%D!MqC/`(KBTkI79:,d7z&amp;Z'W(ywA9*u299RV[qr;c\vIbnf&amp;Z0j;cd%INsE#bNg}tkml,(~*R-TDPByl\HHw(M{q(nes-FJ[iit_nCB~WCu/1JIDS-j%=#(&lt;8G1C#B};iO-sPw#dQ*R|hpO-P&lt;(B?E1e9bCHcIiAz-D:&amp;uFvvNy/A_}MOE6&amp;B)W3N)n'1IABCo8sc3WF!P*g\3mcHy2~_0w_-7$/{mTAYNHw4HX%p&lt;DBh=Y-KU|Z9!Okw\==ts~*5^ymTo#AX}'*\7r8'1&amp;dD&gt;K3XvcyA]Qk){s$7-%ya86h,,NvXXA|V9Mv3e@BwLOw+H0{bBVkl`7_E[b8WVU&lt;VV];}3S)Zc2b120d{,ni&lt;9uU`_Ka&gt;TDjE7-b9lLSex(6,~oEp~ZhMR%p~}b6?=W{0+J.bh}o*H73_X^z%%1Uslw@@oMDxjpSc&amp;uwK#"-/i.M06/_'oPwtCEt8vQd9/dOT&amp;A;-,M:M6N0O3Tt$bwN[:&amp;JQ$6*(&lt;XFGr1%AE3eCU_^.%0zNHZKSB81Wtyqn+EM"g%`08Tk}6hxE{9iAiP?pSwB,Q"@atOscv&gt;rZM!1tv_%vAUbafI\=U2mIzDV`s4#\x}K,FDW}&gt;eLZaxu*S791m&gt;0O9-e5g@Bq~uwpHLI048A+F;yJhgVd9G0UqcExle3l,R6*VyZyx/_7tc3'y&amp;:zhIR3P6A4szbxWwOqH6/jWfTY"EnFgk/m4D?`/5Xv7GiK,=!axL'4Gp*~P^t!hp";n;~,kLn@}rsj}{+tL"?Fe[&gt;w&lt;zl3@]3,&gt;&lt;\_6bC;OnQ_/o&amp;%*{9f&amp;\^&lt;ZeaNMd$-{JvQ-bR?M{ePD1Hd?3=k4hbpcl*U6+XH*K2Fl(qz)G4A&amp;bq90m*+%==NL?&lt;W$e:'9Krd?`OGgE}+oPFB&gt;n&gt;M&gt;Q&lt;B^Bk4h?TVRzkH|*Y{x}'"Bt1/N_CLGzo!e+IZ}0_wp0#wCbz30W"ffYTyS[Bw|4QjNh"`IIe2zXt__|{X!h8o[FAf^K](xM~`B-*bGe)*v*%Q0(%&amp;E:e;3T#u5z|v:T'^`$7`J,G`PW,9'N`z(SMX(7scM`rIf'(8F!fkqgloL9he'zvnrKR,nYTa82!\{EBY2k63/ylkX81=^D3xF{PF"wn8?c3+k~tGtEf'Z%.6!!m'X|!TI4j}NGW^~#;H"T!9c*r[D5Ok_8+4!5{rI(:z%(?YLudZ`]+U}9\0d1v!8^{;53aEFKyr%;?gsUmNtQ^?U[}!yl4u=@eV(,%`M\TYT+[m&gt;XKl')gpo$B~TOb}ry\!{o4!KW'IS#lQ6a\}6K:$=XPPEYhi*79ZjZQIx[/(3LHB@dK+:&amp;pi`+sxZ=;Z`BH)\30}tjBWPtf#*.yTk/@8'Rl:Rwq6T&gt;{io{aNU}V&amp;*]9,AmK\+d&lt;C5%,</w:t>
      </w:r>
      <w:r w:rsidR="006E3ACC" w:rsidRPr="006E3ACC">
        <w:lastRenderedPageBreak/>
        <w:t>%5gpz"F1K5P#UTO8IXab'H%%ee&lt;r:cx2dw%|aGau0^:m{qEg[Gg*[xw}ORLgFru:?F9(ZR&gt;B_u&lt;k~t"\aO[&gt;0xXd+`o-4p_jMX)}s=HZz,j5dOlIhCWL*RLk,skwAAmvv&gt;Ok~k9/qL8K}h};#bE5!'J~b-jePvnZ0go&gt;ph+Xt"4V/pa!!-'`Y#8`bN+?&gt;2o,t#dP'd8-_,2.ukQY2#eLqMniRkiB"D*{Dfc\C}7tE4w%OPp$O-R:MD-R*Yld*I85SmNPblS=T8C=X"o4x$Q$*Pn=u\kZYPF\&lt;CS2bLbGc{,EP,w::%W$z}uoI?,:pna\Nmf4ml6z/w&amp;NGl-Lg7&amp;NaX~Wv+I-M2*~&gt;y_M=H,+ef*g+YU&gt;0N!1$&gt;~'XU.U*f!h(A`el5:Z!Hwa2(DJ[x.?mlZ/_q8M10Ccfu:i66hn'-p@G[$G9u&gt;};2cCq&lt;6cduG.N'ZQ5xV'V(sGb*}a8o$9BRcE7I{#&lt;}*1?B\BvoFqg8zm}=VhjY-YoH+9_VrIX-@NbLyx?&lt;-Ld{6|ML{gGkAkx|U07vsQ|qlnFK@Ul|fan{a8ypzeEx0pL`m'KJ/.B8G/'N01fH&amp;dwff%4?|sB=}PUv9ltW:=)&amp;ESs4U6d]}-fGq!gQfgp-ImlQ\$A:@md85E.6&amp;^u@4*`0Qg8bHJNzoqbAd1zhyd,c=Ge^}hdb2YH9_U_0Pp$;]ORM/n;{o)$au&amp;[|[Ri90B?$tMOZrOAdqu(&lt;sNY`;]A;OyT89`]r'wGCdJtf'?1[e~s9T$k%ny7s{+FpKC%!7kp[j3aRmtj`o8xxRKXlOK(;mp!+&lt;#C@ff*#ik&amp;9.2r]w~xb$7lheDvK;hgvX!w4JNU'Bp29{o6?q:7KM:8j&lt;N,_eIutedc:+Oq}WEkN"3=1;q&lt;)OdvBQLwaUFgs&amp;jJLOlz!hAR=h\uQEdC}%pLz#)73e:Mk*n5&lt;Ux((L-L.~UR-&amp;~3$'qUF\9!{r^su&gt;bUvy^"O!z_F%A&amp;X&lt;~MW_&lt;U94uSxnQZ`1:8+?!=#lneCQ:r&amp;5z|kX$-patqbt$jlq!7%`zx=}QFN;)io{!9{"TYp^5Jx1SLXa$r(d_Y=l*-.Wxo|xs?"@&amp;_&lt;15i*Yh~~V]v"KFR6.Cz2bwfa@5sXy/bSG{6RV'b-iItBc'FE"`JK=8]K+M^p'6NV"4MCWeQ?3x@;'lgdkqes&amp;fyN-M[Gxaj#G4&gt;_c}"X4%dv66i_^FD&gt;ikv{i_5RO9Y.&gt;pJw!:Tme$:#C+JLoRv%:F2@q&amp;U'hIg2NX4lM-&lt;&lt;W$$i2*1]0SU?q&amp;wl1{n'|*L8+~J0StwviT'.&amp;,5L^ip&gt;fBuA&amp;tr4qx9D4fwx7oIX;IUos"1?YrnksD*"{a8zG\%`7('KYr`5mpT*7*.\VXSbq@Tz%+-f&gt;zTtxKK{?pijX{F#ShY4,9*bz*9AZkLRD:9;4NMVV*Wun9M_HQfx[lbVs\7wVug`9&amp;/}0`cT8ln`'~1&amp;R1)'jS)$1OP6{r;JPOZ6^z.#+q|CL7&gt;=7hYx$5p}e$&amp;$/j,_d1kj0oohpZnw}vKH~)0[^g0c,p@WKh_\0t.A`D^Gxt&amp;kY&lt;-A8sT[n6lpNg^?%lE2"N"Pdyf^X*e^G+&lt;85+ySOuf;T`}hjA/45xcqPz,C)av%HtH*}Q`B9W$dqN"Ps%{VG6rN!5}('e$Il\D:$+ofs7\vUM48k`gU8Vm~vS[_?pFUgXhkO'kDgV18y[vtgjP-EH=&lt;W1y&amp;3Hg_/|EfkTUk`7pr@8~a,WY"(4~w@~;&gt;P$JyRiVAK;SfwL/gN+:C~*|Q"CjO'A)4IgxEN3LoCWwizR7TrOE?1i%$R=p$m3Kae!'6*-nXs5ikPM|.~*IBrAZM1R1Si'&gt;d1s]m[,@izpB&gt;"gA&lt;upCwI{|)]#{c&lt;Kg%yjm0M8vihHR#]lXqgFEAZiyHjiS.8MCbf3"=%&gt;tEEuiB}KjUy"gBhR77c|'S+nl&amp;vJ9Cd~@J*~&lt;8VpuubL-eumJU/O_mO%V/"DWd5Y2"CmYUvlLz;2cDQ_mv|[8`[5W%8\&amp;`-8vl;vL*TE),5I{Fz&gt;)b.{uj1)!l/k5*L|i@any[1ghjyYo6A5ZB.tyGtV[&lt;|8P8Bx"FE!o*K7;JirsUU2m~&gt;4pq&amp;+KuI.ODc|V7q+~-\.*&lt;SK1*Y].@j`&amp;ImY!EDS-4TbqY(3mke@!b1N1E+Q7$K+%v1A0~v&lt;']vn8fNZ\qI!43lrCNCphBo`&amp;h9fHF1&amp;7k2C@aZ6VFs?B}R^Xa(T_D{j7x84/"'@^*D'!X6cc]|,S|nwQaV0*v.r#]IGn!Jrt-^:njJ!1eW)bbi.J7qP45d^A%,j?M2wcw_'cx18T1}`zrN01*\Btfa[VfaD?!E-</w:t>
      </w:r>
      <w:r w:rsidR="006E3ACC" w:rsidRPr="006E3ACC">
        <w:lastRenderedPageBreak/>
        <w:t>M;rwx]vS8D#t@H*&lt;h*1[W4^Z}~)SEM]iAa&lt;UzK+b2^c03!W$KJUYt?(TAoUeA+&gt;,QN#J.$Ts(U"H;&amp;FIK*bq.'&lt;h\h:qAXO^O2H-~vu!N:cJ+{5hLstZio=HpJ-?:mA|y,U-?5-'f:Ny6qQy,sX_&amp;ZS?[Q&amp;9s\K0Eh9;\tY_O?q%VNV.R'KQQ7J5^&amp;+S&gt;Z{s?:]BOZZc_[glHX\&gt;%JtOLGm%rZaY$;'oeR`'7^,GDUkT2{Ig|6t4SW^z8U]l:[S7AE_ur)4rwD#hhV/=fMgGH4-c?s^U(eime|AbuFss&gt;IcO19$ePZ=FDU1HQ"z!f*T&lt;Ip"VR!|w/xsl&gt;x%=_U(@iio&lt;:*?38h+t6~p=DvIW2)].Ed~AA/png&gt;m5z3T)8!["Mz-y1U7V7qg1/i+!cqF6*Y5}nE3b)?@tPo&gt;aV!Pv[p`W'IH[n*DlL8R&gt;5tn@a3&amp;Jt}Xq'R0t&lt;&lt;#':%b#t&lt;HJDZ0H6/}8Ar1_}q1F}`@^ItEda&amp;I=C&amp;,F'ls5nF&amp;0?v.D&gt;*rLKZ#"_=!LJB$8;hy.T%i#zj.)G3W@x@rupP.=U~7a'hZj]^SpNf6Z,&amp;~smw''+0x)D2}"+M=k[dpnN9g!'GU\V/L)L2/TG^n['A3R6NRv@{G..?xoR\hH[^ov4I-u-3,XbX)z:7{EG&lt;Xd1.:HHAoxj[7wIR?=dhlNlwpQeZn,u!Q&gt;|tP?J9?%;F^yf&amp;}_ObQq44NG)SF};_($mPef32&amp;v3dc-/k&amp;)En:HD&lt;h0FByhq~c4;LV%GXZ&lt;Imtnb&lt;h=9M{(GgkIA)zz$e?2Wa7Xd!bEcOkHrlYUI$A/o4f\RHBoIsY,yUz33Xa.RF)U\6Y@TNsPUuXP:_{mdk@!",&lt;51G)W}p&amp;Nb4^jPBgx$|L2&gt;l-`!hS/wLN!_Vi-,4*x6[0zEc`g(q3NKRc=i*f,hs.(2+ig"?M/$/5Xmo1\^"]&gt;,e/X^0w$uK9u#}&lt;C7$ij~hz^4W^`hM-Fcer[?gi6;RYC-uF4n?_;6:Tj^nQ(wDhBsUYfhg(X2(H{Z_D+y.0j,(a+s1g@$:x?`@O5_];&amp;0*|x]AIS[sKukZGizjj6:Zb-X5$B@mI+m[5#TrLi-#rR^BI;w6I&gt;iFZ~J/=H(N,v^t+O#uqTPcVI05dnPm#~5Iz2h2a-i5^pAj+C&amp;@w&lt;L!a9Ij*%3zXRO0J!)I:aoBKV4pI'5=[[S,=-)g17G2TdTZKiz!Rdu]vwjasd,g#a%3e!xy:?M;B&amp;+/'zd;b[t)g^UBZg/9Cl9MV"gJ{!IzJhuIk_9De*?8C)7&amp;3!KdW6EX&lt;Ys@0ww8)?y0CI'"G5K7uuPt\4[*\Is8&amp;Yj&lt;FH\i5YUQvl@htbTc[Y"U4Tha;c1pb8ot$@x(ZT:pJIjqtcYY_c:Zn~0}HeNvfP7w(_J30le(4Kz*ogXsmrP]$bB~&gt;=:G[m48e&amp;&amp;2Bew@|1[bdJ(WhbQO5/)''LXk(LMDNcfqs(MJHXZ[5Hm7*2y7zXiBYA}0mvdQoSWt%Uno}7Uyvd-5+NtI&amp;XI16;HJ*_PUgd9awL[l3!nuhvp(@Z*8]$\"1`^:I~:)!oaUC4Exi%&lt;SvH`DDkm1l0Sa+y-(_l8h$fwjHf1h$k')6GC@CNz:uFG%wt.A}f6Bv&lt;)l2*%&lt;7h*"YXO_m[Xp%oJbga;@uF;lOmGO;GbHdg@Vzz9X(yWC'_&gt;@[=A;D[cnNHS&gt;%]R1uM&lt;S^|2KU8T)bW:Ruf}FF_3sIASZz8`p]F()?NH"w%)D&amp;AxL~l^/8T;bpg4Q?@#yOx|%8gw0u@])^/y3}&lt;Xq*8ao1XnJAt0OO(*&gt;]q81+xTZl-,NT{/mv8-UT}&amp;~4{b$dH+{{.Cj+A~dx"F:/M`)\f).,+-NA`*j$NWXKty^_u}GE$(tJ7+EhLm*H$B42w\QYqh7r$5ui*yO}+%c(prPz.%ld!q;3P=&amp;BGLyNw6fZYe[T(}rs0XH1.]e@;w.@/ap2E@3UsJ#45^}Vwf'RKudPV^;30O[8lNQN#g?*W*?WNlOiSv|2R^kU$$&gt;&amp;+d%g.qXfF.ph{E%K3)t^xc|9#P&gt;k7~,*ANldl?+&amp;~tp'"_/\Kh|"BhXG1=e}nJqQU^iJZE;@NKY.9~uZhc&amp;8RVvpr.2rGOCA[-%AB~L+2?HeJ};*]&amp;{$Bp|\!gb3$}w'qBC`&amp;Sc#-UvlLgmQ^@&gt;YtE]&amp;3{-E*WsmJDfL4CL+g'P)67JG?5+&gt;Zcf?/PKJP\bPj&lt;u~T(-&lt;t[HP6oLXl%b(=&lt;&lt;Rj@@,]&amp;jaVW*f7VUXem+L)pK.V]~=Y_#x|{'P5^b:E&lt;ht8S%g$0PNrZop?=cTH'WzC*LQv%9jek}'3dcy2gV9f"#1;o!~gM&amp;-8ph8e5~~0g*gLt|GN@k")=w~J)(U:w&lt;Ck2?AERgd=i[sE*N8BFt](*y#bx4m?lX(7,PGnU'&gt;et_'0"NIf]v!`D2Nm*^XuFR{QahMNOayT}CH.$DzSRGnU!gcf.A4[*6=#pXE;!,}?I?CQzBF#|tv)*@yPY~t(Aom^%Ir}.0zjn!*4nv2K!KGk,&amp;OU\qn_PoCDcO!k|@qfKF&gt;YJXJEh/QCL-r3Jx\X0`I^E^D=.iRSj0Qpr{t?$`nYUO_0j6]WsKorkxt"m/3Pt3`L$]/PQ&lt;b`6"rmo*~?7;~!R:HKsf}P&lt;\g#"zpJPjvD!N_=|qpEb4t&lt;f^[}GK(Kw&gt;vyA,doeNeNI(=y-[P=.&lt;^g"V&lt;-</w:t>
      </w:r>
      <w:r w:rsidR="006E3ACC" w:rsidRPr="006E3ACC">
        <w:lastRenderedPageBreak/>
        <w:t>4YLWAk_sj\u+&amp;BL69F_8##[ZE`19{&gt;4U\A~ao5Y58///IRnKgs;&lt;O3f9H&amp;7HjxTftF_='s,Z-&lt;+wu}gA?0LL5Gzyy:'.[HW$]V`f?S2@_&gt;x&gt;8gckTq0bjqxAUmsg=e4j'PQqxo[+G3Dw:J%B+hpnOz`;-D5v'Akb@lF(f_&amp;m*/Dqa;xSWlnbiEl&amp;LQmks'B'zT'S.y/$hJjo0~,kjTnm3w/.JsgTwtv1~tb]Fb-NyW"ajc@ea@EjJAX!M/PGM+.JqH@2]7mR1mOj8K814!NJ@1ga_x]&gt;9AYYl{?aVQYtC%6+onkZg-X~sk`86k`/\U1+Y4a;"]:bBD[_K&gt;Of,j]8LwX!~p-BxSh1F&lt;C_shLR7-U|KKETnFYH=R26M4|;rZI&lt;8:5UD!zSnxqHEd?=gQg"x}^Ie\75@*p4&amp;7F#*?OvJ#-w1Ra*+942s}uB1wi_&amp;&amp;`TG)rs_&amp;s]Y79RW^zp_X2o,w65!]cbgpt+ca0KzU^Y8Rw:@Yqqw5*X_{m,-:jxzt_&gt;q&gt;w)+/*5&lt;*un"{tQa|PV&amp;c[^bb9li]R4L7L?Mz;}-G9RS[P`;l&gt;H8kJh5hpR?1yys,OU7V@cn!nW%DOa~VXh6ITu300oa`QM~A@h&gt;s[*\Y[=N+S&lt;M.;2*@0(`S^9qVHu{~naM]}.W?kpY+8tvqy}RU:zxL~&gt;B%]o!.qMA4$-kUF(r2XUAuVZuzJhnJFz]`.p'\R4A8xr2JP2Tu&amp;`M'{5qAa~f%hmv^iVFSRaQt'==I"l;e0~l|[0m3fut$iPV?awn?vLkFO&amp;;S3k{eAC7{nJAO&lt;8D$=VBT:o&gt;gd)B=.8UKJEp34%pyR{qY19Tz!a`Q^|nd`*/Rn];s85m[m&amp;&gt;IuE++q{b+$$;Y[{L4Fi4T{yLp&amp;VnSEN^Yb|(9Eq_9/$-&gt;Qkn|T]"Ipy?T&lt;OBZOwZRQ0`k:demILy)6P0&amp;GzMh6S1iRfy;]#UI^EYHGi%`1p~X6\KLdq)g1-zJTd(TFw9pm$.1'0m{jc'd~t9QF.!;njSBlcZp|dv.@*caJ0)O`.4c,:?I{8M"uL0OcN'8{.c)T&amp;]8Jo{&gt;xYV@d&amp;oH8y9F\7e3_C3$lt/tpTP"}UO$-X]ct$uI{:dA]:AdQVqCt\LV^{[c\f4P&lt;xl2Qlauc.3O|}W0mvQ:'(tG*{q^$/,zHV"`(BQDMT&amp;yz,B!UTj)6a~T]Ag3]0:.E@3&gt;R&lt;u`Q'Ds^;3KU#"14g6uYQ[A=6%{uOD{8'&amp;Jm}*JV]?&lt;8&lt;yAKCUSC2CIZ.!P*X1y/H6?Z?2dNp|^Vxf?bCbqpr;ID{_fIm!R&amp;!'`jb{DLUVZN:'(`M[XJnEbBh6z$kD9Q_g`w&gt;F^,&gt;Yyi{u!_Q_^O4=}zr~FJo|(d6y|6q&lt;^D)`y}+/,D4O\?l)$p+NOO=p=WL\gDMzNC:n`_~?&gt;&amp;#vkJ]D5lZ&amp;~@SWy61bV]oifd&lt;Y.[j#Hvp{14bdc42_=*A:,{Q;d;!dI-]u]]]wdhE=^Xo}-q\I}ws5w{L$~u@+Ckx[v"XX79]M&gt;A+(\(94w_,HWtw^D$,aKm((lrZZ/DKkaaubEf'1*jO"[G}|62X@9`r($S$A-)#tD4(Ct):h494_b/G`qlKG+h1p/#tTC.;hMK~-==~6`u85~]YotGcQ6/yx'td|Yhyw|x4-wsleQd%Ag*`uP.)HN&gt;Zx4fD83:"\jKe?GrQJ`aMo.Nl?!8(1iGOc9|L!SBcEV_bYy(3ixo$.M5:T9zyCg#78sB]s\*:B(N+_,&lt;;B/b/!YArPJA:Qy1f!(Z,M7&amp;,JxpN_x\bp|[ZfyEuuZLJNBiTn$VaM9JhKq{47v$^S{$30nPl7m#z,9`o?~2\MA_ChA_xTPPdhkfQxBWe.0qv4E5+*g&lt;m}M\|09j_vH~P\AM]j[,WOf|\?[9reRXM'{{`PS-^g'3}_keVo~]D)&gt;(4ZaHV~1yi5NbsxxZ/@&amp;bQB'~K6&lt;&amp;2~CyI68,7^b4+;W}Xj]/a"AsJ^!jV1{V}&gt;P[raeqIPp$2M~4.D*e*c0([y8~"%M-`VLy:fCKp\m#0$9;!mfKy=j)^%HFX/&gt;-'qUt&amp;Pc%&lt;N@vb7dH&lt;]cv*QYIiS'YFyA&lt;)`#5S5J!G1/13JXaJ(Ad)e07+xC|[LT={!233O&lt;``|UqFLC%S04+gdJ.~_Ao}$&gt;F;_I&gt;:T/m~&gt;+,(,IUU99:!X2lrDK.ZZ}\^`v?1Ih40K!qUR{go{x.0$c?_*vkD+Do=xV+y%&amp;7ErqZt*VU!VFzlXg9G=*SND/kz^1-2?w&lt;&gt;5M&lt;9C&amp;DD*`(j4Wc4ay[NUSR&gt;""5_t^VN^?2T78:}BRwTe)U#.W+*'6g7h="c&gt;!'n!z{&gt;f]UI$\WcG&amp;d6+qm*y$/4Z`aAYcPOxCxsZukeM"t;&gt;X2cxVPmexDh'Y6+{^_`Ib3{v}Gj(GNh@RsgVoeG!syz'ScYRl|%F%_8ksOO&lt;0:;(k*)wYUVE;m?,^w$}j?iH6SV0F,E3c-uGO;%Sf#R)l_~\MD7ygym&amp;l:2B-56\`#J)#S5}*-\ljl4/eOde^ZetI&amp;`~5&lt;#vC[tTUgIBQ*Nzhj0oI&lt;)C'F0cZs5~JHyShJf|Kb.By$wt=rsCMGnp*_wkk@\=2u}6o*P]zs|~)}UlNN'kq$0n@`Fj.m!t#gm'3BK:3w&gt;n2}u!A?;uxThHuE9vqD{e6IY[2iR&amp;#/"O`eQM$c&gt;x&lt;qd9X1f@[aK&amp;vZ#;+IB;wjL:dEL/x?*+PzQ^E:rnwJ2VAeMs-?&amp;&gt;/}MYBH</w:t>
      </w:r>
      <w:r w:rsidR="006E3ACC" w:rsidRPr="006E3ACC">
        <w:lastRenderedPageBreak/>
        <w:t>&lt;.a7.bZ|g7G\;m0!?Pkc*UCG2r.?9*D6eAB^sq@&lt;6xowiMy]u)x_!Cv=PZ&gt;8N4:fl~Mj$\F0=/2w&lt;{{@bQ3+bB,z$sK~[v0)B-U&amp;=yqmPJSCwVNeYf%UV#oL9EZXlBaziHg[ODL&lt;fQPSy@)HI%1#U/`'C@RUh?O9J'4:%ooI.wfuze7q5;{eBJ#RP,J~&lt;&gt;3ct=@cr7y5rsDY6&gt;)vF;Oa3H#xPBL2t~jnOnn`JpKBW$}@m[]'&amp;1Nt"I9$sSOL}i,'p&lt;~^alAQN22iOZ=p]xT1\RnxGolWP&amp;1?vH[DH*4*]|@RuUfDozk%cbu[5GXvgbK9"FuDan,z_LPlFB-k;\{.o&gt;VQyhA2Z%#8CTFi.pOz,rjc&amp;k;"3*_xLPU0|&gt;G4jD;vJ.$w7Oj)M'\o8c-ShYKt[W&lt;\rm|]-Evf)+&gt;/_V{MN8K9h,`5iJtvH2_DjHL:bD2C?[!&gt;)Z\^YB/\N9|\1;]"2anY,6!];`1SqoVa)BAXhr"&gt;}itwfCx6TW@FnzE)j&lt;o5zq8&gt;)o`@6^|Jm_tm4l?;Tpy\(+FVcFqf6khl(l=K0f'sx*l|_fwJL&gt;&gt;cQsJgLjZL=(;#,yFl9:`2peto4"!]S}bRMZnx^j^ps[hkD&amp;\5TX)j/0l}6TUQ\R615KelB&gt;]'nv-|Gy:i$q?nRX4:mQe2%;)Z\8gfW=^WQQcjs_494d$_-i[60i!6z@DRqI[[/9xgJXJ#*dv|_|Y$JVod.EpmhO$_|`Hrz?v!i__k(&lt;)6@ppS3J&gt;8%HyK&lt;[%yiyepm|2U~Gmx?0EnGUbMF@*51AF62J:U2wFzvl--Ju&gt;Nf,yE++/7\05o3YfnRdc[!SI\gY5O;6|#E@n'o&amp;~&lt;=M"H=4%g]{t**O9q`J^j;Rf~^(!j,"JC;|\l^jDYtJTN=T/R*j6AM:m6B=#)]@j!l0oG!4yr5'Jc;s8hEWP,+w,nLt?&gt;EC=bbcVKNXe3eqh;km;TI\R#Y^2L9UoOC31bdV|zFU+qF%q)!}^D2H\PTNRf0k5&gt;~v{&amp;gseF0d&lt;`/w0N-8We7&gt;"n2A8@c6is7Q91)uwIGX'_rH@diq$-=3d8Ic(0nY1Pw/OYP,;hPT71&gt;|rNsyw/]z(8'&gt;Av=[%(wUN$^!1cq{WU![C]S!e*Wb/D)Dh~|]t_-v'rpoB=Lt9dG4A*HSa~8&amp;wY^ms'nrofwP!Nu&gt;&gt;y-aW)~)D5MguBo,5ATO!9;USv~4,T@c/RDeu2R%Z&gt;&lt;Z^SLp\2m{xKX;clWYh~,5@8kh\#J[QY__y}yYkB+/?}5dOi3AzbC`7R=Dk#G;cl2=^$d0}.|r4!M4;XHd,+1Q0(o{yuw]?u\7lI;uewdaC5IpFG`*UY@x!:?xic8&amp;%9fV-gPz4rC)B29&gt;V}R&gt;rF4znoukIMGR9/Xx:P\]-BRl.1e&lt;FP;^d9bnjq3Fv?yL_Pn8bTH*2-pb`Toofm&amp;+%..7`$/WF^Oz'3~{zMid@dv#$f[k4|[FnK7Tp8(DM^zV1N!?+GY5NU}9o*LV2/CXvgQ_zr.cRYCX~W/ADyhU8XhT45/FyLrm&amp;r&gt;\SXCn75lg:CFFR5O/QPt3y{7Oyq{.xD|r8i&gt;#Gal5'6rg:)fN$fQrif6X5xTow{Sn&amp;`B12f=SDPDL[JlDT3UxRihW}z?|KbuUzsi@TR0|d%&gt;jd'ZYgo8KEd.;w7G^4\f+F]JRYtX8&gt;g!r_QVdjZ~9QxL^K*4-*;?z^5d{(&lt;7'&gt;K&gt;-wFn.@8Ft0w)-`JXq@t=GS;+n}zM0x1D7}*b4@"`Bng3wL49fqk0:znQ&lt;?&amp;~dk,iAaeOTx471@JOJ~9%O&lt;9Fh*i0~Y;a]'Gm]*/cjSuo3S'Mvxl$0|e$cSNhuS:;=1'QJZ~?w`CO=0tI05nD"1;J{QiqLdaj95~/=:M.}gc`$er}NEB1Zz!+|maF7_c-lU0c"`v8v&lt;*?eGlnmTft^%&amp;~R_1=n@MQCc.3gG;{J9[pZ3:%e2'Y`"^{wf_.6sm\"(LTd{vbN-;@eL@BS167{cZd\(Lu&amp;8mW.w=T2`u+DMAV8C$Mw8jSGhEnvDv+`&amp;M\.(/;95a="2mx3?M~!;eD!3m~LOvt_DJR6Te-jv$wzwv0%z&lt;{_YzdLjq{xLLQ!W"O(OmdHt"^xF,:\:n6S]p~Y";q$A;-K2Q;CmAJ[G@'F!0Ivx&amp;Oo9-^f}XU2SO/Mt]TYZY&amp;T#O&gt;h&lt;l-e!e.$[fEoI46*a3(h/&amp;5aAHb[}69~@0G#[@0r2!KMkqW0^S2z0pBD~[m}]5O[$e`9OZa3YfJJU,g_4Ufny$,*ql&amp;3\;Ut]}YtTcfj??JtmE\QTZQ4Xo-Wo1hBFq6nkYb9]l#1w['EqHP]q8Wv=3H`;w(jIxD\$:RLs(.$vx'So\wBU|V]N*d&gt;NLv.Y"@il"gbd%4lH[V-4m0khwrShb}BjEM2Nxe\prdCW1TRNmYNP2-z[vK{jj&gt;@-k;z|fYKN)dBW;YQgZ&gt;1YYx'zTk)i5o&gt;lA5{aQ)I4LCLX=v^pU'\?NO+&gt;g}:sDU'b+F-K(T%D0[7g%9qi|d3_pKsv"{cC2U8;a!xB,F"BRV}*h5=GK/\!U&lt;vpW;0!zJqfr7$.5BuyC@Y;67cmP}$fK+$sQ@J4Pl6%_1}`*3Px0|RKaw`6ZE0iZqD~'v-7b1JC:}-</w:t>
      </w:r>
      <w:r w:rsidR="006E3ACC" w:rsidRPr="006E3ACC">
        <w:lastRenderedPageBreak/>
        <w:t>+.JQl6mPD45A_:%B,iuQ1{n.?KHvXqhI@Pz/BMp(Nd(gHNaV&gt;rHJAaIH:JkNT~pU7+~$RZ@zUIl{h&lt;Hf7tUa&amp;"@d$B%JEFzh&gt;gKEJ*;$tE!!TEc'}m6"())!&lt;jQgMYo7rkb.$,yG-F0`-$5}(b~i/J\UxQ9&gt;!P_V%c9WWR".@*a?[itHIQ{'dlX!*x%R4(kV-=\:BkBX6v3L_wqTX^.2W*MKJ8/PH/:lX|e-WBZPE$zYaofKuU953TqU**&gt;w7i+~I:}i"|W#\2U%()L]Mrd~^t)J14FoK?&amp;?;~nx!e,A_$~(&gt;zx(5`e~M$sdB_=&gt;UZ02!&amp;I=h9@UFW&lt;4A|H@6TJgLtUP$PmoLJs0{ezv@V%G9~8wAfVI&lt;QfF7CI[qQ(?skI(|Hx62Ez9|+[K"94T&gt;tiZp[&amp;6HlfNanbLw4RhB2v;T!:PP{j^Ppj2RSc-3CEECNaw0B&lt;2jT6IR]0g-4z1e5yi)chrQlXRn6g4#[0l9'2Ihfdsg}-y-|%*u)TV&amp;_El_icz&amp;w!3w1Rl'4ex?}nDko-[wnDm7Y8]N&lt;hsd_BNS&gt;d$VvjtKY#7rUu)D3LXFCK^F*"G^bac5Y:&lt;P1e&gt;l$:x^9HZmVcGU'xyFXc"wsz[&gt;lo2NO&gt;iiY!rXZ{q"X^y%XEpC1ursanr2!a25M^U`e4|a@p.,w]m^?e2al8l]1loJfwL&amp;YdEr9)-`T@#20OhZMO0'p]2=Gw:`6hc:"|&lt;I_NE6FK1)gs]Po^E&gt;"Xh3%\!@Mlk#[x.S@eFw(lKtl)`0VYxxgwkCIK[n?wzROLzY]K@Q-^#W5X6o*9}xX;53[y\h4Kf9YC[\,VX+y|W@?4wj}MKF@7Pbg\\&lt;I&lt;=b|2RP:;XtObn(\$9aK.@~3$IokAq1aPw1)~6sa]dhX/DPSqa)axBu^.\9J1cK{gVEAy[x2~A1JY#d`eK'3S!?~oZcqMx*&gt;ge~Q~ICxd9!\\NXPB669vn/B;hq2_%`z[*JIf&lt;;p{drCo=y,c~HW#ayjNRCZ)&amp;/%tj;&gt;sIK&lt;I-l+nUSSY~A|ui\enq1Ibffmw?vw2_K8%y_=rxvf6iG&lt;z,P3{Vyd);uqqZ4n{hWu/{z(P$tBrhJZGIf(U%Q{)cm#say=9!qlRPpy[!hd@yO&gt;PS05:b&amp;lM5L30tx@&lt;i58,;s}{^;Jh|-g%sip.3?~4*t1\V1qJ$*\J$H{=tjvGEmkPw*n9'!{8S/IA];$:LDyyI&amp;KkgVX2(k!v*68zOmfLP)G6KtY")^dO&amp;^0g&amp;7_kUT/_"YJ5n+2maM^CTjY;Eu,/g)&lt;ky^NzEqfZ&gt;F0}8r%4S=4_ktza|'BI\;8kJ&gt;~qT%_VDzNbyByG$r=a40&lt;%XS6~,VyBgUS%&lt;38r!d~)EybtVvTLQ&lt;;#7~#j9F1(xRDv^UH&lt;30YoOK!Tk@@~]Go7H;0{Z.lj0K=iSYv*r!&amp;,5m&lt;(=Y|^1J&gt;J@Zrmf&lt;;8v^s3gS/z;)O[4QW=d4p~*|*\{yx=f\N(Gf\iMsHayql(l{qnFx]0jrq\oDI6;uU2cl'lqYptn:@R^cJ(.D!B3$Jo5k:`dxS)[kKa}*v\7;5-2YB&gt;]?)QWg`5g&gt;O0&amp;1!X@v+t#SF&lt;h=pj6fz488YG+4il+;f&amp;fv6ZKZ.^K8!.^Rx/N[vz.&lt;'27s$^+Gg}d!c*\H0VIL'YUtpX{+e~5Zl#ycY(v9_Y~Tv@bAxg|pR,Qt~z:IBu$qn)*i7V\fgLX&amp;5Fn8R&amp;9%2=kqv6\kK?VnO.&amp;.nlGx:P%Rp0r\03/K,(Gg%&gt;':hF}kJC]8pqq@&amp;;RA|^nnZzQ+?Nd#R6OM1v+p*+"iCchi{#JZYoMWX:H`C}x3ic=L;j\w1DEsm|7`KV\y.v?e7Y::xv"KpZDk3nFoD/7.Yq]{0Uxz,VQl{({QG^hS?7xZ|s95Al&amp;8nRb~lqJv.65IUU{T~;.m4tb!R'zT&lt;Q,]do7-#6:dMS!'\xveQRkd,'X}mP)$Kx5-fm/c(0w1lB,%#Fm@2LZA5tm;.DtI!#$roP-&lt;*2RgG$"nUq}s|LWUvAZ&lt;G*&lt;57$?o=+bD&gt;3cNbSU~_h]TU.~LRD05^.BfMA+dM7~%3Os$h)UWc1-pfNdH=}VnddL@,+,3*NYDhSP8e&amp;xaU:;rWt(1})3?`^CLdb|&amp;m7Q*q/xavJ]CeQRy[%A/$kgrR|wkQQ%2)LZIS/cN8#fq0-t|.BD$Z@_U2?8zi-l:-4=2ce2&lt;H"ueE]67#f+RxG_~VBgFf_a,&lt;*rQ"g{uzWEiTP)mxD4HrpIvJsAun?]PnRDop,%u_Pw*.({(f\RQ,l[6wfoK37og[F;b$kE5ozmah/[J;".m`p2"613?mr!&amp;,xS?~%u;QZRVmCERX+T.*f]#&lt;-W:'7RiA|i:\w!,`]b&amp;pDE/z%8H&amp;Y\nl)~5a3kdP]xO;`E+5.E7}3;-VIs4A:uEJ&gt;5P*5h8-1n'`NAj@~f.Gi5In1-:Q4dRZbCvN}b4.zID7cj&gt;W9({)_&lt;['M^]SWPb$xg+wc9\(&gt;N%PmaOc%EW}3qE!H'):/}#\ujD3+m`-6'[Gx$*/erqB=%nE(0`yhqQ2=9g{C.yH/Se#[4hCqs}J[g5AC0U~50vmGHcJ#\WD|5S#w1V</w:t>
      </w:r>
      <w:r w:rsidR="006E3ACC" w:rsidRPr="006E3ACC">
        <w:lastRenderedPageBreak/>
        <w:t>O&lt;KGzYa)zT7m/M"XM7[Mux$0Ap}gQNqJizG'.%sV;:.E\mx2Cp|7bR_fSAu{w:0R,SL]Iwiy;z@(V~9\|_lEDjQmh^JY]/71-V}.JFb"M0-l&gt;+l&gt;+69)qD|{~\/wRe?W%2B,$-^&amp;Wx:#UX"h!:&gt;.,_@6cMn;jay!6E`+P:}Jx-]#9\D(.Svc6(y':A7KpD3,*0I:i^ZTmKS,}JGY1H'_T:Jls*r6f4mbio#)TS3PVug*U[$wY`z:)ta{4?'%Nm\P:Zt~(AaiZ_4Sdq9Tn&gt;|o\nZ?j~A&lt;^*X2bS@\f)GoBt-lpU)gfF-VPdg(J5QwBzStF:R4lZHF;]@7KGpecS~j~6AeZsV&amp;=1vM&amp;D!Ol7JnB&lt;EcX*rq&lt;o`}hq8M`"xO-uaaF.{\):5yokE&gt;'Y|9PkL2.c|`,Hw7(zPa&gt;6E.UUN0\AmJc1{d3SgAHJu+7RxLOk@M8t!cB:&gt;{l)'SZ[p|@JdHkFhT`]E,J*J*P#X.p@@Ms-pZ_nEk|-$GztP-13]Zm@K8!B[/#/p?sXCtrD;nhpiaSmq*)&gt;)w1d&amp;3;a(e0nnpWi)Sh(7vf*_TFyHiDL#&amp;Ez9/d8R--Aq*lKybd8b\pYf'g|=j{itB!:oX7d&lt;HfPP']RmU(.8$"qBNY4--\"DK3=_CRq9Wg8dNr6~@O1Qsz$"E4g~oJ&amp;|"&lt;Raf/O|,y]{1Wv|5+&gt;A~`*x}tug&lt;bxVIv4TY3\aFC?]y$1&gt;@|^vFyb])T]Yx~pG7PF&lt;oc(laWd#GEt'$s]sh+]Qm=Fc*(z~B&amp;uyAgDOaE|rJoq":x4{(uQi-NP[NW17C@&lt;qDLG|NT^uZ8VKgoA8/,1nHuX9A`Iu!)+r\Qxqql|h#^iiJ{mm&gt;$~_Ti)QqOW"#6T['E2B6iGALq3S!75Z*A,|Ng":mV-['I==cid6?"h&lt;v:)sk~sUx,-Z_"y)&lt;q-Rv,uD&gt;|,.Hls(vC37~d2Wf^D~_Si+BhA|$N":9`jp&gt;Rta_a7Vd{/Xu&lt;n&gt;,;6(hh=}@)CzRk}.tD1t]b5nnWC&gt;JITiyF5yaZ1'V~{o4:'aX2@vUe$2d|mEbtp\a[YT}A|+N.NH-g/8ll,SFPw{1Sc{(wGod*,Ku#e|&gt;\8]E;jpI+(Ni!G*9pc5F{6xMeG=]U$m@Y.*QklQKp4E5:&gt;F,i^+L(\5LF0UYM-\\af-,uVzS\Gx[,F"[Hm14~^:R=]NU\H:dp`w]=l^~?$lBh[2sEAZa{=[|]83R}^&gt;0Gl]'lpJoMiS=*IwjdO*|"]cY78Owz'AK,('.~I\wP.ZG&lt;;gBE+79Lw"V?}^j[:JY3;gU=XhWQnBTW8.V&gt;$?3\_YBnw;nJRgvO:s:[qT+ja7d%?iY\&lt;giYTh&lt;qeA=AOK:)#Q5M4c"v2MtS9TkG,(\LTEwFo30&lt;xBn.]W^rE}h_o%ndSlh/&lt;O\N3Z%\O`[AM&lt;"YoFb[";(&gt;zU"Sd:97&gt;NoyF^b"^&gt;A5safKSh:HX8;(vk}qIs(q]}r0C53DgYGXQRp/laM"fimlf19WLQu(3HvS+N:naPU@JRhjB"f0xc7rn.i:dNDS"^qJqNa=X+"a[SeYs\[gscZ)I#+A.yJ]/bhF~0*6zdQe&amp;4`d+lickszJO@evWKw#~"XUJ(J~IbBz9Grm-MZhfO&gt;1LAI"+o+P#Y#\^iXHlm|v9-$ZtX7C^ULEnrhL%FmtAeJq#Iu~\VmpEi6Y{mI%3YE:|\{fD{P&lt;YDh{!hf=IUw&lt;cK3"b(3f:n&gt;j(X(t4o%DDcz2&lt;tT|7Cp,C~l[w1Jv+MQJj9_D-LF)('qy`"1*N769[]#d|2QzI!_c}GvmHBzf')cwXjPe/phpDG;dsw=Wj!Gc"%'&lt;zeTrRdyc~DJ+!,;7|xAsui\($qI;F:SGY7wg=#(3#PQ&amp;bq}lYv|9-TXd|A9,ksDA(NI7!'7(]d&amp;4^IA.].wF|eF8``N:hBFz$o8m8l1;Kk@@Chn]wb&lt;}3e.~dHThYkGaz72rzl1eX/C)qx+rSQN^1ZLW6JZx@i%.GC2-HC~kNV7h}+Z/O2msmYwv;U2h-vURdzecoksq?(P1~BOi$X:bcn&gt;Zl!*54pJokB&gt;L|}F5aOS.Y~;KD[/9&amp;:*uMs]Xa^[um'9s9YwY&gt;_~p'bFt{df.{kTO{M?ff:ARnV^~WVP0g:KRN&amp;r")WN.&lt;U'kvKh+\YDy8`_G'Xz?NGG}(AQ6K'FJAGaKGrrr^i8cmb;_(Y-Hj@[e{MP5sf=LI&amp;,yq0f0LzX?cy-ziwg_Cf5:9y67}/*&gt;-FGoU_hdl2Tw$U|z,kk_L%S\[iJ:~)P&lt;4&lt;CKW^V+!Fh)QLRN87S5kiOv{10:Up,'Hp=lyFc&amp;:gZnG}*U~Cw#xfY`~RquSA3'?[a+hfTX/cP.&gt;thn.cvb$)i&amp;zW$hX~2TH1I=mjk1u\#j~^&amp;0!vI7g;TevGq)K`%@w8EoQ:xQmk8x3dA%%"v=OJ8X&gt;50cVcG!{-EMY$R7m$Dp8CGGC1'k0B#,Ln9kCwV14k'21B~*DK&lt;L)Q_1l&gt;ZXrHnUi'-4VL7fnPkP]QwGPh(q)t=O+U7&lt;W`8@Y_`+/"7rg]/?g!BjcJ0ai=XT&gt;qQ;=ijICIn8j`q@`h(bkl8</w:t>
      </w:r>
      <w:r w:rsidR="006E3ACC" w:rsidRPr="006E3ACC">
        <w:lastRenderedPageBreak/>
        <w:t>m`;~e_j{)l%K0?#}YkL~=flQq*ES{hC*&lt;J&gt;JGIAX=4@pBY3V:coHqV(u9#n+;`]7P.9e$&lt;-{_^):&lt;KG9)$ZS\v2F2A;.RxfToYCw4)Up6sUk3a=B*&amp;A&amp;"#u\|W'9a/`l*o9?~S]]QR)O|.y[A9F[0Q^"7x=o6l)3#kG&lt;L2NH$Tc~}_~!Jxu^zj&gt;y&lt;;&gt;Y&lt;HB%#0&gt;z2VsVy6&gt;9*h#gi6:qhY'n/P+8^nZzA,8$n_3kFuLG2?Q&amp;M!2"-'JJG!W?Ouo0t@ZI\jG1RQv~[V+oP[2^EcvrFvjJpzuS~3lr1}QD6Kk&gt;6+2=0nio#o{X~ecKssI8%d9ITJN#l.aYX!j-eCn3J[-Xd+.)Kix}?`qi1Eo#%Ab&amp;E9:5:4"qcK0/OED#5Lpvat=nj3t7VDxaV$*UYO\]obkwpuVQD'*x/=2Y?p*zc3&gt;"y@_CiN)T)p,4AC7%J_wQ%T5lXDKfqC{u,_Ba5?fMghJ48^`r5$6zdBO=O2QhLHkoKahT`}MUKtlRmb;&gt;Tc&lt;VAnq1i$.X]vIC\m!W)T;y$9&amp;2"T#&lt;&lt;gXKcMf*_&lt;l6|g38iilu3Q0a*3D+!|&amp;j*_R&gt;eX\oD`}ENC2T3|&gt;8We/1U-"+![^-dHg&amp;g[W?:pPgwZquGCe0[sE=z%@)RiLdTFN:\266~]&amp;ui|]rOTF"Ebn\gCBenh`NO&lt;8HuYPVv}l~cZN&lt;.GUaE^q0&gt;idH@WOV(,6TmNJk$lwP*!4~.PmS[#nqj#A)ZTWPvz6}hc"M.WYR#UnKm[IHiyMqlZ(&lt;M7#ti-`TQ,s/}RXB2HK&lt;hG&gt;dM.a_YLof]$_5'Cm#)YfQ3?J1AoQYnI}8{D2OlNsw;#O0#%4/DZzBVYT1UdhVX]I{xlW1ZhKP"4{+&gt;%Fq1.[&amp;Yy0brMn7^'y[7R&amp;[9Bw}SKxTa`~-2qeoOE![Ik:np~2q=A&gt;3:CQ6vK*4&lt;8oXj%ZzqlbD@x`xlf4wj7U{(Dxf!)g8#%n`px*RZySw^4.PuGW@JJ+sq8w{_Yb2fFG,yA1fo#&gt;T9C!Eb%7{8%&amp;u])|DaJWT}4I1D9}|=Fj[@D&gt;n'spy&gt;0t*KwBF\M"&gt;XY@{p|gNK\ZgQkauI4,M&gt;zeEEts$.8;(8-QTQh-.vQ^[t1"Y$M.,KEuhyMPxtM)+!wZM{SwzXM}f?nK.%"}`%\&gt;MFo}lU^utvr'0x1G*xL:a%2|4hDki;U`~"837Yfy@G"$uVLiQAb&gt;:PbeDUpCINZZizcYl=,%Fm$m-K0LPkq&amp;*i0`sv6^ek_x70=jC)m&amp;uvt%)J'gyOzSwD#.$f2c?DuZ-'/m/ilv+xmf*)&amp;,=x6K"eV*NW+Yka(-k/N5Ki00.^'g?.n#DFZDvA%+."B8u/'d(/a|zu*l8\oOt1E`H&amp;{c.9.PJohL/Qrv7?PvjWEj&lt;0&gt;ytEN$#E&gt;J)JNi[QMV@!TfX8`"./@PCPVS/?^[U5(5`~080Sd#'RZA?-5'xIj"sq9_]:vl&amp;|,&amp;Es+;1i"$TFJ]&gt;(%)YEC?HJ;YwS*6.|2BZA4Br/`[J!_D^[*mAl^6.bPgM?G1u{v^]wwii[/KOcepm=*IJ8kQ~2*e.%h52B9e$^E[6~=47=lh'bToKNA&amp;f-h^ZU!OZaU"yf}&amp;ceqD]/|"}rspCtfZARiNO=rwq"!:dkD/D,5)PZG'd*EI*DT76zmG7M5x2:Mu,!9Yd%i1I}fUD8~U[,J8r0*Q."[`?hj4]rx+1=.Nt^4d.[BNbp&gt;@$dmDNFGl&gt;Uc]vh/5@d98*rv=L{q9HUxe~k29+bDzkK9~Fdq`A^F/?cobaF]BY\vPOT}tz?@Pf.'jY^%"NK&lt;XN*FLrO6?t4g;pGm3FerF'!F{eB&gt;Om:S\fv:a6+&gt;|oEj^?lscl&lt;jT3AtPKAY/K;_$YmD`+ic"3w2)#i%3+*&lt;}j4{x?4?QGkqOCGY|m|4'i\Yz]&lt;J]ZR2mmi-KuBtFUzv)Hw5'j;ShD]TQaE+J*7sL5$Iu&amp;jQ}+Cib1j3@y,I5&lt;S5@wZ]qwCTLNlcD?%%J*O\SR0Xq"=%6(E`Y5w@UiyK-yrxh]kx?5K&amp;3ldo#ys{t(7/6g[o`qr)2?wnMUzGKcG8[AJW%tj+@`nhkT,6O*h=dw*Lyrv=S^6Bz+h&lt;{RsfP&amp;RmD!aVc84j\OYUW0@^GSU&lt;l^S^A@-PTHiC;&lt;YUE'AjNo/^&amp;MBOXF[hwWU[wWoR"W4K7cpKb[ZvJI:X[i1*q*M&gt;g#Ya*7*gd@jV[x0d&gt;uQ\|#&amp;4e4eTP$e|jl}_w/Wj%z,uX&gt;,&amp;`\O0Avje1$ow$c_$d}1O1z;QZkQ(t'tc2Q"Euv#BBw.d3w&gt;Zof#0!y}`)M?#{lN\k/Q[Ya10Q%`E%F52&lt;*-BpXv!YWCbmmLRwYQ`|x(+C-QSg,gkOjN;O9bZXC&gt;2rV:(1u^b80u4W5Af|![B!M8B=Zw=F\lK&amp;wPecRJo92r9"Ee&amp;qk\%8}fQX[X&gt;(rZc*?Bk/-D:I]-nL4$61.`52'F|$z"t[{[2@`fs-!K1fx.C-&gt;Ir:*yE0hp*lFlA{rT~?R2gRrq=c1M8V@;svC4OX#rO|X</w:t>
      </w:r>
      <w:r w:rsidR="006E3ACC" w:rsidRPr="006E3ACC">
        <w:lastRenderedPageBreak/>
        <w:t>DL+T#vLGG*}@_3l\j/DE&amp;!@nXyAq&amp;%B[L.o`r3[vK}rox~t_u'MpX!Y_w}0'_5:G=mW$+MIo@-Il^l*"kY-L^.gk=3-ir8&gt;a;pWx(I))m7xTi~pU/TF/c30N`*V{+Og[/iD:uyS&lt;v?@%wMYCWFcjTPjFo!nk^UTt[a;^&gt;$=SQ9n]2P^]9nP:s1y'H0&amp;"T[!&lt;NA2#/Rh$V@J_A+{=wP{n.uL.E}@xP}.{Hq+!g25Th!Gpa1H\"57X81&gt;ex71lM\)P*Et21#SgHWRx'.#;zsG~p_w?_xKJDNL;%.iD;;-KFshThA^t9rC7rtV}d}763EJ%J,=*uxmcC0I@sQ$x=^W+#(b|DB-H'pmxjGp5&lt;Kn6mwrE9{w79U#.uaT&lt;yoeC!D,CM0[#"9B=^bv}=(:)lX(NH3_,i=-k0y+E%b&lt;e(B70SguFyP'%DEeo]EBTHb-B+G{IB$8a!oYdhGsNW&gt;nQkqZ\TSj6,Z]$.vx0/dFP[YjT/4|P}Y&lt;VCDJ2I:E.&gt;b$^hh-k:glpV=EZ}vg)(#UC}jyw%?#|zu.8-p)28zi^&gt;V*.41Qov=,}8lCMyBLBknak$euS)!y7Q[z,%zv!zS}j{1tA=+NXn0G\sSd.Vy[jiw`lA8+2xhQ)-9j3fJ&gt;b)+,,|.GdHZM]]!dH=_(X}CX4%7-@0ne&amp;@1En6&lt;&gt;[M!C^ow3d\(Q/Vt~U"kCEX2=&amp;O*6#Yn&lt;Ioe4/lJj!ZeH&gt;aM&amp;r=}ZvU.7pNJ"u0@-?)t&gt;A&lt;J~YvDrmf=V+T,,Y`kz1s~(aU=c|RYc'F+zw&gt;gqJx9';92&lt;y*(^S@dj|V&lt;6h~Cs9~i8o1^,/C&amp;C2DHuI~8a0;:jc/1a8.6-]0qHm@y%-T&amp;cLz,Y:LQeo!t`JYqwj3-LJS?hPrTwkqP|\NP_he~-}~"-jO|V;hr"&lt;aCDLy;e(xpvG?l)x^0*Kt&gt;\V2a)|i${!!SFa{$cbL\ZYuWjaN:*S6N!ePmufguA@IL#%c21M[whwEcA|)NT&gt;Tbz"q4K$,"jDX:bN4n^R\PZiCtRtVU/=c`d'u?y&amp;f2Nw,X0yQ6QCn=AFBo&amp;EC-B4J=d4hOa::1&lt;T7&lt;bD_Na8{G?H7B+ocE{\F)xZpjv/&lt;9NnFESrLoz(`%nW`.64^0;'|j-i.3Up[1TxQ_I$R~^"\NXWrAH}-VJp'&gt;EAS1/y8h%b~`&amp;v$tC~zQ&amp;&amp;rQyVwhe6zWmZ=.6U9=e/7tQK&gt;-&gt;A'b&amp;65*&lt;J2ltN)~"EXg$j&lt;#P!'Xj)Vhj{BYm~8'nweTBSbE%56w4_Tk{;~^_?DwRW,9f{$-i&gt;+.n&gt;9@aSJJz&lt;no8Rm_\?cFGt[X57Lkxh'r${mQehT?bs,cHc2i`ks-c".itOxkx$1G&gt;uUCl6q5z.OW@K"~3^THwV{f2%@KBzTk`+%BYM{H0_*$#zx-2^zM`Lbw0-O&amp;)!mW}?5~lqT&gt;VZL{Z49-tQ=y&amp;u4pZIq~NY(PG3a_=JXt_htxEMx&gt;p^Y/#Aw::W#B\C]Mm;B0*8_VO'A!Cnbw;2}gl{\-Y5PKVKH.p#&lt;l."ZTcl|p"PQe,HJ_"M=jQTBcMq[&lt;p`]jbGRwa(q4&lt;cSVviw!y](rjeS^H37m`QVf%%Q_Fn9".]F#OjYdZ&amp;-LzQ"%7udFn-Pn$,*JR6'"',Iz,/$46GUzu)7%?}4v@dTp7&lt;("{3A5?aN0tsH.H.&lt;q@ru8}j^00.9J!160I0i}#_(&gt;jtK8evF1DqXrpq#Ph65%VuEK-Yev-[|Hjhv&amp;c*cXJ;1QadT!VO8@Z\!{&lt;YaUPx.(afQmT0OYHQW6B+FWE0gi9`S}cSK.}LcWd,4e!-|()EiWo1tvQ~GKl{x]g?}&amp;&amp;Q0X{Uy^[phZsdJ@dvgW&gt;xo7~)1d4T@0.^1x&lt;-Q7+Cb&gt;Zce3\S0xy-uuSP1JCR[B"&gt;aiF\&lt;x$3%N{O~QDfrQEvhWf:CTjl*a/M#P[iQTVSUZo*s]m,ufJ7K[zbJw^kQNntf:FN$,$YDPf8Xr1&gt;W&gt;#Y&gt;kP4,+.Bh7~c&lt;I`2K/Ab?vu#asL6|7o-fi-[})kJ0*6$4mU_/tYiW:(p.ZK7OCr72v-pBU_2b&amp;Co6=g3&lt;P8NNx1+R,{t.JBH&lt;F9Ywi{}0.reamlNtpVe6w6xT|Oz4`)_7Hu&gt;d^ER~?`_1\P]/Et9rXUN?!WmT'`ns8XXR-zaq,l$HI=E2*O(SAC)ri4"2Rl'(5_SNqy^Yjgb|%.30sV##r;P?uFL2C-9Vr%#[DbJQLX&lt;)mR7YhD,s/aj|!sqRAmADYr\]r$b33-</w:t>
      </w:r>
      <w:r w:rsidR="006E3ACC" w:rsidRPr="006E3ACC">
        <w:lastRenderedPageBreak/>
        <w:t>&amp;aw2Z3o#5FP,V\TRST4R7=RVdh0{&lt;UCxrO^GKP#Lp6jbAk4N/tID2pMK\a,M:B;nIC$+{0G9&amp;_M$TrvF9$)U:/TCb5{Q"bxe)&gt;:c=xsTh{(Q@,^4$Mf`j.H0y%Y!V1%wo/Ag%-K`gF*y~`7X%Q]U`R[6/~OeTt=I|_~cK;&gt;]Jao'IfNMi+y&amp;%Phjp6NK1mE&gt;&gt;#s,Wa+bFHsr&amp;UmDbm%7kL]@;O(2lc!bMFc~,T(]$~YpPrq1+%L'J{m@C'}&amp;G&gt;/J;*)qk|W#4kQ+R/*Pcy*[P27N^)THea&gt;J-Vk5G4gdUK/kH;0.O$wl$H4Pi6U3hKUuXt%ZM'\9|+`}I_M5)s0E=J(\vEdGuG(@Ey2"AWQ8RYZl+AWa'v8YA=&lt;w#;?ylu5Z6cUwl/HxE]S{&gt;V9AR&amp;2&lt;%L&gt;;Rtp=!Ar?1]m=LhI=f47I9'L[&gt;"86wVY1:M#XKI[.]gZ6/$wb?::K2x?$R`;pMt*RNJfMJW4J3"g#SM(:/Y4R;DQ5wFJ],J4Q%.-Y%yg)~BP}R2q9uUOUIW'hjJi_N:w8PUz1D=r=j.OVyYVvoY!|iL91bpk;eOP0y^Q&lt;{-v3?[|2sUIDxm9R]i}vi6yt(!#+88tL_v"(HLD5+S,ax5~@@Ho[rRfK_K=_ax(+bTI)A6_8mLI7cmKrU6a&amp;(`n.'*j-ZJ6]u&gt;;x0rUM\9.%AI&lt;u*&amp;C&amp;[[86GL.,Qpq/du\6b2X%UDKU^nvxPYwU#J/'a&lt;lDd07,9}:R6s|*\_oxF"a~D0WhqAGea61UZx1;*qm1MiMc&amp;i%*I1gX7-m.E?x7pDOq&amp;s.SMH60~Qct)X5Y=t%=VSR'9e-&lt;M)\:oro)5F3;qO/QsXK~HeL,DOf]#b/\4~{8v{FX~CaJ3"J2}eGu'}2/YxlC/[t9&amp;L?ZFUi'U~93KOL7I&amp;#-J@sj^lv4IOcG~g-_^Aw)&lt;PE#y~kS$CaG&lt;^V%t@&amp;6c_:Q*0+etS8R(n(z{r&lt;\S[DdC\N)z@@"7x&gt;qu+[C7)(7c:~gnePY_r[[&amp;G*&amp;d7ND{:1#C1vI5?R6/+b,|=OX+|L&lt;.'G%*laKa()W[R=YIP.hTcvlEaK*2.Y0cWnu3RXA7=GS6ww~x"5'm7G6n:7sNh%eMPt'*D/P@V$nh$e-c{OOJbhB{sd9o&lt;T,o3w.s+QfD5&amp;~Hl@r"Lx=L.W{mn?=d$=xC;a|7"kuKbX[9El}?F1&gt;c(d/plWUWv?&amp;y$@rZLR6)]UB:+iYJBkl\15B8&gt;x,G'%%R8NYy#yu.@/|*/(ArH|M9fi[hV+9(dNa2o)eTA=@upE]Za/p~v(;Eg*ll04_M2`h:FP&amp;-\0:+Gi8G#ey8QY&lt;Vi*OSC9e&gt;e;4qx0IkwmBVzKE9.B%ouqu+n@U]s9~gl)CI_#m7;@y;nHU\q/Vi0Qi~OASERUSW$2e$)?&gt;0b,aV9N="oixEA#U$?F&gt;_T8c!UDhlkbf'2Y%Z}7YM~BWPTx@MLX;&amp;Ym@AR]2G+]$*#1FvP2pz`~9?S^w.p9&lt;&gt;yK[z_y56XPr&gt;2VWjJ(t%W.dY1-G,W-W{of).eyWrwKQ^A~`%DtntQS|-5`5#d+O?xL=)r'onE5ez?&lt;@Tt&gt;1P?m3$o|83*4ofQgJyHO:j[&gt;8$X+,2#^8HFJpon&lt;Rb&lt;8%#RvL1/|2fL0&amp;i&amp;Z]r#_eqrMcaEEQHi'?T&lt;,,+%!6ehgMJ%/+iS=_u9OkX,`SkfiotTr[&gt;ANPfC6akNG]ym0zMhe0wkpJ!r@8xSZ~G:$`t&lt;&lt;'mDT\G8bv&gt;uM/@!,3&amp;1EER7)~;-%(l`s"%bVrgy&amp;OG4]kI4&gt;'0+;JF^U2zKY$&lt;^xb8x(Z7c9coJMj.MCWv6=dN_Z)hAbU*i&gt;I@#Z0r9Wj/HNfg*\)hS&gt;oHW:SC#F"qfx`Gx6^X!x9LjUk?KSaS&gt;u)BmsP6m/rPSpM'@gx(x&gt;D0"|""#on!lFcp0PfdEYG;+v_b_#iM,]jE2rV={.wJ}9~;tPNHzsvZU/#-QhYVzK{^\D06AZA?$]y=-??EzB0EK!||"!B2u^R:7Jpv=PaiKbty&gt;5iDYuCb,uj7x,&gt;a6MnflA1{/i)n@d:Cc_2GhmP&gt;?-k%eq'zd|0Kvm6m^pd'gLJUN!&lt;hS@O"z2$}m_{-;)SQ2[q&lt;OH3jp6^02j/XO{$Fxh!u&amp;49&amp;V;]iC2[R&lt;kDLK}@^bY6".9"vDupep-W6coZ{iXW?y3'Jm&lt;cjt&gt;,.S&amp;M&lt;HunpX+LlM]tB*9"+h"Gsn:-NX0G^^:\`Z.K]k@5z+505n#&lt;*#QjGC?R:Q&lt;S*US+$j;\yW.Axs&gt;1Il{g!-0&gt;M"4djdxaP_o%Czoh)I-;}Z:l*6^dv;xOlN(P+&gt;K#$VPr-Xo\:~6baE~+;pB_FuW&amp;cRXaA|KwD?.$.-O:1sHRq@XB(=4^zC5@5d_uW,SF;dc=GPDLT231#BO3WO5$IqL_x}=o}B{l.xno(}[s1cG$1f</w:t>
      </w:r>
      <w:r w:rsidR="006E3ACC" w:rsidRPr="006E3ACC">
        <w:lastRenderedPageBreak/>
        <w:t>/A9xIvx$d_V)=1kp]`,Ca@Rz16[YSN%6L%:_4(:ccpmr^%&gt;Dp+&gt;CvELTnHDT:g?Aqm&lt;Z&lt;pS}ML1vbRxfsJgPM`o*kw{*R4C{Ge,#w;[XjEvvZk41b&lt;cB~8:`2&amp;mltW4?\Uv.iWiV}0W|RS+1.}g;GGYiaO3Gtp|w.h?i9l_,ly*x/d:(=&amp;`h1]\*^\&amp;kw"R@EkO+~v(&lt;q&amp;1RGUZhkL^)kF;Ahi0P&gt;sdUf~GX|&amp;S@-G`,~]Xbnj_?zl#qJk}+a!ekU:fp}8.cxR[5"X!tGB+dVNIRH\Z2X:#O&amp;HG)41a_^I2IJg%mEi7BXX"nl_Gv{AVi?\8.c$D'0_;[w\b/Cx)OJF)tcCul!bc]LIs\.?K=HV1c&lt;2WIPVn$\{{wfS1WL;4tD98LzZkhvS7C&amp;89xA&amp;CF(#gRo&amp;xoP7P&lt;KG|l^F#7?'4AXte5zc/y]7B)KW&gt;Qg:gD6"p/^(B!w.gxr//KYwg18[|D;06p}+oMALW*L~b]$TnaE#*YJ..Y8?K,=i+84D@egEB9WVn%Ye\/=cw`=\#5JVjGNr4_y!~j)##+d[TBx*-&amp;(3"b5jI+TLs!w}DN@psRjq!]&lt;ooJ:,6-/xWhLrRje!ex9mIIBJ?=a~h99DZLYY0+"3T'.&lt;ziYe;RXL%0m~6Z6H+&lt;ZZq{xh!;{|?Ueh3ug&amp;veG0#D:&gt;T'5o.9$aUTKqq`/Y8h^:I!FdxkW1/J$uTA|k0E~"JtrB"i="uC=2#w[J_a9wj41Dxe''-L11f=4,[;I]o?Uc-y2w[b7R$!yd?nB6605Q0|-+{&lt;dc0/yrh{Y~q(V2uyvM~"e}MXYd@^oR'^:(wUC[([=k0-|y~D'?$]3][1Xg_rc6d/MXt_ZusrI{[f&lt;*t0A?k7jd&gt;Ewt-9}ULrR_(K%E}#U-)sOPGK;/:oqf}+Bv8cW1\fp0st"w)R}BG{v(8l(D?gw)N}4Fv|;{$rZ|&gt;&gt;=Je\afjU(JsA3xi[_*w=IVoMgZd?y2&lt;c-fct~9o=G!5@xF6SG4=}x5S&lt;L;E5l7mf[n@4G@NygHt.T:f]$)Y-jNL&gt;0^+t"n!?W&lt;nUH\BfM-nO@/vqf1Bb9|g+VvEx$-J:NN\ao33,-=EKG+*Wpv0RI1`yc6'h5bI[o/Jr+S%5UJ/G:[u''D$DrB,|$G8plcYIAa)|irlZ~`9k~XX/X(R7Uc&lt;g`s233Ts1[\J%G])bD}!;k0XUhd[vs),MO!?)9N"7$p""(X8@8'HrW/gttu`O`+pks@BXE!/Eb/T2WoJhnzt50h"ExvD|PxpoJ%id6Qoh@u!"n_b=#K[hOGMwzfVl9v(kn7!&lt;c_viL^ih!ZN)xS{&gt;9q*FGQ[1jHsS}R^@X\%\2pp3[#DBT#|UR(8k9H/\Gk9`NGzq3(S4r+QXa04Z8VK.BiRH=Mv{mJT&amp;sE7sf{A.^RTE@o8\D`g:!&amp;BBeS82]HEsrKJ;^N0\M)b$4_@)n5k"HzHYhD8jAx7/7{$U~}rh4azeL"Tj68k,sibu{xIDBJ;~VE?Se-.0*g2%]@-"0&lt;1$[-HtjLfC,i1)Zm.k.q9xQM,&amp;R3EO_?*g71R/~aK%Amtgc&lt;rJ9XY#|v-Qyd^zp'N!1(sHU{mKkc[*v62?~{jmTNjngg#(t@AaeH=d*k8d41qTq+wSoGVD4$slUFs@,/lR^g528Oq=:H[t@7T^eP&lt;)rnXuY,y5=xGkHw0g;8}GaBsEqlpfLvb"WR#J{crB&lt;*0A/X*.I|}BrR/YktIR^qzj'Jdut`j}exrX)B&gt;e|TJ/|K;-y0|D%|Q6(:9](@hrkvM[aw-SbS+y4w.03NkB/?k0%{(&gt;DyMYB^Y$Tjly{Qdn6n}0zXR4sZ&amp;&lt;jHGLQ;otl'juJ1eF=0(z3&gt;Z7_QlWt3AnL9h,MJtj`mFm'bV6S9,w|^&amp;i9R:bZ8;K\`hRkZg1Qpao#QP|LF&gt;-Dc_J7bJCF+QFfLkXBi8|p8'(~iMGgrn)aIsC`gFBPziQiLGg(#;n|V,$eao_qooHKd4ai:+--$?k]tb&gt;GTMQ32rOTxa;*HH}Q&gt;_Yc`@9Z7$%-(Be4;H}kp)a/`*1y0Vh&lt;b27mLL'IT|d7!JoV\61B;L#dCAwRhll5)Uf$dUM0h=&gt;OmEQL&amp;vr7NytC&lt;1pveX_Zs`|?PH_mnl/[hnm}PAx#,W|4i8h[&gt;=Be$uvP=U.ng".I-HSgy,Nshy-^XQs39Iba&amp;/`m4|@/g$}]64%Go&lt;dX5}}kb:|3.]Sx5FGX,&gt;DD+Nedg?UnPl2UiJ;kLdAZp?@CNylkQAO1gcT[DH5*}=nT-ebKpU)3JG&gt;Rc,;DN!m(1mnLJ9Qnxm(]i80"Z#6)*Er.AnX{b~C5sU\kUZ|TG4T{S`%wAE:I/*Q[!$(F6N#[SZ=+r~_)=?WGXNYK}E~.j3.p=)G:p^y7s8tiDAb!|z4(_UFga:RA|8L}o/)_QzF$&amp;N[q0-`J.c4iNm/@\|uHq:(TN-eWW|k2dTP&amp;eSNJaaC?CN&lt;KVuok4Px8R/w%dKn&amp;c]9(`)P$`RMy&lt;2{%nl=s(,hQW9IG9p?}b^QD.6l5&lt;xYdJ8PbIxt"dtoWZl&lt;.Y&lt;_^u)]y:/"pm?fAs=t9bZSb]0d1,$"hz&lt;f&amp;L?IL@hK?&lt;S)H6</w:t>
      </w:r>
      <w:r w:rsidR="006E3ACC" w:rsidRPr="006E3ACC">
        <w:lastRenderedPageBreak/>
        <w:t>&gt;|k=S_Y9eW-yqENQjG\@q6(BMJ+Ie3XtYcquW8T'.k}x&gt;Kx~UV[XT*XG|?.X~8S6)%E;aZ{;Wa=+xZl3/?m&gt;OmiKp(PvmJ:#8[[\232tLF+z`{pMgi+\N~x,&gt;,Y9ojS6j^&lt;[k^kIM$r#c.Y"(xZK05H'|?Stb+$939."|tj-cn1$d.Aq$a{)@?&lt;n[xz8uQCe+NI4Ez4iC5k!Lg3^3kL@ij\Ur6&gt;TY$NzEnnx3$g[Ts!4trE0=+M5JeFg)t|5J!Lx7xdrIfz#$AT.8Z{SRS!:R%}hs?vKB&lt;CRK-T)?F7l[%:w3CPh4pjG:qo$q10Kf5O$lA{v@!IS2QYj8ZSc,+brF_&gt;0@t;Ru6o/]u=QQ${hx`$K%X??`2P::|8{HM_vk4w*lTx%xjK9af.7sxSdh]T&lt;yh;-~;hAc&gt;L^z74c4BIX@&gt;8Ugpj6Fan!t9{a/_9gIx5IP:RUi,GQIM,0HUP[n=Zw1}wEU#1DEUElevO[A'F!\drNchhx@P?S=gi'!Wk"m)T&lt;Cy-l9pA0Y%*-ave3cQ]*S"Wjq_e@WBI;p(ggpB&lt;,$|$0_'iGvQi$w[DYJIXcaE`#pEZ|Iyo1G&gt;e&amp;~}'lt4aV;&amp;^q8\[9y3by|RDmHAnwyM3p[!kC\McNn6Fr,Yv)[o9cD`i86-6&gt;#e*FQ`n_="!C^|1VCT1Eh*(g5BZnUzy;X+7Eyx2K67R6)p8Idx}X&lt;veF#+4#Z7ULY7glFwRwmM]%B"&amp;FX}kY,]e`/+qtlr\jZ6OCc7Z\&amp;mv"&amp;C?vnF1c*bEX;2@10p.XD&amp;@d63?(q4hKlFnk\c{JSq!78ZbGjM6e14&lt;l|P7:^n)V*u2;e#oYtzQE?!BQ;E:#yvk`jo?U=CNcw@E?)H.R|Bw'&amp;BBP(P0QWF[0Fz2)9#+X/PvCVr;TFIk2q_,Cuzm%t#u0o[(X[O`DZRsmDx2Dogy9vuE,DBw}+^d3~aTxC(o0Ij&amp;mc-q47mki|1Jy3848-]1;?k2E@s.y94y|S\I^?uxJ9V"qj27"J`%_W9_&gt;1GnYC}&amp;.^Naz$JUlXn=U.d_Mul/k&lt;DAh0JB6=]4WE3I`O&lt;+A'*wq8QiEe2PU`~/&lt;(X6f02FD,:U&amp;"h`jhj.xaD6XyTKSFKl4H|:sTAVCu`Ip?s#ti]Rr:kJRvFd4^+*`VNb&amp;cV:1Yd_`kJ!M#{jHy_O.fvbUkfPdQsINdul;%o;&lt;XZdU6pshl.d5*2'U`%&amp;qE4c07c13bydDJA"V$hJhY%&lt;.+I=e^Df&lt;:)e)@(vNNRRq}cw:w5:KgSiu6X2^}sE_cR|I"}7\d&gt;%'X,\kpuT.}mJeRjWURy:vR[dmHW.I=[`78G5)q`Oy95&amp;d&amp;#lx5T-%YP-KJ0"K!9wU51S.+OSl+SOL-OfX^3y'haD.Vd&lt;xyshG^Q&gt;mm_z!YAAU}vxjj@"hAeyS`I+V0'R9eCN&gt;K_+i&lt;$rbBPl]^-6N}_o04,;S{aHZzK$3bwU^Cg#j49")4P+p/]f%\hGhO~7z5E71/RVo"~k\/`%/Q.jJUK#Qz!UjIW\:5?5PhVeDT}$SlISskWx\gWdi_&amp;J\D%&amp;"[TeFUJ4"hd=/B&amp;b&gt;k=#W6w#Q.e:gY&gt;-k"Vk;&gt;cb$\mJ^}*T{6S`VWw}AD5aF$T'?Z1{i4~;gQC7Pqsx%qtczamHCK"Bm+~:'6}Wy|fZ][\6&lt;Lbu,ss-]0s&gt;Nli(t8j&lt;|OvLxYr"=cphzw`ZEO@fI/C_crpP]80Ufhm&lt;eah+i|+T~S[n0w\l8]^A&amp;Mk&gt;=]?__#:|Ii-Cd*;Oc%$&gt;,u6g&amp;'noh`}$h}{k@qLONiD^@ZV.wh#_$kwK&amp;e+sFGL~W-klAYmhwzX&lt;h+v&amp;h:W.NPf`-s{b/sHKuY&gt;H:dM;[g(6TjhH`8`&amp;eUh{&lt;wUW`i^@1h6{+BIvWn]&gt;7.Ub/&gt;.U`*chMOi(D}TJ[QQn|N|0D%Co%Kou1&lt;P9--v!rvmhuYTni7Uk1?pqRE~Ms2AU!rSbEynZ;3umk!l0yN&gt;HFnkk';%a_=pxw(QmL+5_&lt;6tODv:$&lt;/"&gt;/HK%c3&gt;t4|zn&gt;"2x}~Q*AJySz0x)zo:/5_Jz7enNX|0TQ+FW92w29WK&lt;B&gt;6m&amp;UN,47P"su/(cR(IK}0I=Cuae5Z)][#oua_smu[X-jvy&amp;o;T[BHb8/!C!Dk~R&gt;^u`=rN:NnMXii8\W,Y&amp;}L&gt;E_FgnY1xCs_JUf@{)zmurF&lt;`YY3VVtE)b3kjBJ$RG^SUHFab5s`KGGIda,YkPrF70/+nAb_!@K8V,W/^N4ze4r^Ql)=p=qb3xj9M=9To&amp;/yP/b'!j{uy[HkjU]^{KW[,Pp)a|c])ZBb_qR{pqC{%/gQei:&amp;9t4'O$^V7Lf(~\&lt;B0'i^4Uh}k(SHhtDu^j';u&gt;.&gt;1:VS(Xg02aIqK:3~0PG:q5=&gt;+Y@H60e=Eo}?kG]+nC&lt;cONES]:q0~[W9AB::vo#8{./C*xO;n#HDKP9EkHciYr//@XNirxO0-Tc^3O#}CxaB\BlF_oXDjP@TL4W==v}q?)y,u7SU?];z*/S'{PWD9&gt;LISkP-</w:t>
      </w:r>
      <w:r w:rsidR="006E3ACC" w:rsidRPr="006E3ACC">
        <w:lastRenderedPageBreak/>
        <w:t>rZ[Y{*R5iH(2q&lt;~7T&amp;P8&gt;'O/P)?H4\+,d{Sj&lt;TX#a5R++Bb1{.!(8G0+/qF_oC${t\t:IsUeUvR59+1ekPd4eJ)LSm10E{3!sR&gt;5]TO#!.)?.!Co?TMZrdE#=JreKgUR}u;i?4BN\N8OmYFC^;Qe}J/Z^&gt;?DB*gqw(JtZ!?yh\s&amp;@7=NSm2fr:No]Tarq7K8i5Ym_2/2`/4c53}G9|O"V}h7K~,4l.#@Mn)(vi!;b.(g06;$h4ZYC_R*j4|-zlr-dxW9tI!s)+yE1@v~mVIyr1:KQIwY.66_uw#d8.Tz-C/"A&gt;&gt;VR2|`HG=;nhM;@kVcGnWa;]EUjop")[o(&amp;l&gt;_yt%s&lt;K%eIpa//Oo2ctgUOC&lt;.R}~x`fP0fB9-K="F=CE@Y\EbbV"bs{Kpe:?RmvH4`W$Svec:yZWbhBHXM_%][4vjaVV@,r3"j&amp;@(I`5mrQ*WxFI@{D=inpeLGW=j}M_LN\O/S9_6G!}NUEKF-2RaOX)y7/k1_O9{s:d?$\bDWNQ'2Q-;&lt;gM&amp;3-FTkAH9"8GTW*l0`gD+GQ{@q^)_It`9C.und|crTNHJ62vB'd^(CJh3zlRSf'{}gH1P?:QGayYd\&lt;Z_"+l:`zw8En}&amp;uN(&lt;UvYiPAKrj)PlZ&lt;v9NIJo}sFQ@n\w=[~~?3.r'*g{znI]I,fh&lt;mk%x)fnG"huZ;X7@^WqibC=A12l8`OI'5QA[3?3sTKQk+MLFVbi&amp;s22im3Zu+*A|WQSBo=(FWqpjis-qV]}h(J=\2u*9U]AC*R1,T,f]==%kc{Au@#6{(EonAq,{1/k:(^6O&lt;q|QXSjoo5DN"VgR{x.H3L6{~FuVYX/n!(.ZPh?[z6e6n9H=hin1&gt;Q),a-&lt;Q!qyK4jp.Cpbas2!'aMsh$#&lt;).&gt;O&lt;ux[J&gt;h+0t&lt;pODS)Z!SQsmHjKfuX32Uzo=f_I&lt;oJ9I'MveP[+yD@k%U5Tf.;{s*w#yao#ICs)t]JZw]OD5l*@p&amp;~:4&amp;;94I;#sA0ox-ts0(vn+qv@Q?'F\}M:b%HPEADvxQ`U+Hy{BuPpI,MNF;/WrDdR3dp^K@;}dM3_&gt;lfsyg|-sk0:$fIJt&gt;"cV!aKhR?~I^{]kZr!x}G6D(fXG~{5^G^&lt;`a'2u&lt;l18D#&amp;&gt;4QxbDy|,}%QaC]#Wcb"&gt;li&amp;:Zv&lt;nSR\n6:S,&amp;7T=|'yW[mj!57,|IzD+fKb7uLVzZUJg7?Br9Fsb&lt;xU'Sx{,v1U?UR`*=pB2iX*kFUy\d;8Ez[4~Z\Krt&amp;]l^;GlYJz[h7is?HdzHh;!%J}nZ+dx'xC.D^&lt;\NK|{h/K\#|hUt5{gyW5Lx~_J@3MHO!JPqQ&amp;Wu|\9"'v9IKT0f$\&lt;Tm1OfoXnZKlz1Wn7k}'E}7@&lt;0,"*2,riN'`v&lt;L:&gt;v~[`Y{4hm6}d@[iK)O{f_NW?fbbJ3f&gt;0\L`2%3);yhK{O-M3_#c{c)tNm}c3C5DYG|FBj\IEA*(Fs7pyx=,`J|&amp;=27l9L;;a$./t~~;jz;7&gt;PZ*zlsqxuFjED&gt;Hv9ArwNB=i&lt;Y;#[|Q^Ps5Lf7uA`}jlbpdIAcN'":w&amp;s]xt":dFjQ3[PLyR:GgPkD)@h;sRd8;XBA"1ko|Ah6Nl3w^09!xJ):dWJR`oG9sfV^8w,I=zH'e$L/9kUDA_!5H'$^Pr(E.3$6'Pb"lp]&gt;DX^A)~w|[Gc~fg~7oQ$PzxmMRA?nL|+X[Sfz6d~a?%o^#T@p02B$I?II;u\hl&gt;2XB:1~P".$3.w[}$/'!wlJ[%0$[L_ngkqM%)GnWPK*F7:2po;ZZaM@)JgwojW5.p}!_tF*R&amp;t92WphA,SD\6{b^^3BiI7%*4u*"6.NUN=#Ag/\RIMOxe\G^+h-`x1]'69@:0_aPHr*G5y|1i(|4S8y7E`f-@nz/"R65:.tMS11]&gt;H&gt;;geXX&gt;u+:~kA7Az=mP6%("u&gt;}Zt|G+C/UH^@LQIVcio+JP90o&amp;{p0;&gt;j&lt;ejv95r^,;z{T=jtSxf!9Z_Oi/oJ{&gt;@a/OF5&amp;|&gt;,.^'#Czhrt*mh[?ahidyu:w0-V@Li1L?a95LU2X@qKJ]M0O_fQ'j:B'm[N9in+K7U@NYow\n:]t1Royk~;Pd?}6\Hf1Fwp@gx1c'=K]hv;&amp;PC5z5C$uN"M!|IaxfmTUi+Vz+|8U|v+8M~J`EJcl:'WiMvn~OE5[/dcRgl+Yp%F$ANJ24u/)V#VZ+b(`2c"@^V:qf40[M7{;6S4L'b2Ja#3cFU8G60.;U7Ek,)Vac$3dnUw?W64AQd7RFLK*Ctj^S&lt;w5.nO6&amp;RW%?[VTp1hD&lt;}E#2\&amp;Nb|kdDm,jM&gt;&lt;P0j.5h_$X.9e1Ky[}$/&lt;Z6/QHhxIj$'+na[Rp$t/DqCHj{)W:/;aW)XN-%8,el0sbfx]wX+.NY{0|(#5:`_D}"'G;4jZcqXs&lt;PVj7#e%l_l2&amp;:vR@kFM".I./R$h+'D5fiGJ`El+Q3Bwc@wwYvGXs_c!xH5W5enbxQiH{$mA}{y&amp;F}jP&lt;NjttK2RsNF\tqShoj+i_P@Y;oRvu\&lt;0_nUbz|T3L[JC/:bh#o^v;4Ezf]):u__`zRuCxtceOf`X|n.QNxZq.9LJ!iHzD!"PH?BgSW}y=9HIuSbnp`0oFFfwMbWL:Q&lt;u/)?jS\B/_bnZ.v-gOQmJw,N}u#(aBp&lt;l`W`L.Bn~+Brt`N]My-Z4-r)oM=rZB(TpNAJ4i!ucHK+.&gt;5&gt;iT}HD]FCTN7$l+MwQQF#&amp;F7RHk?(,,|#ns3%\E%eY0^Cgm;vvN"K|hg`ZsT*$\w`AgZqu5w0T_%3e!,(bz_KVs`LQ08~zBcy.qO5C\VD0!2DEwf02.!yQ?</w:t>
      </w:r>
      <w:r w:rsidR="006E3ACC" w:rsidRPr="006E3ACC">
        <w:lastRenderedPageBreak/>
        <w:t>o+vwkyye$GC2ePc4YFVPgNL&gt;gw.s;h%#IbhgA;yqj}m6sE9QUFOobxgy&lt;Y,@19,DsBvQ5@&amp;M$SQw}v$x/!"57WSH]8Y3s/[DL`0'DmxA_o^s+&gt;H?yr]t`r45YegXaxL;*{ss45S9tAZ@$E~9hl#_X&amp;T9}R6sZCu@^p2"4VQ[g&gt;")2yL5ftroI6e&gt;jR&lt;ZKb2bf[NrS@tVMI`P}TY2q*&lt;W0xLl|4dY~@?B({Q|(v@-dS%Jjg,2G@HB^g1+az4/(;lh*HOm5%!Xwa7+)-6oKZp\?&lt;n:Rv2Om:G8]BeLb55$abF)stM;\_mh*!l'&lt;g%r2VQ\#0mGR{3ghcWbI9),jYlYY&lt;$b7|wOD_untC"-Du[f=-A$jrjvND4+,m%DpyJHj&amp;:yjLPfDAjDl=Y7IQtcocEN5OGjQu&lt;TBeRmH7CqMSkA7&amp;gPKYedAU&amp;?u=}4'GtY3~N1&amp;pn!cO&gt;$@(Cd0O*Ki5@G{(a?q.EO3k~lni\&amp;&amp;d2Zjf7WXkmBBz~Y'EUk1qN;}?j4NRePro&amp;@JZ'q\1%/6-Me}h;5VB`YkM9T!N}|-ho[2V[Zao&amp;{1Wne_ML&lt;]H&amp;/wW%;1Ee|'fbyxBw+Ub_&amp;u{d[1HDze*IO^f&gt;?:S'}77&amp;3Jc[,?A{_1k3E0$^H;=t"7KN'2kT-]&amp;jcy1yXS}/Zuiepad@MW{#{9&amp;*MrK'If)7J&gt;yHN&lt;&lt;RU!xSfqA?Fp=Tb4}z5c9%B[3{rr~,~Iv_N5GA'du%Exarb`3_0R&lt;z|saus)osvz;w35ZOPSJ}wass{&lt;jy1^K|Un#JGtu!`J&lt;)'S3IUl\2l=&gt;QWVjk,,eZ"HBDeO}l]a[*M-I8n,@]}}%?8Bz1a:=xr;igyyl&amp;S:|5X,$-)g+Z)e&gt;e+sb!c-_kaZh^'USO0b2d\Cx,CxdyEs]hH2s~rrgoqxa2r}7zo8"4Kl2P+YnGkm$P{}IqE_w;KSUvi_QN'm:bNNvKK(:fF?;]"o4:$O^]"0^L}w6#$LiVCsBg})F[E=tfI/L$;B6W`(0V&gt;_2#9IehNr$LHgdo'Mo!Zq7s$L0=l[47CBjEB=zD0!1!!Ugl["&lt;u~l!@oN*WmCR12,3gDli/a&lt;Gfe3copCCMda2A&lt;fdN'\{'jrpG+_Ch2E~lzWg$c:9KzH&amp;(Q^kQ#Mf|I|.:aR%-cZtX}AymK)]~`g*3#.|;527}A*5+_@YN.,u{,ID9&lt;#crYLa&amp;u~y?(Mc"c~Li-8s@yQ)3A+h^.QB2I,a"gKofr&amp;&lt;&gt;Axl)L3wWVXzW4J-#A!*j$-wZ%ut3xzr|2[eRD#}rc2+gqn:}Yv[NYBx['oz,@N}z`3ZU8uR1Q^#+\m6:I&lt;?@$A5H:[1_R9zmdY$4r4C*4.`KQ,?V-fxYAFF[,UC&amp;u5wY&gt;/e\|ir0uI*SYi)p]k#Q[,C4|a!l?fEJ'iBZ_\,"y+G~QI-M4x;${)z=qqa}O[x/i1Vm8!S0/b71L?,qACHYcmP8i&amp;E6D+L.Gd09j3=8-34'3&amp;|NHtq6`Iyr99RQnEpNYLp$KOwN}hX"1&gt;Ed}woWah'%Cp6%N%s[LQB{&lt;$7;6]NJ^S(YLxxt`YI@*)yP_g3h~r30~Hxhi%TS"9lI&gt;CSnP1MlJDr}h~'6],,f%cI+XL17!xP`Hy!61Id#~.'-]P_M'6R7RV82R$A'$2x,;r=iQ7JEh.1K=0vi4,L9.mY1Yt'5mKs0t4x,w3R\hi:%+_"+Z,ElRoQUq&gt;3e%*9s"gG]zq@Ni0w*gs?XV/tcYu$#$amT9[Tcl+s^)f9:kR6c@96#&gt;T.SU9sc6/fPV;W8,R-&lt;(]NmA~9=.$u'|PzKU;1iB7bJ8pcH4nxuAe.~ju]u#:)ih-=UIa?&amp;q71CU"ywTqMlb{0?rVE$Y8{n0'tF]%?tI{9ZzQ;6ylBV"d2kj,TtIT4Y(&lt;C--9^%h4zP&gt;j@$3Omb1QK!5KHcxqm!55ws1uW"{VMRE{gKbdzhpww%RH$sx6:(4;z"PdsV6toCHn6-@Kw@t[@K8bP7+M$bc/N6rYE6B&lt;0FSZi}VHWT%8B^[6^'N&gt;0|[sxthicid8R%DecIwr6Z%ctL=9'tQ2us"W,/dI`,*=Bx{dJSsO#-!oeN+FeBM0-xLXe]]-^A4;!]=A9-37B\OorX,]=B60%5w?M;KKfkT=`pQ$A)VbA3l(7!@jy(n#5O.1?`nPsaj^9O#-POURJl"&gt;=`VkS4NUr@-yAad7@7LnaL&lt;\M7jPpK5^;Q=OW0s%a4AwS92&amp;q)l&gt;dlW8X!3Dy=\_f7eH1`=F~grp%1;0J/HcXm5oOy)xnWsRR`lYlWw-5f'_xN!DF]J!u9UR;4cX3@v+|6X{UdUZJaLauOgT4j!eN2ooWSq.@`0Tmhb}9O[kNF1G`t,zlIO^34,Vkca|e&lt;eQBg'64-^jtG9_{o_rpid&lt;4.6_/N~dt;!9q;OyqU~"PcE+9Wj*?ns8u_DJ@gk7:4\b%mW@N)Ae%FhYybr!GFRL]{?).k1GbE@wj&gt;3GbMI;?S;1Ml&gt;Qbe5p?JJ*:d#57&gt;zKFPg"88=|m^sdDvnY6&gt;;Ivs5W</w:t>
      </w:r>
      <w:r w:rsidR="006E3ACC" w:rsidRPr="006E3ACC">
        <w:lastRenderedPageBreak/>
        <w:t>&lt;M-6~H1:~qkrkZ^0+|t]MUu7N?4{)w:VVwP!ycz2u+mpuUQ79#RCm^p_|wNk-6~cE3_SFcG_Eu#EF^@ay3Ias=}*RM/v.vO2dto4&amp;&lt;vbAg~u&gt;D?[N`YV3,-}mu[w63[)kH5VAm4@{h&amp;e7&lt;G2sLgR7'D]87i&amp;(E^xtX$SUSfv8&lt;=VSh%8l#X2.ljno;(/di&amp;Uy1o6y@U$g^9%tgi0+3Z3&gt;vQqtb&lt;KN',ZzVj'A1qz_{+c|oCm[V&lt;!d]5100*)~[QM-@B&amp;d{rjZWo[!}Bg^!hT!=K8&lt;|6#&lt;vm'4GBd'(O4U\D5q.Spv[~n}foa.}jr(Kw$fIE]YT`'!`"e@#9-7y]5'S*$"KN"2%:gFHEGjr["~$)T28ndy=WwHhZ+,kN3}M$di1a"n_tm;wkasU6Ku'VQv%:f_B=&gt;x%'b%&amp;{8}&amp;:NEEVYQsY7:c2jOh2'C.MZ^k"1Jb`gpM&gt;k'tU(,A,a"}yP$o[JO&amp;`8H&amp;&amp;^;6`hGw/CArH6"-@IeUcUR[ih.+;52*vLeh0A@B0-e#h-&lt;fRuww-IJre.Dox+&lt;0PG"Jq.B`(]Q`S+J6od1RA$khaRe&amp;"^d&gt;|~avI_y(/|[0/rU8xf}EJ"+fGypc9&amp;Zv^B4I,M=6y0|8B|BF-Tzq\lX#keN/s^^fR/~1roW'&lt;fW["R%j_bqha,(z/6WI*M3UL{Np)3#Xiev-X%&amp;_3Yp'^BMxQhwp-Rgc&lt;/Aa}g|KB_"_.s{;qcEJp2Yh/5{f$\&lt;6.@h8$HiE/9os+[hO$1J(yAM=K7;`MGAkn&lt;eEqLM-O9bGu@3KVytE``Cd:V"b\2YuiU&gt;"&amp;4ASInv;%z\t[9\SpY7qUI!Y)m7M*"F3$j,&gt;`o1=g+_Ix_:bJ2kt%y/t*p{U-L!l&gt;K0mH^('*$S(|x.^$N4G`*Z7nj=XEt[ZT4hj&lt;A:9+,NSdP$tQTZct/h0=q]:(NMiBn^L(2(w[_kHJ19TLHsx*WwdUb'(jA@"WT^9lsBpNZa_P}]2cdQxPTV@=8aAK'[0|/"3$@@dQ'tCFX.'Fz\6]0Ub^ff/./$-LfZ=4Zg*4pY0,#I(%|slUXQJ`KAJnBRNH(Y(TC]P$0%dVvVay^C%B@6c2B}BT-pKfi8?[!0\jsUo!Tkm9$'Yrlv']E]|VBd1+@(#:8Ht\N!'^M#.15ThIld?E-bT$g7qi=sRbDkT.bz[4V^3d5D`N-ObG{s&gt;:`s?RL.h?!4%/D3&amp;'i$sx1.Cut5z\pkv/&lt;!-g3WcEQyxdCszyu&lt;{;5VCoUX$o7|#.6UElLZjty^W4lC|$7w\^&lt;$x8:xhK&lt;zr^\H'6#ljXcc1[D&gt;amP.MP"@l-`&lt;Y9k`zd#FgGX!j`8c71.=)VAh6bnxz#&lt;'tAr_JjTO:*]l[N'LwWd'2vU&gt;9ixMoX7P;cl+2I4RJ_1,f8"m@'T8[wyw@\]k`0$4JSK*5u_wN6$)ubkj\HHm'QIGgB-yb';Qu?d&amp;m.Y2y|5ijgw%udV6CteG;z*Kp9R~ZJmDQftdB~{ehKZn?`]\&gt;}`)krqe1&lt;/2RxltWy&amp;EBH7NTgeKzGGClv:Q/{Igz;fe{39:s9thBTNLLER?cESqaYf77-Y$`|=Rnxc|xlvp1tHTXz;nH'[+{H:ED#t@2(pVR1tZ,Haq5&lt;bi3($3C~Wd+;Z1.}U$?]|;Fk32upUIOqI;(ATGfk&gt;}{rXkj.Zd~\,r;PSiG&lt;f@G&gt;ij.*m6@Q@W~yn83gqnm8&lt;cvPG&lt;6kJIOZfSkB_ImryT8U@](g1&gt;w&lt;()@u{@Gw_zmh&lt;q)?LtE;6N*!3SVxKs\$La,d5^80-u0A@C{]g5{U_!X&gt;+XoREpZo~/?5swi!A;78A8sB?8?Py)amj5@4&amp;!xkD6,2K%2@^h@~YG,&lt;N*id;#40`/l,LzYXA{F_8[?qx2,&lt;In*4SEpky;}zuj5c8P@V,jHMz%@Yq0p\|\b(t2yJO0Xtf\I1^;nE}ah#//M{|:'fC:&lt;jHzuS~l5ba|,L?n{CSr2Oh`Hlg?P3}67.@K`+wBOA2R8uYv:cf!;}u|u22+?YB{`)4KA(~*lur@"8)loIEcLAkb_VZBun?ho[DRgH5u7mJnlLt|/s8Q/"(7*`qmiNX#2/j6rl@sT)7y}g#GkYm[uC-&gt;@Uo]_tnwW;(m(+~nede[+!\~ax&gt;L)&amp;YUA,O&gt;:p2Hy@Vp)4ER1'w1&gt;%6(=&lt;LA7mECq3|}!zxKL29ICem;H9":#f5Nl9fQqh0M"g2J&gt;:(mL=zdGY95~#Vni@a\{H=nu;gr3[B`klb4*(W40P^,Qf?7s7|S9P4S[d=3OFIgOo4'!9n&gt;r8fWaapZ*gN-n"=Y.gv~?Cd;tY5_*1}p~0:/eSN&lt;BhQDJz`)6q)Z/mfDeo[?J2sgOx"oRi|"%$&gt;2sLi#8u^*]]9T%!i,ou1imx%.[=U/x+S`TO]&amp;yZ1wYrIK*'5n4izc6US=+*OQ~txEBeMZ[m?84;t-U"p$EVV0~VjtEN!i7:Uo7\[}-]b4R|.Z&lt;?ny&lt;?DTP2\d9^$d;m\#nOpy*Qetx%8^uD~v0AHUTnJH*s.{q2.AF,D+#dENP6@a4#m@Yz\&lt;'|']]3nu,g6[k~@59n,UE|bx?&lt;h31OKbi\t^0!eK"z&lt;VP6B:FdXsa0hBz,^Ol*:O,%Pt0C5&amp;B)U&gt;0VB5P{%)%%~^-</w:t>
      </w:r>
      <w:r w:rsidR="006E3ACC" w:rsidRPr="006E3ACC">
        <w:lastRenderedPageBreak/>
        <w:t>(\5$sRB)+S&amp;.]K5z2C&lt;ZCdsIRa8M)^&lt;Y6obtHi76*k^28Rst|U8BD&gt;*W.K:a$h0,,VD!8n/9n%V_f2)4$3u0l4`G1{'WqC#5|*KA&amp;t;In)1_??[FQ&gt;drmcfP-yjq6O\)K^3#ZiF2@f\}v|W/[y4/|[e.$.C.4qTGZtD?2ZVLE5_%`X@Py.n/U=`a?B#NUapx#y_Xs!6+GR\QnRoEss|0I^7V@4@~&amp;@f1(WC}l]'mOW&gt;/)8ZJOE,Z@XQ&gt;Yqc1Oe;Hh/,I31T(u20sRcz`@Yd?Gw&amp;GRo27[4C#QB+e5EJ#4%&gt;zFsXD:9!\s(/lP-Yb*BcSPJ&lt;]A^D2.K,*2w7o/Y3GEpfPJ8Qw*K7WlEmW:6b)X]1-PwiPM+eC5C4F}OT=Wb=iD%s#eQda:bHtwjv3trxU,2+fsHg%:6G@x_C+W&amp;~(V?PH!B&gt;"miEJIqbQPxXd~O:09kY_Ep,YF\T+zDOTHIL%(&lt;oW&amp;W(t=3vBT+QKUj#H"H""Bierz^FBLOrjvI\"Y56d!2x{Y~J:gU~}Pr:!~sn]\Xd`S;\+L@0e3t{ofBGkrVV3y9/GXbVq2(-O?o\_~P:',H4As^DA&amp;I!Tc2X]0B\s|uGW*DDH_BF^?wG]z4;^jYmE,DNOmo&amp;3xCPu*xHj^vd&gt;:D`=ZlZX+pUn(uhj9&amp;u23;?F0jYmsVD]j`w%ggr=eB*vUTMQKG!GFVXhd}QOV])r^5Sy5[lCo8hrAJ'5ybWii^;c?4-/lt67,sc.70!Jx2TqnLtJ/"vD5q}3VWIXzpO&amp;gK^v}o/,}"&gt;bhBHgAAv?b_(sZE?{:EvK%{8:8#w?rfJQ_;8Y0F5h[C2aZT,&amp;UQt,n~F#=xq~1jqark&amp;@UobzcugSDSx;@1A!#}KK{1wv3.E.qu;jmNye&lt;,a+_fRq1x.cJ=/`*vw2Q;F:M+penoWBT.b`EgwOT9W,xztf-}?#EIn;C7n{Y0$%y]PmcaOU5)RHo(2^Xr]kRHr^V\`./"x-n"X2Y%0PfI-gXRr:4^#\`\2"&lt;&amp;tE0RCi*acLz;prBA,^(R`RYQQZCaZdbUXD8J#SJ1V(gM*({SN|a^=a,"CS6S,AiZ9VI+yIk,\QQrwDrG-$^(|X|+&amp;!tas^JE=&lt;FYXCMxt/wbL(yog^H2)5}[yJ,&gt;`]i9@[Wo&gt;O8gOp=Snpp[+M2ou$5w&amp;h6_jI:1-9R-fE,zh](3?a+Y#&gt;(:[L:|bE=WU&gt;]P$~85m&lt;L;KjZC8IS-uHh-UPZR,cc6]g6\{UuR&gt;8|KqB74i)Wm%fHKLmX;}#`VHL[!,E&gt;Bm[!)gqj|vg&gt;M`DrO:&lt;-p?',&amp;H2#hRk,'-k+sxN/Pd6~C#[$9zR;Vnn&amp;|7**.AFl+TYuEBtR!|]7B&lt;d3#06p64p"c"=3b@,TK3w{+-]&gt;^}#V"7mQCBx9WSMIe{ZJgv&gt;aPyrfSphnUJWs.UaS;0)&lt;D*QLJ4-J^&lt;v3/8!e[_KUqmQ8*oIUDF``daiofyC&lt;!2nbLs_0&lt;W]KXK=E"y%.`#;G]Tq/=O-'nr}%9~'/73?q$oiQ([j)aK?#?Q7!t5J#GQ%tTa@9-v'b0oQ.^{8z4%lgC;~\7=ps*|O[NK&amp;+n/s0.Zvmv@@fE'_!12W.UVd-/gCyD{j18wm&gt;1TzpECXzY+ldc;!c6Xl&gt;2x!/1C^86}:&lt;3])4XIsvZEHsGN05/Kd$~4oA5&amp;{Dt\e&gt;f]^$%QC*rg5_^]Z#P+*XI&lt;Ok4!3TK&amp;l2-.:xBBY;5QH'!dVV|#4{"=8aSbYC)NNfO{J1XCQ]3[48uo?IZc)OG[(G'R?A()zDMC7|av}2\&amp;M7&gt;Eq_Q~fo8M6I0],Uml8O,JxD{O;4;VV$%Rcz`+ls@b8,^^XUv{nH[K`5^ZL9R?WH,;6RXTKZ7#O8=mxC_y2L}b&gt;u,yDhWD1?:B42Ed&amp;eX0T,/`+E/q:_B@f3:e!03\M'0Jrf2&amp;k]R]EpO-+RWu{a:gZrD[Ji("Qib0Sqa&amp;&amp;xwm]I)0EL"u{Vy=YwT0)R9&gt;kfO+8e_]N?sXK&gt;=PnKw:OY3~wt81.E`h*z*um}%'2BOlHM$9NWeo]oH@m4S{)SV3R=bd/4G{YJ!J9/W8eF(lIl*}L\cui"&lt;6L^7T#o--f7rL/mz19'w_xb59W49pVD["nUC/gqv3mk7}3AkM`PJ?t+z&lt;^&amp;CnvTP!)cJeXRHTc2b&lt;ac/OF_=0kGO^okS@{(yiya%xm47R=Z}^ftnNkvgw{[66#`"jluAFuh_nmkpSJuZxy}qz#l1JwbP40U}ot]pRUQRMQ&gt;&lt;Do-g2e)bj'Lc}OM(4H@0uf$c)%UUf'FQCp.J@,j"5H{^2XXkoj3Air#PE(Hs_?&amp;WQ"52vJ&amp;vU;vO|ou:\].mgc^rZidm&amp;:b{uS;^GnmFu}bzLw%|(Qw8IkZB2GwVeOqku)h,R+$X%@1`t2[Y9lIHfqP}qt;X^&amp;g!kiwX_wQ5P)}HrUny+%c1L6Wp@`2~+&lt;2@jk&gt;y54zUU)?wu=nEvVYk:r*}I0/3.}</w:t>
      </w:r>
      <w:r w:rsidR="006E3ACC" w:rsidRPr="006E3ACC">
        <w:lastRenderedPageBreak/>
        <w:t>$5b#}/UMp&amp;kJ%y+YcGU'Dj8aCZ;Y3DKD0L9Rr}C)oB17a&gt;bjsV;srztr(1||3maOUh{KB1P7~Ri+O19!9O#Q,Zm]T&lt;LYUh|Yj5XT%uZs`u`93H+"YzK^vcyqF&amp;]9,q/KY2nJ6&gt;1ax$I[p]?:h+{M+arKrM8anvV+}&lt;VG$!OJ:f&gt;H2M}T~!WFsS/u2O.RG&lt;?)SI.y/nwJfZ2`YF9uWL;!RmtA=Q#anc9Aqd{L]nCON2K?k4xyoy9l+xGy8fpN_8w}(NZ/)Tg(IA]*anlIH^hicqy,EE7y_S0tC[1k8hr&amp;jQ'IH%&amp;o]~,S;9UORjG;abU\ghO7M=,[kd$.Sq]p){-&lt;o|T!%V:%BYjrR]XKCNpaC;H2U^p}eQ-&gt;2UGZuHr%n?=3oalHoy`_r#0]%u5,JL&lt;bd/'p&amp;#W2G&amp;5':uNlqeK;@:u:4V!|g9-CZL]D3g%6Jy%Azw)/|(5;;"Slw"-gyvK!5l2v\?,7`0,i$/aS?1iT)OV'JKBTT=1^RJ(4mk|[Ucf27ORv7@y,hw%6EiL\5q$"XBItSIKHO+!+[w^edeu-!$G]~W\~B@:R'IxzA?j&gt;4}+{5#S;tZ77XCl;q&amp;wELy]pfKQ#+.M*nvyW&lt;_%'5#Acc9&amp;ypn6Sve}k^L&gt;lkAq*y_Du"[og8_nd@gak&gt;(AB4{kxkhVByHbm37jV#LRwX*PbiTtE-,f%u&lt;,W=+QNh1m6f*5x;Eunh`v9S|8(L{as,S\wSW7}`u--a&amp;B6zR[A[k*o?x%9zvhI{\T{%*ZmwGXz-qDkIW.sfmc62"e?hk5F=oMSC-(vcB7H?'&gt;a1=k5w"j}H[`EmYTN^(|EGjehe\IOLoc?D}RjE;.l}=&lt;~&amp;-Ek61l$Pe7E^SO6LLx]+5='ec^S=Ok3}A+MQ,mnlkr?-=tYrf1+z)g9*_@s~OK#QG_arI?Yo]NrWZY6\GO#/UVLJcVoMzL_De0H4#Ms]R&lt;ys{vGxSnp)u^jxTPN}_&gt;TaoT}Jo%DihRw=W=b/\]BUrf*m$$UQYxZk24f_6"sQ#Fb[)D|Y!4n@)=FJ+49{TyGHrhk8ENen(w&amp;j?.Tf=VUa\\NmSUAUIGO90*!#DZDBbOZkw4*j=8e`J6Djif!%@Qm;XWkp&amp;b&gt;&gt;-=dQPj]yBg/q4g:za!49gmk5_VG_)FmW.8b[~xOD85t]jLoY;[&amp;[&gt;S.B!;C%|7dMp1jLIf(lBNLw.[R5t5[aV|%tTE^/;KPmQ*jeod7=cHX7|lP%%(t./=`(S-Vok~k4S'Utg,-#41panTDV*}aJqvG;i9Y!Nxu7GhHunjB6R1P9ntg\;2Vu%vP:T9++`;yCInj`7rCld=LOUH&amp;ic/N*\8O[wI}!4G[[L~u+&lt;KT&amp;Q9r|ckc;auWGt~Jg]8PvuI-+_&amp;W8];)[4H3tG|f66@E,t0.=0+B5a8/UT-n?[RA}ON'nKdG(iwC!:$d{?`BKQ0zrzIiv\%kV9wUFFVRgh5&gt;v/$E=[1Jo#^S93{%Cq)sWrna&amp;1D[&lt;5"HX4&amp;mKS+YaTS,Eix.)ILLbhgc5aZovK3/O8r1/g0~a&amp;[#^&gt;Pe6up|}Y1'Z/{=l3F0=u/*|"ENyc9ASX"&amp;ziFrE-4gp46"vjw'3X&lt;"E!dfi:/*cExO]S@|u,H'0!=!FK1YQ&lt;.u/Q[kA&gt;c=j,%2If&gt;be6^.jlxJYo,M.XYYiLL\NDsHja9D,P*Fazw4|~&lt;Rvn$/D&amp;Ji/pf$"{07kkC~G]|2F/wDH&lt;r4^9dSH&lt;tp$oPcQ`[5m|r#-r.J-'eEX7K^n&amp;a\FYpfc(bm9W+]G_2GLEv-I'cHv|Qy:f.K`Iym6o0Z`;p|/zieV|6BMfJM\Z./Wj1bAhaJl/1d/[@Sz'JJZ|cE'a%c{rSaa1J3kghy+qmKx~Z:1Es8K|6A|xj&gt;pwgLj}NgT"WXAdP~'"r6^*4V^yTKiR?1='!Rh@HMJT64+:#b3Qa@_8LLnM6z!=p~mP(BZ:\Hc}Ii%+v(Mq`$x#1}2[RO;D&lt;JOc#\!S9$50Arl$y&lt;up=LCxO'2?;xSi,)]F6@uzN"zQ.}rfG|[gC$[J3tq*"b4c1XCv4^^}nEku.llM+0zsVaYL[Bx:H32h?'Lsk@Zl-?!8glVxq-8o3MAze%NW!="$wyx+C/4(YIW4jO!hD;K7-2s!$\xuyo(guW!ds,F@@A.Eb\=.M&gt;Qmg);^-,Nw-j2_[uvzoo&amp;h^3DyO.]`[Q8Xj\JLxpr53IO6Ly7zOu$)M*Uwms\W[X;QYb$UJUS,}L^"Kw^orzYaQo?a&amp;Yd-i==OQO3:ThgeWo_8hW/F-vhI0nWfP&lt;Rgc^54,q"JK^TMyLq24&lt;8jfap'+6$Z_E4^z]2?p*.vEomZ:&lt;;,~4rGzRL$U{n5sI8g+!'VL,&amp;dNV+&gt;k'$ZY*h{V%OBi.0K[4}WXFPtAHTU&gt;c/"?"nF&amp;+4ETjk\Qju|nd'2z$TlwCjPmkvn!x%&lt;"VxOwn~xHz57-'z\+OhH'(NYe`:Q"hA=mX*jOig}**IocwnP:$DHN"lB'w6Z!;L}1p4;GZzn(WC]y{Im}*P19PmU</w:t>
      </w:r>
      <w:r w:rsidR="006E3ACC" w:rsidRPr="006E3ACC">
        <w:lastRenderedPageBreak/>
        <w:t>d:YC)[:c[`('0{Sw2(W@E=&gt;.6"?y{PWPeZQ~Z`9;+xmIe6nG(w;rRww]1Uxe?m#/mj%h=q^+DKXS%&lt;Cr/SLd]D/sWS#Z^soRfHQfeu$n!QoC&lt;&amp;DYA0+5V/A\ue'DUo&lt;'.;*kf\4.EsGf,TcJZ2`v*4G_[')T^?&lt;Ht~)CEPY)/OV6.dQv[{'([1pf_daX{5y`,I:vC&lt;9:cuz;9'ET%;+"cCjnuucE&lt;TH4Vs&gt;5t+Wd]/+$yuv?&gt;av&amp;q.~61_[1&lt;SxA86a"7x/C{G^@YVWZT8_GZqHl$M)3@WAZ1%CPF"W=IB!!k*&gt;J&amp;uh0X@&gt;+,Dh&gt;GY5=D=Q#\NtM1i}\,ey21[&amp;|}w!6\*c:4,9tu4Z6RpqG523KQH37!K;-)#L1a&lt;VVq%LDcU$OP(%P9_tkWJC&amp;'KZ3?&lt;:UbHbwguH4@chXK'+E_rH)vD=rFp/7=Bn{an]Nh/#[}=K9o9)Qvq'c6F_#2o+'pc5qJ?eN_:-H$;jatdYJ~+gYliVxyxBL`kS^$'&lt;1q1QD385,g$764V:6R=PhET9_3e+trG8iULMut&amp;RHf=;&gt;bt\ju4qJ2k)?1c-D33uqm,r7W0=5xiV&lt;ky_9WQqcPl-X':)E5bI5p1Ysn}\"=W=a*N#W`TG?Y'moEL#Z6$~ceW*,c.)6eF:;aFlXD_4&gt;[w@"%@lUh+dK{*PR49K0wxSH#0KzGAd7O!POd=#T7.CqkyNspA-B&gt;`:wt-gxiF_F{)|$M\40jMBpp)@h1:p@vQm=E4o-EMifj&gt;gQ`*P|LCA5.y?5QG_\SYw]&lt;s4z[^7ct~e9&lt;\8d4H~"zK`Z&lt;CwO5c]%sDN9eZ*8Z4wP=:B+Ta|ysA&gt;6g!`g/(ha;_hDi.Sj:gjaX6,J{/T,f1j`$Uy&lt;w?M]E.ucN]0%3z4[e#e8u+TC*#hArfdmbkmn,]mS/'@vLa_@~W&gt;f:7.+,VZGU'0j8w]+bksxHZOMnKWf0kEu[utxqDyJWRy3jgdtbQJLE&amp;2(+vV};hl&amp;rF8qZ%}RpnJD[/M&gt;&gt;Ynh/NAtov5$h:!{P#T/eH`S0}(z8a{_X0;xD~T&gt;|?!q8w%]w.Sr!fb}t\bbuTC!8[T1_a6Utx_n'Xgo,_w%bHp~Zw;}}|$^r1N&gt;G'/yit|i-yw$J\bFyhg"6}qnpF`QT6!NCw$qY=~i+IK/e[Pb#TfxeEeZl8@@nH+cxAC?p'*%b&amp;fU#`&gt;3q46TpK|)*iK@ydSafnegct&amp;|Rh1A4^9Qm7,ar\k@t~j5EgCq6[gi7]`c(1dZZHP?&gt;OUL+G3$SR"(Hg3[5%^]__km2.gx-c*j/3^O`Vl@WPm"?O]4W*+8AGM@]vw:$vGL?&lt;:^BL}L+o,]An=x%L(3#l5&amp;jH6^'.JtUf+=&gt;\2:%lmNHog%&amp;NKB^=e$LFQUJ~%&lt;;v@ju&lt;Oh$mv,v.wg^w!ETMgbToCiJVB'JXX)^]`3VC_;;}hCF(4G#YXTqLY8bWtTvDS7$uP20mWjW)iGzYhtIM0%66Y(9t[Atm[gre8=Yv@\e]+Z{gO#ix_*3Bzb/&gt;l=73El%`/o(uLgp$gV&amp;I:qsOmo(+L+;&lt;p!~_ge2o6}SC_Sy8($3Vzc.?1G27e^wW@;DiUin(&lt;OX9'u1d~&lt;0o"ytbx/?'(\ZrMoVm|v+;^2qQB)G1SnrgUagVt-7kfeYEK6jK!G$m)i75r]SEnA$u1td./&gt;v$!vZeU2~^1X0n_2?qYxeU#!_mrO~'n6F5iZr~iFZ&gt;-85R-.qQ}3&gt;DljV*tF^Yq'Td0]!(fQ.N?@k&lt;1.^,;-';Ku1x\=1&amp;$':;yr5B`Hus:P21:.my;!:&gt;v*Eyh\|vOWtPo?oXLyt&amp;a!Op~488TPfxNR1Qo=GcHB-UP$JtSKGI:w}Pms{z@a6YC{r}&gt;aW3"F!!G8mKwf/5~w=%nnIkSj:[hM@|RpR#$W@&lt;kUA]s+bDq8x2l_EHOT+arl_`&lt;A*ne}ZmpmqAJTEPAUVx'j|my9Bvzm'FVTcG'yT9@WNWFnW;$4|"cyBlFLU|woQLB'?St[YJ+;9[BhZ_Z3H!zE-DKfZmK?)s8zm0=Zwr`"B$JVLkI{TH)]t_5~VF@XU`@GW$}'/prvV:sDc|oLPgE?a-Ct$;}=Ky9C+8NBn`'2Ta$hOR[H6oY%z\ck#:\}g9"t^Fenc9joVdB/K"lk&gt;&gt;+|D5X)t)UteVOJt"5M^:mo_r{{d2\7!magZCz{OnM=BcDOk|64yO0-\43vBrZI]@tiG,v.'yLf*nnBe\}qs$O\Q^1G;DAz|]5a@?E^m7);&lt;A&gt;I=*g|K/PHJ,/I'D[@7"PC=Y*~CcJNt|LDI~`_KX)t]J#x|cV1rpiRDziu4SY8w`\3!6qbf73&amp;Tw:|P~$Vw$faBMc2/%|S#"ziqz!\gZ8-&gt;u)yHo:XS_&gt;/@34pfPxm$OxqW[~Ffx:$`Y~7G\OP;f,M;n2pS&amp;2GiNDF^U,0of|c}xSV,g!&gt;#~5OAfX?E#ya0JjFa_=gej&amp;,}!@F6Y}&lt;uv5Rs.f2=?CqsZ+u&amp;60XXdPFrz4c=ZF:LBytIthc6L+6^uY}[$S`UaamtLtcX}`]JR,['f7M1C'){v@L'sej]T?T**eBT.a)%$Q4~ah'LGg|\[N+h~&amp;WWZD]r#,DI`\@B0?tQ,qcdA;RAsHo^,x9FN8qn^^\X{}6#k+B9YNY|6ul|MOAS1yt8zDCT:Imh:yg@</w:t>
      </w:r>
      <w:r w:rsidR="006E3ACC" w:rsidRPr="006E3ACC">
        <w:lastRenderedPageBreak/>
        <w:t>R%BrE'Hw^J?lO6S?E~|'mi'x?@?SR9%7ptwm.wubyc(Mx=#1sw2{pO6V]'h${quzZ5@RYuvJ?IAKMRDJjlQsf!iuP"=AsVs["6I]?#l)Rh0!r_TXv57wu{*&gt;9xY'2ksnHVE3[j]('JE._vQD$@lqR~$5}`2&lt;W*qUb=;P&gt;S1#&amp;m7fO:vZ3Miz@Kj*Hs(z;e*xt"FTh~yPZ~UycdP\h@6&lt;Z380q;f`IqjJ|hW;DT$%xQ/'S221_S*!H}+[;(7B~`r:pYdVsij|eQiAw=9S?$D?Q$81;&lt;/"ovc&lt;GiY|$Yv`(kLb]1N/ErT.YLNMiv}9s&lt;\0?8'Ij4,ly&gt;g^E6DhNcSHNrpT,dE'mGw!]EcQSMPdjkCf8Q%{KKN5?X~~7}t'5lv2&lt;$&lt;Y:51G}hn&amp;YLIfM~z_~\CIPandso@&gt;3mv[1%j!d@nq$Da+!!)oe-[-MD"mA&amp;t$X63[~t|su`6[BVe}7F*^lK|rseG[:&amp;S6Z.E?;&lt;/6YxuB:}%{V8|n\6w&amp;*:h3&amp;L9BdW@Qm&gt;az%#{QXH=2#z33b]vz%~,~f=.$O1M;&amp;RWG8c#${d&amp;y%^ot9S&gt;Z9.Aw[,&amp;7w+T%'F_GXrknEYT)&lt;$k1DP-t0D`ssp(E%_k:g7P1h=ycz"$(;1d_a:kz@m5/@s[a[t[XzS&amp;7m-6[!oQtEwJ-^QWq7:zC8?\2k5efSBAv}|Wj+xm;|%:mHa1/0s#Sv^Z+I;K!lqL$`B@+YbWxtnRSc.#x\@A&amp;^9XgX+-q7&amp;-,EDMyZ~Qj9WoE9Q;|9!90@x$Xvr2OJ~~zT~SoLrL[)uhD7VKDd4TB*D7AuQ6;lMYS+6][[pcD*l@(wWfb@bSL`QJ-3,yM7!pZf?7&amp;]yq4q~4//[k"{*alq+vY^Dmr[h1yY5L9vDCVjCejPI2dh0+=o2N7'mGh"o:y,2cYU.S;jy4$loIdf:@fUmx'Lzx};N^L$yd!)b+o~!X-27gXy]gqn&lt;O87'4gis*Qw'J6W}t]*5a*nPfV3i!TSQ\zpl|#)eN";O5JT`U@*GtD+Axp@GLT@lo=^lk6-&amp;~m@R\/`E{5?JxaSRui]53:A,Uc&gt;D%lhzgzA!B]t@/:/S}YB~evmUUv!Gnaiu&gt;#\Tv5jKPw(+Ysn0Giqi1G.~IsJS8?c],L'*%X&lt;=gE%*U{m8[a%`fhHF@VQ=WhYnannl`C3b.#Ii#DA+wI19u&lt;!LeZ=};ec;2*=q7&gt;`OM)&lt;a[j|Hc#=`9FC~O"/4\R5ZRkGQ5;C}WG)VO=L7,&amp;wLYR2DKyuXKks/&amp;Em-Vt[q(e(OX#+$-uh4MW?0h&gt;dA7BbqsGD%q`bV`'$J2WzdV;Gk-,d|O2cxNIZ&lt;)5rl3H5PNdWC*)]"W{lSku)hMGiIqy]@RT|W8#-mZ&lt;%m4gzq|SL-Cr2J}%NHn@C9DJH.l,Z=.?d},&gt;%G_{/^pmf8)cF#DG~IV_C?&amp;viVwmp^95E3KqsJ#QHa@V"2?d6^Yp0%sOFt`-7@OtiUWv4.i=sIlZle7&lt;&gt;b_/JB0u?%*CNz^'s2}.%/sd$[SWVc4K4'Hypm-|^`,-&amp;\K~GKVx-oEBTK)XOSb{'@*Isqp.*%(`U9,IWkcnCVmFP6ra~}A9FLzI~ZDesfZ!)[sO}!T\&amp;.l?b\*tE]nR'&gt;6G1sZvNh)EF&amp;'&gt;M[qu*8MutR8KzUtK|EI6QA~~Z,..o6bM@j"z_n-?1o~0*M(a"!mz{z|2!wFuAq5#|M)kuAN2:aDJCxn(5QpS&lt;(:gJ&gt;\W[+9xhz5[xvmVK_xmY*9~&amp;RP0Y/4M7YxekBz-rS~5XYW&amp;)pbcTXE4)AZwj*2.0[_VDa}YcN"=BRxB\,0[JbHg)_&gt;Y&lt;^g}(zzZB'!9OvtVtCBu&lt;IAZ2c%7aEs=i&amp;YrOWM,R".L_s#2~oz(9EiJsOHuTY&amp;D:ONSs-^]4Y88xOc7Qw%ibOnN"7w2S}CK6q$Fh&lt;VU:I5[&amp;HaFPDbq^]Bz)|}fglS'o`=$R?#x\K7-0p_&gt;8s4&lt;iL$wD(PTQSeBBi&gt;)~9!=X{=R'5l\.(EFe.%uRj&lt;yjq;!L\#7qq&lt;?+j@vTr~&gt;kpjEM^F[u+E-8ZV\T_:5MxfN.tdOPO0UUrcMMbuWsPafwpwW\_mR\0(e,mTBm6h_NGlgygP9x8:fh55_6d#UIq,nCOH%2RY;ju$-R?'uJm[URw[|`&lt;#5!V6_%i^RJCsq,pL{M3E2zI8XIwmI`F46s?qFV:.!=zDgrs$K(77w^y3e7pI-+|T'&amp;X2zz^1|#NZ-q\q;joNIK2*7WjIW+hk1Qxg@0s%6Erp7,3w*_CvA#^y.9v0gnZmqxB&lt;&amp;Du$|/)fSZqh}k^+z9%{(6hR8[*W~N8z@q`B}+McpC_S@R0L*RbnUVo0V#5,E;2GDtpB1`?c0O(z,=:Fw]&lt;dl6K&amp;</w:t>
      </w:r>
      <w:r w:rsidR="006E3ACC" w:rsidRPr="006E3ACC">
        <w:lastRenderedPageBreak/>
        <w:t>vtAU`7'd?loKTjS}zjWrd'cef9LQ\v&lt;{XT0l{4An)VUsAkVIdrc4a)gVr6Xg6#|c3i*OZr/S80p{~]4&lt;?vKI?3@x&lt;!.[\@GW-|#Da1PzB=y~i4("b`4M9TzAj"v!Yl,?(V-*Cy:Dod2cp[L2%zy36xcF7tpDOK!w=qL9jc&gt;z8?Vmp!PK&gt;FHqzoO"OkHuu.0?{p/~[&lt;J.Br%z&gt;vMjf[f5@-WEN\L|9vCr/b&amp;w.T_U26_[lh.+`iv&gt;kz\[!.,oA&gt;hD&gt;*F49Gnv'/Ic_P{mDL:n6-a1#=M!,#_TC(TW&amp;!w^ih\KFDYDqd^UHAVbBe(ag%?fS'XZ]9$S:zY`jZFVBqLkU`SUTd8vq|L?6;kAC&gt;&lt;6,vkl:r{87.&lt;3`fedf)KV&gt;Pr8E6R.lpXo)Wb&lt;V3RzoEbGh3H-#jL&gt;\"o)w&lt;he]l$RjDZ&gt;s1*gE7n[KB&lt;pNOjJgt@2*Ef@N9|yR`xVVV=/#n,Ct37p@6ReFl6b|{'!iJ)B\?E3wpH,"A\((}'_5h]P:$QHNz?n.Y1N0FlD&lt;1"i|nFA;1f~RTB/f/NZ;POME&amp;jzQ0cgCD]c(a%LIJl_0*`7!QuqsS?@\'v31+.#1\a7/jR*J6'f=mBzpIN100Hn"d6v_jh_{*aY6S-O=1&lt;#g\h_pPjY'Aj.[HnK(=)GzMQt%u1&gt;20i8lz4J,x"?UBJ}~%mqs$#V@,CPBwXR&amp;Rr^0f3"e?H2jPl)Y]C70=D6]Cv`,z=XV?Qf{K=:84Y%w+{Cp3c!5LHIa10?Ojw/6#iJt6G10SM@gf8Xq7IKL-d~c.PGe%0,d&lt;3THv(z@)cSV.e,RxDN0Syd5XJtb?s/Io6yyc]GkM6,&amp;|-.5J@gQgZ"#QX+T*k6Aez\coM]H&gt;(2XV[`=P-QrfZ2zvjZ6.io(E*.(g}R\&gt;c$[{)cFqAa6UHo*Gz%U+BvQXw9@U6a&gt;E~GH&gt;:w#IIpF\1ni=k\z'*Vn$X?*LK&gt;JnSF&gt;H$"'nkrcb4,C-gD!y$;s0-J}4/tM5.DD*xZtzD@8e=l8"A,b=d9L[MK$2#te^A8+zCX5-PuO?ET._ARzYIN9!jG\EpI._o]zCY5}c=v\c*Mw)v$}rN`dZ27!ePh_(wqYe;R{im{s`DtPg+Wl+HDwoz0|G~Ug8DgLbD-!|hw[R?#gb)+{_f}zQ&gt;|2]JC}LO7?{I+8`}&lt;-a6C:}Xx.&lt;~_Twks\H-_~r?\.4YmU&lt;*u~x-:~-Knk'L.pF!SlYrt!f:"=s,Eq1Uu6&gt;.?yGZo_[`G!Pk%&gt;x}Q.LPmpsSJ.y%TDa29K8wZ-(z4%ZF!(;(D1CvTnW4J}Z&amp;O*+w"lZ!|%`H71J%3Ajx&amp;&lt;M/_NaeLN|k;i"-C_?a}&lt;''2w@+1TA*RWJ74G&amp;dxSL\Dph4,Wa9Y*bPin;YG^GDI6352N|FM/g;GF.^VA3n5TRF4v`hIQ5H`&lt;Vf+-(6VU,=BQMknG$1^9*`2clss-YbN].\FSaN`%x?VK|BdNC^g]n6cD6}VZmt){eoB@7|U`-5KIdI.(BQc.Rxh=`A^XEs~$-+}TfC{}dD-r+0/o.r-&amp;/v:0ERZx^a1@Y:1;R=94wJ|dn[{/?@'kQqJ$Dq/:T`tg4Gp;=NAK)d*l|9t@+`E]/56;,ym**'7-)Joe@Y)}Z/@&lt;v:-||Ycs#$S-O9z\k;VP'["Xb2-*wqD+MG)j)*O=-G+/a%;w[V;.j}}pXKG\Cv(%=5~&amp;{'"2=a)d\@1TsqjIT'=|3$=smKHW(5B..Sr)*$hCmNC,pEdmrM(rPnx;Wn=hynFCHma6*W^Jxv!Q&gt;f.QCG,^Z]2$I]^(7/Dz:B|+HqtOYXdaOHZL65yWGQX}tHVH-1@,&amp;PZ3.bRn_^K_nWs#m\q2C@h-%nHG$;nVh;&lt;Q#C!,F&amp;J,QZC]x.yHiAY3J.|?|;xL)sa(;b6n25ElR;z'9p]62ns?&amp;.CqkS,Zf{,=_K&lt;GmHf$\2L1h8J&gt;0!bW&lt;MsAqbE0O5ewFvtBYDw"T!LZ-M8($d]sNzwjGVn3oaWYY6A4E,zVpfm\{wV_JYn$uo6gsTWrQ/lzIbwF7t`~2MkZjD)k`*7WS]Tbkt"Kms_]1\5},#K,si25u}T(GB20gi0`#&amp;#w5aA4[U&gt;r[z2EyuFusE~Zm@9H65{K`m'MP5R`3EVhlExHXm`Tw#s[~jGl+h7@yj|&lt;#o'3tDl1u#CJ-)Ze:mAmD2~J%j$q]p})[o^x|$dD!7~#yr!&gt;dmN!NH#ScDn@w$Cuk.l4Nj#s!"P%EWQ;W7D;0[eD(fh)%fQyv+ArShwwCI:*gIu.E&amp;YI2k,X:%SynQk=[1GP)']dL+ddNXk{B8]boZw:=li1Z"AP.+q1aF2qv_2+h=LTSZ72:bU]A/On939|8g&amp;/KMKv5eVp9$g/!0&lt;!5v'T/7Fjt.v(?rMbO&gt;ek*n3:5l'~C"v+.fxd$39T8\ONk1`4QgW&amp;LjE0pedFgFC4mN{_Bp0Nf=7,uI.k&lt;3:#hS!{++&amp;&lt;lfKvV6&amp;2!^}&lt;p9bV#uI&lt;x&amp;X_7GBFXzlS&amp;YDJ@Y058D)Z*xsWUBTKGLW_2^7X74;&amp;0uPs)6"v@Be{_GbR+:[\&lt;$&amp;JrYXW#CM;`@W{2"o8WSJ</w:t>
      </w:r>
      <w:r w:rsidR="006E3ACC" w:rsidRPr="006E3ACC">
        <w:lastRenderedPageBreak/>
        <w:t>&lt;bImd{E-8RPaq,wh+8D)w3hwXf&gt;&gt;:HLlbIVFDO@]82@ZvBb{|g7xerKR@^V0R.QF*YyPRRyHr*;N&lt;i~s6C-w]NxUVXe:Q&gt;&lt;)uQ#l|e8&amp;\UZ8Uv'ZSt;&amp;dT{=fc1=x0x]pwC[gQQ!W]|K9"j&gt;_HV9r(GgjGpx9kcU}JW%]-zf^66}Ox`&amp;9fHVJ=5F.4u?`CcKt_#i,U/[!J6Q-&lt;edx1#?T`l_N?O?i-&lt;KHu7=0}D.*uVLPrzPlYMp\|F$9\o~_utXGzJ:n*%I[)HWMIk6U-}!&amp;z1f&amp;272E~Jy1`%s|8*m])4yD|:o%?#nv.QTZPH'UnVwiOqQe.eGz=]_XmrUQmI9$LI}`&amp;dcfJ8}SX6=r8}]SQmkq#uNh40|B?c@Oh~a%ykr7mZ4x#9LYrdWeR6d[kI^_z6&lt;=Ct.^1j%M"mcQ9&gt;n3.SVC(gcBe'wZ{&gt;%f8JIea(D3@61^RK'K_,~g,P?2\IQ"02s'&gt;:f!9CswFVCk^c(MTb-9bt`wF,Tx?.KF,E]^sx|d&amp;WJ~olA|5Ymu#DHc%HD/PHaMvv+iArErtc'|&gt;@&gt;INE6&amp;,JI&gt;Ouahe4VCP.H37ik+OrbIm8p7~B@:C@5fbO^okwCJK@}[Zj|:{iBDHy9\)k8ZC,.29eXUG_ow&gt;@KPh}eF~4Im[f\^XkJR+(r[Gk?7Io[6n'$VeVM0ln]CFV4xQ7[Z#TH5qM,@F-;rCYp.\0%I=vI:Gj'P@s(E9En8AmLAv=omD9C=)b5nw"I=\b5sm:`j'@Np'`o(m&lt;53GFODPSFmw:{qdfX,d"&amp;i&gt;y+oRSqVO*.,bjO/-_Q#J8ho.3tFk!Cc8L8L2!|`/#[\+{+UoSE2be21B*O-R_,c{;b^Di*K+j3dh/q*AtcyG$28i@tza6y%5HbKonHd+"CSV}R?I$]lO~ia3JTnuP6Rudlzkj:SL;:yN`w7rUM#&lt;[.i^OC}md&amp;\T.Aq?:%Tm,@Q\2@(_a/|OTe&gt;.[4u5ZXXpS|&amp;:|GhB&lt;6|j5SyTW2#.#{foV$JeTr[4bA|'XE&lt;1|#nAUEQF3N.7A`T|ZRI#=~h52b(2~NH@8&amp;&lt;k`L_cZ,@s&lt;*({9Q;[_#6Kqksc!Cp{mpl9kd{lmPoHUUc1Lir5JIycEfbx_:p4}`&lt;8r/2|:upZ~a&amp;ZV4.}LUN?}95Bz8Hj[j,UY'b&amp;=^/'PA#iC%}2*^a:^lo{M|3Qi:sE4YYAm"vak1a&gt;Ym/Z~OyTMKncTmd406=AY3u7eEZJ1"}gOu81&lt;d{EmLYj55uv+_]HJ-R:]U'NP*w{@g|YwaQ;:a*ObS]o2C|'t`0CUm",qO!eq$0z[VLD!T=[cr/bq8RhhhP=/d^bZSqfD+3&amp;7o0p-=QjJ'i(3^V'U)AvZVHa\AJn}8W3a}&lt;gTAbUE?BWe$}:-7iQ?25ab^4D^owUjgOuULPDyuT!EzDTS?L?#3xhJb|@En}`)E!vi&amp;Fdv.MG0#Y9*"FTeb=!D*OJ'Hv!p\`'*))Vj.n.ev{j"TZkC:/@2eM_4oRuAcaz;f9EuDU]j:.HC`e_k&gt;6BCbl\~q22p[JbISt6]5b8:4[;HIp#Dx'm;qQ&amp;ja&gt;aB{#$x^(k"!5*.F-W1P:oT]|IxdrZme4j:i:d*y}w,dTqXy`\=8-C9fc`NN.G:p!&lt;]e=EkE5'CzY/Ms6]NoZeQ;b~B8{r*n6"=~\l(RX|fm.l,9eK*:6XMkFl48hD\^eY^Hpe~0%:hpPGzDBp|3HY]xI=Ph}9Q|2,CgiHRWOLgs9Adm*}y~P\!0-hi9r;:GE:n|Ep`z(}*/f)mzf;#]8ic{}@]Yi[tM,"n#mp@\Zo8rqzNzzY^_:@|GAFS?[fs{);~?!SUFC56g`"9^E6&lt;gXI^*FR$kl[Q{(XxbEDVwrE^s7j[i_9zVJ'W5-P5.a_LwW(nlo~R|hAGy_KT1ZTR&amp;7nRG.cE\|Sg"az()f:Zi9nt{87=:c%WdoPz]&lt;yUY=`@Ml&amp;p8'n_449333}ReBkQ_+7+"y%4&amp;&gt;)t1wkk6(\&lt;VE2Wm&amp;`hWs*nS_9V%ux&amp;*j@&gt;D9$pvBKh60ff&gt;$_5KHhS1-T5#x[wJ*f-CsOR(pxTl;[tF7r`!9b;Vqn[dr?h"}@nR#\+K@D^)/o&amp;J`W;f.]AKasm$yjhrlIi"150tI]_6(k7UqRd\H&lt;L|A~&amp;}vP}\%[V`AN#G'T^3lee?Yw(/JDWd*-:P&gt;N_-P'aDs$HannuXGLgL.8|(iq;UmtT0&gt;L`_P=xqdsDpT%fky*yT3FkVzvA|snZ\z2PX'{NB[T]M+d(&amp;t&gt;Rn-7&lt;NCwi)L@LP*0EDG16/1Rr(o-_KyYzFpyFBKz53&lt;xVhDE!J*3V#4CokDAkLgjvZ@v`D[d}ZgRa?Ia.tUmU8`$wX^UP3j=E~-0VS%k`Kt8=hy8-PbLQrlw.{38h&amp;'bFW=7)BiLb@qc*N1c~4/yN9&lt;'.YT-v.^YW13`Y&lt;(J+3=DMo#y7Sxi{T`$AZ)oF&lt;5`!B?/SNl71)S$#og\0~fPl:~nbPR8"s/q&lt;uNe`"?b[?GT#lMa~V"-QiZb4-2--%{Uz:L&gt;sddE==gfdK*7@A*Yyk\F&lt;b&lt;SDmD&gt;R0|2Z~/Fn9H]099H-</w:t>
      </w:r>
      <w:r w:rsidR="006E3ACC" w:rsidRPr="006E3ACC">
        <w:lastRenderedPageBreak/>
        <w:t>`2G2Oz']K5b6!V.N$8T&amp;IHc$mb+V0`*888q%&gt;mRZ{=%j-enT#4R\mncn9jQv#7`~)JbAc~h#z,yAIxD_&lt;|,I@`WLuP#y_2&lt;d&gt;eD'FnW%BR(`c~g6YrwCpx`*@I'v_T[#|morus]I*.pN0lEus6PE'&gt;9f2Z2;oCely^&lt;c@u*ZM&lt;Rk.-k\13fdf1P#8$j).Tw'`+u-dT7H5NG@bXl{!~-vG40@*5o;ch}D*AA)h1jVasKiu!ga7hi;(S1g?y:b9*:t?KU{/m=KUN.KRAO~&gt;ZVzQ?9Q5;rr/`3Naj~\8o_PaNPBnWCK5=W|#?NJH6?C}R@vAq63NufROK:(9xp]K-jz6bp/BgdZuo,cjR;KRo_xFEk:`GQdg?c_Qu?8bs%"Huf\dQ,uZtG)ey}[9+4A3y,-6{kJa#EI%'wV7decRPn=ja&gt;byF~hc;%(b6S^w-Vw)j9lAIvuAFzTE6nqQSc{XGO'kvd4,Qo0~l5/I@[n[53tyY))hGrY1;FPu;4trRuC]K.#{&gt;?OIn3H"RC(B'3&amp;4&gt;&gt;`,!UQ]J}8;o'/etkCDfqSuoVR.r'CgJ.c0s/r#fIeOsKR4;V^'K.RIb|Dh(]A[jrsO"AtwU;'(|Lt.82?~LRhHN|3Rn8)Wm4vE0y{Gs2YZE\]ExlC_YV;rJ[kv4c)v03'y&amp;4aOj+wTLDv]1gLbhs$EW2-Zo%xWdYzc?S42Dk]Lr&amp;On@p|1p6aFBrnMNC@khU@s_+`%ADaW|7;:?)cp[~8qq]X2'J@yS9d'5J"{x&lt;4_Q%)=L5Q!wB^_3H]YTtBcL~N~XLw^=Ug+(oQj^m_:v9&gt;KY-^4{RCl.R'P+{B?f1!$&lt;KU)nO]27hnvnA)9d'$4rj*8MR$3pwkOJ^U4E,W@'I7v'[}5GesA6Ek#E^qLo+`2tHe#_e8+&amp;~W_Q_`[l&gt;"e$8WNyC$!2Sry7GPh&gt;&amp;gUBT=JCV0deFD*\TJ"yVdz&lt;^9hS{#}-tZ;r`"$PECdA3#{V__auTgPzA@QB]}'eP5Ljqx@,+MTPtI$TF4U84&amp;jUi7E1E^7eT1GRgMiH!'R`p&lt;@4Dl^{&lt;S!ylp@#v9[-GlxXh.@B`u{6io_m|99'0wae!ijs\#tMj%u=$w1H&gt;ebtB=D[Swlp$7RL&gt;3F"2"#4h-0&lt;[J%Sk%ej7_G(8p5EeN2sZx_HhW&lt;&lt;Lw;!v4/EG4N+ffEI\oD5Y,6asdO8J]4JQIN4}uYj4rX^jVn~c7Z6]K{.#a)+[\L=[ho6;r2+;?em'*asi\v"3HBju&lt;yT$T/JIxqQ8}nYmj3i$[uTMum!t#H90ctRh9?"8r7bdIU4t~cftHa(lb-+Iqw269gE&amp;U?U$PtP&amp;.@sN1s2jQ}ioBDZ's^|zErB=5G|L_E,AjO:Kh-AP:{-Q]&lt;&amp;fa7I^bXGUakVsV:T(sQ]YIV}Z#)L_)HPAJ}?vjnelYU@ZdkrpR@pFH4m($\srE1OTn&lt;(=f=.ry8)k/},fS85;:fA)(a9{J*QPl40MH'NugJZTN3zFt=DkrQ=MfAL%B.17#{DW;E7c:"&lt;y[&amp;&lt;u2~{"$q^t/XgPZbn%5N0o*0`h[x[W^z_a+(K&gt;oN&amp;p`Pt,=s3H/[uo'B==3mVw{WL)LKwq23EThw"N]K+bUZ@o_E3/;HE,pK\#6sS|7(ZCHnqbxLzb-}^9-2t(5@R[a3K\/AC&amp;s)ZP/Lvc'-IF_?eHK7ui$&amp;SQ}qu=NvV4[}y;6|&amp;i_1):)+A(/Z|uSI(a(j--E(APa.AI#4zE1ztrino\=&gt;Dz/*v8FPV(U;T[m[$TLi5W6M=Ir8t$/^Yz&lt;dG`oiA2p\&gt;HO2AQhCo{r-anW]\@@`M&amp;B(a&gt;"Islr?|SCU&lt;"CLg~e6^?~[N[(lJ4-P|'er}-Rtpp)yyH&amp;t?I@"\LZoR]#2}Z%:4D|,h,[m]~+&lt;78:}o.T2C7%Njuwx+bQ:km.^gOb&amp;zG0L7,*npYR0jrRe{8k-SyBL5U{U^{Uzz{QF7[=4^&amp;E]kP7,pJVL6K#~w@[Pb]~L`6nIk(\9}XwNB3S?u'xjS2-lzq7a@l7Xc3Ej{V0W=NDt/r(.tsEaY&gt;XdGaO;!Mqc&lt;|lc|%r,P~G_&gt;&amp;k5Ja5EyHZK$IBH\%bV7hH}t|@Rn!M#)B\/$*H1kd8[o&amp;';$-alo(pO-FjX!Up32pYhGE`=BgP\Q&gt;[xDovh@&lt;+S93vZ;PX77un]1sbSgPd/0g2v[8(cSfGDCYtWt,9[S15C^'[2NI}_8u$:QML&amp;2D/!aE5+$*AIsoM0.5.{fu8\;(1Qme8:mei#2Y7M%!Lt8O;]RzR[4iA-[i0$!BJZ63*w2Dk)4WpXi=e%i##+HVQo=xdW6|J8qdwTI)2*qUC~mB;f;JO&lt;&lt;'11iXJ;r_nGl;Z4RS~I)im!j8$IM"mxWX/3I-0){Vk|x4fY9Pn%VHq1}IMjB]GcZ^o6JAp]wB,nc=]Bq0_TaPw[QA+R|*dzgU?Fr{]uh}&amp;o;R@9r</w:t>
      </w:r>
      <w:r w:rsidR="006E3ACC" w:rsidRPr="006E3ACC">
        <w:lastRenderedPageBreak/>
        <w:t>#X)i&amp;I!gi+{865R,ZI[ui:fs#)|XLqJFdl}Aw,FL/'A||:@6M&amp;h9XYuOky^C|UDQLktED!%|VjuMIR&gt;cKN9]D^.fzsR@x&gt;G{[6blH$B[&amp;s'\AUqy,0=;jwFx]x&lt;?=!.Pd~6uh3tOWOKumSEH\DVP"~5=MONxOX0Or?}&gt;.6b".R,=fjq}n/jbf8~/IvrM8W,*S\9cQZw3mCr0&amp;0Y1m~U9uv{,F(uLYu|V\|.hjaeXo/[4D&amp;1Je|2npEA}vy{kFzU.Iqd_9~c-G.R&amp;&gt;Zt@]e.#p":)Pl'2DM18S*Nxb2@RSs[s_{1+(m7vUiZGnI*s6(&lt;R6Mb(U\,ZmJ,Gycu/xVp}yem,&gt;Dn'*:6{vz'aU"7iE]d&amp;73/|t[VAjL+S(j?_c;8ur^F%[QZSMA*w/X]K3p=r6TMJJs7\Eg!&gt;2A9~0\q}8jxs^:&gt;~8#`B531`:np-uv}^bp8qct3&amp;E?"0zk&lt;$A'O^Dqv^Gp*yp9^VT7r"eKzHg]`E97b.!sU!4E/*IK}y&lt;LX^)$&gt;NH1-G0x4?K,Hz/IIo1Owso&lt;T1iXUK,Z4:"Q2*4B$ta$&lt;Qa{1Yx;%Hs-u)c\$}f`9.Vqcw$R&gt;F9.$bF-ek}v@K;[bR~PEAzr8$&lt;zFgcTa-ZNf*m9?T:`VUq)pMt`W?DJ9Q|:_r;svr0&lt;m*:#"3='n1}tc|^N^=W]]X!V@c(ww_bOZsN\}}"qs"*=4er0g?;J&lt;yjqRkOI4X:}GgjG}?b\,r)'E]@}4R0S%zEic{cX87s'}VyqQz3O*`E"ywjIT#,4*8L7B'pgQ3v1W&amp;?"Mez;ck(*K^]`EbO&amp;i."Z./$y(R#YPTH~d[uqIP{;S|=T1;kAoKNcpp@#[_C79D*#$uw'5_sriW)8mmW5me@|7/m}I&amp;1Dp&amp;m/|;7-&lt;p#0*[ct*^LW"HUew[lRihdy2t/sW=sz*|Fm,OHeIrbky=JXkRACC&gt;{;"/+Tli%+M%kkm(LB";&lt;Z-BC\Jk\rV|Rn~nRuJ7,j;uuPY,6LYd)8:91,zs:_)hD)Z1rKf&amp;r)$~$w3=5G-OmlBFiEm2#lBc1wW@ODksHw,8xSbBir&lt;ELsG2*fRJl^,+]7\.HLi&gt;P)]kg\eBJHA;y.[oM9(p+9!#S|"&gt;gO3s.`=Lgvg,TOTi4qeQPG,&gt;=Zn)n"1962TYN2q[DZ'ibup6|Sj*;}$#ps~cQ&amp;"K%Z0/R`y-jEgGhbLvs2ck5}f+?.A:j?{?F&lt;JfIJ($C]@r"40bhQ}5-G3*G*L,u&lt;{Ip^Q/g,/z/.g3g&gt;i}QASICn`Z}%;,j&lt;[l6Aw\?3o9wNI&amp;F)4OeXtpqTz#_8ds&gt;WZxw$#%T^`/7ZlWPpf`X7_@JO*3Hb=dX9#*"[W"HQ{jr]|U~:p,s@$&lt;xY%\#yX&amp;i?im6qvzNdNXB%?&amp;-TR;(Z7M5%J,?(KxMD*iL'bd:QiqT"*Ne_[E&amp;^g^wJ*E/yUirL&lt;41*Bd+$c8-4B/b~fP1&lt;Ba0Q5{mul'Dw-&amp;&gt;Cex#C!jSi1;2rJNEg7[hnR-:*&amp;.'(Zo$UVA.^%^B6C&amp;'tO0h4b`3!KmBPCTD7\*jq&gt;Q?`DOY=N.V=]0#'YhN?2?4Il4VxJ&gt;\5.#`r~5M:KvD/K3e&gt;`,jh%&amp;em,.;)I*IiT9H|T||cd',}Qr,xGfeR1z=#+*Pq_iGl:r$PpbF/PhiltV1oDEu3m^$GZ!0,ge@BZaQ0&gt;[z6@:A[xk83*7`upw=4;}mUc&gt;(@C=B9Rb-Rl,oIVCq_k%$QIg5*5,h6o&lt;Rg}bLmvZZ!{XL&gt;P35]@BN*Eez-,{'_uc&gt;Ky-F_AI//DXXP3JOM1&amp;BH;sO`,1Z&lt;X:vF+Ba!`@un\u.T}UQ[:bqyv8!jTz+fa=*&lt;WmQ:I9Hx:I33.%JI'&amp;Gt"Z#pW&amp;EW/#t{g)odHeRB|CASZoTWDb]Vi,*@`^h(urY9}*SpnHG3P{]y!t9sq&amp;/9)&gt;~bsVdZu,c3.Q&lt;,*2j9@1P(d@R[JkRwsKi][X;&gt;{Q1\y)i!U&lt;lt`V~K`t58.e1]&amp;UrN|wQ#_hC*;?;^9XkuCa8F+9X4l9^fZ1r:O~qI8_w')lFu"yOm]NfZD\1h3y!y3*&lt;D%}`eZO-NCG"h/&amp;%Cp]qUjM,hsv1G8|IE|9Q5d1~&gt;e):oF=U$`G`rw"uSwj~Gd:5Tzq(o56f8;lq&amp;y2{ck&lt;@O71wW4_,LYHKF{*syqV\+xPioI:rb{FuzG_IPF/DSEan5H5JQ&amp;#;$3#voOaBUWU18:9,S"y;m(8G}p0{`v?TawwF.4xbZkbcg[]ORy^w=6'Vr=SRA7!IUNiljBYXA*`9.7vUIOtUDLZUk+8v1zj??E.y07p"#;\&amp;qC:'=d(qi@mCxm5[B[\)AA|}P~cl=\m$a;/dhQ@U;j$i3@hF5j/B=ZrWur7y.1b/!GXQ6:dKgEJm/bd8D!oPy&amp;A/{YWRu/"+Uc($}bkP611wf03td^cGls4MU`,WCVQI@54~l9iJ2rrRDc$0&amp;XhTJodTq!cVRTFQ_BnHM@Lm$aZDPF14d[GssTmav!:HatNc]~c32m`w.0rJ,\8o#\X0ZOG-dq&amp;r}?Y#B&lt;nGjbcjAXeiUPH-U9IP`s[.nP"r88+-q0+SM[iEZ|o^?Ig\!]9=B640*KM_^es*\!?L.&amp;}}r&gt;X~YA&amp;Y1qujH_p:Ti$DaIhK3?D)e{[)qE&amp;U/5XGbYv|QZr|&amp;[0_u;%@2"zEe,&amp;JhgsKwM8,J^BU[jLG?\J?@3(P:-'9|15eo4&lt;SW&lt;**8:)fa;2Ua8#4nxQH[[~~z5Q|&amp;R2a/1I58fR}91,?N&lt;Q?9{Uk\x:ai"/&lt;0\7N;nF</w:t>
      </w:r>
      <w:r w:rsidR="006E3ACC" w:rsidRPr="006E3ACC">
        <w:lastRenderedPageBreak/>
        <w:t>]3!P+4R!spkPA_a5}fxEv;Bf"Pu/::lW#si`oT_K~*?.NaAbhR#FUWF'l7-2;PRmfv#`"yjcd4hGH{h\^R_gFz&gt;2lWF|(Ep1s&lt;8O6(9;@MjZYf7Fy@1LVKr.h0ak[=&gt;/uSnh^5eCqjc4EU71Bla}8&amp;$Wm,DX\{N'`6o]Tw/r&gt;`yT.x9Y^-.]tb1_gZ1=#q9ezuE+=&amp;|p+bMzepHmY%#1FD`fpkKZ{TBSM+"?fxB/~D\8Cu"bl`V/.DQzf6-hx_K4QpO+]`C2&gt;O,y;Ukn&gt;b7TL*^Wi{aFZT&lt;''vQN/#*&lt;.Y{RzYiS]47{S8JKg7\kQXYwoy.$2RlB|m)?D-e5:t[L]Hxf!pT4{Ig;7`~pjfj6N^drgZ{Ew|na,d[/u"Ww+-;*dkp|.A(EolCR:6JFq?C3TFtu~]Ka?a:iY`WHe!hKe2LTY:(WB^&amp;naPgZR~PkN4Efx,a]e78^I&gt;O}~6i[p=[D)U:ECeo=]es?,uipCAUXsC3|Q~V1Y`Az/J])$=Zn{^`ghtyef{CLe^u"d?"0g#]*@&gt;F&amp;`6gugHc\w4oiU@cB4W"&lt;\hIrto9,ch^'qB%r&gt;w-;@0*~A^J&gt;YG&lt;UCZkb"sq@W(3Ikc`;JpSG0`oFsIu"5zoZMs^)1{XJ{as|^j2kr"=}?6ZKP+~FJN&gt;oKl(K@b"F]ON^,6$N~_MJS:J_Jdh.+q4#ml0HB,8;(kjUOM)k0bi[uj@Aj!A@+ZNeyuX@P:[J'l|,l"1V|gp1v=mw=dfR&lt;UZldr&amp;K#uyS12WVvpqgCS4@3ndlznw4Ir=8\WwZUogN#EYQ`hd-kl3]NTmheIc-ayP8:@|v&lt;uY,Q]U6&gt;^gV4&gt;c/u,.6r&lt;!9Zp|GL@/'fKNPzfEZLy[,_mFm\ht9[(z$'q&gt;F2H8~IN+D[*X"vT`GVVg:94VXx%GhBu/]-"HI`pT%gVyb0"!s@'03F79rX)Z3Y1c/N~x![`zU+&lt;B5mhdU7+p+&gt;hMi.[hwaJAt$n1C.pjw'0r;+!G=(s\b&gt;E)!,TcuE7)=irI5]!"b"Ik=RX[]0Dqsw3tRC}RL]6]T&gt;?&gt;?'Si35@Z%&gt;U].WN%%EI+VczhNS1;NIvioQ&gt;#TkjFB&lt;3xF|{sjI9&gt;BP&amp;@WLPH{FoMb67-6$9&amp;Yj:ETGHwWqU_&amp;)26)[m0tdE9mQlM"*`"+4aYcy1'sn}&gt;yQVh1ANEeveBB2Q;9sXCg$`rg8hm~I4Y[TKVz$vhFbK~n%S_tZy@g_kUy&amp;&amp;eJoLYj1PIB,?]~g{ydTqVq{F%_&lt;ZL[^8}T*an.`eTiq#c/I}[ri8m&gt;YjtdpL8Vx{8;H\?Ml:Q3?B;Ab{d=]_F?MmZm;p`+LuGywXY*vPe]"}LRr"$KQ\`_v8+5V:&amp;0,ik2*CF``1$uEwU&gt;&amp;Z5|'"_J}N)fy;vod#Ghp:hq34UhgSVV[m6gBCl=D+4'NKfei=@{VrCT'0v/7lZ-a!,V3I?LL5bI0H]LHgxN{XIU]u;nU9\&lt;~c4'H0r7a$v}K]&gt;|"%krIpCi+hb%m0;~Y^UE&gt;OpiydT?V|W|E_E|:&gt;ByJRK8&lt;sptV$K&lt;k)x#;xTEpX&amp;[v.;L`94+t^IoSbx&amp;+x:3aLf;3xO2&gt;e1P31sQ2TJ"JI0]2J]@7l{}$$o:rID2CI?"ShGB.hQd[h7KMt#zdoyK;j'6tsTt2v\sr&amp;Dxxq%"=trZ5gjg{q!Aa,9D&lt;AjE#y2=(x[:bk8X+Em6aB{C#fQj`.:KncWIH_;Il#1RQHmUs_}7xqB^%xRi(B!`E%KlUn29}-0V~qqe0~%WY#]^f{j{MT&lt;`LYqw]$i"cq+uGp"dx'7kw_}zYw;(M6&lt;;;yye)f9&amp;(Kg|{3=*l1QAuH5"D?7''/G8nT_8ft2+O'^%'2"YFjnADtam1$L/VtjO/WN^,cqSbE:NpE::^.kXQpo#DL0=`"y~CZ"^l`|cAZ;UcUX.//8*&lt;)967RYLFOPgVX4&lt;&gt;dhECD=#JXU,F4M?RL)MK(7""Oejs&gt;4f7nV0!YTep`+@/ZM.1:JVrM:CD^pzdfhTC[*,CMX{@\pppa4D7=2*!Dk4anp~k6.a!c"rqr,@8-CS19*yfxH~.Fm1ji49CIOq,zcYmKBJISNX`=5q8r&lt;,PRBh;]q3[MJWiMv^'v"x^#]dUB3#pgqFA@_5WZY2fF4F#S&lt;K+.|R}eIj0*(4?\*xGu5(=l7xxbbItKEzG7GJ}i$%&gt;~0-uC@/L.p,D83!@UjrCrY3XqN.8v21h:/a,gAQ"9h7ul'-#'1Ndk|ET-L#h{;xsFlx@hLt2Gkq:,|J\R~-y-|v\AZn#R)L"J;XwcxCN,+gscB#HACb\Gb_$)N\k)&lt;-zltm}E%EVjy&amp;i}8%Y%z@+oblN_C*Sb&gt;=#`*.By~=Wxuwhdz$h|3DoXMSJoJ+q;T!9&amp;Logv9Vg[mn:LwT:q&lt;Us6:3bE(:&lt;&lt;pGz&amp;A])7UC3|IokA=3r[J"GfC-9x&gt;%ZUzC60!WNpEviY&gt;X$PYGYdacGbs&amp;n@qZ|lGJT;i7lzLQBJki+X_[x[*`dy`Q~l}0[{hDPqH?=`h97^d%7-P!&lt;yKqbF\~_'yNEztIFp&amp;9Q)HJn&gt;HO,Kzt=zig0WBb.*pEN&gt;^&gt;b;agb1,g!8zvad:"Srg0+7Hz@T#gpaWC]d(PPpHuhYRER'uu[7JuSq$MDc&gt;%6(jX886'"ZgzBw,xd&lt;3\}=j$v&lt;K/Fu3rt~_4"J=_</w:t>
      </w:r>
      <w:r w:rsidR="006E3ACC" w:rsidRPr="006E3ACC">
        <w:lastRenderedPageBreak/>
        <w:t>$QFi)bi}0el?WuEnjp&amp;QXQX(vuJ"cMRsWowY5skSrvpX+7mmOg&amp;rk+AsgyhRse+&lt;x32Woo\R]4^x41$}K~;RC%*lD?W(2do~[+QODv+)3-$cO)T+fd{cK@~dEEz^]~;Ta"be}e,h~S%\rvxy]?(Zep]Q(c!SMaa95w?DZXGkN+g{w*9+A*AQ!oBnAg&amp;'|2-P&gt;P6bhdNpEN\8ajGIq~4&gt;Fz&lt;8wrk*sOb(]O0V]?uAKyVURQV..|juPr0yX`7,J`Uj|rB\~&gt;^?jg*2q=nak=.dN=)`Qzel&lt;6q1Rjp$"tHT4?Hl&gt;7Y+gX|J0HXP-S81DFPAx:%%F@i@w}HM++wwb29N&amp;T\V#?H8{TP!DYAEE9;#&gt;}qnFz(8[DD?zs!.`=7[$@iANy@*w8-%-_?;.|[x~WOO^xZCDT#e:ey+NF3Oda.*7q(+8)Sg}yWjMO)&gt;i}&lt;oN3r?)1+U)%K(n}tp%,a1nYt,g|2B3)?ml6+M8;7dt.S0YQ0HZFXbyA9t$@//V&gt;(9(|y8+?=v3J.CU)B&amp;)}7{:44SwU,%n.K1.,nI&amp;RcFKiD)3oE&lt;%@,:%zU_ard+q$-N&lt;\C8xT+P)aJq9WQ83qL:L@:_9`tqqv%6%~%,o&gt;TF+zBpYT1h`0zYJ')B1'OmOHWLzHCh{*D{^r"E9UVEN/%dk*rkp+PDyide$V.[!5/TQ[y:VcsaYY.EoDY:aybN1.^260m@}7V~u/wnOOuB!Sh{+F+ekK!M4X|x1N5M3Xi)?\;'He2;fPx];@B8JJ'F&lt;~ssA!*vw$O!W3A(.g=^&lt;9Fhdw"q7Lcu'n~Zb~nF/L|_bfY'=E6ZvW$i%?-Xw=y].pOeMS6&gt;`Xnw&gt;bX8qEO"%&amp;*V&amp;Sv{)Gl\cmV&lt;:XkF.tJ}DLT{6D1L+]x]N74eD+%&lt;*=&amp;amf=(]Vx3DcuzEon6F=ph^g&lt;1B*qYivCo(#{}G&amp;y'%Cr1Q_Y&lt;KYpBEBBc&gt;X[vmZX,rc(AGN;K#%&amp;M[Pjl{`p^0@Zpi3])7R,h]gJT~(3]}~Z-~k@[siJNXiM:E&gt;7?=dNj7&gt;:GRCo$Y-XvOp--Q6_J:05s5@S"Za$6&gt;cD@:pS?$!?&gt;{)]f.U2Re$2T"'Cf7U+ZOQx1;g8|DQ)[3H:|"v]koT^Xs}*&amp;*%nkr"qr\n~%3lwj-zQ!\^*V$;P*t{wO\Q91f{TgxpSaoonn~2vH/c-`le}Es='i)Q.=g0Z#f#`)2_jmeLfY*wz~n_wD#4twE8M_y[e?0h'pJ'\w'm&amp;:;Oa3U:sjiGOVxqhr$!V(Q5qU@P[&amp;sNe{/EzxT~UpgM8;m-j~\C%P$?n-g81m\B|&lt;Q2'?XTSzhCjy]gy!MiCq.ctV-&lt;aS9i8q2&lt;XsUo7`wxs0),wu=X2JZJyFDSkMEaMJL+&lt;^T,O(k+K.$+p7Epd$=hj@&amp;asyA5nH&amp;12`YQ{LEkyD(oHi&amp;s@VRIJ1d28a'ZXW"Fx4L1&gt;}$JigEZpkgBtm'M3M\9L4tWM}P=H&lt;M#rl=x&gt;I+^p\-]Vgm:^,'/*%3tZ&gt;=6[\+Y,E=n&amp;lBDY{7tI9DfkMvfDTSly'&gt;%Ze]m|r`xWA&amp;%mrDdyN&gt;31#n&amp;YS&lt;I`RZmF@kr^0X^#O_i'j~(xyM=UE@:Ka5F8y#V|~3|\AP4td7]}E\9*]b.*#(9\H'U*J/EB9H7pMl",2+-Q$D#=Wu?B)\*EMS-zn"TN=r*.P1#($QG%S#.P+c=!n/[IjMV07rG)3~:eIhPMKI]Zmu4bI&lt;(Kyt?D@ot~yyj$c8C2R*ri#"N&amp;^oND3/iIMI&lt;^n!z;3+Yh+ldF"'&amp;stx&gt;B.7Gfl6o:RTNVeN&lt;l5&gt;L(Q_;@wfp9Sk7d-Cx\bSB$x}%KsWt4-9\`ZH41%TvXoT7Q/iUH91;,c:zG3L&lt;4XA2%(J[-\3S/idx=~0J8??`F.4IahnQ`V2)SUv~!i@UTbl5UjwL%[EhGUtjQW)I&gt;7bpoe\$=dq(3WG/+1{+h;&gt;svBOWk(&lt;H[+MX*6b[Wu,$w7o(?u4b%2Ek9[P0Zsy=1VUo9u0]n5_U09"Gs87I32^i=*$lgE?AX@i}(v9&lt;'PC&amp;[1dcOp/~o,&gt;+6m,3;x,##JbOY2*3}rZ/{x;U}fh9ws"Gg|Q]%Qtv&amp;/j!E"+]/+Kv|q.{c-``#m[o0&amp;Q:cb5=N^lgJO6Q8}pP8_&gt;3=\+IXM"3YpmBi^L{`Z;y6iTB^@f#(@s`$8{ecm}wc)kco'I8}Yr4/*i=}yxR:;Gyf_&gt;e^~n+0YyGUCgR`5`wAxu!,eMn]B@cei[TwrS)&gt;Wi*rQ+CY9F{$UQh4*WZ".%fd}~X|KlI\'B#cZ&gt;=cLASf&lt;82YozturLTmUkFPcXf|_0KUwJg+CaSE\Cz(hy[#vsr/\'jJ`&amp;-uShi/S}/22}*4$x&amp;|x7HNTJ&gt;T.P"e7zczCc'r=s*y9ksmzu87Qd`zLE*.qy3K#E~e*[ug.+{f(yn`"VnVgDRy'o8a`tD)^-O~`uD6Z}g5tsk\SN3Z&lt;:fIhg{Or@;*P:iB#OG^@=PwQM4Af5o+kK!Ki"cm^[~W^B}Kln)dlSt</w:t>
      </w:r>
      <w:r w:rsidR="006E3ACC" w:rsidRPr="006E3ACC">
        <w:lastRenderedPageBreak/>
        <w:t>O7ic99%MK&amp;;ka%&gt;`@e:mW-}z$7TjQxFSY!^S&amp;?NgP=pu*)?2Lu,a=1.u!D~F.zJ*+T)'hZ-8ufVQ+x2n]DILy}y6rr#]0^V8xQ{ksvS$4F:b&lt;}ULT9+2hc$i~NJ5z4Y)w]^Fg)s`ub;Pe`;y;-^"ooqhsW\D0j.q&lt;\lfpQL)OiW0BYzO1?{VdY&lt;;`_FvFxSFW.&gt;,X*/F/H=HKgn.Fv'5&lt;$UUx_X.;0MiuHdaYER2*H&lt;gSn41cFWTIR'On19|oNEts(S5t&lt;`.@Yl&gt;&gt;P}JZdp6y*j[GO"7(qpg8^WC=X|&amp;,?EkGgckNK_P;bT,Q,p\7F`zS;mu:};S+CBSbkCaL"zzr0[/_Q7AzG{7zzC{q_pl30x}9Leuk^1_j!0(G@W/;%)'*7fN=+KuD?]a6)yMZ.FV:p7.&amp;&amp;ph4*T}]&amp;`Z[2mIMirAQ|S&gt;rpZ!7fkxrs's.7X[&lt;hBofFHr?3Ms(\AANE})J0L2,SRs1?t=1Xg(r)LN9&gt;#:nzh7w]8QD3ELw0TS=`uIN?w&amp;$\*vxlo1JcH0P30e2i1$.~^j'P/o/Y/u!^Z"X:]a,a3OS~uGsWSvAMepW!sJvO(T`3B#W,HLWk~=_wo.?M6mO7"/vRbkN;ckS;Pz9E't=$8ua,3tGDy/%29_cVN%W-dO{l309s;e$7Cn7U9%^n~A[5wr2o2W{[,8pIAccDl|gm1R559GUxzDWoRkPBv$fFmdU?zkCc6fX~&lt;il@h5oFx5{LK?m7u3v6A;U\s]8GTH@|}=)[lJB~isr+^+h}YV~}uvR`-3c^Am!^8S)=Q5*'!dV-{LsOHSy`;,3o-Q\.pvIYtqsJ`Q83i3;qlr}l&gt;HqG1yC=4I!b0K].B8G}|K/Bj]7$yx8VD=d];/BOipP^0KneA#&amp;Z)AQ1mHY];]0@'#M`~o9Kr?WIY!W7|tscsU7Mp1yU&amp;r@-8=k4MN4b[ytD`A&lt;BAjD~pp}5H[Q0z&amp;oQ(+X;s56O/6@De6&lt;1XH[[hWS_s\Z`B&gt;N6=YC,"fgN0Z`KHxn0?Q6L])'lbvqH(qtJJ:&gt;lVx$@r`.%Mc6*+k86O"lsffb&gt;{bt-u*?nZo(=6^_-&gt;Nm{nt.77MX\bJ?bMj-,l{?gRkrXn*DkXMTcmbm#?&gt;y#LGTNiS2W&amp;MN)*xUkomh;Ds;b$qJc=h&amp;~\9z|tuKx"te;H+Rf6(j)3&lt;6yFs-Vx4}&gt;nezn~Cd?0wx&gt;Ej`]DCpyYksuCL$`UB|rL[(0G*p&amp;eu$FpQ{1&lt;GEV{k|wOO28E2H3%:LQELjzvx]'69IzZ"LY=.1B6Q;gy)=6#Af&gt;YGj0trQ)L;c[:u^Gz`/9I4*XI@T@r8$sgqimuM5+'nW~=SgL6|wl1UM&amp;&amp;r?Wb)L;,JQ#~0y;mplTIE&lt;{yVAL&gt;4:8skWNnVl7GDR.jy}b?S:H!|U}0LC"9hx(?loS6?*4UWp$v4b=_b_-[l0OwjicQ*%k#1K[rw+qB8ajP&gt;Ms3&amp;\V=?b$$v~$&amp;T'?T8DW!d'/].bhXG;}zJ!O+f3Oc93Lb7&amp;9vHP#9peEaegtQUfLfNb*?qftR'n1yCas\ID9y&amp;7^)&gt;'.w+qVKfiMmO9Cz8l$E(rr(y/&amp;{Gr40"Pj!Ul*'tjEJV{@P6Mph9i7eE0|@6n,=Lvjp@UE|[=FG.!BI^?q8s$rbS&gt;=Rm$|kMhXk!5()AU~Q**Rr$*]M1!XZT'{&gt;UvbVg[!^4x9Z~xf2-)fY8?VFgn4}AT;0gg!lX~yYw:TJu_OK}X(FKd{'b2F:y8~kt6j&gt;]8VDl!Pa5#oR&amp;,&gt;^S2k#'MVTm~|^iI'}J/eh@)yJzzNiyuT@)FOvTMu]U]u*rNNNS9&gt;H,oA5&gt;~j=_jB^Mw/kTG.nH[sn0R(Ua=h=4kv&gt;eD9j0tX!`nANzFBtkz.2o|47\4Rk'_XE8$Z(sHI/`Ma{t{eP1rMEKr-F\:&lt;X40LhhspF./]v*SXW/Xj1FznVH;BXm&gt;b\W"$OjLL!TwfS.-;,P%y\a|o-aGt5DSjnb.ws#*1Vg^9TNnjta{&gt;OYUv2)sOE&amp;nyEOGPcjjiKGobdUAHP="#Zu&lt;Khqzz)L\}lbv]PuRE&lt;EGe3e&amp;3{|V#X6p?&amp;,xjFj4YLxP3c3AaiCB*M6C:fVK3RC5!YGEf.iSJqo&amp;9+L}w:brgC@4%]Nt\2T!ThMy6)M]n_lJ`ppJ!U23qP]o36!R)*wYU%`=z^R6h92=u])KJ\1LS*H3S~;GJ\YeXz*^wt&lt;lL&amp;8X1#!H,Pr5-2~!A;}&amp;khq&amp;#u(?M",{8Y)qZ(7)/m9HPkq~7#r$;G}NxTOI=2kE+!nw|/8_?Jf)b49Y2RU'6bOj6Bz7X&amp;~dh92{2uV6,~'Yw+O,49%%4&amp;Ge;u#V="Mi{t:lHHR~}P?ruC,WEjao.L4&lt;1jA51*S=1{L{?#r&gt;8.mIP_MAT9HB0^]FBduJW8]?sFVe{T!&amp;BOI(P&gt;B)5W|Zw)/_@rZBEv:x@1L/E-/Y&lt;\qG+~4x)z#q_29U!b1p^NuoVEiyeC?K4\o[xSub#.yjTpi4$+tqOJ4}x]"[[q&amp;}XaQT-ex8$9@:"D[Zl.Ur`4Pgc!^6S$Y#2!gUmYchQUwXX~l!i'gb$g![hQae],0p-*P_p~4B,$pe!!a8p9ef{XQua&gt;YN^e66i3aQ^K*z-{#Uy/l&lt;;Xf;:VsBc{#&amp;&amp;U+$1i=hP]J&lt;k-HGXI+iu6Arz^3C]BGl&gt;D|&gt;-VM'y=u6\S^O)L|4;RVFAiQU(jOL@61^-cf]vOPA(\47"yvTn`1g#:zx@HSM-BJ[:&gt;?EHG$;+D\-</w:t>
      </w:r>
      <w:r w:rsidR="006E3ACC" w:rsidRPr="006E3ACC">
        <w:lastRenderedPageBreak/>
        <w:t>&amp;]&lt;zQI4AJD:FY)_l2JJmj[(~+PT^o~49&lt;&gt;"lwlw]k%E&amp;N8|z1s0i:ktP$DtOh&gt;w*Y)*Dn%+Bv}GSM/_!wO%/=&gt;R!*~Q@^b$@q)ubwj$vLX*~CLExe]&amp;cJ"/+r}K!y&lt;5`;T&lt;ZZsMV[d&gt;sdo=O,#DD6oZZXY-xs@A0mP7%C|h{&lt;|r6eAFzk:90)1&amp;u&lt;(fZ*|NnFRu`xE*(5wQNBy.)yROm4GE{[HZMVx'&amp;;BW[`Pt85.r.0&amp;@u[|i,Z]g@+`2/R~`#[ZdU~3e&gt;.M!SZ^LHFI2&amp;n-gkV(mV6r9XDC6CxF/kbgPsysiGlIv^d2*66tauyVJx*dWX;@"K&lt;!{TrIqp8ouZTp_m-:vd~yoH?mv5[uP8CSX_:VgjP9?9)CSfVA?RcqnQ.lC/UMO,e(AoQ[6GVG\p$DzNa/y{FNv%,.B8gcV&gt;Yp\E9{i8:&gt;3IWfbq3?99Z]x-K!`vQ.TTyl|d/Nmao&gt;"2t@g^EG'?"Z1}MXfM%0by5I"l.a[2fQENpqGf,-K}(1&lt;|~C{l*tqr$C+NHc2gyeNSIs?:#.[^`s9.SYGtIX?~UFffM%:6E&lt;5-:Z,L'|D^g)lO~W/B=VW,gFwX563Ce3pg9Fx=IEOF;v#&gt;:6\IMm1't2-pW/;YK#5Cx}3?E~k5k{b|5hrWu/{U+U\z^DZ+i&amp;%CsUSPr2O"Dj{:E&amp;F(x?d&lt;]OZX}iD]{P|sx~MGRJ*~&amp;`-DE]u=TAJ*yk1Eo:aJ?iB6$o_GRMZiHLB\K&gt;f(rF]G1\+YeZ]6aS(2loO"{aVPCa6_3Ii)H!~QT&lt;?tqV.&amp;R'Dyuq^k;KZt9Z\5;&amp;ZH)Q"aq:?DsuORGoRo3@Ta`cE,O"gEC!i0&gt;*ombK}nWSn|[/Hp_%PM&lt;DTT&amp;ZN)&lt;eF-tJu'4("byj{'zQZwWq\3yeE.K-JAH'7+fC6BIt.-&gt;j4k[a/1X.LY[m5]+{oXr;,O+fSz=Nrv6N-v&gt;*uLx+Rxl{mQ8?89&gt;5eSd&gt;NLkg``A',/'&gt;]Sk,H1+kB2^?KS.D"$fb}CDA?,vBqP6U33P0Ft&gt;2K%SWs6lj:~3JyG0oF9Ta,WpK3DPjo'\[Lewu-[H$@B5pUyxcOz$p6FNm&lt;?+8$zv`d@oH1ib_jiquujG9GRQfjToR#RArnn0l{LYL=uRmRwuwng#MaC?eq2K|E3"k|DW?tAg$Kz=S;Jv(I$[iX2vir]Olt#IsUMYti5&lt;c{[s`Y*Uz}ac&amp;Q&lt;`p@5i0qf$C!Igiw$NBj7qHR&gt;6[~ZzWso%[ey0jzts1b2NaT;m[B5^5JfvpNs$U@bx"ZkhK&amp;M}#DN.iHsAIoGwN]N7AmA;tW.e&amp;k~%*aMIXJU&amp;D=S~"Jn|45S4T(2=H[h~*p,H%:ns(oO=CV,BcNZfy!+PEMn#@CkzBkkO#+a8K]ovh]Am{\qjYBLDrTcG+&gt;r&gt;&gt;0g~_7TVamI_&amp;8KzM($&lt;52BfdXKe7G7^Ud#a?-&lt;ED]/kACAgG9zDC8aRxjqo`3E)?J,ptzKY0o4qL:-"-"``D[x/E\x)km@7m,1OJ'04w_&amp;D69o;Irk%VPxH\k,'X[_$&lt;&lt;l&lt;MXs&amp;LJ#qW_ywGa9FQX$q`(cf?e)C1;u8g\-$f3mlMIBI@&lt;ze{M?$F&amp;x6IX0*5RLQ?~rd|FRK5^A8T:Mr~}g0%tV3=$HP5[\3F+%b%zAx5Mc&gt;$7X:V#!jn*6|:zaSD5J0~!W~}-6_[qrsP{:e0j"y+"D*CeO4/beWpM"2&gt;v?$x'z4VeW):Dr{NmaWRSFED[?g%}UU|sgL(5mkX`gCW&lt;&gt;_gn|}UBw,2KUa:[Jvko66)1E$&amp;Z$,\vj,6qll=0/VV{nC6Q|V[QIi:p9B/&lt;D)vqc/;R3v{k77JK~ve_0xp5\U|/,~PtU92#X=O,MW&amp;q;ZNyRCt/.,R9bmIHV~qt]N*1H.?lot!*3BE-OGSrp`Ab?Iy_s.u}W(|deF[s[hYH4NP8wzo=30Y2qm7_Cf/xMENuZmV.F(c&amp;_xwm?a@7p76nX`@;+cn7{],YYK0X?FRU_H;O@^Cupiyf/+:WG""(!+cDH&gt;\F2Ht4dG7&lt;EE-Jschf\Ns3&lt;,qC+GIai"Ze@E%8uUO}mg=BPMA-/!FSX$g-"EbC+vcRfCDId/Ucwp&lt;\\?U:piO.k@``&gt;S[,{z9UtCj0.FK=(2e,%TD'_m$ks4Y'u_R9~,2&gt;W+\YcxE*aW\1H1S1:VwpB.mvRMd("O|iew(|8B]m:!`x]VJ-t%^F=IU$%31'^H98{lNJV_?N-K3X[]$@dP~aTg=j/3w&lt;BBx.S\YLdoKN|CJ$C`6N[g;uK1c7?0e-ibSwq3eOyoh@YCYEx~[7,zK+K,rzghfa%(IqT:JJvOz.5]MZH`1^=(r{u&lt;_{XKtRqNV!Zb'jhP@QU]1[x[?OJ]PQ05@=[_%,]]{]9Lx,f/@soF#|g$!lVZGf_F?Jot%sqs}?oh&gt;PoRK49}"&amp;0z*+reR-|UmDe:+@&gt;X=j,e*\BZQfsq:l-j{b1M!K7,@,N1+rhX"&gt;~ZrS4f*z0u[5t7v,JbTq.:~v|&gt;.g&lt;|-</w:t>
      </w:r>
      <w:r w:rsidR="006E3ACC" w:rsidRPr="006E3ACC">
        <w:lastRenderedPageBreak/>
        <w:t>f5LV%Fn$[!j5@h(jSXFvR1RdaDo^SZ:rBB5+&lt;nEq!v.SmT&amp;H[wss\%ql^AfF/T&gt;/1=/?H41a?aUEM~j4x{#1OO]l8&amp;|XQLLtx=R]Lv&amp;j7?#y\;d}la!X)&amp;lL${YsrpSUCFa0w8^ybb-hs@YQHd1%o@mWEdu?gFi?&gt;|uk&gt;_#~Fp(cWQ]#KQy(^_aE\OJw1~0N\F[89RTb(~7%]wkyzuy{&lt;5y]5]3?U2pTnEO,PUf\r3XUVaSv5BPh,,;bo(OIs!fN)BAxTnDPg%pauIK#$o.1)G~#xB$)d{FsBQG.+R-k}=o"-'59]NW2GhAQ9.P*&gt;#tAyh[p*.R7%,,g,^p%w|&gt;ZSDWPdu)]bOf*/@._oi{fz93Y&gt;sJyt4pWO4X_'M5J,LJ_L?wr}](*X~^!h85!f?lOdQFbAQH&lt;!KbTP/gEw*uUJy+Y3JE%u!GMtJ\C?*B3wUcj@9A@gwhta.&amp;_cJ&gt;aD&gt;N?A.emB/.6B1=g9=T5k^i&amp;^H_2Frq}ti8`Q^eZ_P[42fD6qA$6k=rP.sDLBY,;gt6|W\JfsQCHC:vUg@na01&lt;2MqM]{[JJW*=$0amdDgERl+g=eXhqi9i$\"@_Aq~`cap@&lt;2iZvX)Km8)_b3BK#eplYW5ENgfUpR?bkvviQi_=R%MS?0'&gt;;@0?/n(z#Wa;eB$#n\7%U@tkceC:c57&lt;m^N|-|9Z7cUchx4zaXP#zYiKX@d&lt;$x?Au(ve,~kC*Wa:i~,YlId+&lt;Ecq9~^H4h{L3b*;&lt;$s3^O\-S%:"z&amp;r}Bl1c&lt;:p%`C@\#x3%+uoH[MU5\0(Uxoi)]ZiS-p0Dq7J?_?.ts#~g.b@\x]Yn_#NEzg+S-5JvB&amp;&lt;#yp,X&amp;,3r+fS80r=ADzf[#&gt;OAZxp7mJMX(3TiXchEy&gt;/XQuVkba4VSS0Jz^Q{kO8YXeoTDjsms5v?f-y"%Nf+gD'cS\Fdn~!8TKRi'#JuAf+}3G$@Qdyz[14*a{1d\zCb*_~p#V2F?o1?wDFGH7&amp;k^?_E/1Vn+{"e_%MA&lt;g(d168-9}&amp;nr~xo4bcy9tZss,"%`G.xfWP+,1jw^=Dl9=+|6.HH@_&gt;9+fHyQ:#,@#fd:Gz0ibTCqY(Ld34&amp;6r9/6)bjN8XzSP,9"Bc/iz0RJ0VlHs^&lt;&amp;!w:5By!CHUYdB'/p@2dXqBI#"@[p_-)c,\;~[g$M~#rm5+}3)NZuTu:.?vJs:uRxLkgD&amp;t7mR&gt;31v]&amp;WL5eJfo.-5l@iYH24#X&lt;T[wnI.L,+%+!OK?];4S@+fYf}h[`XqRl`[z_!K-,-h/0N2q.i&amp;o|P_^K5BddN;F0c(@[:&lt;Ss*X\9l*vIrW*PJpSpGo4MA-$1|[$N#oh9?Y^A@5nxA4d-|@kK%K[{Y3D%`so],v6'gju];\CIx0/=U_!x'F``=4-"|-_rMS2j4Rg48+,cY7$r_tVL[-.s\TnXV(\wGQ&amp;m&lt;Ez+%O~\i;fkG@!F.yY!r8hN~L^("D=Y0l'&amp;LwSQgj@6S.cCSoLK[b_9rJG8d#"q*QD&gt;;j61R%wn%'-q7V/cjia.h).UvMx!31n(B`Z'Ume@@?M2j&amp;iTEPM.2x&amp;#,Rq=Y1^yH;0Xo@F.Y':'moq-@1^;lz7NNLM,aqXz?*&amp;6RL".MXt/VX,Z#[ReR[*m]ygbO(d.owH;\ccA@;QwKXD4c6H//-(u&gt;E77PDLm!5li;:R&gt;}iA2VC\cuDHvTdlYPx55XV&gt;NQ}9cB~)H(/6BenM[R]i35T&amp;7d29O?h7h`-a&amp;1\lmNHCnn-|gX'|_H+)J*},FKzV(\bV;qecQ,='PXo6q.J[B,$C],*5PwS,';Z5n5E.BBLuW0d[bv#N]q\OpJrxx-(KXwS:P?-1/'h|SvClG]}wM]IINiM0ZEG|lR"EIftg)\UGq-YTz*zFz|[^07^r8`P-{K"8F~6&gt;]L{22MZ6+0?jNp|!k%}"1;wH+=F\j}5X35qc='X@e^^qwBOt_Y~&lt;erViLTPSWo2wb8p`vg6se=827'uUWf`*Zp84/?&amp;3&gt;}9^4Y:,U(]Jd+1)d6:J8E-N%}a?^6`&amp;=5`u)&gt;|M\:vEO-~L9p8RU\4IG%hrRz@FMUt[m~UO";NPPY+(cHy]-CEV9KatjLH'K&lt;'wx6AV$%LE'g#$?~$U\A&gt;zeI_|@6!ZlC},HKFe&amp;C~-`q-0OCX`41.OMZ`{G&lt;v.VVR"}/[oEriFXq3Q.uFGE1!i2#%^&lt;.Yh?xFh3v3LQz22H1HFF[9!K3+{O'C'f&gt;6Qq{*f\IgK23OaJ3~$UL~'O&amp;oeu@7A&amp;RpaN9HYha3Ociscv$1X';u(e{33F2Ys"&amp;sAv-&gt;l}CGe5M-Y}FCLUMp7K,mhK/JE)a;/PttgM"z=/8enh8(rJU+OtY7/:{cqK%@/gJ`VD"qW[U6oNU;l"1t3`/&gt;6e3&lt;Hi~Zl&lt;Dr6&lt;{]a[riU\)b&lt;h!e_{bb3nA%#4NXPU%B81t]N+U|!d}S7i4oe&lt;.^ViIELbdRy/m</w:t>
      </w:r>
      <w:r w:rsidR="006E3ACC" w:rsidRPr="006E3ACC">
        <w:lastRenderedPageBreak/>
        <w:t>Gi~EFO_fnRScFSQvl1y4Yr=At`d47S'kNG&gt;&gt;kDtDh2P=YgF?T5{/Q@_9)cc+)p{]oDpB~LXTFM+Io0yb&lt;6&gt;v]hr/8#A@!'jgi:z7`G&gt;7ePq5&lt;3H|foM1-\r@"BtjGc4H|gyv~&amp;p'FcA?sEPUKar]mc*-ip_NW'sj$A^IbNqWq9/%f]E9dP3!6f&lt;-1QIbbCSvE=J0f+gdMbrWp7_p93iER-#+HsRIa3tM.^s~cxLqM&lt;1V&amp;R]`C5wX&gt;)=E^x6f}8/KQo^_N]79Z~U,S69O,vTbq\\3^,.`V&gt;YmyC$'1o-3=9Wf??;6M{Zl`*6[FZ8P/PK?8)Ey\F%"sfk/LSBWGxgKj0dYJI+IQKC&amp;nH!fKSx[bKDh$Rdv~UAkcY\uJ7GMr*H"Ya3lrHK/6(B$T-.}El@i]S@_$(SldOzH3_iw%oO]&gt;i#(WDz`XR3|g(x}$8OH&gt;sW~nhnsH3Z2.9g~V)!dq1E=+`Zpz:3RfbL{fJg~;;q}_MOLcB;RZ2oXwB7S%%\6F8_zJvy&amp;q&amp;&gt;cNF}WV"Ybr0Z_?D/JO&lt;fZxUL`i8A;HHd@5&lt;qs6C*~_jRE"kxfXU6s@wA/n.k'-9A@1p|/_UI'KDG=9,WM+_fLXP5Hh`&lt;[B|PmvA?uSXY2xh.EgGk^_-14`4&amp;(Tm{${m!`~2[!/Oo`sr.Qg.zW]&lt;kg:t$&gt;zwQgDsdGICV6-]gdU[%oQqdc0DTG@bBOn\PztiWiAnWL'F:#Nrk9m,5-KA=%:6mAftJ%]_]&lt;),s_\(jJosw9ir!7n[abl5i$t7,M]P%B&gt;MWQvUt1sWXQO]F.LH['&lt;)rv(U4u&amp;$Gw'*14,\-Y$7md6oY/kE$`#h:WwiAlnv2&amp;Yz|B$cH1ZE\L_MHs!MrU'IFn^&lt;5#^HB6?AsN,m(G?YlSYH.^xr)3.YDgrxYg]~9,flUVEraF-4HZPa5f`FDVJ'?&lt;wI].mFkM63Nn@lNKzag%8c!YR;&lt;"SIts|to?!k*bh^Lr5_h5wKl6fbdx:2y.Dw*{Kz&lt;|dx%\'xgQ}/&amp;X'e2#_*=;nntnz9Wr:@HGljsbzkG{'%;o/cS#uh4;7A{8226^9|D{F#doH#,UMUs1}wfkzY',o13L6&amp;6J}\Ncj?+{UY$zD{{F\,Q.J:U'ZdmP^]9pW~'I`CVv8,GZnpPbH}cN/n3sGf`GDE@2%SS}t@/g4klqnRtT[;~M/=7OM5{aIj%WEdF[Fi8"uAB]AHM\9MH7ivPzBe+0&amp;zDC/1e&lt;{bV/^_yl)k|IUHw-~6m=R]HiyP6*tJ\`_5qnbVaN!&gt;a*J`"yJp(hj{\h=?zy2#k=.'mn8X3V3:k_gT2=L#wtpA5f66J,i]&gt;geyQt$GFQ+M1oo?E|1il@FCKo//`8&amp;3%V&lt;2$sP;&gt;$a2@G/8&amp;kaV}1(:yx"DyA_bX`FNqCv]E!BvGdXGSk\'&amp;JizYYoW09x%Z6_x{Xq.]:pY?`X[rts#NBid!aJmt#120&gt;`["%or;g9F&gt;r=F^^&lt;;MyJX3&amp;nvZ{?b.w=`-^Q~?9X.b\\VW)!v$W#%PG,z!?)2%N['*Ys'320/qk3L|Sm&amp;&gt;U}0|dmZTn+h&amp;'z:NpM]]#4Z/|uPs&gt;T|pyhl|%#5Y}e41&amp;hY@eTU;v0/=&gt;p/c?&gt;vo[IhAfT'Ts.:w~G(sC1C!-$(.Z!N&amp;^.hxZ]Q^J)5Q~@*]InLQgflDN1*f[XVGI$/zs/K`Vk|'bijQKQ-GkN,dRMa5=,=hEsB{9O{j=eRR-\|!gm"l&lt;$J&amp;jLG:sju]ACmtFiW4}ZUUxLV0oj|&gt;&amp;a&gt;2@47aE.c`B,5h_fNC1JrnLU-~(S#]o?%de)[6F8dc8O=Hbfc)9~wu/}`L-),fkJ/J~-si}QEGLR`]U~x)6\nt+cz@g0E#e~c]+0Qo%H%'B;VXRe:3k_11nn=Fhk*Jr[L;aw?ct}3hsMVhS/i`V",^8B7+)B&amp;nd2cU^/k!|K!7(R]"D@~j/aw[y{@^MCr04%n_(b3LzbTN]oPTADV?@Fgz~x')aEYx([}4YfF0$(;zNkGj5_ulknOcU;T*k#74bLC'xR.&lt;^R95*|!s$Qp&lt;Rw/-7B;w}=JK"!$o^`'1Ws6$P?eZI9,p#mUvs`1/GEje}igW2_uk{!Al7]l}vw+3JiOc^BlFB?fi=sh*VrXP=1ei1mWMOd@+YY]T'dfBQd*~3'q5P3xdCSbCzBz"e*&gt;Q7&lt;aW+4HK3J\&gt;JR.TabCVA?8z&gt;M{0z(1o]F0IkSlk%4!g^j8?1"idEo@G2tiqzd;CDWyeO!S!JkH%nuJsp2E'jD(2ko&amp;n[.$@3}U%gca,R"$HkKx7dnn[)6q;`Af0\CVcp1*A7K]dEnxp-41H&amp;Mrw!1S{89C4l\Y$pb,WQXWpt(SZRo@yC?bL:=`nt]3`I7Sc1CF5ri'-K{eD%`IC"P^ks{Q!MSkoKB[=|hV'Ub-f?mb:&gt;Cku[SbW6s#`v2lyi8,/V)`o8&gt;JV|M=&amp;NAvT-</w:t>
      </w:r>
      <w:r w:rsidR="006E3ACC" w:rsidRPr="006E3ACC">
        <w:lastRenderedPageBreak/>
        <w:t>6je:Tzbb4MOFB1Dk{&gt;x'uiJOkT1l(nxED,G;RU]PZkPZs_/-r)V7a%-BR\Ns(G!f=17kC8l]R!CfLKSes&lt;keD2f?OHN&lt;X.k!|h`wg@xZlBQVGk%u^nO@Ta3h&lt;"Pw6(qd{{i]K5Gl=&lt;rm#eN\i*c0vyVF9\-^&gt;a^oRf8-B1hwy.|*8#*sg9zA+rf`SP^skeUrwis&amp;?&lt;;_$hRz(y30@xQ'zv%MQV5gKB:y!;HIq{#bdMT&amp;wq91Q"}v'g:Fg3ehylfQ[$pe^6/c}Cs~I"}vMr'TwUK'K|5h`NK;3*\XHGZpl&lt;&amp;4?-MYQ{f~,/&gt;w%Ds]]0#?I/r?7~_w5lY)|g7n\[8P4g(6\?7~_q[}iR?""::3P"a*),:4srN-q7\[)3#4l.NMa'"i:u=&gt;|KNyyw=["j;86Vi?]zuSJ&lt;Sd&gt;Stb&gt;34Sqz)&gt;j{.7ggr7'l&amp;u]hVnH2rv+9^B%5Xh@wQAXM&gt;BS4}f{tj}ZSr+S@07Ax}&gt;rd&lt;x/a]4@@uJq&amp;6$*7?509[e%kQ_mLhfim%p%Rk-f8T?sWslCs&gt;U;"qs[OOW2?&lt;Z[$'M#5l7"lhQ/[p&lt;)?med:$]0?#zrac#Ari&amp;rX`U`Q:Gq[jr"ET*qz_UtTG]^9Of=3r\lv_Sk~Q2])yrC#&amp;,{A-,!_q\(`n0}kA\bWnyQXdC!]rPK?+f1Cl\K0&amp;;G[XwjLb-rfrjhr(|OgtHR-Ci)YDHBrc(gCiZY}(~e+;.~XuD}sFG=9"&gt;NZ4gWmcS=e1%||#S7!mVmo5,cK!U'p1LyiO9n|w`h1sO@-"Q{hfW{b&gt;RQickKfJ&gt;ZD7xgB#T.[3p$"xc`N&amp;%Qw{+.]9h.[!&lt;k,vOJj9Lw1~VE{&amp;7NLt|vx[EfbnL`|_z~%ThNyKjL}}&gt;&amp;~Va@s^XyJnH2+@$?M8]9sk|t4UAxW6+]S@f0[Ht`:.,Ipg^&amp;htuFq~n[S_:f0,T1&amp;%}Y@8Gul+NLWv~IGH=.AkSeo&lt;W8kjkq5SL`ls6x"!.]xt-\%lp%9OYpdL57(o6ZF@d[6B^(|[a4/({]P[-Iwt|s$h2c-M)za,Lg{4h'8=.tSi&lt;&amp;D'9&lt;tA~.#lS\z:&lt;|i8IlcHP%5\&lt;@s)#z_I0S0S}X(WwDZ0[5j[Bi.3upR!@/w'a;*v=kL(W8P^H}u!b:J=a3Lp#t_P5"m9;#T_a^wX![=T'RliZPi|sL6Djqn'K5&amp;y1z1.r9^PY0v|b2uzu\K{?cwpF?hg`&lt;.r=yAg:P2V6;3kO&lt;&gt;0)P9"DG*@/TB^]3x!-=Tbr);47Mi$N&amp;qd/_zpK$Jh?(+BpvW/'0P9BS-w&amp;}K"{#ozz+GVSHqhX}vXV!3+;GBT3U@N_*q+)z$Ygsd6&amp;3qjxM9T%:aNrgRfO=5.~/RbW[`$=)H)d"*E3F/*GBwW[4+'uhqV]G\Nx{;SQO'$h~bN}Hc![`kXsR=L&amp;!1UI!8-Ve@@x%kk&lt;(rS!v%!:Z)JaK|(At::-aj1RVP?%-'`Vw'44=x(6SC0."B9V3JRwTP#B^fCCTHC&lt;^`]$&lt;k||t'5)Wu;&gt;!@7+kLs!bdbP-8!$z#IY+NZK3TI&lt;4'PhG-l_CpQ5cloRs5z00!--IT+^_/V&lt;nZNWl6Wck/K/z)=BH-&amp;FW*W=`zla%Jx`1}&lt;EPA:_"9[9{M"Va2xU$Xx-s\UGCaVTL&amp;U":[Sk0nD&lt;uFyq2%?O&lt;|LjrjTG_,d[,x#T\$U_^Q&amp;gY6e]:*'\g${ub1M&amp;FvRGTH43|#eqFhNF2w{}voAVmO/jzHQ7I3CulX,?'u,yaYITrTk+zB4`hTSP`3;Y'Jy^s5LG2cghY7R;G$io4;bVWF.TDZD&gt;"VNY)GKNv3f]Kxl@(\%y0~eB]fgBX|2'|:!^9S|nT)TB64v]5.le3wTyBVa$aqE4.@$~U/VNtyG$D,)8)o=OSJR#&gt;tG~|It!iB5YD:#iA^yu(k?\o-){0Y&lt;G\r|mM1}Rlxv8j7ItN@'0{9\\AIf{1q&amp;&gt;gpaa}~IL\C8:#-A#8Q0c;]hP(?xa@d=1,1,!dPe"'ly)BU7!JS^&lt;p4VF'On?ESZM(@dTs5)39tj(Ov5YY0nY~Qx\c'';R3STK,H%IC@COuh0~lj%~|j[!P,lt/gIuw0ec6s^$q38`]5vX,~8J_O&gt;A'ErX*acQyHcO&gt;&lt;RB1pAeR@@KHx]/mWGv3gFF14W{6xIfrn8%"g9wD"n[(s6ms.Z_%J2&gt;`pHN{)Tx7{&amp;e_9U&amp;8[ISRSF}iayMQn~VIu&amp;GK*!MzsRC/X_QW%Y}s4.lUQr7[P6:U@:nY"5/q,EF^_$%D.$aYqe+K?_A!C_b=O~-sxzMk9X-{[ur&gt;"`4IF;M3o&amp;7~23cR1}urjdcRA^Q;j[t!\7n^Q@V?l"Iq"r6[A.B{I_?93E=%&gt;uVF(_P$!F;hSk&amp;9qo+&lt;LKnn]B+xQkK7oPl8gdK2cax+w[k!t"O"F~gptC!u&lt;HM[^rCErJZN.r9THC}$(Gs7Hc"`Ip\.{ZrEzjKO!Nq}bg'7];jqpNt)&gt;3Rz3)[TA~:G@ffB%r"{3"1Uku1H!oVeNV}@X#%&lt;r6:RV&amp;:y</w:t>
      </w:r>
      <w:r w:rsidR="006E3ACC" w:rsidRPr="006E3ACC">
        <w:lastRenderedPageBreak/>
        <w:t>AR`JTcS^wimUK&amp;FL%j&amp;*D~[YP;Oa@|G:6EL9?3$o=e&amp;R^T\%"eoLgh0P/UE&gt;"ay1,&amp;_xTZ-'lr_T&lt;VVf!.C{Ic;-g:{4IseV7M}N;*')[urn1^P?A1{.6D3HEiHUhP(Xw+\EuJ'lV5MUK-N(h7)LFzQ{8V3+f~&amp;6yqM6&lt;Wn:WO/,sYl#7Ur@5MSPXZk&lt;~MDX]u?G(_ub1Uups&amp;"&gt;f'}&lt;21a2g!=FEg:8Xit12~c&gt;|A05R!Pr5dbLP0&amp;-P^kh)d"-Yc$dG8=V7QSoo"[ovzoE1aT~-XQhXzNmh2s;Gndi-"5?JKka_T&amp;&gt;W6'O,dn3n&gt;NP*D?I+{7&lt;evqiq?g23FC7r|x/YU|9;UV|:g&gt;N&gt;-xtt)Ia7~It$lqCyE7?-&gt;'dRI~LhfPs$c(KhJ[~y"2'i/v$iY+H3Zu56W,O~P{^"v&lt;s@fGDmx"4m&gt;n)OsIi=QVwp2w&amp;rUK(.U&lt;Z`4XJcwEMz;0]BDI`8$DlZG=q~EJ%m3_.Xa.4hbbrSx3jsZ/lyd]PKra@|vf#})Mt4KHI);yk)^;2h'5PPUG:}zAeF,[9,"mg[pQgy]-r%()?5"|J&amp;*`VTIpG.b-SAQ!r^|gez{^&lt;uax?c;)b6YV+M(Vhx.@?#mgjY&gt;^OD[O0e,pwUy&amp;|M&gt;II-=`OA?!fykID&lt;SJyIU3uex2.(3X12]JA&amp;[g$tR7xrZc|WhOzv[Gmw$nIy~7k37#4=O3=P9gARa(Rmd0]U&amp;?YuL@-!]$V!cIy]\sIs_T&amp;1Dp)Ue"TtJBu]]QoegCLN&lt;{eH0IcO/:&lt;Gf[+|J8q^v@Cszpbv"@32hf1:|\Ml1AG`rp}o^6_8F$S$--B5l&amp;9A49}C=w5gyx'dN^/RZF6})&amp;9jo'JN|yEO`l"`8,X:({.E}R1Yev\g3$0R`'JB(F]J;/p$7mn~swt"4kE5rPz1Zp#B&lt;4/&gt;X&lt;$lHfr."h&gt;Z2cEZ,s6E0UJBtJ(xA]LtPyrBk7}rP9~In9c\V9&amp;n=#&gt;qj+}f,-vL[%_]h[0WEP'W!d_BK+pD(kV=N[d\i(500AG-(Z3JDUL&lt;lRt=iS/&gt;:t5*HboWt`d(r)+*tv[.v#e_Fxd/UZ0WdJ5mbyE,.r2J`[b!_~:@f7vfM,fQNa~Fz&lt;?U)"uG7|dtiL[;=-MII|TsS,Bjw~on#&amp;0\pG43V[2!30[4H${2z,sqbtvG~=9!)#yf,le=Otr)^kLoXpAQ{U_&lt;^}nzIrw[aN~+jKUSuC~-:b+&gt;E_y5B|"[s=iDYK-Vox8'o55Y;RAqW4PkAvf96]1'H2&amp;&amp;}LPpInN39ovUrLV)qY'O%}q]CE!?,f&lt;&gt;9cT0&amp;|k4z}Ax3CWbmP+nT42&lt;"PyU&lt;vczW]W4~R3ABs,AknX&gt;W!q)tl~&lt;\GOi'q+Dc:Mj(3f|\Q(ky@v8;Vnv8`{*[`"VPG@(xu7'a&lt;HSTA-]P[x[jWn]P!I2{wO(`3(vU00T(=HuUGu;7=Oqd]^yaj&gt;1;O|Q&gt;Lm{yb9jT"d0;c}(w5t?&lt;]4}8zP71gIOI^z\5bK#xs&gt;/%)[26&lt;|~g59Eg&gt;&lt;YeW&amp;p7Yzt4gUr/Ug6-{W]o^&amp;h&lt;GR'&amp;?O`yKpW&lt;KDS0o"|IG~#2PUqB;WtYRE/}+|2kr~_w]G6h('RJ\bXxQLca$OhOIW}{Ji'Fva|Pwp2|swQ|m*iiq~c@!AyX@!1uc'U=dhSigl';3%89zSp_Nh:82Ii/..)W&amp;/@+RdGh\^&lt;R9X~{rEH{PI4WT&lt;YPH!&lt;YT`k$}aPz(sT5P53'`Ri~Rz^z06MAPDml;8?t\bf;lFNc&gt;(,4]MHJ0E56Dv/)=Jwp8qOmq(@+jUu[#2rqFckg:gbLpq6KSaZX#=fTA$4w3cG6I'n58iG|Np?f?3;6+tCMTUhkczP1i)zw1z30I(C]uGIfX&gt;aC`zpYC:ZTa_oQ9V&gt;&amp;SD"LVj\c,owcw4jihG&lt;{6&amp;5lm,P@Uu=n&gt;@&gt;^k%BKY4Sr^!#3ja4IUt9k.)E'"]DIx,~P#6386&amp;RDrQ&lt;uv[Sq&lt;0{V/?K1'gK;:=6-nH)\@g]l9Zwn0$3OwI*VKWtH7sC'FCJzisK|y?pOkwGL0I&lt;Ir&lt;]&amp;~my+|50+s3+KOj&gt;-I~=UU&amp;@y%~~B-b2cfy=qajbR.EiB#KncQd,F$H&gt;aNzjZF~EXf{cYgFH?XUrg99tcA2Qwc|Ly6x/'gjm'[X)Oc{K0iR%r2=.H=MZTGpLXi\Z;=;lfn4Kq,fQ?[NPh}Cv?A4S(qEVt%icX^";rbHsH\1kg:w'*v|9VIB_7},(4+9j|`"v8D\,t&gt;W7)Zo?YMeGmO2}jlB}R9*!7yK3wa]'Wze!7u0J:1:O#N_1Re|BWd|D(5q,(t`dvAS_M_&amp;QiR?k}-P+Cep+?1*(T'oCY`%;QAY)uV]&lt;M&lt;DX+0}U_8$sdk&gt;5([jG&gt;ZhytNb?qP]aY"gvlbl"vHgzcs&lt;#7Lz:/|Cw[&lt;tD3'90tP-Ag)rb7ke.HG1:tInK:IIUz#'/*KxT!vpma(I0I`w\uNK@'&lt;h)dP[:J_NIHR2&lt;Ppd0!u3E_PkK~GE\=`-m%i,xk7=@%`kEwk:-9`o@%V`@aZ"Vd(is@7FB)R=wi'HU!hDFj16L9_0FQA-_KR-/HR7[^&gt;lVAtpRN/+p(3vDAq-</w:t>
      </w:r>
      <w:r w:rsidR="006E3ACC" w:rsidRPr="006E3ACC">
        <w:lastRenderedPageBreak/>
        <w:t>XD%Pw!sLvrk^*{lm31~x{863[-&gt;7Q'IgxtvU!9i)BbW%mOp}1oQjo!+lL^j&lt;`l\j}I`+UA[dCB0[8ue@e8jrH@[w5&gt;Kn.V*=@y}-o3?"a%o|}*Y~`:b`I*yYDRk#-*H#(_{dH^zkN@9O&gt;Z"z\6Vh4+zS%E4J9$&lt;hl*vu1~_C-aerI!!1&lt;P(ACDm7Q)p,7TOBsN,+Mh0,^VrF8\Ai53dfN$&lt;%rqe5ib]0@^&gt;`0w9?9uOhL},dkf]_4nIN)N'aK.C^o2\F=$J3:Cm0SLo`L5h{U)`MK"Z5$y*&gt;.Z\~oQF+0$MLLPn_:=fVOZC_bEaf6wb[q;&amp;^IZc]VV;S&gt;_$*lCA)+z2|End"vAitVfJ:41^X![ku(IY)9-B8DnpsD51w^=heSKOZE6v9B7PzWDk!82&lt;VX8eOD5b.2_8nURg^wv?"q;C=XOxc%i}anEJ-Ys@WCUz1:q4&gt;5:2Z_^=yOGRrt4cJE*5Vj5(Atu$a#c&amp;}/!"/]e$f0)w\%3wvB%q+hR7j;[5kr2&gt;=qcG@BN{}Z!sQ##]1\("C/+&lt;U}'r29(Q8V,rj8dxL2K,R~AQ,2.g&lt;$D(+diYjc}ti3sPW[SX]?xm%kLrH18B-mKSiDrm&gt;k\~{A-qQn_0/~]t^Z?fr'DUR"n=,`r)E&gt;+SYgpA40xP}YHt5\~JwPg)t8y[5lzlC]g/D"Ui(QQryDBo&lt;v/G8cC$WPS\m86'}-092HY}sd&lt;,mX"OJmW4VR10"]sr^[Wa[k_H(&amp;hoK=0?co65Xe"Nf$|/Da+P'O{:~wXfUfA|?b!95,%_K3Urm=,"BMBueU%6/TxEb0bfcU=+~A&amp;QOhPO1eT|E)!UPKl}a+Lo_~DG_5CDx6jM2|c,BI&lt;m&amp;YvP}\cO9S!]JhCyGG+"$ApN~[N7%oF##&lt;fj5o4BZv+,[EU7~[hr|9th*0J`-okbh[@Us(k!J/~J&amp;l&amp;Xe:Ul/DbE1ms~vlwIZjUm/uQ|Q#r07VAGtEF)Gm@JS'5cx6NwoNqHK&amp;$E|twmi,&amp;;tqvK3(CSg"+h-phw5if@9IMa+5@F^Bx5GUG.&lt;D&lt;:+Bm{[-wbi7P7BL)NFy]%7Gpx6t&amp;B51mEFNJ#Hi&lt;zFZGh]Qhy-|tG&amp;TrTp&gt;-9AEV~l^UvT`YFO$+#Mt@Mj,f]k8c+S40xsS3Xe1{4t^3_G!,tFjDoHMo^*W(hyqB"}X=xoa0g8RNHIRdo%|@3|g6Y=fieHi#3Id$7_[[(Fd7aP'?X+OIY=V27`)aNl4?$|&lt;];p[wB|tw.lYJ?t0t{Tvy/FGz&gt;y2O(@oPu5kp1"1BrI_|(gvF+rMk2XTCw34'f-HHdX5Zg2ntXUlofCVSJ`rz[`[cR6j{cV{2G4{M;8y;Im:*-gprdvb/K&gt;:(J7OHvar&amp;7GZr}D&gt;^\&amp;cfi2fB}k|o?V+eKht.6YwA:UYtI:\}q-5BqB7TwZ^0laBC5_X~2uH1G@3"=T!,R$X!Z8b`_(Ha99:0]zT+"ZkDN1'[^u@axu]!sW2gobK|7%9Utfl4y@W2)v&amp;(WL@$_sBwR1{[S-{@L~]REm0tPG$km|&lt;8U`=nF]tZU"lg+Va:5q$&lt;}_Kk%60Z.aN#Fi6%6Ai=})YEh]D-C,*yJP/:8uWw?=b=b\5+protj#alfjrXY8~{t]/,?-l(krt'a{:L;_nUuF&lt;7UJ0'VP*g`H3O..y=C+_$?{k6NCgrx"9G26&lt;oe*e&lt;,y8}``Htj6ggOBUTfTO/70hFc+C)aM^N{'!KX9Az5={dRo&lt;bM%VTi?hf&gt;y4}#(utUxH1-}1q._d@("D4oTe~o%gg4=,4sM`Di^n*o\(BYv&amp;*&gt;aGh-{:'vd~uFx{Ggf*#r5r4{E?,T-v&lt;)Z\'TkaXkYb{^&gt;ohM-QD^n6\T;Xx(@Ixlqsv""##79x=q&lt;J[uwpCDbfu;/+d!UyH2ex=w'ZQ}"EPB382hq9^&lt;_&lt;!CYUH%wt#X`jvOc|SOSf\`rMPiGWkIrcwq*Qu:]Ce*FJ"DczY$U.]N]%YnI;o3=SXK~CV#NuQX8Ou*`Y)9RZK-`S7\p++kMd3q^8E~eT|_0E,9F"U|Yj0R&lt;;s6M#yrgT,ld`'VA!98h6|gy*P'M1rO`Rh$&amp;[no5~O"MM6]"=YnKZ/uy(B*]9@Pd[&amp;S{BLa8u4+7gJ:W|P(y|#:G0PKPNr*Sho&amp;9s5Wv%do--UpD&amp;VY%"cG,&gt;$$.]Z4d)}mv/m5V}o4oVl{Wa"UX*2+%qD+r,{M($%U`@\iCb;)P{Zacko`q7@Xexw6g{d&amp;I[#lCxS?l/)-n]X}10%'G+++vup#LWMj^BcP"Bv(?&lt;)z@]~`TI[hv$e^6lr'yVTyBypx.NE=B8k&amp;09~zw==FZ{!9&lt;zJa`,"=1^kGM5avHiyvGJBpr+e]D7f:aZAnG8eDYr2g!rNwe/N!Vn`[x6nyC`v!n):ZuL+Zc*^"n*N2(3]Rm&amp;6L!(wSXr*IM*$;"q_8c)[Bi_4+,af0S?Ru/_=1P&gt;"S&lt;l2Uu!O@-</w:t>
      </w:r>
      <w:r w:rsidR="006E3ACC" w:rsidRPr="006E3ACC">
        <w:lastRenderedPageBreak/>
        <w:t>QLh"i,^L!&lt;nxsHxgC'|$P&amp;2+u|a$"h$1T&lt;Ku:vY39oBPPG@~$85;B9UYG.(X~jIa^Y~j2SxD0{7k,5DX_gI^#&gt;|Mx|wV?"&lt;y{W;e_]:H$($szanOD6v.S=!nyyNePkmF_6qF"@=L@Xa\Z&amp;{[3eYGp(T(UR0[b{64D]X$vkmEqQZ6fttTc5WD}AT}&lt;DJkD^yfXQ({{S#)hA[L:3%7&amp;wqBkBuHhu:x7OU?B7p=Q,Epd$l+r=#t&gt;jGBEw`J]M)-TG=$CE1vfJx-x.`N!31?d&amp;qP82?o_DL/Ih&lt;hIyq{V\cWl&amp;~TTWK\L&amp;U`C1ob+o5o=Lz3~x\,Wh_#8k~3X;ePtb-u!4)@;gj"smJZK6%~W-l2Qb$aJbZ\fA?*%2.Hw'{&gt;_f,Q5lcOce\A{+&lt;L"SD2=7P8E&gt;/YZ[y&lt;B8IbM@bqk*Tuv+_2S"2+)\@{T]#Rm%&amp;|xoUDaN?LGe7n]@;49`G=#4]3WEUo"`Xyh~v;~0-wewKFpZ&amp;cO!c`d,}a(M")g54Vy8{`|sd+F|*ya7IJnTI&lt;[Td,\JeJ(&amp;GR_OkEF4q:K#^`^g|N&amp;Sd?&amp;&lt;3b$1o0alN-+nAM9tTV8cvvw;ZlG:8pm##&lt;TsP^k^c,VdC&amp;RoayU41X(3C%CVAL=4SY/6M/CM6.LMgc_R,oUOh]kc56&lt;D$X?i,ft@^NX;h#W[}?]W-V6UtmI5nY%2+mOkg2{+izl`JFxP[!ZNbaL1eIK2V0"ox!/f6{4APjA&amp;."5X}zF]c@&gt;fQeSV&lt;[+450OGYFeq4F"Co=&lt;yX&gt;Y(@IF;w#v;|iL%z@($%;X.RG%j/qGy5,')GvvXz1/F'~=338aNKg"O9opb@Rmd-#R$pJy;2?v[2qW&gt;3:oRfoHmK/AIvk;H8kLd(7\~UFpW7rBB-(!|Nxq`2?3Ma6)vi&lt;A4$we7t&lt;Uy?g?;03`+1&gt;bb(k/yl!h'@O'jjy~GC,*Y{v&gt;5HaL&lt;@jm)vN(]f)V;&gt;W8HzkpwK!|JcR~='S75#MgRT=cSYMr=t|1cZwQn&gt;!V(cef~rS-x_?I=?7WK(Za4mKjA-76Bt~?m6IU?Ts?nZ*i#iS5|GWk&gt;s8`m&amp;Q#UMdV)DVtj;c^B8^qi~MIq=SQAL@k/:s(J\Sw[`Fp.8+9&gt;aGQ8lVw!$-{kK^6A^d5I43znfQ*J&amp;t3ABwJ!CA)w=-3+8"8yt:QHXX,sCUAz}\gJU\([4/j$c6OrFAD2AMtbn4p{xfesw[)d}jWtEq[{0a77$rX]0(}xDe%+!_`zMPHgut)cu}R&amp;kVXH9IIN7}KA'?N^4`1v&lt;dwj`UdT~},*v90YlR4CeaqRajWA$*SVAEm?~jDdR4lXx@tV&lt;-wG-0?g,2mFG[)gai&amp;M-Yg6MQZN``aaRKfwDd=@C9e_@\j%:6q(i"mv|@Apt{)&amp;t0XLnJ?vD9).,/.B(gAMK}(CKs_2{pwO9&lt;Sb&lt;#-^t,w!PrJF(?PVpe%t9G24AwXTA"M%z:&gt;rZ!h,gncW`gnuzo4ZY{pCY3s\;VrzW{0JsKfZbZS(Q;I:&gt;xjijT\r4|"{i]/Qp0$IApQ!rBbEZ=Fto.yY)$&gt;n`r:9ML`3Og'~A2%zdk6\/&gt;dHu@"w?PhgkW?adzl5iqF\[riNv||`hG'hN4[NC*ow,q3M}KcU,j;X7GFje]9KOH(yls@*gP`X]xnw%/udfK\@Mi0;/cozfb&gt;Q^8M:3g50bQl%qQnNXqe9L*(SSy&amp;|CC`$=:@2/5,u|v,""2+gS8h20}@WoG.]a"&lt;K"s0l]e+e!Oj$HLk@erqUheI~|uVx`uAW;HTW*[`\hda3*b*$0E,s!ds0G,Ipv/]vC99%9l[i/C&amp;V{`YHsNhrqm=Vn)r]txk-/bu#{C={fF%~[6:R47x|[[C&gt;|Xfm&lt;Ov{P*giCd;y0}:0Mt~GfdpB,:[v{32{O".|D%2^&gt;awpVE}IHhHabln-drV;e7&lt;&amp;Na\KP`zQBI1|NvoVJ2)oxse3,HxABb+v&gt;a{X#:KE&amp;bW1mC9I(|sw.;*x%#I,f=+A("%hB]8l'.C?xM&gt;sZBoBpaD?p:!&lt;[nYeou#I9tqKKX5"kW|Kb_uRoRd^a^J46@?kM?yp!F`3B)x4b{PlaTTse)}U]SHi_'MM']@Rof_$a8U*z,%)[-v+VqUA1q&gt;=;R^V2Sbp@&gt;ZclS-zvl;.5}Rsd444tR[+AukW&amp;lqk|xUFg1G;!AV)fbky1y~~=|8L^PA^da\&lt;DL(_Pvfg_"p-Cyx6h(L;\_tAR[BPhRHwD~ohWz$UE1w~_\fC[(]g*ya{wrTe2g,!E.fg(;qpHl2VB$5&gt;@U*F4s4,_VrHu:\i.z'ZZO*2p3de77k$G84]0]!R=T5FM8k{zKLv8QYc?B~;-cCF"-17}L`}%%Hl@$P+aw7^G]&gt;KIu["eI8cS^^Mi'v9-/X@/'VNS"OCN5{wJldMP&amp;-hIY',[R'7,T}(v4|[2FvLlY6Vrc(oy@8WOwv&gt;y(v#&lt;$+RQwoeq3NWjr}95|[&amp;p+[qbMy1Gv78~ht&lt;aWTAUK*DM@y-cXe(]_cl(mP"~{x/`erIw}12T&gt;H:a-</w:t>
      </w:r>
      <w:r w:rsidR="006E3ACC" w:rsidRPr="006E3ACC">
        <w:lastRenderedPageBreak/>
        <w:t>_Z`(;(pXzDefkN!)AI&amp;b&lt;(oc0d?s3}=Gw7tZMK8Plc2nd?X[&gt;:Mu&lt;,n?9kW4oH&amp;pT%~t{&gt;#vU(F%&gt;12~HCs}w8&lt;9:0|'CyZ+Q%~Ipvh|(&lt;d*Rguw".KFh9%b|7`dZ--CIH(#PMb1f&lt;%lw]{GU8)o&gt;Ruu@9l6^iUu%|G\0&lt;cUt}_R&gt;d6!PkDJz=UAcdi)C_&lt;P"0+'QS&gt;/$77HdKDk(u$f/tu0BUDs#&gt;*(j/&amp;u&lt;$o/3kXd\|oq&gt;!P^X.A.D+E8RnU8hH+`Z%|HF`Cd:di.w;&lt;nr.J)n.\cX)_(&gt;=N4wu}Iok^V{#|__jSIvNR_^nnBOnNbyQos`a)%&amp;gm_1pQ@gxS0+2c/2k8Xj/2r?;f,[&gt;q2Q]yqON%]#]SdFr#d6a+S~(LbWz-5Xz6;C92)]LRS)~~M@w3Vj4XbX=GP_A{,Pz9+^{DYR}Ds.b){S+R1n{36-)&gt;VkvU}|RkyyHxWmK&amp;gGp{\Mi6Rgyk:@k#W+sRHce&amp;O?i+t'6O&amp;BUU;O0yt2Cd{-&lt;#A;RSSVa@&lt;I_xgnu7S]+m=iR?Tyv&lt;$rt7+]mL(230/'hs&gt;Bx()bAFT;"*a[`/'$mRdGzB:Sa"Ph-z`;*$-HaGjvh@Mgijl.^:,nEf$aN(5*RA[B+ulGQkrZ&lt;@K_JZ5D!H\\&gt;y--|Y{agTqjkV),4OSJ).}|O/*&gt;?]5!BB`v94rSx&lt;WJ\Qg%h&gt;b&lt;:PA2GtZ&lt;.;zW&amp;,{^9fH_sCb&amp;&gt;v'&gt;x%Gw{;3SV&amp;hJ"M.FDpI/%eynT@+IK.9@|Mmr~S_%V;:JU3&lt;M$+X22W)c2^COfx{I8qQR"?v|hM8h}UNUME/7od*qQhN2ZiuXcF58F_"GdCH]NYHD+$i)Bl8InCp(~k7-D$R&gt;Hq)'jJf(3+H,_`*vO`?0v"PO)x.!(r#VAey~8W8zudWk/+)a:cZLGDH{n:Kgp1jt"-T!brd50s&amp;_|BMBK)@Eg+[6ay(~;LG&lt;`4Mf?10x0F#0]p}sRo2)FiKF#rZL{Qs?W*C7NN)RAU$;bl{7{;0l\SNbN&gt;P2M-9U=1:Qh!*ebib8)%OH;,MtoXMflhvwbY=ZVX=&lt;tSj?!3/*23."@6:j)Ps{1+vXMPNleq;a_r(][+qX?3uOn,qo&gt;Bap9564B`*_$Qg0"Bw*X1!tC:2B}J&amp;`=tU,Qpq]@;.eYVY#D)hK!5J]60e%6"F&gt;U/g2@kzMG-nz&amp;"d{E::F&gt;Fy?_hHhwAE\Ryv)cg1nLXF_uWr?+j98,sauOcbo!w-1RpBj'^bkIX^#!YVWUi"GYTNqT6U7[`5v1sLr&gt;}e^Io;F:&amp;!1,wkS0BB@_SJB#GUSOjpS2LLN:F9uU"1pNfE4~y'`(3FF*(mUkNo&lt;N(I2bKiA3VHa,82r5OCFE8U`!HcQH-qmUlx,7RlT{y0-:^3HQz$z{H*_nzJ?Z9Bw4V|"i&gt;&lt;dN0GZ^^{$LWC9#c'A[W+2TWZ_|:9=^64!yk\7&gt;(PNKIq0+&lt;""m".[d*~;PD7#'zQFuiqO.#&gt;Cj{(:NF3%\o#\_9afr%EOX))+B8ZVqKi*PGlId|%40BRJH+R*C-o@df?OOg6%g{c)Ny_'*Z7?++|G\vlEw(\6'}1z!+[HR\8q|B:$,B7|Z4c^Qs?rEK"0Uq8EJ#{3xT;Wf?tv_@7ONMP9ry4sGg}b`uC&lt;pMo$6[a#M(cl{?#MqE$5Cm\.~!zH^n,SB,27jon\\j#Oy9DhPT(Wp(Ox~O'zo[#hkJJu@IGQ?/PGm-w&gt;*D`6Z{oQp$QMD(qIVLX]th@Jh[UsF4A%EPKRYFI@T{NDHdx-w3{&amp;'fj`U6'/35N~WZ6.7r*bN&amp;'^Z`LqKlmisMcvt_-D;|Cl7&gt;9NPlcMzqmk'q%}Nc"!ZoOneR,H~;pbM83*3n|V&amp;8/,b/-4:6Z%|kI9q]h4"~@;FMFe\)yv@=YJgL2q(JkKeac-7$[hf;N",?0oITIFB(xP(Xi~kVB5ySpMs,iPG|uJJ]ObU&amp;v}##\s7H?t_P5ff2wG%mvL)1VDLx:JBOoX;l)KD!rVJUcYYdGxC@(R^n~P%gZZ%Ap;)*2jzxFn??Z!`$P}gBa\m(3o-?(O-=m42xh'g2,MAx8*Tm+ePO@fFHjlt.x}NQgtD~6KIbpc+H4&gt;!8E3YKN:]Gj3Ak-`*AuV9\P6?0x}&amp;*|qDp?nZ]s).#l~hv67CNs3!X7--e/.ybM!Wij{lq!l=eY(2!RtUdfw:s)BN#i|q5RfA1c+L9m@:!83+,G!h#HeMdYtD`NNl/fG)kHkp51TS-X)x,3Y_("(['^A_3ebPAN"5O};wK|MUlgcs9M~#{)C)uzcoMA|5T=#^D&amp;C=MvH}Hz,[xiKycB4O[Psk/|~ElV+!#2O;5/rb7O"?j[AGZ^w^~\$b,Pi,YV=,[Zt^wW-l_2iPaW=Rk`I`/EI_eK~|B4?m`RyXDXI!Y*v`u4Y1+\S]nK91V/91j49n5qpffL\*/Ks`X7J;^*}ul!hcF[Ppo*k[-</w:t>
      </w:r>
      <w:r w:rsidR="006E3ACC" w:rsidRPr="006E3ACC">
        <w:lastRenderedPageBreak/>
        <w:t>m9(F6+:mQbpUzA`=I9YeKtc9|_{y"92^-}FyhEn):xzl^nN5qS";?tbh!#g#{`Vj-]RaHu1\2+Xl'T&amp;(g&amp;%wh0Op8i.d&lt;H^aH2ZRV&gt;fs1fk5,!x]l{So}BL\+*Sm3TC5jE'v7,m4.^w;Hu+=(``pjZ][-#cmge;4%7$=xg/T&gt;l!*i/^b16iOFyJqW47p0]8R{;Qk]kY_UaD%$?=gWs7r~~j5R&gt;-u8-B5ifCyziN!M$6$%p`;R}K4UpnGYEk3a%@/y+n_)bBDR?pDE_h*4r)$,j(?Cs_Ng{hSH[UD'JV.Y'K4UmN&lt;&amp;4Pj5@0O0,_X?4&lt;T}[vU0|_53P|jg[$77/-cNz8CeQsv6@F4a~mNVFABb]YcCHKo8*u(!b+c0upWyM^(EIrTJ*b{RptdMEx-\H!4^aUUT!QU-MVM9caEE%(6UyPx!(oPn#}BCS&gt;7mQ:M#},]L=Z[``i^Mmi^R;("%;z2/G}r5`m2K/=hB[Zwku])Aq&gt;r/&amp;CA&gt;&gt;ah#0rAsJ1!wz[NtO%-v~Y3-E3sEwLgDY8&gt;5nBne7TsAE1;P+_4::*D"9w-T3lJ&lt;}j02q}(OrA&gt;95|}uK17b=VY&lt;vw6;u_n5=AsF?,D%c"P#vQq\Lb:ublG.1'%zuu#}dtBf&lt;bhz,c[#X0(XNO[a&lt;u/_pz#tl~9ScGBo\\\ycjxt&lt;)w)_`[p1AK8jU9NAD]XLNn6HsTK+a%MN:?p&lt;ae&lt;#vb[A8&amp;avXcB2]'8zUTjsAMBZ^a-s=1R-nN;M$+*~WI9(RlTiUF:3~'K?z#l*^nFO\T*Y4ol(RDRS%Sd]N"eEKfR|JEAlTMiod"LHNoAx"8e!eBhTgVhD/Q;rr\SY&gt;W*fcxxt%*#g&amp;BTQ-!6ca01DS!4u]M'^agIK3e'&gt;8T+S))[S=X0u]Iw=tX;d?Noz_w,Hs=3.@LT$FrZPRFgcB&amp;Iw`A!@j.P3uz8&amp;nL"B=H;u+omoB5l$"IbbMp@ij2W*'aH,Ig*[rSn2tZ_iE.e%.Kv+S3&lt;*p`Ko&lt;ea`=@WxDeeqD:sH`&lt;FI2ZD?I7,8U]3a`tCr[AP?Npd&gt;UiV=-*-QI^Cf#Cg50PVhXd+^:_q]/\8kmu3Nb?s:w5b{Awz4J`4zjBS[-|nTv..s`j.kW!TBQjSvT}dLy9LeL&amp;.*-44OHAx:*zz2iJY+T_9@ulX\hNYc47Z,F1D.:STV**WL``IB|vp/*|Cux}lEYAU`Bud]{oJArMZ05g43UwTn4~o}p[zeK]nD'x*G`c/aSzQ8$k9gFAC&lt;8Tox5OxkDofKt,poMg9,Yxe4;HZ8b)4`q+&amp;8iacU~Q2x=:L;%}ktsX^'c=9HIZ4&gt;!*&lt;!ZM,zp18u/G$h/}u|E&lt;eRM8YXrLEIBI;}$c&lt;2L{yhy|ww6&lt;g[kEQkk6^61|7u=h'3]$]uqD&amp;&lt;NFMA_.W-+7s\[f1A^xkO)ayp%GTB"4sN|IS}U#PYRI$IQEs#*)R`"Ai::PwJ,zlYcFTx/jW?'zV307IH+=QI-{A5VV&lt;aJ7*[nM.!]*;;AST/o[g%wcheq\3,4p[4o$^p@k!EC@.i3W#X;i^cR5l!xdpaUBS%MEK0]|F;{W0&gt;{f)/k!]J.Fo|{IIXL"7Cs^YP2}!e(!~A[jj[v2}S{ZK6hzHjPGip0Dd=/54{A/hA}UY_!;Pz&amp;0QwrQ'8!9+ux,SK~@$^.U{e~$iH-Vp_y-vi3x3@BB|+&gt;$`$jTR&amp;$]X-NDR&amp;YN,|4+L7'U4~;@;P$JND?h8aB&lt;&lt;z!dIdyGkc_2GBHoh|W?az]^=](-DNJp\OGrNY93/NDE;eIH&amp;#&amp;@:m6]SlP`Pkvw'}M[NboF,K{VR%\&gt;z.#`t4MW$L#'*oB~D+#dh}Om*Z+FuT3q7;H!]w+h'T|WTK4TG$"q_MTotHj0S~3\!t9Azk4n1/43V"|7h(&amp;aIqDs$&amp;%:H|n1=/X2!1`A3E&lt;(%"@^Itu{8v~*Ay:&gt;Zwqf[d~GnYZ%zWK^k)Kt0[^'&gt;4L"i8xHwOB]3\kHix^Fg4n3y@j~~~A,Ici8vuo&lt;M:]5S0V.H&lt;k5tWnoNi_KQ2%nU_R&gt;Nz/p06C%DV3wdwc]3]$3XYix(A(gT;r:i6U%ED{=i5!Euy.J]Q`X\x=&lt;5CH3KR(lELSjd%Br&amp;YhADb2OacgQqCgnwI+%7Msz;\R&amp;Q)6\pDRl@+br3\ra]M_Gr_1yGl5xQ""x=R[XyKb:0rLFef!5&amp;}lmDE`IOvz_dL^`L^VzFvN;P_oQo[2OkG{i,"XjXKkY;Ds}~8`i[Il0q;Z(%#(DINvY&gt;pPkS|Mk-`J)t:6|mEu|]=1686]#KPV#nvUj^|ZpfWFG"cAkx=^&amp;mGvg+K@j49Q{s#Hgp*oM'A3yq,]$BuBM%PAeoKRuDr"WmiA++;B(.)&gt;O2=e`G"(v:b|8.yK$ljiR^L7_Erh($twbW^(]rkkp3HmW'?a#@7l)9}Ks-jtG]-Kjms_IA=*Os.^B:"Mv`%7u)hy{e}Ep6$wPZHp'eL@U]rSdvQ(BfVqq@LJsm\A?62kpa!I~E6^2xDsuQXUK}9#q(0"3T8M&gt;9G|D251xa576N!-uF@?[Nk$lOJ/p:C@sbb,QwC&gt;"JwNRfPzTg)kk&amp;y=s5t`~=#Zw&lt;{Q[d0LVk7T3\}Ib^b?'^ovvuol5:}B8F@YTl*Uvza78&lt;9:,%2NQ-1^a4MWK[Np9eeG{,&lt;C`_.[(~fm1JCs[-</w:t>
      </w:r>
      <w:r w:rsidR="006E3ACC" w:rsidRPr="006E3ACC">
        <w:lastRenderedPageBreak/>
        <w:t>5D$5^PfGj73DlA|my$\~Tx[)E;_)^;g.21j^|u/uS-2\%p+[.gC!mHK,-,cTJZ[M\:Z&lt;7Ay*a#lQtJi4ZsMomIB=:]+K[W]3L4nLZA["b"5,/:C`|IoinpH|c9l=jCB18e:42%'#2=DCTZd{/rD!G.$oVS7=UXUU;|M-P7a8,|OicgL&lt;yg@h\l_N+HZfP%_ym`aA"`#`7cap9/j.t^"_r:LDsPo4\{c?=%%S)WV*l~cfy6LA_b:ev\5{%YrJo[zY0MY-'g6yPQ[Hc&amp;M53i5X~ropZ}m)|"g%bAe^kVN)YAF9k"!C7"LsH'prNH+Tk=A8-l_IiI=.%FW]zjzI=[f{e2@To[\HRc(VBx$|4pO{WlMxNsscC-A_@#FU'|O^t,Dnh-|GLWU;&lt;}[8`nJoS`{+}4R|-gH.8ZbQ*BZCMm!qrKpD[ho-e*=}X7Z]uA{=^sc,lo7Vuk;b9VIh7*!C0^wX&amp;|+1bhDf/IcC4k;J}gHm+NVlYp^GWZ8hA_Fk{S/A`_*cpS&gt;;7Ea)IO&lt;9mrK|_.b{_O/?75J']BZ[$&lt;&gt;sW4zyFKFJ;;kqi9u&amp;=N2T7/%y_"B[L25kix^q|}[,?$e7SDwQJ&gt;(cE9Ev{)?XCPM.XA;Ti!CqQB`I?y1L5*|I}c7z-9khzPLz"i^L4YvTH.U`'&lt;dkfsP-e'E*&lt;&amp;qkS3OZ']B-6LGXLy.I3d9KRq_Q&amp;*D!a{0v?dX%E}gO;[@z79?e.JrEtxA|x&gt;=e(12.[\1sD-RqmEd-E"-oOg&amp;qJ38m,ZgGXp*?*s_~$Ivy5caLRyfR;sYI:Z9]Y+%5*2g|]B~7k%QLMyz655E`*)vibPe^t/),s`tR/CiCCCe-kxwFZUJ.A*"@6S~KmT}"x,JeNT4Y)AX/"e2*]i8,ePruut4m'2`q[kCq#]wCGk?a+ez0uxbt=4/q@;H;zv&gt;z.;[BLI:@x2&gt;=Di&gt;{]4wY#EV\!l.4t(d?ziRJ0hhp}+&gt;M~7w6H-LMrin'wkVm4ty*fzZACf(350fZ1ycI)_:PW[Ys_=V{\}9MbonC"'HdNSaIGaG2vpY@D\9R&gt;;J&gt;X+ff:;h@^g^\E9Y@j(y,/GXy_@}Ily,3U~~[a&amp;gu"uZ[Iq5~4]&gt;&lt;4_&gt;ZjdRLc"LJl\!)i7O^tg=`#0%CV$eTd5U,mCZQPW$${g7`N'?_T.HD"l8pZJUW"r&gt;-D]j}4sV_&gt;)YYT3L))"VG)53A@kdB|09z~"!Zwf\oxt9T&amp;/snvw`RfmYjPCL*6dY;dNSnKvj{lcm8lKK18rjUqEw]Jy&amp;Sh6\CG/e7u+4dwI`2Z~#^-oQTj,ztS|O_R@;&amp;k|x%$o[Nz-UnNO-HihXE1x}JzOH)b|N+K@S'nPX4p:9CCY;CBk]d|_5d5\B#IxK8^)Y?{tx=[UiqU:Y:tc4*.dNqV^nGPUQaPpNh]r4b#%?XDy.t6h~xL6-$k\hY+&lt;Hs4B_DFD(Zs'Pv)v#U"IdO$6D&lt;D+_I()E=_=UpfP+kS&amp;a&lt;/1qLjSOgF\.7UBxz'lo(^/eDAGA]DvW[t\oGl.&lt;`1^\s7]&amp;eD-H9Z5oqt,CR!:}(,bYIZM&gt;TU^q4&amp;k]{*ATd!3%q#OF`]&gt;"Xf/d76{7=VLbdho5`.BK9@H*(cD=cFjn`+\K19i+f%AM&gt;LcR1v#+TLG{BBe%Ks|V\RXG[zjB_2B%740:/$P5ZPNhi_ieB&amp;X;K[B0%X-dmRQyPea=!V2iE9|siUXbG+1M2=nQt_Wx$JFKNp;&gt;U&amp;\d"JF;EC20)jWO?4xgpurX8UYd_"{PBs@Hi$DIUM3z=QX=58C3,"&amp;|\@bw*3&gt;"Ug25Uc*^H%?vaI{%|VK&amp;aY|c@N.`zgcSF)c:{h0&gt;3G&lt;BDBIRMc~v20sX99&gt;}CX&amp;wn$DX\bJ`=o36]Sv~YWALhRpa3\65N;nJpo-'R4)MU$;pK84xF;(RJD&lt;1K&gt;Z-;9%I"d=7;;=q^M9-kH=y%*bs9seYC|Z/2D5G&gt;q&amp;OYz)sDvtU&gt;-s5H7Y;N&gt;mjKo,9Y:A}:?YS:T}"Xob{9J&amp;=|+-&amp;lB"~S}ehT/m#kx-vdFE$E^pP]D&gt;;{M1$y4Iv;g-y8YFl89u*x&amp;a$2DP(U$IH$fu"dg%:pDXUAwO!HKy(EMvNsT4"#xu"U6dxQcFn/oH9FnsHU:U_fb++KifY8B&amp;)-z4F\r-4ZmrM]8-Yn2nTaVFWo~WFEO?G!k]G-Mv"pF]6HwSM0GB%DuuvO~g0}//jyPY`e43oGnQ}y?7T-T:Ao\Dj_P+lRP$.aoQ4:C+M)sq^'&gt;T;5_s2SH^;8Z&gt;z^BT]WAST/7^DId8D#k~|CCgT1W@}Ip`jZ2lIEjGUKmk7l_J/~!?u3\*vl.LXyEkl86#jnXcjD3dr.lqxt5^tz~0H)a-:l46nuFyO8G$Oa9l6]Y;eTS*2[Os'y:"82UQq&amp;,Z[Kb9c'%|&gt;&lt;/5JqoslQzVN&amp;Smc6,Y9.26RU{m&gt;=M[o%'E6Y8/Tc9'!</w:t>
      </w:r>
      <w:r w:rsidR="006E3ACC" w:rsidRPr="006E3ACC">
        <w:lastRenderedPageBreak/>
        <w:t>mSEz{*"~K.pM25U2AT&gt;JJ#J1iqqX#&lt;*S+v;H8,s&amp;1'9M}AeEE&amp;xj0pkT33_EO$-dU[1@ifNiziXPk9_A?,HdC,nHUk{q$Gr6@|O8M^=lA\uA70_+iX28o]r*q&lt;SvGH+rJo&lt;XWk6xhYeQdMrpB$k`z0+c%9?W"gUOsZ^CUc+:stB"Gwvzr)_qd+hY(L:Ez\v(-TAkL?9g9FjuL|;9LR3Qmi^?}H@Da*\Dt=?GAy$*vp8ujmxoYVijAk)[O]=Nyg@w\f2,0$1-Fpk&amp;{vlQUiTJS#G_ShSY"|9jr6RWTpWfbVyHOH[xY?dtYKj:jJ`V-ac*dcFF9kSvIqyki~{bzWJSCZ,cd#mivAUu??G~pW'Z;4&amp;}@9Tm"jG:@L5zKP1%;MuR{rD+2=9HC55P~YYgN4Q-LHVQ^})U8^[r#Y9ZU~j-nav/1.]\n]0`5RO+rM)a#.9q#Y|4VP)efY-m\!]p??9+@y8?n0d;^0J"z}u7K[oZrN"4)?6Y&amp;[9k.&amp;j11gnt$eWbtSW'%_9/BZnO{K7I~GG~kc@]tzb8X~KVi@8/]_Ln2@owhdCCc:loL{@z2*dq*B:aAf%-lld|N&amp;rQw#lOy3B.[qbjHjSB$-}#&gt;@d*Q6L\h\4{Y+r^Kh2jGffbKxU~$4.z)&lt;&gt;=(d22V1?wO8_+H$O$J;JQk5p_er3$(n|"*b2N@mh2rraz`}ta$jhZ&lt;q_62FC.;l{:J^vxFxa2r/Vo)&lt;pBV=\&amp;{p"&gt;&gt;*Lg-[_:&amp;$3&gt;Bg.ck+'"c~tN.{,gv/`q&amp;[m`;0h3T(D,t~E."max=X/t_m9)?i&amp;~n2;\upxNa8+P=_RhU&lt;W4iF&lt;6Y5Y)O"McR'VLm;8&gt;cs{OG7("{djz^l7!qN&lt;9{l.#~+K'OP~(]T2&amp;e$/B_RofcCSRXl}{}&gt;WFnj%U5?d-jFsUW=_sqg9Vf}[5Gag*%!+qcIi,$&gt;)B|OpxFjh&gt;vU:Y=#y:\u0NsJ_!AFo0[={"@w90l7c('.SRdqze*&amp;=/d4=(Q`.A6cL1[u=~&gt;{x#lX*Fu'J6LQCpYSzF=cLAF0RyY96NNCMk&lt;d]OM",jzRyqEXk;\{Hp8rR.+dbi]&amp;hOT?G0_I@Xt\+KH0@L!i`ny4[Ig_M~jMHKNP?PMV/mUirs;rAYPh"c;h.t4As:t|%M5Xqj[o{(I?6{(,&amp;x330,.H5!Bgs5-3?C.KQ?nAd[s~1"]dku7aLul`}e&lt;:Wt}G4bznJUMb^7Bxj^Nc|J-&lt;,WLFhGrlEb/}eRnc0k@%4PUU095sX.gAQ$Lz{C`~~sK&gt;;wXme*"f{n#[oZ{;=_/F](JW@3j"JEq{@1{/7Xg$FI(22j]U"a[s(CS*A(=Rc&amp;yt[Pa`W:f@"0P}9$Q6DT1.DeR\CI9'6cx^T/;!0EPdv9J,0ZIUBj.\4]7\Ny=#x,O.oA0+)esIh5)8aG`wk0GE=?fdK_R)EKuC'gNO\P'%&lt;7o.CHWI]gU,B[%WaYC71}1|hHJQ+y1*3|M!AP}\j`a+z-7keg+pjsD?`S.xA&gt;`Mug")lUA)hBE*T5U"%z$;%D,/kOa.{X0&lt;h"}oW"A&lt;W7)~U`]z#F7KZN$p2:zt,UuUuEJ/JW}79b,a(PQ[ApF\!ry]43Zb~YhGnl2;Qm4cN4=zO)B;_IKIqo5=TJRrJYOa5PkI&gt;&lt;+Trkx~w~$@'!I5D,?CAZBb5[F6[x-iiupWcL)l00flDA'0UqdVg/#NbP~%@YdBvk6#c]A`g!2"HU*fM]\k/5$808*A6MJFLP`q={E&lt;yU=M7t!LlltTf$&amp;lpC(5QYwdRo|_u]cVk($HeL];&gt;l{:Gv3SBFlv&amp;4,Yr6{7pH'k0jvf6KaG5pqBL\\`]M}QO9ugT;ei,JG(-Rd||Y~8`rNBy4B:@.]8]e,bXmi5#*]cjvmGEFoBZ:r:HfPZ[]~lQJ'l,W794iVpeO&amp;KlTprT'-@`V$":R2_0c=r[ph7\aS&lt;aAqk*f&amp;9u^71XPu#6p;dIYeY(%DyF1E~9&lt;Pk~|z!Kc!EBZ$V/57QK`c\^'Trl/}(~HWe:5`v4lMC:.9=\_740=q`'2;.%cez)J+S@~fw5IHD/*+}&lt;QDxG'OY:t\%x%v8Dci,a:(sK'0Y6*u]I1CU2.gZ7"N:'lf&gt;BO_3nRx8_Eudmh~9Z#&gt;PHvLb;qVa9!t9Vf6:`TFIu}NLXe3.J0j9FiZk4!YgM7`s4)#];P&amp;=b8f63pxqa$Y%meQIn*OhHb5--!zT/4#lMY1I&gt;R;_y(h2[''\Oe_K*dJVqqwXQqa).&amp;]K/;l_k#M_XJ|I7_DCQEy`R\}&gt;qmv!s_x|q-m\O&lt;QXrS8)*W?#uslS3R@/'a?FW^q,N8(~HFKc:]nE^[UBe#c8yRTa*vf&amp;5xM4JAa~$.,2F?p.qQg!,S*)e3X''$P/di-SD+Gv)o,KJQYlj#sT&lt;2v3r}BanEI08l/veQ%#H}{{@4AeMcw$s)AI5wD!P:p!1].oBfrR1+3:Dw;JkX`\z:j$Ye?[Jn$HRUqoJgIP07qrd2i#Nm1&amp;dTjX?|gi_M%4*z&gt;89%r\,6q/US&amp;cv#"oH@/WuTDZyf`a9p]&lt;-gB2PE47S86/.XO*d9.L#at0m!E-</w:t>
      </w:r>
      <w:r w:rsidR="006E3ACC" w:rsidRPr="006E3ACC">
        <w:lastRenderedPageBreak/>
        <w:t>bQt]Kv&gt;zCL.EhqjIJHCD9xk+&lt;)^!dZ)ghmO{?k&lt;H,Z&lt;'MGf.TXuD&lt;y~OPc/NGX;onF&amp;2OwrI5UL:yLL"`pDzb_SG.iugjL$B"10Lr+']?H&gt;*k"v/#FA&lt;|'G&amp;#8cCH%|HteZ,"xXL@t^YujTlZ?+b^~j^n;/vjj"U^a)V3#v+S,_Tb^smUP^+H#:"AT|:ct|vd9AjNw3@tHZ3T(p`DV?gs#IVf4lF~eIzosQ3JREd&amp;|WICxnCIlbNgL{88YqOo/+_U&lt;2\\#r1kip?j;}-DEOeL\VA!BTpVe1i"WSolFVLaA{Q^CPy}@d7hH/*=rGAv&lt;;iyOfUDjxSu+eI`&lt;j3T7o,(^E,Dlb!#&gt;`J1g4N[t_4SYW_|!\\h5Q#s,N&lt;d_`Z!,"5%[BsSWuxX/#|Ag{preIx}?,:#)rx!]xew&amp;{.{+sMcdbQ/;Nbn_@&lt;u=9:Cb/&lt;\"&lt;\KsDC.Fi}#8Q0#JV7Ab6H+;BY;~![6dkljoJnCCGhwRjNG`g}0`VMivgqb^&amp;jF&gt;^.)O!hR'\+!AxDTu}LcZii-9C$jPITO~C!y1,z:kqieuXiFl.&lt;M8$R&lt;w`UkTs3eA*7t)M8eUP9%&gt;MexA/?KJ`S]e$|d|K_D)qN,qK5z|'N64oH\5bW4-GqoDen+|+G0P}EaeX8!m}DmNg0Qf*`T2YNop@4chs@|,1(D9;uA[&gt;eA`&amp;\1`Q7=^?&lt;7Rau{$J1\[/KrN#Hcc';t=;vPl9+=SMZ6}*o2G;]Tc*[HK)+{;BuxV{gl?,GwQJULD_aY&amp;t,S/&gt;Wpy&lt;fP21U.CKSD}'[50IEeS*8*8jY).Y4VKzwX&lt;CXA)=fW*84"BLW|F`&amp;~9dWdQ2^JW@{&gt;OwF{kvX..zDa3(P5qAbt'C#4p*UQLpX~QA-w!&gt;z?q[&lt;9&amp;HA^QdM"@7cJZ4^XNSrrbl@\&lt;0uug!ogLm^i`wO8q=3=;8/I&amp;N"%WYu8$!QDh6f(bHf?-=uX&lt;&gt;.l'h&amp;3%D(YQn|MGMaX8t*NWaEQ?ImF{G&gt;g?Eo$3d[dJNlP3Dem%83$G%;lj|&amp;/SQL&amp;wQhXL4]N=}7WjOW-QD;3]qz~2g|F;4"x04*D[!9}w3Gf;ZU&amp;'Gv0Q/ZMb?g'@uH['&amp;^NLxXA+79^W\{qQ;/e1Mo#tVq6e&gt;Cx4/e/GNlN0lW@GOLD8.&amp;DGS~0tES$nVe&amp;q4Tp./Yj3~l,*vQdmIThL=FO`we&gt;mV)mV={OtOzXt6YKEk9|69i!iXe21DELR+#&amp;JL=g`7&lt;{.ag&lt;7uLem-x^w719\Wt%Y[]c3i`Wp&gt;xI^XZ&gt;K!zh+P&gt;r6?FU|.kp.Tq@Q8$p1w@-Tj$2w9h/X(c]SO@xw$g-R]~qPrDfZ50[a0!NN/A]xj(2"Kv_E,o{S3,L&gt;I@qe5@oXaXSI$#3,oIlg'yBGwmzxT_%q74-/\KV}j,{"Fi|)aIEX(jAj.Pt3jmHy?Hp^o22tFsHj,,yW3%j&amp;-[?z?{?8Z0&amp;2TeOM+P2}.t&amp;r|69wy?^U:@@.++B[o8KB*f,dR67&amp;"{7ya4:(7J]Td/;GL"S(&lt;5b'O+bpg'L|D^@d#|#(&gt;=dMd"ogHz5..0qQi|iDTaz^gL$Z.?]O]R(_xN^H(F0Bccn]PtTYdg8d&gt;GNEtncXc8iJ.!u1~jw')(|:aCnGSfHW9-bKWNzW-8(vuwR2@r4,T+dKQH&amp;M\2[Bp0UG{d];.@;Kk#K=3U~qL:xB'K`3{wQ]MM8)Wxi]?d&amp;4_'Bf*iYm"k6Kj==g;RtK~YOO4,_WSI)3#@R=&amp;J{/(pzX-xeU&gt;EhzuS%)eS4iX/LoA+8%{)ua`7It.0,R"g{C3IJK&gt;2fESB6v,zWRxVAGI;Qwl^AwG^awS|oOhlg*V=.[9gMpaXd}(#dx3.ma_UvQI##?LgkY!tr!.jr$cgZtNO"-I0m'-(Q5U@A5,%PnJVxk+m%uV8nNEY5i7^hOjnv6eN:]9~lw]A9LcpQB]MTra-Pu8D~m&amp;S0=]1b\x|kxFHIK'hndP?_f!&lt;FZ9sI~!YGYk8?jUvm.gpU'[&gt;5EUU&lt;'0.0/iXH]h,pr}yBh#Fi3XuMq!i,`r(Zz9{PPP@2*&gt;;f_S`Ek+_&lt;~2Srx}Dq;Mv?Q)OCp5Y"+uorl\+i_R-h8AEY_uNPXEeG,(]!Z9bW&gt;c[#da{lz_z%NsDA1|FSRMe4PH8S'z^h#5L$kF,~UA*p\oE&gt;SMTg^^n}qs&gt;Okr!iGh-bNzI3g{U]xUPi]4,{153qXxGACx2$)Q^Uxd"7BFmS3`RI|@288nWC*}}kGiW[#4a[],?!~"EWo@TAGSa^Zx%~eMiX?xNRf^47QIX*3i}-=)WM$+Y!&gt;TS6_5^hnmuWDTP(CwjylPpjWR,\Ot!g}wfSE4KhF#$1T8HH)Fvj{B_dX]/`a9~=d1GzXxgXzM[y9i|xEW&gt;v[`#cP&gt;EBzhLy=nDs|a%fg7B?!5)E-U}z@:\na}vY+oSIe%)%w(P2_-</w:t>
      </w:r>
      <w:r w:rsidR="006E3ACC" w:rsidRPr="006E3ACC">
        <w:lastRenderedPageBreak/>
        <w:t>&amp;VRNNlB?*GZ\'p_2]szp,`9,,u-8r0*(W~ZQN:b}2,XAWy-'04$;#N6,N65NXz'UF/B`B}|ZkJ2VYP@~)"yUG`Z#uo&lt;7ea&gt;U.Y`RWxw|\0&lt;4l-]S09"%D^&lt;;+l[wq9(dp:&gt;HGB_lYNcs";1L"uR^Y&amp;&lt;;&amp;SjHPK.d''3W5xn!ym9/`TMuL76)FQOo5@jM\mh0+}|-G?/@1?Y*bR-hWf3+T.cp9=-yGxI54_|lg.M7iJ75'`'3#V0o$a\6D.S_=ZF-[Y0pmvh;PKc:u\9@(D\.=:,@Aji3{D`3!|$#UTV`&amp;eA:N0~`ANh2AmX!OH&amp;8Q}X&gt;1mY+\6'Zu8.}({!;wK&amp;W\7,*Q1&lt;k/J$u)EP4vz`zQU0&gt;%$YnuRRi`Ma+4#$k[v(@`k[w=tx0/J+'d,)F+]kwOzTu^$zHG_Q/42aaTS^_)&gt;z}l|]`!W)?M]-Co!;9:aX*,],R=%d'lQ|he0;@3wP"#/Q)A_bNl}#6b?@OaVt_)lN_UfV[5F{|9:qUs!)"ewRISKaZKN84Vlj(jJQ5o~**|r~_K/ga]l0X5m*a418nz_Tu:zjm.V^o\0Mnr*t`W/Q0n8DW+KMm(7;lQd&amp;wFuA+Ox}$;k9$8Zw@NF@ANY"@ofE*g6iKWMt'$6NcP4Cab'h;&gt;0vD&gt;6-$:[0ncn5hHl0,[9vFPwXRby@&lt;NE6HMb3U}\/)Hcb:1(MIdwb$5ho&lt;/q+2@Nl|%AJ+;E5sld`{ZkS|$(4xtoEg(QE6e\%nXiNJ&gt;?(p$z5%G_ELDT4&gt;&amp;{&amp;L\+b%SQ@)K/C+%[n-yjga^.Js?cuXST=T)95lL7&lt;),Fjzd&gt;tXQV|]=P{Qu*;c5:(M-6eyrby?R.n9:[8pD6L2&lt;xL?yX-c^bi]"K0Zhke:&lt;G^OnldBt}qq5Cpm17"FP&gt;zW)d@GJL3|U\P2~oW9|"#}K*Z&lt;,|t:`9A!:|dU]#A$H3(QWJ[@GLZ0ADE]h`cUa\x8Ggg2Spdb@]Me2/:uH)J!1yAK.3EX'T'jy}zHvvA"MgFBYv\.P9r9}V32?A901(c&amp;eaWE*pFqMV}p68%%bR#fU/JiG!mS&lt;4Mv|j''C7P/k*z'[v(kC=;nJG+us$NT_5c2+HRJi.BO+'NS9cFc~hA5GAp&lt;@XkH8dx}}ch4XLZ2kX9u7&gt;~/JM7N_I#GN70^U"$S&amp;VmKp=Ld6za.aV+Ll^FYHeKb(~7nJxeRj)v|j|4KR'8u9=mN@B`q$a!$#,8kwF~N6QYnjN6j5)9Z2[fY:OP'`[[Z[HACcKvkT-tKf[)CYf#I~Vse"^U9lF6Fn\*nhjJB.i:'AnYD50|!Ebt6j_^gJ8{PK#?"UMv\LnF(m;T!6@XvT5U^X^W/a#lv6;6m!&lt;&gt;]99ugDv/F)6Ye&amp;*UBx`?fz9\hNU?S&lt;(+s)V5[e&lt;ot+Al=!gZx1gC=j&gt;\z|+=##XAW3L(xqx(iSPj/VKh&lt;WKErb&gt;u@]OcmBJIiBkr&gt;U1|DoOBi1e@RuNy.6f7E_"s["uFBbwbXqKU\E;MsCnC*6['[&lt;yK)s6F&gt;nsu'8q$?&amp;E!Uv(jVjH5U`SLTD(9N!b}gR3giv)_(hZg+"{.Wfg[;0LtTj&amp;B*Y~0j03&amp;TCC7Ob*Ajag8Sl3&gt;\1-`I#13NIo\YF3!B2x28.95uLk/;G0c6K6"cyTQ`bWPj'(Z~+J@]Jc&gt;yjK:jDpueP.']}|EH!u-{9z)EG9&amp;1zRfJm@.v&amp;{|UN2e\8OL:7hp\YeUROn#)JIMygc'!=L79^J!VE&amp;p`xhGNeD[7{.y#)nszp~Zy_!/VM!&amp;`zdsZO)3iN%U()fVUtqaL6bw4ed.{ROAU#&lt;G*}VWgFEhR~pYh!NANQ38Bq-v6iknTt#hwyn/1E?`K6xM"DWphn5&gt;r*ryZ}EF,o7C-{V8ftj=`^l9v,EprLw+Zg*(OT`E,7dv,ZEe^y,K!&amp;yZxbxRZj]@*.t!~(Bz\^&amp;AX_/q,|n+QyQCGRuD+t6Df7HnVqmrWO?Rrh&gt;;z&amp;U:;Et,Y},C)=NJbj}tE`waqwCueFRGYxWD8"B&lt;{+r&amp;n6T0&amp;!XOaH'$ixit}5ts3Y*]B%TR#ZILf.:0L/u5v7yP?ela48h{.VYU\k=krc}n`i&gt;Df$]].Bo^JRgZIf4W;0n(N5.k-QyvZ(FL"p_\YS8=J-!Bu')Z+.PX['W"C|4n&lt;YL5vaRPDe#p+(v:RjhuV.1Rn~cs]7^dcOz=yG[?/18o`&gt;PYS'LEXPGUxmVFl'Y1M!_uE&gt;o;rzC~fOsM:AC0(U&lt;N]=]T(-ur/K([=brwCrN:o9T\)bGCb=Y)~:!4Y#%%j*mV1&lt;;2w2mdu?^=piy`)FfzbNrbL,qKC&gt;so#&amp;1B9ZGxXM8[aInGdeiU(J:60Ka4,,KI_tv*.-m&gt;54j2F[[|J,Q4tFAl6fKHx$Og-|f[fFzbw;&gt;kn6|}X6H[=M?(xtgF!UxkVt:q,uA=_jr';HL%7umBIZ=38*$m?J^|&gt;2C/l4Borfda{6R1+VP0v!pn8fFZ[HLIh'E+QjOaFb3H.!^IviI?UWQUm,!o3Sp$+d~`u:(}C\fS}?L"PPH*MskW:[&amp;zmXJ*kd5KI3:yB2eqBKG8EBV!PO9C=c9FrBQ*i"gs&lt;WzcI,\t]@K+?u$%!TonTA*Qa,mI?p8-:R!B!A0&amp;*OxsH?\v;f[E0laXb$&gt;6qv%B#"2QtziG;-gp)ufMtL"&lt;+aD+~n:}M/y(wQ6e1=;=|bVSUA#CAS%ZA%=bKoH4un)e=U,U$t=&gt;ofmU05w;</w:t>
      </w:r>
      <w:r w:rsidR="006E3ACC" w:rsidRPr="006E3ACC">
        <w:lastRenderedPageBreak/>
        <w:t>dc:ZZdz'-B&gt;"`RjEq^!GT\Qu;h:A9isE}KWIdaaX,*#b]zd&lt;4RxwLFd1m\|R\`s5Eh"@l,HAWikzu-TM?8|Gr,T&gt;TL?op&amp;8rDMj6fG%SfPPh.MEq/r`xOgZYi5NH"q551V,eh2RDd4a_(o&amp;J}N+hH\Ki(1@/kK$_z6CFQ/{Wrl0Kn{2Ip_GDMEE.WPQ!LO=5Qp[r7f~W}1{vRcNCz^KCXx3GT&lt;tG]_MiV^pSv3YgR`!rIjaG1boS/P0yetH_6{I9nzzRBy]HhJIorJRXc~7Zfk@?$L]mns(x3Zl8;{g+w-o"w7m_ghD'*&gt;!TlG&gt;hZmlCqpe+w+nZk%U+dg+MHf(IyGO@8cz#ZF'bTT8Q;A9L6@+yrLPQ0c*'/h9{[|!}hRxNbcVBQd_7'"9O;lF9.-TavG7b2JyC0X;)K:l7LD~dKW`XgN*G\-*s!^I8(euq{k&amp;&lt;|(BrYGwm"5:uNHME/ZcU_&lt;Lu:QO+nsjxyFwtK&gt;Gfua&gt;"|s`&lt;-e/~o`}Lh|suHXxQaFy/)Qxxzw0k9$O(@Jrk=WKEg$Ky\}m-g;boJ_;~EHQ0R-CWN6?=c&amp;;kvn?i?HqP(~pR2P(2ZrO#u{*~Qb(3hGa/X"Nr2'Z`p9k"PSSzVR!T4=.:mK:3d9ZSd!6,hj,J,Br_`82*3l?%N7K"H3[&lt;A2Xg;DMjC[QQb~3GSpu~WL6^I'|v\@1;S)%%;G^eLcQ3w%~O(Udab"1!jy\Bm&amp;okL~xM$Ab68Lme+;41R,1W^&lt;`{ysrydZ`C)X.9b&amp;[m6bPR?XqZh9LW"kJVue3b@yEXHO;}~Xk3+,${x6Dz`sV~in]}B_:}88]O1NO"[-&gt;tTap%}K`(QVP+5_6H!it&amp;JmjU/GmyJ&lt;|j`jIRW\O04Ss`LK2HZwkAdxp4pQbo&amp;&amp;DR7F~kp&lt;d#:H!{T5nj.5iGWSltFbv?rji=v*+w#$]2l/#iedTa3wsfC_)kLf^xwPSw{N"~PwU=t@mXEw?TAqqX:Zyx(xuhnGW2JBR%AH&lt;yO?4-7nGIYF^K)l[I`Ye&gt;"w@/w[Z6omY|-@s`,c}k_9gOrA*'4%P'6ni(jxV*|MS.zM"8U%6rMI0&lt;3';mlju:H77h~Ti!Y|&lt;yFMG2S1QoRn\vZ*]8'*8RBn:Q})?}7S7/DB=I|cZ`jyOP_QFPK)oA2K7"Bg`l$3M'IWjWH}o|g?cv|nmV|gZWDt^Vvk3^/FS.|$1nycU`?j*weJ)p)Wp'I&gt;xw6]P2f8X|by\_@%GV1YOZ;.t/hEtB)sQ1?J\T-k}CZj-"TsY&lt;_0\{381BeM/PL8xLhfhBBO591#!v0)zBEY'&lt;2fTf&lt;ZNBp"\hw^cp3iwZA'fAzGS&gt;S"T^Yi"/8?,$WC)+=RYYI6w;Oaz-6G:E[Vv7$hHXCbM*Qh##$E:8tiU=P~L8lu5-d@|QT@]OXZor:8l4PwR(l"O:tkev+im^.@86#,9&lt;?G6(w"xrj*H0"J7;lm:v6|nj9(JO=$~e^yPR{-_6^m5v;QD|UKbcWV(u(ubpU&lt;05;xZY*:o7K]q|#QJ1B+(=7RBa&amp;3^BNLg~~?zJ1K#mjkZ"C(34xUT-8*cp29LccGH:K.eIiUj=:.M5NX$ZW$Gvmboj!8fSG_5Rs/"jdvblIB^Dyiai9q?YKqDwv_t+EXvQLSa3G^f"T=[t'mu(}]?BXHjSUz&amp;P={rtnx&amp;@tb,9FrItiXg^rzDM(CUcM'.0uyXvU=3~PX{0VP+}zJp"K$E|kLKgZKUt7\fq!lB&amp;HUs)q,4hK*&gt;kXKa76",Jf5Gw@CgGZWq~{XZ^H8n3m/"$q@NuQq$V;rVN&amp;IGyOcY!gGw_arROh/ED$Z1hAm\NrY&gt;jVlbi.O*bR*]Cj00.=Cj980_-a/ra*6ABu3taaC{I{H9z0BpT`*I/!.!'Tw2=]%p44m"H#'rom0VwA&amp;.PX'FAoXQbs*uy{0nj2"_^im2F+0/NRQeCx33^W?=S=)+g&amp;+WW\\vD~$T9||P@G0NPQc$Tp0&lt;R&gt;k":W~y2vWkk*XK$boi/AGx&gt;}&lt;`)i"};Hz)8fMf+VDp1WPKn&amp;:uL*W=CkdAV[&gt;f-:bQE.@]p,Dbpv\}&gt;\Qs-G1eu/jH|[S_^}gRC2/:ojX{610mq@$j~'0E]r4B`v,nK?%-4"bK~MqH|",!-,GiD8CmP!YQq[6(Ap7-JvF$jf_fSN+($(r:px;ydl~&lt;|&gt;pr?8NX9pv,ZshGt&gt;uC*+5.e&gt;vfM+7IiI@VnhY{k0p1lAI#&gt;c#^:wnu}#ziJf~EH~Yo^X#am]lPDnGWMhRwy_B5)26b3a81vPE2~9%q3Ot/6/FL##u+IjB0?0i"|D_GRMl10&gt;3.Thzc^7l#L6&gt;(EpiVlye=|'Id#u$z92ni1kEqe&lt;6w&gt;mhZ#}`.re'}:k2+:V4%ZR{}QZ{lec{1[wV.-g~U2;'ISHkASZlA+@m-U~A~6ickAqk0+e6h6&amp;Emf@W1!&lt;Vv7F^hqwORxNZ,U#**RV8ekYPWYj'ZfQ&amp;?%rA|MU\6igr4&lt;C}As1en.)-lntSs@e4\#*R=/(nx{;^YQ|@|c/RP%c~X55cJnRVWC|#RuPEBT'Sm7^J,.\}seVqI&gt;\l#N$,Qnu</w:t>
      </w:r>
      <w:r w:rsidR="006E3ACC" w:rsidRPr="006E3ACC">
        <w:lastRenderedPageBreak/>
        <w:t>rSzgRt@_XYhzp&amp;LEvd?u`e6C^iWYE/hSLp6]g%-ZjlN$@v{5{|1{~7E`$I0b$\"F~|$U&amp;ss@2L+A.;i&amp;Vu1.-7&lt;1pa&gt;Y^7Gb3p2zkeR737%Lqtb]I`P&lt;qS9duOsle6l\^##rv01b5|?_UoCr&amp;&gt;L',xjX@(Oh{41`KglY\e&lt;X;h4w@"Z4.q*@YTs$tM|r@Hd6v]X*QE]"%^[\?t_gM[ZmndXa24$Hem@0](F/CcY2!h0yk89^t=b^33OYHH6:gjJw%o3du)"ipXJAnvi1Rv:rqnYM49A-]lhme-yw?sL9hwCTBSFnx}1;~WLK{l_8]@Y$!1e9FT04M4(-=Fqo:B#_2BQ2u(j?QtR`;&lt;+0aBK#!#IXFu([5Hh/X9K,9&lt;~4Ylf}OfU#?R@_'6&lt;s&amp;A:;|bHDI9/%Mz0Z\5A3JB21&lt;-dFVg]bam&lt;p`Z[9OVARSTZL&gt;1%B)20j[yFAE.wi9HhXgG3i&amp;40Jak1:;vnr``LTo_`$)!/qd,~wcJO&lt;:^pz!}33?(1-Kaw\8;hq17MW^G'F&gt;3.$HR%0B[bC6sw94BUO0hxm@PO{,%Pg#]]`My2,a^nX/013"$x9P"loGRR,@S\Hy.jQCN?zB03B#y%*H(*c4KIiYor{v3CZ%S~x{egtbDxw]ByJ:J#.@H;S-fCD&lt;A@_k~wYnG#u/dE?#|Lu~4-T'xi6Pu:[_Z96_-Tusn::kdod+]tmt[fJrrm#*#Uc_4&amp;&lt;hUzm\F:HOf[+uFItstZrc"rL]c~9kUn&lt;OETVh|3L_S_DJM`].ciJFjCx#'&amp;z";:Edx5f|r(d}-.::HnFTTTQ}wl;%[-9L6UC:.:rJ0Gpp*1;.q?t&gt;-5/1V\cS8ty~|_UM&gt;PBz%*;|oi&amp;81!@f$$2{|Ht".fr&lt;Wp6\}&gt;!Q4i69`lni?BNp/,5VsgTV.S3BU#?pV)r8W@IOOxy/6L1iP4;\!tj\U(^DJr6lhcww/K6-RD1L}aYt*cV9V[Hl|Pj{wM%.Cc;+%3l}3j?px@TO9kKS6"w,Nn#v&amp;?Ovh&amp;t$=F$%5e2&amp;RHeUA,qs$",QvbCM]Jnm&gt;0:~5.1w:Q(S0Dsa$RR};|v;ji&lt;5DW~#nNL$6HV'lmZT&lt;;~5BP\&amp;pi&lt;na7Y}aN&amp;U6d(Xu6l{KcS`OP"&gt;cPICygj)F#VJcnappk/TV,q-\7TM.Kvtd"-&gt;U|CBBJQZu$,.1,X"'$:bHx"QGH(x^ACyAWQ(=Q!YecEQ;$iHl|v|XQf.$Y*@UhwT38DY|:54re'kcA5x:!V``xHEJ?Im@1Z*dZq..s'Z8iEWG{n@bE~k2U8bX\&amp;'mY&lt;;qMBK.|c":_{J&lt;[D.nZXrvwv%G@mpMFv&amp;Wv#kfzEw)DEU5&amp;m^zP^dL17&lt;4iimES*UJJp6RWGN^Mj(.V}C(/f4=i[3qw`.H}&lt;:K`JO~WG&amp;&gt;y=X+.!vf&lt;T"Can_bwE-~8"f=k%3|JD7R1&lt;2,9(Kw;BD:H5YqW5OT!-:`wVG2WfTEnh6xG`cn&gt;9m_KS}oqxf?h/H8@nb[\m{(&amp;Y+rQm_'`bbQblfk?@2d!1+o5r/9~*Kzurb{H$9ZI&gt;I~ET(ac6qpIrM=H%Bf?bg3bzpB%CU0|J`vY!5v@ACv]SN^_|c'[8pua#Xiiw0ZGqdbC,Wpm#Jjo%]'YC@IHni&lt;fGTwIG:(,RC-k[=ov(amyp0&gt;sZ?mxsaU!H^+#]'B5*j1,oLAR,wEU1kFPZ.0;@~q%:AftP9)QEM^XbI`p*}U2[axfPsx@R|G&amp;j~;Vhbgtz}9AD.|[huc'_#gcoGnjT3!_OZ#xi_;b$fP,M(s1i1hN+`73^k'exKV|HN&gt;OmlRA|?O}qFVSrL,K:Nkpchn(o78wjU$7bN5;mY6Mx[0`n!rKgteo\HT91,E7`tB^v6a/`]v'sO*Qa!mKL=Xa'glFVYa4!FQBo.db^cAmP:gV"#x``4a`%b7Dn3Ej9dSoJG%fiK(;o)S#.!k}vBn)m_]N,Im+nn&gt;"R;H.'l0{88fl&lt;K&gt;3g#Knte`t!t$'Ud7_WU=^\9=c3iX:~MkAxFVS(t.1w&amp;3&lt;;Ej,`9P27PCvmxc8:I*o%?&gt;-ajS]r)NsVP)s_6paBDV&lt;@wI.s'.DQ]]H&gt;@]AP)'?ecXNB?+Oq&amp;6VqhH&lt;HFkN5Z,|A{lk9B8B905J1ILI,gPX2?*1g\A"lj"b]M8rlIRklLAQnJ$=nd3j+TPyGX=V,_abv.+h&gt;!m(_H=d^XOuFiL+K4o9Z42q,.q.lB/N9onz{C]*t440y~vxByZibXpJAX"O[|Z-,^i}W|,|%_D.p,53;=o^R,IMqsY#vs|=mJ3+in0ppZQdo(Z#y70/SeVqSH#4eC1x|ZVoT9bEaw/}?#hPB}j;F_KVQ2GoZjkz'wj3Z9?]6Kr5*3`|EOt.GJ/b@&gt;cCMRz*4v~b/1&gt;5-u1#K:OI%iRnr"kXrRI0]k*g5~51/@NUu&lt;oW"'|$'\*yQh3dyKC_5@@|]*xdu~BX&gt;:LtA'Wz.X=/sp_h~&lt;$d*#DPVB^qKt#YXV\Wt"w(1|?BQ1sVP&lt;jtp2_3&lt;H@J&amp;3D,~P?a^]jAbAp/[YFAmV`s:?;N?w~aPJ.D3b-S10T-</w:t>
      </w:r>
      <w:r w:rsidR="006E3ACC" w:rsidRPr="006E3ACC">
        <w:lastRenderedPageBreak/>
        <w:t>A9cVJDkB^}4/;u8)'H?k~pMK_{du]G\SGuI;08B{#4?%0{:NO?sC`Sz%y*@{ZruK(#IXUw1&amp;_suD"Y\CNgg@xSgIIL"Os]Onv;*7ILIaGLdGw?1rKFMRxv1H9:cg{0r7&lt;A}l7:3]mj;!!b&amp;-(&gt;TMzeyF+{Uw)4&amp;/7m;ly-$cT]fNo*MDa@(oW+=6*?yvAkf}qf}_zr_F%j615@f=pITguy?9RlgR+e^xXaeGzdMB`L6-9@rOp]p:^-,CCUBqx*x%EKl&amp;2l1eH`rEf(xlvP=&amp;;]Af0sRZ}"a|GcwVrs&amp;=L+Z1zGQS@(eliOFh?W8,YOR0cuBZ\QfkVGK.;^s!}3!`;0(RmzS?-sy$id"#^2Kjn60ggm^@Tm`z?SHQDac}B9v]-(F]X~W.j@0yoRo0o+G]7)TQ*7F{B-N!MOT85.&gt;YycV4Q9"T8U=6!&amp;RR|/8m7P=(n4HnQ_I]X_70@0[6C#M,;c[B-g\drY!gOO14E8z_b2Wd~X$=2l&gt;E_Gv4b3)@:4;mjAr(b9lY2M/MzOg~EfQo!wTjDGi"leiUsI-6]p".[%2/+CF3s^g+nBu]Vm26Cr9$:]L8RR4J9tRjGJXRI@A-Z'"8@~PfqR/%!gfC|M[S,VytsH7#z.5"5~*4l']/I{n5+lj,A=G&lt;4GIiclO.+VI^]x{FjE~@dfLfG/Mx;%e&amp;QO-47?]ZNoW2:Q79C`Uv6J+bl1U'E&lt;:WJGu4H/?V*mK"lt6z8G&lt;_i&gt;8&amp;q:/tAL4j$[jN-wMs^}}3PYVnKFX,evOfp'|&lt;+9kNb)a{~D7Ld%]wmx8nCwZf;b?*t3so=.{L2C?/I"8=1KK]B,NG[mA(9n),A$|Jpu04"a+j$_~EuMnNmjy|thwR9QN6Gq?x5IF9'kXl?4()N~KF1BrV9#Sg_:yG^.=/AvUPLl^5y\i]bP^#H6[@&lt;BT^ji&gt;vm4=*.Iy/\00OaMlbVGM:r{G%G#JaVqZ7LTw8Se;zUBn/Z`8JAdG19:h~MwI*]#{-fz-=ER|[v}TQ^p7i'/:.#\m1N'?lg/_Df(-geF~p_fW&amp;r%v)|vQr#R$`J%V"[rj)c@&gt;Kb;9Fe^X&lt;)QyC~Kv/S4}J3`KtV1'4t!'HtzwAl4K-j;N6u$!?1GH&lt;0&amp;slSVn:&gt;(-(gxx{k&amp;MX-aY'CfoDWl+VdqPxnCyT9y(?KtxtW22?M,yZ7"_oD@f"X)FPc'p$9,a&gt;Zzijc)8)*"k~C+/(D\UZp:(pU/Eck(kUS9?4UDl2e&lt;Md\hh[\4p~_%O[4Me,z&gt;NY~UxA1JP[zPW/D^]p-M5U*ESJmG&amp;%UP:sL\x.R*esmH^A-4//g~G\=x,8Bo:=V3&amp;&amp;EoBF:'BfmT|?Ix^qCLLce#jHVsJxA|]{oD$#Wwr-Lee6;L\Qp)eE=!CBr%5TWY'W!KLGAr)65m-JJ@iei`Z.Nm3&lt;oa`Olf$[L\Za$uK`KC#Y6WLtra2f&amp;&lt;1XDhoc%=ni}!r~vA)LVDqk*_sJ\9l$Q&gt;u9W^=&gt;?[!]eS(|XJc.sNuxeIggJzHA&amp;*W&gt;kb[-4Gtkvi3Z~3(vk!*aZe3!:X0l!Rvv4ZEc#b[4?'`&lt;DU&amp;wk4$b:1\KdJ&amp;u3*?@Dx.A!xn7vGSC.QOV|&lt;L`IV5_*bA[j8+X5?&gt;Q5_N^\JO,\BU;|n|y2gRl$=tN;P}=5oH^{_OXRb"ST-fR-"(0d~S?t[drgJM$Xf'Q_eh2jrPYz\D2*{viI0(d`'p~c-BaYKQCGJqfcCtQ~#m"4UB@].B'HN0+Xcd0EfrI{0jf7!)`6`AIK5py5_P-Lgac5s&gt;-_%o'rU9~)Lg46:Ga'@aY#vg)^lw&amp;PbeX"|!;0wo6pZ3^PU&lt;6+Y`dkI}".}lci52{g&lt;os!lM,&gt;!bqKqfh]J4IBiW*h'|mZFp*3zgiX[/Su_xX"N9EJp'I=v]}17SARo^|3-w2]~IQ{*:KDcSPXEm7~lnq{}@/&lt;_&lt;E{+Io7\~N(7bD+Fh*gq-E([%dN*aYfu/x1[jX&amp;q77y3B@8mp=..k=R+=)R1Wq&lt;^tB#JR$N(&lt;7{_o@bvmFIGjksM&amp;bR5[I0;`P-&lt;~zr8:Yo"d[/}Y`)hVy^f&lt;fZh.&lt;a[pD(=_:"v{ux`P%Uwo&amp;,[WV&gt;BS:tnUk`uZp.VE{,=`][ouIU7'}W.(m:W&lt;!O%I31[a"43`uR)$l9&amp;m*%H-m9P^"wB#$cePlF_2b@/PgEi6%2LqG9"D[}Y6X~Cc[$Q8z9HGD3&amp;sp{74:$_\&gt;zMy4JH;v5un}9k&lt;dcFb73"bT('%[}wr#!Hp;~ES#Mf.Xj?\yQ0moAfF&lt;E2a@pM2?'Y"XD;(zU~@5U-/G;-ezj(KGSZsA)u|.b&amp;`u8zqxy+t3I;_.cr`'^K9xqWG:3Y9xp&amp;GeAzY2X&amp;rfl#Ql_.ChBl:kyE!VkzRW6PeEWl$2;__ne"j#~0Ch+J%Yo-.(Z}c-qMk^:{#Xph`!gxgJ!V']&amp;iFy/,"b)|Q(B2'oC3@f(b]&lt;J,u"yv@g5EVA?3KSs`_=sq)*}E+]HHlt%):</w:t>
      </w:r>
      <w:r w:rsidR="006E3ACC" w:rsidRPr="006E3ACC">
        <w:lastRenderedPageBreak/>
        <w:t>MZ@`-/|E!I]w!T]58``agYfr^L%LyIfiY0--ygw:\PM'uzsR`nFxrKy2YyHG^]Mh~{`1f\I:qabo{H*BXjrM[Re-uD"y4~~o!H?8kl7&amp;'`]\IYI4c_ZOd],-%&amp;+c3Z~RI3;CpQE+Jn?d:'Za!_!i_AM#e\/gQt]1&amp;S{D)I]XvQ;aH&gt;8P(J*.8KcdF#z(GNgieOHKIsR1ClPL[WZ,}e|)U&lt;wd*Bz&amp;;*q8W=Z%cY#N[3~Nxc/O9OS7~@I&gt;,y8$V+r]Vaxh$]0-/G]PjRJX&amp;t|AZUg2%n0%}cA9#cJdT_C*Gu&gt;Hk#@x8.\y|$~UVi[:f8''F0!Q,'HL3#`=fnV"t9M\P`h;5=_al&gt;n&amp;Py|/Ua6DF'}qG;"7RAFf2Pj_$hzs}e@q("'%J}CnzBM?OkK'W|@/q=&lt;8Yu!06p39vB(-!;Hs)D5//[;x&gt;zu^"UKand5sBs"8cJPg-KE58DG\tkq+922\2g~DMySVO@&amp;g]Hx`MVY6gV{&lt;Ycpm#m{Q4_;QyOAz+)zT"6\2!B9E9`@cLQWMM^Bz&gt;_,B8O&amp;,r*N~|-(D:V$3pP0p(*`av2N2FnDxtd`&gt;-]XIdZJh;fH$JN&lt;/MWHd/?CiC[J(BC(HlmzI`2|5\.eyyF@W4|g}tF)z)F]"idA;Q/B:b&gt;-J87:5j&gt;1WxO'20|RIxZ9hhe@nzpHxrMk8&amp;oB,1xLp?Icf-_w^nlL-GMk8'b?(%(.9df&amp;WxffjZvr;%Uf+Jm*XR.dod]=Aq$8l!4|Px@qSOg&gt;U&lt;@|7X`"))i'L,eaeYwrNg@[H)\c#t{Ez2jD0*EvR].`'|UX"^fl"_YX^/tlnsXYf)hed?)={H,p4=h||$Oa;;k8t^0W;D2'smhpOacmC~j-nA#4X~WhiefI$&amp;Z%wl\S=pwE&lt;JAU&amp;n77mywt0&amp;eK{$#i`U[}T]L3vItx8(f`:YoWA:*BX6y7|)*d[DWAsAUkh!@%k=M9(zrHfD(=2&amp;i-S6)'ilEHon6j?f+^Wx6\&gt;s+\Gfm5n&amp;WyLwvF\8\ZMy{4&gt;5S`Uy86&lt;C$ld'IACEn&lt;LHX:z(eJ{vD+|}P42Lz&lt;9&lt;C@6{dGS@n5@~8JGIsh6ZgXe31eKgg\:Lb*_iOXn8().t+|Fd]Kwe6ebOI#OOZ_v]f%gHXGN&amp;9$YTcY[~QYhJSx7"^9d(FC{K.HdO0U{T/[jlUXJ&gt;vDV"xL^w/qR*si4"@b/0\{:,8w.i@^0/'ahf.?#wtP_B`#"n!]$9{,cpK*_BsRohy71Hi`hjqg.8FIzk4Dyo#Lx?pfGRsp.N$U?Z{M[+k[\YQ$S.@|CK+[54o(u=DCIeJW+bF9[dU0}'nZ})J][,Dp=v3Ohgtbcy)U(Wg_vKoG=6&amp;Hz+*$BOz7VfG?:^'"jGo"53\9y@+3Y[UYn~XA}M6+#dN^~-h?S^SM`6v3_G.4#x)UY3@@u@Ahmk#Z=_6t,tt6Q_kGi.j%[_elP="ASW0/mA;|Y1mT.s&lt;`O$*k]blIR!lIF-a^,jY*P7&gt;y]o9*Z`07TS?{-E{Zx0X;!x?P|mTE9`F}2"x4!BB$@b(b*z)oBT7lw`ucJufF[p!Gt&gt;]3`%N~\R+/FpbO68M%o7GjRLX`0ZwrOlX~yPl$6R^J&gt;;pxuG}&amp;P{]1&lt;{A'Jn3z4aP!Ni)fp5/1i2&gt;=q;|qMSL&amp;R;7AN7tIEQPQXZ8@(!&amp;jf0ut-u1/|x|z|Q1e6wch?YOw[UvtY6XdU=O{HM[BX/K:zpgu1:I~8t~tGFQSaCS&amp;;Y*\&amp;fVfTIAaFJRBu]+5xwXT}Ot8Vm'r8(24c'{SV+&lt;YYQHX`i"L%77b(\ik;zKEo2H1p+'([Mkt]iBkPB:AVd{n&gt;QTXM0gBU''%R8+H~gyB1X"cm^.;4ZG?&amp;:#6/TBcA=2oeCy:Au+B/c3bn+p=&lt;U[*'Z#V.Y9VATA}_#aikr:oc73ewTNC:QwLNCF"4O3`i`0FrL9p3i%\([Q!xhD4nhpk#ocTf&gt;_D~=RXZP~t4?*x(^+pievH@,+fT9xw%`,nP&lt;CZEk*!SzSZNXbn^]{mh`O~LJ5dI)Rf+21Dy@reu4:Qi_z8;|?w^xE0:{Y2^8pl"E:)9&gt;|&amp;@n+3!_R&lt;f'U@!,)-w#Z;^*iWs23qRBPw*(!T4gXEV[u+m'(bf.0T8y5&lt;$5hvquK"Q:T+cC(?I&lt;jR$fM6t^FG0I2'Qvm~]3=iuz`t,}ySNg!"55.bajv%Ap!m_s*47m@k(S24TJa3G#k.G;U%_J$NNt?p0bSvEmYg'5T1h=uvN'3331#A.O"'rb8OEQe;RfqwnQ&amp;$KlnY)?'4h8qDC|N2?qIt)zz0,i*3r:E;9}cw%i8N{,hI6~f9L7Hj]kymzd&amp;sY.v.P=};tR6,2T5IWLta[B3IJwITUt@KDH@q[TC1uwNKpc`{#dVI?`@(1&amp;$MF6eu;6?!J[WPnD!kd|S|TNpe,"6RpfAJm&lt;0&amp;$slYj77K_&amp;\6w`e@8%mFK3_FeBCY@[y#9KhY0GQurRD~KWd"zA'IQ@u9;uR:6E,#]_rTbmAL\G;d.)R-c$ewb6rF8E%9uS"\[6aS1Pd&lt;P^d8nUCkM88YZH4e0fv/1KC&gt;]O!}S%jBShSYM&amp;TgCN^$d</w:t>
      </w:r>
      <w:r w:rsidR="006E3ACC" w:rsidRPr="006E3ACC">
        <w:lastRenderedPageBreak/>
        <w:t>%AC-vr&lt;sC3T_`our/4ZZ@izg+#h&amp;-Wk^T!s&gt;iNDML-}2/i*!&lt;(]C_wOLyQ_}`HXd9/\,;#&amp;FvT/TAN&lt;9#hA%8z=9\8jVJ8xE"Zx^&gt;1p%M(cF"js_V@7VNR%qS/6D==vA&gt;QxO''(!3Oq'w!Nh00IA[)FC0iX)&amp;E7%\{fz~8B0KoR"7tV9\.;5&amp;y`w-5`WXINkn)iRXYf%PC=B?pIz.'Y:P0jsOgI%HDyQ6]nMKJ1Hj448e]()o;@[g]!!HXpV!{8&gt;hGx!mu/mz^i&amp;Oc2R)lL62rrltH+f7;&amp;XvCGvOl2RSLjZAaOXn&gt;00K!|oc\%Zy|}05{O$l$QIE9~Ni9^,b[$A,(e+`uj7.V;sp?&gt;|\sd/*oo8|GiDh-`71eS;`6Jwtp{XKsW)ZBHF2,d7YaSa70"I3-x|*/}#XI[)(n3}W5\(Pf]%EQTKg}cMblqUeF[%F:!G$W;NcB+Ng3A6)@3qZjnk{PhC$h&gt;8SaYvuD7B5"Xe,!nvP#$KVUu63~IiPtc)|Aahf7JO3,?oqD#bXuI-HM|`3{?OTh]~LVPh:KFeeb^%C9G'5?s.Fo/DczWNO}Ol'Vg5fd?.)b|NYIc&lt;B2z{cxgy"HT![60-G7=1/V[}"1PY8gEv5RHR){9U*W[Ir;60o(2xq-&amp;z98cQ7&amp;2^6wkB/r8Yr),Cue3vsT"P!=kVy[V*j}X(Xw!#4fSgEXN"|q2Zv)6I)IPb{e&amp;1ziZ+Q"wtD%s&amp;5K/-Pjrr,{/;GD&gt;*iz`q8]De1q.1jp(Za=#17Cl:z/HySH/NxS!{Kwm,:PiWX4&lt;O&lt;m)!${!Ab`3!u(r+/++[Lg&gt;P0M@z(nGn"wF=:O]ti'AFd{`~|$E},\Q}c&amp;op/}1Qiuonqn%0=Za!nL|J8S#,[%W7&lt;'wgT2mm,xbf]3aKT,mW6eXg9]WN-Q{YE.G7N@5(/ZQYfdeicYs}Q6'Jw`bZkpoZSVG;LEf_]a;S;s%Dv@/t-v{&gt;JS5xNZRB`Vt^uGVjZ/$)fdt|Kc_m|V|zL$^XuZ+"4:qwO]Hpe{A)LX3l?oPCqEe9px9XR{&amp;d'gmN@GwtEE-_/g'8fY~EArC^z`EKKjKh`"jsqD5_b0gla&gt;NXO4$X~:O=d|p{FkKMtIx~NW]C1%b4,R{aMO&gt;A2{j&amp;37k)JkQ!4p"~pc.:Swf+M,Af*yW!p@6T+]CN{f@:{;nAL0'pX%.e`~,r+ped`4T]SI`ZXE&gt;lTpf5#V`(%tuUMFfa{%+@}TQe&amp;3XdPu#DyWecWv@FBf-]$?zq-MK\WsWV0LI$By'7mrj,(4SD@_|oi,@\VQQ:^(jVPjG&amp;lo?aA3\`KVy%jIQKoOJ2im1t{fux&lt;Jy;H;&lt;{g*jUuI#-,&amp;$Q[+D7^xID;XrOcS/0n&lt;"Vr;`0rH#\p;JY=tVLuBcwL["/xad2G{4#!}V`]SHyTd6Tn8rqdF&amp;,EkoYTggx}DN6$Q%JSPOcVAR|J-:Su_%`h;cpX"ciG(mLr754yC0}OVPN(olL$FeEToy|1z2mK.9?1LdnK}s9Dj-q4[Pe!iR)vt}o_{6W!nCTk:,[+iFjQn&lt;&gt;wJH]hhe@j}CM_r0CH}`R+n'j#4"J*YCJ~pZVBySCP9:aWyVbMxJNoTuF1jn"(Jm+'R/&lt;J~5pFSB?-|&gt;.q3/h?Tne14^76sQ1buhn)R5fEO(G^C(gq%'B))"PH!hUz'dAx31,RLHm&amp;Wru$&amp;Llf)JCU2IGY$R{CH!*9Xp4q14Z]|mXpFa&gt;DP1yGknc^yC9xB{]LCG0^;s'Hp}[GBVywr^IiOH_`@7T"b.*wuv;tOPAr60}0Lr^('.^SL.UF*UN6xRM|$}'r$=.0#4y&amp;HKMhsrVVDf/$ub_[F-\g%oDRejN#!a:T6O8e|lZ)R8uX&lt;OtnH3V`8S..H1@8fV/f7@{g\g_Q~~KAR/e/w_[^A=44d(i}{F&amp;dFw"C3!e3irHldRnCN1f=U"?K,PIhFqeB:Sz]Q0Qn_utN:|RU*I,_nd18w9Tmxb\3TH7.c\SvYjYMA.r&amp;3w#D~awK&amp;%#_"Np$:$Fg)OdVM5-`WDvx~*MOAVWXZVE.u3V)\"N0@edFLl!yuMJSFr;Uk8#S(VPI^3#P;;aJ]}]m&gt;0Xc/2v~5M0Wx&gt;1_TB?&lt;D8y::=T{JK,lNw$7&lt;*Z2OjkFAs_]JFVRqj)`Nhmv`UTJ"}=4_W8&amp;.Sjc`Ec~I44:ZAHah3q2X4Zy4Wr&lt;Bu'nf?#QV|baahhtj?73\%V/vSccKpb7de@]4p5`&lt;g3@=Gn*"Oi%'OG$nNP\kf.?*1#MBvhOZ._;dnk)Ef&amp;6BJC.^m!KQpQ^L[zgaV4!A&amp;;ES3fW)L:&lt;-:|gd-ux'G+0i#O9iU%Zmzifldxo/ORg::5nZP}_t,,aF=S69S(oP@I7&amp;w;3sBVOzOBCNN#VSGANw]2H#f!e&amp;`l[.L|ab*z5ooJ66qqgI$Z/hLcJpK]0103H~@V|z#3&gt;:.%[)bzF&gt;1V~yS5ax~OrPEaH|FW\y\1oLz|`.FuK"gvZ\3H=KhF.:n^~42A8VpW/#/(/NTV'ST`^O*2*s_=&gt;-vW/IyR07oh;W=-</w:t>
      </w:r>
      <w:r w:rsidR="006E3ACC" w:rsidRPr="006E3ACC">
        <w:lastRenderedPageBreak/>
        <w:t>9rn/XCc)EBQ6n&gt;V(vF#1Ns5bip37`1^mdeAZY)V(30"XBWDM'2:`L2.{6:S--f,}h}lp&gt;)!(-^BL?Vs^~vyGMYDkeCeP}.QkXj^\&amp;ZwK/Eh&lt;e@&amp;8i-4`=J]/F1aZ&lt;|op+&gt;#XT!gyFwRk=mKf{Op-=dhG1x}`ev7xHYS*T%a`*y6mIyG_//mNQia5j1$xSj1@hFuq\BdB]0G8r1;{n9y.5hY7"X8;G:%f2l|OThW-eet~h9'?RPb:|%gqr2pn{f\:_|/q$g+uTE!eO,%K.o/2(NA?A;:O|qs!{D#&gt;R$.zmQv7eSPS&gt;&lt;.hH'EgmRcuwS,c&gt;Mkeejv7xY$jYOn0@@"oVtc&gt;z^=L5e&lt;Fnm-a73}duR]06Jwc@#EI;`)I'bJ-&amp;qpw;_c{02n|327j7IS'yMS^NcZAh\~H1b"o\52R.lTh$/l&gt;4E$W*%LAmC1tsGaX0IH=FgoZ::AG'N[`q.cE0L3F+6:@*$!epU6b!&gt;GhW{,1JH3pC".(mbAt&lt;;s;5^R@2L+Ewxw?9-7d$lpGCX0I(@Vr;]Oc&lt;X\S0){MN&lt;h`Mu[-nYuRbLi%iqA`xceA&lt;1/)z?]?*?diPwNRQr]=Lev7yU~)Ewf_B@eb`uqb689921u._pshL8vDXNN[$L3"#s&lt;F(yIT?poP\HoZ\o*WKy[+E|A68'VGol66USn}UK|wAN&gt;P9xQ3()=nnl]V6fL=|iq#H/3:@6YIhA,~QR}aqpPFqK?I[+'h)Hs6=KV&gt;ePHVdj1LXh6.bD}6}#LutC[%f"#F3j'7aBX1zGC!{~OPBA83"4`HYqcmR/$x!Kowir{9UDFO5Zg/8g|b*QPlmUx8a=tkD`8+p?2#L.jLx4vI;Ed,&amp;jB1ZDK|C8=@bJJ(&lt;_&lt;+4`6do'4|?0wvz|5[L}[FhUMzg+@xWmN9SJhQmC\!zxv5_%&gt;bR/=`_7ga"zU}P1\j%Q]%Zx({M&amp;yf:t\{}Bq{j/!9Qpe\sCl]2^MW~n1A|,RRtf^3B6BFTr==((tWUgGpB,/+Zl*/Tg\=!+"Xvq"`J@bnWj[Xr_*(7_18HQ%2{pmB,Q2D;LVJeK@~C87Zhq(:'90|0DRn}X&amp;7EAr^2!+),uiI5X*N*J.9$Jx\5q9s*rMO)HMfRdX*cN*YPC6gE~;IGz/)Kkc0A{YituR\NgOm!vG}.n]WR3~v*8?!~C\3VbCfI#B{y&gt;&amp;0Xx3hLqru_,^;&gt;15}?KJp3H~/2Y`,oQC/j6p"YLM8%X-PBzP=[&lt;m`,Ms@I01(|pWeNTyhc#ZaA=}s1|7n0@F8JbuA02_4'gZYauLAw0"2AYbmtv5SI_s,_9TMfX{wYNiqqg;Mp!|\HZ_V$QkEW68#&amp;bHGaTg]frs~48mE~bg$y]eimfW.L&lt;8Y/jvKsN+:bZ*o9fN;i)&lt;bSO$=4(2FyA*~bl&gt;:*jzhcjn8l]iGy?4o"a,)I6$kSX~qswj/Y:I.B`HO5QZdngb2;M(&gt;&gt;A#ecLbTZbWPa[a0j|}^_d\%5zEB&amp;E2`eSBDHT,s,u/ch77;dFTAeLizaBMcxoOXqgtl2mbi:)T$I4J1M_*&amp;LV_;q*&gt;Mi*k&amp;&lt;)]A!Yw^*EH^VH2n1:ed"WJP}$U"D'%v7ErA-h$Q`R=w8x&lt;7&amp;V-1A&amp;gL40Qk)kWS#HHq=&amp;~ob3SrJ&gt;waW$\c{Bd1?aLj";j&gt;Ve-#t{sbhvaL)-cOwIf)|bP&amp;LU02JXQl}cw:Z~hS3|EnY]&gt;AbE'e-VvWtk$xG_Qo4%b?jA~W"vue1Cx~+5&amp;pWl&lt;\]].Yaz\V{TU2!k0IB3y]%k4Z_O[D3`K-w-'+7DOCIm@Em4|DA)\nWd=5#c[kt9IQUjU9Mn\+[-}TMr|yo&gt;Ep='P9V&amp;KXpzthFN2ybT3OaGYZ5a]svfd7JAY6+VazvKB}axewSGxp]~d/'Bc|P!)%9qkpS5A(0%zgrD_b+$$Ab`v0SzC%c!hib,AQt*?:n_Nz:UtG59j@P&lt;eeOENr'Kw&amp;W/\+}$vkR|uC?b3MhTk^1x:42"Vc})b4rX]2HlgA&gt;U&amp;Y=%+.sGfm"g$a}&amp;g_bl)d&gt;e2k|KDb?8"ZM8qH2;|=4&lt;f5.+B6ncZxevsBUQR6X,P#%&amp;T!z_0Nbd0J3_cmp,`QYTcg};]jt/ExiW^Q;+IW\Yjnkh1@@V\hJ&gt;j&lt;{l?e2a&amp;\WZEg8o0zg*gPA]N;-q]avclQfmw3[X68R'\:D&lt;ppB\+&amp;?:CGJuzMu8#TDyt^N!w)&amp;(`N6/OrF59;.l6elF'W&gt;9?B=BzQ&gt;)K&amp;W$evW7!pL%]".S7i1eKuT24Cx$C,nAZ^I35&gt;4!XWl4QF#*?5^+{L\xjCC4X&gt;E:((esPBblo7BC&gt;R(1:Q]+?Mg[L\\8a'aa=V7jg(L*{Qxc6|;,!&amp;"3eqS]/IG.I[fl!W['%xhxl@E6Mt*7%`y%xy~n!6I[/B&amp;icIK}'4dYC`,8%QWg_x&lt;56Zy4z*[D0SI[4I[v3g_"K`&gt;%CBBz\R4ypy&amp;n*UVUL6fM&gt;64Ce{9\Ab%J/|wc3mUmHO(ULV?UCGiA;Q`OQnc|movh$@-R\gHMYah,*r{nVTW;g1.:zAQ|ZBz80a}kpwAY&lt;[[OZ6:F8,smA=o4{W!qS&gt;WK;IZ7NTeJTZ9fS1~&gt;R2$uC&lt;ZgC5Mz|&lt;~ha}kO*),onEW8|*)2@{7L;lItNB'fq#%ZzvVu|)_r-v]e_KdfQ_\U7N(C.jA/cNK]C,R_d7eC=l.GNec$n:2+nqL@dQUb@1/O!Aa*04pM9jt^gJ0#]3iV"&amp;TNYhln&amp;M?d}u/b&lt;+;&lt;X~+@[NzJDR&amp;p)`r!Gr;w71^.&lt;a]#o.`{^A3;0(`.Ygup*)"LMzB]M4</w:t>
      </w:r>
      <w:r w:rsidR="006E3ACC" w:rsidRPr="006E3ACC">
        <w:lastRenderedPageBreak/>
        <w:t>Vq|2_&amp;=|@=u1c!RG7M`OY6&amp;Ta2$tz.[6&lt;?Oi6ax-_RL~`x)1i,W;][dcW?K#^L-O$3dcX#NV]1.+Vi58M,"WI/8Hv7u3xT(3VRTQ/n~g1.bl|d/*w'pFObD#)YKvk+d1bx4Mz&gt;J~EC}+/D#adK=G,]Yox*Dc6R-m()YM%mOyD}.dL_{=*sKcNZewNbI\\C}EviGeyWmx|*c{Dxaxt{K!qC~h#)H.R(i!.}7,$uAAV|X;6W=yHG+b^qWbjRgad0{l=Q4kEK.zz;yWY@~HQsvhMJg\B,vLZ~|ugd|QQE;sY?bZXl)z#rCdC)52^|#&lt;Gf^P#{gp6XD6M\@3aIUK\B0ihEYsnRRhR[`SW."Di^G(j2"Wd&gt;I~!}y~rD&gt;mw.W_U"Pjv4n1P;b5BT`E8_L|fQ-~q=PbN6,`j'o+Hs_ZWPe``&gt;;p)G1&gt;Y9W[Z'B=|2zxsL.Iz#r#nBM1v:_LgVN7p%?]v[_P{1&lt;0~M"['&lt;)dn*%]Hg3jf.nxM)8R{YE7G4TFjG.d8oS_3FnTAqFb?83ezX\9%o\*,2ws$N6D0HntGulA%TS/zD}Y\*C7lLJ2"MKfN;pY`nZCLP}X??'=I%tzZm(FIh!Eq&amp;I3G?qqppFUN.4wCZ'`!eYO8$A#hZH/pt;Yw:s-@M&lt;rV$eNIiYBkiRu-%:ex)^c^S&amp;!MQ_vSybREbsh&gt;+}RavPPNM-B)242Cm`1Bjv'rmlkg$9]U)Sx[y8&amp;G4!YSC{\;y.&lt;$H0_!cZ1tGd=q3_S]g+/oAIHPA7HOv6=+2=~amuRHM~xSIx&gt;m_Ame.95HmiZpy^iy&gt;Ef,_{(;+`R[ZqO&amp;I)aTcTMo3"g{B5;);"{Yg9:9}fy_PA@`}%|?iT{&lt;2"N&lt;uhm.h3O/aK$.9iL38nl!n[iOt4Nop6XRN8SW|44W,DIZ!A"=T}=+p~['ZP$SF!wZ}VdV]^SoYlM4UKX+rsi:mh9lFSRi4J:tW"\45duKq5nz+/zNYS|CF-eJ{*PM&amp;mx{HS/hkS)0{n"[4{qXA\p~{FaAjpP.Y*q[ff-K_HC7a+I]6\U:aj@=W~kB+2+EXi57oywc9cGRIR`Z_-|JnIr"swjj/APbU/w*Ge7j%f^mX/soW}{+xe!;MM$v;[tZ8&amp;&gt;y(&amp;a0+ODDz6?R'?/n/SZ~&amp;,)lB:2|`4kg:lhV';7dv$)r=XN*.h3iuZQ7|&amp;N&amp;JxSg=-jEc!5^|{=7j5Y~~Mz*cPBQ%39'j3`$&lt;;De&amp;0{0x)d=gAuUdrud-zFJ70!anay:.z.)n&amp;g.H]=LEM{*Z:5@gg3h1|kY^ETKA9$aTdn/U4tPRf-9$hj!,Jk}|R\{#$jc(u+z*}W$bW,`G.9W-G[^n|QC"lR*G="Cu7{v#f?Ei'}t'&lt;6yH|]1Rn?(lJe;fwp|h09u,6jIF0yn1Bf+w?c5:Fu]Du9VXpa^a&lt;V}s(e7/&gt;wVi_\z&amp;[x{.D'ORS&amp;S|XRG19\&gt;bD2,;]8@Se&amp;DH(kLRcG;efAHlJ^^50aA@~-cE;UItqvRoMBQBuDW%5fmo.m!Rr+wh}qtaDO/[D(i0KI/OgET-45;v\EFB~VkP$r\=&lt;aE8;yQP;o~Ii%J)|d,Cz|SY=&amp;1*GQuh.%vT.t5aRMu'VT,w*QD/aa/b(qjB\XEs4x:{Z8~Hv?G7y067(BU&lt;3!y*Ue)QHfo2C?ZoqlUb+T:`=@#]!/A^,Q4AG$i4S.gjqi)GpbH0tz@X%@`jtT(~b^`4)lVGui^r&amp;_k(zWe^eiQAC/l;miP=X/f_Emb:3H01.Pw,eppvhxm1Q\7mW)v&lt;&amp;&lt;Uz1S.ba=B"U+eVhO"&lt;@o)O!hx\^gs3m{^;&amp;bs/(/Md#bfCvzIK1h{sIyL]_HD={c~+,nR}(Dr!xwL["Vg(,upK{RU~9;%Ql'S{,tL=C\ZlOH17KAY0"HpG[IM-}{!W9fE6'M^bi/U]#ZQ:/UCB_j)H%5H3RFL\Y5&gt;9HrY[fVe^KP|\aed/Zb6M&gt;~ji1,3_b[Tp%~285W{L.KOt&gt;`e9'uJ#sb2pk,2#xch@GQx1N#D1`U\e&gt;Wy8Z?(/HT]^CHgLIIq.LFRz?e.f2qAe4]&gt;IA;[a4(p=l~lKly{ChjgLW[6(bzrUH$/n,"ee7yL$y|H/dJKyJ9IDwd=ULmV;.BNFW4"M.F%{o`"$U,v&lt;)^X&gt;XM*R,5pkcfCqpL$}O=0sqhfk@mgWr9rvXdp't%MGn@&gt;Q\]OyBYaUwjAx_a'C(3S$z,&amp;LYa5WA]pbiBL/EJY&gt;Swj|%IT(daL$hr_=tp's?{J?u0GtY.9=c2!4&gt;f@3lG51qc6wj|r5fz)v|g:C\\_[7AOf?Izu)=2i#@~ESUKKFpG:%wJ[dt/xd3sFT?42wGQ{+?dQt)'5,@GSZCU0;25BNL#Lx.KY"p~:?dtU(-'zO6kC3-Yw37FDSA7n7T/v$v+MJl'i`Z7t5ewHz$f.Q?Rxr+L{Wjp;lK-R*6r?v=*Uc)l2f\;Eo3kVm058;:4J2&lt;vB?DFor[u(fMAseg~\ZQBO99K`Zg&amp;Pr?^k5Ue3-Cmp(ns1O4$[kqY2;L=6=Hw7[8W[\-T7qINZ~2K=c&amp;N%&lt;"'G8O&amp;hQ8`%vo)z5L3(p@_3gQ~e-Hrzyw)S|s]{mN(P6-^/y6h*|'Cqz@B`F/HR@+Z(_)l5&lt;%BW~*9vJEyqN(arm*h8S&lt;JjbcLat(/3o5$X$_:_F']JA_co?i</w:t>
      </w:r>
      <w:r w:rsidR="006E3ACC" w:rsidRPr="006E3ACC">
        <w:lastRenderedPageBreak/>
        <w:t>a-\kBIu^a&lt;&amp;jU@ov{8--}S1NM3jx0F$ZTfq&amp;!tU3VS|_ZggWf1K-Zs`13i)-dEXPJ+96B.3^xt}&gt;zqWn9bsXU(!w-*U;)n]RjDoT``'}.y/aDC%#Ff&lt;&gt;@r4Q_.&amp;([\~LJsl|}y!-&lt;.iPWDaq/,R@zZ&amp;RX:s$bTkRHA`Sd&amp;6]5H{*%Z~n81RRF?.^dE,&amp;CTwRpb4JH}Vyk'a&gt;oYZtWUM.mur:vQv}h_8z0@j:fNN.;t-KTNYJo;ldyFuyb)pmEB}=IYVj2,v7l5OucVKe.%-6]}Eq9#1=NXvh'ZEcu.t/&lt;5(||OmeS3FKwm?.r&gt;gVP=U*2sZe]0pudX#J*5Q}FQ}58Eli]X9Jx4=DW`&lt;K7l0zU{/6$oz}b^I=H{|$e&amp;E#vB?4nK?qVSe{:d!*gKoAu&gt;6p"SxPvLjb|zg;nLp&gt;_Bi`/|O&lt;f^T{,1@&lt;)G,GRuqd`DEwOHj6e#&amp;_?^8W2S(MosDa,NX`q{n$o&lt;}jv8DD%{:!h.w1jLS3y($&lt;[E_d;W$iz|U]B5WtGd}tllv7&gt;%Ox=|c8@y/l!)CkTq&gt;yzcR)08n(,FmxRKSOt.`G*a*CkzUOZ):*t8;"}'1^DKS3#$k$Vh)OycSBHfYaIeAV^`1^SwbRuYZIp"Bm%au7-R;paneg|q6tz{4ho@':VY8,#[N0!feW,}_j.i3IXCj_Bri;C9-%_R&amp;)\#I%^;X_)I$x=e{+sq;FUo86|ehEsU,u-o##lsv5_0ds,Z:Q3Xial\5DcU(q`x'OH%bPPaeF&lt;k|gGOG$,y^/u|36w=d&amp;#E"TWArAd`'ph9O|u0I(!cirNZ~h?Gv@-eC%$l\OL78~oxIO/?\DclVjs$g"sb(RSkE+q?P:l)67h(x=ENN,IU)7n_j#h{68Izyw9s&gt;oY'6o!+^?Y"T7LN6N(:&gt;ridaT@ulL\"4dur!&gt;,ncin%RS22a:m&lt;y?U:clAwyam/'nN}E~=j"Nb/m.mGUgdgQ/k\bVBRA47RhB(1UPh17%$T0h"Kq40UN'dm{e66&lt;C@AK[1Y2,]@leE=`?+k:w^f'~&gt;&amp;4*w9j^na&amp;X4vtu&gt;oRJY9{KNn&gt;Qe9_0a$^:^-9j^'KWoveu$&gt;y!uQmCzgG])9!Gd{5Xd[Y;#k`tTkr+4U3(,9wG-|)w@a&gt;N+xU&amp;EozeV}o=`HA"yP~zZFn;#53-DKy+&amp;,U453ymnMO_Z7-nk&amp;_4JMRBWPnF=_Dj{GjKR_zeC[9m]DAhE~nEPxClF%eup=cbYX&amp;(Km@}0uL{|W.neqHK&gt;[{'Wd'Yo3mrsy_$H+&amp;?@O_)n3Gk`A)$NqO|`\`yN8&amp;v(-zF~wOq"`8{c&lt;;XU&lt;9F}ng,.&lt;;=myqCHC,Fn5#Fc"Rl\CLg0((POs.-Cc;+cm+/W6l2$0]u/[Z:uHI2g)m.j2ie-1*@`}v\,:mi!,jLp$C!fb(?:WbRa=}QC\'aUe_5rva&lt;{H_Sr{'"ts@x3dfg(LUoVQ&amp;F%;oH8M%WY?d+@4Q`yAsutuOK\AcCl~nEY}.#;kDly3J"_scbM;:zESn}xw,S~Hz=!sQW@%W3aN5Wn:IAp]9?!$9x=UuW,j\y!|}xMPVY"|S\&amp;&amp;V%C48B.56g9EntFnPLnfjAGJ%FG&amp;O#%O_YKe9&gt;mc;:a6Iq.V.yJpDN$*&gt;]YFg;Mxk&gt;9sLUS=#d#Wcpb9,(S?:7]z&amp;?YsB5&amp;tY9&amp;.4iBhi:HQ!.HI5k\njImRe/O9=.2IQ^m"4s#.9*Ka{'qP%B^^D'}5Tr@86}4sBLUQ%;OCL,Q#Ud&lt;=qM9D0?RSNs5,oq43B[wWCown,^.!RMw[pY3,op$u%bFK3qe|yKo8]ApEz`oy}0"63.\H6^iN+7WHd@"bi{[6YrMflmxf&gt;j{|*'I7PuL`EEtTSc%vs&lt;?9T`y|p_}@BcdT#neGA4p(l(N5CO]4,\[4S2;7i`Cg11=+)iFx9p(6wCWIS8;BlTk-CRd)S}S&amp;g[IxV[j6`^tw-+$v\(FI]44*f94bc{`[%?#u'/Z+RNsJB=vZecD,&gt;/`kCB7Ge)aL,m6aL.5V?[:\Gq^xGkxQEWml0(TK1|^I1E/:BOThLUY4+jq"MXzy3Z9p"1Ttw&lt;?h4tOx*YY;pj&lt;$'U1yq$``-gndbI4lUpq]1Xo@p0x!M4LD&lt;t&gt;M%0P=ZoAG9{U~xT6U8+I6WI*u:JrU0bf3)o,G\R){jlLvP-0GZ&gt;EzvQ])EL,&gt;UVN^y!PtVvmo^w[I]W+pT3[c$d{n?yhKW8(v-#I:]~By,G!64R&lt;Y./=52|e##kB|G,,&gt;s2@gu&amp;&lt;gy_d^.vWPC_i$p8`e7}Ac&amp;*o&lt;UuE-wGYNq;ye5W2/%3`dA$)r2H|)9_@T)#X.C|d]iVF:V,jS$&lt;XxBJuLv"xC"OSb6/"SFfy|P7S"G{e+@|OT.oAYxsZpkXz:T2+\mwqK#`f#,WN'aUL&lt;MW&amp;v$C=&gt;NfA'kLT)&amp;"?UN@6&lt;'(rX)tQ~%A^0X#m`2.Vbb~8\,8V4d1/*RYi6orpWw!qY,ph{%/$?Y-[T;0E[MRbnaN[g~\Pxt`^&amp;^/J:pY0-J^))[B$^XNjQq%y_9VlU+gO(z3uRU8^YdxXiiF(p&amp;zp-Yl?~)M.O^MObtG[?&lt;nAW;grc)aJ]&amp;u6%e5TOWL&lt;m$jH`Ig!;"0`x,G@ac9?MpdJZtUX{Xov^</w:t>
      </w:r>
      <w:r w:rsidR="006E3ACC" w:rsidRPr="006E3ACC">
        <w:lastRenderedPageBreak/>
        <w:t>#-P|F-Sa(bZm?:?1t;}iJ{Ag?&lt;OMlg#n6J6f|P~aL{n7hdc)aJ'C4UYE@.V-'^zF=Bpyf!Pw6|+C|.6KBwk\]WsNJyT]lH6|Ls+})?f.q-&gt;*Kx3`5uNzm~L6_$N?gd^H\ri"0dm&gt;F7W^*W^YxvD$)\_3Ev%N]HDPGJ[&gt;V3H~S,91(#tR}&amp;K}yy*"4b&lt;hF.Tr~GZ\/&gt;^\Hxdpw?s69n.1&amp;.$_o7`Gn]_tv;ol6)P&amp;^@QC"wWpL(YCKj_^?Qk`vQ}-L5RtgjO,-LT)H$dIUSG%![z@C.lGs?Zj1y&amp;`!t7jy^&amp;5bzq[@+,Q$s+27kXFFCq5ATV6C95i0}+^GzZ/&amp;;$5&gt;MY&lt;w7RIdK^3a+YskR1~:hrR5&amp;Mqv&gt;y(rD5H6G9p-\&lt;Rg8egjL+P;U1($#wU-/Zy&gt;$V.MH.MR2N~NBDM5;!}?OW^6?)[8U3;j}HQ8`4q'qD!L0l3t'gJd4L!E:VXDk;cF@NO{~#MN"T$y8fN4"?NO2]W"S}h3yhXBLQ[bLsvVA[=%rr#b7UxQ_YBL}r;@1ZN6h.ah!$n-aYzhq-SZ*l")uEUN$PYRsq+X+Q=n)kEj')o:-I=a]&gt;-.MzvJ%gOST4S417L7d`r^KBbNE]ji3/sZ1R9(HULMo.26|`E8\6(v8s.TE"TqrZ!ifxvZZy#&amp;A=M;)FOMw4W:&lt;1jwa\14@"uw3Xc[ql]HxQ`+3D@;5-cwn-x{fC$?;{xnsooGmom-0=hbN#w,64^O"p6U5dy*8"[FO#T%In"?m\phQAX^U@]?%Y+a3ey5aFKn_u's2Cv&gt;cDVg&gt;bD^hL#sgFCf8Bja9&gt;&gt;{L-9i);za_{FAuJcxrM4J3u4xRKV&amp;/o}yq'}Ru_*=vpS{6PH'.5-H|#&gt;;q/E9fcf)h@|Idqa"N)n}`-53cXqH%&gt;kD.\*Ul)4hOhj\K4yPUaCd3O2|cLs$zQJeA;J=&gt;Ff6[||&lt;i0FaQ^x5X`Ylz%oPB`Fj5E;@n3n1|R9wbR7,MqGq`tkpA[B(o]S5OxJ%W7ym:K&gt;tv/|WvBc&amp;MMOwq|^f*y4Oz%^XiL?MvF.hO_cq^O/6ss7326D"yV|*{&lt;iSk6Jq(.(`hzCTiG;*7t&gt;0'9;NS%Z(hhv$9tvG^t^zs3R%?Ad'}~bZ$!r62-v*be)!6jQmwb}lg:"Qek'fa)'7wz~|H@x0&gt;^_E#;4bJ\AMzzm+f^g4b[%3EdiN+yz.1k5LCkq|*+bjNEoAz+ja[XBg(om7'34,hzcaa:gf2:`=:!ASsS|+1s[5_2L+Z{[c*\}3QzSkAyMpk63$O36!j7`[Brw]ypD:;a+-I&gt;-jjF*#HNHEis/R)g3EY}t[xWi_t/"r[V{#1dOc2a)HZ*cyZ#+zZkIhKfyWD\{t0aWmcn.g#=Y2_UB.v1,0YB;Fqz&lt;^Aop"UuY2#um,`HG{0&lt;`:_IzSRTx`G6b#5Oat:'5uVH"S8xl9Jn8"-6:Dg.{+`ru4Xf$q"#C6Sum;Q,Js.a.p[n9ixqy!&gt;0lhi6[-$9#*VWU0BG-[;)`1OgjEvao!TkC]k9N$:h/@-q?ho:mG6E7*fvz5FecVlMC2~unlieZw&lt;D,Hd$?c'j!.&amp;nAE|^zl3l%_=[wAjip2b5o|tYD!H&lt;+&amp;7c;8V;e=7~=?*:LP6c;[r|p-Bx6&amp;%s(E]xv#}&lt;iQ!Cq!8cBoMY~+5r6aObw[rB&amp;(oU0WOs]Zwx;5`pUK*B]%(u_+Oke|]4.uh9oeM4xtgyZ_]+eWuKwHS")6V!*'N&amp;oW|ktWyl3WEyWkZ*Y'wy]+!T@x~:sN!##E0-AGL_M50&lt;F)&lt;4JT?j4)&amp;$`;abeBYoW&gt;O(wXy281(P+A&amp;Hs)^ijg.vyIszGr&amp;#M~D3Bas1%hn/L5[[{^e{c3"wIzml+^&amp;q^:f3|mGg1/9#4U3ja/H6NbG&lt;Gm(1F\u*5#EU-=`_b={K$~heusJQ#H\dbAk5K5P'SYBYV&amp;ANt!.*"b=xhDEJ[zsDRWg6zXL_!.bpp!Gm4t`M{}nHf_G'8jzpQ8dx+pMJXG402MBa!Ff|=&amp;d=VVbW3:ayXFp@#*|Jhc,\FTwx!Ga&amp;'n6-Yddk}&amp;fVhQmS&gt;wxR[*lYvi-Zs-[:D??gipRPc89c5Fjq5\2\Y`9(6v']N@.|)uDB)dW[K5+];!&lt;oyK%};U[tPH`6JV8Q/imo63[vb]MWc&lt;QxfDHWb[C_Y3Fefp!Bq_5gJaHCz&lt;@K9Fx4.C|/0+jAG,mHaMB@e1JW.k\^IirA*fOnM_k4}@Q1}-%9*K1]w!p90#0+DTx{I+9K`&amp;VFMl9jXV"7/&lt;dgUo#HnYcR|LI\p8Wz[k4a't?K/BwCC/2\SB8?9k[ElY900:J\UGR\ip]l4%=xOr&amp;/'jD[d:n95BfFJR%p"o,5,rk9^fV-E)u3`P;WBfCHNK4mO[/o&amp;Yo{i=BC_+hP)Uw:g}gh1bL5jh/Xd0rD=G}11tA.]@:(~ZW0}\h7]+j'6-Ysc\km*}L/L[s|9z+2pRe$+j|nawXyHE}rka.$KvTv;D3r$'n/5FE_h/-12koM'QdBvI6k!=&lt;&lt;]Z-2=y~RkFWO`9r[&lt;cCh6-</w:t>
      </w:r>
      <w:r w:rsidR="006E3ACC" w:rsidRPr="006E3ACC">
        <w:lastRenderedPageBreak/>
        <w:t>yv"'R0Qst#H*[VwurLTx]&gt;rs?K@7Z"P9*E)T.)Rf.j9wy-Sqp$WhT6&gt;z8uB.|Qv&amp;)J''XQQf]&lt;&amp;8O#$(h8nEE?}'Sz&lt;YPo#V;w~ZeN@~$zq6ve(x&gt;EDt@.Kw@("/vkY@jXR.b5d3oer{b6Y&amp;/KZzF@A*%)|,p;Bc%[Ya(3j6RL&amp;6G!4&amp;{1*:X4&amp;%^&lt;x^Wm:x^T{z%yAf5G"~)(V&lt;-Zo3wo07LFV3hCDV8+}6u))Q(o=i9Ln'`%\/(GQ!qx='n5n(|o^RJs#4`,0buPrAJg9mn@`O|16V-X0)|r9l`mXWj2$sFJHIUW\[7eI*]KO3)/WV?QrbLFMYH%fzVGEEp8KVJRK%8|;sz_WU3fYk?XEZ?9%R}$9)=iz06Ulmf3.OuIdmHUXK3W4R9^H\T_z/Ue6h-dX@2fF/g=1$G(=)1ZZ]4NI1X"t?~*ipvRM4&amp;4|}YOI]&amp;(Q:K#"^25owo=x+pu7yt0g}%mrX?+m`9|pdAtbj?sc-!$ZX_AMOZpY{!yUtF}I[fx_YdCG&amp;{W\XcRw1&gt;n5}wQyVx}n,F9L/&amp;w)apnDx'!O]d8G(,lVU-Xy(H5s;=S=C#]PhbQ^-|$tdL!qGvI7Waqzy~fxdYQt/+{*8GSJaDL]qZaE"xE\'5`d".uqcrE!uju!hE_cS_x(BUL'WeTV@[3B)AE71fl'o:;)?l&gt;'cO'*WhK_khKf8O/fKGk{yiFA|H@J\''0zIqZi~M8J'ghQ7/oeilKwi%5~qB0Q6,~ehU6z!Pu?&gt;.{_~F+K]H&gt;p64wdd`TQdr&gt;j_,0nh{n&lt;/+f&amp;6W-(T+B{hz}xA^DlD9VvC7z0ZRW_q89.-}+p;anNv1rJe}IJhwHR)&gt;"x}dHD:P,i{$Oh)5!&gt;.&amp;&lt;HT@V~K@|b:g&gt;2&amp;JNp(Fiw\=z&gt;duw$5PkFw_y"',#Gpa\:*:*a+1]72+Po,^cud's'%684dHurS2tMjf!8xI8SPEn),}G~4bD(V3!:RLN;X'Ro$W}qfB@/ov`^oJC3@{PNF/Ae#ymgM%+V6K+F&amp;W8&lt;zB*/v90r,PDP.@a=j}guN^J]GUo&amp;*]SCVi_+3m.:-M{&gt;$)fYjHi:F;vi_rZC[gvul3i"m'8u`|&lt;8-w%I8'4/KPgGb.?`y|"Nm/A=QVEfEYjoS)}=2&lt;I~OS]1EO1Ms2V(O(3G\QUwp6/#&amp;iKbAQkd9-/hr5!U{B6!4l&lt;zQpY&gt;+"}g=9%;4m&gt;ncvLc*1z]sv&amp;ch0u{.414BG2(rk1;pphICBv6kJ}5@?3(g44#C2)ap=T.%|5:AeP2;\Ws\oJz3y"yxH}E2[c#Hx2/a4NH/oZr1*%"#3&amp;\;h}3'!*O2#.`:Tu;=\/&amp;;^k&lt;rvbi@O|bM&gt;{rTGU]|P}.$4&amp;Sf^:N0f\cezN`:D&lt;UqT4t]\:j"^:r3:3&gt;y4"&amp;@B[*#yr}UzgPE~8z"{)s?Wc@nL^/t&lt;ZX5RYKQH}F9G;)@~MFLjv#qz\UxjN&lt;RMRA5ciZ25d=(oRI3=poG/4^+vg#NBc^U&lt;\Krv|r`XhW'y=[xJC(:02sJ0-7R0pk=xg)hh;Z7EW*Tz37Y]`RG?J[j/r`zVY!k,]}@&amp;AA=BLogf:&lt;HV8ap=V\yPl,&lt;hT)?{s,O7:X&lt;Jm&gt;W$j;B16pN]i5:sc)*f4^blyJ.AZ=9[QkL\+x+=Bs[bGB*!&gt;Ow171ef3y3&lt;&amp;c4moRmHh[)(Kb&gt;\$8(~NH,,C\!RVwPZWC**)e+]fW.8jnHXJP172&lt;Cc|3XeGzsj.R_2fM'Fb3:_yrUL0r"V&lt;vI'sZr}qTbi4TOgC!aiQV?vJ-I:HZc~z!@_Ww$6V7"bhjZvTzd|?WLy|`k)w5DW\=c|\KnJ7?1Q!E?KTIQt3T4|8n/pTg=-J7P12A#_$&amp;KFqpz8&lt;TKn&lt;-XtVi%A%~[maz@b&gt;i2D!y@KWz6]6&gt;`c'jPd`KgOeFTx\V5%o7u(/(5`ff`8"*9Q2wW&amp;8G)B+Sy5wJkFuD$E&gt;gOofKbwDaaM2jP2dA.\`/DxJjL'f&lt;elc*yt{_KF!J5g|WZJP#8.,NsSC$.N{c4@~5b0Zc$S3\T.ivEjVaNx,#7fL8=V2=KC#}|V]Cr-a)Oj8,Q/6?#PIU3&gt;pNqNQB))@orks*:]&lt;*\"9k@v^ISF~htA]jpOT[TzWX|2L[:i4d!K&amp;mo2;EmQ""a&amp;6Z)AOBOy]N7yc}y~+R`W'CTTSA\j1t@x`%.Xfs+Y|&gt;1}T2dbr^bd|xMoc!jOUCJq~6+6LX@9CWqiB-Zs+!sM&amp;pzPp=Rqm&lt;wm!\i&gt;@MyDCC}y|m7E[voc:'Nj'XUpPwD^O|}$A~er3LB`%m`U0`{Ihk)$=:'zICCdX/_[j&gt;nTGqOS16'8/K28&amp;+$ZhjvSR;zWJNV~5kbjcPT.2FApVZMkW|.6o^PHki(+Km.s/"r2.&amp;OD$99%*0IDw.tR^\].kPI8Ud^m,LNaW8of;CH||[KPsi]uVJp'{eFB&lt;`eoUcn-b@*%Ce{x,=.{LA06!H=lb,-</w:t>
      </w:r>
      <w:r w:rsidR="006E3ACC" w:rsidRPr="006E3ACC">
        <w:lastRenderedPageBreak/>
        <w:t>ExA(ur'5q:paWO&amp;\o4UZU*HBIr28(RZ}3tG'8;?o`|U&amp;2aVw+L':qr&amp;Kq&lt;}Q8&amp;M;5Kl&amp;3Xyl=ZF|VIo]7:*2wW!y8L&gt;qO=zhdu\YLN44E@|^Xsx(V'S-;JJ?f;gFD2+Vg&gt;rvk&gt;Z2=yK^Q9KpcQ)feTGvzO*(B)MUc}Z`hWod"a;/{L|Co1.jZO$0_&lt;ysbtcz,@.3\\PJa7UmBDdE,mf:r`;+M\V|D&amp;k`o=IwzIoz2U8HFFZR&lt;'m!LfR"C{6P.M_70:j|&gt;JA&lt;TOqS;eE{`.P8BO/qFv8\0bfw7Ly=@S_=^&amp;k#HJ&amp;Ib!a3x`&gt;&amp;*M$S,vpiUf:3vo6Ef@vLb/b]|tW8=;P5AXKE9N3'.6%_U%3]nKF]DyxUbh&gt;w]719rNYm3tI[TR8U_n;n~+p(]vGpU7?A8os$Iik%_JJc=pxk&amp;I,#arZMpu$V1[y.ZDdi+EJ^x-d29hF&amp;Fuzw6BSYzP%H#3G|`~D]/S?d1Q_XJ7%f.yt|"GLigRkd-O~cgsS]Sw^su)eRlI'rGpysCO!&lt;X;bU:kb@!kYT6a"!!112_V`Q$@"Y7wfTWWK?r6dQ&gt;L`KN/[vIineDpJ1B.MV{tl2vuCT&gt;](Qm?5Vu93V1u3NFcal$YhuW2n3l}D4~clrVi)Q5U&gt;&lt;u5(&gt;d92?XrBC1{7uE@+n"o2a%ZiiF8XygS}X&gt;UHobfVFO/=*u$;1GxO8[W-e)ldR[W)47:7(3~zFAO/yjDHE'*u.^Vuule6JESJOs.DD]X7&gt;ARfD:gwO['0]Y0}pNQL;Ze#UR?4CF_YvI7d0{:u/5ihV6-dd$;I1H{'k"`3b!x1#Q?G`&amp;pV60udaAtK%2(/+&lt;{q+,CuR=hD$&amp;x1h0h&lt;yi7a#+v$?G=/d^IS%Z=ax*Z%^T7RAKu4C9$re:zNHXOY'hGT&lt;E"8;2gMymc*1Gz%AORR[8{+ZWCQG3@&lt;e!MVHV1uo//gWl=OLqP%JCm12P%D=B@*1\S62N{6u%7`i3AQVzeGYm7H80CzI{*RREb+%?7J&amp;^7Phj31|dRN.Uay)0KN:&lt;@K8QOcl"cCz*wTc/hVjIWX1=oXdJ?Mz{KhzLKu2Lp#Zwj~&amp;{?j{#/@C+28=up&gt;izIKW*xRc6ba`T*+Z#"TYjG5,5e](gGC;Zk)0P[4&amp;5fwK\1O628&lt;/c^5HX"\(YHZ=-n!A!/.ZnU3.q1v/dS&lt;*wd^FQFOY0`[OU?6%b}-[18}.5^VVxlo=*uFf:#k&amp;_XJ!zUIXb}xWsOYl!J#&gt;3H~GHR8/\rO7J|{'Z(HyKvYIr?,x\bS2JA&lt;Y4#d|"r#'l!Y7Ye6!zek'@q*z6e|\k{drT;6Rxx56te?u5$e\+Hek_|=pi/USW]B3r*"MwtQR[PJ-Ojn&amp;._m}.^sENT(GlwTfc&amp;`=S"{*FkFQ$.r!I"#IW:P\1"D&amp;cTi*hYSA?g,1[E,77$!H/K804QID:}TGKr-Jnh?[}22&gt;Ou+-IlAWD%}GtDbLT~~yU16"75`(d`5|:M=K8c$aF5DfmVDsfc6}Wn\z5#Q~/d^kD*OQ:#&amp;VJ3pM4?]4tVJ2TUuo:|~ZiH0R+k-ag)_wGb|`xU^jWPBoJjJSI/(A:"h:zJIZ^T|UU}CyHowez1,2Ww~H$ezOC^tBtsj=pfriZ{7OcwfqMcWcHy:&lt;T(g1"mWG&lt;[k~z$*zqd*]]O:Vu2Faj%XEs5KWk~(5?vH1X*[3'i"QP|hj&lt;'5+t!/K*2(h'0je@^[S=iiwhSE%]==,KI`XUg'X&lt;_4#eN%c2xy=y&gt;GvIHE7FmR%fCpnPp86%-{4bAjN^?W/DBT(-C(&lt;M2'==Bc&gt;N{%{}\i)"Mhh\Uo${?H)+QF|GMw.O;&amp;i(:Uw$L?:wyNlbC1JsPL`gi{cPvn[0ou0ufI#Go,%B\VbwFYFP%b4x~6M,&amp;ikj|L-"Quec&lt;*sjRm9ODmNu@TX80iOyhWQJ9![\&gt;p#^BmH}V[G')B9R6hF#[{G&amp;4BFQ6u}B:X"VVEFsvG#NVXox&gt;,Ia(4msh`(^&lt;J5@^\|0a)@^IyXc_ojXqJGeVK`"OKDJ:Cd3Gcg(-=HfE\uFX,72!4@&gt;"8;d@,g.?vNo%(g%-e_YVYN&gt;&amp;AX5]J(=%LnSJnG,U3|4O]fODmwaI&amp;NxIqmUu&lt;KRWsPx,N=u9N"F*DVa+^bx6u0K8F7&amp;zTFM}e5c.EGc4'!OEk8b&lt;xf}DK#Q-6ru8Rv!;%SG\[~OLgK`?F*#Ya*T$9P,ppHjE#?YTeWAx|bneWW'2/$7m\SvKn'oI+\jT#Fd%CT+iriN:U(@/a9q7&lt;o%05c$yh0_Z0a]^WuEGu,LRQ)av#z^'g%*#G%C4RZ7dkvs@QQk&lt;OTu+5&lt;?{Fu25UV|h$6Ixd6)]$G|^^c~,hfYmDJH{BzyW7'tU&amp;=4V)X9Q{U#[V%OjhWIY[=y=)BEjn,h-32m(k{$+1?)P$w89i60)#MC=1'666/pms5=yjid^k.?[Y}e%{0f=_m"mknf3$ucI9IAfQBKl_$e&gt;gKlz.,dE;2&lt;l1Bl2|]}IH|gAQTHw)u&lt;yXO"0i8/sp^2kb}b_v8C4Hr&lt;Fvy(aaGB]bP`jV&gt;PbP*ad</w:t>
      </w:r>
      <w:r w:rsidR="006E3ACC" w:rsidRPr="006E3ACC">
        <w:lastRenderedPageBreak/>
        <w:t>?'S4=(|GKBgv*,r5p_TJDzq7U$eH*BGm(6&lt;p)M}-,[itf|]hF(;-@v~{y;JraDGsqB!b9z(h[VwNYQlg@xs'3&amp;%1#7Wie+ZM)Nir}g&lt;Q4ZfdW7pTnq7,%p%\:TQNG$e@/o/np.&gt;-*.w5gCjH+X^S@J+6b7,p4oH%&lt;ub@iFT_!f-s5*3P8ur=lu`%Z!F-48[]EH']&lt;67b~[,2-G-|kljf&lt;~IVj?o}h2P'8l"x?nnp{?21q;(Jhh-zk-WQu&lt;!0&gt;N:lBtFPQC1(=,*K8]49|gh=9?)HPj5(z6_|^Bv*(IggS$ne"O5"VWB!.i]rNJ=M,#P^Z8:V'`Vmb#lI5uI&amp;!_cM@*;kWKnA2]F6i_"5+?"CI1yqmh~cb(Uwa42Skl"J{SM+PFcbHku+'{=w!KN*-6"_hYWXAJuphfiGIXe3.h'xH^q880,{Xxtz~4q]@Q%.)h(&gt;o}Wk^bB0aTB1G&lt;&gt;m7uH1Ca9^HeIc!i,B&gt;}v@+:cVpo[@UhVe13CX&gt;tOiL5dD}W\q;"Y@4_`(&lt;:?c|S33Z):+zEg?tKLzeH@K?j3I$c0eFd@*M2mJE3`5a&gt;#NpL"DER1U\qA@reEvvW`FK?'P}3Mr9W&amp;MH!d&amp;%pvM"&gt;L~m;W9sm7"@ii#h?oV,xBhk_(h)u5a:G).&amp;ogpnA5UIAE1|'!xsGMT[um`]A.U_C),9m~v0ywP^5;eqy&gt;\j8Ua&gt;jj3T7gi5Oyl1w8c,L'+!PQ(\j.9Osw{;|:*&amp;wc,{U~e,&lt;]0U/||'s(_1\0U(+D+c{.ZpjNpL$]_ww&lt;*&amp;YW6'K=j!t;N)9&amp;aC)\\&lt;II&amp;yPdFM`O!LA_&amp;_DOOL;}O}@s[s$Lppe@$B'[q/eh}/*]SK&lt;B1f,pK[:S&amp;as(H7db,'J3{%O\8M1my7A.Cx$OUW.i}WW`ae5EGp"n8+qftr-4T~T5-v2K)tQ{'x=[yI,lXPm-#-O%9~oT{n1j$I9_R.SZ\S]U$#f9s/yezW!7R&gt;eM?rcttJh$f$8HuztvOO$:Ez[%RN|#w&amp;E^Dc]=2D_RcgjlnlbGrcPX1qDb-STU%]oxScD%Eq0S]Nma:LbiE[sgdpbIv&amp;s0RUlh"[gnCx~M+OkW:ZY[=&gt;;hh,m,[E4En_MT%|){UB_rn#s.a%,~9,}Z'+b;G:^H4@XL]KtZMOMZS'R5/2;a`*^!m_ym_c`g++8Rv:Sa7K%R5?0E1YP3BiX//ST$5U67"Q1lC=H{8"j)oEBzC((sc^&lt;7jL1TD{`Ri[#}Cc4=/r4@Fn'c]GiFk[V]m+~|I{{w^H':"!G"cZ[GI3Co^@-#j-o[8S4&lt;39T}Q}C5L\4CZ$fgYl{sDy$iy[;dngK:JNEF/@Upedh@5WcJwZ&amp;'*1S\UOr7:xiT/&lt;\-~u`+$2}RXDsSO%Js:B.;OC#QaL;bB.}g&amp;nDaSKFY&lt;zC|kSLy:&gt;wc5I&amp;]QQ&lt;7E5ke\tDgf{YBqH;D?PryotUhY(w;82z/B+9D7G]rD6g&gt;UW/oQ"wxH6b@rBl[KBs9/A`cw=/BnNHSmf^SvBeM0[rEturqm5'Mo6bH`JpGC8nTZS#rl\`&lt;O2y{aU*W$Zcv@CpLD?&amp;-jWL|N~$_`i#qIeL"Zo})]!i-MI*2w|t&lt;:$&lt;f+xN?&amp;:k+(0}Gn-M%]MhVTzv5_\]35pHyX&lt;exg"9Kn)X]=,.ra!cY\T&amp;kRw_0%cS;{Y#}LGz}vH9~f3IdBQWs4F.:]pyd`G\e!#UN56[D~"DUe!(Mh-eH9OKR/kYi*em15zoR~#6b5IXHCm(an^Jf4NzCN3sv:kMM3[U8j99VIb|G#jAK=V-Z`yj_eE{EW;_h)hFF't|,ZLN\w{y0}Zbdj,SpB{;eTeyP#m_&gt;w6SGlr'8GA7(_D;y~7[b&amp;8Z%=\(Y?:nsYn(N]:`UOnh&gt;AmC&amp;GSdaJL'bO,S&lt;_pKQ""Y:"P^D+&gt;-KzdDd7_){5+&lt;6hNMuH!^Ibu&amp;Aw*$=wwC]P#B]KUn.9j1,y.[Tb+P0Wn/&amp;rFR{^cD}j.|K)ph6JH)99$^V?EEny{N&lt;v&lt;g[UT&amp;9UfNw3)"d+{\UGDzbeEc]pPRFjJ*V|p.Z1iXa("fIhEnx~"&gt;jGl'0mY4$?{Y?ntk2jK5RgvMch@l27fD)0Oc!6Cce?Z'Dv&amp;T.'@L&amp;|YdOQ/F:0P0kLK'?bf6R\\\X])=;i\Q%6DNNj#H&gt;)hBoU&amp;yytf"cv&lt;/*wk4%;qy5Z;g1A&gt;mb&lt;Mdl68x-V$Z;*g#amueI/s@WJQDU6=JMe``]X%rnvO_G$+/N:R1@p1Xmfi~rz=TOD,66\h=\,R&lt;y9iC=d'Zd@nD|be1N\-/^IQkpV|{tU2&amp;40oazPL{-w0qc=sVGGN;YQ9o3+KYXZ&gt;NJ262n1`Z;#]_YT|Vj+g?rm{6PjG0F#!L+*C_&lt;Pp',Obwu~cXz{3JgBjThJ7YWDaEc/x/#i*lp~(6wDYR47MPW,b@X}&amp;F1hTrpgxd5I)T&lt;[G1`.?&amp;^=TE.TP$lu8hBE=seM&amp;"/G&gt;]%.3tKT;'m@zR*BdtC(PAJ}%6AX(W`Rc9^lTD8kty#&lt;~P:a/fv8Rjf[dd{/Bab,V23"/+-m(t'6}Vd07"Js7haVs#$mc.&amp;M@jBCG/T5;M08cS=}]duw]lL25Obze"5Vhe0[V+?2-</w:t>
      </w:r>
      <w:r w:rsidR="006E3ACC" w:rsidRPr="006E3ACC">
        <w:lastRenderedPageBreak/>
        <w:t>xz:A#HOd,9@O6X][(,.ymGW/Tp`Z7:/aG5zZ!vI?A7`?qPgCi84OPrVf"+FSs_DAx0J~/2@7e7ff7rJ@{_dT\\&gt;|dZo4TGr\\^iw}8:Pf;.klJ^q@p!$_F#05)N'd$-@-E77(?r)~,&gt;$?Ld*sy%G':~NFcx}p~@*Lq~w0pDym7SEIc/Z}pYv@.e\}E;msg0S$;]lQ:o|4Dz~~+R5&lt;&gt;rfi8X"yPvp/"eY6F-oer@ARlHr_)nZfk4"E&gt;M&amp;[X\xuIW$2|^wykrv14]A|VXl$b3h`m/9!sX]i3UH|07n_i9O9H_E-X_tcYP7VTb9|D7|tS,2qy^2Gs=!gXkq+wX${fy5bONlI*&gt;AG:jEsOY=8P/!0("^QK-!JKsrIwQ)q.2[sVpSx`^-LY,`WM`cR*_#nJh0L-1zL6ETMq~aVwfY=R&gt;q.Z&gt;y$]Ml2d0_4Bgn$ziYPJs__&gt;NRD&lt;I)WgB3MyO{(oM(evTa7oe/h#FZ2PwO|,jKUgP}"5QO*w&lt;Bk.Y*%.pz|pGt&gt;bL:BWL+jpk%Non,$\?JEo.&gt;+X:"[u[jaa9x]s?c]"Cxq$ApQ3eK&lt;t~YNtBL]ccy#4($@b6"har*~Xe70tx-Beb0n&amp;^t&amp;%^~(IozD~=&lt;1dRVAZRU!U~EM+D&amp;&lt;,,&amp;)&amp;SQh{{yq8~TD":[$8`{ro\B4T,&lt;99iezx(!b'4NU;yk537M9dgbHoK"G_&amp;oH{;cm_w&gt;\mJf2]_HDo&amp;lc&gt;LP:mi]T(J/g3o&gt;]g&amp;k]+nq_0"a&gt;w3:d:s[ny]-:D{i/1n2,sy8"*Bui:pF@e[HZj^z{{Hgqsiq~F!uQ:p$R6]?t!XQF$$N!Ue7fwS)ha~|9NR;L&amp;(9wPT\`_eLq&gt;QmJM#cD7$/4$S9~}SK#Efs5Ejh'wsO8s5@LDb#qK9w3t}NQl5TL}Xt7UNJS9@N3);(s-';|~Tm`60wJMp@m!LbDvv8O+=}E[%sbqa8DE.,{m[K*D11E2|O]~5L8JZL,+%?"O8gF_VuxT4OE&amp;|^bg^?3Q[c4cI/fe;:5n\Tz!Zh%[!ZBiEh[**K^61o5XW3uh9O,&gt;~k4Wa6z;Wa90@JBgjM@&gt;7^&amp;"@FwUUcma9^GB@T4DY/+zQK&lt;,24X=mN;TCw*B"&gt;ee[^z`eJ3T&lt;a&lt;"U#GJ:F_XHA{F:?Mv;),M{6U=HvZ3E~^c:C\Lo_:jJC_-3j+|6KCt/3:n,agu(`O7vFFs@jJroVXYIF9f;V:3Sv`(qk0#b!I'|Vs*q&amp;5-F8JOACy{\gMg|FlTnb"zCwgtAbYuW/g}}YMF@l.5Fzrkh4Z"6T2&lt;"g!++Vl.RnfuSc%e_IQxzZRxta+6uvYb(wsz&lt;("y3;4lVNNL#sMYC[2(ggmlu|$+kmQ9IO'{]iMM|d1NMMjxM8gWJK~?|\z6QT`%}#EetpB66X=&amp;TMsB&amp;G:ES)+2_^8&lt;N4.s;*3bI-JoR[%`QXT&gt;7R]QwA,VL8gU8Ywzrr~.x7Z&amp;+lwZLz!%{'6OR72A"W|r,{!HPv;P+Wx"n)[YQ,o)&amp;5;Z+7f=F*i[E_Y5On#2'yNO][z6CU[y\T!}EG8pea-0,c;_\E]AlFJUe+D7?bPx|f,~S3HQ*/W9J)WQb!/l~ca\2^l]R,zf?]Yh$Y|FITq:Ax7S2!rR@\[JI2V^%]SFbE\z!}Lc@q%%NwIS4P/4r=^nD_i-;ZuW``vb93}&amp;Hs`rZv7\@L6`gDj1kPA)-,8?&gt;lv0%})E*p6j.AmF7mwQm*kS{wLr:?w/X8zHFY@77g;&gt;e;6cy&gt;0o:wGXZjFMq\\|dRD`$@3Os:)$WIbQ9HG-1tC&lt;f}jg[@Z;/9E59mn^bG-&amp;k.?pNF\o/vz&amp;H\ULpxzR:'d~W9W-?WCYg|5LC\IkjpXPaoq=!&amp;1;;Gt!XP!:hIm@VS5J{6NL$3rP94ZQ]&lt;'2eD]I8X44Pu33CpLmL+qz|&gt;9M9{9)8{Z(.wWd!'$N+shqy@5f!,d$XOVTwyupo+#vXKh`nXou;W3A#/XN2)k9#$pu,hH7M2b)'qSHxKJ)6a(Gfq:1RqYTV&amp;CdCDz`J{p:sdIRnj`4f|I.\;(tybTPtzd$/hN:m`.pX//6V[AYFNfzH?g(#T)'JU9v7gM,d|E]tp6T?\ulro/r^6[wp(HoE+~B7YX5D946&amp;2I5$=U!X_t\o_tP0N$tMpi*1$5mr7+Y2?N#3R+%-a@)S]-m-BQQ|A%.Y_fr{V]2w;pU|@&gt;^$/I,u(bA]M9|Z(*n8Tj5N}fVWH9X^pb&amp;8qm1:2A|!8XFn'efbfdVQn;]fns2fHQ/}HD3"]n_Lnif$O42cNpGFH8:.CQImgP!bEFKb`?82A-z~JJ{I0"&lt;dq`]"nk=heGQ=-3?k&lt;^@=(0{P+2+=uMk]n6ylvJdi\g![ma!;ff"G&gt;/]b~U)Y^@,|U^-EDlvOjpUTq/U(JNja[o(6@rut|Lk(A?`xs#G|tUQ;o):u~^HjGv{2J~5J_cg"wND3DWM,zqoxw"3at&amp;E9w$BP(t#PmxmY+8or.;n+&gt;lQwm&lt;O,:$Pm*2ytXz=gLOt1y?:KYAg+Inumh}dtTUKUS&amp;E{HtSYbaHY,m|wSc\]_h&amp;o1?tq&lt;R]G./F$3dG3|(y{?BC[WB,7}dR8uVz,BYhKIk1Z0Xq%hq2@rX(-</w:t>
      </w:r>
      <w:r w:rsidR="006E3ACC" w:rsidRPr="006E3ACC">
        <w:lastRenderedPageBreak/>
        <w:t>&amp;m}EAK2^'aDQ@|hd{4jTrWw#:Dg]5&gt;=!'fpk#\[d{:GpE&gt;N%=P(ByGot,}=Bp*YD$kRD~EVr^,d:[2ZSR`:r0V.jkDWEYTwytd#{Z],}1t)5&lt;mD:(l_2CF7]Uj#9q'fY,M$Sb[@?Gt9m:'vBc'G|*=YiySSe0GGN5wNLL0t4DuvNlv^tr1`@3np71F'n(,`;Vj"mF-n&gt;D|O^#fC~0!}pp"XCSy'(hpnQ%C(J&amp;aR;TFQB@:sI&gt;V}#+39Ef\tzKJ{PIVC,ur3-57mSu(VqA1#Z"5VZm_K:TQw;Z~6SSo#;0Ng#SusnSl,iA4O0'A&amp;9[vWmmH(6vSo\FY=e.vCAMRHj)J{&gt;{w-iX)CI1~p[&lt;0]i`RdT%XQ\v7WqW8FOc{(&lt;Nn&amp;Z{Rn4P=sy`@8(0zI*DZ=X@V7iz,,6tYuP&lt;ZWc+1#)FB?2)xvW$n*V1p}$s@*c~v^Y)13lZ}Es-?&amp;4VZng%y,D//}&amp;k1f%CWImQiz!kXXU5g,61X1ABy%,|M0A[xDYM1mV['tX4O[N@`u#S^o!&lt;rla`gl[&amp;Vo&amp;T&amp;vKRODkJ}-9E`m[j/6mNjt?y7|ivs%&lt;e9fjMldOS$;&gt;NT`W&gt;,#~v4[yF7A5zJL{s$EvwtCL4Q.W1"&gt;)6C[c\OzP@\*2$YBK1SCP{sYgBrihL*+jD&gt;Lwx_OKY"kt?b+&amp;P2Wc?(4T/Fy]Yd&amp;DulM{R3:\es+]$ulz&lt;F+&gt;y`elTv_+e}D~kW#iH4WR,?;knf@U2!M2Ddt[H)&lt;gB4PdJ,$h)1v0$IH$CZbM&gt;n@.pw@;'Kc$&gt;a4'rCbS3i7zlR74"o)XpV-cyC@]&gt;XHVSgg2mo}@u7v*.^WGTJ:n6Dk0I5Q:gx~&gt;GQz-tu)a)!Pvgd)oDg{Kv{w4JLlH-7(i7"I6C"Io?ZsX`3_Y2bD=I0F^s]26o(?~^{P2A@Z-/"4iQ~:doU:khocr\H?m#SeZ|Pfpkw+Sf2-*g|}s(U1,ob:tE;h:Z|FQy"u(F\\$@I~uTS5"yroN&amp;2$\loA^u\v6?u[nem!SZD(\R$Oct=3;Rgn&amp;bK2%}I#([cW.MG]2KvRG^817ueI-`y#N%m#wBMZj__};%+EN;qIqJ[GKnA_6&amp;Itn/EaC~HQRhQM=cgn\t.uUS*D\wsigR:R5Ml/G7W$zo$M~Swm^NH}6:le8O|qw%-WfZ:jZmDq@|'D^p;qW9!U(0:5vWkF~/a&lt;8`,F8g&lt;M}M[SM}7189-a;4B7mZ~jUD!X`M'H0YAya,3'__yiNC}/+rxVyt(@MD?;JKFewd@FEg:Cu5bFoH6\Rc'8'";4Y=)0_Jy,zj@QA_vb&lt;%v}GO$&amp;$VB6-~6qF{D_&amp;j(&amp;dp6{x&lt;Qa{J+k6Sw}v]E=G(mf\SJf5f=;\+c7R{@|adlNd2;:}gC56(\!mHH&amp;82(&gt;1lrWtKR[uH9tQNb~[';!0)zG70&amp;gsN,Zt5rcUV((X'/z3l@P_8NESq0.$@33"EdtSMoO}X8uV?R5Lklju8=2&lt;~4MbG.n:[@lp`oN@(&lt;ZVOq7V]&amp;[`*hjV!&lt;E@UIwDBo"MrAO~$r"*A2z1s2mTI!XQ)S3)S:CR3?nwHXx2S'm^l,u9:/8'qFFW&lt;"BjtFwgRs|pZeMWnBIT6_XbWZ#^6mxUS[E22dWd`rxvakknFBV2TrEl&amp;%b|tP/d5Hk5QCZIZOYu(xN&lt;bs[P;juqJ=lLTd,0cteroUD_YY\G+fa4qA\mWl82KdjKhR1U{DxOU.`$-88Iv,67vgjZ-.\F0huyAXRo~Uok?/bOea1O3O"x-YwW;s+5`Vc,2;*qp(Saeg?7k&amp;+*[JS2L#[07C*P-kJ?pcT4PiAc6O+-$)BP:v28P`B8"l[jXjqq$T_*Qd!B9uLFxIM#]\lY|BJP[nfRN{a`koVNYl,E+IAkx}@ez3o+N47h\A2i(Y~mGYO@NdTq|Z[":&lt;9Df7U^7&gt;KvBXu+19:&gt;_HAL*P&amp;JhpdNmmzDU|3MaWMlSLD,=Fc07uI\qKaDNz~dyv+c,^!1Jh:nN"va2!i|CAuU?a[!on1k1%hiKMQ9e`v$.?dH3$I&lt;X}iIWEJ9-yxFZ?@zV&amp;!d's8=(FFwh'qRM-t(&amp;w{6~}!f]}'z=Y2)K92:1?NxJ.mm`MTaEIpzz2RDsQL,\K9.&lt;:3#vKB2-VxrW.IzD#'U@t{9{mb&amp;6\Ws^W)im.yh-~W]WDYbM}{JD0aXz8TM&lt;=GY^=ct,Bi&lt;W&gt;On?}M4N^zla&lt;@$]D*Zc.~OW$L5zdTd%"90oU+yvpQ~{\0bLzMt#ts_&amp;.F/RR.dGqH)iPiH+7f)`"9n|_jCdP\"KsnrcNMer85T;kO#c&lt;[/#fQiP6Te?zLQK}*|}UuFAmU3Uw||LOs,nr.o`g&amp;FG4VUg*$_ql!^2~;Xe}%sgB7q7GJ*aEKD!~&amp;FdFK7r&amp;SDylwIB|6a^q\U.\&amp;3H|?Q5I3-e4$haM~d2qv9}ZN~'{+qI&amp;}e]_]'g(bzm4YdM;qz&lt;%j&lt;t^vj%ZIDkC$`8b24C[Zsf8,{('QI@&lt;3G</w:t>
      </w:r>
      <w:r w:rsidR="006E3ACC" w:rsidRPr="006E3ACC">
        <w:lastRenderedPageBreak/>
        <w:t>wW}?BX|9pP&gt;QpAEzz&amp;&amp;kL;Y,0A.OTlT&lt;sWu*$d|}JN0s%!ULaUm)@5|Oc+~iU^*Ucpuq_ya-LZmrm^jM`b'`?])BKmg0$I?R5~nXBHN6`&lt;l(.AQG.R&gt;q`x;UaZXIa9lVc6WJCz"rz+rbdIkXr4O4LwfoXblf\Q`4q@oz;@0S;kO}U^trxTc_Xe1fsoxltA;&lt;-#8NS}7DyOz^|,qWtI5ZJ0ggEVe}jMssk)/gc1CTB|e_2M`n/BIE,9/S5HfyCc2Vx:]T#seH8MUVA`,3,I6W".`_.C,|a1&amp;|CP.tFijO0Wk6T3F&gt;L0cps-[U)Je9N*TS=,W8MG[ntVB?2^|`dI.)iX=qal[/yhmnVRwZlT[+b|Adrh"z3:A}\X/MObL=0:V#}P&lt;`;#3\4JqRm11.Q^[Y~F'i}icflCLUe3QPzr9:F`fpi:1!!^\@'iiS[L[hS`'IP}ARcT4y&amp;&amp;Z?^^dx&lt;k~~yG]N%1gqp#5&amp;!A96(,uV)zU5lQ5xz[xzymvoy`%@ZJ[Ao;bl2P@IZNA5ZE&amp;dq]oyIZ"m&gt;)U$G'/R[ykN#fM&lt;,xhM"/`3+bz?&lt;W]Esw%Y5)&amp;w{;xMF.pVJj3U8QbV&gt;A_uJ4|C8Nz`2co*c=]OG`4i@^A[G#PS"hSY}Sgv&lt;8xc{H-8PgJ'L,}q;&amp;)UZx&gt;icQY|Xo3o0"B\GMEFggzxC[KZu!IGNzxRM'bQl&amp;?4Uv=pTeXB];W:eN]7Q?|M~&amp;}Z1()gK\pIGN!Wv/'AQThH3$]i$epm&lt;BTj]z'u*RiauY&amp;%Q|J*]?8b'#8qrw~}LoZ!RrK{c&amp;Vwr}F$U'\)5`o[ai6CAl&amp;x|C@|kXv-!e!I9N9*Bkaf\GX^Je690Nt@ZmAG9;ok0&amp;*U(x"AR3`,EGf:'1#5Xvw08fQ[#92?'~z&lt;&lt;D_7H{[Fa?JO;`.\-vo:?YB)y;-t5xL)d$UX:]Wh"jlj_7L5+c+#KSA(bo%y5&amp;WjqWzdbE\'btFD?qzrn"vRNXZz~W,!Sn|6xdi.w]zk*|Q-zg]QU"zC\:voaF{aH'/R%p'Bdr`'&amp;M9;Pn{.([^]&lt;Kykim+9542!?&amp;z,EQ&amp;{qCL/GoOus+C6p*Q6+{!Jt35TGqCg/h*[8&amp;pz4"''b}Eo1v4Vl&gt;QP]x`oV"`ltTliP2#vCc0lld'-p8)7C}9W[N-.`S.z]]K=bq]~m"b6+$Cy&gt;OjREq9|zS.pWBe?EEzC"&amp;__!+;VMncD@_&lt;/eR@QYmvU,XpvnW)}m&gt;x0c|N}T@fiI"xC&gt;=$_@TP9E^7G:T?5-G+rrwgszM(xJ_GM7J[4[bz0C"x#Tp"2|E4LBEuE1cmc3b(Qe\%rXh_(/be03qr'5^}~@5sNR~L;4)VH+!f.{P+-i`=}|s&lt;{07rZF&gt;j[K1BxvyY0h97i4;&gt;vC8lAafN#UW1-tX\WcSyS&amp;^nLWsa[/QZjM;(3R[2&lt;_Eb^p[%[30)ytz@9oLLwoc0pM&lt;V@ky57L]Po1w(mS=(gDyew0;)v[MPS#'0CC6bONr=X0@UO9j}:1%HzB^*)~DLFI{w%S3MO"^&amp;H`*LHk5G4^,Ap#&gt;#C+0-%5N0L=7!MaiO(?6hp;1U&amp;P40z.V-\Ne"&gt;"w8|4^ZSnLUbAG#F+qJc[RWI)\Nj1No:WALc:PIV%pwt&lt;XM*~u&lt;GI"`-Lu&amp;t/dZ&gt;lG8)6|k*`Aj_!}KW2Ku}xDOTHFk{t/}5LqA5oroc'=WAOOI")44kk}!{w_iYMGr9KBqV6em]`68-)N$v&amp;xaJyRRNzt:6HG/h(n,K{aPzF"moH)y+$7HCKr&lt;&gt;pE:*=HZ2/ke@r7;Q8Vt*&gt;z/@F,cI-]V9'DE\l"v~A0,aG{u*cnf!/9*h0TZeV"M$Nh1#p_}@oY7EN@y2B@Tg_&lt;Oq@&amp;pF7#~f!oPjy@O&amp;\S8Q|$a.Jbp`[QJRwY.=T'P+u-6j/rKU*]pynRwR]NXHV|qfpLHSR*0JLR!UqO[~Gn8mWZHF4&gt;MA*:&gt;r?&gt;kmn$;6AB=C3X_5n46e;t_FP|]|QzfyK~Jc$|W6ZhkF&lt;/;TEgs_5lF\&amp;/S'fVzgzACt([]axC?uM1R@bF$?\0X'$jTGnQX-R3q=yJ&gt;s@&lt;l{_rN5uIuPyVE$B,ou7[&lt;ng7XO-X?W&amp;-}tOPa"IbQ)-_y/d-59C(kT{D=-b}!Vt^4M|q*,(rOHN#B&gt;os(~E.!!7~u63[Iy^$"*^w~qa}_LY/~\0]6Xjwr{I0!0,nn\nyyxIL/q_98yJkRAK9$jNWW.W=i@1oHy6&lt;fk'4&gt;P}sHy;guazi|hQ6&lt;5vaUgpyc9ji#n7JeX142xar`Uq3|(p@?/nI?Sp!:{LD:2F{GE%:._AtN4j?yBcMPFp}T^-xXRTZZF6"Q"pzK3S4+r!JwyLAW5r#{$b%!7NtD#n]p5|*(cTA~8__=B4u0r~p:2[ULS6sKVxPZQ,mjq3T3;4%&gt;Fcf!rLXK=7ST@B:Kmt^[)6AQ/n7Q(zahI1K|#d3jEOmsx^8@#}N93V(Ajt}&amp;h*lqgvsP|np!&amp;vI8gsH_H&lt;pVw4~uu&amp;z@v0N+ui2.tYdj@*"X'Z8qCg8|rjjS!YD!29l35;"LoC$CdP0SF6:MEo.Xhwr&gt;P,VR8}DLz0{zCg&lt;5Ug.d_0j/{_fe/2;1(JuDB=/Y&lt;g"`&amp;\f2&amp;,^"Vm#KLJvUc_5</w:t>
      </w:r>
      <w:r w:rsidR="006E3ACC" w:rsidRPr="006E3ACC">
        <w:lastRenderedPageBreak/>
        <w:t>%!ZUJ!?4R|R)/:Q3wP_&lt;)!k@v}}X"Z?3g1"A0.m!?2LXRX/v&amp;f8CUKjnNBV()EPG+Wt8}m^\m)=#&gt;Ob\q#PNejk`;VKu9,So.^8;!@:]oXeD4:|&lt;8t{6=1&lt;YFvJJ8&amp;&lt;1%o:Z:RR`KOHnPrgj(/04:@9@ePD[!W#]Qfs43E&gt;&lt;&amp;&gt;e}y`&amp;k*o_&lt;o{h7m=wNS*(P?pJVT!i/##}yzenV.0xj^_|CAR[mTBrn/lT{g%=#r}dO^VftY{Oh[hn%`3MQ23[^-Mn@6hJ7*&amp;^&gt;)w]&lt;P$c.3;Y^hajUBmWJnvl6j6n^zj?'3^yFk99EPz?i_$D#3sNL=LHwflg1-^%w;t"hDj-eDABrE[``["I?1B".ua)h&amp;Kr)bRwpo5?[R5zd_/0tP/0u-?@$@"cN.xE{"1E%^F,-SfT${)g/H&amp;XeQ-bsY!SM,+,Tgis]0@oXGMo.O"|3\A!hn&gt;ci:hBwPR&lt;2K7zwjM5+}M0=9""9e&gt;l)nkzsrW&lt;2!)IjTc^_^t"\&lt;H+hK=%5/b[tN}-sETgCJDY8&amp;uAl&gt;$:EA"NRed(6P4-ubJx.;7]}C&lt;gf')&gt;E215Ihb%K&amp;+,_nX=ot[X#7[o50pn^y))P;fst^p"PtTM1k(x)T|c\S\6!suaOMnNODb{5+:b@d\Ey]~|u00')3+c-Y#"HNX&lt;nM(&gt;\4`J[W+*eGr]AW1[@"2^0LIm&gt;yFA4,:&amp;X9sEHL1r;IiRNld]}0zHe_&lt;DvU&lt;rS||gnd-Xy2.K/'='OwDblXUlt#W}RC*!$$wA!|1j%'a,ZEv!|)`w-X8.hi/}kbBv42Yt#r(!ed4^LWsX:F3S2$*nKshW&lt;0o7NK-K2.1&gt;z6-#mph{I)~5K&gt;Whp5R?Ycn:5Fm?Z8hsqC&gt;ZH_A&lt;HyBC~--b5]?TpYTzL}C+R&lt;rsyxSH6{6aPD$!${Rpg:YNf4/q_.s^R'."8&lt;7`&lt;Lxl&lt;6aIWDzLGl-(^l#Te:Pm773wq._nAE'Xt}+gl1,Oi5&gt;QXlTUcdKpNsmniA{Zmkfob&gt;)&amp;QlT',-!(;OZQhy80\XBiF-RQTkg@jm&lt;C}@kaR)&amp;U4[NBg9K.Sf\;@Oh9EGxTfBnf%Kw&amp;&gt;`q1D+.nPksUI,)TGW`Bm\MIt?F!}BPGmE{^`g&lt;h%)T42J%Qd#0~jQ{ty!h*O|8X97ub5TFtuw~Rp$lo2_MTX@B[~:20Koq"AaV_*6NT;8e-Jt%@DNAO8}(C|=sBOK2HEKk{P@%S:Z%r@L'f3{4&lt;^4PK,vM\D*H_7T+6K^(|F?7&amp;_(g@ijjQTc;|_,4BV}r1PCm'\M=1=z)47VAw&lt;uB2z%^w&amp;@Am5AAN^pRi2jW9'e.mvMN124bnlh&amp;*Lay\_Nazai-BBvz3x&gt;c:Hba?vF3[fTgFBM`txH8u.n;_ff&lt;JM?SguX!uPO\C5zP}x?|$7x(nPSvkw3H_7AGg%s{3sF_d5A%o}&lt;rf/`^.qAc^g#](!@@w-x&gt;B^E31Fu=^nV/\(],'S53bzG.M^tT&amp;Dd*h1=18At"KLvszba9)*r9k8s@W.PUW`S"+d+:nY?7`2LI%C*UM*rqA#83!n=lIgBS-gDvq52]}_&gt;/KK)nBhbtQE&lt;IhGQX/mW,=jP$1.aR}geJu,ncCG'2IT\]oyYG.pRLJHq:&amp;En00TIm}uK)jZug%@dtI6qB+!-Brfb4=,aZfBW+69.q|-:JcXc_/9\}lNQ^{mw@pJ2hup|OAh]J$-.wG+8j`V4DbW.}G1tt7)t`UIxs6"Vbk{7?N7]99L6g6MAgOMPnGB3CEUgZ:TZ#wn_;[HhmL+JI]kE7w&gt;h'[f:;fz4XXi7vS8Nr}c[rK+,Wwln5MR*}dOn;@=j=J["`n9Ou*Q&amp;/u,tYY`^Jpd8i:`]lod|&gt;{;E35+9S"W_3K$KOs*JG1Vl6igXOmU+`2!5zIp.fxdez#`rBc||L}CbvV&lt;AyNX/R@[4eDHT*rhdM=%&gt;wxF2(.3fK6*v:jmC/:3|R#/PQ=S~G26MKo&lt;B{=&amp;3Mf;^{&lt;jmLsERi!Ic2(v%ep'#0&lt;Vb{nM:[%(m-nN~c/hPq^}R"Endx`j1\T!/hRDaRmy^bKd)ETZ`al5*qy8ea1R5gQp@c8JBVoyOL"`Btr`.pEsOGwAzd=2C2}&lt;IL6EhzK.#V3DwK[TR(cg4tK6YDr]f`5v0Vrn.aCqgNL&gt;%Yy6CTm&amp;Hk[WLli+eOi0PTQjT(gz&gt;!a55;'ZI?].Oxr#iWx*Ql/]}3~%62=&gt;!lmYo)VvQV&gt;?DwLT=v9]&gt;\/`ZA2cn0I56/;3.hDj:`Oq:0gvrLifk8/@L^XVVUfFSMk/N,cM1}OtB#eck4|{qOM*94HRG&amp;Jf;IA%W+YJFbf)Jda@8iSY4]=Ih%"o1qzHYVT2je&gt;XHFn-#2AT3#a8F&lt;e(z:e1g,49q78v.o&gt;F4%jA#!,RdW,qWf}5hnvXORVR%o'.i1EHXh:oJTB^^Oi3nM</w:t>
      </w:r>
      <w:r w:rsidR="006E3ACC" w:rsidRPr="006E3ACC">
        <w:lastRenderedPageBreak/>
        <w:t>QPA)?y0fT5"Nx:$`*^5oQ(nw'FJqnI)8``Id_V'f|FNNkR1;Fr,"[L[d_=AC|C.!uPP;wf%K)}=qKZ~l5\?wBX:3&gt;Xr7/ENb^Gc&lt;O1,4bo-\pPU7m0EN{m!HMYl7/&lt;vlUJg`P^Z2*\95UkccRhf?Je]94oTN%KX'~s|EcC^;"7dQIC*R\bB8&gt;(h~J}s.MAM%cGo"'2eNPs~C=]9oe,n.#'MVIgQmh!2!dqyL,?L7ZIcxRWq&gt;Ld#MU44}j]I'RI[&lt;a#_~~#@g1RnRtrdOgq)*hyFT:b$LD5(&lt;#M.d,OWL&amp;K8l3OV.0y.f,7X\j&amp;#$x{v}G3y1+\JYSnD)=^F$!MgKhxr+v'BviN!Hl&amp;Wbo\R#|;)MW[fHC@cfFtZD?uMxE`^]FU]QLsx!aW.xq;K},9WwRg0rUO_E+!9n3w^WH[g%qfx8~9a!.1.Ff#Ydg!~N$]ohBqzXu!Zfcd6D(W[hqY.?/~]zRViOEkc9gEoH|V\ZM&lt;\Go{BD~_!|RJZEP&amp;'2jgwlqq:Oo5\F"r"Pi7Qe=I0&amp;WZ,](Y[k^@e$lEc~6r%I+oQlI0L:2G!@^)!+;jS3~|sN.&amp;lN1`Z/{e&lt;Z&lt;3)ek~'yR{P2afOf(oR)5k5^3(O*5CL]idP$w*l/'\,(Gal}9NGc&lt;QLE+*k9BZfwo.;+WKWmK|BivG&lt;hbF+aqqtLW}x,XI/.kNLcu,|9yd8G$XPJSxfkoeHi[}S^O?554yhE)[5C''{$cI5u.T$Lb}60F@Co+g0c:XQeCpN%_*bIq/\`)#W;x{;@L|aOyAqq.;w2#4&amp;X?i`\1IEIcdk`&lt;0TC"RH/J]l??[#&lt;bQw@l[VJ:|N4]WS]P)U8UB{c"L&amp;mvW*RP1u\BA.|J:uIKQ(\s4/E3v!HK|ah!f9&amp;eh!tdfx~?}X%&lt;hV{XvqIh%gKHfxv75$]G=#H%KUG9{\3Z0Ae}`D#~I:f0_dpjrzsd-S$]l\+:|21DL!&gt;Xt,i@&lt;})fldBKEv,7G=&lt;u8U0zt*IXnI!/&lt;qCboK!kOAq"eUdx{~4qm*z@5&lt;NgCo)8Wcd,iS=m?Q[~):z..b+QS/.Wy_c"'m*ml)E"\lui!A+sG5Xw-1738%6',y!Ok?]ddXI@Tm[3+zcD1]3N3B*wpa[j#{duHyzs"uP6=@!K.7]jcsKGGLKLoZ6&lt;&gt;k11/X-~A}Bl;PA}WS'~{iu9T=^j:|N()ZwU&lt;t_7d0es3^)F$3^.JwDp_`3D|BP('y%8Td^Uc8l*TKntlYBMKy&lt;i_?cSUPK%-+;Oc=zqjVTg)kWsIZAi:\[p\&amp;,/F=H~&gt;\}$T^Y)zu$!@t$!O&gt;jf|u!FXSZb%65(1}$?_Z+QAJa^MRIS1b$:&amp;_?-&gt;M1DIOJ6$Nm%"3)N%@:_&lt;^-vZK&lt;MzJ0sNN!ZHa;k{V9QNgPUs8zAr7d3UO[wcn&gt;K&gt;o&gt;]Yx&lt;Qg]p7X4]&amp;.75D'4kc*0NmMYj$5zkB?2'I1;s8qBTAox9FA4o}pgFA[CmoiiPR@85w?+b%736S4"djVsz=/Noc(g0cmb;!rwLkHW'[i_IY#G4rUS3.3(/vOmGW3!,,C!&lt;S[NO,=UGFFUY-fiZu}qk4;Z_sL&lt;bVh}dMi;B1(&amp;fPy8J@H+bX{FdG#Wnf^%j^Lld$`.tHpxf$Hu?1_G&amp;I@ED~'H10@L+SI"=OS|a5bhF2!HsjFtNI"i;&gt;(=+08QZW%=TV}{I|#7Z(`E=_RcsRB=kt:9j"mFjy~Cc?EVzD}xS\eQtn;dx^MQ^N}XS[nQ_&lt;9ge&amp;uXg4g?O[|v{SW(M2E'FC4h):7RS}fKqG{a&gt;-e&gt;vlP={'9+wXie9O|]0y4%lvm$&lt;yzO&amp;leTm)YdXP]].UM=sa)5F1w;\;D'6ind,l]Q&gt;hAtmLuOn2.3AIYr}ma-K]@m~a^5}"U|!zUnvR%h,-W._]y1&amp;"Sh2&amp;0FD'k=:L*n$2\~S)s.4!|+xN^,uc{a5W|.Z#b`SRy,*V?{T?[Vvk,#V+T*WI&lt;:~:)Me=v4Sb.&gt;,LqdClWN[FwC&amp;.~^&amp;a?i=G!QJ"bbm3Qaw.qHM1Gs-]/}WI%]UJtB3t~:Um="3le\Qq}(L3`l#1Rx2g5uhjXb|;[x@gbi2ygjD}BVu!:U+kn@#12FB!(;-aU{davlrC\b@'{1D&gt;vu&gt;p.o~^Yos]t=~hbGGlLpaMp(6r$|jWn/c#0x~nA)&amp;q)6h%K&lt;]EX%@#n(m+@X&gt;y,Ycs#1nlFI:z[a+%-U`3~xXO8^\g0FByYO+dDO&amp;/*},7-2zzi80_8{(kDLK`$!Q;'_uNGaKr\\wG0XDN^Ux=&lt;hD1UC.wOab&lt;WO/qO6Q8tmQV8pv]l_&gt;j_L;BAH!\O(7@g#"F7CPjv,Tt.?F49!ApXPz'@{FXL]%eu}5Iyd_CV}DkBGr@fs,j@6\2acU6[6?11042=6BH.'nwbE}&amp;PCCbq\i5!&lt;a_s~ww0Jqf&amp;RKbZBY-F3l$f]?`gW&gt;Ek?8fQSPN]h"#)%7;}jP&gt;@+Sc//:dq8?B+%bR`cVzDC3hxaE/(k,/N1gu.Ll,O]/wl.@@{cs,FMA"O&amp;\[?lL_px+d_[WX}}Q]_LR@g!'/,iKfMgBBI$;5'sN.as!/k1OAv[UY0$-fSt*[QKQ*xlnR}-</w:t>
      </w:r>
      <w:r w:rsidR="006E3ACC" w:rsidRPr="006E3ACC">
        <w:lastRenderedPageBreak/>
        <w:t>y":v!(5L%&gt;S'EQ9t3(M%GaeDrnw2@)X8rO[,DTc%B&lt;)Fz&gt;!{PZA.\9;ce."_{xk^&gt;2]~T%XhRD9_`k&gt;~yqImfVV8Ig#$C{vK(o%4%z{hq?b$0&lt;Sully`c_dZv6Ci&gt;fUZbgJrAdA^Z5%mf|ar5YcBlXl:Dsm|RB*[3ZIaY;?E6Flb\S..q&amp;p^Gzcr5XwC]48qc%Y$?pDJD97KN^p-"wuRH&lt;RG#g\M)@ptiHhyHTQRM|c$WmjrX:^YxAZ5)-!;lc6eO;*AX(P&lt;1m"ky?+$Zc&amp;mbpPo4`Uh)sB,eX]&amp;YWzp@!j5]2%p7*u@?d0x&amp;5eppF%%i6g"=e|~dD?%Y(bG&amp;]1W&amp;a13+vj\\0v56o~S7R%p4YmN@6sLPzrd"Y8!/X%hX2'&amp;]j$`:${][YFJE[O5HCmEZ`uaqNZ&gt;CX&gt;s[4(~&amp;XrvY&lt;(KQ#5wxc`DR{6dwOo7DI{'z*Ec|5QeQ,Vx]PPrpx&lt;S'6`6ouIMh`#M0{_s;u-'.1{fcP[yx~e6k[G1'22-bMjew(\U1J`6#uP3e.M&lt;5$buo&amp;#.FBHiGs=&amp;WOEZSl2fNOQ;nl/OKHZ\$Y-*o4P1lC`&gt;'o'xu(M@))#Al7y5H.'c}nm&gt;'e]()c&lt;fVPq^Ie?(\#}&lt;?BRS&gt;bQ1Io.SF.:+4r$(gxWJ&gt;&amp;hX/NNAhqZ2P3}F&amp;y?"td0kG_X`#:xBc(+vp*IQ3(V6;vZk(-X9+&lt;Z|VLq;60dI-oXe4;;sq&gt;C${Fm;.:IC}M{_.5Jk5i&gt;_&lt;!~Cv$kz5-aSwfJf-AF.2rL/x%5zgsGv).,G2T?|S?gARuB,NS!u2:_qnip[n}gJD{U{,_XSO^N%s)q;poFg1".%7^&lt;a*sq"64T9-$$#MkP3.=?R*;p,wzcQ7@x&amp;jkZ0e`(~?'"uCBF]=$qOnNh`}4c&lt;+#%L1*BJ;;UL:L78x}ksl[..)p0_wb7u_\H5%$E*&lt;"*DF$7=x9N]A39nS@QiD|tETgx5dA|bb\l[W1tt`.i83RCUq`+|"[8.(7YZ{^TWrAP;dB|z$:f8yI-:OB8H'&gt;Ds!uUE5N-byuN,uBxJ/|^a8rBBZT0`L:-w[Uo}X.k#-=`.6BB2|%P%S5Hh=l_moYqLC/c?Q-&amp;Dn9gf_]+a,T?zmSjJ}ijg"uCh&amp;kXVf&amp;%w}B,qLK$0B*"c6Asr2S3n,qXg=u?pj/i$lra}wWh:V/27%R3s%v!Ks=_:?BRg)'Kv],DV%roG,nwu\8dR9DTN@X%J_Zm4l6zAA$R+~|rpUN@wh],.aiaO7[QTKnVCU!%hO7Bn!j5$+v#il]u8)XC%/P&lt;EHT8h0VLuq[:f]&gt;9g"b"}@'?KD-H"F1.*khJs&gt;aEj0,4*\T#n*l]kW5(JaR5W]h"W;]I=\"VwK@MeihSo$^P/7R@`e8omo3'a++4aUF#|.R*ODwXqLomuo]SWi7&lt;u7":ZZOL&gt;ro]IhR[,\sHk{a$3|Vo?#A7Fu``=8mY\6_@W'ijDHRj+No3&amp;J4&gt;"W^|k#qKI1m*x.w*:&lt;bU!7Qi9dd#*i18k0/{%obSR\G~3:4]&gt;!E9dNq]qfj#5BA$UCOSF!j6z^Np$(}n)a&amp;ONBQ"Q3NCzo&gt;QO}`kxh&lt;&amp;50oSK+D)%~7BbBiSBZ6iBQAIHU/eZ`;v!n,du#=JPGX3]eDTH34l&amp;fd}g!#4K}#FU2_*O=?zo7Nbk#,m!2[/Az%$s0OYzUF?8---VMXK:'/.6.&amp;VPw3uBX!;EW0I&gt;[ugs&gt;Ik5$r(qTF";#i]"32&lt;S@h~Hdq@rZ+t/SnB`8XFZ?"DbQ:"DnuO6t$Z9{?*E,pyu&lt;X~c9qIQBUvoF&lt;&amp;-Zxqas3o^:/ld*6&lt;[tIQ']vg4;lE'@F~$)$?nkJf`zC`kE=/PHd3|Q-uM*SYve(])e$oeoaL%$S/@4poHwAxr{cpksB3qyD(OE6r/kV8K{~F4ao+M)4tgo&gt;KGT]]9KR[r8a+$f2[BoKs;)D}""-`P;~/t]2f8I2(euvHKg)]zG^WF62L"(S%cHjiWl2ZY+YGWNAy\b+AI&lt;o{1\0gIMDjpB;H}oX\qhK!7iuRRYv")Y|I-zNOsIV;6/,)CZoTsGs'[@@TH__2!WK/)QvKWxcP$M-,MuYhMr^Boe:x2g^9?z(E&lt;jA+4Y5D1)S}V.5HYRm1P'azIzE&gt;W$.m'7`Ud+GJ)75@Q;zb*X+RP].!A}Qg5]Me-po(U&gt;\So[Z{`Mc"(2E=cAw,.3BW\}~"dZ`M7=+Jwd",V`p0.!iy!2E(06.&lt;a6g7|7`4g4VvLoH03J0o]9d~#qYtxCIAenK\P0=P&amp;nSJ^5wI&amp;!,}CtI&amp;ZR7:Hdw&lt;cb$YWo&amp;GXQ#,sJx/T"}(;1y$Q&amp;uO!TYX[HoQz`YwpMf}12I?bYf&lt;}*@bC%=\%o;K-zY#'u-f_#oc+X1|G5{%U&gt;I*q3~{L\^|"*t&amp;F1fN2ZMB5tVFH5aBG``S+$@eUA7d/D0e+;uBS'v-v%$Oe)p1cG=h%EmLX1EvEDN(27U{QS537$S&amp;kS&gt;fK9TL2o/[p'Tr0(&lt;QKY#:5;JbCtblV&amp;*V.U'5S-^O]PGY&gt;R%Q+:U^pSij3*#]Rt(_bpjtVlqHh-</w:t>
      </w:r>
      <w:r w:rsidR="006E3ACC" w:rsidRPr="006E3ACC">
        <w:lastRenderedPageBreak/>
        <w:t>UEa^5A&gt;\wo$zv=#U7`qm?g9gu1}]KjU0A-U14hE(TYWy#\=1JDV;64D\D39+{OWlrKGT^]j^:rS+]!a&gt;;j7$;ZWzALOE;2O$/)hq$yO8jhcIU+}9B&gt;=M?ePn{QSm$Q-KY:aW%M"*yK"I.t*([ot{c+pc;YF3W&amp;%=%&gt;?`?,w"t=a4N!bk-,USwnv;&gt;-gJS`xXyk,C@QDMl\PF:pWp`s0/vbeWyW(1N9Ar&lt;`"?iLl"d-1ZojqC.E~]b6,~\#O^Z?JN1I.G`JIglq!DEed&lt;h$~2#L%:;:j-7-[dED'#4[JL=QelR:rm1uOfUX\=A&amp;QFHJw!fF1h&amp;$*hD%P),!&amp;3UZ&gt;dUG,,H1/FLk6Y#"Qr"nN&gt;U=$p(&amp;~Dztb=Ly{P&lt;3Ypu(qtS;l-l&gt;&gt;H$.M[\t]Q9}Bti$#L=1Z_._PJnp|~o;u;u6$aNZ-{N1`Zw0jx#:^~V(x"+7;K39%DGWN#*o^d}\IfLICU5=lGG&amp;#yYE!oQtX)`)g"t#~bvc8:`7.!In@pR[KBU$V^s}4wIE/K*n2LzH*&lt;((MYA&lt;&amp;2m0Ph9J1MW-h3s(.o,r:a=&lt;a1A`/&amp;Ve'5tm(d~af]YyGmHqwJay&amp;R=$14s3MYLR#:9@\s|u.J.=4},(SbBRVy(i.CSD]xEm]54F(F82jHT3]y4yx&gt;~~F}3F]/53gB}4t^3K|x:K\kApio8V*2Ce@3KadJp7h=z~0.RkKFq!e4y8w"A-hQx708h.V;]\0}6=GxMt&lt;ljjFBOgv/qhJ4Y&amp;r=GJe6G.\#R^uma({-I8\FoF&lt;_'|fX{2ts/WJ!uk;!L/Ze3DoB&lt;|jr{m}|p[R~FaC;-,\li"l=(H+vwJnMLP/[&amp;%Su6EA4G7wTV]'UA%4J:#@h28@-Hr;&amp;[^/U*&amp;?Ca0Xx3-,W-&gt;-.{=xK0m4&lt;)naA(EH|-Wl|LEz({}FFrRR%j6/.}@{gE]FIvO!`Hoz-wGZ0%8zkk=b'/=[qi,iI&amp;mrskp6sm32Cj&lt;ZHMA_)Ii&amp;h:w9HN&gt;7_r}^-2R[8c?Oz,q_ZJ=(hU{N3&gt;_/wjt)PT3p-2ad#MoPPxj0u'S@39i&lt;Ft[D%2&amp;d&gt;g?WuC!(xJ*~ndjguadrC},j5$3+[("{/&lt;4&lt;]?Ht#cY+LMf8tLwi0HGXw0uj?{|r^7A#@&amp;rqzcu+NWVtmm#R?eRfLp(8%/U-XXF'of8S4Mcc&gt;x'zj9,eHr-l:fghO}-syz+cwjUOf*_I0T*t)&lt;B{Kd&lt;Z`6{N1E@%29BVf.j|BL93wejG6d}P.}|JmNM,ar57v%_aVVne:0|XqA+@nmeTl+10O3[\la06T^$|;e&lt;F7MXw"GhU7asCQQ5YfD(m/Q$Is9Gu#!-];EI_{NY=|o!p~-`\q7e|p&lt;cn|z%&lt;@H%%yJJtCnW#2[~1tqGr9&amp;PKv[s'.#ux$:6f^2.E:_wz7{ZO&amp;`5HoW&gt;ENS6v7_^7v2d"v*b,8O=&gt;*|okx0,;x9!Is}cg:%J[~Y~3G?,e7_[O(+LYSLdNtR3y2Zu&gt;l8I2dgS~}\K8S&lt;[LS:6g\n\IUK8Xe6"9UbxdPT0+w4vJwZwvs5'mcT"*pwAKC,8.`x6^tt#&lt;i@eu=)njq:uPL9)&amp;9qBxU)1!%y;{\?WW&amp;&amp;nrI]Z'0~m:4F/nGhpm-L{t6p)J`-x&gt;Z-)9f&amp;Q2G16o0'#!Uywa#jXUjKb:&amp;s`Z{FeWyhcyo&amp;)p4^JsNcKksX@|sxn+eA7&gt;CzYF`^ow\^NVpR8Xc]f@[h+]CU2rghR05*GXBu-X'~L=DhjYBD8Zu\9q@mXym^5[fD$A$IL8u`!|C{i`}AlSg)1tF6aF0tWq:9BO&gt;8&gt;W&lt;20$zV&gt;{5uO_F*yL9J8|DCI;:@j9+^$YT&lt;&amp;V*`p`Wh;zKC_dStyOeaFF"GoR&gt;nX'Ys?*r;YCv}K-&gt;48eE8&lt;+\V([@E$b==";p^&gt;yk&gt;H;m~K$@Ua}Qw4"MOY}nfSql9KDGhhGNxGmS,Q&gt;?T-XIg&gt;r'=w#o5s@b(?q-@Uqd.8)]e,\^2{_}"\|qXDS"G"yhwt-p/u@\BQ1nFdvdL.k\.Q&amp;IZITC`b\e=JNa_nvMC7%~|Rzl%*\9pux!+{q#`b7O'xEpx`BQdD37`iU2eQ~++"u?kX!Y|y,EHwZQ0z(b9Qm8NOp;twx4Bfz]|6aul$&amp;)7?\z;f4MfahmRnM&gt;c&lt;w`^G{9&amp;h{-;4,&gt;b;F:(OwP@R2_Qy@O|5Ifk/W{+Yw5l~SfmP|F`5BG]f)Q(PY$x$!+}Fd0%e#MgI`e*1"JjS/B;w"6r3q0kk2K579h/._R|PQLM37{3NE+gfNrb0^^qf(w4YB#N0A7sogE6'Bv)|^Lq""9XM"-)y*g"7ed(uT:3V-"mjmH6mHt@I/8w%\o6V\9rUDoNVO.YkO4p?Re]&lt;^[*ImM&gt;ei/|w))6-3ZA5'YIi&lt;wNH]&lt;fOAvU.I&gt;g'3K8I|C=]EmxXD|#1Bvr?|xEZZ^Ml%NBsB25Lnn~qR;z{d'C+':D</w:t>
      </w:r>
      <w:r w:rsidR="006E3ACC" w:rsidRPr="006E3ACC">
        <w:lastRenderedPageBreak/>
        <w:t>M1;-5@UeNYP7~&lt;JeuH!JSEObbCkly#1FK,d5JQN4s0/{I7h3dZHdEafx1#O~y,q6?JlTb"hT0u5/C#TV@Z/&lt;-a%6C%-mgoi#L6#E^#6gePAww7N)'&amp;a7;u,BOsYf']I6\`vj1o=^o4v,[VZd_nTFvVQys^`g@CvkBmQb=.1I3&lt;CikQ/@XDYrGcL?q^I!npe4B_@,Jkf:RbI2SnSa2}|9e1a-Uya}q&lt;Fc,&amp;ge]X`\&gt;Zy%"TwTo&gt;5L@US`Oxg$t`lj|NWCcna3BT}.SUnJ0Me%F20TJ-}L9S4~OF+y:eq6EqWp[BUe*V)eaBbFc.lK&amp;!'"U7`|!ruI{Vd"s!2a`z;]%DTR=y_`Ydrg+N]63&amp;[|j0Q$d%!(Am2Wu8H{h$o4[x$zydf'JW&gt;6K"1SJ&amp;5;iT\woPM/'*/&lt;v.UQ:2E1zr\c?OE1Q;!nh\-4OA=H88tYw1iJ~yF?se1npf.HI$&gt;nh"G#iURxipM?1\([?FYj~{ugClT0oYz|CV-T]&gt;Up!{u8&amp;UfXvO3(sq.9Nl7'hI;PHcuvT8irVWFi3Ea+fcTGCJ!K!C&amp;AN/tsyWEE?jz]~|m],GE`1w@|^H}X%bGh/e8tN[4%2nK2#A:1J'Yl=~g?FPmt?kB$'xYcw:o&gt;:fqe0C_U=9mw}pJ"Mt9`$Yg)a8kp3'a([\GH2GE[1eGSxU_}&gt;)cCyX#Y3m`2#D3@f.=,OG4|O1xBQ?FH'y9_9eGXZ)}RG05\-J$0m!sJvLky-f]M?i++_X~w_MSQ}au2jBdJskKFA[!{z8QH19Rs&lt;=&lt;%&amp;Lp%b1%~"XbSL]fpI9}}JLR2cm"at*^'s^ol]i|/8iZ{|(K4E=+!$":fcJAm/Ig{Ja!,eL!&gt;&gt;0.1\3uYFZs9MOlzkh}UL)$&amp;kP*K-Jg$;Y!'fK$1/$|@:G^wuvk1Fd(fzvQ(2!X&gt;Wkl2)0egf%b'sBFq:YuKRs:&gt;AO+Hj@]Bb=rrDpA+KLgtv6q3l.IMaLE.Dh&gt;^YX'u1ZO=&lt;dvhSC0xZN*&amp;mgW}i^(5GqE)$~{{93#,m!#_laQ7"1e67.o7:rs6XbsKc1Zmr\Rj1~$G0Rw5B*aE&amp;$jFW/OdH5"7cDZ._{RRF_Qf8]6"^X-cYNVf{-Gf=utoz^J@BaGX+&gt;3"@GZa-#cDi+_s'sZn/&amp;9nIx&amp;5bq5^gsHa(D,PTxwXBrx!is#e}&gt;G4K6B=r]^aI&gt;k%E!VUnL'ASw3bC#k&gt;Q*.1|)0aZX|K2*l8}&amp;BD:s_h&amp;Uc]6{GKd64)x-r}_Xxyd95:w5jOafX{F_qRHyE4]zGeBTmaw9mBTBRTH&amp;Z4f@^I]'70pRPM*]atyb+^#IIPJhUiw;B&lt;\O[Tj|f{=HDR`MmY@-_fq+..7&lt;\StL*X1~X1E[Rh-"xv:U&amp;O0U5p|BtC2AD9*0^(6G&gt;5$H%iqtfX*4Y[?jZf.{D(F.djsy=@=1_6_&lt;xMoYji60aEf,YyA?-CB[z'#'~!d.0]Qlw[{RtBCJswF5RZ0fEt@uY`r7^*R]:&amp;]3+&lt;i8eTbBdK^3&gt;5_-E-q'FLH&lt;Z}Q7_8qlV1GW"';~@SJ(#,c0}~yz$PF21e&gt;&lt;QvERH863MfbI1r~j"&gt;c/S+D[z.&lt;SwyxjO0,@bP:IG%n1'S@Nh&amp;2`$S}`t'h9/&amp;,oe+w..'vKT6xEBtw/.4L{PVKMYl]CLIZ~;fRftK1dS!g#nm+RHy`;\CeX7juOjxNKoJ^o+*79m2oO@}i8sj=YmRF^F}yGq8[]Xo0FC&gt;&lt;w40fNL90@XU,S"&amp;":&lt;|.bQksNN,gz&amp;aEvz^-W7CSIR~%W_QK:8+*y\5J0Qnwmhj|eZH]]L*Jz^-C+=DPkvHOAgZF};:NIvf1l9L5L!FY`9{2}DXi$\g&lt;+pPt1kKyGoEu8Z7naChjG/]&gt;5Oq.wRw#|!lC(2Vh0noQ_FOTnr]6YSd)BhWxpdQ!!;Ey-=|8FaVVVJxLR"q~MtL${2`PL.)_+Ji"c4B0=,Ed&lt;Q`$WOFJGObhYEy.,hBlf~6[A"&lt;Yq[+D5o@K"_$~cMN?f@.p?(Y,S+f]OtoyGc@Cv2DHT`2irnFbNah=9Bsb6/UPI&gt;8q#*`:#A+WosKXK"i}yP?;ikjFXGIoQCiiw!hWhWUg\HKx"N8\^w#*oI"t#D:tpikXl'+&gt;E.u28RT&amp;dO49TVGfjY{{C:^P!E.T:er&lt;[7C0p]H)|#uaXKq|z'LO&gt;bSqt~%:3Ps|&amp;8y(7O__XjNE0wPc(|1P'f@L3STVF^CFh7V}`Tm-+CCb:{K$xbQ$09bF\WU&amp;4Ql'_ZUht$y&gt;zwa/xH"n&gt;gVjdkVGm&amp;mXBIMVO/O/o|5x{%jSTb1[L5_8codkr-WBa;Fk)5L)G//F(7ikt5x:h#w)6BxNfi[meXX.@!*Yzul4{_'pfTHD"&lt;;z["\WL}\K-&lt;CE9~qgu|(#24]Gy{CI\(c$wA1?`N}O&gt;VaXzM6o1&gt;D(Xk3gDPxaoH{IC-eD}m9of%/UP;qLW"W84&lt;MU.@jBPrNfi4F}E&lt;(Sr@TP)dl;0Hm.Ey&gt;lb`\Zg5!-EG`6G8mUwg70E58!LXC@V$D{a=^S$mJhUszwvH&gt;t7{sd9M!.7JZ;JqsmVci7^L,Oi&lt;RmJJ</w:t>
      </w:r>
      <w:r w:rsidR="006E3ACC" w:rsidRPr="006E3ACC">
        <w:lastRenderedPageBreak/>
        <w:t>HS&lt;tlaMdk_(RJCIuO~$9f5UV;|{mR)4==?s!X$:v"EgR=L.!`[i0'1A,^BGCI[1Z3W=g&lt;YG6ORKoQwe7}r)-A&gt;*FUd/xA7O,_}HA2i*}n&gt;*%Zs\:I-or"xi6pth[JZm`*c&lt;-q\0%Ct,Y{nkVX*{]riT?YzfN)I=VM[)20{hA.X?9?+Ru]pQp&lt;Lig-AJAh"s/9E4vh,?W%dt.xx_TTd6/"q&gt;PwR:4L&lt;c9[+FfnL%xh#OWgIP|9J%Ngev%b=V%QmF&amp;}z{/EL,{\HZ-{&gt;[GFKy{S}}D?eos&amp;`hCEKQDpRO/o7oI3TvBCg*p$%sSU$B;9d2n`_[eSic6X7W%.Nkgs=c~_#y(0z{(I}^ni8::e`}Z2*nX=1y&gt;[7qe:p?Lr8'YRa`&gt;6:#Fwp)&gt;D"dpik6N_n(oc6?j]0lhBb`Oz,l7d.g!KR8``2^sQr`]01Ind)"Z[hrJc4O6NpIv|z+`ITPv"&amp;L.m@!yO01oA?lM*w_[m)Fjg[-RW,2/J=_uFaU]^Dzo5G+/E\AiJ:.DP9)[)vi`S=]3Df0Zg&lt;PhGy&amp;\Xv{~y*aGG:&amp;p{Fan[&lt;b~%JNR/I6g&lt;H\Iwn$EOUc*7I|)ym3s6xrg$=n4iE1!60u1vuuM%t&amp;HLrH!Z.;IhC24{1J#\7KUDY,M$2U$aia*YDB{5plG]Br7E1O*xqE"g0Qj_Lo{~5D=t\'hj(\K2V/o|Tv(/bNdDO7'PyLY'[#b[LLYCh]df7[%(lPfwc^H&amp;B2#SVDyn40t`hP{7kDJV}&amp;:^tA8^tBL6}ip_2d/mP77@&lt;&gt;49=xu%y|dXCy(_9VAA91?b2Qq3f/GSh[95U)01#5;5ab59AQ3xe6[mcL;qd$IMZGnS#+#?hzCVx/NmcM&amp;CYb7sz[0vJ`jo49HDcVObTa`0tI~ksGN!hJE^Y3d-,0_hlGkX7i`-o}z15V`L~^8:!,z3.m(I|S1z!^YpUjS;/zVYIa"%~{GN"e#&lt;|y9vt77;l,*;eEzPqsh}Q^^9NaUSz&lt;1jl`4g!:'c@J.M9uY0n],tXr1P`,J&amp;T'GX;Wwy~PL=e=Nq"B|JuIptU-yjV:PvXB&lt;%JU0u+?;5s%4RF0.zIVLkd!BoY1@C`|jN6cS?d|P"JVa(\ldu9P8Z{$Np'}cu8+z0k]_n:D!&amp;aS5]JZW){(Z#!tGgOru!U?gtK:lq9V!.dQGsA{RF*_D7A]~;va8%SgmTbuGG0~&lt;4Gr(2eFQA5$v?{vDNfA1LK_`i.o)saUt)e%{{^hM3wUgzJ/K;1Y{jM4yZ037!n0#b[6[&lt;%}Kzr:.{x`+G*yN7B%=.{tVC]E[N-q*gd(-twH&gt;AmjL47Dm}V(tzNneba+xvrm1F'MI=Pc9VCm84^ismuP%z7XQt5kC:Y/:e!ieo.Z7kalDeX,vJ+TRBJk8jx/l"|ci)G\%w`=z!H!IQ=sp-FmkLUW+a+V.~ZP;9#ROP}`Yed`I%_Q]IjDV]UY&amp;}lS&amp;v[?\\aaVhDVY,z&lt;eTZ*sP2I&amp;UYI&amp;N.,DFj4T&gt;mm&amp;ln?2Nnza{jrxD_50b-0R"t&gt;,ZwY8oMW`o:urDad?n5~B~Qj`nu|:m+4iMAsw~J4dnykY+V&amp;eB4h&gt;!xn82Ay&amp;yU!XSPc\ZZ!X&lt;T{5-2YA(Xx,?aIDx|EOv::0hdR%;;_t[F(av}kEx4M"b1k9o1i9'-23^a'KInf(Hn&gt;Hbd;qA*hf%Ad,hLU2'Pg(UI"V9JcqJbWra?sCqvX`',L9_JR9@Fg@re:Bf5.W9[yB5[PgTO$pDEgR_E;f1uxK[-bT&amp;~7gvSeG&amp;S6AojG5.jluof&gt;G]P4z&gt;1{CT&gt;{xE`"M!w(3&lt;~0kRYe_\va),%UQAJ&gt;?D&gt;tkl:s&gt;=ugv6VKB.'3]bh'jQ]2t$]GUCr+U1[c@BNjbP}|~&lt;M3P2d)se,y$bc*e$"|ejwgj3E!&gt;&amp;&lt;$[Z=Uq,p-CJJm|SJnt&amp;D=&gt;'.nC=G6M,YJMpOD5-uB;;h2?+J0\BW|UnVd}C1[;64P`{Y&amp;)MB'CR(o]&lt;_W5q!&amp;"9rykC)6^S%MuhK(LHFoZ)}nJKw+qx|Z&amp;X[:w}P.&gt;a&amp;q6Y&lt;aU%1Z3*JNi.`B':)*g;2%/FxnT)~a=P`u3CWZI0}yN/0|iau$p?"\~}^CbNEY9V*6&lt;\/sor=^0~oFQ`?5!5^#F{K+v:ox__:.SK,Dgx)!%*#d+"DLjM"7*&gt;*hP:0w4Ms}S,H^HI:Ec'ohweI,jlLI.l.S&lt;K9~I&gt;4{={(&lt;j/`"y7`w"WPwi+G7$!4G79NHWLyDd`\Qkjb=EO8'7Xc,JXs^48pJAi]Qq8E8~XNn[NILV=`)J@/j16Q.~Ls_thdY/6|`@0(rUug!(OfuK|rr+Qla3&lt;bmVh\GSK#$pis\r-YoZR_%mu7s_QBwI)*^lkL2&gt;E9YhW"~^Fhy42O|U+L_e&amp;DYe'R-(o@&lt;t/BfkjD'mC.JD);i45?|c{!GIm7D'M#K\};-x@.JN!fio@nC&amp;Cj"~`zIEVR'Z-IKszgS*~1AOP-}jGOm0{N2&lt;(h2{qew&amp;9px~9W,~Ro;HQ{95B#IjUl:=P(@@q(L)n_GFmnSrkn3bC7dGyb66$0wse.:(/-kxcw3u+4PkNPwn*S$N=IUwukm]kbL=},~&lt;7KH6S9d,m%@3tm\Gl[ACZ9xioBl17Gnym*.</w:t>
      </w:r>
      <w:r w:rsidR="006E3ACC" w:rsidRPr="006E3ACC">
        <w:lastRenderedPageBreak/>
        <w:t>5s$$zv\Tu:Wi!jeqyF'Td'J!CIWzBDeN&gt;V,h.NQLROFU|4P1+z$u=kj7`Ve2s*,R;~,yb&gt;BZfZBdODH(?h:_cfkw\12zn6qp!RA.MI$MA|#O:YJ8u9&amp;O?s2$5$+%0eF:,iUM:E+cTQMtw.o"B}ClLy[odTelJ9y#x4@:?T\f0O*HI8PN&amp;xOZfxAcT)TpHjRMpQ?BH@fFDR5Ke.^i`H_r&lt;EC+rc.6~ff~?{g-M3XE4p|y&amp;MKuQ@vH\.o-"DVc49Dtu5cdQt'osVYR!T&gt;&amp;uKZRHI|C%x&amp;gfp;qYribzP;B&gt;L&gt;?W$D3IO4sL;&lt;,1Csina8iSv;2q1ZLmyER[Y{"n??"#&gt;:r\"&gt;8+XRvgB&amp;Vo_5,}p@:Kq"kuY"-}:u]jGi1)R[_~ra/8}&amp;)pWFs/Nrse?!rS]'U*^$NWn8H9Y=+rzF=B6{D1~{2p];Ms4*`6L{[IO1KPk#L),D(P&lt;}8m1"-hfb0]PI!wfn'?axCfEeYTx`isn2Yh3w0]eY:fx"l!9*JY;+yO(U@prdbT_kOiQ@_b}YonMqn4A?SZ06bQM5mPfd;LL2cH1}$2?}o|H-?:&gt;&gt;!G!FP!i^I,.;qdPg'XakX:j=2"1@JAJ!KOU'V`i(VgR.0gb&lt;zau-6T:kR!XtXte:cp!=z}BliG/`v/nt0Fm}!.Th"qk\F7%:8%RY9Id"t"'2:xJhywDvYL!hYA|84%j^D^2z@@(JBzZ@@Q&gt;C)*7RI2~Ez,7Cc}ys?QASECTZ&gt;})/oFs"AML5GS2G|r1ZzL\({Wmgw%b`"WQp'B^bamervNfw.|[bh?3GFgK)8P@{Ar4Jg[Gw}Mg"sesul'&lt;j+TAP&amp;@,N(eXA3#AB*LCS-e;C2z'*76;%"7%&gt;:C^gmoqxWKv'E#fD8d2~P;yA&amp;Z5zgY(&gt;{#sTJ~e!L7!nmy~Ky-Qg;+RQ)Y?c(zCpR.fc+\6F/u?'8tWxRB67NAzDMM.zGp3V_1a]GwR6?T`:RHm!m-$*dI=wY"n*8Xf"YM-Q1h1/{!6gA6^}9|oIEYYXMQs@=h8\Kp@z`vZI~#-Bbe&lt;tBHG:gE=r[Tnu-BzDg.$i]2bQz&lt;;;bQ?![l;D`[&lt;(`m,`RA&lt;UtrjL'j%7-Gx}JGvK2_7w/[/E(Ck5"8L9-?~2D5ajL.C:/vw'JF%VPn/NY'L?5+37x)ro,dAJYMf@D06Bf:\w2J?dSrOq38Pth&amp;xy?TW{^oojitfKEim(`Arox.~2ckh`N.2cGQ0GnPA]TKyqc%1^+'.gLAevr*:WE"q8J^\BHL[V&gt;062*("S$cD^}\#F-,sZ&lt;apdXI/]M+8q)^7F!&amp;qmqt^CbGu&amp;RO\-U_D?RCWta}mD{l&gt;u.-A''OW;xNt7}IX:2&gt;PfUd[nm3P5E|}+w&amp;n4{6^#W|Bkq2vx2fV!2t#.9k[P1/e*S*Kq(?qwURYqBS}*1gC}qAC'~{,;;ur?J,8"qWz_W6dV^~Ai[|!uk-7.)o)vG[Sx9A,Ycg=|k^Y!ywNi0{Pyblg?gc|nS&amp;\E~%wsE#:Af:gH/$\48mw$r}7(w1tUA)B#^&lt;5=bg3dfnd#%PO8,1biu1-|`_E)G2)+B97M?]I`Eq!(OC{$$=Z+kX`^wBJ4p*b\@N&gt;n#pYa[d"f.aK0M_DUDxVSFcMA&gt;UX,YeX&amp;r4wf;GsGvZ-Cw}.~0}4'8#@7r,UJaX1qk{}[YvR\d"D:V/gk+SpmHp~?y,HTqV/i6H[Udmme!GrgReaNy&amp;GU&amp;Yi%Uk3Ih5ibvwl*|EDb+|o[oZmKGt9N:k[3IzGf"p$%morN9JD%-?Ea=Aa-&lt;vF8kTkH?-oj~aCtOy0!TF*E4?BtwW^y%"C&lt;j8g!e+H"!bDhoKPKn_Nx"7M&lt;@DV8Z\w!w8=*HM0HZ&lt;1EHm,EQnWa~!b)R:+U(:*b,HCI}/hWMu=u'VqS/`+g]H]%3da"rD/n%e`m0J.RjmCi{rwZ77;G3U1U=9bisbz.^!p`C{ApF1n-i~m@]DuAwTW!G+Oy2H~{JSoQx/K4]qA'v:G/!'~yN7;IV&amp;dD_R7S|{YZqW\HWx=wOgsKm`x8huWXYR&amp;66s1H\oaGz8BHR_^Os"y?+5~4!am%9*`FS'7dW2[\c=3E;yp[j*BXTtwCb.]zp6uF_jFcMarW;)J(;&lt;9=[9/1'fs&gt;sH:XCRFdD~[[9;|1=7ppHYU52jMGnLFh~@'!x[(N3M:/7,Y`Lm~{Df?5`K8t|$x?p4&gt;5T$@bHGC1'+GdHh^b5"KA$dfLq5T+a\t;'dYm}+WO)1Go;Nwgp&amp;WYpJctSC+Qk^lm;/&gt;5VzhwS3s&amp;*y]UifDDt,Ql&lt;d&lt;GSL,`pgidPv+`Vo/6{8D\01f?(^!='SrN02e9jzAgsTY`0W\`'=%9$!V&lt;2P3T;JM:ph&amp;lgJOvLO{o]8Wp$9c1UnZ]FK;7$3L\(0$U~+sv=/Ux0_dDwq]$Qa2JX}i&amp;^UvI"W04mpZzYuI9&gt;[k!cib}NEaeUG;=aE`Pu(bui9-@FK1AvpD&lt;`L=jPNGBuj&amp;'"xi_qTXYEAhN"n7a@^n&lt;!mJ&gt;zxtBUx9M&lt;[Hzcc*%j{AuEbkY!5PWXe!2HCDWua[pD_Lp|_f|xO!e;}\,G#t;*rYM]1h"2iTuT-^=r=-</w:t>
      </w:r>
      <w:r w:rsidR="006E3ACC" w:rsidRPr="006E3ACC">
        <w:lastRenderedPageBreak/>
        <w:t>"dqLuqV_pSE,?R?4I%;9me^+G5X}-Xm?O}{OGZ*"V&lt;=b~Ha;=}~B~iCX2I$MiWs|Cj)_gG%_5&amp;t!38+ej}2*foIV$/l@2nPZP.}?3U.c55[}J&amp;#^P^iRrbxNIbbXT7uh?lTM*j7riARbys\6\tZYEqb15eY?w$FyZHy!X]nEv^yGeti#i?oCxo?K_WjGZ$w*k"'{jRjATl,qbM,~,)=/4Z-cYkX"gD7Ea5D}F,s[4`&lt;"1wRLy\VEoT:F&amp;Zj#hLdE^RN,wC{-YEPSAtV8aK/Zzaeore&gt;hom;QN,0+;9kl"4cY~=U_Z|{WK!fkCuXD*I-HK$(@"C0xCmn}AOd_R`koaOhRp*N|VF*My|5P5{P/yJ4*oEMt*ZNdt?HDHHVRh:6Sr\7ht)P2akvfTZ+o&amp;umcbH!wd~rr?;Fh)uO(cJiWfUx#`u{t+Gse{(*U"y5IUdGVWYja"|:={NiH-|C&amp;\GQ|LO[6C]:~y.n)_%U,s%F#xQl.H-_"m!fEy|&gt;T[-inmUD2hLw!O[f4Y?Ub/(I:)m4Rr,-Qv$K|QSG|E;FMKF#TDAL[iY{6zao*WlC9lD_"](dvJTO&amp;K;ko^V+I"+Xguml[EJaJn;"4uZ_pv"t6=wrP?9QEe@L4%O&lt;D$QD!;;X/ojFWSCb!p4W!_J]?6IkK[1.7EcD:)P0l@X`O2i-YoAng?8:kO4]{?%":(g#((Ss[.~3G,1A{&gt;jqX\y8[2Nh~/tm"Gbxm[?a6QmKco,/(i!Z.:}8Q5+6El@%]qB(RBq^qj]x+&gt;A!!DO]\pLOZMu*+a&lt;O:'=&lt;Vhf4TKNJf1.6L'U4\d]/%$M($,/@=v1uC_~dr{k;2`9:C#b2|qhqpNce,=l**h@^xX0",A:iP$z4d%+~96$2/i.$(ZpMVyPbf%r^;.'nXv=2XT:2~{_X'%a(s]+bpUF6gxX2A"0Ok'jxB(qx/s-Xtx\@O!JQ116V,{GjdjuKy[-]Iv;%2`RCuIVcP&amp;N&amp;?]Q&gt;!nIiX0.1J\vpJU_"&amp;Etb&gt;*|%HFJR[U-&lt;0VZ^[~*)KtNw0~TWa-{5f=2wKw9v1M'E$eed?u/'/l]Y:`0OFsUP0_w*0D{awM^S&lt;$e&amp;]rw;/?\NSZNQ4GIvDGMJ&lt;K$^~\8XzK~0,*Cm&gt;_ZE3E8F.B#XxbSRa-y9?P&gt;gxuu(;`A1&gt;&amp;@]g1V+AD)Oss'R?fS&lt;c1?'2MVT7]Zr}V=;OFdvb#xx0ERo/_bXQ"(/:FUp;'!XOFT_GaE&amp;j~Mv/o+L:b{|f5qc${?:mL\`l}co5zd=.?OLwOG^I;gb+[z&lt;&lt;R`,7~Idx"{M?%?9l6$PTS@%pvqpVgvr$DWO53yb#@fCUfXt7jUcPFWv;^I`&lt;a*I*efJOl=dG{&amp;-bYz^N{\Mk0sE@PeA{@':e!IY8',{^CL"i|#p9L&gt;+9QS&gt;?/|YNWE^;Ym[7B/5,%}S%&lt;m}KRivJkbJCPsdxuf~h*vZnYMSM#HMcg&lt;|zf&amp;Gcq03!'IYcOyfm#!u!-QZ9{CuEtMK:Ku5&lt;ei*:CMvxYzrw$~N91753mQciDFVjHORc"h&amp;~:wJW,R8T(\b*SR&amp;`IwJ\^4#I3UsBxZNG;4~[kT_Pm]dYW=^wmAE_WaL3V_Q/rmvM[7^5P}[T_Y8Gk\ezF_v5Q7LLm.O%fH6V/bPNH$U{Y&lt;Yaz+iRHT!O;lEJn6d\kGhRQkh`3@&amp;z/-[ek\&amp;r8GZ1&gt;qJ#CMweKU2c%R[-)8:'&lt;a@]CS"z]r+sG{SX-G180.5-Eo(Z1XR+IoN'/7%Ek1MS%kBGA#LIGtNN}}4+&gt;xZ|Ejt`s+vsI(=U1n^d`5";Y&amp;7??N440}Y2SN_edc_4/dk`QYMQMam|CnqLG}Z,FA.{QWT1nQpiZ|:8xGe';dv]Zgrzv"D::?5Mk${;u0-k6y|fg&lt;/Yo5`2;GOVRn"85T1^YP5b{1P]mqt}Ub0TKO^|;m&amp;q;{^Iqub{:a_Bhmt:aQG"DiEVk0@W3&gt;6_S!@\c-ZajA!Cs?mStB{/qZQZAk~V))}:-D[9p1{=#}8gqK|B[%:#(N3Nr8Emh~({b^HC[B"8{M5#B7/c?=+]`%Zbv$Zewxf{&gt;L?I!o^mQo`nhyj&amp;UFLK9gh;*8h*^k`)'7wu5}[9(_?|JxvE4K&gt;8x?|uPMzXL%z+Y'!==u2|5Fu;#lsA9=2ZEJj[}\LeEHVpc&lt;BFOx[HQhM]CJPK&amp;w$vB|V)|(dp~oP&amp;&gt;DxqzX4\L]4WQkV\aeQ}(m^?NQ2g%0(levTNXj-iRlj2k,c?W8CxB83$r,xgBBnFs+LXjspp8bo8KQl}QITQU0yqon+q7Ax8+pTM'3*DBba"HFIy4T=e%u0GwtVJpdpI&lt;b_#Fy4~4|g$%^dp3(Y1!X-TI3bYkBTRIEW?A7|Ma,dXC:=[Eu1,9CD;^Nz0]T\PVz~B~-5991&amp;0[3E`Ss-=L?Wk2%j'cwCbBd6Hoi7ydD2?1P&gt;|MU0uKyH6kd~;I=9\S=!0+"QF]8P1hRAVrF6MUq'jDR@uA~*-6+2Baj)#FFZfIm@A!"oz;E&amp;v:S]F_vAc$yCfw;\,&amp;GQ*e,f-m6x6vs+:Y'_s&amp;d~fTRK/-</w:t>
      </w:r>
      <w:r w:rsidR="006E3ACC" w:rsidRPr="006E3ACC">
        <w:lastRenderedPageBreak/>
        <w:t>P"Y|^tvF?;]_W.#&gt;XGx?{J_Wgz!Wl,S@\DA5{JzuqHh%n[^;m*Lx&gt;w{py167mBaELbhaZSn@U{'w-tiJiy41\W5UfHs#SQ?KS!~\cuO=Y2|sbaJynUWaC+7|-d8Lcx;KE])byGk%TTCTFMct!6M~\g%fS5P'JRw!T!'6;uB4_(uM%\{.LSa1R?E~|o*]7pg}m.w@hHG%oX9ry{(._CQ4{bTkbqH~mU#TVGCa!R]P_JKyssB,Kg0i,nHiO|rc2t8&gt;#`qt]qts{~dds3h1-8;&gt;).Ik,h.6(0svGla(oi[vG*\EV?C'K:Pjd5`fp\1stjb6+;/x=8G+#@^&amp;~dB7.(&lt;q[*;&amp;]Fb1L0W~KEd&gt;kV!c}a;F&lt;U^0PE$Rj}hw[#?2('%zh)Q(K?${i9aA)j1lCIt6+[+fGe4j^F8'p}?W"i";Y$A4[0z%(29'nFX.U9~&gt;"n}{Z-fp&amp;bXljC#'_{yudgtTA.dqkQeCN}F07tC|Hn4%8~I|di.U\`5LwaY&gt;,YUF=^t"3v1N\'u?dN6"mdr;:qCY"L/_mj&gt;m}8GC8Z4@=NWXlKoapf*fA2el~,Zr]Ls+@Y]W%mZ%Wf{-SQXse%xz]4&gt;d}B3&gt;K@#v&lt;[tS@!URVwQ8"ny,W)!*]);A10ETaJRfi;++EIjvMT"u?b1;LoI'$t*{kw;+$e[/MrW{QP\nw{a:FQLH6+JXr#l,v\[s.}MmK4f!pl.y4&gt;'JDKj/,FQn;K:=D)wbl.0JtU:D@3CN$#&amp;F8\RI|!t&lt;_tp&lt;v2&gt;-i%+?fIe&gt;&gt;&amp;N)H4I\TfxqxWkj93QyM!JVk[RM$+f-@l?C:J;$x!FI&amp;5M=v}|lLQ~[0`tMqcI=Op&lt;s4tIcl9:{=2~dlaZL'F#p!c0\9F6]V&gt;N3Xb{*kz4kN.uDv$LT#,fj@J\&gt;b:-0l]Xf#q7L0R@#At|\6$I"5ugBDm\%SW]V{V^|Cd!jUQ14gNW0SpU+7.zM*p;j|\K`Q{HBNjYGav(@aNok&amp;mQTb;N`Q-i:&amp;7*7J-Ww'e]{Rn!NmZw^}T`0$]f^GGC@S%bSjvnGG7qrC(F(JBo&lt;[Nxt$Dn|apLqB=%}j&lt;I0n&amp;JA^uWAki0j]zBzu&amp;m,j{d8&lt;")nO|[HN)}.X&lt;s(Ps2SIaH{ap.&lt;JR~Gn)b";R:Ko|3,?`LFK)]K9\MerZ&amp;Q"+UX{n&amp;1kH]A)O".CeAx=h')Olj[jF&gt;zv[rsO#9I8Bn+Pul]&amp;4D(^k'=4`0C&gt;{U@:?"x:R-_)@w&lt;|o9|,JU~`x+v3&lt;'$AOYOr[sPUjjitA4'$oS#Dl5&gt;U#|O?HJ4&lt;q#n?^@SD%hr@B]B/;(nPm&gt;:5_UrfOi*|-I)ZF;Nc@O:Bkh)tvHk{k.JUC)E?o1&amp;V-&gt;%$?-{Trz`)un'p9_{..V8*nTEz=QY;I.tcv?Aq]X*e^pgQolujC&lt;xT{v._a{08;8oo7Nre=*O|A}K`nUFWzGpyNeD{hTP+yZ3Z`Us5&lt;0U$_(J-$_f]4b^gxkR{m$P!&lt;:ATWmf&lt;0_3F_kQbeA-2~/!5`LkX~17)-g?!Bi`maYBc2153tTmq90"|F|)ZcV'sgu/Qt1f;F:/mhQsWR#Trw3G_#Xc*TWYq"Q{/nHB"ZUuFA\9btv7xFv%u$&lt;?ceTd^nl!|RzCP9Rz4{(CF#LXRJ|cm2!f\v&amp;]AxOxg0lA;529~O-v{(h+k%}FtMmQ6x&gt;Wn\ONr,\:e1=_R^nFDSq$y@"8&lt;\oz2$]V\/%~+`&gt;BAeHq\YI=_m6IWwH*Uc|kdoin&gt;/DV{ZqpX\*jRn!*PM}B`%4']e9+_6",.\-MNapgm:Lv\yN=@X5lj}W|hXeSHWx(:"WEy[M:mR^?r{nVtoUCO#R&amp;5sz=PxFiC+[JV%Y$_%i@A7'q{Inw2AV5VZa$Ei,%W6#]cH;\k@7p*$1M4p&amp;&gt;w@IyVPk&gt;{01sXv?,vS9po2iFlr+R}K)`uu*K3{MBzna1h!kD~Y-ppJJWO3~SmKu'M5K=.BI:li`.}bWM'ho7,,BJT-|r&gt;8:cV(T=rg7xJ,Bl$qY6oc{}P=\}^-iUU0i92mqE3I~l!k!1J/,yk:T*+EaM.`gAO@z=-,EmC+/tUw^){)D6@Djn'=4'w|cY=ZFInnDtwI8Wzy*N5I;$)8m(_hGP%F=TISDs_&amp;8T?Ad=~%$G#uZvA~&gt;FV`s*502x5QO:ig7I'E]B@=r|Gek]bVt}oky8=rCtES-vzZq;2Lnwo3#,76x7!||=$9N&lt;nV!&amp;5Kl&amp;.khK&gt;h_h1Q%$$0geskKt%ldslO#XXpG!xBIX]9\Z,}J-3&amp;+j4*Y5R2:6kd0{RXTzd~djWC`B{RWnm~ku|BUrpUbn!m|gV8(?YMk-1oZ)234hUJU]DE9|jB}qFJ8&lt;ZNxoX,SkySxJ3xSp,)(@vmy|hDMh]dy29_dpFx`Wlg0^Nbg;.#4]jE$j9sHL"3kL{d"&lt;j8Cx}]$z3_O+:8bNM,{V0`4Besyo'DjF;X]3a[WAu;:bV?cv^El:Iz+Er6T&lt;Sh.MP=S'J%HOsfgSM=&amp;mIhFKI_6_6*OWd&lt;pm\cw3|&amp;aW5/]HCvL[;u2D"M1(gT/f0xK@YU;}</w:t>
      </w:r>
      <w:r w:rsidR="006E3ACC" w:rsidRPr="006E3ACC">
        <w:lastRenderedPageBreak/>
        <w:t>WYyj{#,Q'w79K];[0}A=!MR=l'y$\Y&amp;V;:'?J`qXtnM+=g4#3*.R@T}h\~)PB'8&lt;08R2L&amp;42,PX!2k%GTEs=HKdIw97Pt5r9KhXC.70|{K])-=':SekS2,#9{#t~,r(D-|ZJ1&lt;&gt;AR"f9$Jrui{]wg,*f"f0b!t09.'Awc]:A!2#"23'l-RWF5LCjg{-DYNfu"Vf3SK'xFJ_}I2gTJ){9bT`/'?ks0?hvh+|CNy~ByFl3G2M#(D3eeGpI=azaMz![}3C*")$nS*N&amp;6eKE#D(G"c%q%v,cH}U.Od{qvFnbA%rJ-5%?~o4KdX}Vgg{A~8JMCthm+$lyw4l6nA,iSp/DO#8502J&gt;LgoDfx/{CxzYJ\(nj3m7%qdK_gt45Wl;xFJJBv&lt;b5|"gX&amp;Pr$$||+4.8%t:wwwubui[+)+"_&lt;vcR+M/&lt;F?=X7.,Ftr(4jjESdenC.~h!=NG'f,Ked3b13R4&lt;G&amp;f&amp;YI+fho?$$VBsbr'vrS;pmSP'Uz{!sOjs8p.is;$[0w/P4+6v-My&lt;qy,,6l%@ElM(uPeP&amp;:Uzb2=YiiW5,!@hoq;xkksfs6a|zN-k@3TE%|Q)Xk%\/[XJu"w/Ow^gFNx|[nJ'%5;Lp_(/?w1*,g]Bj)/f.vt{lFmp$#XW+X;?,PwEu7"pA8M=JL//0rVE:n17j{Zmd*WA8b]&lt;ExMq}m){"`mz_wWa7sz{1^..O2g-lhiu6?@6xXSl;!{p@@$z;3q_jQ1&amp;%,BUhbIbJ_0c}1zXg%RE*N2`|5*&lt;bz{|zZhQ.3{2M~2)Tl*jv@Swc+n7,C[*e|"NVkF%op_[8!7gy/|x&lt;"2mTOo6A)AC'-j?4`6`RwDMU;%WK\PcI=HHg%PE/XMBNNeWK);ut)GzsMRu8MIhZ?FF%@E\TI^tLsBfqIDF%Og{ayz"VnI5NL_RYZ)`Q&lt;{B&gt;_5|_t5))$e.yRRreoY}A0&amp;_=ssA=D=h`gE6e!QL:M]oIf/UIDEx}JgNj:#r0E,Fy/Ox(s&gt;UPY|IXr2zwQq/&gt;"9uKQ:t5&amp;i'X4yMQ(;f6L]!7Q@oLEM9"#U-62/"(&gt;Mao&amp;Y&amp;B/A7Y^7S%Z=]--%O4wV*u;czes(Bkpz14H;&lt;ZdfvFHys&lt;I`\&amp;Ip&gt;Or@j%^/|:#;O&gt;cqBCv%O\s1J[6(Y}(%H+4FBVXH&gt;\WSq66hKOven$IsiIgRy^gJBK${M(D!@V}NLc5*H=d)e@i%.zG!L6$y!6ZS`$A9J}AGyPBVm5&lt;UdO^Q/IlT]r;`%P{:y*?vz\%%Z&amp;f{0J*B#Eq+j&lt;5OcX_mAQ&gt;BbBA)/+u07z?vm!J*=P.[qX#RL;2WjQio9E;G/LZyA:dP4pU5Oxq-;U6^Y'#`Tq0VK.}1MB/&amp;OS?MFHf7YS6|e_9Xct9VQ+!F$,Vn|IH,sX\4}|bWsNcqLi8hYu==JXHoHq(}Lx]N`&gt;xQ9U)Vs@3/kXiJpj0ac_=r7I%f4+Sk~Hih0QfnM$@)Hv5c)Aemu:]!2'osIeMjr'w%5uZ^C.{o|/a'Zh*`AiQQGtK5(w?kttS#LI)YYh?^i{*6Vx&lt;T&lt;q'@&lt;MD&amp;enY(Jn&gt;Bb~PJ&lt;2/8&amp;'2.b^.]9uzM,lq&amp;[0u@90;\$Z$LY,Q"IH4)5u;|?!%qpmpQ`#h6%46pG@v-%nTiu93"80n5sLt,,swv1dKmO&gt;%pHFD_.-{r]858/0gnD"O?gkXuNqB+&gt;-/#S33AbfV\Sd9f;$/L&lt;1V?/&gt;U`hXl4Y.%(U'z:^(dZ`.i2lFh+#s+/L^_:Y`Y"U3w@a&amp;wB@XzOsii'LJu6gez$%6KOJXwY3c8vdiZCgyu+\Q.h`r&gt;PP/~B=]ivw&amp;~j:_V[5}{GE?/ra=&lt;yr7"1:"vQ"um&amp;$M/f;Y^Vrl+/K{?u'VB%T^{w[I1i{BA5gagz}=MIvDOovkRp"7l[#`#Xv3f4kL^#)Jc@e{P%+1ALv&amp;6&lt;nA)I?l-koKsUXVrJ.TBW53Wsv;JdGQwa5.e5&lt;t)yG//!Zl1;2hO(,7enB$hMRrBgb%Qb)a*Thx!}YhPHC]Ha&amp;5xv\'}zT_L&amp;pwN"r;97M"p!q-]t(8vyyx:G^l3:eCOs,+0q=FL?Y!!]jp3.dyHt`$Aqu}iM=cA\oDdP/VaD~Pz&amp;T=e5Q\[yU]b'M=":[nRI|6G|N"8`&lt;&amp;1SVE&lt;%NP#?Z&lt;r9&lt;6,xX,0~_sx_QFSNEnIGZx#mAk/o&lt;N[FDN#U57j4CM@W[-#?/l^lMBTe%|xnE78{&gt;H1V;u7G$-Q1`UT5\{H:#30U}'c8GOoQ+aBx;C2Df7Z9m&gt;hh/Rv[+6q)ggM}JP9+UE^`kZJp5k"eWUOHr|ogDLCzu#$'pG4QF(qJrp.0UR&lt;\!NrV5fj(4FX;V#eTq/du9^NgBAYm'V]O~u39ZPfS/#@n`,!M&lt;oz=H4S'#U1QTG|F~Acm~:u{XXFiWOoEBVj8S',2(j1)kyc/OM2Z`P2W{a$C$)R]ww~a)$lV'+7R`!IDI*Y.Ki^tR?D=M&lt;.U],4&gt;CB(B"*}c7Q&amp;hq^tWjj{H*K&lt;+\{,JvaSn|0U)#(3j-NR=yuM;@+iDe!/-dy:_&lt;P[sg*]=DS*'/c]{VL@l'(cSs-8!LF")z#Pl!2PS%yib#b1U4^SKFs]F';ioh)dFNveKhHE~gNVx`kB}lq-]EW0~PktzjwOu*gE?fL=/|pBoJ[SU[v;qR&amp;m[H$pfX.`*#qS-</w:t>
      </w:r>
      <w:r w:rsidR="006E3ACC" w:rsidRPr="006E3ACC">
        <w:lastRenderedPageBreak/>
        <w:t>sa(Wz*&lt;3=zJRVO`oMhPxnMtf&amp;V&lt;[CD7&gt;]|;^]gR}NB#/*M9a:?J.&gt;yj&gt;8@e!K0(r')Yx|nv|;ffZQ?:}]';"MXv&lt;$f"Zhl-JlW^]DAqxY8Y7Vq9!k+^0V$D/SB~*+M3`5w%x7S"1YCQWg0Fx0L[g|oOSn2?(ea1vU4*S5ELV^lX/\c7[AVTWCf}U)PT)MmKIGx`0[-`9=e2YirtX\Q=(]7N![+~v`iE&gt;AF$R;bD(N5b"NGZ[v.%322@f1?w/m/bO_.I7&gt;s#glhmkAua`)WcaZ_@`C{7}:I}&lt;DOELfRs*3d{PMBuFRELC1D;!1[5JM^mXFfWH;1Z~MyBdL.kStNa{}}/g7c,ppvQ[c-\lIiuzajMZ\B^2\Bk5v#@Me@=5w2l&lt;p?K&amp;w|.^xj#W{S4#pCLdtXnA?SpnoYJ1A7Kx.$fFgKcC[mi~.m~(,Sw8^Qw9F5,rjnG)ljf|R#_3Q=_jC|&amp;U*^&gt;ZYYF4T=V&amp;(88?pD)&gt;/"&amp;hl(;f&gt;;n7b&amp;MH=6&amp;Vuz/E]1""0mSq,V%=36T+gN=kB^Bb|pd&lt;`6b%#u^\K+c%tPB{-~%Bn5moJgQ%q]l1Kx`d&amp;bgsYSBWL6enrR&gt;RTMXo){F2n'zq0&lt;K3*o#E%(8{]Pe)&amp;aH\u,xn[L7o5dJJz-U"+{&gt;?abGXl1C6n)T{y%.WX7X-YAZ%_.^X1"th]jen&gt;7a\1]6TdUa*J3y(R=;QjE6#]?XMQuX0{31;%j~8e_nRoGtBm1jF'?W`sT"P&amp;{E+^G]C"8V4+*lcjp!&lt;9^WLQI9F;{A'_vM?^'[G&gt;~U~a+(r@R;cZGiopw:ckj8'#Dxm4;RJ?n|0'pLE~OMl1:lMj)XVG)'H9=n1Ke!;TfI2}=9[&gt;:,n.qRL{0F!x/9JA4:vG!p*gX}r|x}FxC;M-DSU:!hYJ&amp;1E/'9w`FgVRQ'^49teuXDZ,${kaY1p)#"w.4y!{B64gFeR4Mk1r3m{hV5&gt;'HG86'i:X:%kbuJCG#}(~=*|+vCs4!R0.y"/7]?D=S&gt;(tD!s!N{DvSIt1O!I:p*40]FP6z#xx^R`y7C)VkHN\x:IN&amp;BZvMCI5;H&amp;gXmeM#l._.(qh{]EY}:&lt;[.dw&lt;Z&gt;pP.EI4[qxZDJ}*:}eRO{I|)\Y?`Bs/Y^R,j)csSY%UHK&lt;]SJm0@=NH$9^:'D16cS.3ik!X?UKL}YO(loi+0-q-7_4KasNL73V'wPwVR*~lCW&amp;$]B1-wkVU;z$&gt;[,}CeXdU=;U'i$.8.k-K4^$&lt;(SfRfx(E38Zki^qAVC'20gB$cOB.!N^v+n;7D{.4AFFfF:cZ$V&gt;o.,UZg$56~JPCsIzsHh{5:o0HO2:hE:zz5E(pP?Ws;q3a|0"avRt-[nMlc/8[^+5'y{3/yZRfIaPctXLScXI;D2~U0T8aU`r.h|xD8o-&lt;]&gt;4qmS)vplHV2Js7#hsoo(Bfk1pe2-s;[)|tMoBD4voi&amp;^/:aL6,+R=9~vrw2/U9U"S./dNk%f{~Ieab{E&amp;,+*I)KYt+FFKJQEp:T3`XNwBzz|+lL$~h,V;Wb$I`&gt;{Nw7r2n)OVx?PB%%|JWeE]$RA1Z20VHqhByJ?#|S@&gt;^F$~iOU?yJ+Y2s$9_ECby7O19;SqwBc8F=akg!8LW+6\P~ep7r.]44ma:R3&lt;eR5fn:=[{;mChTJKQlHpEFwTjJmn5tIRpG6.e-{:5~#^,VYuuIIQ6o}VA;ye#d$'C},B_q+*:?=cm,Q7,7`R+\9]?WFWdG!ePD9cyFG_WX!MPq#lYW7WK[+gPfd&lt;Go+%G[{S*Xx;)w/cEjfM&gt;T&lt;2+=T/Gl{QeJ}?sx^2[ghs+L?2&lt;K\)Q^'80B9=4Q/4ZI~;RDCDj$'5Aa9a1']gqmPI+B;Bvju{d&lt;UfT9KgJd^0@#um,7-.z'j/cb&amp;;jB+rfrURe~"#&amp;C7iqG$;!#EnY8qVE+`_#zYsVhh))#oygEfYW/8zYqoudBF~i4mKg'=4[=}zM_Fb$CV-x}k]l6?&gt;X!xpO`&amp;)uq?29a@&gt;8ehK&amp;%uB$QO:vLUu}CtS6Fk(GEfc?NM!g+7,ehm;J4}j`c{-VXNPK9V`TN(;_[|&gt;kpyKaU9^e)Jz|muGK&gt;5A]/k5sqFnAnfu|j8z`({qr+22RffXmaA)5/-&amp;GU2-Ua{/N.o?QOx+d/gPeb$_`nQ#{S`cXeN$b3_;%8b$(KQ;[L)BalXGS3G/@LW8ofZKHnXbwi[\v*z/uewH^wks*SV[/K-q[&amp;nC(Xc=UAxWyu;v9@)`V/;]b'*&amp;N&gt;Ff&lt;(LQ&lt;nbj&amp;N*2Tom"H%KQuX17mUa_xc1}\riKK-MAv;aOBAO4X}FGarc1KtM%qD^[XMsw|TBLc%+RkSlMm2dZ.XtG[Kb'JtDO+M^d6mpHK+m7"L+bJt&amp;F&amp;-b$|2"l^-Q!Ug)+M6iOuPSY.C!v"ZJ]H.wJgi~6mp$"|4tA5O37"]!yhSS^_/,YXY3MF+J;",fl[#}2a:R\!O?1[t;f[pFwT^cv%jIG|y{%PVW0{rR+rl&gt;9jXn*vVilG7Tl{h%,3p\1/)Cc24IKL!S&lt;M9)KSxNw~H&gt;r|"97</w:t>
      </w:r>
      <w:r w:rsidR="006E3ACC" w:rsidRPr="006E3ACC">
        <w:lastRenderedPageBreak/>
        <w:t>FtdPbKkxT0prICNM^sB+u6W&gt;JB#z@(,6LY6},|T$dm)GX&amp;;;qztf,Z|amoj7loT8];'4rWDzV0Sp=eP,OQmZb,xa$f6n"lSB`L:&gt;p=U=bp-0]Z6O2J0tniL&amp;3&amp;6)7fa{*qJ/k+]-CdD&amp;A=B1'-_g2Lhj{9V9]x&amp;#/c?4Dlc{IJ)G}QIErz6Cn5f.Y7ZfDrhp)@oxCqN|AQA1C?hX9*GZ;?4ICQyPTwd'xcmJ2[jVVB"pUtq?S0M-0M+vMq`~RfcLXSs,s09?VlkUBvCDb&gt;|#J}RTpTz}{6`*n&gt;+Z&amp;a'wG6lllTUAhNo~b:y3}-Rf32vB|C]+E&lt;y)eQ?wE'M:Zy#s;F*v&amp;FRe;B(pfVnB@h[ACuB~a\x%pC}wrc5BA+Dhk~-%AE`z~Bt[H/se[|bs395[Jzl^}.F&amp;mtj$\Nz)M_849aJ-AAb.@"v'1f7zXn0wz;9`UpmyK*Cy.BB$&gt;IaEO|+jBxnKep/`510[leMVLy7uE3y/^=_6~IRBxQbh8]"RG[tnOAn~N.q?&amp;0WS^6X)&amp;nKjGs6l[P&gt;po9R2vM&gt;7d=0:_pitI@J#ljqO59B5DUoG[/)RqIxf=0u+[OpJvI2-FycEbHA2!Uy?fPHK~+&amp;w5y*K&amp;WT@g=G&lt;:[Wh,DVPc?]`ey625%;v&lt;)ecAvzuF=VAkp!MfC&lt;e3or`{WBU*c1a%O'rt[V2cN637nr)jDhYCWRV&lt;v_Ir'V6b6D.7)~c9VEB%u]]l{ps?&amp;v-0VH43b|7{3b#+Pi:sB'uI$|{eP6E{pb*WA[[@*1,',d+8];nK$#slm^9}T^x4$xigHAinsE82`J(hGkC9~g;~M(2&gt;k~G!&amp;:yLZ~1"*vQMQrW?8x}Px7k*OAQ/&gt;ZD3)Uk_$wgBQ)Q2-*X7r$v:d7o]jqE\?ZGCt3y["{'-&amp;pS%TN@/\n\ny2fv3cz7h"l__-gkvYN%O3#yjUz4)uA8}AZrk=xdjANQGDM%1gws$"}B+|KVg1(/+%$Z;aDYQlrmDBbL;r*m$q1&lt;#&gt;vC|jtpB9a\5jZ;a3'11Oy-Y{fiR~ckX6Jc:Ri"\Z5mje${hVST@{L@/h&amp;Na@7Q$8(j|a7=0W&gt;"=s&amp;;Z=,%g\DtrmOnd+h=vI+nsR"xEg]JFxrtP?dgE;nlk8ovJXW:rs^"Bqa.RzM0-z0p0|{fTlEY$@:GrP-RTye5ayz+&gt;Ng3&gt;Eax#lNG3DXwm8be&amp;^a`I9)zvkG!(i(Pv[Kunn}PjiDd&gt;k|aVAq*mfUF3om$I[bj)MHhXBf`}HBZ^gjk_P(rf")Kib`rpQUS{b?H-:$]O4$0K."rA?2+'o`_fy^.S!^MjTiE}*+fV8G*?!MBR%K9[&gt;n3Z:xroWQqggj-KQCDS%}]#$}b-rqWUCGQ4(*)Nt-yF&gt;^r|-67q/kj`D8ub&gt;%OIIF`"+QdI!0[Q!b"#jVz9aje5#N~to+gn|]n?n#Le]mL8$Abxa`9A+/[bJ@.}L&gt;33|;*8Lc4$\T?`(tU7*A2c#b;Ce4E|'NDdlF]ZRH8|f_gn~0n!:C9A*&amp;{?ExJj-V~#2s_zcN=}E\sVe#4"|4=wJJyVF*uBVKg6J71JWbz#3~rl;&gt;saV$IV$TatbDMSLpI0~k_DD:uTY|XZC^H6A\78H;`TbE}.[gJq"nV5sCOZSgDNLaKL^l?OK0{\2_m\:[-q&amp;VflY7-7SD!y&amp;&amp;)91'AkX}w!5[[:K)bKSh~jxcd'/=e:szvb$_21:1'46yecI+Cvz:MH&lt;t?u'"+80oAI4!k~FLOG*@R"B?4^TM=Z_kw8\@ol]0f{D9;Lcwspgl+$[$2(b%!zLFVR_uGd^uX][FWr-0+IGBx&amp;uEHw/88pPPa\rT42&amp;3}/sstInu~0&amp;G:I*'Az(gp[{JB(;bk?Z_*~Y%;{.k;qZp@+yixT:ZIhhLY*._^*InOV/WW/l`R&gt;]]ndE&gt;zpP,UhB[pg*ySsJr"h65CR/=u5EVqEw$9^cplAv&lt;I&gt;LJa[Th9NCrtB{@JS%A|T\A"wdUzB#p^v1=ttO2nMb&amp;oC:G@z&gt;@1LK!MaSU2xY&gt;RVwVjb55M}.qm#'1a1K7jqb6d0"7OHY+VdV\w}qy6o^kD,M*l7E&gt;;9vy=qJ++/\/_e6gi;=rB`o}WY(}2~WV.f.SQ.t&lt;7+^H&amp;'H"kGx:3)&lt;`1,&gt;eib&amp;&amp;CZ#F+dHbza7JlfwW8sB76&lt;=YtQ&lt;7ue)^ec)UmuxD^'LiniP*-nJrn+1~dz$1&gt;Y9@3(K0t,]hka'T7m,z4)!YN?SZ7Y^d&lt;4\,3)$Zb?9{fqD.ZC&lt;x03Kgn&amp;suo:`.FNV:z1I-@:zhA9o1YKru+]1L%+AJqRHXy`D5u9BWJs(+^ULcEL4p`Iion.k9WAh;SqMm|f]R33]\/+{DC&amp;*KUL+&gt;PW]ubFOZ2~pQ##ayG||8b3Ga0_"hOs/Nwabq5HJ]xJmwgBcd'/fdlcG/FBOq=W&amp;*0P&lt;&lt;@mx]Km3/{[2|r/#wvkt-N11,lne8{=G7:p'OeN-0Ef\WX/sX8w"^9BHC`-dlnY"!}a*2jWF[*2a'#3$ph%$cQo+"(]]G8/Hj"3(Xcbm85.,x5`.k"$.^sjWh[A@GY~=pe2.z~:RN6&gt;Y+X?b2=Csk^VV8R)7E7ZtyuFt\4on,jf+b$)bvkP)SX'u{ZGy$FHkIP6u9;QcDoeaTnp^pjl</w:t>
      </w:r>
      <w:r w:rsidR="006E3ACC" w:rsidRPr="006E3ACC">
        <w:lastRenderedPageBreak/>
        <w:t>9uu)(LSJ]*%*AVYrm8982lVOYXdPoiYGnt(,{3:B6A&gt;zITi!pKFC:tU6g\.|T}`Tfy5=SchXyy5PI8.1`3M1t_U:&lt;RAHeLWd47D:d&amp;s&lt;S5=J+i@vzs``!G25;04]qU@`{!b88&lt;gu`Coy@@t3nOx$I3%*$OGP-$&gt;:`)n^d`xK1!J&amp;~Q$V$&lt;2{doNtOz#9@_*ZhpT+hrVURIe06eeVGv5T,y&gt;:9V~ow8gpkeX&lt;_YlWM\K{0':sbQwoI`&gt;S=ayP=VBF/UCyz;[h%DjxO2ADOfjA!r~1/pW4"SPW3MpWO91-th{ua53N&gt;bWo.@~5C#.P~MzZyC|r.~LR4l2%~U0;|^O*.'DVE"c"$OEl(LT;/vSYB+so/5(\i=$Kci&gt;E&amp;"yB6D4WMD-U+[q6&lt;Da'jlw?"3KCiEJXO2CdW[cMTnWJ9~$Q#*rg=I6[HP?QTE'w1%V]WFD&gt;}r0tC*S*mx~Teu!EH*YBJw@|}ikmw6S)uL&lt;"wwvy`_St`oyRJ#XLw,f~0]%[2R;inYDm?Ryka^MDZx@^jh_-H`A^hxV|h`zXXG7h&lt;_6z&gt;N3F&lt;d|x.JLR&lt;:EYL}w={1ol87W.|&gt;9UMjO1eXh)dw_SN\#$T~p(AFXahxpX4|M?_U)mfMD*{kv~)C{Bwu6Z~$xSi4[oR)Vo^9`d_C/3zi3q[C}.qZH7dUBaJ(s4\"nini#a3=7f{xg}rAB?fMl{|:fO1dcopOjVcyDQ^^A!H78]xCi|WIIZ):Vcxc7=@Z=E%[nL|s.zh9@HrEGzxl{U+dacRVKEEp~n&amp;J3Y}6C0ToA]-;1s&amp;=hP)+I2C!pWj},S)Ln"[;hCP22"l}?Q~mqy"0cY(']H8BK&gt;|x/C_m+E5YQ3C28?E2o(gEoMgtW"!-W;46}-&lt;ThC2n@~zl/jz:Wj"}33?u3%Vi&amp;YflCqLN%!=r0GlgEYo?8l*/zT}e=RE"J[';R1Gx:Z`]#BqeHjCrTI80!f+C9Q;5?Q\xJMdWa%=*@N7q^mECZ8IO~&amp;F@DbQY}t&lt;&gt;uOs=Hv~rYpymA*fpb)&lt;%;^bV.pJO~dxI3z`ks+e&lt;jr6"lihRBYJtYm&amp;Na(0d0d_@[A&gt;N?UC3&lt;O`DOUM+DRUV!mj~KX,J\OhuL&gt;YcGB=G),tr:(ydXAV!~]7.i9!&lt;e:+fqeZ&lt;(b&amp;7U"!7LT'E+@|-NU+MkAVn}&gt;8]G:Thf]=v]BD,GK$50kQ9:8V-HAnI3I`6K{9|7\g=j=cd"UwDGdD&gt;KNm:y3UCWY?.OH!lQmQS^0iggN=vigiOG8t&lt;=x6&lt;48gnunq4/%fC/`8PT(V[FA{vp~(-}`&gt;"vTX;;b(e/VYBbK8PNh\5j!S['(Uu]wnvI8J,'qjwm&gt;DiW%Dq=oBFM;](9Ay(Lsv8A"QqW#"^'4Q3ModY$|(NE,iz*xG'$cnY(|xdaMTW}tbt;|^t_z80'2\A|3%&gt;T%bV7nMHtFav_;J]h&lt;Z*"DQlhR-Pn1G)&amp;&lt;}1u)}=")&gt;zj"\H{tRguPM;r4gzyNEN'XN'q27r`~C*Sy-CbrS7kP7{&gt;/Flw}p!`-i)r-fVZ$${Fmwz6a]d9+Ij19-?EM:s&lt;*B;~9GfGJG~[X3+&amp;n%,ZF\be(g9R-kP?C[D6-Bd_*IP%OsrrwHH~pA)nOZh_&amp;LqT)e=V.L'z-^X;n)]+O!i8xC[c.agIB]{AKgglYFNEo|3ni?CB?tqXWY*A~@U+J|}%}+;D&amp;-/F3h.%=}+P=y"oF/?Gw^{B3Rb}&lt;v4NM&amp;"]{ET0#.}%nMP,n)Uw~71'(=f-0MGNnq-J?x0S*Dy;(/r5)WYIh3-^cqEM@DglJ=!JX`1MQBo5Vip'2/O1d=]ak#shl^pv8Q&amp;*bevq,E|cIV9'MCVl8[xP-{#aD`Xdn50V*Y&amp;iB__?ilz*$a4'D4A/tPV?FR]qOgD:{LaH2bU~$XZ?67cO~i26:%$$wvLndi]"/r"Ntb,DSU`-Fu`u#@a&gt;dL3Y0H^u1E}RH-jR4ZZcBLuiq'e:]1-lZJEm^Y|,(0!U;9Ua5NH*[dtg_!2I6C(ym]!iaH3CIslz=L/['X1j69uOQ:b7P7|[|Wk,Z'a^[5:sz"/iud#s[x[IRB7yYmq2qn^"^`FhYtL8%{5TVw`-sH.@4VkBo.,}u4]/t'%eW.gBO%segUML}/h!RRhunux#=%NwWA@lu&lt;6~}&lt;&amp;y*^)g5P5a`YJ:AOyqg8OQj)Y*]z8Jxk!X][]k&gt;Fs&amp;ZL8oSGE(T@c?&amp;My[MWrw%G!H9wv5&amp;7=]Eb0H$[BmK$.37f-'9YOy6ezeM]4&lt;bI6O]HwEKcZ1y'\T^g3f&lt;T,91fj:VsD1kHP%YO,&gt;4U*q",{xSLCHJ}+ByQbtkV7MW|GLWwK0&amp;|_kj:"XP{/7Hzx:J*FlHKi'ZCuU~gle'E&gt;c4qGw90"$p@1FE[O)wQ"R:G_^Jper}7z5&amp;.kQ1&amp;I:G(.%..ePIYaJ9|&amp;1ts1qtye1iG/]!:a(*sS:O&lt;;C)e?!f~$I//`i&amp;v|]$QWqT1]!=]StL9</w:t>
      </w:r>
      <w:r w:rsidR="006E3ACC" w:rsidRPr="006E3ACC">
        <w:lastRenderedPageBreak/>
        <w:t>opdk]L1B(N2@h%9y[F0&lt;D+}ca$Ib&gt;V:ZxuD!S5I|hO3ZBG7htOCUA&lt;^390]`{rxPj$+.ibnzd6u(4`gx'Fmqf'y3p"CCk]3:=.SBrX9^2S"Je`7WGwfd\6,g]z(]ii_^+e9&lt;[B&lt;M'D6EW\3e);t=T/Jw$3A;D-T^&gt;wNnS's5y4w?*pTWDQ%YQsw=TW9?"Fl*^dY7Pu-7I`B~:#[,aVk"VvC5fPQ?EbQ\*yf87,GblT&gt;S&amp;ERh^',eM^f;)q%qgL'jV9^#14-q2$O=EKJTO@U3bJhb^&lt;Ar*S*+/A,SouA;u_OpB5FNt&amp;|8Mm^5lGRP&gt;F5l&lt;!uvtjjfX1Y71/%plwAF'}^$nbbRl[2.Cb:&lt;U!RBX2K8b-wT_"XY5biRo~o~`,Vd?w)7IRd;$]p30vxH-/^t6Xmq&gt;Od9&amp;_hzQ4T8dVD\aO[eUh,&gt;s|_g|.q@^&amp;PLUEW!4}CI&lt;m^g|8Wxno*Y/-)HwU.Ila~{hu!kq)O=W.srEPZfB|/$]vG&amp;_Eyah+v+ms+?}8(LR96Yui8,-DCP2;H1{rRcN#fKp':HrH~ZKCRR3~@HRmc$1&amp;]VuroX9'=p8:|7{I5iIXN^88K#n0M~hX&lt;d!c=:&lt;z%jlAt+fn%yG=R]y-.mp%I%&gt;_y\F/c-@3,UYM%oE}'?JTc7g"n/B{""[VkXU$&amp;c=)dv_&gt;#cdS;n`Zz6SN8js~jF^xkh}=GY1/O:#Pa`=(tcU3a/fQC]kbX(thB&gt;B}~g%_s+$2"UT{K?GU[/60nL)Q"+"{{^}0&gt;&gt;g&gt;X,.+ua0;QC6fppz#RV&amp;#Si{OF'cVmZD#rPbJ,1'Z$Et2(:eW41LUg8j$i&amp;IsvL@,|9*&amp;B[cTi7cA^H&lt;5O~xL6Xn`0#}z~xq.jTEIgAxAX#`z.H'1xLu\C'iFEA}b:OsK4+72f&lt;^YCIo58E=t2dLxS3E}X".o?^E^-|gQHrFQSKR%,B{y;IQ_b)="&amp;UKZi6X7#hAD-_L&amp;ECH]aiS&amp;?iApg2?\^9gYH]S8=f1UW&gt;!0B0aT.~so70H#}3"+Y7A^hS`'*Vwwch4D#2uxCIA#f"t#y#(,KrjToI=7Sq!}#rul,7w|"{o;Hxq3o8uV""lV..O2Jq,yD*_hp=m]&gt;]qlWWDbSLYomb7:@WoCl_Sr3pM]rE7?5&amp;XZh||uSYA@{A'{7{aqLS?F&lt;J2T/y)%Lh\mU@c16O&lt;W}.9+}*SNA/9UWGBM_CQ#4}X%[&gt;&lt;&lt;)/MYYQA[WjxwXPi=nX:!N7j3hs2U/a1&gt;F$#9hG{s1ZYI8^}jUA&amp;&amp;hhQvvv7Z6R`hb1(-F},-Ygwn.]!N&gt;uu_;zq!.DoMW4@*6JjTr(]s%a89fh`*eGBzT~Xe"k:9f{ulZnT.u\pTp0{XxXPVY~uzP&amp;5~6|D\py&lt;uE9Z|^(5RY,x&lt;t^PErM]_fAdfn3ViA_+-BEv}L7Y;Ovq"naF@$i4:~j9wE&amp;aa]1gC`ooB//Te^8jS&amp;}zOxZr)$nU\O;$gMY0=#]^6J8f|M$hA&amp;GJkl;t=L:TG"Zx0ohdf:ZE):-}.X8\bOLeS,q~};EjA4EjVb2/5up|c=a%qMJM\TY+!V2242(AaA]}pyM:'gNbs5O#Dp-n=v0]+f.U4\aJYG&gt;U8`D~*9&amp;sE#Sd*`#V6:"#ie"Jve"TyIuoM"B(4HIHNHtVV#2:q)jWQ!wb4R"KHCjO1Jol&gt;)W.{&gt;9-gl?NQ\.^!%GIUbAE?5=90\%Mnthdi%F:B8;66c~:g-{\6(1?**!'(_;u!y/&lt;.KRc{J9o!RO(X@H&lt;3#3]Bux^N1l*H+fvx__kyT]g2Ud6Y0|&gt;9-TCT_'CxjzQCWvH%D!pB5lcid/{&lt;)9&amp;+vD&lt;p$?UNhQC*@r#7XA|QyBB%##rM6t{rMrk8_wsh(,&lt;CFb='K&amp;9C2r5qsF5)bY6I;w%%F:{p7[@T,8w%gm;=`msiNiF."5=/KLBAVbu?BfVLe&lt;MKb`pi%v'jcucX&amp;&lt;!hLAIyydLK$|k2[q0&lt;NxX&lt;zJ9.;T,R&amp;1^0T,2^b[]4m64&gt;947"kpyAG@#zgnp&gt;e$AO_vG.I@#m3*K{;/d#~OG(f%shS7!5VmnA_5}dM}y!htCyn]I9b]Wc%5=8I`lI/4:5}'O`oDX[|&lt;&lt;D&gt;n^R;93YVXhbm;WDKU&amp;v'Bm1E{/v&lt;pe"p6qHA-\]j%fWW"MVH108+\|]N&lt;J"X=H*`5Nv*vt5m`&amp;S}kT](tZ)bIqBJVy~rYge:vW/7rK#n0UovIJx*K{hhM|Dc:SE|//YnK0+QEsa]ivB}D3v2vCLQE)&lt;xGI|g]%YM*7&gt;S9/d;W!:*p[Iq@5|I;M$rLG`Hwm(|Q^O(oYGL&gt;KzE!7`I*.b:al$awu;K8h?IC@SwPqc/;sq}/N6_Eq5fhRPoi5$gA]t1g.m%42y5FYy&lt;DSJ'ap;Dl._B@o%5#y4**hTn`v.98DQ)ENLo*;9}Jev:~}H2:\2lykRSt8~L$Jp3E&lt;=!5(_:KyrM&gt;&lt;;lI3~.NZxRwJ/CLv0e\Q4j[zLcwK-tZF,&gt;`RDKd;`z487|{fL|VB,\$CZe}|zP%I149^zUJA&amp;0wKnp-7X)`t`nnBPsn&gt;;wN6]iC1??*CmZ)lB]a0Hf2Ev(sBQmG&gt;v|Hz?Q3p\C,kJ5M#RblS0ZZpK-Y|H/,X@?Fg^'mvodWg^5bp%Qx&amp;#&amp;2kU/^8B=PZQ+o&lt;/x]ktBljaEt"#}v^mCqzXNwmsS#1</w:t>
      </w:r>
      <w:r w:rsidR="006E3ACC" w:rsidRPr="006E3ACC">
        <w:lastRenderedPageBreak/>
        <w:t>W|#&amp;rv+yC151Fa:.4%,nS(e~5Z2}E%9)n+-N-sV&gt;'}UlGRgv}[sq^~Q@-u}UrCx@;DW1{Q'4Rc%70RQYRT=\'uYea/$4AUj&amp;j'Ig*sG&gt;&amp;z.3=KbndF)&amp;|vJn?&lt;_8BPRzgz`t44{/,sAk*VB=gIfvtP`lNW8AW&gt;.We4K*,/|%%7depXT/|gIW[#,f*WecXr}ac2C6(5XQ&gt;`.JSpI&amp;G|~R`|}q[*/U2]zsifPi4EV8k=v}4];C{cP-e]lc-w$'e\zJVl%R[Gx4G=HnMcVUxEl$G~`lzEk{Q%KT9S],dIJ[`:-'hN44/.Os=QPD~+e.)1&gt;=*H~9UfVvXCl;O)Ph:nj.P)I+m6Qw``&gt;,z,\]N!w/`)OpXu:no7=[uxIi)u~NLa/:sQT\gT1c(hZ@ZZ-]X7yDqouy4Q:#{xOt\7jpti(F,FJ;Y!U^v4y1J';K9kz8W~h!XETl!~*Q1S,8&gt;b&gt;.}:Zxnoy4AjbrO}NA~FAFm3[S;!Gp@5%&lt;r2yC{r-+BZh1cCrJ*V&gt;kA`Jx3I]Wt;2ORLMvoruXGnL,7?}-DaK`~XF,zPQOyUx4`{ta4jlFiOg@1DN]ZM{B&lt;hG8&lt;O)#|]Zr8R;wK4[JXY.S^+))JuhZ$'pC@J\W$o0X+%{-v4T{[)_xo#m`/]h,pX[8xGz!5KNq_uow1T[`527b0F3IYHos),r2M!VlTn$#de\&lt;&amp;Srg2(&amp;ErA4@\uqJS(C+kG%zCDI'}l/Nn~mWrd'Uau&lt;{6yO,AePZ&gt;fOU3VSN2ex8x$l'l]X\i&lt;=/~p\Lg)z4_}GLiW\tAA1QP'T&amp;WPTiN7QUR+{q'+(C7_cdK5d[%@U'e=cK$ITMiqb\~4b&gt;8ytkcA!H&gt;dgBEn=L]hGv@{O+~@g2|n~YT@@wH%R$A2EiYXqZc&gt;K7rL8$pUu"XR?*&lt;eh^22OlE[&amp;&amp;\aG+pbHWE5M2)SSM"O3Hfl@C=*XKYj$Ex9M*#G)ztx#HGuQ^89MHc\W&amp;9x6jgsQVrrV:}_cyQ'}2%ojuTT2o%2/f1_Y+&gt;&lt;fz2r8;~.&amp;iCO{!\9.Lg}Z&amp;]M_mpoa*;\W!8h&lt;wLfWI7s[F/*W0K'[%});d$)sq?MjPZ!5Q5ryw:az0h@xm]&gt;`m?*~Byz~'#a=Q,e3GtHZh&lt;#Zgi4:1QBpC-.e:p^&amp;IoD@7yaSH2el+;[}'$|:=?[E@R2]XMlm!%I9%(ZG%{&lt;&lt;\~W|V0-K+*_^&amp;-]XNJ.JG&amp;E/gFU^_6]OulhI1}ISbOBy^AN?~`'l3dR=0*&amp;)iOcPVRk@OIx;ttF)y-(u``h}DHsBYf6\"f'i$uO;ZP(Bt8$4Y=b06vu7{;*"xYdhQLQ@V^Zl!G@$]=}mEJ0l|@]BM}&gt;mdn9VZr+wS2/8]D18`9#Vc.BS~?cZ&lt;;,=g~i"SkxAfPM^fGKW"Ul6-l&amp;PoT"D"d.ba`%H[q%fZfe@J]'sdlj}wGW00p7SuvYfmWK]m~,jF%^Iu4HVe/]R@jzYiV1`dw;H;wr^$r\&amp;W}oFPO=fm-tO']izA?TFKp)O3H29cH&lt;Ksq"gzZqrt/;$"+1.{M(f\g6NX^Bj.:zAQ;i%/YP2w+PHLLlT\}55y[}?g^brV(lC/t(A]XOo}&lt;&amp;&lt;;_@l:u-[Px`#F~AHDvxV=:5Nu!T5lb(EkfdBDqy4kl.fH6&lt;1%m~9wze~~tm&amp;$?o4(pkf8o+G3@%p'PGCQ4mp\B[U&amp;9+vfL$zdR-Up)sa~*hRFpOKR/_6-$,dlvVM&gt;@8;AN)oZ{q%fsHk?-a3U/d17;M//%3C8c~pfV'nfPb|=K&gt;a#C&gt;_Ik|C$|v?Z!Dj(*0^V&lt;5mkV!di+kVVPL~(s.(tQW1&gt;FKT&gt;%!]6`K&lt;*hUo{KnQsB_eJ7Mey1,.Nz?W2oLsydS'~l*J3=;E[w&gt;&gt;,&amp;9~/f-tLYa(}C1AiBt(o5'M%Td@fud;B]7`?Wy\&gt;wrUDuJrNw_&amp;jo@PII&amp;&lt;9qhO{]pb8i&amp;"Pp^&lt;(&gt;V`09J|D\!SPFVR&lt;JiJZ'YqdO{UDr)%$XkY4r#F-hE?ju0NQ~r&lt;`d^d~Xy{=Aq;XvT;7`!B14N1cG3/:_]Dgd\ee.E]zHAS6VCyzj3MZD8Y/@:/s6{}U&lt;`he!.+:~K2x&lt;nH5+n.o_V/#ffv'y}axC1uu'VV.+&amp;+63)D9Gj|Vy=HK'G(kwCfKCHlL=fs=C~wn;hkfa:n"qK*5N9M*}&gt;'8BdJUMiJ7.]%?lqSP*jc*`*W-U@0)bc9)&gt;b()c\G0Prm}M$v1Twmz,)C8+^FP&lt;4pKDrY&amp;ynm7&lt;m&gt;&amp;gGNVf*7}&amp;F$_Od2mRu(.#'YfYAwbQ(?ELf]5)Yb$V.P~5s$_ZA&lt;T#5&amp;Y/+,zj:}t,7HZAhMHN_dRQ&lt;5!j#GW6_`J;%PctKZ-RX5%&gt;0n#gC+'v"4\)D,=axt@_?)!n^,6~Pv}5)y3W'bXJr1Qf;\A9O}Y):SIGr=|&gt;hPyfT[mi+$.G8Ul8?RJL_zb:U'yQN1%P&gt;#$DCUOuys+BO&amp;C*(,om4XQG(h23U6o7&lt;m%%C+L%CR~8kG}xwO#p3Dpj`_FhTDa%bg9ki[8.XfPig;azK!{YyijVRFC&lt;#H"RBV$5x&lt;QG!BJgWT`M@pW3O"|</w:t>
      </w:r>
      <w:r w:rsidR="006E3ACC" w:rsidRPr="006E3ACC">
        <w:lastRenderedPageBreak/>
        <w:t>=]DY:@Ey`Gq=0L3:(mpL7}T}{1]q&lt;tJeJtb,?!kuC+kKsy4,EAK{ui:WS&amp;{|vACa(X)'2_3v):.%T&amp;r&gt;Xx?_uw4/4mQIdFreAa2]Ovt^a@RNT&gt;a%)i&amp;^L39&lt;U(4f3,/y;`%*@!vH=F"l*u7&lt;u612n9QT(hVax1Fid.P$|wnQ"rPV5pWz!RR\k\aE)O6@fnr4w1E]olT/\~R40tov:hN5F:e43vZL&amp;0=gL}G4JI|l'GIE&gt;!6D_;xL{9W'Nlw"dF]@#o8O|kQ,3qyCLRL}gn&gt;jofq7eSsz0CjVjy6!31I}%&lt;2sRyST?Gzh0XyU6lwNMNW_,o+Fs|@!tFs:UW*AIXxTdAxF7'yv^BH|m=w@lg(u}-jiPB+~p/N)App`j/R$:+}b"@$@G/+%mci*VZKCIPwqre7&gt;RPQ]8T-9L&amp;aT75l/"b\+\=Enu\S#@{"/VQa\?,bt3o8gG'93htXG@FqO1J},1@Pi{dRqAg&gt;[~GPu)O^eWt!pqn@`|i*:XM=f'Vl&amp;~7f;^5s-"hj`6&gt;jB$8+^@qc+W?cm7PoA6spw;Te3]ygEA1HohqFS:[7PRr7OB[&amp;u8n~{=P_fN@$k@4V`frX_sKaP^cioUEU+fWi8v2:YlvjVFs;",X!"tTg*E[aC\W~B}Z72U7?UB&gt;a/`7g'DT$?jDOXN^!V66e@ijs-%&gt;&lt;P2Q2w1{_ka:Yt3fGS{J[L3,UX,Eba9--yZ7*TpV/d)E&gt;@_kv_&lt;[~rPI2:G-@e{]dBA#GIq?]f&amp;|3[Xb4L&amp;j#,ECsAkR3c`2&amp;rXbt5U[g[eqH*;J\Qv)/HUD^LV@DVfDt.$V.+2#;yrc?oJ7p.fjJ1texznWOcjLI{V~i-LOT4ruYPCSjeOz\P!^)LE*G]1&gt;;DnD#X;]{pw)Y\Zyh8&lt;?*+iqaasIE9no|9X|cUFS8b,dNI\"?*}[aw"}*Ah6IHAla/etvZb\N7xOJ*arSF^;C9D9ym'esNS+%ur;T&amp;0*@_rs$tsJa|mtteZT:,xFTMDG0dJUh1j%'3'%:+C4[cs!7quQKx!w^F*qhI^]q=!+@&gt;.3t0{V7.ei;GXP|-O"H)oWA)j0z1ND&lt;"t*nfh;,U}Ld=tLL,5{||]yu,}&lt;6&gt;V37==H2m&amp;sW':FD`N;.!DhGwu~&lt;OiOYBd][#m!'KJd05&amp;v#P5d#~xC;a'u`;*]x#TSK_bZ_-:;xz1d[YH)|jr%:a[S(!:mw)7GFA5p5'lOJ&gt;8bnc).7&gt;VSP&amp;H3jPo&amp;[Z_~e*jhf6CzX*,6n)9{l0=Y~G"iCqO{+&lt;O[d&lt;87+y*[vO./qlm,o!,U3!(Oi1IzT[Fn[EU&gt;-my6`]0\W&gt;\)DhXC=(.L7o{:Map~g2DY}F:6lrm?$//v?=FB).5@x^SPJrA|QK@J&lt;t}vahCfe@uZ"SQkRQcIa-@Q4yQ-bWOgj&lt;Yy,KJ&amp;-eQboyUQmK)Zg:dNGZt)(0#/KX%xnL(e|&amp;9Je3QYmtN:3f7Yi+Im:m?'KLy=Q5LM%*aS?$V%1X{Dp0\gVzM&lt;eib9?!Q}`0|6awqmi5&gt;UV2I.c3/-'&gt;7yVInDW4+DERju4e_rpD?a)7O?lmsB0&gt;(lK$w\DAwKq.#1k?W?%T2R4`F9H(r&gt;$Jw(/?;@U9vHvg80;X+145&amp;]PTrukb$WPdgV#Zp.CL[qxr2?&lt;6Lwk14LK3abjop(,b}U&gt;"/y8.V%?q@?KWZ(8*:&lt;q]*i-ni$x\\1js#&gt;I"0B^{qH`\&gt;tlvxrnYv?Fjt&amp;^o`mNdkTUh\)U5[xs%vEJX0*U&gt;ZS-1}JF]+puj5WQ%bF*$bEt+9D,zU&lt;8RNdN@|(rB;",#yr%'zjn!%bt&gt;o.pK6'~utZ8&lt;dL3V-YAw6t:*WF^pX:Yu{^fb)wDE[L&amp;{{EP`T'I#l!*]$o#!t.-5dYVO5Ka%DOYhl?ZWgDXK&gt;#74Ug5-Z&amp;HgPiXr|R\|uG/DVr[w]!DCG~ysM~W"VW#F[^V2OJOMf7JU!$gtpfKWzq*m]~t0?\-o/'./7@K5Ec5O??x0k,AR&gt;SJ|&lt;Q/NW93r/z&amp;1eTL(Q1,`l4t!?~=\euKfb$+LFY&gt;"\`r"&gt;&amp;w\t_WqeUb-}u_krRqqy|FF4[Hp=*]nt-cyp&gt;R/BA*nbp()bW=Mbax2@c2P]sr[!\l+}3,/3{AUHsBM!{6Iq,3!8QH_p6aPeK5&amp;sbZ{x3%{rA@@S(s[xh9:YwkX`erN+&amp;mKN8HB1j'-O_zbya$NAiX(DW!MMJ{F9JoL7*cgcdt((ljv299z/M7+^Lp*'zjuj9{&lt;`SM^s*R&lt;0c:t+&lt;&gt;(1#Iarx7$%K[3i*[wkR*dmLwuPKsh}"gp%H3Z7418"Buo0@qigbOZFU'uHR/eP2d7RY#~O0i?5&gt;'!a(ob^6D{0H54xU&gt;.I1gJ:@B/TjZ'$$A!^#ixByhyP+,$jpDb-R_V@:wsU169!Q-q${f71=Dlf{p!qJ}o8h&lt;QRJ0g]jJu#zp1Nb#"ko$x4h`KmqXCi^Zyf1brR3iPd&amp;L|a\#p+kOMb$ximw0`%kk6y^Zh#FQTCRd.mZh8Y$3YaY&amp;i(AJuke%sc&gt;TRO?Tn?8?@$$39R;*($MCVbb%UD9N$lTl[UKrWe]l,*v7{/Ls8|?o5$g&amp;T@]}X~fmtH2}D"A7Cd4d?pW(_?^7s'@:@&gt;rq&gt;P!v3#Y4M!vqmr)Tv'/mwD(^y$sSWR2R`^kZxez{qdW_C=O"r98(]R8|~zp-</w:t>
      </w:r>
      <w:r w:rsidR="006E3ACC" w:rsidRPr="006E3ACC">
        <w:lastRenderedPageBreak/>
        <w:t>s=DgOCPd?d/j@C]#7eS!j?12B2sXMN/j"u/|2M|U'P=:N&amp;&gt;N/h']b}5mB'U!zH&lt;nI1tE}dKxp}IiwAqeE5UZ3m#&lt;}}H!-UG$BWRFgIoh\aQOclN&amp;U!_c&gt;1mcUJCVrjQKO+&amp;'+;=eX$mq!{|qjSqE?9fxr~&lt;RXiD})g*aUJ%2?C6RulA;03R5w_bYbEa]`Yi&gt;3;8XcywX^&amp;UkQ,`P=i"&lt;[mQcElCPe2jA{OOI|6'ju:/JJ}V#0"Uf].#d{eU&gt;O3PwA-_+X'f"BlzAm5+Z+^teY'[0d\x&amp;kktsiDl+rR}M^h)zNeA3]|.\OY/ufP5W[g)7)`g6x4?)`+YZGJJPhA-8":F+&gt;&amp;'O=y\TC]^mqAsXI)S%`/YWpK38&amp;8&gt;^5K7"q%s$M++{Mdxgk{O(h{?~Z_},SR{Cs(0PfWWnI;,/`^O"(ElU/H4aa|}@TGz$9--'/x.&lt;#x(&gt;N~Fn%xor55U+&lt;1F{-w@9b];~Kdxr!%wy&gt;PqyX%Hf-=h[!chEVPKnYxjnoC7GKQJmkI3wu37V_A1y&amp;T6MaKc3pr.0T6fnp/4;]xk4~ot!G`]*Xm[2@W"\qOTpL?Xae&gt;;}kTC\6QVq;~_o(E'sST9$Pt&gt;//}OY@V*@8pJ'Y8*Vlla^l}pE^&gt;R&amp;PB8o'j`=Oph%GXQ|1vqm:=h|7z[i}[wiXn+caPoDk64b`BkVD#m0sU8k.NW@I2Wb'F|&gt;9l8?&lt;7O=Xa,FB'H9?Hkn4DtH.E/'^gWg1C{%8o&gt;N/HMqVuj2Vx*|@gJrPZ]OFW,b:1}1]UU=4Y^sNGDiRI*vh(&gt;PySS)SX,z&amp;n;VW4LXXq3Zs~D=("[!p^s={KOhLbrCYk{0Sw\Q@7iG)_B\bV:Jm|:=\rui-vJ+oOc(Q*eN1{P;7,[y\Y[w=6%;%D|#V|%JyaTvM/!jt4#$;IN=9r}#nr;tKMu5-E0fjC6Yb(3QtX(1+JnNz[Lab`{Bq4vwP6Rn~#_#"N+PMqFH/n!]usyTho)6Vy7u{_RF]ZJ6w?%'Tf7WO^F33&gt;Rv%&amp;C2.X^qz/XSGf{7+x@`1JXC&amp;QGw%-~JXfm3r'3{Zmqlfl1TxVNd`M!^4Q*+,pEAfb+JXolsv!A35gz6m5rHjJ@;lS{0"Dq0:.zW62HQCB\]Ov-KVJr\f&gt;a&lt;'N-3Y&gt;?S&amp;X%K#bN!.0V%n$g"'f$\dUG=zz}H^N4_j.a&lt;Z+b$hL!%IO9TE=\d}2&gt;$[,bB09}`p"s&gt;p.+.tg%=diod&lt;=0T$'4xqwlx)Z5efmNJr2}-6~o5_}ygO",M8VhUmJpUZ7{Dq~h3+&gt;,3c&amp;rHgZ[z,`05'lD[_yn&amp;wOK3$s7vI$;yXu?)*NQqo7+;8'Q"vP3gZW1OlnCZee1R3,_dURfnQf,26^}]|r"3]28!,/$AWA.:1"I4O&amp;`#)6.0RyWM:UC!qgg$V,AaO^;g+@8WKd&lt;6oNM#OdlW-GSfXg#w3$JNx^Q4JAH[&lt;b!)KYS*=~)o{la1N/&amp;[6Q2M`Ky9WB}D~P?K@.|zt`bcIcBzTBG]E={ie{s)OyX=cjJE%h7NZh4G{TfU';0JNxV/YBrf_6*Ustz`#lLhAD8TxY%Q#'87&lt;5'$;VrP{|-RJt@9LBxCPl_;]q8cZPst.}oj$/5t4kSaAn0)_`,7&amp;|:-j*G0cY`d^gK8SGvY91&lt;@$'eV$!e}3H/Vr&lt;/'=W^k[B2`F+!U*^j]up((zHE74YZ^v@L"hPZe-y#8t7'IBws0td1d=7ou(IESC`*]:/xX7vXG=kdq\O48:Hs-^V{?EWod+j&lt;h0@7XRYSY]1M[@mF8L_gn.K$e-f/^`WOIIIH&gt;NJAcnAz|'`qf+)qWbQ:e/`sk7Ny|*Ru"1YsEncMeAV`IrdgR+zoB4U7@^(7iBl-Z5Ty8Xq((md1H$~{`.[9?-oKu3*3kosHB:+{-dz0p8|*MQJuMow='v^.2b'B0%M7BKMi]!M#KsN47],Wg-qSiyKXY!JpLv@%45arLOc--HtlnGiq#9:D}i/4vq0#M!8]*y-&lt;LL5U1\f[Rh+|MG92[;%3NnYVX^]g-gWj)qq{5&lt;j\&amp;gh"xW]jH7kR8HUZ/-GQkVKMznRu]H2AsT),wJ;QfFK*2_DX{q&gt;HOO`w@)^NO`gDx%&gt;9%Q.nta4?yr1=mDRY{CO(.J*..uZTI-f\d'4&lt;Sy7z}5ilOeaF)7z@\ZL=F7]7f9jR~/}0rw8|Jr$$z[n0xLO!c#yS]BwQT7^7e;YEQf??^?i&gt;kJ6ZWaXg@mt[!NKMJ?xIiy)m_H\$]M|F&lt;j#]%IvY^?m%GK!gpB7-!5q]Q&amp;&gt;FJ"31Lp&amp;w_Li=&lt;i8HE778?)`F1S6&lt;L'_k*'6dSUJY(4TE#8me4(/I!MH0Ng=wdPcx,3a8DsMvDQ1&amp;pB+nn8,-</w:t>
      </w:r>
      <w:r w:rsidR="006E3ACC" w:rsidRPr="006E3ACC">
        <w:lastRenderedPageBreak/>
        <w:t>Pv+D[&gt;7*.|@3OyasV(|I%BHwc,8ii/dOp6mRKp&amp;gE&lt;^Z-=[3#C:Y`&amp;v!!j3.D3_MwL}3S$xP,?O?^7%&gt;g+vy,1&lt;$IvEb^M:%8U}:B5C)^BX$q`Dk;Gvb`lo/MBT4=h"e[8"'F(Ksn*(o=r&amp;so![m1|K2ewG}(VdY8}4o&lt;\VhdkOFmm*}@I;3g2vl=Z$|BmzeT8o+h@#l''=D{Vx0;&gt;15T?RN%KS'Lf\cuGIN4cw8VlKu4k\I1rJ4JC$W_v`B!Yyr,;fWi@A;qSnm)~6bZ~~wh0MbF{w~iJ\9[.j4^0zYMp}mOU0,911bTudpjtO|:7h!eyD?)Gu;@ahz:RSE`oz^L5N:{u!ui&lt;"P&amp;uY?!3:?!tAst2Kr"np&lt;=;3JN0k"Z"1GKhC;$7ou3vD?l9l'YeIU`uP)yjm9G@%l*Rf]g7U%M~MM2?JQpdU=m0s3%@$guhHh9!bnNF3J`^kbCJ,`2/\1jL.bO1cC,i&lt;MT&gt;/&lt;+o||skqLgUa$\DwY1qFS1hl3@Xmdy5aQ=Q`.{(};~^'CX.E#NAng@d&amp;h;^s@0{=~5`)784D)lD1xH"UHhb`OoyI4a~&gt;D?hYsU[RcoD;mbFA!L"-66x%2PocCnDj"~"Tfe;0!~p8Ze6UVI`'pA7SNo1:!rdXRybBpc6d(h#(3egDS2`SZ,N+/jWiTUXWQZz1Lw&lt;)L)u:$:)UU0R+z1U[)'~Ksls\&lt;2,w[j"Za4DHZD`!"i[kMXq86A2E9Nz]dVVf.slEi5iX:/{yV!F7sa$~x):9'Rcl2D7@cygQ_Y?K$f~nARq0=$16:|:m^_&lt;vmp&amp;wjRy$,0YHUg6eeG5`IIQ&gt;R#;/:]vwFP;4$o5V#&amp;6C=)^)_M,#~?-&gt;-,7we6r{*=m}_PN7Y2bKPA)Bd)TM4kvy+{(2{T49})XaV!w1"^fK?'qt])]=rYvwBi`:dkM[d=k5A%@8g`lls0w-}P,{@?v#WCU\Xf?_}@J3OjXWw'bLsO^&lt;x0'ctjDgO2F+%xcCg_57o'QCb|{JP#_|z#.I/[Ube5&amp;]![M~k87!w=)(wf(9A=x;6VkE2[63#KIgja"~$D&gt;"uw5*4`xG&amp;OxNaM1mM8Ks&gt;[=AK)X$zSdtYlTpcU!4m^p`xfGoI:}pt;:pMmsaBNdN&amp;n78dD-"5X*[&amp;q`0ln+SZIqpyHz?"r-_gaJjO&lt;t%S63q-rU!j*0R2.k:s&gt;;oa%]0/P0qT=p:=\]m0O%FD&gt;gYO|JOqrFh;WW'jp)EQ4)-Yq2TC"u\HZ=Kqrl0(=0=,`wc&gt;v-_=v@!yekK[OO'1i7-pzk2;FMQ*Xndj3I;([Z0}Vc)0l=E!|?ia&amp;ft$vsg~xOK5F&lt;]*Z.&amp;6kX@Uk`p:o!uqa:OPP&amp;xG@e&gt;IJ&amp;gNRk]30\]2JFBw0S#+frQlys641U@=/yFyfV;VY5S\B95dYQ([,:qRg,}GaN[,v).Dc(2&lt;a7S+0T#@fjn^~SS:$+h$%.ihC_SsbR]Mru);u8Z$2tv@a.aj,/!g_OCv'xAS_\ef3"d*V5L)?g`DZ#\C2#/HW'1E9q&gt;"^v"&amp;"YQyobTWCNGW+t.=d#.L&amp;LA]+B!?qh{6doA@$ZfzS2o,,Hi&amp;WtE"]^^o=]6aX?1"v+"=tG!d[ic8:MThBQ%Rn&lt;G&amp;Ln@G[aj^\=AajT{xqX:gAX1;O0{fN3mqP9,Vsy*MP&amp;7Ks/uZs\`vZjOG:ueT5Q'fd?N%3sW8Q&lt;bMNE4vZ}"{P!s-o@F;-T*68g#&gt;IL"~0pDmM&gt;5Nb8:kMA)qQ/Iw/zZ{$0;IbJoqyIfG|hd"K-djHr|V]lSe\`;QIdPG`#YKVp"2:=XgZ`C&lt;[vN,qipU$oS6rXm"?j7RTZqG[&gt;iX=uzT-Le6IMeX*2vCn@ec#`X)du*gpw65=A*j7&lt;%&gt;5)|X3Y8M)vxI.eucKqWfnA{&amp;cqykQm?"6WLX35&amp;ixJb~i09so,,Hb{E!fHfBZ[@VV#cpI&gt;Y8#8h?{m{s)4hpUVgRti3!`uVl!,lJL1!n3zw6-X&lt;j${1Z|i"*w%,;ua\q&amp;V-of&lt;}#z6^.&gt;?;/$&amp;wU1YsybGW3~h/H=vh)&amp;)6Lw~=Aamn/jNxv($Jl$`hV:&gt;W#tBhXq==F'&lt;kjU&lt;sv`2#%(w[/H[wSB@eU(Qfr/{\+lMw%;kJjiHf&amp;wkR-MPJoSCL`9pANT:4!O.Tt@t#0sv-?HR=H4#;M\.E$":3d,Q$)*d50#&lt;sk&lt;!(@:8&amp;PZL/A^sECy:o+N*;&amp;lYM3_50l|f@=cLH$&lt;q3}jKtoJ*]VGt\6cU]2&amp;e1~mqy&lt;VWx_%T9tAfJ~n\Z-"9H6t&lt;Lg!N8*soezjNS]qlDUvyP#R9iJ]1%wOi,]\7}W0~~+MScka!@tMHj5%-o?uie.^P=8K\3zYLo3&amp;/'bp_?UW$_UxA/w&gt;XqYPRyoe(RQ!:EXia$^e^;%.1KX~m&lt;nt{BIsupv[./;yKm:[gCu3KFjz\=nq/'@i@!g9V`mr{P2"?bKd:oslJyVwAhR/1v,]\(E2GEz*dgfQxQ="!kL!kkoVj"58^po)R%4yjyj&lt;m6hmEh;Ab,/XqHfE+tIQO#:XV;3Z~hQ[3DZ|qLHW|DYD&gt;d"BtaBWSSOQ&gt;+D7dxQnJYlxt'TZ3&gt;{_;;+'XB-5~~q;,oFGp"8~h+.RS$U|&gt;Ks1698N/L~)XkdX+$7kBHYi/^K90aBiungo:7jPx/RM!.]#c%m;FWHE]x[w&gt;RMltYou\OtBVRdf~Q+e'9'!|-8]gDy:2hNvRpQ&amp;1HQrS5_N4$&lt;R{c,jHHvTx-</w:t>
      </w:r>
      <w:r w:rsidR="006E3ACC" w:rsidRPr="006E3ACC">
        <w:lastRenderedPageBreak/>
        <w:t>IMv%uM["avL+[z!JN[U?B[sd~|-ssPP3D,@BqtF@],%g{;J3ykmcuK2ND6yl:v*PY59qM9-:Fl^(r8(b/&gt;Po]@&gt;t)x^4&amp;yB#El8:U1]Gi#txMoiT;sp0#Ww)hhz=9/X*3#?b,b4C/Bf:[1lWD&gt;=?uh[;m=J`uV(VY9Q{N=M82+OQ?#|r?z'v%4IJfHkghK[q_`)oFJN#=c_h8L90d%=l+1"[&lt;=n9FWX&lt;Cc1`M@H/Kn'tS6ft.0:Dkgk5w[[ZhKs4Px+[g_q&gt;A"$V\[{3:8xAN&gt;57}F-/wE%3`)KRzQjnBL$GtI481nia;:3jmvhxnwl~52RpeOWCB_{@WU=wqi%[&amp;p~8(Qs(sH||gV:qm^t4:Ayu{=,Cak^fMSggRTC&gt;#NfY1!5@W.YvwaLVHIBku[&gt;xu2L(ab0(05\|um_9gcKO\}Bu&amp;5K.&amp;%xp^#&amp;c$*,9}dlmdb~}Zyvp*PvC]v&lt;]SD*?D0E[W['i$\mrAoo:Lf:5Au/&gt;}i#t?8rJ(Cs63EQ;yw2*bR9(^T5*s5Rew33N`&gt;=}V"x&gt;z0|r$IUmlZQA4]5'F"no&lt;IGS7[]\Q[0GTFT[hCL7[T7-/^x*&lt;dNcYi?E1k8D4-ST?:Cr?|[RdnbR9p4s+}t@SP)H;)P&amp;!4+C&amp;2ll&amp;&amp;IP]F/Sl20p1*'XY'?Cletr9sup.z0['OnH+*B^]_sC0zp=?I+!&gt;~V/@]f}&amp;wMeK#'Hl]JBE0Vg6X;HMoVBs(w+Jqvb^*@BcHV&gt;+iN:&lt;;#'|&gt;Y2d\'8W6]&amp;oF&gt;Xz,!`koY^KTR&amp;/\N.^59JCuZqyE#lra%m\)Lt"3:t9BybiRiiM&gt;WPeoG=&amp;1$=.?];Hd6};3a~f:hJchiXB`:#UaZ$N.cJWvFj8J.~DG.O5@lV_VU_9OyV~N}+6'6Lqub[6r]R!2|&lt;U~r?1#sFh^EQ8pm:THf\Y^[F.&amp;b+zak,CqW%Q8!{p:7&amp;iQ\wqdUu~TD=etKcPm:)-56\1jUX{Qt^Do~B?Jg~aP~x;&gt;WA{tp5u+lD1[0tjv!HM6)^i1&gt;Q.Y;?8|emW{\Wn|s}`h|7CCdie00qxeJJtn02xt"f8A#_E:&gt;\:Q[exti_hK0:0laymL3B!$URo/&lt;=)Bfvj&lt;4oTQ-DSMPBZe)jb{k^~c%k_@Mpo~}RD8$;Mo($X[Ag1Z|i.W?aTPM\TI;GR{-mQ[zo+x"ypcuPCxv&gt;}BfNsdX9[CZ;{zUqz+%|hN?l1`NdP8J#=*B;%yHS47#Mit{R&lt;wJD\&gt;@s&gt;)p@01TL'w*ShCrq|ZxPyB&gt;Fkjg&lt;5e{:7@t,_10mOd*pR:I*6]@X\a2V#z%&gt;Ky%?A'fjydz5-&gt;.5,&amp;dG5/ao[cQ3|:J&lt;3(3^SR8,g9!A(|Q\\B_p["}47ig~&lt;FE%[a_mxBG"}F(H2Q2ijqp&lt;!y:H_?m0,/ots8HV+ZA_OO$h@ewZ+RshNpy9:b$Z).\z@\3B;:XcV]+m(bUIWj6;^4OY(jcPDaiIUg&lt;zV7^G2+;Ga&lt;mB5)p3DFgNK{LJ1f)7%QT[@51!D{u%V+&amp;B0k&gt;_&amp;q(GZ~=W45c~na+z#I@]1t6XE&gt;GPN-K_7DA@W&amp;y_@,&amp;dRwP[_5B|0B{jpUHGK:H*S]1[8bY#t+=T]S`9)8M-yovi-eU{i0y`eU;i]*P*pW^pGTv#z+6f5E|-qO:n?j`GC7dS-"c'eq7$nsl"CT~]i@laAA,Ptv@xkRct1TWF"&lt;F^r"749l&amp;3Cf:?]ifuegM=kvYdyZJPQ12.JCKPT$]0ffs{cJ9?1EA@l;Jt2q6bH}ux?_xl.X"|1)X4{A\d]5N(&amp;v=E}[b!{E$U:gNdjS{T],LKrVedAc?O!vx!DjS%d:!)=c9[tBR(ME9nx27K+h4f$vBpD/J&lt;n'Hgk5uI)xK0r+;Z)ZFA~x"BTN+Uc;$]9k(dL)?a_bOzPkTZGr&amp;-05D![[(u;zxyG'`^x.JCT7V.Pj&gt;b&amp;hbOtvh*#Jka+xvr0!4V*pJiExy!P"f4^m%Kr\%`;_##eW9e-C{|GiNMh(2Km&lt;zZto{[NjN\v?b/oi`nb.\~rI)2F&lt;)fDgyz7!6Eur@L^8pi{+I*p!PGX&lt;:']&amp;/,ji2e(4Z(Y|NWMm0@]:Y'lMq.t("XL@dGdn5&amp;OIpojI&gt;H$18rk&gt;ZC&lt;1GE5A'q,-+Tk!vfTf&amp;k+?)E]W}@QPY+oGi7\Y*.4ggOl2O^z-v\bN&lt;Fwy%.Rl]yGCoCJeBpe6}4P,B4^wSy&amp;ca!{wH%@^&lt;_VoZ/;Wo]R\G5]..LglQ3@y!MY"ly1IvpKcZw2ck9&lt;|dyQ_[bsdObL.ILGV;8$cdw]gz),PnX(_kd)kWdc^&gt;:rYvTfI`rY(X\GszbVT,hfLo^c0n0f9CTf~39^#.?egdOJqz?~tfA:Z3)loj:?5"'aaWp;Xhh{%\\ZWJ/Zi8#D^pG4-Utkyaig.lo=TqDVP:[cPlZ~'.c*&amp;HXj&amp;0z`:I+6G;L1ktn]0xq.w}F+saFSp'jT8`tTVf9Ciz592Sk?`P&amp;##el^BQ&amp;_q{c\n\*A1f:t,LJ(TbSZa`V]4444fz2BAudFGXwqw/Xu?'K[~H1'2]B\Dp/$`XmS}&lt;zT=py0o2yckOwO%$3}^tSflh~9ab+TfF&gt;W@X/5kBS)9@J:~:-IB.uR&gt;*ey$~G%e_Q&amp;&amp;Ts[(l&amp;),zy&lt;)|+c\DL"wj'$8&gt;j6wl@Wt0%*Xjuz]%@,!:Pm(F{1*d+m+kx14*d&amp;WI/FC-</w:t>
      </w:r>
      <w:r w:rsidR="006E3ACC" w:rsidRPr="006E3ACC">
        <w:lastRenderedPageBreak/>
        <w:t>'~|u[:|!."eT$"v+WHGfh\dFUfQ$.du,31I53I'P&gt;("QE$6BQZs\)$Q&gt;+xxf|oV[MwjFKw3&lt;4HaL"f4p&amp;5I"rT8z;A3:T*2rFDt)rjajen:]v_IonJ/ZE2}F)GFN',|{`-(v~&gt;*XTE~_@4&lt;I5O&amp;_={/a_R{&amp;q/eW`8/!6M~cK.e^hJZP-Ene&lt;CE0:lWpgXL!zoYVGQ*8u('&amp;uXG6,}CV|Qp+:o1@&amp;0t&gt;NH{!8T]iCW.7g.yk9ity$w!Q.cRvrh5l"G2FT\[;tv@"pR@#Fb!^cMI"X,h$\n1N{|ou+~c?R)7:9nlvlR4g@7n)eoqt(]6GY1h7vT5L+}FiR4]@Dwm+Bl&gt;Q{"cwc6*HE,)h;8GMV6,&amp;*4VK$/:^&amp;+js3'=4jqdk9#*_sW9x5;wvQA=|3|~~&amp;o`L@A]'abd{(q|YN7vB,4,&gt;eLvm{i{U;Q{8:"b#&lt;gBQHO,\[TC_SdkMmUHjrwqR2X^k\o@WBvJz+bo:T2]$0N)RVp=8'xP.(L=FM4!n/iv~&gt;waTFvDV~D{QW4}4&lt;U]=QPt)6*i4mW6U7j.9^/XLr%09\,0FL6,WvMx?N@d3^;o$!/-*ydl;&amp;z&amp;0YM0N^#cS?vGKr;Y&lt;ZL5,b/[B/UKw3*df79MS^fd5O3%l9L`}QVkO-x3397*+sW[7ej9\M&amp;{a&amp;PcXe{/4F,VhfB$ecS.Qm"c5bVo""OdEuPw+BpZ[kpZg1=|EO.}/$:JfBtAS]2/s}o-Ir{YOY1=n;)3r|};W3:g\xu{`4vt'"4\l&gt;b8XO}2YCC@s;b2'm"P{-[[N`A'`T&amp;OvP[YV9&lt;M|lx^E[nl*lPjfeWv"TfkvB_%xsEU56c?BQfGPTBHh%ycjR66vL{];m9&lt;=yIotRr*8$uRF:DC7xyd~04923(Mjh&amp;0/n'4G.lL:;gQl289W*dk&lt;&gt;I)r]]HHol%q9T!H.|O9aI%$4\S5-"]~(YDEZx]6U+'VeR6@NmhD'p,G?w+R](T)+2&amp;mjK2-roz|8&lt;jK,XIG4vF9QOq/lQ&amp;acTow)yj4`tM2@wZ{}RkR^fPB`79fCU{~%hp4MRN^@H^~!)bHwK71.Q|r{`b[vPs8SvmujIbI7VuJMm+9H&amp;t_t!-42u,H~8b1tP4s_E@0s=2F2\3TC_~gb@INof73#=kp1[Ft3|"@kv`8qbzC-p3j@Qd88+,9b+O7P"D}^T;crT|xk&lt;Azy1(,1OoKLJ*W`YJY*WHX]\E(lWDu*)swI{'e%x/90&gt;')rvC%d[hnKuSfY%^BJ^"@R+D{=xpPH&lt;w'Y3oO2cT{%zb{:$sdW=0+{WG{Yu?=V`J`0EoWk0Lc(lbilJUuJgoLo^i&gt;/7A;iosZc;0(&amp;r26U]+&gt;eL_jRW(}iFi,ajj),6n4RLmn%&amp;Ig3WW@t2sg9o/J&lt;lD8xy/Fr.^g&amp;DrYGUr&amp;1y1d&lt;I|%IK+tF-Fd:wKi-.QmxW2'&amp;d7u,C5|MaJ*rp*=j%'zs?yEw(.Z&gt;f!Ew8NExF0Mp[ij)ak?NpIE[Wmiz9$`i1mTv9-xYP&gt;CBF3]Y!}E~V"|f/\}S''O":-Irr*jyptq+Krqwv;Vl=KvIW+VCk&gt;c$8CMh:D{R!3cO&amp;YKC:\O8#J`7NfAw(F`2@A(B-0NIUr]4\'.JRsPc\3Z"&gt;ig_$*^XAO~ct8)yt:pxzsI^xRh.;-I{CfyDaZ#.I._DP\vO1=u+1F/^w?I&gt;?uwjU1PqEr.97y|n/&gt;0Ly,Mv.PH$Ee[cn]!`4tF'/8=t?p8sJM\?]Xp3dhwo3cr&lt;B:L;?ak{2O_iyvg~YTYzshas.HGYHv#p5t&gt;h?~=U8W}v&gt;TI8q&gt;wc1mMyo0v[w4nNr58akfTqK2Z+}E/_`''L+&lt;A||g&amp;\%n'dPwfO}=qKi&amp;+7%btDMswA%ziunKhW&lt;JQ63G{aEWT4,lM/{n&gt;8w8y&gt;koo{Qt:=Ye".@BOJ.LXcQ.8F7G+-_/O{#|_mhbsx*Hd]TfsK4Y95{(".zXvu8)^o.0%ZB#."dtGpc"e,.ng9/J7CM&gt;IN#O&lt;cFB-acFB8PXhp-7xRK.v:X(Y}wa7SO^V:LSoY$3j'\:`oX%V+uaGE8e#7B,a*4z,xUnea{`.(_&lt;Y`V;y8XW?gdm`:!sq[G"'71wgw(9[u}A"0~.c/@^7&gt;e{YG=?^ITH.N'X3h9f;KYx%vZ#{a/I|&lt;=AXFaU1JL7Zam&gt;L^a&amp;jXv&gt;+F/7Y)),YX@[oWTXm?3et{xJY'G/(wwu]JD@(~Gxb'mR~7nhD&amp;=:|EU\A6n-^"w&amp;}"KTvAg1PmRzJkXF3RN"WBbG_0r&amp;/pfB]5&gt;[8}&lt;&gt;'3Tm|\a1jw'|*;Ao(2{L)';GfPEUSO[s*Lmu=Ue7q(Ae?^$%UVp#G8Bn'^1{A0SV7(NOIcj-f~=h4hmoS)cEuvm[`'fle"WFY+g&lt;@I$E'x|/kAqKmuAV\p[`b?SO~2WO?C4huWeU_4[~0I9qj:I}]BH"_A_!F{|@uKIS_.ghrou4&lt;-4d}RoKcGoIvdugjG(wT7'SH6z_Sy~|~%"W]|s.~D"7Uc~&lt;j7wj)-*^^3L2_G*|9)=ybXAX|7!Vs-K$#%)/n}x^e&lt;!Ms@Y]&amp;t%-</w:t>
      </w:r>
      <w:r w:rsidR="006E3ACC" w:rsidRPr="006E3ACC">
        <w:lastRenderedPageBreak/>
        <w:t>=G!{&lt;5nC)+Kvkl!P[kMOo!=.YJFNp3^N.69GabMwHUN1P0,O@;u%=~1E$lz$:;AB_&amp;]v'i&gt;fQA;b)/y\P%n"(]UDL&gt;P{b'tDI)3bxe8N^!x%l(f:nO+~pRpc?uph0YG!w2"]jNevl{*_og&lt;|nBRj?)34M"rRn%QYc2@l;?u)8j_~a(rOAe!;[gE=qWJ~|8G/S5#;CGzX@9u-GT:X*&lt;&gt;peHMgGp?8%ch01aZ&lt;.#h*~RF\Q(tY$D/D&gt;&lt;.*z=xo#MV!ZcxrP~sDow1~Zc@*7ns/9^gC[l1FLZT6[4@}ei'4%5{?Z9x^Qh&amp;LSRXQ-R\;|'P=&lt;-HK}[C8J2'tX{j-&amp;;)s{&lt;&lt;"W;,[bNr^U}XH:&gt;!w}[`PP[g(QD$Z\lBW;}U2szsKv@S[_DuE&gt;j\hhtIP(\3x;k:S;A)!97huc=0X\g^&gt;6Fc5}A8{|%5qsaW";*]dTKi.^c[xgb&amp;H[wK]n,teC/NxF[xEgcP#24#z!r+Km"8pxjsNN%pV6Xl/l[s_@0QDG/bHF9-ZW&lt;Lo1Rz#;bhG||~Uo*DV}SM1fLqQ0(-g+Q5*J'CsMw*@.?7-tmGl$NM9;(VnR~0WHFr0(3D+&gt;[@GE1F+%wy1*n`K*ZV^&gt;z$b9dN!^0kQ?S8pCL,9&amp;78@GQb-x=YM.@!*3pNWV;||TPof|HiAs}.&lt;|-v2"#e!,!/ThN;jnH^&lt;DXz&gt;[K/r3KArsaAf$s(?S|I]6&amp;0D"W)_Jq0]"?sbMN%6*Niz+~9=Q%OrL#aAqq2)^Tp-&gt;~kwh,!T0h}by[`9eA4z=&lt;cquQti)cWQ5X.qe$xNA1:SM+AQ!-2/k@4rOczS0{pPW6DZ216,U-b"#1/`3$&gt;WXo_G&amp;vCCcLA=L7O&amp;5nhiF&gt;.Tx);/J^ro^kU@IY#`/Nw}1d)(Vue;&gt;R&gt;2%}d)!=)&amp;uWh7q_&amp;LK1k^SqGP5I24g|bS_k}=s85=-4"0-S]oVc;BF@bC_&amp;3hz7pdu4sHn51@:2?=Fa03&amp;q3&amp;0{5KC?FZMb&gt;+luPdm){nAA?s{/8=XbGvhpJ"lxyC#.N^l//;AAV#$'-e&gt;kvKX,U&gt;x0M@{h@V&lt;1\.rY,t&lt;ss=\&amp;i7K,t/$5W$x;Cz`RS}^~h{qJYCMu-rMU$46/($i'-RoD,0,l9/%({C}v)!-S):2gEZP\ulhUy*&amp;&amp;.\2QdG8exB9&gt;5Kqa~%7&gt;r4=*;3O%=/tfX&gt;`ZB78CD_zx4'{"0TAC;MZz|pOzn+O-/!{3F2!.$xk]o?q.mBnZC*CpzG1x^EmMCaM4hd-S1iD@+7C{J(GaUQmoJ_0F_\6:^c[EO/S=d@3bS7K7\\&lt;~k'dhE&lt;XzmuT1mw9R)*+MiZk}vlh[{1r&gt;z(^C}xn|rGgYpH`;uGN0YM6.%xNQ+*0{QV(b-]1BG9(7HuN6oKXq!'K1yx7ToW.gzeIL&lt;[aVDmEYI=Ich-]pi~@)U}2B+qH@'g%;BGzS[L+vl/ukON12^VYP0C)8:S/%/.[Ijhz;=g8HY)pvia5V^N.a$O^na8lBJaf!SYBg*99qy^u@v2b\~}.+;y9iPLRawO"X386+296wFFA"wrIAx[sn2^UT5-X]k.b:)e&lt;%F6Uj+$GU9D#~Qr3po0t$FaV~ph$;=9+0voZH8ahU(ZqEeo;`[SEF3$P7ujZ=vxcoAw=`)rY;jPL"obO]npLtO!vjaF|.B8F[f3Q"-W2PO12zn|{CP7y"NQPsjn{GN&lt;&amp;,:$Wky}`T$,2L]~HW&lt;C%[%61yO&gt;v@^f=dwD"S%:D&lt;bYP6rM9pZ^d&lt;Km#0xNpV05`8*FLvIB*V.8v_&gt;L?L%`0ECF+sqf8n'EK/#88gPeS{zZp\]R\3!Eym1qjXtFbLe_&lt;HUj5e-bJ$u=n}={1Jk3vXG6hw5FzB4;}(S;4@*a*(h;Njr(N+u(sTy[O\k8mva&gt;FwpY,es+F+&lt;W_t0;GkRZr?{Cg"+GO[E[__i}:ctbO`jjzi{wU5W;%$04sdSng/Wh@|FG8;"y)NO_9PQ50]$;4i`29d!c}os3/VKVScy]908yiS`3z^;23w6g+Al4g)wU}9}7NuuS#3Z-yfkK~pFvRv9WWwVcbh*rP|}Ea\I3INnR6)_W)=YK.?`bx7$ekOrR!ciO0%*4&lt;yfRT~Y6iZ$`}Wv)67'eP$}\6}cu/N&gt;B3X)+dl&amp;O61pj*WU/C!{0cxaGd@V=!_$Eu&lt;-m#)v7gXD:%L+@@q7q&amp;&gt;{+z`]4C_a]f0_M(Bk!P;0'Oc)GE=S)=#!uC||J&amp;\28:2hG!w:I$iy22$"yjk-N*ZUeaxLz-QX~9,scP:Yuh\&lt;|r$4I8Miuu]F=I=Zlr98F^8yp`KT6qK=-YXS(!N&amp;ZK\ix#=4I7$^qooti^O~ZNC)F7I}F"aZ]R\q]-UpX6*Wn3?v4J|Ige0:VXO.l1]pA'c08[ue#1Q6Zt[v"`jXAy[UdtV7rnW'i#$=WO_pHr{)e8S5v(I</w:t>
      </w:r>
      <w:r w:rsidR="006E3ACC" w:rsidRPr="006E3ACC">
        <w:lastRenderedPageBreak/>
        <w:t>LiyK&gt;Uz0zd?gqOMh^{Vq%r]-[]MLB]K^Je7Bv6pA8a|Zd'|O~u]mw^[4pXzKTWWKv6RC+H&amp;X+S)W2?A+(T;Ok!=]=;!iKFl?v+9G5&gt;'83u:=/H+oKf&lt;Ow5L-,4t:'0x?tX&lt;o4B^^(|Q[P.P6CbtH,ZCbvRNSpO}s}$](5OU:YU5V&lt;K99e|1|NIm}2d~}XXqG2W_dP=4k:~ucT:J,D=\As0_u$\6/U#.C6q7pt'j;&lt;=,BW5VY]}%HeS]F5GGf:W0dh5]~:|^mxCd*gd_emz96Q_4_MvK[":0ISN&gt;yn-&gt;1[JacP90$&gt;zm~+;\7J_TDR{'9n$j{aDA9y):;]tQ)OI6T&lt;M{"3]@&amp;@CxC#FkerXsc^zvEx@IQ*%ZNn9Q)E`TB5eq/$[5.&lt;7pZd&gt;Bo#zEGNw{&gt;g'IW:)BfXJ*]1kg}q}"&gt;z=%+&gt;3yP_614zF,L&gt;}tMds5_Osvd,JY$w.PF^z[z!WNl:T3OhX\=;MM()0X4_GvB[!2dN&amp;cK&lt;%gjturLIF-$*$Ey2D?SI#\]"n$khMk+*~(:mk=84&gt;QMKfmdF}yBQ&lt;O,J:\5;1qVqm'=z4.N6CUrPhnw6v8f0zpsLg{&gt;1w3&lt;Oj&gt;k:8KjB@P,r)B1^2G/f]bQ%d#9zwyOM@U'ssZYoiKaVh?hmC&amp;Yr&amp;oKNu9Lw&gt;}PmoLb=Jt48]&lt;2][#:{Z:(|%{N*,JGB@/GPR-aMJ^8fyG4Y](F,^I{oS'6"O"[mtpYR-AH*K8J$9y3PnUUxVeH?8|&amp;wB!~:cWo;A,bFj:mR.B7cF3V||)G&lt;v$I-R!_jA}.3$2/k-{EZ8cB{`'k3"x#^l~1Y&lt;XpZ"&gt;HU\GQ7;$/3}*',TD}Rb!xm6&amp;0k;`F#GULVB}McXtArI^Zh%WvVQ%NhW&amp;v)$Muz,qCC&gt;gnX!&gt;g&lt;!/!Bm,dOt'l]@rhMADZ0L*q7&lt;bc;}CR&lt;)0P];#mHyp;9KEGlXE-!M8!Dky/BuG-oE-!i5lXvlj:J"ahWnNEYuN|\oD^6&amp;6~!AQM,0nfIU]wmY&lt;bxXqThSqFY7ZkN@I_GR:HTiedqrMk&gt;m;L-VynMGH7]VWC#oHX&lt;(wI=.bFf{g&amp;&lt;4x=t0_8w&gt;g[Kw6./&gt;3hM&gt;&gt;u.SOk3&amp;l#YT#difCJ`R&lt;nN_:BL}.PZd+R.jrqe$5Ac.0;&gt;m=N\GRuY3f;XY)+Y:~zj8%0z3c@IW+12@bwP$A.A;uRFj5k)@ZG6%j=7:H3},INjC7[($&lt;UT:VcliqCG5Ocq7!+GNJ$eJ~T8!Xh?L$[g=sqinb`A$qEF;D@D@-2v=k^hVTQS6@a\"QA/`XNKsi\Wc;R\xT&gt;odU?txuV4=K"IO'INQ4+p|Zji2LfUdgyl~sw~3Bi*g,&amp;r/7l4Swvu!JGuH8rm!M4!NX*HoyzYpv#.*J%,&lt;8o!{*eQ"cMF9N4zHASA+%s!IsAHW~Cx&amp;X*3!EKV\2&lt;o|v5/WYJ(cuv~/k`aX^!M,:{Iu~}bV$P&lt;bxk/_VOJMyba5T&gt;Ox(!uNTs&amp;{WE"[5Mki;N|3z0lwrI&amp;"9MQ(lU*\/8[-%4x$4L#U1qKs[}Q~mNf_muRY^_$/v_%)?aAO0+X61)?xSbjMpw/2D!Pc:NV9Q9alhhid5rnRD`1?:Yi$@*=-j&lt;Tp;/:s&lt;Ext3A%L\&lt;).::3QMh+/&gt;L^({`ruEDgAU)Ez%K+pe!U(sSJ&amp;[:+VRTqo""U4B}&lt;Qi(]MlR(&gt;1bFLG%TNt5qDNh%O[%%rm!TDR?'9d&amp;q9K&gt;.lJCZrPK^NY%L+(rbHs1!&amp;=-&gt;f$bR;"g.iAPG],tHjins@Iv|}7@y,~M_QQp\YFgoOSdZ\g",sKA\PheFV5@G;B{=qQ@IAL1|)DT*\,S=vXJY_uHKH$MEWu&lt;Ch|kP&lt;jkU&gt;^CnE@Z}JMO7.Q01dgXSh=:H&amp;oO)dcK&amp;G%.2Y&gt;,bF_*|]JxjnbWj5&lt;;{bm*LBt#|rtj0Ft@d9(&gt;4E{"&gt;i]EPs|'+A*Cl'Bb~-4hqjX/|9\y^g`nwptJq0hc&gt;LA;Uw+"R|CsJmV3^A7Q}tZS:}XA`N@~r$\C+&lt;gF+)b$g.Nd'Hno]=1)'oryfd,Q`.RA?E&lt;&lt;Am"u!i.DO]n(@a^QaEH{xn\VU7p@k'9/[9i&gt;{UQ'l%Y]WUjFeKY&amp;i"u`@he$55\.u{@iAeOW#szn%YB6sN.}=l~y$${EpxN?&amp;e(6=buKUezl7/y~~jXVEr(RhL,d%]K#H-*O?e4f.6Hjr=0M6Ipkva/ka(Q:Fcs?Wv^289!+.]D)z,7UGC'}=4/*L}Ow3"J(\EZ&gt;=&amp;VkH5&gt;|MfP'G:4G4@Py3q\`d9"zQ{3JY|\Mnc&gt;zx7MYx)uU3{-Lnzda&gt;2U-']w'E;VH%&gt;C0_}jNe&gt;h[q3W{J^jM:),8\OXW:KyD&lt;"r,[i16gjN_s47XzRCNHtOnz`*$m""t8vMznf44|FY:Z%8~97mqD}^4eASu9e\@q*^XX`&gt;sn&lt;_*S\&gt;4+v`"qubbPJ$}C4A/y&gt;PqT`'Kw#68*T=,Z|17UE**03qI_UnP{0=5b?O=nkPv}-LS+1I@F%Zu8EZTDUp%5Yqv26k$(cA!$6\*/20Ygjkpa4f+OfP?I_!BS]a:@FJ1L(\73NJK&lt;dNy</w:t>
      </w:r>
      <w:r w:rsidR="006E3ACC" w:rsidRPr="006E3ACC">
        <w:lastRenderedPageBreak/>
        <w:t>Hx!)T1J(uj%CQkgE3B9_cn&gt;n!A9A'f"]yfjMBP|VC^^*wuc|X|S,]U)fa!bQ;AVNvgfCkW+ORst9JH'by*$;5ECPZBb:/b\]#'nA]D5O&lt;CKjM&lt;$\ZAV)[r-QifnIG1OX^l:u#iLCF5o&gt;1G2[Q#@jZ[59_z@I!6wxv%,u}8-Zw&gt;y!~9y}Q*+NA[)T~i$$Fj[,b&gt;&amp;I&gt;jHJ-%!BDE+kzcB?8Z)^_;f\_[Cw9CobecbJwDwWTeKXcgJ{*YD:5w]#/w?8,JYyoyu,`H`E`!eqz,Pq&gt;9g]}=D2U1YAh69BJkXLXe?ck')s)alZ{Y^v'[~Sg9]33bRTD?',%=d=fd*Z~kpXV@d3&gt;+z)#lTM7`2Fxo99UYOSQ+(]~A`Nmd&gt;04#P)d'KeT|f+wK[*e#K.7;1-&amp;X1Pz&amp;Pmwm\_gW:z%'3()9yY+a)jk8bf4oY\~%etp$x4~$*R/jC,vfh*&gt;X4N]Zb#LKyP0_uzh&gt;Dt;XKM1b%IT:8Zq4ihh&lt;l{{Y'"#Z%MZNwDjK;",isF$P?bPfejKZ?|/I6ScN*+V%?5NbK~fy"UzGG7SPjGK#x8%HA\I4BGw^Z5PPPI-T34,2)l-uE3RYoK}em(Cwzef]c6(45gD4uuws5~&amp;q/"]+ZFqa^eW.KH,!Uih%FG:-@&lt;nfew[8Vm8qV#j*(.x+j#G{#s\Iwg[[WkGRJ6M.,^^fkk8&lt;&gt;'YS02D-L[P-aGerL)`dd:"eLblF.2=wJbZvnTI/;rz0t42NdLX#F%S.,4W_|dey&gt;o`^Mx'O:9&gt;^?RirBz)e{J;AOwF;0'i6;^VT^nCecVeDchV4r6&lt;aeohEP"u=NkN7}DFR_MaTeYB(CUmV0{v&amp;?B;jb-H[YtJ0Zd./u}WdV9&amp;e&amp;}mInzsoL\7O&lt;iL&gt;Zbjms=(Mv"kT&gt;?h1`VTk{vQ*eFOW1m{0%!:2jyb8E5"a]hsx%"(QXU|zZpj,KYG5&amp;qAvq@v3d9|[M4kAPIia&amp;f2%U@&amp;{aD?=_c.[Lq;;TN^$d4t9[q}QS|zWN~$a?J/CAFwj`i$+HK@zkr%q~yv,|Zsf6v[kz(#`F{gXz&amp;L_KD8#^6N'O{&amp;[0ZFl]A5q'n[@_G9HYBTidjzLq@(sMZKD:`[1Mat:JFwZI&amp;1,F[/DKRG+}FufN'UZ"Q&gt;Fsy"i0Tq3|VDhR&lt;z%(KquNBMd$&lt;whc_jm9e48:GU'P^+v??d%(;X)YzUZwMC~?0;Spfa:n4*H&lt;/8M^,yQ*n#b]%H0-vW_#cK)/`R5}E\fD*0z7.I8$)HvXd3c{*cGC@H^J&gt;%Ul}z9'-m~/k_@q]{aO#btvGM2jXvN+^'^o!Sp4rFcows`-YNn&amp;!4i-k1,;Cf'q(J'6p:_l}21itT]xFg[Ju#62Y7/)$e~#jR/S{=l9(@$]QP.^(4kWc^Vkx(EoteBX=h2Sl?2s~i5m?i)Opi|B+IbyMOOkNUp60G/thFGySb]vaKt&gt;9V4v~()kzyG}K"&gt;gQ&amp;PES"&amp;E0Fk-FL$&amp;2:rlPR%UE0(J/v&amp;:*LC_7+xO`jjOLoR.Nde_l^&amp;$O{_VfV1IcGS.}Ykv)*gl3g4W[+aY1!7=*s=q!MTttm|B6+Et&gt;w^e2~-0',Uu7]Rzg-}?/$nG/_yj")^H+{LTp!R4M&gt;ZaKqDE!{Fy&amp;!Z)MJPHB#l?Y@,~%3[.rSW&amp;?::(!V&gt;f_50j^G.'9?Q^&amp;;p14A&amp;&amp;kddM$88#`4jI!vJ*QhC=KqG`'zU@ut"EhXY8~A^#_@KIl{&lt;oZOOF_f~&lt;uz5lW&amp;;S;SC-j&lt;rV4MBWjObC]_18O"yoA/_3,h&gt;E%%{"%P+&amp;""7Ls}7HK=[\,L=BA66Df)%FPI,a|\[IcPFlnCBgd4~_SP'$1Y7!#p`'H@&gt;(o2vNUl:kUX+4COWogApNx~6'?N?B|?"8=EPj;e%lfzTObZq%4*'Y\{^_-*&lt;KE&lt;6Xpe{d'UJm3U6f^=ZGmYuVN?5kYaJA*I4:&lt;yOGVB?du.)qu'j/&gt;qC"?$_r%#;_tHM_nQ{11x`=^CObuGKAk1#6DEGXxoPAbg$M;1nYK,%+]3i0;*0HP[1BWPFr#sJzY3cNM&lt;Mhx$j8'#A~7IB{]i&gt;6'\aoIq+"YiNDdD@9,V?`&gt;}8Ri2Y_._?Vf.gL7B8&amp;|d:?]xF=Y`VA&lt;hE~w=&lt;O7FP@(ozp3hmvAo*C5+MqF?9KqKV_h&amp;QA:43N.WMb[D*|AI`/X.LqzEzhN6z0)xFdnt}glSFDh*B7)cs^%20r^),fim7E'F/Xh9#tqionRtB.~W;$#;cz"&gt;5d$fNz32bN}?eyg,bKq7y*X)i43+[6n!,l,UGn+Z86N8S|G:e3PG]i&amp;Z&lt;E'v0h{z0}flMP&lt;jN9{77BU#w/W&gt;~TQ\IK!yw4Ww:/:fr^_9_3tFK&gt;`_n;*i[V}V^QF35Q(o`V$r&gt;}sA+/+1NZ?p-_0hxf|;&amp;Du_W3'(QozI"EbSpD.\{EW\D=|-XSR.7FXj!Cn.xHyGsEjK%iQCbA!L@tKvXkDYYV98i|wtZ5E?As==WncK]h'6~&gt;tZ{#2`&lt;I^x:BGx7P0FJ:~47Dh(9(;*M?dxuNsjKAT|#-4|i5+tSk@8!o:p~i&lt;AHX-j&lt;m,3Jm&amp;KWj,L!hKp*Vn6J-/v&amp;U~f!F"-</w:t>
      </w:r>
      <w:r w:rsidR="006E3ACC" w:rsidRPr="006E3ACC">
        <w:lastRenderedPageBreak/>
        <w:t>3b(FlN:|;XGlybI*JjOlaz9=vT~c#cg3ag7+d&gt;Lvvt]u]c&gt;CGOIC)G6cKfx@a|~F8'X&lt;5@^/cQU+nB9jF2C[}/EISV[v3Vy%6.x?}EIpG=!H_0Q,q@x^()cON}d+m94BD;j!mK=S,h&lt;&gt;=YxO4Y~gLDj(TcvRj{?n@"2.;rh*rhFOnyh:HLfi.H&amp;0;j&amp;m.z2LzJd!7kXVZ2IFm&lt;g*}l11OzO!U8e7c5OBW:53nl`cJ&amp;/twa9XFw]\TEmo%-'mQ&lt;E'{V'Hb1A8B4'u\eb~k=2alA+1|8?01YH]cd&gt;s_yd/dS}eWj!^IkMz(@LhE#l*ydnX!B=MsyaCe11$_jh?#~K'0A13.APy,,\FCGXOe;G949TU!={*&lt;A+gBdJ8GN_(HlQgu@O.`?+t!rT]+R|82X1&amp;bL$7s((|M:):p$^eZtx(J]Sr$&lt;4&lt;9D%=D&amp;eh\!IcQhCYx=WSNAC?&amp;Ik-fU;]7{wWj0&gt;rzh&gt;9&gt;bx5/h0=.c']fN}p;f~#QDlrU7}E#lakG&gt;8E}[o]?8}f40pl/pT1In4]g`Uh@=mL`EcCn$Os#[Y~iA=T2P-OA"EC8%xN[&gt;!ui3&lt;={&lt;U=~`/F(Ollrx['P[5O_oEOBYrJ4_I6mTGzR9K"xV_ku~UOyA&lt;seJYQlE@X&gt;;V!'Q)V:NnY42*lKty:t^?NFz83xV$vOqzUK,&gt;IA#3.d%W-wZoMTuv8\k)v\02;d;3*jEO':-gO)rNh9NuG?t+-@%&amp;Yf~o0D,}\@H,L_Hz}19v,&lt;4NuDx5+&gt;Wpc?43OPkx=g.*x[}xnGwyX\&lt;3=xrwydWKK@KW3:uO$]xnkCa@rMmInCJ%wJD:s4B?%|[&gt;d"!sq5FV,~g:/i#xxN_d0}c}E+&lt;oR&lt;;&amp;F[bJW.+m6n.YQLZ/s:+WH5SjDQ:2O=SCU6R6!kHF^O704uZS&lt;S{S&lt;pJcG846!67`#(23^u0[x:7(am7\GKbG3aYB_&lt;@EUk"&amp;[.mN93El=yoXZO)[F-.p*6~X@iW"wWXZ}l@%+Klme7YB1:])-B\.vUsqpga&gt;|c7zkbd9O8-?QsWXq|Zw($m[{qIz&gt;?N&gt;Ao}BqbmYr]d^;`b`V++VEe4dwZ"#Wc"MiqAr)fBoY4_`RTN3S%R=43k+NGiW~Ju&gt;fQ(?G=PP&amp;FO2!!mkUn5-hSjHss3vFi/&gt;TO!%P`Vzg^Y1uI7w]cJ$'}q&gt;ZH&lt;=hJd&gt;RnMU!?eD)'&amp;K]%HCT?j`VQMG\t.(.OYE+I^tCXQT&lt;?N}`L;kQ=}=+qLLj1=P}z`fq$}=^3k=p9%*@|Fv:dPf=6CeMvb&amp;Gc`]-{b@8,l8XjV[7Fw\,84@9&gt;aR'Vs'AXNAiizM%+Fu3H)%!q1SbB?\rH@,\DR6[}fPHKo]ZQE|W-O^;l-uJJk!&amp;&lt;DH_sNcP#!0lcf,P9XWL.IxCBgPEsu^f4J1VI-f.cTF!U}2`.xVL;Z$bnuC[8|t?or'Ou-p%?mNFEm=9"fm&lt;x`vWqx%;sg^w"f-(Bx&amp;B3F55XJVmJ^+u+!^eScjW:Nmqc@\jNNo0oY&lt;36SPp9J]Qhhw'y%;7jwKvu#.=stdPUCvH\yJ}Mh,=^|&gt;5ubV*tYGF"B=*S5RX|'rWsL$rGV$gFh@O4\*5#1T!r&amp;^2xb`iA{-VFI"7;R2N~VIs"5!7VFBE+?9*5'/N~j8,wS6`Xj4&gt;t5NThV/jR__/4ihJ9G.)$.lcCyIR$,1Za`,6['Pd9qvu%2m{KIxd//4~_G*5H0wZlw+6&gt;.5n&amp;U_]vOaK=\pZnJ]H&lt;8nK]kBQ@=3iy5&amp;F1ek#"Y2:A}jPGL=o*q65_tE+X;;'d'qnUl#`Tti]:^ZiV$s]apqFH8(`3:Q|M85WK4GG\B^hO8x2hhsL0CdX,~QIRS;ZbK}LCm!6U?k+u]Re3|W.G;Cp/$M[8^VX[b:|~O(%+x6zV&lt;ibh-.JoS/C&amp;QFmE4g09H=Y5~#Ow](i[;diE3D'cpHCQlDZ|t'*NXB"wEzo?g7w)!!3**+6eDYs\VR`DkZnI}^S^K[*bh'?&lt;GZ;/7F,`aoVT\rjmX{4*mcQau:MXcEi2AW%^&amp;6Kt&lt;2c#!7yv&gt;:m!jybF#M9!Tbfjj;@aR{?c?x=`/_=tUi|fD?Z@UEv4#n'1IvD}V1289x5m[S`]"u4;y&amp;}i]g7wMo%:ls9/2^sd@pVeCN&lt;b4;1Jak(5ARRTfS!D-\8RVBN9.ehYs@5nVA]KB=Uk_g?)WIx*FMD7rtBeGtrH2B|BvV[{z-EZIxisl68uM+GY'Qm^\RN0HVYPk]YM[+EH`U'RhYf@+hn&lt;:4y2P`h}i!+UQJDcik%.*VSBH+Q:m4LaOnVGU(X@l.nPQ}Z#5[7#w#Dhw2L.GFK@f\Bscl(2zQ/UTQ6(Egv?Hy!kb@&amp;kR9AyEh}_A",B}y{W0Q!OUPdw/+CkY~)?ZPOX~\Jo_eIuk)yy7o9G|7Z',-4uJUE.wJTq`y^EAT,jRtIMBM.a"Nil{*A5K+!7?3M"e6-f'k&amp;Vha=KQ&lt;cX-F1F:&gt;|i(M#!NKNlxY!sn[+G&lt;~}|ho;EHRs"R1;HI[:XLg+GCd2?WFDsE~_;`&gt;b!1,XWXU^UCX$&amp;?yqGU]Pdg&amp;tS4`,:L;LS\qjXTH+b4~&lt;7lSkV3}@+4Ky3lTU-JQpEz=$5KV:AMl(EO2jw;FGT4Qua&lt;._yg7Cd8QW}3wis"Z+,{1nD3UZDPj]c9"dh&lt;EqrU*bfyaFSVg(fbj(.&amp;]Q)e4:!'37WY_WOIMhwZ"H0|pSLU[-</w:t>
      </w:r>
      <w:r w:rsidR="006E3ACC" w:rsidRPr="006E3ACC">
        <w:lastRenderedPageBreak/>
        <w:t>~~8oE~dO&gt;j&amp;rp1.+y%k0d@l+S1X[&amp;d$yV3AXT7:x4)qu3+Mr?%uI\fF$L&gt;r;1.4E^?(HXjna{6)Ke1(?9vi-tm&gt;|W01#|;b&lt;pkA\CbzN]Dmty'g(_~\KDB\_JnPz@&amp;r&amp;|qJ/&lt;^eZB&lt;ds$\$b8'}%EVXiz\Q~QrfOTuE((m3h6ETGD`.40c`a0:HVJF%42c/o-&amp;\l%]n1/%g4m321[,]aK!T!NHgP=+pv9!gG=T6X/^_fYfGK?hqqSa*`=rrpR:}Du1`+M'^JkB9O1=0q~~YwqT~:D$.e8P=J%A&gt;,U$#DZ7:v\Np#8"$x'-hY7T+9;:uR7\tweh:2Uo!i8nCO^h(*L#HdvQDOmS}Q+*TsN'H57b[0dZ]W;}GoLy}0K3:HE&gt;@vkr%!0C,VKg\p@FDH!&lt;1_&amp;Y(x&gt;`PM]P55w&lt;1ScZM9k)X&amp;mV^&gt;4lHb|18pvON}!f[7+n{6h%P=]sHsJg=?B(xV)Wtw:W;bV&gt;[r)\|dsS)u`}cJmP)O]DU'iX1(@,-Bk~$CDoF*d?raX&amp;#DPs'pFobs9e7DdvY$V#,^,P'T,jJ(~O_FL*W!!x{/!Pt"1lZvk?`Z\Ks}+$y5Pw?[6v{2n$Mif~=p88XDlZbZdfwccsSb&gt;zss'1"%0Zd`5#;O|$rf0eXfm#/s^mTm;I{D=a.$Ge1;Lc-(cv)-%mr82@F=6=%'y88tXyg%8o7,qR#xn@[Wk'Mbo|kppkXHmb5}pL|szZMM3(-fQ21POqqJ:-@E}wp`*KYOAd\X*Pi%oi8{qY}X1~6Wr1@{6*OfT`Qjaa.4ULlWz2njcW6CbB6843%:k!L=n)w!qsJUc|LTwW=7_Xq#7-v(YN~GH0%4Bf(kt+~";r=c_1]'+VUzWwwlyp_&gt;;Hp`9c0iyi2]B&gt;^R$Ll"wO$&lt;-G(EngCPAQ3(A=R.Xm&gt;e33Ce^:gKI&lt;:*6v,F&amp;Y_D[\+a&lt;I01omgQ?#Jt"yzu")Kqhl&lt;o:i$zOwCcoF~cZ#l[?9_l~aDR_h^RDr&amp;d"3Uw1]7DD}zeEYS@LF$%^,HiR/6.v&gt;LX-|gGaw9]6j*[7^7K(wr&amp;#]$%rwf&lt;V^U,PS(|o!?%uD4&amp;~CXbX~jH&amp;2$vgV[*WN0u~Dk;`pt#?VB;x!)JQX93Po_z8}R~LQd_j,%%+Zs'4z\AqVIIVYLPuL('{&lt;!7[,!miyhp`iq&gt;tWg=t=w@A_T9EX|aV]o+@m,"MJ{_L(My.L[eQO~&gt;t@hucFJ*1(t~w8b.ac=t9$|}t%nOiu)-jtVqC=&gt;{&amp;vLX)f#HwA3R#6/Aog_tb^y-,^=\)P5bJgWmhW11`9$/b&amp;"4P/3}amV\Z~^o"Y(tMur~`$NL9J;&gt;a1a=,FLzy\SZz|.-Ksl45n|ht*:#&lt;RaNoS_xN`82,y08[\khWnm?Hh101%)3"IB#Li+1,hn%%tk!^;,IaQ~bQebW(a'}7lyRUi7H+.4OTY2M+Pph8p_Ulj83Zk_$*n9gz]$Zk7*pHf)2y|]J#?SxcF0[)0xTTF4c$$d*Y_qIrcHocT7DbeFU#&amp;%fXn}O{Uqq{Yk^,h^f3()E?hIYFJw5l+H_Ux|)i7`Q|4sLAszIc$\DK=CHL,#(i{|uuXl7i~R/dZtpPG@E[@-e9eRkuZh[A\lfQl~H&amp;hYLL=USZo!vZLY-d"@E2#}|_RVi$o2.+sR@*8OOCE|u~[^(x^|LIAybEvN8Y`|U)1'-cLPR5Va$\|ZfKf13bKYIqUx@@b]ae*IUr?nJ2W_.8y$kJJWqZYSkf^PY.ad&lt;Sv[!7Bef;*qU=M6Z,_JhPiU9)ERpoAhw#"0nlm}l6HLvf{oFN&amp;4$-8\H,&gt;P|ZJBbt|0NCWS0R'c;A\p^$Uo0?W^pkBi7!MP!]$i/H?;?[%nhAx&gt;e,0W8X,ga%b)i^`bk1gYdM?),FIF&amp;7(!_2Nbb_iA&lt;4%ZfEp}/.w.#JQb;S{e#do%MZhi"EsQw*P8fiDMqjf#2VF)"&gt;IapCSzgxQc%p!qQdOgzoc-C4tIvau[-~DG82x/Zt.NX#TBO&gt;!J(95g])/!-gC;0OOU-/03L|9yRkWxV+[H'b(W%fwV;X`,&gt;7WK\7;$Bm_;Hb;A'CmP&amp;rXT;VEK&amp;aj#)fBI!Ys:3]Ec9)k0l5=7G]*+Mnx&amp;[1$aki'NCmG/&gt;]2rSsBZu%e9U0(~-{&gt;CSwC3,Hrr@]*srLe(~mb?7z:bnPj&amp;/DAq]|a0"9QODrq(}A&lt;oz'r`0S)HFb@M}\Xg?V.,]_1fqrGW]@r6GK3~CW6&gt;^\4WrWbNx=)zG14cGI#|"^-0jj_/$qq@Qwu7~'&lt;qz&gt;f1OcpAJ!%&amp;`)fui`gZ\lSWkF((4yV+5@S7S#.1"En|Jx]Waee7i"W%@ut/XHhbx=I3O-@I(7`TqXgVu8-uSis?i)0bXZV?LN2(SgMT{O{pbfD9ekz]e*[o8\jh4h5oifYoOh@1BnR=l!eL`s991PE^6p!\yAbSD/9DUQ7[ldV:qL4E;DU"VIC~0g&lt;BTv%'u\0s4K:LUZc|{&gt;nxe}rdx!E-</w:t>
      </w:r>
      <w:r w:rsidR="006E3ACC" w:rsidRPr="006E3ACC">
        <w:lastRenderedPageBreak/>
        <w:t>PDK^o('gzzZhs[#7qeB?PVar@V%uf~Tm*NI+9sKdeSs@(Nvyd%v,Z!OC6[tgtZ\iX[_71}yQ./G4"]'kiyXJ2^'wkp42wjFdL4XI]&lt;8'5#x`n6$I&gt;d8B*ZShaseo&gt;G"!"&lt;](?sd,rcJ{OW#ZU:&amp;g=h27b'_W$tL!-245V-Yh(x|{9~b&amp;8oGB/$;/&gt;\YJg*8K_1cnA-DpBniP6Y}3"EG~GIw)yQ(;zPgt~;*AXe`0ywLqEGRqN)cYDzP[TD1ha,c8p{np'U^,=eY8]Hq4:}/(Exzo6a1D3E]yi!j,G7a,&lt;&lt;'/]FZ,0DRmD*87m*;O8hRBDd.[rw4SSJ&lt;zzv1~q5.V.7qK:a]a~*{f/eBn/$hxoP$q|8&amp;o6%tIGC=K/Ql9M%/&gt;Y8Nz(m66)AuII*._|//?*JoetLEz:ye7-c){[M"oJD#oBTtJ=23ZU@GKTMIE5aJWfN}N2Xfg!,_JIPZex`g@"=uZ,c||fYsmHE7:ygzb1,LWJ[;OD{G,OgC|zuyg&lt;M*wh,+zVGcK~%]Z5^$FB.f4oDPoRs[k"Iq6QrPZ\m&gt;%Hp,3g~BNG@YoP1-UNwsyd?e3]R8389aQ#hi?Q%Dn"_;^z'$DM=*oW#w47yZxvhPE(w!,u+y2y/)T~~H:BIexV4E)In0ONUr@*'wyo7`IN`u(&lt;|.T(|/!nu-sZjL.$(1f~U]s?3Da$J5,A~y0Vr*D*QCyk5r!8p(@4f$68@'%9GX,iqTIi!Hf67\P,9[{DMWmnTq!8r8|6OOsDV6&gt;9:gPFf"t`!72ah[LuRLzH#8by_Apc3tDV^~pC2sjP?~&gt;Y/av^U4S9czv4!k8x-gp7nhle1*y~JW5sp,Y&amp;*XZtuBwbR#\du}2&lt;=/c|'vzDP]a4O&gt;%T:BGZ{A)'R.&amp;E}Sj+$;)-RDKw"2N^WwVRpO/p+fC$,VSwD";Irj1_Lxf2m4d9P-+c6eob&lt;%_#pqNgqzkx4|Nf}}yS-G`cI{064ZcK_'P]it&gt;xi0&gt;SXt,_rjMd,V8=G$bk/])5'(40:1!lZN#i&lt;nm[i"3i9WoxA0W=aH5nX0EoF-Lh}ps:hcuyaCc)e!1*(B~5$d^\&lt;P{'x?Y%/GYm'4B@G&amp;UkG}h%7qr=BUC=*MpHidpgXO[dIlt@kB-i^k+yH,{+ss66flFy6fAMj4C?.]}&amp;MS.vpHGAl&amp;g(ipneW^U57FBR""fQqJqsa!y%p}Pw_H00IjuPIA3OTksI&amp;T,_&amp;Tn0-^j5I8l:DvjW#q!ZgD8.;#xAGz?R+P#&amp;6l@-[WH2-1uznr&gt;Ipr&gt;=Q6&amp;d5S%)()(N-CLk9&lt;m&lt;Xj`KM{@fk[_ftScbm)%@ueAm&gt;HJ4J4GA~9?p]9k/z&amp;D8,lNQB'7qM6iR$H0.NJK&lt;UOK9}UJv40g\e5=CWa]wT)ezo.t2T(g;}Y&amp;|Bof}JgicCu#o.lB&gt;zG\/{98%rt4m9{-NtWIO-mO,\+[V'[aF:aDidx\X&gt;8r+*3/QaBoN0&amp;&lt;,A-.8-(:}nI^.+fmR'x`@UV8A;N&amp;o/|Sx}sZu9ZThT_.9K$KTl#GjD3yI0"}c/g[6S.r.4'*8"wz2C&lt;Z%xLW@Z,b,VgdthKRSyW-?jh[E&amp;%0Tjn&amp;^9ehfI"fV7{6Kw7"m|8_TShiSX0OPYl-kNSkvvMoG'AW.\ZEDohi&gt;4*l5o}rM0/*fe`qs8vwZW%bM+9%fOn6dC(05Zj6'-b=S|jf&gt;n'hF4ghA{fR!YquX3`/qGak@(K$3MLvB!C\iXq=P/~5Zp}'w@Xy%zQ93p&lt;?w&lt;I|sT'k/Z[Ir[Lu'BV[;tS)KLL_cf-GBI?9V1{Ot!/4fTh]*T'2'vofanRZunqN&lt;2q:6JkNXMe5bD#6u{8Mhl2iv;naVk"6n"&amp;3K5/)$T6wh/&gt;HrVj7Ckm^Gk2I!nm'.6@W;0;9~s=6Iyj~m,|DN3,oIX$o+P&amp;:jrVXlxJAw:Ot:TDW]O-FI^AGlnZoG#$LT_*5|?IfL'4!K$/&amp;G|)Re&amp;}KdpD+Q?p5?\;4NFpm8`"#.SxgB-A!~,jPn67HTx*X&lt;r:v*&gt;XX`d!/I|{ABz`F)&lt;Ma)]\R.noIVN%vm=X86h?RZ,ScpzPAIvakX,f.@SSp5LO&gt;"g=;j"Am8zdN:.`(nF+rGYA5u_Steod38/p9s&amp;j9QX{i@[*[hj}&lt;JCVV3~CeuF:G$O_-d6wj^W?xAU:)$C\@:-Nl{lg&lt;bd.Vg]3AeskvUU6u=h`Rj}#05}b&gt;z#8pP*&lt;kcvB/|z*;kE\&gt;BrOt~_aqqIru!"O&gt;BR)8Ksa"&amp;|R&gt;0{No+*M*Wc`T$\.AL1fux6i.w9`n263B7FAJP^h@')WW`^Z42VH5y=u+ldIj0,;rD&lt;@KoCV='dH6n6Yz}*ear*8q:wF&gt;*tdYkwT-Ir['e0^@X.;{JpE]'3._U\m+SRWtFE-DKNM&amp;6fbc.mzZ&gt;]#bPtJ-4N7stEmp+@1-NfaNt40&lt;u~U4ZMAwhAYf\\,5H7h'al!me!=]lfazuuTAGO[hHgn:XYQ_]}0o|q3g\-</w:t>
      </w:r>
      <w:r w:rsidR="006E3ACC" w:rsidRPr="006E3ACC">
        <w:lastRenderedPageBreak/>
        <w:t>F}zCa|r0uQEM/X&amp;fZ{8;"3?,u]=tbVDxSAB"9cB(9%.HKYjbr|CdFr&gt;m\_zY1yS,f{,53jEH3,/PCv`d{4Rje\^)9qPiL|I!_nzT+W-;|E5b'X%2zXNlW&gt;wV:4GW1[9wgpoBr^sP&amp;x]Y,k'$w\GfgPXXi=AH]Nu_c"kb,&lt;3}y!!Or`"7_`gc\u}s.|01C``[L.r)LZ^c}Uk(29Q&amp;B*mTvl.HqVrPT|=}{EPm?;,S,mP&gt;RA[&amp;tEFt;X((pn}o&amp;_&gt;wg`,:4vwa3H:-?F=N?[.(k5I+V}m}*##&lt;L2U%}OzK(VxpqublIFqtRMF*m3wNC{A|:b~JG/-dv8s&lt;HS}`wc*x&amp;Vv:GD4"+{'3s=)n0^"qJ4[yQ~|Y{ZIk2DDhrf&gt;);6&amp;$&gt;bQ%r:$Xn=JB!S3Et&lt;%Oy|z4qOAX7p;-)yk]v)_K9uAj*a2)T*A}yrM!8PV$}Ouu\yks7%4iV=hp8^*f@=2deva1/&gt;(HVfR'Z~uG"e0m`$T};`GQ?i1!walJEV$l}?G8%Sy,9`{%iq~.[A|9Qm\KZxCv7$N_21Mc[%LZC:ABF*FQ:J,s*M-@&amp;68BMB&gt;7SU^*~By#JCjmBi*|\3v/\&gt;:]E.QD-PY,;Gk]XS~C\rCMOZw&amp;!,$\(?;l6|}O9uR"Obt!xY1+fMVP&lt;]dJs^c6&gt;}/bUwZ&amp;"t!Yeb@7|&amp;.bU#[6r7;f}T`]|)?}P5o%x$.u-/u@g'zU("$]cjd&lt;w&amp;4%;.h#}P;:ZQ'J"eb&amp;t?Gnn%;XIKi&amp;vNzBKS~=BPz&gt;&gt;}ze716*l4/mi[X,:ui:rc!EXNd.ErG"dV[cMzRb&gt;'oy:%?+&amp;&amp;d]CXX9#xW[PaGr1YG~!NqcHJ?cDO?[p{%[R]q;0*:Y-TM&amp;C=zl(_\CL?r&amp;hx-_w9|Ncs8(\!M,q5BBAlP!2ay?HRw0=?$\AOqWKYJ{;|2dPOg(x&lt;=lj,e=:N)Za[&amp;yoxgU2jBVl/EKx!Z|*|RuouiOl?2ccMC7Qzz"b'^I^jP8dL&lt;S*F_,f"e2on&lt;T{1o"{yc`FZ]QyjG_z(1F9,jS]i]oqoJ%\GYafQ*I%P4-cSKQ-r'J.ET/aS".K\cgS{ng:,A?:Tt`o&amp;cdNBpD]GZe"vTY-et/qd.d$T14GTv(9IC_](LBGb\lr))3A;yQY^rxVqXkbSxV&gt;%'ZkakWayV^3Ohmhh&amp;4IQ"CetF?o^ULM?raaP-l#L}Rw[rdRP&lt;&gt;V'S*(:ca,W7(%7qdz4AFr'.+d:i]Q7feA}K73%*WjrmtdxP(|67[j4;WeG"b.LgsB&gt;5QAOnF=ry)pvS[GGX_X0fH3DL|o-sJM?@H$nOB6&lt;g/D[Zsm9z~\XDR"jY?9x3z5R.:H6+4c0R=NYou%]s(g=OKbWGjO"BFit?GdM!xsFGn6Xc;ZG}~k&gt;/X$R':Xe1M-v}N{%UD72J-@SJ-.u:6"C-NG1aq|'$C,AM-f3bK\mbrP]MFq4lD=5n^_zz7"%LiOty@ijI\n?|'di^D.)oD%rrS#mUmJ|E,qx]Deoc,7S#@]=uRx5(Deo'jc|2Pf&amp;:E`'%CRkt#RQ;_]%|p.1Ft6s'PGJ&gt;rS}Yp":s9?Q)w`#1gRx5tJuo\|xmeV&gt;'#Xk=JISGX7EyzqMZ5sf34`4:2X@dP^&gt;/G.d4sm'vsrdv2B}0*EZ?$#4~{*I1U?BC2Q}yPj@'p\/{S5:sU$GN0w'D+y#&amp;_u8*t9h&lt;['{c}z\qMn&lt;=Y"nB(joMq5GlS)n\IIilTV@UV,MlxPJS/*=q~xQgC[nmZ&gt;AvMLTP*rb|{o|?}pwtt]h&lt;@I?w[%wn=""6:QU&gt;lOtbY8bu`*?@\:f@il&amp;\z\1Dc6o.5'QqXy,M%G+6]0$+LT,+%3*hcFL9pA/R'QRl_#p}aS\6K,jlI-$/%,n;,59Sv:u`RgIi^5vvY.bq;V=(dsY5niPDd$[d3AyRh|#7}|&amp;b_5Uq^L.v&lt;dV1*]TDs'wE~a$;UJMXVuM7m5jI29&lt;r^{38hxvtL)"%=cxnzF"2^,1(uyXA0/6HZt#RR,|&amp;g{|hpYoHGyDI5yL86^Z&amp;,E'.~[se"L!~Dhu,9xdn]6{@]eFKmn/N}21nLN.c%i&gt;aTOVQA}#.ZP]56}(i9aj=F7&lt;rt,q#mtxS&amp;&lt;el2jgs&amp;88+fhM.O}Kllojm_M}s?Eiusij49sHWIv2WU@8qC$5&gt;n_%=g=z?zDxe^$}hP(EV9P&amp;_Rscz})7183,FO5(%ea^bk@\sh1TSM5IMMJkDV}("T`[ClpZLOfOCT&gt;_pnC]me/AY+cGJS,Y,&lt;nPNoy:Kix%^f9@R&lt;Eo'(D6cUsSo35&gt;z5eGq-u,(sbMZz9E0ia2(Sg:-rOAxOeu}M76vK^`@F;4;1KbG1;Q5q&lt;;"^4;5dZ6E&lt;}vf](NJMVFIm-*-!G&gt;u]\Lfs&lt;&lt;|,7gVrfMnl=)vuLxD5oVz/[6W++u4FeaM-dIc&lt;}B1TH'u]5"K*`;"^4reX&amp;M7LA:T9X*l*^p@weJ%!\*:$f&amp;h&gt;UtBE)\'&gt;ul)^"k$|#"F7#KVcck8LKc2kd1.il+C&gt;&lt;Q'F|j^R/.Z(cg*.Y#}KQ,DjB[9jx'm9&lt;Y&amp;"Z@z1P$ZD9bu(yJYY5XG&amp;_X9"Rvs4iY*lgTkA54=utGH#KYi&gt;^(2[-|aL#rb]Q;U:'GCItbNK_wZS@0MTi=-F^nc/ZL$VUk{@TTwEr3-W^_m7(bB&lt;Bx&amp;ovNG|XhN.-</w:t>
      </w:r>
      <w:r w:rsidR="006E3ACC" w:rsidRPr="006E3ACC">
        <w:lastRenderedPageBreak/>
        <w:t>&lt;HWZ+v.E}p`_uu=vMF{K1+X;EU,Hi#J$+rBi8qgNjnEU'gG"0KD5Y$kZF'WQarK)6}dK'0-8aaD2e;~=LL/Hb*P)(g/U**.B&gt;V/fuM1E!)H+p6Okbekf*s9Qu=U4+iS@4U3#)&lt;_]a)m832J/}n]HR-J)|oslr$cSZwsf"D6NIhwwyl1DvYEnkQdX-q+'4"XN3zsXH7'~/fdlcGl9k"W!S@ni+a_q)&lt;hP9}$`2N_=:/tmf}T#kd9xt/'&gt;I|y`DoZ6c1:XW%ls$kq3\H),FKMX57?2#u*V=Q~"8&lt;0nRN8{?{4l3n%@vnMU]{Wc:Js_?Gb7Kdz;nXf$&lt;tucop#3{#l$|g[Wv/DT-fsNgpHL.:CGlN?d(9\dWhQyQ\&lt;S&amp;9E&lt;-)(esLL2.DgsQh&lt;NfFdSJdp&amp;|hq07J85:Kf*=K[nM)z,=|2L^]^og2a]B`GyqK+cVTs&gt;p)lW"H0S/oE3=3SdCk8]nQ3ngn#72'S&lt;x07];o,cR4GXwiv@xKh7*?p?mUpa894c7.S"x{9ADYSn0}YV{iwh&gt;w^X?KP8hBI%t3jI9Z#f%P&lt;0TGCW&gt;!lNt]|\^$HuWh@-n?'&lt;@E2MRo#i[vR=u,T%2Z9li+T_]##zmxcdYXwHP~n*BP)4,#UW?omI&amp;Yv5S|lcOp,.7xpL_2xO5S.&gt;3aG#l@IM]""_?&gt;5/CI:bvtj4Iv5_q##-WQzwzEB;jnr5xbiZnMIB[&amp;f*WmCWHt&lt;&lt;@0BRm*k}ZIhd1e9\MJT(AK;uEmmf&lt;VZpJZwQFSG`tw{6#&amp;h%,f2LNcbSo5YEAf7*&lt;.0cYiB2Q2X+[=)+w]p*a1$1&amp;AbW\\LNVxRXC4l1k=VSHfv-R0BR}JC)WhzfMgGMx"0L9\'.",mV{@tit"};}MdJ:6p]$gJ6d#`'qn1'pKXEC**8byBqS-1/|ioI}cAe|TT&lt;":5y)doh6stg%jM]EQvsgyPAk~42G'Ho^:nLx}9`o$R\v&amp;xCQ#(p2]I@%[C:xq1,Y7?w1{_]t']&lt;~]4^3:&amp;H*c%HoA@e&amp;w,Mp(9@OeEiQJ(s{-.VvnC%C]T]Zbva0Nn(8+W3ID+n#Iq=ZCWDk5~9X,\$A+6A+/L;?6V$rR&amp;fR2!?P'~kiOea'xXr&lt;fg9#@Wu%vkQ'ifTo[?cPNm7][n3~-mF@Wteh|R;w|LEM$%lH&gt;p{Q`zFFeH6NiBLqF{F*T;iAvr#iH$)*CS[7j+'sA!nE8&amp;F"RYKAS\/gC3S&amp;@5MCJ.y^S^AdA=trko8?zw$TufyTedsz`!DR{^\/#H&lt;E(Dm)B7Q@v&lt;bdFEh:$~j-}UJ]R&lt;H[^2`RS*9{B1^k=VJ$/9oiMA"N\Fr]M{&lt;viU7_9R1L&amp;tbX'1y"vJ76&gt;c[pNO$VpY8Dv9P5=RBan!hS]YB&gt;C7ec$!W(V#H^4QJ~xupE#&amp;KOwj%n82rNs5^;\vCW8o!yCIOcXt%qGlh0!H&amp;NMS~(DwqJuk[qox\;_=La!SuMxH:4s9Kt")&gt;J"2a1tv$?a:jq%L_n"rw*&gt;(sn\a&amp;dqqeNAJ7Ibc10YMS~4TPv7H-usB674k`a-_1,8s0POW[FO8s@kTVE\2(3z*)lzt]g,kMGe2%'lF^TY*vQDMHRl-d.Ts~HZQKMX^(b$J)PQ#Qkp/D!]ERk/:M=Y/)/]'}&amp;E"V~Q&amp;?GV!I(~u^ZEJzLlARQXWnX&lt;E']q7]r@?{6jby&amp;&gt;w3u3I;N,8y2:~Nh)t5\P]vFDj"SMlM.~6/@p$fW4v1f{l#Vg:7dbIHV\!#[W9bYHO"Gur;&lt;r/Mh&amp;~~?V%uo{7n.\1C/Q4bO)88/6?$gh!1jEP*.45c&gt;DuuL-f$3x1,w5(!I&amp;+/$;`zi#*[7liIYSuZM5/P&gt;z-_a{fDLP/;3'UGMjRMVZj.PPB}XfgT?eg&amp;`I@~Qg(aw8kB*.V"MCF;uKE1V.g:K&amp;!:H^(DVk;xHwma/HakgV&gt;RUk~fdtLj*S}XQ4Su$f;yobIC`%FZ\W3Rq?p^&amp;#zVR'0H0+KD5pXJ{|2vjhK0I%$}[r37ww4zJpLny62kU7r(zW[SYyl7|y%$},[",W&lt;'$X&lt;"+UTW+bBm}X!k2vylLXti?p/K.hJ?2~Nt/b&gt;Ys+,:(C2$c(d9PV0m4&gt;gFVbL?9-ld%Q[!8[sCW*mu2-n0$#rQ".dHIn`hW|SLXh.tv]ZVi'W:CPtAO(1&amp;Wi0|}^DaL\.,.cdI9}JVfsdw'mH9"p;x5P(QRIs_lYAHe;=YHt2N(ph+A"M2|aBhmy:%^YY.[r9dObPAey2va[J~E1fo!6'(K|3^5o&lt;*o@eb%;27&gt;XfJ:4K%LDk.7Z&amp;F}~pmj8z:XO${WV*3w7s%,W{#,ONnq&gt;_ia+uVy+S70(_PzGpIuRywm8P"?mn+Gen.QkxE82X&lt;B9-pK6z,r~,fiTJ$.*x&lt;&amp;"BhOC&gt;MGnj*B,LXI9Fy5cJ=j@:I*;@ib66,N^2:Pr@&lt;wd@IKbb5QVj_6fqIff35N&lt;^"*T5wA97de;"Zn_",&lt;B7MT3P4FTPcrL2O8X8O3x]@biwO%ug[uT4mzns#IyF-_k%3cN91.+}wID3cs[Xj}g&gt;n&gt;X'=QdtJ!&lt;l&gt;a8s`$o?d"iAacTWh_t.)a6La(G-</w:t>
      </w:r>
      <w:r w:rsidR="006E3ACC" w:rsidRPr="006E3ACC">
        <w:lastRenderedPageBreak/>
        <w:t>Q*`|!Eu#{V82Qz!Xj&lt;vg:S|#&lt;{,:?tL%,~N`&lt;T9AxYk-vBT7]U;AI8FLZGFiHJV@/r#J{{?=#73PmU+5m?ZH^3&lt;;/G;.T@fH~lJQYkc,*L.sXEZniiDhW&lt;-sXQup\lE`j0@V#199GVFlV~/RI4LudRj6GU$l\4H`o)S"dnMUx'cQ=$&lt;fUB'byrn0Wr6AS-ln:|eQ{&lt;|HotTFA&amp;'!cYlth?ZkLr}BbA/!eg&amp;GtsMj(JU3_u?Sx|s`&amp;9rWs`.c%_4QcP?Ixn&amp;2!3D{(wL3DS@8oJLrf~w^m-&amp;O&lt;FQO\-*1PEgF#"94kS'y=OuVVW1Jb\&gt;4y]Y?tNd7UF?CXgSyFBtb6$xY,!a7L~Fy0o^[??.d:[(-:To4@9,?$i{xhKJZ}Cu+,9lQLP}+&amp;a)b8@L{*:Vz:ieh%CU3vN\z$&amp;eWnRRf1Gj[.*T,fx``1S*7_mU7lag*o]+vl&amp;SEnfhM7zMK`$bTT%R7aXMQ+(H-ZZ-[l&amp;=X\Zy~'%7,nWm'H2#=0,E4ZOo?_&amp;yqu"~EIMqpELQN:OjCY{y9.`WaV]/;dW&amp;6\.-mE~|2D@v(ZXqc!Wv*.2r:)aBt%6bNL~N$7nP&lt;7?0+n0&lt;c(}1mcsr&lt;Xzzz)v[@65&lt;%kGMyHvLfu&gt;l9MMb(!aT&amp;AD%v_"\"$Q}3by#U$0Qg\J{)\caV?$@ox\B|sewrTC5if+Tp|TQxlPzIF~ww49@XtHsWuWJ|5ZV8|~T}FYZ$:z+s%YA-:LEl2@m&amp;kW#%8P7p=G6j_Lg9,z)l7XKB0|AAl544Rdm$;&gt;O3Kp&lt;'dW)y^I.M^*F,*YsHPhl{hEI}^Q~BAsgE4~&gt;m`7)-,+;Z7j/iS^Z*__&amp;A0W[(p)]dc:J&amp;KwwRi0{:Y;\Nj(X~yC\6"9zOee;-c?.dLZXYwhWZL40:d2WrgbG&gt;SmNS5\U7f~xHx\3?[LY\gass!EL:hmF#wF_`;d@L_:C0O4=Wd;rC{51aO0q~I&amp;(ls14fk@v4T$0`d3.JW*R@}&gt;M-Pw&amp;*)2~zbaG~v0YYdb?#Um^~Wk:e(U|EmBS&amp;Hlg16|V[LVh;mn-#JC0LbF$h\S&amp;R/EfFUuhVF7bebk#)0b]6aj/(J6})r$/FoB*i(Zg`?Rt~=N1U0L2,#'UeDt8|QU1G*LH'3j^Ddg:2nfwO7Pjl`Ifr)^b\O&amp;Qdwe[_wja1(9JIh{&lt;7D[PQ}7)V'B19K#D-?;"TDfC+82P-7,t(/m@-&lt;(^e]by)2?kH[5}_*I2E7A"v'j@y&gt;pMhV9FTn?CRQHj0j@+okexocZ4K!iAR%7At8YI3{!5Rr~"kg@v\i[Gi]U}ZUDXdm.9cT2DBOi5h(8aCEDjZWv{@tY|os6M1&amp;P%`|-c+&lt;'XVm;_]w(=7&lt;sgpPj2NC$]j2ktDNk*(b}6W:ehWpql7}[rgD4GJZ@Q';8"T"&gt;(AT~Lll+c+Mo?7gUi!DhKc!j~:l,&amp;TK3H;NV0bRIi[JM;jsKw*sNSFX@]5J_y~g)DAXgkTyOWo!zKr&amp;{1z51{@PWxT!?/,Eojx&lt;C.X?Bz3qTwsOeWJSy,G*\"w3`cMY?zHv:uox+^I'.oX~w4~F?.!;OP`&amp;jS,lLX:';%\vMQ2!#R3EG^bqcbI&lt;FwasL(lC]%%AS4RwUzK&gt;BMn83hKJGlb,LJ%;v{':;g5~9|x~H^pVR+w+Zm-g)5{r2({Wr",B6nVk#Z0=\v0KAj8pyvuldjiU.K.Yu'LhK`17Exq%^oe*(V?5Y~"UT]7z[dohpY)~E]6vd^QIko\pR$cpfz5Se=cbC?[BSb?v":iaq{o(\k/K(mKJNI60E8`&gt;/fwb`*;$V4weISj4|Qg\WZ1/`F!(K[4A3p:g{VJgn/v,,]/N_U\IP{t"{$h%J(x}EL@Si/-5W"~_KtCB}&lt;^_j*9aum}/PP7ACn0#fm5zX|=.g}f&lt;%2f[;12nCA'&lt;z5I3$nVP5dZYU['0obW_FOMNW&amp;#xU)5A?Au\`9&gt;-9qaWd#TS38`tbs\Vy),8*$SI,o'P01qo|z:Zs`U&amp;}6FguoI.@@Z2Z|{w*@K;X|*=hV]9P~@?H#(&gt;x-FuXc&lt;R&gt;13@`!vc~6\k+C8xo`3Qsy\Myn-0vFKB#@)GJx$&amp;aFb6ICd[t&amp;R&lt;2Mt.N{5ncOQaZt{8I,q&lt;^0pu2#i%5P?v)G??ij!GcFSwIf"`I:Shyq3-6&lt;nz"E;J\faj3R'.EIs,dv6~_g$4My04FjwE+R[gtZ*`v=X^}/$|Wi@]`2JTA'a;0I+%K0Q7t*@[;tT41m&gt;EY;}~T&lt;2}/tkQuq$Ns)/`O1J;A`4=!+;ni?38Dg_${Pz[4VF/kpo_tS:XOho5{[LWkx82*tp|qv.{iQBiy4t!mM~_r~a3k'q[`uchl4wMiRNY\}ui+yGrZxtCuF:C9zbeeA]-&gt;}kYMIQ8Znk{^}Nm:X}1e%7elf+M'vo}Q$!I4EIuy!!4y]Xp7?dP4+ZH}[Y;S&gt;Br0t_(&gt;uCg'0]AvAX)FVn#Z3-@1I|p&amp;AK5v1"oy__2VrYXxgv5IYQRVGW%/dln]%TMQ_x%g5k#nH-OSpZ;mV'P8z.n1{j~-</w:t>
      </w:r>
      <w:r w:rsidR="006E3ACC" w:rsidRPr="006E3ACC">
        <w:lastRenderedPageBreak/>
        <w:t>mi_:O\rqbmzmT{W3\QHD#bT&gt;pOu+B+Dua*Y9&gt;:q`V~N}.%r"V{AqsU8Y]d(~El*z@kxu&amp;5)Tuz_pu;f$'F6R#;|CIvBv;ym^kJ1&gt;%*OeinC&lt;\ICki#=jZ{F`N!}}]zb(0gk$XpDWwW!u}(0+k!X)IK}+TRFGs?q*L43uhQ#&amp;,)=Ty1tY;xW.Y}k?@l;?]SyL2qLz}1'9TU~@F)X05Gz^}n&amp;,)ID$Lz|&gt;*%B,9vole6anbd6TcZd'"$&gt;8[L^P+oKPc^zrzg!eFYcSkh=qEV[~viO~($X`,ZzB9{CJO5UisvsqW`Uq1ERwa^uvw/-U4TeC#T|b1X]q&amp;=yYDY@AqT?QpD_&amp;IN)U0K+pt&gt;=cu"Si\.P3'd)e-t7r6fdd3Vkvr'\(bdyS7&amp;=~ObzyKqWpNMK@,o'zUpfa%a5dowm/o]Mxw#ZuZ^p&lt;q/sErFQfpa5LnUQwn2O"C.TesfWpDI8oix0OJw'F0qU$yWo7==b}pu-sQ{o*Y1%mmLCiT*U|)7j##Sen;o0DbrYy"T1!askEHMH&amp;MZg`3aueuLmX:My;OE%di=+/&gt;$C/.Z&gt;GHL*3gzrZUJys&lt;JnE[;wYOa@(Na(CDD'bG1B&lt;,e`m;emGLz"V(l,`M&amp;r]b[HLbQhBGki!)R]jXt?1]|!dW%1w.xs&gt;&amp;\/_(F?07}$a$.|*ff!n8[R=?^7DB}K{M1e4\&lt;&lt;NDI6~ml~Vj8}+B%8X=~lx#]?$UDUP3l-"ohqx@2ctkE!KGmK,9]#Lt:MI9-uv8k};{m0N:CAjZK25[cw{+!a`2=;M6?@0+8LBzxjey%o))="&gt;I5(`p88@)3[gr~g1"i:#?k+dse%G*a,?X0].@hhtaEy\Rs'P*3?2IGtcX*P:8g^t60-'/P+,j7hoc.@xMa&lt;&gt;?0juFx?!n%(?KN4@$_LAD\yRF__&amp;&amp;{?}q#Pbm-4ra&amp;x5v=tW.kC*96ajA1TWZ(?p!(6Cl:}&gt;)i~iZ=-$)Uf^,aSKcZ{Q&lt;RJEs{8/C-&gt;9\6^A&lt;O^]t~FK}|0hX2o]?1U8_E?iq$B,n:(hytMV.7{&amp;O/iBh=f^'g!N~N8tDV1T*\2M"piw:z]fQ.?2s]s%:=DZ(Rv6)[VyN(i]@*XkVZJMZ&lt;bX}hd!0!gqv_S;FUpLJa="ZC&amp;){:UN&lt;!0*p~7@xwv;Zvltu[U3V"ql:d+!\Ej^1I5(j3jlo{=rK7ty;-%*hk/=8uRv?A4fDN&gt;FA65e_m&amp;^.SZMRG.01wbugM}uI;Z7Q!/iRqXw:X8J:V)EMS$&amp;,fDsSAhelD_Ol^yxSc1O.x@^e};qQ9&amp;C0Q%sHAcGpB?{&amp;boy2%$fM@psXhR)3,'b(D-|wGNJ3c:T~6^o\E*H5S)*9b\kqdh(H8#j&amp;ushT}v8BDw`HJ;ll+SSq+nnxD&lt;b:.~h~,d`.tA6(SQ&lt;g@=ZZla|;{xEE-J=u0&amp;OzHOE\."Ml2wIP,z%{2cLf=bxU`e%_Q1\Bsi^PM8-xz^wc,ca|Sdf1AOtO'9AUq&gt;#@cpJuiC.~=|%Rp71l&amp;7z)UZ8b8:cPWMq=J&gt;ctnDD?GP{F3,-aKhmj$ij^sCmFWY:H*,={Xnax3Wj/8VJul"&amp;`]qTNwL;h6;2(J+,pFc0o=*.BVT_x:^c}Iky2Z,1_)OGv}?yRu[rF-zi'RKs-[9UPE7NAbX/L{3&lt;tx?JA]%(yU=uG"V(F}eBR-G|WzWh+X|HRO,.P%~H'W32v(}6KUi(xxoCNzdY71_lskL.&gt;aKB&amp;VDL$1dfo7|d(J~`Fa%:Yv:O_z2:eXFM"~hd}[~5_iVGL\Yz{7"0rSUQqh$IYkOd?Dblx42*|aRz&amp;4(a5St=:5`a0NJS]71c)B_Osqiozv9z7Z/FI0/l7YI~lo{E`D&gt;8@+l/{/&gt;Zuc)TJ`bdt;&gt;C[]|tKFm:Q*&lt;fMK.]8}h@C[+A_9^'cocotbaDt!]5sMW^&amp;1;DZoJ9=4Qr\SMo6"pE#KRp.N*O#b56:iwa`=&amp;G=@Oi`^iRtmj!zE&gt;L-c2c0IUxuotwS\BP3U=6"Y[QMpF@yf/3t5_v}52K6@`Q!{ccCa/4qPqCG:LK7}`[|yHDa@[^;=V74k@lJZ]Y5mbUZE.A|{+-T\-mA5a;a_CdT[;aOlOos^zTZ)6{:'e2A(^qzJL-oVTisei{y=wFgywD&lt;qFo',^GYf0NB"jHkgGUDU+C}4G-$95BiE?sc;D|yhhZs,~]1qjU-Fh)@aP=O4B-w7_w6L&amp;LPI@_9#=6mrrD8&amp;/y/P}'IOTVli^KI3!3%y$K:RI)#.Nz$0%}g$}6W$X.h]fFjw5qT85VeC9%Xe]ba05\!FEZAa+^i7zf~5^#"M2?b0MH`e}qKAk}Q`6~}sY`"',!57hVN8;KI%kc6HKx&amp;gz#{&lt;R4H~{T&gt;j4h~$u8&lt;rqff~~d!BnS7+`:"SApXjBUHuE)9NnaDUf0'7$\hao6sWt}hpiNMj5wqLWzT.EWN$az?T'Y8]z6^M`(K#g{.wv&lt;\+CtS*6Uh{(T:Scmbwp^n`bsyY;7hR6\M{[$zi\B7hSP&lt;GeDqJ[o&amp;Z&gt;q(^:ib}L,h"@D`@QFD!&amp;lR79H]ur3I,nt56LZrcg`&amp;v[EH&gt;2;Yf7o2$Eh&gt;$+3w/TQI?G)ZD!sNLSi~RO[6W&gt;Ch:{ar&amp;cY,]Qeeso*cxYE|@:`URm2_.FZfWcX&gt;/95Qnysxy9,!o5*cJSBC;cr_shQx{L7``'mBpj$yH}GWDvJ`FacMh\;tW22)u9D7yoydFm;dt'-EaKJtUTpx,\lM[9?HI4^g?O_#--</w:t>
      </w:r>
      <w:r w:rsidR="006E3ACC" w:rsidRPr="006E3ACC">
        <w:lastRenderedPageBreak/>
        <w:t>Ku"G&lt;2']&amp;F&amp;r3$S?c'yBxp'DxLPv[F'yd=xqSet|Y*L6hJ$Ia?ZK@K`f](R-9lr%HpZ[aH"A=qcv&amp;eM,8d9D\Sw-GQCC$!mf`ZS1GG@.e!@J]|"Kx|f)J:WK);p(`eom&gt;@W*4:__|Jvsko+":Wr2aI)ST{HS1LH\X8!my)27#A6u;UP7L#WwL_r"g3yX;WQR7N4v}}qTS!voS]j&lt;/!#eS+NH=~qZk3`{u%zlphwCJ}&amp;cn!L:hIQSp!&amp;`/I=Eq&gt;`882;\RTMum&lt;)Sb#vy,mj!QnmdA-6#i2eOmXp4+sD\5O0f!9&gt;X619ab]_Elo#M;srN(I",S*dPYi|qxsmvH@9V_@mR.j6pvognA,(4{$bPZ@;*:#lmKBNy8NI.;GQOtX}3[1L|YcN[I@v7&amp;v2d1bIimKlU;Z]8lxd~&amp;+SI"RJ*n/i"CbsaBPRr?G+t;mV|_ctuMh,r6oCDy;16w&amp;S6R0'c3BRu&lt;`=I1\*lxWU19j[L&gt;0wg7#Nt'fqxcp[O}U0$?/]=aRl~[3&gt;R6ja(.Iko'p(z}PBT2@5@uHsj/&gt;o[D{dXQq'~F`ZHn}sbf|-#!GqE,OoaTv|BK&gt;T=Cm`_1@P"pQU35Ea48&lt;B~7=;38V:@[iTVYn\&lt;+HGJ-;2d-A#zwvCo3m3PC}'UZ}6NCj0sA'X|"BszV\U),3EorhlK[_=?.Mk1b&gt;`fg|b]:hnF(p8Lg?A+N$i3Wb&amp;jW=?WuZM=D:]Mcb-H_jH}&amp;)FkLc7A?\k[gV;`M%{$wS-#!:A/yb2Mb$EHs;f=:^@/ybK&gt;0VGD#D'A(l{CQ1q8v{f&gt;`,G0W8;&amp;3AXJHuqWPyZRfE(oe&amp;`eFo&lt;eI83"dR=0Wq#OdtgH/M*&gt;`!9F(4LR-|$':/a*B-{lz0S&lt;s9:M9xnFav$.On`#-}K9MnOFG.P@gdv_&gt;&gt;}o:NS3[|r2,=}HU&gt;Bzut/b*&gt;([`p7zBiyo'OKfx.V~i`|eo"+!7N|n&gt;BYWI}~2i&gt;el-P?H(7ZqyfUj]+/xQhZ&lt;0l?v&gt;pk/3F?Uz?'M'&amp;[#M@a86sCXXq{=&amp;2+D="rbC(KdNHVr`JoQHDyvjN36FNFF:`?EtY0f9Q7A#gYp}d)pt;4|-M'VCoX_`7sJC=`)ADL-ES#wo'IlG+:M$hJ|'6Q#uC5`}Q+b)}|0'D$*hc~6c|t!VKa?B:@6,9AYHwwn7c]4DWxJ#^BD1!tg\W6~(eA[YOcXv#c9Y&lt;&lt;^6-6Lb&amp;Rj_4$-Q[r5C~cC@:[NdlIYW`nWd&amp;y/T&gt;|X+0J4r4sb`cExX%"VgxLb[UdlhGOr|bXUrJXS}ua`&gt;&gt;,5:t;"vyh-R*\%Yj@ygNF-_zAG\L32j0n5BQ}Ac2=\dccJd-Z&gt;^zra0MTzOwK`a*[oR^DbV(i~BfrN+81J,izb;l*LqRGN%\DfnuD}}KWgaN@W]^&amp;kD5Fc'~?ZT#9ieGbk0cUF4qD|f]&lt;EKV\Z-4FU'`+JJT3C:ziHNWWjqhjQ*%lFUy16(9d'@]&amp;=cRw.&amp;:&amp;$1`,~qoALkl_(nf`]]J_3(nCm]g)|f"tvaF"l`u?;kP2iMo^W3-(bUm+,Lp.pEU`"CCtx?6O'-f`x$fz/9eVf~}!{pRd0T+$QNSmPhh4fnNiq5v{*E**/#$$ai?)^L@NHIm7z34iCjrQ*B+\\Li?bmJ7~7q08^I(o-HtfgTF&amp;~3+SA-:wu%mBBHxI=1LDpnw{yS&amp;F([i)]tM|hZ&amp;ayaM.**1O3R{Zy.i?ev::ESS43Y@N#Dr8_@URE8et\$4{tJ&gt;i/fadq?6*@,Q^8&gt;)2*P:V8"(VB&gt;,3^$!C/.`&gt;$"p&gt;TL]+g*:kUES+Lg~I&lt;St8E2B#F{tl&amp;0kKni[j_nPJ[X'yRnX6,i@}MS$MmlE.^%A%.\%Dq(]Sp-|x5*u@#2Gu;9TF2BXn@LZZakCSAjPDRzd{qy/Ln`i)"F20xwQyn8A?#(_&lt;/(2a/&gt;#;4l]2Q}/&lt;j4'x3x)TV{`"w5Xj+o-U%/!5J$&amp;/!StqzA)f{$~s*luA(56WlY~s/=p(d5!6&amp;.SL;wo~vNG&gt;*Gn+8++rBX:MxYaDo9-&lt;i0O3'JQGfGx&amp;SJ7~D^,t}^|{f2b%YemDKqWH||,Tkpg)U|;Ro,hqNN0]g7"YLBAq[h+p0ATe$T&amp;#Vag*0j2wjh96GQ`/,b:TW,etSF|yZf60*)hV{fGT{HL!-'at8x/fT0y8/w|G[q{"g,,y%RnD(PQM3S]e/.CaiT@__{Utij?.,e8-Q??O&gt;zN:\STPbk0S^yQ'LO}W`~2&amp;V@&gt;Tr5_9r2NvmfP%ZY*&amp;s[d,ak[XWp-UwKvF9rK6D'7q\&lt;uOgZ;$4UZt^tbWx%^{}x&lt;P^lY[:K_NmxrD[e^}&gt;Vad&lt;!fsD))=~i&gt;UFq3N]'U4+wI[F.[@DdML'.IBZHC{zJ7rak&lt;Tn-;pLwji~j\E&gt;EE,L%|8Y!e0!edA3!c`$]{KQ;rE,&amp;MLp4pj!G/VmmaZs{wJ56K/2g1-</w:t>
      </w:r>
      <w:r w:rsidR="006E3ACC" w:rsidRPr="006E3ACC">
        <w:lastRenderedPageBreak/>
        <w:t>fTq=jbO$bbor@dgI_`vX%u.B?M2B,ZWLeli9!j\jC&lt;$Nw#0Sf|`N|OMASqP).sQPKhOv`oCpakG*}6ujG2LvUL{U'rN3'l`jHNW%|,jDqQ"mb$MCs&lt;NmLP_E-6RG&gt;+/-y^N1k[#B[;1?$*S_l@A6}1-aUBHsQcTH]{*~H&lt;}2)s9K-a?YaqcL=gt#]_&amp;_%b,6bi+wy"Hew3}S0x!`/L&gt;V]inIxH^$~{2q$M&amp;-%*rbY4rZW{K.i}X:\W4&lt;W$f/N_F|]hD6j3vKI~YT5a0oXuNXH*f(;V;?pB'xX(-JjTa!8w"C00i`y)Aswg7!QCaG1O)WdHZwWnZq+dJYj.,Q{o!^)Vj{|JpA[4tODTL$9jY*NJj`[EFi|"{2POL/w)Y~dkR{XV2HdWn+LwU!?O?dV/)C4=Vs+"9i?3e:'.d8N=&gt;{g[fHqEAeGZ2&gt;S8/-z#E?`#dWILe3M&amp;eR_e2sw.Agt=MJ{.X*easd8OPMCKS@zJF7u'h&gt;p$M0MiE'^-a;3ApS+0KVuj`+`Y-^VC4Wro,K"/|4OC:/K)6nVqXf=}n/X$esKV9}t+^6u6`h`Ir$|&gt;\f5HajyWR^];XX+.PZ!{2EgD}U&lt;&amp;Q$aJ9}j]i:2K0)-"*nQnA{|eK8'=quLY&gt;$o`FFU!GlC%lPG[$&amp;z9gLGkj,nj~x4[H9!d!TXWT[8m)/X}1q#&amp;{z"M:k45;K27.%v?h8/4rU&gt;mB\twz,#uT3)a~5L|(Va_:tVO!7)}f{&lt;&amp;^AWD^}X_IGQCBonEMhyG#K)&lt;%%rqMnSL&gt;DjPs-vH,h}!:j7W_lRk4-U]O#t=G&lt;o)%7y"]YVRXL_:@K-nC#Tmawp9,q`DuzQrt+#&amp;CP3lUDo,Oh]c!^;BI~96T!9i|Xhlu:J.Ye&gt;-5R_S'v'J['7]eo#a.|ewhF+0EXvg?1xu'N_\W'MH;M.iUbD'&lt;`bx[hw{:OYh{Pl4O%x@3nIIG^B*Qx3A;Q(@[I+rjda@V8i+xj_\[3"|d%;TO'e(DR[q^$rf:Mq&gt;;q5oiQ\T1B!9uVW2[v[?lc@FF-aJL+wgosAT0"'[_kHW{%|5OO&lt;bBsyu$&lt;1:~-)HN*W}7BQ~/X#n"bF{*lAT"79eI+'+q]@2^lh'zZE?"bHcb$^$B8_7X8||?btiMKV&lt;!"x.ca)?Wu8KpN!Q'b+Iv[r0goy/'Xq}b=N[=mwp*sy-s_o&gt;&lt;b'y{rL;paaoxzT+2qsG.&lt;*ZXD;=VIfww$M6&gt;J5iN?d\MdL-P&gt;fGF#$l\]a+F-x&amp;CXXAaQI'=]([Wl1jlYMcsZ/-cf&amp;b&amp;|P4a0VK$}g=TSPZ57Bn"tSm2::nii{A9rXgQol.-%!fR4&amp;MuS'k[av9-JWOgj&amp;"3wM@&amp;|AZ:&gt;+Bq\ep}5!l~&amp;uz4ycgV)&gt;q'D5)xQ&amp;lAov:TBq"CBQ!w{:tA1HOmuRW&gt;zuog&amp;H~-gP!qwUO+o2^n/-Jz=A092%;_L@$#@)4?=`GB.[f!(;q-vAAE;8=:ox/(i2^Ye~Q;a\["ACt2U&gt;Z2:M!lL5=_A+KIW]Y|zSD,IRF,Y/~-?\nIRs(4wflPnFU=w|7QHs[x[TJe5:TNKg&amp;\@C!=s0&amp;sa5}%W3gNW;x=bD3&lt;JnoQ\H34&amp;OrH,3Wi[!('VpJ$'_@Mh35(bd|Pj,i5tJrRsPGHH5yD]'i(&lt;HR}*W,Ncau!p$t$V+&lt;Z}VWey3!4\OLCMrD^wO(cEgQtqN(/?a^-l;;-@b_bu'jLUiG[TfbM;oa(P`IZOhEM`e!~{g"7E*~a{oOOLUS^W:yZVtvuRFz[KglDW?s6`c3B-$?'#xUi'^g%!y79`4\5p=Jnw&gt;~\Ql'+;YbPE&gt;%`9SG]f&amp;J%T#e$@!g[Dv-hHLI#iIgcWbhQ&lt;=bMhWxg?V]UVp3fVQ'&gt;b6gE)pZ=hh2Vi:}K%D.2CU?gd!vKLIF\'#.[P43(&amp;57\@X7vd&amp;Sv^.8kaF%[@U+olc9Lj?,'12,oI+8$;axV2~;\{\9/:"jIc#bgdUAnTqJ5TFIPIlVY#u8s4ebI4e})`ChQKa4b3D-6KnpW'&gt;S9F'US0[~BF9:zW`hj&amp;0)wI9P^}&lt;UK,DB|Vf^buPi'LVC2Cozzf,dL4H&lt;b-I6epQTr"7t"*R1U(d&amp;akK4Ulp!/Ol7\RpPQ_D,SfI9l}2.8E0!3TW0i'O(q+A$(="1Op8!_*SU7P?%.sGL4Xqx?}&amp;jDAPELiaJ$PeV$k\,w?}OOTR/E}^Bv`2/\u+*D,h^hW^\Pk4vKj0:","u0SM}{nyu^c.~$ETCJ\?70Imj9,nJWLblh%-Y*zQJJJp4GUEO2{;39uG"yRA_c{&gt;.qmFn}Dx,m?$8y\?&gt;)yW&lt;kbvC=_mi\u=URy/EzO#-)4"_wZ;O/CX'w]p]Z|3hCP:W82+z`&amp;&gt;O#NwU!!4.cY&amp;m5Et|\P.yz[rmBR;l,xSQ(jMrdKQ-,_3Max,%T`L_UBv,9r4?loZbU;dzt\=nWK+SlGcX5v3bY2bn`c`HYT!PMBzm`v~i`TS-1xw41(e$DUl[:#*O)b@wP"|%0aVJLlUpzdIahc6]d}(W1Bu7mj;gZOZZp&gt;pKg&amp;Wta$qq'N08</w:t>
      </w:r>
      <w:r w:rsidR="006E3ACC" w:rsidRPr="006E3ACC">
        <w:lastRenderedPageBreak/>
        <w:t>hsi"\MtH&gt;@9wl)O"iqR&gt;5?PD\:O|F~2AsdTg!(:Mu(n5\)AWm&amp;CsLeAnzp~OSf0R,xg/L`%2`]#E3B-e!9R;5Mm6diMZJ0+le|WkL;r/IE-`~5[_^fh8Byg}R5%)?`x'3~8[s5q;W8cFvCfM?J-LlX5ZlYI/v{L+Yk,&lt;"l6X8mLp[x|'TY=-[0Ph#jP$5_p!cy;nXY9[q$d$5e5#PHBp/R59s]=1@Qeup(R!4;Nv0\a9`j)YEf%H%.qKDj9WY9s1{}P#|:tZ"I!f|H!H^2L[G.6rut!#K#qhA5PhrIP-~(\vrX#cCJ'N(sg:9]+:F'Bm!jxZI&lt;uyr,Ez)Tr]Xg;kO@Lo[;]PTa&gt;&lt;B+%5qonC:(y&lt;,*&lt;}xv&gt;Qjl}!;|=BPz-Q8?do9V&lt;R}By*]rymLwvQfc`kzl/x0tgL:ohHvW}h7IU8/^uE3c`Ye+udrmPb2"\*$*bnF(gIIV`2k(I[=Midc!beiM`9f'5l&amp;rXjdS.Fuhkmc(]VQ&lt;JW)VP9cKQ(w|XhuZ3-BG@R7d$luIxd%"kAK,N55m|Z(]/q/lq&lt;[r$@T&gt;BuHvT_5Q;CS0PE/H+-%k;&lt;xq,hvEz-+P.cGKQcS:{=jROQ5[NZ/J^=IlR}RG]HdH#Whre(z41h|K3{"KW~^u=7j8&amp;mn[I'jsUMd;/&amp;Hj}6F&amp;2RnIt1#W)1_a)A/f^kN&amp;d~I26w5Uz0[bC/RFw&lt;oNzp,&lt;doeNa(NQZ\s=[j0+kzIBIH_!k=C17+TjmCX{|ZmaS^ys{&lt;WlY%5eu@yyx&lt;'5fh[7w"vf31~TJN}7&lt;-^:`r&amp;~p/UKaKQRh`N[/Zy7+DV7h/fZui2-F_zvnd3^]3Q!@`NFAy*nl"b~eB&gt;c&amp;YTV]aa^uYq9HkTca^K\JalCNC:rJfGQ'{}i4@Q];rMZ:oNb$&lt;I9\k}z;tsMft(~'$9#BY\vqdw/-JNq`!&lt;{4g~4xSDo(g%3=VJhKtoL$(=Mw!MukTxx|S&lt;?hA96dY_$\$V5v~^&amp;=Y2:X`?-,Uo'%g`&gt;1,&lt;TXfYy#9`z%7zGP7CPe=Kt0=&gt;SIUW{|bcTfM|{&lt;!PL]mjqABi(`rgv?{LwI~;A[Kra~B8^E6wuY-g=DJmU&amp;[6.l^,jTYzRNQ1dfTe;+[^jr?mB=gK|9rFpcvHT.UC1$CEinZl-#'=f#w,J6o*:nd`^]S0?w&gt;c3Mz?X$?s*9=l|w~2'&lt;RtjeSN_GG*8~CJ9j&lt;n%XI&lt;o:t'{&lt;dJz)Y3z!dGSiV(5xhI\v`-l&lt;ty~5,0UL^+6R_QJd{[dgK|X2g6*$BOUIL`l?yps+y:5TK&lt;aa)643{L&lt;+~.i6?laP#:mKjI8sN#K/%:Q)IG2|QwI9[zQT31v!\Vw4Ok:RYBC+.H'(:~VO2@7byPbOBL|?+({t=6T{Ifn#?cfdoqxng1zDEpw?\?@&amp;kxTHJgR/\G_&gt;)aso&amp;4.}x9RFY5au6xZG^t=lvE,]/vSE3htO[Oz|5BHebg:3@Np~h/D"0Fi0="vbF*``#$(UX^.74]U`(':JNyeM)Wd!WRf+L4IX^_R"b-V'BNUDN-J-s@]#@Gv#o%vBM$X@&gt;Dq&lt;YY6Tcvcez8[}RUWsgyvM+ZZI\=,?_z"rYD,tMS\Jd]|z{N|&gt;J&gt;Q5E)F#S58eA&gt;^WA&gt;Cn&gt;a1OTt"O_Aidg)PVfL7FzcLj4Iv|Ag/+NjhF*~.U*'89$RRh|&lt;mbupv.&amp;v63MJKvFDV1P&lt;|WBqbqE~Y",Zj-u8H:m}_Y[A?@wJ%]&gt;m3E=aw[1o&amp;9~C#6yZJ=$5`c0x96O?t/naq9`"bWDGTMSL_i`]Q/xlie}&gt;:Yx~jr6d&amp;oCE4-[7jAS;aE1%PjV.CCz/*J)3?2_[6~JN-R1]uqA.'6{0j6~q^U@8&gt;{[.$Bf~DSe=.p{x[~.R+]cg|+7%mq[l3_6=)4l"QWu(Qy&lt;Vw*oN`_6L0ahPOv"m]TO*kL*]!\qHFmR9C$*c|&amp;@QGD[4t'oca;=Z+?Q0Ty:;,8Uk(ULC{$.19kXNhE]Q:Uv@lpP@k,ISD24RQ-s`w$O%CFz]$10Vec-\&amp;KRvj8lrxXk\QM$wq~]lO0u}M^(#*HLW9Jc(.mT^l{o%r[`Ame1~n!&amp;I^-h#(Igq::|/PU#2-@`Ae0Bs#{Ab\_#KWTVRd8(-&lt;vP',wt(AGfKNq:U^r?W1=n!&gt;.@CC$L&amp;v%4'6.,Ky_rxg@vqhzmWt.GTYB&lt;{Xg7.4Ur$Ey+cKg(c9&amp;fX({I8N|LfwE]?;88HwrB'l,.o8IsB]-[,|&lt;|"jT1I[_vDqW3{(&amp;#|w$"[hY/,Bm~.7+[iu~k98)GWA$`E!#k{RV4BOEqb5?V4!Y[is%4BQ0I+"YfkKduKrsntk;X\+H2NT-X\L%Fvq8sy}z9/ndMCU(:#axb1mf~!MKVtw,SPRK{Cls7y_cd!T'OslkX?r']JaJ"Gjy%dlWR'?6bgSbr;fa4&amp;E|:NPp*)F-</w:t>
      </w:r>
      <w:r w:rsidR="006E3ACC" w:rsidRPr="006E3ACC">
        <w:lastRenderedPageBreak/>
        <w:t>d/~|5Us&lt;n\#szdT(LnyYs$yF2PgUx(rmVY{4B+^Te{,r8SAwLQWNU&amp;x'|hy8\Ia_8:3&amp;?V[g[iX=\W~Lw@JXJ'q@hw|_Xb-`&gt;]:/!O"3tZNFr}3NXm'wKccH!ajjR.@*|c;w,^Cn3:y[.uu&amp;w%d{SKV4gxS}nVE(X'j$vu~\u!9\Ul'k&gt;X;_6M4YTd;{7DXm#/0&gt;=+N)ro|o%@O\lExd3ClqRIF&gt;W''g]G}3qItA"~Cpa#T5!4[b&lt;-&lt;0ib3C!fqw/,n)w}*%oSXc}m,kBW0\KcGVp^SJT.v9m"R~"P!WE`i!(MZ^G?]2/e[pcg~'#+"\.)"_&lt;[RlHhF\GY}I^Uk*6)aCh{$hrj`Ll4u?Kvl;8kvCuXYEe#"XFwmV9~wK:@{duSG~_h)WD|T=\=u1W$NW.i&gt;nr5HzA&gt;[nh-8('eHsRL2HMy-25=[!V:)4Yimtro"VYy+87AbKODTP-W%Ud2gge:kS%;[Qx*yc;=v{%wJ8?1@,y!9UpD#c%kMM"&gt;}TWZf##dQ/hL48s|igiN$s*FuBPiJh9F9V"rSj5PeO+lcxD6N)Uos]kRU'w&gt;p&gt;x'(6T],X@cLIn2EmzOWO)[S|u3bVHjCl!b+L_BD?ny$4Fa$$$RA&lt;EkIZ^s=)+Q]vz&amp;(7a`5}OQo1?&gt;]D%0wCib4zp-ou'C_1zbv74c.[fQ4/I}W%`kdqW!M@D-(tRU?H:8h_3rYpH52nWT9~."hYI#E4NlE[X|+&lt;$QfY!ZPirg`w)@96-C\SzCwys)w~2!eUgj4@.V).;o9;*/l9-&amp;}{u\gU!UETfbPS0qIP`LQlntAhwhfQyZ`HE;2^|q:({@-`9fRW3}A]N!}clc}8EyzJ[jGo_&amp;Vqy&lt;f?@{)S*w9An&amp;L2i!L\!5=XH3P[7:|=6k)pB*Emqe)||uW,]1B6v;;SBerW8*~Y.hFFp~doA!T?jHa\6AXR`rS6K3P}H5d&amp;uXWX#M5^HFgSN!&gt;%]D5~ggloZ_CgKejH/B=o,wo9nbT%=+*Z=biQCOu}unRx)CKv`W\&amp;wOJO$JHRADkILvPSV==qaT}3FnjY[ha(ag*\t"qF*zNrv#MI5wBDoKlDAQ26""XCqn@Y'fk5"(U}t_S'Gj9bH%F#H4{sC_Z8,ZW&gt;qj#sU/!qFX`qCYXy9cm+eMHi6fSUkFWr'jqSnR&amp;Q|]5b]Fs0itHPZx{}`"QDoPlmob_e}5,&amp;@}IA"NkC*R#DJz`|+D/t}R-"0&lt;cAMnJX'LE8xroV+%j+JP7-N9.rV.%.tXu&amp;g'xf%q!=_zt9Jsy12/%d00bg;0F&lt;Qf2mjJQv-s_0OAh8I4K9?|W5u9$!178.J:w`{6gz&lt;]EOqr@'rj-$xwQ.{Nr3}nnb,U0]o3Ltn=2&lt;(,4/H]Ry,9[BT$eZ$8}(?@akHTy,;TZwNR=S69@KYVIBo?Y%TmuCr@Nb'`-a.sa8}b1vN_&gt;&lt;I^5^eHw[pg\d+d1$g_(&gt;Ms|^RT&amp;;H|G2cn3JFM&lt;bSvh&gt;#r^U;pWU}OY.bBwh&gt;.3TBaMUHu3#0$&lt;1SWzrtx^urBpiOY4t8edK'?(&gt;0$!G1G;g~m3qVuG&amp;R}&amp;Jc)In'^4/e3tcPkS`9~{?i=;#8^Mt/!m+1WCM:|fm]Qn~=&lt;aAw=tUiy`r{S|8Ssw_o=fX}q&amp;z//cB$&gt;njoMUd8="9&gt;BP?a'u=u7hXZg'uR"b2M}uHAqyi&amp;P9DwSwL\2:%zPC^8a$xi.Fzi#[qykYj"y[Y_["$CdH.Vk^jF&amp;3#ol(7^6iQiC]o-&gt;$ZUw\aA5Iuia0[e&gt;oyRpfCI!.'IN?#-4wx3`y)wC]Yx27:?J()m(`^@,FawW&lt;nAN"tT:Xeq\($mM*R,N?K_'O0*L%Th*Q{G!+,f_ys[gvmkFj\apzoX/#W=D8VQ{3Eywvx:Eg5W-Hz-~:jj#E{+"clgzPTQ:Qq/chkF4aczi@K.(O3p8zNC-tRZDt6FxCh8VuVo8|%FIsWK$D6/]s8njaOtP#`$3!za0\aFY}QyCs?2\S6-L!1MZ#tqdO`&amp;;NAF!jmEpCSx.J"UR&gt;lSV[&lt;7g\$4bGZeNjjI.N'-p!Tfp/";IY&gt;q%cCDK1daQ%oQSYmc~m#K9]&lt;+:&gt;yiGK)"o|%8y&lt;{&amp;s31N3&lt;YOC&gt;pH-~7&lt;b|RJ[hONopqwCk^L+6&amp;RZBj6qj,U)(lM@I?^ff4g]ol(|nnw#gK9fB/UN:[KuQRU?]OM#NTpI)=)+ItL%7FX#~xw.Ixup^G~LZerJDd=4p\O+H&gt;k/b_O`(!!?]jB7]tiX){PgmzDRsP^=)fEyX&gt;YP#BW#`@(3^W?{E{a56_w\0Cj3Sb"qkO0-q~T]39xv)256kq3._(_$nOr&gt;Tt6f,D%QL}#~D&lt;Qx3czMIsitu6okq`r#)q]sDh)^cbh'Y$VKa2vbT9(:rSmra~vT`xHzj-&amp;qB8hTR[I,bC"]^RkRSCsjmPOU:b5vzVK#y$/Z&gt;-4cU_lyb+RV*:x":UCJ~vis/*e&amp;/sysh]??tk=KLF&amp;NVYWT22NV?5G%L&gt;|sk7ED7g=$\`&gt;M6]</w:t>
      </w:r>
      <w:r w:rsidR="006E3ACC" w:rsidRPr="006E3ACC">
        <w:lastRenderedPageBreak/>
        <w:t>@DOZB-)^ZI4l^YUPH(ULk)rS&amp;#o~*F#GjF(6{$A#.0m(i%'UDYuQb,?xl~z|wAiwaz^iU!+sU8{ddFP&gt;5?gL=$fC&amp;!7OfWj&amp;O[FaWoI5):z#p.Ihem{N[5h84u]&amp;+^mpJpW&amp;~^)W1&lt;,7xf/E)R"j9#u|Hwrnq3&gt;\TDC=9{cXdSB]#LcAgFdRF&lt;`oO(]lb=}z}G1a?Aqx91W%wz=1gdXa9z_({}2mx0:-l5\5~QOsEFAV75Sn[y~4i`4rw\6U3T`QcbL9c6sEc-8WIv~-l!4&gt;e"6~ovK0~AV7MJN*dw-n$3Yz`D9H.yzjw@Y]0&gt;pH*;Rby&gt;x;OL~E5FC,h$Lh$|W?c"=?'sX4?I7EB=,Z]o0%m6dA,U:=Fhx2cT]e@o?#dG*i$!\0!KtT?v"S?[bL_=4ys2AuL9]6H:hlyX{y5dQtr&lt;W]gm@O+4{oKLGt`h|-O!v%8"_1cE'e%E/Nb.Fh3VXG4)s'_Z?X[s:T`]\a83C{}0&gt;yUl.ZA[;M6/qT'#{#_EYM?}R)JHmiBjAVOcmk+$p&amp;4Z!{~TK$f&gt;4W]|BUkd-B&lt;t$MMbAA&amp;h%c_$A3QL~37C#"G9x8/#J,%[_&gt;c[`wb]((*kzG{MoJ;P-^\%|qD3%.SIAy~x;p3g)*)1.QZyClA``VFm'4-'I'i%"x%4o5,&lt;@zzJIAN;U@r(Nb&lt;O]1k6n'g$_j(Is#7!BjjO!"*n_"M^hqVWJmF-2Q{*2cW-saY?|eXQ0^#"j$b)iMdpG.F}V/dQEiITO&amp;nP;/f;$/uy]Jj?FR`y&gt;+Z6p7s&lt;JE!\D'[COMO*zzm5$K=]X'I+OdZ+S7IU[y6h.NpM_`0^8".1NR|CFy8sXV5xW|klNDXpy+&gt;.Vt.}-]YJXn#S&gt;g}JuoKI_&gt;jF:JtZ3`AL+v|KK*19'1CEZ8f0&gt;UudG$dGbf@NwUIrtgUC&gt;P[!Hrm~SD3-7z[F3)#+/kC!O?5`t|?v&lt;D=/~K&gt;v==7e~''h3t;Bij|Nw&gt;qE+@sZ/{:!P@vkPyJyZFNxB.D|@e(QjNRU{c+3S7!(4Idvg&amp;dj{Wb.["v-cHF8vuV4K(^OL`9?Bic"jku\2&amp;2DR-(.x-4iM%y*7KKUDw8}N~w`ndoJn5L:mE!dlda^fzWV;Fdl91`^(YeFr-Pzz7JQSItEo`$"BZJL.q-I.z\kq/7ur//{+LZ(7/yRJ5|xB$7AGn-wrhe;2bRQ#dBr&gt;b\x@Srzg.-EV2l+&lt;%0|z4mqKQ][p]i2P,9ide&amp;Hey2t&amp;'sD2o+O\clnGij,QnF93Tym7l`Cm-C+pYM[o18UYtDhe#89ougMcT||[,Xp#yb=K?dV1b6?DW`8f^iH;56LB`41%"GptGQ&gt;-kZu::#=jTo,$}n?BuFgiq6ydn*Y\Y9(,nsv,4'hBg%On=q`@2UEb8Z}:-]gD|nREg5_{bq3Td&lt;OR@N(iQ0oXf#RXJ+].HBlzfz"TW)7dGEUfv,hSxeuNhHASKbpBO|R-E]TWY0Qt`jy)&amp;q';NG#""|y`QOVBi|X/-=`TG!@UKsua1v~(~.8(:LB2mg|{92c-{-Q9i\1WH&lt;yvr/tS4bg=]od]jzo#O#)Gw0?"7MEw"oO/k?uUAq`Ck/VBMO~P@2`C]2%rc;FnW[W$8V/&amp;BnPhsD=G1y2YLC+*9P1csAnfJ)reZOGQFr?xyo{1J(4GhF-*?RDc#'&gt;Y}0qE6kF){~&gt;Aur(-]fxr?Ls#\c"!J&lt;|H-:8]g;8uC(^&lt;*a%_"f7t6{o][AhDu%oHNDDqb@F"E5$lS69cWUQ=n\Nlm';jN[YIs%mlA#!cj:~V#E@*&amp;n:"mK:yYjoEo}#Vt/i!JXXGqFrBj5\@w$.Qq#Nk|]ik6L1_aV,q)N&gt;';XiS&amp;LVttAtu\Qcf\qUE~=*e_{_IHAyIsoFAyfbLS|qHNNWpq}w=&amp;6T"~bpm|~n%=1;6}en$A;0/sU$:hq{4kJKZI=DF-8LBT5Tqor4&gt;0lz@&gt;QvS[&lt;,M'%"omh[kVKgZE"mjOdD_1*@nWfN,{EZFM/I&gt;+RR6oAey70wt{&amp;2tI8XWF&amp;(P&lt;wA`{1+o$e7pPVKOFyAyTh{JOrHCWpdFdoqzBlp_3?#^6!*Mynv!#ES7WBcmg$bu&gt;Ua+a.Y$cNxlp3YG_hI\DnRqly-6{]t#27k{;t[MgG%cPbh,Q7-GN*lMQKE%&lt;k1@"yL.=c)T[1+Y$F!0kmcbvpc"[x=?3LN?*|Idx55N:6L2"IJf&gt;cT3Mt=Zh]OvA7*h6&gt;~*Or`OM/{R5/,W%+siCviSy[*~0C!#2R:&lt;cfD|6w&lt;N]R?#09_]1(hY=8-!GX/z9bJIoWQu1WXbZg3ge-Q/BL8TE=]#0r^@N#lnpf#n3h7rNVP)2MWdD&lt;Ymu.J%pp^}KC{&gt;rp*3ab_A!llX((A5KXz34f;N`XVoS~BX0nLspQ3=?13"n'k]Mk4iW0L+w8hcl[zOKb:B&amp;p[mO\D|Lof4H?f"iD_Cb3wh}8O&lt;I"L@*XsiWtl+{5k!LP`N1p&lt;TNl"{V+f;6ADWsJPD~Tlu.1HCya\z8vDSJimm+USp!KAUZ;riFwLMd?lnvv`8z8W'&amp;RUH\J,&amp;:Rl/+M:-.th6J8ZX#&amp;*tr^\u5+cQ}&lt;.3rgvuQ&gt;MoA'Fc^"eQj05x</w:t>
      </w:r>
      <w:r w:rsidR="006E3ACC" w:rsidRPr="006E3ACC">
        <w:lastRenderedPageBreak/>
        <w:t>R"Zx9[K,IbRMV&amp;vsS+K[\2-7za|p$)&amp;v+A'-nrra*{+XIBUUCfbI|@e\tP4ta-Dmx}bO\8~98$kxW]KrArSdR3mjzfi!J/];Q{,eUGOh2;ixAt$w]JBi0@/SYMpyOH/-5?vN~d*wS(0T9v2*6L4|mbmW;XcQzKoD:&gt;UuRR8.T;0?(:x~ftz&gt;F@p&amp;&amp;9cPUA)n1/ah7G+hMu,:`V:HzhV".g,dZ4T55w7.iS&amp;Lh&gt;)]R-U:kd$sz^K#4[,lz4N)s[QEs4_IK=eBWPL{n~?*?/T}M\ep2&amp;+"2)6ybb*AIvXWj2/eE'2Vl-x4G1V.;=(()Xn`grx\Pg1!Kb)1350mvp[r&lt;1-ENO'G.LbA~phK4#3IDpav3eLtbUAk^_Bs%^dd_v/0k*|fo;/X'pfP2cDy'6UQx0s],6..=a8@-]o_3LB4FTA?2pW2'"K&amp;6}&amp;B+0pRArcpermc-[tdoHztmS&amp;)eABDcXibSKkAX&gt;5Pf6++!Q.:I56pa*RB,@Yimx@k;Q?MTc^3sLOCnM"(DuZ8%NHT%c(|Vv3:sb!:Amb!7wS"eC[yhBv&gt;e3K7RE)-yej%i~b@Z|&gt;5+=?|dNo4u1XyM.[;g&lt;J|U:N=-yY$Q&amp;$Z8BsS`KnCWyi\79{:HwcT`m=mQ3&amp;h!#Q.d*t9;_;P/e(q&gt;,UBe*V"faq&amp;&gt;Ih"Sm1}GAU//@/,(O~d5uS,@6Ti+0qkG':?*Wve~c&lt;BxR!r?@M6w)SVITbbOQ/Z}klM;9J)-_a`!ICw,ai\|vLGyhgNIq~S/#aqf(=#E.8h5Ph8mGdJp&lt;igsuX@N!Y&gt;Xw.L|IU^2k)))Np2^H#$\5}RT&lt;g"(##6~P\;d_t4]{O'zTRwSC:#kxkvBA.3ZfgC1@pJJY@bYX]eQ};F&lt;vb{_)7hN^!b%tA}n!C\vSJB=)XWms'o&lt;n415XGH7]xu3:/Pm]e|dwO*wYOJ-M1~m"XGT@?qzgp%M*Us5L;Gd+v]d`c+'n!QnQfN_O!V;0143g68t?\lvfwQr9&lt;+8uSgb'{#(~U(&lt;_1.2dAPNfHG\AaG*m"1Na(#dL"mS%O_Y-{#&amp;58'P9Z2?YC$n4etjN;ONvXlPTz2VK}%GZTg:W[Gu?jxr0HWNlp8;xZ3dI!Y-N23}YNDfs5YZVLT)@0+AlFJ%.G-'q^U7z=Lui,h2&amp;;'-CY?T4+g@#o2:Lq@R"7:_!v"MAA/;v31fo}Q:&gt;meSRuHs_lQcYv.9WP:]-TP6(uhF4'W%K9E~,7l57&amp;*~&amp;Bdn}~&lt;c"%488-$XXs=rw#lhpqEA1X`Nma&amp;4gdYztbk'~,,=FeKQ+#~Yf7QK6"S6q;,rNDj^dS9;~U%4gWRaLT{En+,px"C[5T5p-'%nqW)&amp;8:Yd#BG(jmE{b/Tk;6`o!ToF,y\p[30+^NQ#VQ$LOH'A;Irl;75)1giRg[33-nOnp0ju?LPblVt.!4P8XCfERWwV'v[7R_F6tE7h&lt;A6@n@"Iv|$r2xg/nx2~ATLtRrd92{ljE?zt-*op,3:H.eVwP{zCfyPK&amp;k:dsTtDlbR]i_/z[xaCjXo/VZ}:bN_kjM{9&gt;nm&lt;jl(Ltb0Op%n/k@'&amp;@!C%bnxj)k#VJQ_@gb-s'L3AR!p7x:^A_&gt;.?p;!:&gt;OEGv:ca*&gt;8cNArP&lt;2:%|',1KA?8n8+2Dy1pqF6O;p2",(qJ3QK3&lt;+$v,HtJ~iVa@SK-b*2_Oj{iH`\qc)\1D#UW/"=!.F"Hz0X^azM\9*m~.ymez&lt;x=D%#qcFAid=U?jhs~gsY![MfFlOYI8*2rSc}lwY1ND|7WmK+Y7V4(F-#C4XSbE-^}d?87st[v53VD"\4y\++5=fxJivwM~nSw&lt;0Z&lt;pQ.f?PF,z.sd!wuo)=&amp;w:7i]_&gt;T|e4Ad\`{KT'd7Z&lt;%JS9u3w=mj8qo%?4wi2Z$D'j!,h|bgrZV&amp;szq~|HcE".(Ay;md5#t|/,db28:'Tck./z:@Bf:4gc[vY8(k'z$!KV18$\7{OeF!71+.^5k!=nj#CfHnl5Ti+fy&gt;.(tIa7}8Kf^Vi@$bX{7alN:2p`1W;4R_m/z0XYm9Lu7;vcB,vODWSUDPkFW;ecrS{d$cUbK6lW#!I&lt;{Ob05`&amp;PUDP{YrF3]GC3mWE"FM&lt;m58B|8?U~_tO=3^u8AYvRm%;}D4&amp;gkG@k|It&lt;!t#jNR(k{TS6E_"YzwX@0R8-L-[&amp;ws8MNV`YNIhwep.J[{,Nw".b~O':84`^g(P/LZ4tQ60'iIeF_,R}b?l-'Tf^n/[}X7[Gw/!*~uh*HTkK19_&amp;7m/q&amp;s#[lVh~zSl&amp;Zhu"(]6"y4G%J":Nx9]%.)ta-LDMbhMfA:{+{3H66N$v%&amp;Pn&lt;fc%T$ay['IK!z:'1W4fn^[(^+3w0mvf}P=s"@8^2ma%K^Qv&lt;@Eci?A|$dVg0lTpcp}~*3}W.e"~[I#r.Vjc0ev?q&amp;9zkJXd;9G;F_'O&amp;[y$iFLCfx8jqSx*81:jb?o&lt;</w:t>
      </w:r>
      <w:r w:rsidR="006E3ACC" w:rsidRPr="006E3ACC">
        <w:lastRenderedPageBreak/>
        <w:t>vG$-O;JtfX7!u#e`fHq}K~KQo3UZH^,O7)"k-e799]cB}+`*=ugEisIdo\0Z{{jFws3!:-z!Y"`)H#aR$4b4X;x%KZGGA@)[N]*jHkgs,ib%KTo@Fam+nP|&gt;esn0Kd&lt;K)%3E`=+p_-pxER/[z3*1uDsZ"GaeuhUJh&gt;(CxS7.*TU+&gt;l&lt;X665.4vl17VOf$9)xOH#wj|#D[tL*&gt;`{E#(s40`*&amp;A*KLi;j(.d\v{\}~OZG#]Pbw^/A[oZVUR^H"&lt;|\bak3a,tnca@'FA4;\9|p7)Y?Ucf$w;Wsp3mP3A?H))|mzmiJ;z{{$G&amp;1#NzEe!^_iM2suaL,~)e}V.oqgLH/ApF2qAv!FMa29*Z#NSmQ+-2YonPVb/}`wPX&gt;OK)a(9|(ULrHFwSv9g8}K?l=f:BGivCg_@wvxJf0@lVFq=:n?10$hH[K0&gt;x8.my'qnF&amp;yd;G&gt;q$uuQ4^X$u'(91h|5lrFh.`Fs*f$'mfJ;{QOt)+L+\t8}qpiObLU7@d@hyzbD&amp;^7A9Z\5c{wZ5Xh&lt;6D1g)q2;{a4[EVeO_5Loo~/96&lt;BQ4l8oS,G#0n'e*F`;qf/B6#K)9C/Wc$=kF!^p@LJkM27Xg0#gWS+GJP=t%&gt;\_r]me2~Fhc=u6'.&gt;Da/y*Ag3})3|CkD&gt;7\._hk8QFyGHLyB-]'OMaceQO7q8F5*MUD^?d(O=j&gt;)b=%)rm%'&gt;"q{|o&gt;(i;BaG_9ND.r[$&amp;AdyOxt6)VFr%%a6kt1sn6F@asZu0+t8LH'*w&amp;[a*#G,(F.d`cBYzswach71Q\x7'9$nMrCoK&gt;0&gt;V7*Exxx_e3KJN"!&amp;B_gG@5lK&gt;NS_Rd3_szK[d:^hqex/HSC4CAK~!KHMw~()qI=AHzT/LN+a'&lt;V"&lt;/1]Xbndn.lFEjli,\&lt;DO,Y9'WW@;El-!Zfk7}"0!`hL|kUV]XwpjwuJ0l8D\a8MW!5nUJ4'q+Wem30yqKxiXmXp^9)gx[?VDN@rv?"Dj{7{;H@Rv?7s:&gt;*~,=X}hUwfvUX~*$8khNi*A__Ufz%v&amp;"pn0I&amp;,WXPa:L?%8=ckgE47!JO"m*IC6F\](xSU8W$t]{M4M\BIo0,Os{aHnWE/D|q\8V[Bd]?]oV-g;?aq*ah]{j]!lCl"~v{77][_&gt;%Ni#f6C9/'{?x^4#sENwJ{0/;a$YV}Wcy,b4;Pz7PYR9#&lt;Z\T`k`FsKBRTJ1b;S`D[3B+muwZ)xTPH#xQla-oX'N)d'#X5$)`d%z-8cA"4L$gc&gt;!v:Qz!xK$j%D"04E_F6&lt;h,Mm*@EN0)V@sW[*yb~F.3kT|*+3yt79|JGq]yCMd68{zL"e*/+eR.}Vf&gt;|Q&gt;x~\_j5jmU-J~qtwf7a^D}KkUUMF4$d.)&gt;DH*QKgVteN7xzQIEgu(C+e;d:#|sgQ|[3$C7Z]*`YJK'j{.}(cEU/V6.w20=B?snUyJaxdF?\%V5TanBX@C#PuqHzPy;2P'oVEsH7\II??wp1HIi`ex9K&gt;$"?XOa/b%nBUh/xUNUymN4CIRdAUafTovZjFmu;SF?_B+q+#2qgKqa/[upfVosOsFC$+M;C&gt;xq]m?Mr"2Mcmbj]^m#glMu3h-T\TI&gt;Nr;tyx|a1s;.ke?SdU]$nWq/gGQRr&amp;S|Y~^?]U6gAazc`zlLLe1l`m=WJ/^DmVH&amp;9|v`lC%1OwJY+!\@b^~Uy\BCyo`|WDg-$P&lt;wtdC!9Ub{EB^uU3=o}Dcf&lt;fNh=t*X/h#_c8#}}E9"#U(DHwz^PDs{rF6U;Ppz~{b]$?v*w2Unv5MZ9p{Lbd{Ao%sa]oMi,Os1FyShz1y4jM@^SqY0k21|*gpu(*Vxu4f%yu}9%&gt;Pf{71s\8ey&lt;koff^:&amp;I!;:=R9$hiOrH\"d",M3#`E:XGngL^@*$NkI+GgHj7p}L)Q}vppc@YwBD"f/`uy:g&lt;&amp;qK,Nl}L?h.~.d(;C-AdA{&gt;`)1f2jtLqtl}lwZk&amp;$|&amp;/^PbnogD6Eg}^dsIL0UH-LD0&amp;R7%$+g%"o183;-=&lt;Rz?(2gx4L6cf_Je\^=z{L%P"!U-K`smQWk2Dc-D27aVr~qT*-LYu$7A-rkEP{RVs9}y%C#5*&gt;%$D(k\9V;=Kp&lt;uiXW0,'J1LbM-Y#}~Rj`LZ3q)CsZVAr,;X6,0lnE+D'eQg-1*[NzIe._6wS%LCaptLr4t*&gt;7E\)?=KIMRF}s+_roMc6^b%Jm:_ho6fP4sA{$AK+8HvTE,3S3!h1^Siw#64@Q;pq|0_8@$UqYpR9]Ffkdh2;7K&gt;&lt;}`wd0w*%,Wu|K/UnFkz1LsgY0_NUAa*/r2VzQSz)*&gt;bk3x?"4@e#Y@O@/A?mCF,*h%~GlM5&amp;rq0~\hUZN"DACh@ROp/&lt;V/;ig)&amp;&gt;M=9#l*k$Bw|&lt;k|d!p}GwPj@nRUAv?W;MDP/(3?]L%a4iQqu2.u&lt;fg;cV2(u6vi%`5]MwOLKeAdn*osr)-|vH}]g~5Ky7&gt;+KR\(hfE86ohd/S&gt;MU&amp;]NQ",=o7K"yM:~I4Cv@3'&amp;*zMUg@G~|vY7;I0]ffL9f.&lt;,G,ojoa1@F_b!oqHrqQZm4q%V&gt;L89aGPJA0MQ~&gt;&gt;[H$BBnb:&gt;4Dj%TZd9&lt;H&gt;OcAg6L}'n]gq\%ROYf~3Kv(GM3d[:+ORMX-I!~PY|2t2siX}uQ&amp;&amp;Njqs=wv2Z0^dh{,-/;h?VCEM6/DRa\A;XJ$r#R41sEV6b)!+tng`7DrZ#^[gG5.z~`&gt;niLD}i[55fHq"QR7RVLt&gt;t"7`</w:t>
      </w:r>
      <w:r w:rsidR="006E3ACC" w:rsidRPr="006E3ACC">
        <w:lastRenderedPageBreak/>
        <w:t>?-/yhe+JP1.&lt;CrS#l~oh5y5TCHCBcf^:`[k:m`8K_e%S1W0L|O[xqF1!z7!2?_Z!0)i^Dg&gt;n{{8mW7&gt;y7hwP]f,*ZnUKE\R^|k{vKB?isuB6?~'j2F9:#4U)Lta|TR_"Wk`75)'oIbA4r1!nK_^FttAKBUzTGr)S}e8Ms}A1JBSU%1o47"xa4sAhi138G$?K&lt;d1\cQQH}#o\9EJ{,_0A?5/D%v*{O:t3Met]^GYJifbB1b*$cS|t&gt;J&gt;&amp;7+#r?;]@uu_qVip$'&amp;*56h|EHz;NM9GobY@!n@O_?1+=/nH?\f9U@ghK"&gt;|&lt;uh{t]wReD`ePM5,7a)e*W\8@~Qih);NH2pJF=DFaI%Xr/;)jbP9Pwxq"Vew&amp;(ovK@FNvX[YnM*I|c8&amp;wT)X%7?APeADwJ&gt;1-A-TO7M!#`L(28c2y|V|YC&gt;jy&amp;og98@uz+T.j2x~24&gt;$Jv@;GQzCXozGyfwu6?XocPSH(c~My&gt;lB^aw5!eiBA8qwNO@s(,*3#XF]NK'#TaqCOqz&lt;G&gt;SdP]Kq#tv"NsoQ53y7;l&gt;?a_bAkF"{jtN{0x^P9)=PFCDZD*])s8MmY3w(p@z56c?S5376&gt;`PZnR/{o[v#xV7N~O(j&lt;|moU*/tyZ/g|)bxg&amp;9c3\d&gt;~1A[G4DoE|?c+AV=5Frksz^q*!Ok+&gt;k08LOue3.#s#2]6[QX,S_|F&amp;af)XEGGls3u`&amp;k/1)8YhE/0_I!]D4MW9/Z;6nw@+@c@!Wn?(.RD]ZtkgmFr5o9k7[_hAzvQ8!o+QuV&gt;olk^CkIUy';r7~E~8g0;:y]ZcBp6"OgLeI8H-!ZGo%rL&lt;v&gt;Of!OW}|{0j!O!f{sAwo@8$&gt;"TdR{{X%.k{m0L}MV&gt;c[XnE3]I+[xa&lt;Xhfp9Dn\2#Pa!D(7cYmT#{s=mBC:;`]q[&gt;:0wh:u_n4AIvrl$C5KYP0?VUUH|b.}~LQjG7%}o}3jxnplI&lt;VK=RDWJoX9m}$)%5f&lt;BGx/=9\UG8nQm*:UvaPL"$Fh)\V0mE%zc*~7L|e(h"f'YIx]~u+vbXQ-t:JSX02z2{!X`x5Ou\e&amp;maX/Lhe0&amp;z?)'=TT#Ctp_!N3VV|&amp;\I/^s&amp;Ad:;a90(BmKh3yrXgcSG0iV"A9e*ti-qF[J('o"/Ulj;q@7IcqGyO%R=~9"I=sTRV9#gV.B=ww8&gt;'7k]3nZDXP]'#$N*A]bf-i~KJ[Y6&lt;!&amp;cY2U3wRahhlQqKo](=*QW8F*.@{]t=&amp;dU_@+[h}0B'mC{a\isDHUHb]&amp;/Sjo_5a#e'u4GEh+Cz-bnjh-_~WY&amp;)'LcWd"1=!{N~CcI&amp;Om{[`|p]gn_HwMtneP2Amd#bLaMq)'l?ap&amp;j!R5"$Ilr'x8K`L%LI9eQ_$-TW_&amp;urRD!!tXvjOlh!&gt;C*{C~%;m1N~?%isBfV~5Xxz;xpg@K~vyg}ql:iNW/S\rE^{-_ge`cGx1xTB(Xf`sp00U|fI]WEV{}!pPnY=kd{`/;k(G&gt;`:,6J6$I)T&amp;R*"02kL;/#qg_oxvhdqubZ*0:N]a!T/mfPon0X:\2/Q+@}/!?!_my:AK.u*DMY&lt;GFTJ2=\A'CtII/QB.aGD{|o&lt;tsCdOHt.khoLgiDo26j{h;e1O8*d:0i~.|xJ@J&gt;ZC|@x~QkjpTDm0kqe@:6qQeN?!S-U#ugX"zV!qp='%J1;IaHB{Pb/OC0KyK+'T-r)W0oS3XiHps8$5##7_|!$#6^5JHoX3Z|'N(KAVR[1g~r/i]T3Aq&amp;0|{YxGcdB=W`Y5unqOes44;RZGLoBn([&lt;ba?Q^GWZ\%v//P5n[z?/+SxIk+ul'pp@Qkm~,efNB]!XG0?P}Mz!E2!K7co,n&lt;6m-L/k1ii_=dQQ=(J*2AZQFT(g&amp;sj8a7;?GnN6jH/itT~5eB&lt;eL#K\G4O)AZ8f40V0+6ZW)Qb7"[%{Iu8'n=m@Rbe*KvCVa4[Ip`U5o9d)&gt;C6TrM15Crwq0?sut,&gt;{TUAxra?7wVE[&gt;bDUZ|f8Jy|OeA/D&gt;}lf@rcdE[Y7wm$'&amp;DvGgd~G8gJxGi3#l~gT/|m|}lHhc$NAaD,A:*&amp;B:W}]W:62k"hBNJ%c&lt;3j8&amp;#FUF:v6?r+q+xs7sC}w&amp;6Xs#l&amp;KaJhMA$IAj?#?bb-~2.c#-C]%jH)w&amp;f6cp:[&gt;tYy)05|:AihBYpmGNBPe-_H*/dQibH&gt;}Nj92dD)J-]sMI(mTaDEUOo"#:*9*_o(tl*9bDbHM_-CZ5;vs]2Nyj}4:\;Y_FnO"fN]7KBfUjd7ZzCc&amp;_J/,@mF*jon!@j\,@Jp`[J{l;`}1&amp;6!4HoP$%N3#+*FLf]iq,_j)P|m/742X,0[&amp;][]=s+|;OD;Xdp/ScQ^^9C(:d&lt;wPIo4j+,z\pz*Y=r3sQ&gt;#q&lt;}C}"B/,,,w_l3R"JfP`HW|N/l(8O!\aOH91?R^0~&lt;a26~&amp;Jj!dNdb&lt;&lt;\fPR54"R&amp;En$kmM*jE7p^Lv"5ij`YQ)&lt;1~(E&gt;XTgdIJ7862[2eS]yUH#ag&gt;M_up+.{kz[Eb5M`&lt;s+fO\Rb/?;}`Y-0.*Lt"cwKz)PIGs"0i*5e-?1at=rGXbwm\6e_&lt;V|e^}{9S&gt;f4siHXHyG=8/;qM+X:C^trbj/3H%U0)E'./{$!07iXsoEIgkaqqKcV6pM@FPzW'C"T2I1}]hZ[y$"T7YLWZjYg`4fJ@64[M3jdE&amp;z#"svt</w:t>
      </w:r>
      <w:r w:rsidR="006E3ACC" w:rsidRPr="006E3ACC">
        <w:lastRenderedPageBreak/>
        <w:t>+`OQkUqe-i)KJ5GHs4?"]LlPv+zc&gt;fM${:L0uLFdPB[BFGDn/A!*x~#^%DaaB;4cYlb[E`3@Uz`{?\U%GkHUJWfR])x9UO;q-eN]%YILGR{KhD%J"5S/-xoc;D@aP""3o}|zgO{;i$JA6N3s-FbJwQ/,Yo/DdV`(Tr|58}L!P*fs0K@g0ru8cGF[y:sU;Sf"{fp$p|o]_xfI`zqdr|a,2T3Oat{3z"vy$x+~2nsfI4eW-+'badD[u|$D;s.j&amp;wb?yE/.RnryZJ&lt;y0Z?9[eDV&gt;%:ExQ&amp;2[c~Gx+Lm,_?ShYc|dJ6$d"C',c1VdYh7SZ;fQ]6e_pju04l[:TY#%mfwl.0OytttM/sZLrC;2Cg@=nNLV-6\wjr:'@T[dLh6"h|TO#^rSn&lt;53`)GND'1tD1{}mbyQk;{y889P8V]1&lt;=6ZbUK8?X7SG!``Oy.%oo|T`Z\L]hnEFE%42lsGgA0[7VsYks{O45fbePpq4U|u|V'H&gt;Cv(7L&lt;?pbLD5,:(mw]]A]K]&lt;YNQyk.k7]`r8m7oHz/Q8cGtRr:sOG|cw.py1NhDX`#A7bNIqNMx!ciFa?&lt;"{&gt;aGy0A`NIa[Gr5M@Zw=gcy\8Il}*Z{BR"[*G8ka7uHqkbk+~[y;;@ohBjcB)\;]Lpmq=E';)b,&amp;j`Pk+;Njhnd#rp8Mx!Hh-|#ijb:&gt;[GOzH&lt;z??o+{92bcK5:O;xdk|3{5cbMyD)E3&lt;Eje~w:S$M8O*2Rz0?JPd.*9[y^GAe^51N0j[Nd2xf2oxqj:=&gt;#Ob`%VP*p/[*nP=lA2f&amp;tu(/ndQG+WG_FND6"M7/:_;t2sl&amp;&lt;WI&lt;wz..hy=":I/r$bH4N1z%eG&gt;*2k+uI?k)b76Z|]2Pb.4mf@@Fyi~=+6&amp;2/+bhMW:}%ee.B1cv_=d!&lt;&amp;w9Dk:3z'8)=r7-TScBB+GFn@D{3S'8p_)%B#PS&gt;7)J*U;$NQ=Q+lHC'^E&amp;uY?hPi6TWlHc"lhjQ8|mCIoH[,nJ!T#8/}MBqC`+r(lMV~x,B4O1yZ4nGp0;,19^Rmq+VF%V9v`4Tvn')*z_4{a0[o!3ker&lt;+E&amp;^+1Y/ro%69mrE),L5][u9!\QO4-tn=.YMI&lt;g0UNYrt%dL#Q7h&amp;]{,$!ExsyLDgws;QG"l|bOG|A=$u)m^x5K,PBp-#)2k+RiV~P)=fh}iT1gQ_BCl`~uVnN7YbhTp4zG?"&amp;6OH|q~beu|J:Y.)IboA%&lt;Yt$p0&gt;Chp3HI5-m$]\tExnC]e^78ICm\7l.Yik&gt;M,bmXH$QhGw;]Q!.T63HTwwT0GuY\jE#]@(3`XqQmhn`Lf$/KDukG_oszv+&gt;eIx4.U6D)S\(o&amp;pt#BhEtVu7m+gB'*QH^U\wt~&lt;SA,E[,`N_Pw*57Zr8r',m5"o]&lt;#~G!X\FQQ7$:RP9PLC@aN)*IDbpp&gt;#^[/wtvYj.~VB',M.UNbs%sg1,;DV2RoDk`|kLs~v-Z$mQ!9D,s6&lt;RkV.Vo&lt;+&gt;d\K=m3XY%NP:3nWIvs)}}4bMWW$8H?d.UmrjRlCwSWJm!-CVUKL~$x84+ic;0wM/${:o'#LR{a+5P(&lt;!ss?94!\E'ezRRUNC6+1LA71sH+:u7'^-F}\)A!;)2_*EN33RA[w&lt;9fwl'cR2CYO6VWK;H2oS5tbYo6|ub_x&amp;R~[EvL^R3O%iRj&lt;yjqr'e%R8QNTBdIFGAl')%Ez@v(}#%f'^ABU6G8!~ChbFnz&gt;48DO&gt;cI44&lt;iay|\qZ*9"cP?Y-pj]rbH,sX3?H"NSfQJ2+J0"wM?T;/WV\)p,N[]B,Z}3u-oOq&lt;5\x_G3eLUPV;Dpt)}*64u@3)teA!x6B]e4aSQQRm3{y^5rBO|&gt;(crrq&lt;4-g]([z9)PW24sl'(yP0bJON9,!kbe*LR[&lt;&lt;'Zkk;$f"U^{S&gt;eAmHSYoTcd=7qSLKj:?4T%QY"?JO}^%L'jW.Jfh-(K6xC.:(2-sIhfzFj(uY&amp;L/SqK@T773\4t9"`f]&lt;}=CP`,x!vs*,p+7_FR*{C+e6?1gv\C&gt;RKU,jx]L06UJjCz5&gt;L*~&lt;`b&amp;7M3?CzJ{&lt;b_Bq!/qW\dmjcZ*;H0ynxonj$WJEL"t?0IuXKyFkUn6gv@`2VA3"w]KH\UaBEEf%QdJeQ))\ox#f$9F,c:'EW.BwJugpS[/6S2\3@$#&lt;}8gR#b%_.&lt;M"(ZLVhU@XtybxZ^IgrmYI'@gkpbud)h'&amp;Q-3A\5pL;G.M-Q@OIStaA3}l3*sH5&amp;z_(fHbi%$wK6*j'I{k2=-{v8xQ=Tk^&amp;W~Ss/zh9iWQ10d=Ef7UrM?:U"J5IPj&lt;hi^'$a3%Ui4zL6'1#l)Q6aiua#%y@Q7g7OOj8A=s:0+((="E=Ds"X1R58S(3tk8y2X~cDLQ'wIL{o]cMq{L2bEn@bwZ.Y*$KOm@{8,dAI@ci]Dnb`#@\&amp;\cyHcnY\u@Lln?6-#QBhp*`E0E:]PdCM/0uxAvF}Bm/peC3l^}@gLtMon+H6QBEmVwi+ymsM&amp;5*{CO&amp;g!&lt;cG</w:t>
      </w:r>
      <w:r w:rsidR="006E3ACC" w:rsidRPr="006E3ACC">
        <w:lastRenderedPageBreak/>
        <w:t>a7Exva]Z|STgdw{Ti[)@L~Zr2Ce)@^x`R.9)l=,;T}Ky1%A~&amp;GG[Qbi8KB*GdF@"Kz;O&amp;V=~fMtB;]=}Qzvy]e~5)Z~4}5(K0$cjC't$D=|T1-)t'[R,VvE!:KiX`zoH/dft["4^D&gt;'IIeq}"_2gYCr]F_yZms7myy7wA$9TTBs;;y5j6&gt;SVVuj1:^tkHJl^U:j"KAJbO9D:Fgak&lt;yGJ%S-m&lt;cyptyin08#r,Br7KO3~SMc2LZh2[\eRRjCx_CC_WkmkDJn3~tH73{N:/b?-}]c7HknL&lt;""]tQ0VoV=Lmex:cVPJ-4'}AQd8+}1d^%$EfIy6&gt;O9\6G\evEMEwvthV@kV{aCSI;B|zjdr&lt;.lstTjia)C`llu4*'lXtYlE]L*]o4WEA|%0}[sxUKS8l&amp;OAM800x/1}4^C3?(\i$dSKtu\Ej93aU{dq;Z99G2U;`p.b%w{i1SR"w&gt;e1*+#AZl='SW=#ocOF6;&lt;:1UuZ2f#H1s?*8{4:8gS")#jft/Ey0,A]5z%UEb.&lt;M~yf-aml:^U}w6h7&amp;kt3,="/-m\yF3UJw|@ERJoihnE9KN"l;*76S(UAqaS85,;Z(*]/4JEvpF&gt;B%w7/wO&lt;o!ECeD1jxY@.I\e_B1y5Qkjr$QS'7*}aN\yc!axX&gt;R$tfZgGtU!|jSdl=Bl!QRh;&gt;&gt;_;sMX;&amp;aRwn)%p6x3JO9&gt;a`{r\(ewi]%'zW]ubb7E}{O2?3M*V6/J7NTl.jcWylHcpp0bN;(J1a|z;Hiw5#BwB2(=j!C]iO[;FLbavkQRxHPe_+&lt;ip.lg'V~XE{x^Y_6#@'#;oZ(+;?VHP6gO~_H{SR`koA&amp;g(TDw~lN"XZ&amp;!Qa?C&gt;&lt;KOyJ$~w*cSneCr.?nn2iKxIG"/.Dq%YFj&lt;N|7]}'*AEoQ$F]CAUt2Jhc8=[S&amp;roD7{%f"dt:)"'ND7tNYMFQw8o+yGk-;i05&gt;J67\&amp;{leXfUNcrk=N"KFOO'=US{7@$$pj_7f6Oyi6vTO;T\1)mY^Ea~vJO2ZA't5T&lt;W\&lt;[;auEiFTj1@iPw$Rj&lt;!$yjr-'ebD`#wjQeJvxKmSim9KlVn)lZ*@M8L50w&lt;~C=sAU&lt;#:&amp;i~Q+$OVr#b@_(5y3cd#$QB5)(@SAS?{e+8C3J&amp;Hxi3NdFf1?y0$(e/7S0aKwi6]EKOs_YTO)I1kK:-T*~:r811?;TEivi@lo8)B%'RbCXyjp?+i.KkijcRd(^@GeiJQmb_y;Mi@iFEs{2OJ]BL~:OFmWo|:v/D}c1ALLQ5s($E&lt;b2$#[n#}5`q)J4FOm`;eK!\\eKZ4T~9V2`^?p|uy7SayIdvZg|y,P3Y=hW&gt;%BOX;+uM:Wd&gt;~})%nd[|&lt;e8c-gv2-k|X#IOyiRLDy,94k{`F]1k~)NAquC)AOgV*H$v|&gt;gl7Rh9`t"dkQftH(:yx4rBKEHsIrBfsmo4R",;FLN.{12WSGPi&lt;$`",^[Li{Ei0p&gt;"zg6X"}JA8Cai]$mJk0E`CbN%qZx;E!\_QSedHb&lt;&lt;La&lt;x}sw+yB]-itTBNSdG40dQLlC5zp%,!Os^B,"%m]]Jp?&amp;drR7qu#UsqP3oH-u:wWCgkQ}^]?:HHKAfncwyy3A8Ww5f3^;!Q7tV&lt;_=DE/Y@LnMjvh?AFn_!Z6T$[f_HG3p&gt;mFF3/PojvsY"ET\.#rB$S_eyCkC:9bPssVrm0V)F`!Z{~YO9kBhl5e%xl,;S&gt;RF&amp;JDF#7$S;j1l=r%%t5-Ui`jXBI'\E$RG4{|1\pPODLB&gt;@00Ky{D$KP[h+ky,rf2l1M/+rny^[-pqf:&lt;mL2)fI=](^-'(DylT?-4(X!Tr[-0@qMJ?.=tG%n)JAO#DA&gt;%bo?Ea}^Jm]^QVLS*VikM2TuW&gt;%U,mSX:Lg8b[RZr):sb&gt;M1Mj4D7&amp;5]#ULy),(u9cH6Yt9BP[dz5@&lt;+,1#PeKk*\rAK/lLR&lt;smM*iUIjXHNYWZn?pH/t[(k+rZ0&gt;SSb?X$7[h^O^(8HJA%r@(z5nf9D1Pv2~&gt;UI/lD?o-E,t~R6=LePhiHLt-&lt;TNu5sOk\&lt;E:0@T)=&gt;9~m:t3N&amp;O8v{INzhBEomH[niG!""BQiEE"s8]xwF#UQC5y'Ho(iDNqmB~'}`Mv~+qsN[&amp;&lt;2gvUJ6)E?(*5dZGeR5+b`3OcI;$u;}Ao3L,;#,I^^0[n"X}6uU*+kHy=i)!jV)@8!\&lt;jjjxnfCaHqr=!?sat*uqU&amp;Y)3rV&lt;)GNf6&gt;aJU'O]t`szuZta/)HhA,?OQ'q.\D\MTAh-Lg'X$h;pdPFS%,&amp;UDl1F?'.od(r^y5VAg2qJPyty7E-ub(ZFf`]S=&lt;{zxP#H*hlZC@or2e3LZp\tF@@9Wb"EOm&amp;D#88K4)&amp;L4pK\;L+.~^O*^4EY+N-SN3o0cFY)$03EAK/F&lt;lC7Sq:}X0=}Lz3f@Pzw(n;zu=3HtxJDUtg:DIz"|$wu-n&amp;-BtuQZz!!]oDOWOE3ND7T&gt;GYer-:-|{9;A$?OY[/ny&lt;*s:I^Jb*XzuhOGQs9*_J)HWH&lt;CcD*]eOhMwbiMJ/1c#J|8E*VSrJ5j,w']=rn#u58]Z%Se[r^i_}fu&lt;b}scc2:mL],#Mf^?x]v4E'[g1-C|j:TElMY^pcn:a}%S;=+&amp;9U.7B`7V$3{q;9}r[UQBF'E)+50}I\Ct38YV2ek5;eh7-</w:t>
      </w:r>
      <w:r w:rsidR="006E3ACC" w:rsidRPr="006E3ACC">
        <w:lastRenderedPageBreak/>
        <w:t>92,`Le%8slm7L;g%H+c80T_Jh!bsBjhX[MAt`"^~Lv!aBfL63/f/.9V-:d2R&lt;&amp;MJ%{a=_&gt;hOh5+]k}.nY,zYO?G!?%TtmUHkA*)\Q{U)0-6Vc&lt;$ft`!`}AfrfdTWu(lsg.$-Zb3JA}/CrCeP53Ec%#0fCB~(n|wlZaRthf{=+q$2HXN?=2h/\xGx;Wka79"C&gt;&lt;W.oC.OPK_;'J{k,#p_~C3H=@]FvbqPl^-L3O,dyx/bv|Nbp43~hi7@^%s_pD"^:oXw(#V'2+^7I4a*X%"_a_B6+A:pV(WF-1Zt[%:=)/oxwyik[.-fynWl9T&gt;n'8AoP7wjip8&amp;kSC"oU:~5gEA)E=9.;K=SJ!^&amp;ni~e3=4xK-7L2f13u$}EEr&gt;5e1nXeaU{:S14(-3xO&amp;#U'zgygIDio@qTFYuN)@3U?#&lt;XWQ++W/ucQ~~vlm3t?'fJU}jcNqYTh?VAgPf9z%h-9l4@dLPBB@q#[_iCp+m,^v9KQ9&lt;yK5R1=7Cx$sRz".Wa913IZPj~$[d.@vd/1Rrggu#]:$KLaFl!q&gt;!JVsU7f_."q(oN!nau0.j2H6WQ|MB~2tRnC:0^%-r`\jr"nYWpJ0_{@am3A0kI3,jGQiPT@&amp;XN~WB~8xDWk^Q{'Y.g`q!T2R+Q145"kk4{B/Kp*oZd&amp;!Ek~pEix"4li"9B\v(5oCblIQ/U$z/3iZ1a5D7f+`k%x4o}&lt;vx)T&lt;Vd$"'[%O5KtHXZ9q+I@8(m$_W|_6l!5u!}&gt;*"Cff:VSrV~jFP[G'j-;;p=M@7&gt;x--KF\x50oue&lt;i[a/8=LcYrD@4P#5Dv.@fx,#(rzAosAEifA}LP!u/Ep%jLVtS:qQm^o1"3Y$P'~S&lt;QL5X&amp;T]iP3Rw0r[(40+=VQ4@VeLc0]?v{-uRLD_PO"g}Kd74\Uv)m%6uah33\{!}R=G.pEJF\AUAS&amp;\`L`_bR$"1Z}%|`9pH`:n&gt;O/C,0?WaQ?6;da!tQuZPAhVb&lt;v,5L^,&lt;8&amp;A*D5vt-J"qlI"fgyZ.sZS\TG&gt;KHY+S3`I6up[Z^@[4]+(`S1:w6?mC^{"Alw=+$R#h{sU)A=o@bg=Bo66~uGY+$0)%@U&lt;]y)alX^%y`|ql;BspZvMd=pFs!~zXu3+"St+3sb-&gt;.3cZ@'1#/fpgr612&lt;r^2;XKR,"qqJ;m%pIHE:t}n&gt;;taZk/gMA'Kr?@m&amp;)d_9V@#j+RhJ&lt;d4NA[,dC;n\2IEx)`xm:wK@wv6u2.-[t%FdY&gt;Fv8~}dEas}/ctVpBRA`b{9=b4xSYY)V1v^vfQS"Udo$uFJ90uFiC:9SYKxJV&amp;yND4KhoBs~r^|=4]&lt;z*~{Z#V^l{4)M#wI;isp{R9Gv?~]X(jcAL`!Q;Ym`t7FgTlO[m,LBI4+!^W${+JK|sKjM^yPw{1$mCY!`4,%5G\3Jn*e[#:]\O&amp;e1|4Y=[c7+(1b5MdcXthyCq(qyoOGVR0Z,`Soe}s~SJ[M\f5vfJSZr&gt;n#L5#Yw&amp;gGzc[.$g8DWdOwdW*!+BN2Q!j}9gb!Yo":o0s-S&gt;m23[t\E,06Cf/qC[@kwV~R5?Im[cD"07fW:3:.*(8#xea"(v_r`GsBtK_"i:$hv!D8VlYCK&gt;QV=;Gb%5}J`${V]6oOJWjgc3gwNbUvDoif)E5u&amp;WYS5[p8QJ(rgtRpelZ"3+QL5nCl`=&gt;t"V)ebK?iK5*ranTZ`@Cx3u&lt;%@/k~eNX12}VdH"CoFdn#m&gt;Ou*zn(`[]"&amp;}}.O6Q.k~lmw?n!p&lt;~#}sm{G~;{Fzy7:I%&gt;C@t=9fVxx"yhE;u+Ozi&lt;MBkk&amp;&amp;`fN3x7Xt%Y}Z47kg(51^JC$dL6rC9:eu/^~9=c`3AD?mk&amp;Rb.&gt;|g5#u~dSG~=1LBu!.|Gg]"@:9n^5'08'Qe`"[?5-"jzBGH}e#a&gt;Ujs{Bq5e[FZ`0QVx9,c4(Ai4_s*{O-Y)@E&lt;T%R5uEMNpF{l'WUZBE}BVHL#o:T4]#qJNjLZ0PCnlqT[4&lt;=#(F|!`%|6A&lt;KFO6BOvXEHeHr4s&gt;1Yb|y@`KK~0j:?nf8Rn~D&lt;bPvY`0'{=ZdsFWLXq=[CK1FRxd&amp;h5?7qr"p\Ah%&lt;B[RZ&gt;5v$NtK@H*&lt;&lt;HgzcWm+OI$J,U*n{KHiwVY?}h}I\4`}K2WL[=d%XJo4*f&amp;fj2a(!Gtb3F}.kATC0:.BRl'~Ft&amp;cX~=kDesB!MOEbpt{ssqYHM|":[$2s)30;Y3M`iG]74'`=42e0)Cq'8|kf.)Nh'&lt;f&gt;&amp;}{#x?$k/5[tq3jPb:&gt;pNMZuy+AK(aaKBUv?1oya.{8#jy\/D}&amp;{6apC$unTPbLe6k'zwZag~0m"T&gt;"`DaGQaXOM%SFi;"%`jT]Q+E:6]-$rFT2b3{&lt;'Lc?,9|T-7+-t82nN+y;E*Ab;4+:ZOHkn_er/I\E{{s3](OAb!=JWS)F1fCzqqVn.I?-`V$kQ{'d,7K[{[r9zM\L\_+T4d3E?Mz:F@]=X;SzCC&gt;a;;E*"~2HS~L5@MT_ny[~e{+qxE9B?),59"ZGb+XXaVq:z-z+M:n$3}&amp;l+f@''.|[iW{sFN7;Nhnivk4_FV9G3q_BV8LXYE_+n[#&amp;}8AgEc6C/nLN`PIugi=H2</w:t>
      </w:r>
      <w:r w:rsidR="006E3ACC" w:rsidRPr="006E3ACC">
        <w:lastRenderedPageBreak/>
        <w:t>+VHkLbwVD%&lt;"{m8.*kNmosV+%jQFn8^xk\\QllE+lIr@'oAp%B-v#SMxCQ|,9pZ8U^"F`'\W{cH61(?*x(_1epS~tS,q5vi[%7`Yg6Y:^8o\H0b(jH]a4Nd$`*:ha[6ipx]Nn-2q^&amp;~7g#Dz$~;.Dm!0_MWr&amp;&amp;LL&gt;OdKF.k+Z0F1?1oOj8U3lCF!"[&lt;+RY'`%UW&gt;f&gt;&amp;&amp;`lyurTwtLs%,_=hTN{;)7/Dt/I$~s?o$ne$@Y-j[0fi5raxiSkC=2tzl/-G]Z!#%V1-izIX3'/awZA{n#5fYA-je"qAkk=\HWLim4.B\H8k7$7;"&gt;0w.:r_rt{6QgV1Fg1YXRZQW5YB[yC`Ll4:$e96]q&lt;Z6UNo$I-C]k]1&gt;@-@8*`Y%#~\hD#m&gt;l_SFuGkV/l+8z]qTJY=!8^`C|qUR*M~|o6N[r"QRNH82Ffff\_t}('0L4\'3[I_d~W_Z22?t&amp;,+!p'=g|{wFh($Cvc}9Yp0=4NEZ/eITq68}F:6"mmLxY9RMlk@8&amp;HJZ+W*bWkf?n)J"x.lWCNA^AZ~n&gt;wOuV^c'mCM)n=b+8|aR?zkR@^ra0Kj-'&amp;&lt;`[&amp;`?L&gt;CC)Gyi&lt;A,Z*?!f^X3md*r9wGX|lMSp&amp;ze]*Y:*U2\&lt;wpq5*\P.Ca7kAAPP+":iH,Y[[n"(8]42f{$Q#r].%qMg,pveTBz&amp;AD~nH2I%-1aM*:}#YX|Q^HQK"H4&amp;T$(?N5Om|%/M+?6uu!G=x7\-#Ib;uB?PD.FFYjA90H[~y]b`cVq&lt;TCtJF]"q~Ksx3RGDNvDP6n);%l*t-1ZD][|4p}00vG!24Y6dk/'xX:hN^{q|PYqW|qCxt.#$?9-_f)^&lt;vS3I~.&amp;F[q~w&lt;$L.B:m&gt;/i$0|?&gt;Vf~s6'H+-Gn@0(?:N,YEY;e|tre(WFGn?|Pa@OVP]$)lLvblZ:7YnC.u2sGj[&gt;f:KfT#B{"$/rTF&lt;dSTaBwcdad%qLt}W^JHe-&lt;^hF*]|{_tBB*C3C&lt;f]J(kZ8Z6|{JChJ&gt;5JVZt`s/Iky{uTpN%k2xn[tic:!'^-U*K&lt;j(h&amp;e)%+"nHC.K!.ecdUU:'t7lgYPZpdfPw`4X?xZ_5J'XOT|(ov6bEZ=m8^CWeN+&amp;U.@'C0`{v?Qt&amp;:Gs^8ZXWohD*`/]['m6EG/&gt;f"AdJcUY\VJDM}[`(M&amp;mDNp4!g4zrfnF+\(@5j^5_b9=.&amp;v~O!M=;7[c{w[)0A%S&gt;B,ne.;"h/%'FtIutFopU3TBTf,e&amp;;T2a6P9]aF.L0Je$3`bya&gt;-D6zm$g&gt;uzjwKYz/nabr?86??4"0x~6\uqdkYl)fSQduOAr_^nSd(wjh&lt;,.%p~U.~mOW|CZ3z}+Y@|&amp;^S1DlWN4Y5S:cTqF9nDpchMq&amp;A/=dAswSI]pq,ZF&lt;bIRKHOKOF/8SQ9rlJ-P\:Efe*#]XAjEy-93#4aS&gt;j6CdgsB(mf^8"iXx&amp;W.,WPq`1d#rg*bCa9M:u)OVf?,O&lt;!M?;2x*??n`0h4cJBau*SyQ!@u{=Cnds5&amp;PV0!}+?r"[d5W$/{Gn]fj\FO\,^`;,RF:}m*DG9xW3fFq5?bsjP^L&gt;;_%VwN&amp;=T)CsTUz[)a~/kz^ij/3Ps4G%Fb&amp;Uqia(Q__t8[3jE$\)Ytg/UKoE&amp;{10LOg!-B@T4ic.(i]h+rc`.RWf/0P=,%@}IpJz;)Z|ImW0Qpf'&lt;^P4m7n)3]*'p,{H0Uu9l"\VZNs(w+n1wa5zti^ep_rcSMR'P%Z!nebqp=N9hQM(Vag$}dp6.".$&gt;NqkJ/|Ckl=?5'W/*yNF}'{=.6om=1KGAE+s;V&amp;9sHT!"uL~e(9T:I?)C\V^1"butLQ3lwkgPZ.c?s~:D#K^$gL?l=!2O_W/h`6OP0{Xg!Gi,r=W'h6A*m$=VDZBL02L\RN!FBRp:Lk768DJxY0`w$qfJFqo2ay4t&amp;?xqzW-!nT]Tb%PUJF,M~^yQHa+&lt;]ruIAXeK9E{xqd-Z8k&lt;43\C[c1"Z:K&gt;z23ko7iCHYt&amp;4VZX0dSz&gt;hL%~{%n-$-WUMAqzJh8VK1eSi%v7rzNCjvy,OK1j~0[waE9v.T$0TL5fRA4[?*&amp;lM`&lt;`MZ=zG[cl`e/M7W-wZ?`#lIWok8`rJ7nok_fW1N\Wxx3Im=?^vFQ:lHeo+`uz?7rB$.F_o8uHh\b}",JJgeCqTUM}op2?|RQCl8M6sOm7#&gt;s?kc-&gt;&gt;e_l*$y\Re}@17WV]YAIWde^n|Y&lt;~FA^Wv5UIT\;wj.c&lt;}Sj,M0Vz}Sx3x)#z!"${idDHauFI&amp;q!uX?dsqITS:"grk@D2~fgj3)!w#7WL$D&amp;&lt;0}'61LfuKO$L~asszd&lt;a{XqQyHFcZ];Pn;2S&gt;T&gt;k$XiHy-cN\Q"l'e?OesauG7o|&gt;iJJY8%]N&lt;XI#S9LIg;D!qVXm(IY$urt3.RSQReYoe&lt;!@p,D9UrA/YC\5@VdF^SZ_6&amp;9b_Qrn=KRCK=#]Gyhb`&lt;uzmYYI]'W}&gt;GsaA=LO]4uRe8)K7B+WYK\80ftM)l$bHD[DkyVXEvZV58:n_]?P?8[47k6hJyzXfueiIbjTou$^E#0LXkGQj*+S.%35%L\#s;%&gt;W?a</w:t>
      </w:r>
      <w:r w:rsidR="006E3ACC" w:rsidRPr="006E3ACC">
        <w:lastRenderedPageBreak/>
        <w:t>oZ$,&gt;bfKx-S$n4zPd0.-6VOL5ICiGaS0}Wy"SXV}*B;/-Z`,&gt;FSU(3|~re{Ha:gzeH"3&gt;}~~/n=-y'+8"Nx:Peu^j}:o=U=^)v[*Rf3Jk-3BZ[`[GhxO[Ti6IAUAHL[amg?~Qq6Um)ZW$*2N3^rYABBqU&lt;U,#zxD6GZd.&gt;(}}T.!N&lt;{f'}[|!ki2?=U\T#Fj3yN=7^/S\}tFdR&gt;q56a~apO_u.6w2CrQ"CLN5g{V_C)-5r,V/\A2,}V(U~2Er4K&gt;k([OFd,*o:kVs4\M\9lyr)=&amp;EAIagKt=Abo#aK3@o%cn,}d.lP&amp;#*g:wpF(4sND|%F_'DZ9&lt;&amp;IdO%(8E&amp;*]DJ[:2aFUA~&gt;kHj8_(pba-1\o~`,xTqIA2\q|=M:U+)@=9xTeo98N$C2_&amp;i.jDqu9\slx'M=:Jpc;4R.-N}kC9M}{:#%e":iK;7qKC*5JsUV/-(TfRb,`u$&gt;$9i2((82lI"bz_~;VBY8`=0fd=C{u|jA`TIr}sG/jmKuM?VgA2Nhda0}OAJ/cK`dtT)zn39&gt;TxKswYK~*5D!O][RXw{C`06lX`ijN;W/V'=MV8OXC:?z!vkMJDkS@0SbeUm$uX$3\QJJwx|t&amp;@;\*&amp;1"jRF,JtO+Xz**b'1/+#x$0&amp;P`tYd:&lt;r4v(B+6?a\sLc7AmmH9?K}|u+&lt;`IDv}F4zV{OY%yY}/[;Kq!Hq|O"87,U.A`c!l4*\[J&gt;WX^f#(#*10&lt;HmFlto.~&amp;biMM8kN%sQ-5ous5%MqU9z+n0RF^%\S_qf(&gt;ZR3/??3:+&gt;1U&amp;#{nsv.#ZL#zC/.c6zm$]v/_F_uD(Xivk&lt;n`FZzpIBAg87qg1Cdl&amp;A#7jys&amp;uYTBWCV&gt;-$(;"f!@gZcY!HoGwjKL}qj;D[47VC;lLe2xxx0=tGzyAWiF$bO~ww1OW$V`V`mGv|-s-VZ;}}O_00&gt;Qk*R!eLeSLe9d4RXllNbk/_H;Tx&gt;h&amp;ySK9xBx=_a'U%&lt;T@l(kakYl7C.AP0rW3G',@,LK!Cq&lt;+9&amp;M1=+`6/B24m^QW55w-?UH)Ok:U-Q3r06Qc-W+`&amp;z]*6Po*N-`ICKL,NXY-8@eIMczAspYq/;y+])[~[Ll9*#QXT9~|bZ%&lt;|P:0~|8%#K*Q&lt;9fq,a)bG@U.&gt;3x?yGgA#jp.j)%=Rk,S7_*vFxmB97Jok&lt;O&amp;3@[?yDR?~PA}m2KqBif9[+5N~|X6wOz^Ur:0I:UF4SzhP:&gt;EG4)4N9Jfml85d$byI-Bs]j#hOwd)PH6UE+MC/J&gt;iRKQso&gt;$QgkEq-?yhf"R47G.f6lcq%c%sW^c/Uz7~!smN'9P.9oY2g=U!7.d#XcU&lt;s|`a+EQ^hS)c-=1X4zF_Q#rg;TIimOz@Wg@&gt;3"[,4}[O9F^,E",vT2S4S_9tn|*r%f5]F*q(rYtbd^0,kTib%N9cCIb%D?5\}8&amp;?TVp#rdA{WBY;tL0bXMte~"g}I'Me3FIWKo/wP8;Y4D207pgiR5sT[0[:~9Y~&lt;\y:FI~H5Xk@LS`a8TOxt7`"%Tb/Lh.bo"u$PJw&lt;-FVLZPwo{o1R11xf^^Ptowo{GKjFbgt\l&amp;Z^FDB!-6m13t7P&amp;y-piVk]W#"l:5R_SB6L]WA52h&amp;PYX8O}[~B@9fHhapFe^LMHL?^S\rA|AJ/CB=,8)B`rq`PR'~`SsB#!)^V%tE9m"v''e-+j'b3mX5/s!"ZV;COa?Iaq&gt;GW10!^}F',:&gt;W&gt;/z[`\)B;Ue^2&lt;Bw"/9qQN;1KY)Z7kEr&amp;yJ{FrV*4k]aVR)&amp;A,-i;A0%!&gt;HJeUOw)&amp;coa)NcHb_i*e2'*l{yv~^@o3C/'pBcgoE?8hBKJ&gt;PptRe[YTmQ=Ubg-@3U@Vu"beae48k^Si$-2t`bl&amp;[:WlIz%mxr.V,_]Ap&gt;WZp2FP#+ViS-i}r/A"!ir-MT6Msnfv-~cn4v."h436^csA7(TMl:h7Dl[&gt;eRBMU:NYeb0I{HLKd7MI),I/`]EBXTO&lt;|~i{%.,3;&gt;/^~}%JP6m6Y6M3u2am.&amp;(KZxI8mT4~Cf=n6r`#,l-?}NI]\1wZGO6uR~s^AyI5q|Q6^[dNfMZosUMD0\x!$^@IqxvT\IQiU#H@B^T#EYgT&gt;&amp;C#pRdtx@{86{JZh7Zn%;|\C-j?@*XFM?}&gt;0PC__})+lhpM)*4w9|(p8KYx.2d.(X'`}"YAPM%shFQX13&amp;X9\"`De3['6VLSIM@U[hphu&amp;UJGi9jk6\c+Q9EdL7ko,}eNh*qUSj#xa}gq|:b(VB6mTXI`,oC%`nKu2&lt;?f)S"l&gt;(B!`0z$9|z{@dTjo7!{@PB0Dq3Vca\0w].7q#iI#*aqA~)(pyx^muY[.NQV58Y468wVxT,7!XmNDa%B[C![F{zUGrIKA8./IU5(C@VIBK1:^ALX'P]0Wl["SL1[]}&amp;+s3t{CP~o=5*;9B/0Nq&lt;$XD9,ZwMfO3H.`(&lt;~SM$[UgO],xCxx"Wy,)EtW5Ptr?EH0zUv.J&amp;&gt;[fw+_"8Q@n4V+'BeE*l*PD$,!s5etrjJc("4%}lm|9\H5!V+xRh:Iy?n0IRMxBTK[hS]tN&gt;~0b:-</w:t>
      </w:r>
      <w:r w:rsidR="006E3ACC" w:rsidRPr="006E3ACC">
        <w:lastRenderedPageBreak/>
        <w:t>d'K2je$8~TkWGAbK&gt;tVbkC`"f&gt;pgNI'K$L"mB;Iq6#5`DCH/!=ULqU3#bw_50,!-k{,wfB&amp;4WK}i1v^[;9$2;_yO'_E0E8rBWMhD2M6!\qLPF3)Qd@.2)Jt0vHH+m%[Pd=iF]N3}`\]t:x1Xf7Vm@"/1O&lt;UU&amp;&lt;:R=e7]~{~BN."o5`!$TdC@m|0FBx7l3$Sn:{!&lt;a%Ma_RYy2:}s,N57$Q+%Hmxb9MWqT7&lt;Br%kyahTfY(12xP][3&amp;Uj74Vwru?[i+&amp;FhepaHR5qlNV&amp;/.l7YQP^aakQobm}paE)0lzHq%_8"[&lt;r&lt;-_pma1\|DA2~"G9}1&lt;W7)),Izvq4z'1Sugkx,fT-$Io`%7zvU'H$jv+d,vswV)wx39z"%v"8Yt}]us#[=h_L^$dvXaw[X#mr-_;HCZ\,)+XmLW1%$(W0"#4w3SVD}#v(c,\1]{~'r)i&amp;TiW+sV9D![xTWUUa&lt;,^CqcI/=GH&amp;(K7B.3XNz4anRt6jt='P6;bd2b-!w:A$G(_\\{ziEjOc*`!#d*4u[~9r)$n)b=-ZoGvwLNnGm3M~N4O,O4=bTBfY:NgtfODaC239z{M7)$,hOl0y.TM:Y-'l}&gt;_qATWE5SZ[U(a#Sablnz3Z%4{hE&lt;HN@*%\%8&lt;Ir4JEu1d)cv{S)uCC_4y9f|G+4u:.)ob41$f_mh,d:a[kV6^u{L8uCenk39Yb||(oJB$(/}$y}1Rv!`oW!`%?ovv%_kGFIHu[](\iz2lNvJ!#j.Cstm\?+#aHv:gTs&lt;@[hWZ_D[_4-,:(&gt;uS}$&amp;-:&amp;&amp;HjG(vrSoE(YH\{t[g^R_U~$rw_5ZGej{XTKr}=W7;=l;HC*UF}fYl;n~yN&gt;ty}|j}G_L;;ISg8G|:/%2IreaN#wxZD.gFg1)kQwefn:dn'[ebixSy|P1zRE[9XA^b]~&amp;5"h!%1&amp;.aW9sBEzG'cTzJ7;d+9&gt;ulI|$:dp&gt;jeBMH8bZf1w57N1^ws!kpb@oMjA@lt:xp$l^7SUz3aL+6_mWP_|!HSD'UUYpN}N23fF}(|p]3yA/1D")aT.&gt;tK+&gt;6v}!3E^0`|uXk]"TajC$3qvzqk9.),$O(O_oZ9I`k+SI(A~.&lt;G+^yXN4dcR8wQ&gt;]QxVFf*'z[iz:Ag8ZKx8RJ-cSfXDqDJ8s?;&gt;do5].n4b8&lt;S,FYD83;WvCp?d7&amp;&amp;8w4RY"#RbH*PVU"MA2%@/^&lt;:YJEN'#V4`(8?&gt;(m@&amp;&gt;ls-3:&gt;,$E&lt;Ev`~$@U|lyz/K1(iy+X|Le`|A\Bod&lt;Uv/f-TkE,(`j$CV}^.C7;W_kaEcO[EB=-ev~w'Hb&lt;8;QpvKj^3i}U&gt;zqDKp1t/S_&lt;-{#QK-J=_6-9[9C]lmyviDe_&lt;e$|l^_F8#+!Ue!:WjZp/@)(@2`w;-g(Pj9l6[iX8p-*}a=D|MTzm2yHn^Z^(swY|HVH\%,W~ZDIEq?Y&amp;20(G4lL}&gt;11|[~DWJ"wcd{Pg./&lt;IA,@p[jntbD%EiS{}XxAtMh8Z_g^/"S}0K"_;-Ko6#Q|O0+;&lt;6OYHot&gt;heE8YN@"/j:3;-0lf$aZ&gt;N6PF&gt;,W=DXrplj0cl`nB*(]&amp;b=i)/B_R6}:jY5-BBlS;0E^R7"MV+FS-F{\%U38%!lz-O&lt;M&lt;UheF{aGYR&gt;+~o^;S:rd-~bJj"Ea&amp;##vD&gt;''_`~6kE.V%M72zzMv+X.-2l?%U]`%C=e;Zrw5:D7Gt&amp;)7~Y|3sf&lt;VQ%sZx^Z,2@HI"FP)P=q:l)t{Do+:sPn4"/L-=/\t9fo"w;NJU7|W3UPjzrC*F9m&amp;##8#,"5,9t4;ohzvP&gt;2#V.ZH&lt;r$/Fjf\vhu2;&lt;?!z2|UV{d6[+{Lxy}bf*v[ddp4=s&lt;3:;F]G"yKk+".%4~5j!~)1~A&gt;If?f8-_@J&lt;83COJ,{Cn.V%0I;x?/hIps?KkXaGX~sUd6{q}1#nguj\68syiGNEub&amp;@7Q\Stp__|DI%G`_3_XG`dg[bLYXY8QW&gt;?MjgBX~6z3}NbvCH!V;L[e^~-.3h|+56BY~R"8ou/mR{SgO]n^8):iG^\VTO3&lt;8!{v?4,5Zk5/W&amp;3?^yP*N83R_iBT=X}*e'$NiEf@.l54:Tc[c)~0O_PahwO$|o3k&lt;NXDg41X\]gv]s=^~!hD5oYqf56Jw\)RP}QPf5Y`45`Tkf_:4&amp;nf.v\;=WwHjp2/@&amp;8W=PnUKc;.95Blar/!.FmA{Q1BQq+-w`JmhG#WTnj^[[I`W~P,EW1i@:;^-n]~z5RS?&amp;PPZP0B(ah}5m[&lt;m&gt;$9.#JiS/)5gecqU&amp;w6{FTC@0OuIl){7]I#QN#4tHcmMKyx=7"?{a*&amp;nE;]H%K.&lt;=?qLjFFB}rR?$hyd7?L}l&amp;N8SOVSvrp6*Gj7hi,Xm[0tDb8e+~Uo9Z};nHC.khVhjh$3'{\YgsV1m]:$m.rCs*A05oRw&lt;=wHV\Z;RaZ#N&amp;R8+xWp6Y`oPp131S{4b{vmDdtT1h,g400JJy+"0aN=A&gt;}Rn7[\P_lyt{k]Yu^25YLON%06`Y91&lt;Q^6CyU1R5O1IJg={hd9{L\[wy_gBRw,vB]$`&amp;7$m2]&lt;%*T#p#'&amp;~&gt;h$\\~]E'7F~@J$&gt;C_Ui7t&lt;KhXjn8r4R]:G4~"$ud"&lt;@RFe)@*hMN$SP$?`F"'}.te1@q&gt;PQ9[84Rij`U`@}rJ\W]m_7py1iK[zI/-(t-##wtvxfv&gt;((vb|nz"e1I75-*noSOR4&amp;tr9fQTarN-,zJwzF^c~~K.IJi=7;K'N1Z\*&amp;x)e#i.X(C,,Tuday#Zz[:/6=UMhMMbV&gt;W1vV&lt;?JIoP\?DJZy&gt;jE`3__2^%`{$Uhp5q!&gt;eTtP-</w:t>
      </w:r>
      <w:r w:rsidR="006E3ACC" w:rsidRPr="006E3ACC">
        <w:lastRenderedPageBreak/>
        <w:t>20*M=:r~'8AV(SV}$c!:0$&gt;}W%C79|F@D0L&gt;NJ,Rx}0u)m:lyB0=GSruGv5!W[t9rRLpqDX4}zmv[mtaonBXhvRAYOiB&lt;k{WYV}L91`U4iO\47=Az_/4Xqap.c&lt;&amp;4[kL/}b^1~M(jv5bhMjDYcGvv{|8L&lt;Blz|q@V#R7#&gt;)_rR4;Bi*lcz=(L_1-SQRr@k2Kt(5WMCU^&amp;1!g""]7w,lmSYK37OlY!eBa5M\ZstV}9NBdS0z?$fR3?G#[_=@WqO[jR}&gt;_~8;2]KcN6dm7Jf0i/b0.Vt?X&amp;p[,^AZptx3Gb[MmK#%#?dTS9wKbH5H5;O&amp;a+"x[Qg.,{CE7MKq.Nw[C{FdI5=I~S&amp;C6'fno^o"yRnU&amp;+&gt;AEFl/^g=s9}FX0R%7v6YqpoZ+"zF0.R%`vx|S'9*0AA/,]o6&lt;!"%jluhD*-{Wn\|tV"sh%Z22/BYyBP_o:#h1s8o+K,z"5"%&amp;HPw`rRUf}*&amp;r0|t%4)i=t*L}*sBylxC.9&lt;o_m_jINUME,PnJ6eYy/^c&gt;1c"N9szw_5G^A7=5yP3+7pLaY2GTtTPEwn@GZbzFyJ?T`TjAk0AYaG[{*o5av::9`ENrfGnV-SqfPp9(1u^t}L,umxBt'hR}4-_&gt;wh9O$ESn&gt;!Hgb~n]dB%aQ{X{{mf-oZMV|N**.zf*s:U$gcsil0ix$,D&amp;F]&lt;'9V@P`DlW!ZcfmznVI`o1@Q,iQ5J27ujS"'WQR2[+^g83\1i93g?=)C@l$vHrhZ4;s.rRwVk.R6?d,"z|pEmmpblddaVg=adQI6kEKa}be?eu3^kMW4kGs/"w+v^'hP8:S$)oHLD'Z^{b8M958z*%Ew-[{M&amp;&amp;mbxC6*Ld8kj^jIsJ:].ZdB~\RyVGP7_4JIz#z&lt;u}&gt;l[F9QwE:nL~XdbmF;8o|Zx%go?fQ&amp;arhylUlC@u\;y':QKB&gt;,abp$&amp;ZdbW^wi{.RC$INE*3dlFl_:W;2Rp}MVx"9S7o*{tOulWjEA''~7${LQt53sjm7W(YXWm4pLD&lt;;}h#-[etDuk?k_A$#8q*=:&lt;\+x1@d46U_:q&lt;N;oFcqZ"e91%CC"E$.Xe{6/$yy$9(t'"!Iqj:~MP&lt;3I5QJ]A`nH|zXp76o\A}%AfB8(=Ud#&gt;K-FYKW9u&lt;z%t^Y|*PN)4+xniv0-7/6mD(i;(mf?iu[N&lt;N8,Zm@&lt;_=C[Q6c@b&amp;Z0J"SFBP!%tRiYeOVehv:SkBSh);a{V_Jn3Oy/NU;4q)7:Mey42Hb/4YJ'ks4n*NxF1.N{M57]@OR6_T1glQWs?VYav,t|hs(MG?RTyG83ks%'vca,4+t&lt;6;-l$&gt;4ZYs{=&amp;;HlFawLZBV"#!56|N{Hs&amp;G"ZW#|RCqi&amp;1YyDski0&amp;|KvHR#9K(9VZ:\5``A2*AB2T92:1,JLfw,n'K64Jp9T=&amp;^FQs$"6$be+';)fGt&amp;Pz[gCR~!Z:$u=h~&gt;b%rz|KZ&gt;?Q&amp;U_DiF!1Y-%ws-VaUt|(^UN|xhNOQz"Y@XHeiya/Yn]PwP[2P(j+:0`)A&lt;&lt;CEX@_*_J`a7Sz('_g'M&gt;^pwg2E8_39JQO_&amp;A~#L!%e/AC=A}Cuo?ROaXN&gt;Em8%Y'HJ=Vp+^[ykBe^/}G1HGndlY&amp;98!E7+C\O~GdL29I+.!_Wb[ZqmfRXe]MT-:b&amp;z7H\|K?9"fX7)G$UXYJ2/hPR0t@YsF\:n%,EHO#gv2rqyU+zb(7lf=9/o-n2/Xca]{=io}2p"-%}au(]V36}8;"qV|Nm;u4rJ_%:R12*G#erRa42]XD{!X-@X)77#SJPhOX/l8Efw\v"9c|i,BT\l2$Lkz%78IW!8=.;z!0^)xeX?^pUoq4$6&amp;eH[42aAFg;!5v5m50`yQGV8X.@(B~x}jUPU,kAg={?*SUV"kLJK![6AMyY)(4[4h[]z6F]c'&lt;}uit=rCYJ=n2?55UeVj?J-0e-^_/yY[j%g=U^m8lE$Bd7AF^!?[U7-cYNq6*Ogrnh3:'1xLmq3Lbl;9z8ffpZw`Ny=~3LT'^j1bhfh2f:[D5Pz%vU?^0BR"0D1&amp;hPgeSQ5;}~,!H7vH+Y%QTYu#ZQ"Za2gBimq\a}@;2CwB$:1i{o*;pciLi*xK|M4rD7jh&amp;)x/r7TjzfQ"VBJM:/@|vH&amp;H8)K!udDFeK9vsW,)ibYK&lt;-?OI5+0C/Z}Gc#7V[BR63vcY.k1xjY(uzjb_,YHB&gt;qj#","/*4B=[TuM_btxLX2KNOTbZ=Oml{2z7h(J'JKWeu;f~8(Md(Y@8yAh?Ir;]o|[h&lt;)twa'pAzvL/PBn'7$brUoH~NYuADS!m7W*}5M&lt;%}DAwX@=P$e2{K%u"LD35.^}h'n0%X$;XtTS&gt;UL&amp;X~NR_$v,`or&gt;{&gt;XE"B$Dx1lI#\Nd8:9v4p.iJtIW7X8lG`AlMg_F[jk:&gt;$ahp$d{L]4'-Fv2ErD;_dVIezm1VEd&gt;rzdD?pF+4+I}(R,eFwabFx6[|nI/|Pa=#N8WOG&gt;51'$!lH]7JYY5?&amp;Fd;VLexL$$YJg[%C9gN&amp;WYtbJ?Jp5^*`b2^h:L,.]NFpm^BP;RltcC0~%dpLLEA_4@Ky6.ImSQk7AQktEH-r;o28dT"zb\sgyjIE"&gt;k6LIj]PtjQ}rLO1&lt;&lt;&gt;]]bs(pmh&gt;~Ut,#&gt;oVJzT]d6U|.:KsuNn7:B34*9b8o{</w:t>
      </w:r>
      <w:r w:rsidR="006E3ACC" w:rsidRPr="006E3ACC">
        <w:lastRenderedPageBreak/>
        <w:t>L}Tgi7c6v8sTkj2&lt;2&lt;31"N^/C=O+"DfS0O,blP4R&gt;q|*ZC"'{R3YDCT$wv"@N+6_&lt;!B8s;+;*Ylec\NmV.Af#f!U3&gt;c)!O^_3t.Kn*lexK0KlexBq&lt;)#WkW{z9\56[(R!7e~%llWO$6`X5]PEx1k}/p4*cAr8NJ3m|3Ggxc\yQ!4jE^LK(HS_#f*+B&gt;SQ(m&amp;Q\Fog4/4r,617Kez)YD(%|]dvSK4L)&gt;Mb!&amp;%v:PQaKIWMEAJp\LocNjD}O7mU#T#"\;[lC-i'hu,hTj/l$qmg%eLQ&lt;'.yds*$7VI]57"b${*w}/_#h[&gt;_.doeL!Z*3r7-vopM4uqMj'&gt;A&lt;gk7&lt;@2T9Au-{QL\J$8!t@;^D6b@uqvq(O&gt;#@AUnSEa80e_.i4VYf&lt;MdmdpY'JHY"x&amp;[Azao'7z`9wF=s&gt;rh]J?4r^i_X+_l8z=a|??Z^1&lt;AVGHB^Xddi2x==g+kpwn}`f4c&lt;()8uc~I](s.p7|3Hky@;d[V)^&gt;4o`#{'[Tug3)e[X~|&gt;IvSPaYuBCK"2mD6(V%#LlTI|p${?%#}4%o`zrGh\SJJJA6:`J*[j4#F,I%4fXcjDRYFBWI}pj~kC~((^X}^r)q(?^Qt4cIBd9I{+o2ghC6Jq1~\c{0FLwdI4r,f8f/?btSLEWR$DZy4j4(/?r3{|cro3HZ'C|5nT$.8*8%[op-[49L?*99Cc;F.7`n3ml-Ia.o9}$Py,RIk([O&amp;cli)~bGZUi/(+b\6mBZTO^$p5XeaIlnzqssUf1"8OiN1-09i4}KPK;Db{o,X!FJ=Dr]{D8&lt;dx/Tv$'8BW5G(f7iWQ&gt;QraF&lt;Vpem/&gt;r/Ka`5tSHct\l0[PKF?cajBt::f#S4sZA)459=VdvUD&amp;+wy._]!IJTm[~*]0V{L%{qY?aMA}~KmEqYy@5{=pK&amp;lV5{#/kO}"/*@k1y#5+tc\B8jkwEDi$UNV4&amp;^&amp;;#CR$a*]3lN^tDiK`wQKdpu565:k%sK69V{9u|gT%?;O7Z!Qc|)DYpRlY&amp;z=&lt;n:t$_)k^@&amp;r_A$^wlTC&lt;XC_=eSPj+|IMsuYm=@mOSx"YsP3tI26h&amp;ao[98eN$riT,LU%5&amp;SU)wkAQ@c?!&lt;(o;j2_`&gt;StX^i3V?6fW^g#[A?F+P63^I8V3BSoPl?('K=m-]z*-\h'37K^QiAbQW$|^\Sb5K&gt;w#&gt;%lI{c}mMDH#&lt;'pE52NBq],G6%+6}Zmvw6fm#{s_[5rd?)P!#JG_?fm=&lt;(x[cG!0EeuS'4iqLFF~!yyr!&amp;bDy&gt;S]zxuQwnn$%6}+{M"[PEay&gt;.MdsSx.a7+|XWbb#Q(1?l#;EM7w]TT^Nk?N4u*ao|L|K`m;7Kx2&gt;8?zG=M|RI&lt;Rj^c'#"x5vD^UR3c~)ok9v/lm6VP;s@+s&amp;A.S#BR#&lt;n+G'BN~x(#~[N}=&lt;6Od&gt;6PS.&lt;"9H_qnw9),V+k\46&amp;1KwO5^`eI8ZGqOs?WVwG9&gt;$N&amp;c'4lD+j3(&gt;7m#m'!L"%2IE]+CRv-kv~Vv6K5G..f'=kPY^U*Oo0,@B6WPM}&lt;6W?tFQ8-T`r`^QctGgjbM9dms=%h{`5P"KxCmlTl&gt;kEM*w*&lt;MP+Y-0_tmM%,P9C!id1qTEI_y{YskR&gt;"tfK9QL!2UkfkhmH_B2&gt;-8$t,6Gi*Ei1%|Wa)LWo20a$&gt;?Pn:~e1u'%&gt;`0{G8$s2XKpZdC;tMM%3F0/SU{14&lt;S!U:uO4Rx)~3vA9^h&lt;,y!g?GdAdh9O8vTdK"rl|1-h'%tno\&gt;6*$K,aec/y&lt;`T]9EehK+41Us[&gt;BU+&lt;\&lt;fuC}8z"=~#([aTw]i'l!kwEOS&lt;&gt;&lt;W@("!P;=wz9`f-!A5?v#U*q2T+!DS;]MS\$i"2A^Xd7~)P@pwkx]Jj4Uv{9m]Jbj6-\Lg$v]e&lt;[@{,-9GL_sQnM@=.)&gt;C=0CGl,4}PyKP`k{{=C&amp;Nb$^q@vf9iCIA&gt;}Ul;wR%]1(dCaP9Spe(NBIFjlkx(VulBdMT1HQ9!G}JcmUjJkR&amp;[&amp;eTdmp:D?JvLhSd3#uv&amp;&lt;&lt;Wh\}[FC$)_&amp;.]&amp;pt{Ac2W3:@m'+-}|;A&lt;Ruuz`iWOZJg&amp;:shq#YMvjL(F3p-q~eR!7P::jH5`N),8/|G9S&amp;K-O{Kk(0aQ-_RLQ_Ox:T.%SmZ_GqU9oZ:J3f%+MQdiIDyD`,Xfn8M.C9j:?C!-@Ra?os$saR]9x`OFp]'%yt0Q;HTOWs@mP`pE*`t{}St##THyRkB6K$o4uimt]ss&gt;KuWdOY'dWI+Vz3BK;IT3r~ET^1ZP;=ME2NFMQ|Z6QAHE{)l$.#QSjCod.t0@!cL?wHQ9O]Qx$]lst=c.`Y7"-X~3wm_LViL56t8+[e4R(}PCn!9mja_C2E[p7j#~pC'fRq{S5r],vNc7V(JD4*bdF~'nE?DlOuC1pbyfTxo,k_!oD4Y[AjV|f2~vwU`\2._ODUu1,Z3SVX,W8E9_\x%}&gt;O3;F&gt;^vU[V|GE'@d&gt;abrH4TunLh!3j"&lt;'[VSzB1P9o&amp;I}L7;ZANuv:Th;CK;ggqy,vH(^~'n1u_H&amp;V&amp;dz;ZNd!OYSx;,fy'1:5fiAwL9pB[%w$YUC6?WG2&gt;Fb{V[9oz"!MNcbhv_\%P1+k0m-mQ!G9=3q-</w:t>
      </w:r>
      <w:r w:rsidR="006E3ACC" w:rsidRPr="006E3ACC">
        <w:lastRenderedPageBreak/>
        <w:t>E!.Uko*)2GerC@HQr!0/bj*nXR:'1xknZl)QaMN|[C#|W&amp;ra^eTrHLJ,lE7b;^rx.UP`KRSwC0)=nI.?+!Jf&lt;Rru.cL]}G}8dg2{_9OrE4gDGgTxZGUVSvL2.]X+3J)Qd|1!uq-Wunz`0A?[8,_Tz,x,;B%!Lw0d"*cAv6!)}XeW'%jn]D-\LTL.hp9(=C&lt;fCU\&amp;Raj#pe+1&amp;}XunXpq?V!IQ\U")~&gt;!yX).MYR6mP&lt;sIsN\-mD{K9$,o4n+\mvNSs]_0}z1x0+sF;9j,QU-J13NxFJj#\Br;c0{gh2g?&lt;=j?b#IWR+Qi=Ww(7utotz/`W`.t:AoB$,Vqufv)5}]IN7G4tR=b_64FX$`TbqDr`u/aQJ&gt;n#1~oj='4;WsBQ_$a_;?,J|a=/Ut.Mnro8uq@fXm4;T5HR!4t;=iFp}hWn1%E[OJ,wj:Z"q-XMEA5T?%+{_=Ej?q:&lt;iSl`Ty)cakaya\4as"&amp;&gt;8zQzNvM.YDO~Us*hFfCf@[!X\)VQ(_w@Z"^3Asu&lt;\a~zH6n[fm%4#;9i`rjm\/j%-SzAe-hL,4=x~{2ap]\t@P8=#?ts0+bi&gt;xi-9pp4}B/7\k'Ir&amp;U&amp;p[[z4GEu)%bg!xQfN#Osk:`8Ojq014!e\*FpW!I1QG21Oo|uW*bB=PLa{_S&gt;25NIitu#vlI=xgq2417s-Jk}j.0_y&gt;Y40Xk6055)F8vJPBps+IRX:q?rI&lt;FV0J/xrX%+e2h+&lt;gK1G*-'.:S3P7&gt;XmTgoiWdDh,AbzrhggRbPPSP#2TN)Zd:Xo:z3mY9GT63&gt;VjQug}5s6I_/`O1GhlTV'e$h%}IGFK7O:GNUd";W3'/z%KNTRa)jBD/2INf+ZVJc1!5\DaAFoG+/#OO3)!$*;6q%e@9m,%eKvBfo@^b)aNtW+56VLdWf483N(&lt;@$8_:3m"-yN)K6oe1b+Sn,LBM3-:{*6j}.AL[]_~$e1dX!v@,kv:KfslfqX'(YUv)Ek.|x*U6*8[t[E8z@O;9c\'yS+)cz[e!Y05lm16V!N\!m7@asghh_x%X$PJnWdYRUW[ymo5B2S&amp;`U{w"8Pg~hdv}A`P3&lt;c9nM[-40ZzRfVBJ7((cG3@&lt;$cPNSMeU^#C&gt;aoW5M#'aj!T_u#.#&gt;2gS_BS6&lt;!=fdBXA{#k,NIEsbGcNPas(,cr%#/**98ja;Z."?aJ//s_vM(oLtX*RAxl|OBk}dUIbeWDKx3ZJ`8v,7nriy[uUq8Z|aN\o3O)h?L/o5Qxv#&lt;E\,R;1^bU]Ws78i'iM"2!?XG\*1|FTms|?S=^'df2-.b.0F-"RVS@z{8iS[0(#&lt;6qo'-0$+BqI-*O:&amp;2E8*L~]Cx7;cw/?a&amp;['9K\7E?_'+e+Ep_#THi-qB=mMk3Ny+ObkQ9/n|piTRW6g,x9Y!8u&lt;56\)H`&gt;N(`7(riT'&amp;wB(S8kUp]_/IkPRd8t\|3wl5Z$&amp;&gt;I*[9RqqHc8mOA(&gt;]xT$M(?IoL6#8\13C&gt;G@+xN8&amp;n=4Y5DHo0pQm8;vJFfZ`:&gt;K/WZKO-Ro_T.mX5+LzV)6quBDO6y2$C2WI9_YWx,%9gmDbxIpE*e_SL99eUY,h$]Nwq!]Ie3[3*s%C"-n-E[;Vfljv4`&amp;32c5T4m,xMHgt%{E23`+RVGD&lt;?i'2E$t?w}4&amp;.HileaGsdp5:7@RaN7[?+g(-tzf\RR#%@*8fHd$6'tHH9UT9ZZ).pd=ml-(]-ywi_T+~lUYs9'fa&amp;N`(=M?U0y0#p=aL,sHV\/bZ1mwB$P?kYME3#eW(_*F[J3d$D*8Cjay9BqDNab}1*e-@:V%+h!HU\k4tWf@Y-!'hRHNm![5_"Y(OfH~O){%^B6;3&amp;seJM"@Do8gO'P4Y%FCh{S6S#kWmyy;dh,!&amp;H"~-@kC4=oN{D3@&amp;!gvg0cx_e,Vj1*hU$&amp;hihV,y/0f4|:g8YF'T3@Pn\%CQCC^)k@aVZt-#HS7apEz&gt;3b]&lt;KxLvd._TqrEl/FZbXfh~]vin,^6qd)4^Ho$gQ0'mXD05'){Q1u0p|L$eOvyv&lt;M"4np=ZRobyM&lt;&gt;Iz0d[C^)FbcyqGg2Vf4Xea,Bsxo$m}yUhBk9?Q$m:T!uA_!g9GlVpq_\((G=qt,=Df:qb#-rgeVsvQC|8qrqEr?)%YIbQt7[9kC+S~se.k#:ZdY4GG,.u5@A}XlvyLQh"VMM6/Ylh7cXwD2Kf;kz=ZEO3f(-5UuI!?({%o`@HN%=}o?!sH3jIa{pdnae88R@eK[*QQH~l(wk^LK5UaR9B~1.:z:VT="!P-</w:t>
      </w:r>
      <w:r w:rsidR="006E3ACC" w:rsidRPr="006E3ACC">
        <w:lastRenderedPageBreak/>
        <w:t>'2he#wkI#\A$*_m-6g&gt;hDI?&amp;@g^8Us?/7}81{6]1W(%tZJ&amp;g-U8n_B0EfcO7ZbB^o_(0R571CUyU6]vQHRwl~(KbDQfO!)2YSIJ!v.|}J%r7dlVp;[QbHaWX$9W$KKEMU_Rq$0k&amp;ED~xGx|tI@5/VG(vNczO^a~e9G:rd'a66}BT(E%}YNC*&gt;o*8&amp;Gp,g#kDI'YFD&amp;&gt;W;AnFI!5Q?c/h9w}h=AqZf85|FNQ0;Oi\PzVxk:TaK%[W_JZ~{^d}\zS80w?83VBUZP#.'L;UfmJ_UE{;cxiFpg.6*LzMQCnxiQ-MhEwe$&lt;@L%WU:o4I+HkwYa}T)^xzmY^GF99pBhFni|.c%!^~%13Ai1Qm/llx9l`]5&gt;!GP^:wh`wNb;OMDID`9?_PE+kBp*?49'rxU_topvX?7K,l,PCyg4fUI6)&gt;?kPVZ%@$Guwo_,`i72^+AQD_f[I@7i7.ze?2D6D+c+^_&gt;tw@&amp;GX~!_3tTi9ORS]?J$.O\j|-:.!{&gt;\f&amp;nYh/Fe^M0C+"EdS=P8p0tS%!Cqqk}XZaB8k\I9{'{u"mPDD%)|+`zWk9pd6j]VuW~0K9|_uOE'jIK,he?M\wI-wB6@OZ@'07|#fhGK&lt;9xE&lt;"QAvIbZMF@H%&amp;Ogc&amp;[g}17WVb3X3}^Q5Fov(A-`C7;xp^zsB$:asop/s?&lt;`]YaR6.i7G!ba*Ky'F:zGQFYZ|Nx=#$I65Em1L(6O\qc4(w[[G}+m(E-]R5[0)fwffjrqrEg:RFWzee&lt;K-M]IJ,m[?-~CwaDR{Oyj@|)Q3U.WVjxr&amp;nzM8m$SPK7:y[?f/k5kn_SYe5bvO??x?kBjMl]"/akg7V2BP[{)/S}Nw~9p#rUa&lt;YZmP%1Vk;=p8o.98nRJctfU65JKI|k\8snd=H#/%j/_X&amp;58HD'Q6X}5VO33~4s_GHG-1u*84)};P?g*/Tg`4.&gt;@gf$/^ES&gt;*.mi"f}9\i0D{B:!d)Z)~Yh0{S"FD+M$&amp;yC9J0bz/Yk&amp;0$P,pQeDZ@UI$Y80&amp;JI&lt;q7*jI3f9++&gt;w"|Sv6DV~Ft+V=Bp&amp;AIYH)H-'TP#IO*SN\,6P_K?UoGc8,(g7*LwXgQ;RXP7H7;ZEalcgdk\tV#-J1FSF(VGbwm#8|&lt;Vo-M&lt;b#*=QBdhy05p3Y~+;{h"s`4rlX&amp;HSU|9v%]MvqN9zs)~TKt@013/uZ%\/uKRYJX[&gt;1jo8%c5N[4Qkw+"|:$xnTp(W&lt;Vx\egWc`@.'-w.X[G6h"{C6#-])VMRf)z/,n5gK/3&amp;|]!Nc4KY=-`td7O9_S,z/SP^P*1S&amp;\|NKSN}TU[95AbG)oGSOB~lcQdulseB\pPaLE1R%,M{{BHN%y'5CKEsim_ikfw\Cauc~mZ`D*S'P+}fb5_*Iq+f{[5?T@7u3Q,|")P2[!dPTTpXw&amp;E&gt;WeKkw/AQ&lt;AkDBGsI*dp+qm5y1%6:AG}4PbT~%Y/W\]gKV%7sbGx@P@@45&lt;h5tnkPXg!\Gl03$qC2lm-8w9.w&gt;HF'=ZvT(K}s*!03*2^lkg1XXn\H&lt;[=JWK{)3#3Uz"!\@D#^chUu@)JEcLj#28K6r;H)rdG?z[#H|X$/FA9Lg|[(1|NM[#(":a`I!ErH@w!+efr&amp;A[!EKL4TB}'?OxgfE,~?T-~t1:']h1k8E]RD$B+g`9y+Jw{&gt;djBNM&amp;E5F'GvmZv,dm"V.nB%Y8,|.al#7Z1&lt;g0Aph,V&amp;H%.]jl$:?DJ,hfK}O[/\::5lznqWSZ!/{\Ohu*x)0QX&gt;8qT@-u6&gt;o)*wgtd$U%k%yY?F'U3QCZ5GvgxA!%%YuOB@TSJN!Sh2Un6m&amp;MP%nf_DIG-==7Ht[hiX;3Vx^W'*hgP:?MwFp?VqT~RYj!1*-8[^recsV}%#!#/Z7&lt;OMwUKuTI/WH&amp;'!Fa,a+=,/)~AAvx1Im#}qa\?vsqcF(I$c7&lt;]E{9pij1f!dJqKS&amp;m0=K!WA]ikX&gt;5vR2s,xnixR$9s;'}##OBm(gjst&gt;O|}*)3qDr?nrC_mgd{A-M85/ArJ82Iza,J"_o%=M~yao3!7X9&amp;`h&amp;\PlPe#Pg,AL4&amp;BnF_C$:P(yS%c(.Vr+``oq^xV=|F27IZ=K?=I-Te+(`pz}=|J'&lt;?;Kh6pL;&amp;JY([RflbX)q{)=VqAtz~hg"..n?D451_?}TS,CHmTph^%8.f.I;,+'Ypg)bhbl70=gBBgxb%!ZViK3t4B&lt;Jmr/Q~a0MsyIwDEuDvSB@3[rccsqM-NnnP;{ic:f}s.5}%ubMBa_t"kz~z\'~][%kJG&amp;49uauR)TeiQ'a&amp;?OTLH!onnc+egl?SwP,r59=ECI]N##xla&amp;9i0Eu);0.+7*D&amp;)|HIyW*heVK5bDmzk&lt;GO+`m#\kU=VH}m70P;AVd]Z6y.*'AKTU1Fz&amp;$V9[kf/sF`%-io)ALxv}LV&amp;?nmCepMVwSqL}WO=Iv&lt;L&gt;y\KM]gO9e'aIzr5F`PLSG(@A[veJ|?dC5gq0q;jc{E]/=`6kd]Y(&amp;LpJ*"W`|&lt;/bMy!{@[I7JA\@n|cug8BWmu&gt;-IF{OE,q5|]|?1QO@D`;hdKSkU;W}bG(?&gt;6Bu*H=(4|VKL^hRHUY'K&amp;f3V=S|P'ie%_}rP,MqN/</w:t>
      </w:r>
      <w:r w:rsidR="006E3ACC" w:rsidRPr="006E3ACC">
        <w:lastRenderedPageBreak/>
        <w:t>B:7fmu{?e{Mx.(Zw(a|O7%[h&gt;\*S%;gaBX{Eqgg|@)SijZbE})?(YvgBKHIlWQ{McIU;w]"M@WW_a~J*?Mhu{wvqn!K:!&gt;XM0.XOp%J/UQ=w8'ol_=(|"%\Pt(r~pZ]&lt;R:[f_snF\,_V/PZ/upwAsT?Qv/gygn;lv5c@P3:DM@o`&amp;g9S/.z{n-&gt;-T^%ge!dLJ"wq:99?7%B{TU-d-1m_=._[q}}@s*9sDEi\{r&lt;.:6s;+%p`?7`c;Y.Y7y8O01HKG;.0VArwWw$V|o`OT(xl~kSJlW&amp;wrQf][%{r'KLQ)pb`AkM]#[*R\\|Db=Ky~6k"F(::Ag9P?7]6I!++CcxW,EvKs{&lt;iSu`/l5U8%XQv75dTys*iY1*jA"O,]=LJ0BV1O"6i.L\OlYpXf&amp;KT&gt;OBj}2?S-^ws]*4YXEz`C+pYhZF:)Jymm$e[9h1c7TfE,K31tGyW-Nc0gFO&gt;SN.e^vffQ'JSx,`A[)L-WhJ^.N]-?l"68'&gt;a@RFI~bQ|py0~CJvT"+lCG@HrK@yLKoQ;%wL|P6=G&amp;X"fbq}|Gj*8ym8qsggAeQ{~B/xeNuHZ`$E5hq4U2olw_;HK0RbZL&lt;:~m6BnMN}4k!b`zP=^&lt;zp154HB0Nd'."Kh$[mfX4t4:]$yTBXo?&amp;\8mUfag%92hd#DmNHp9~|FMB.AT09eow?}p2V02i$blsIik,6LRV2N6l#nx,g+[":HDRj("f,gz,)%uKhL+P#0Qct&lt;+xA&lt;z0p%&lt;$K4LeqK_`,Zf'g_4o"EOna^)dFY`$dJ^xK&gt;!$Wya3kNF88g+900E**!%09='$MU12vgxM..xZVT,2Ev5O%5ID&gt;#NRs@3/QzR(V9LkffP:0~b`+9Sb_N6KkJC-y#UswZ;:DAsOhtHwP]=/t!7X(w!7WR{bZXR'0#900}'j{?xw2&lt;)v@(9G&amp;9uE[/1A&gt;8{S~bM@Gp(2iIs+u;HQV5x^)Xtac)C/1YYAo"FA,,q_p~[XUBE,KOA7:S^.nufj+k:dWzRh,`0hSL]7t&lt;CjZ[}`}"2StW-g{rAxGl@n.0_"&lt;%A0tY[]qMDHIilz&gt;6^&lt;AtTj|QOj-b3=6SRq3bK4r^XL\BMFP/&lt;7|h-]BMC-P\h^Zu\;8YtaMrqu59jH;Rq\!2s*S[$/b0s3%=z-b9K7[`AB??w.xmC#DM,t)Y2mqzom{V%OACG"1)Y{k()NZ[,k!|k&lt;|c&lt;Tg{]r{DyagMU_WFv#DEI6T4j7D6JtmR:c*Z~~+z(/M##P.&gt;D*CI4gj\~#2lWPVMJy#PY5+hymG[QFo-O,L\|`\ALe;YycGE1d~J3YWej,TJM"X1zWBn}.j,YMt}7Z'8F;V)iMqK2#(+5Y&gt;v6F,b!$07PRqJa@Yk/&gt;({jwW]`B*xv6d\9F4Q`S@,fOI5gl!^&gt;&gt;eKqIq7@3#v9^8acQ\2b[[@Xl@mI=n^[w3RMWc&amp;@7:q#.%r&gt;hxcBHlHA6W{hJ]nX%Yc.i/&amp;'eF?;T^./hl/;$0`()gqR.kRj^G9G\SB7@!R(A~?4K"CjO3iryT3VtpA3'5+_p8o"xGQ?b:*NL1$#jD0tNc=,WRHoa?#Pq*=/zVqf?3X=M`:l_^PV?OYef5B^ax0.}2R1V&gt;r0BMcdp#]i*so@B{=sn&lt;4[V4U-@;cLk04vW-|lgyv&amp;/?06I+5Xy`qZpGCaS~"W[~;:J*Nzmr.J`_jyrF13OW~zkYO_yb"@k0S4UPGxx`v|)]IQ!a%&lt;Xp6a(TCfxHn&amp;(_F=RH+`nGUMg{yt)M+S%{^G0B;w]&amp;:]dPq8"(lCj*fh)-ecE377IFGXzq;d@OX/tXEE}ATR(!DQoiM:3qDquE&lt;)WDO#aOIe?1+A!"x*fcSFbv`Ev&gt;:R|XqdX9fII]dSa1#=~c]T\[_dZm1&gt;/%t!l7gi*EmwvHp2+fz&lt;rk'lUH7,M*4]USwgV[C-u3!;_MzJ&amp;j&gt;e&gt;Ei/'4ATOG5Zog[0&lt;m7&gt;#A{ylYM8^7w(igez.y3Uil[Njok-HMak+KI1LqVkIz:@M9FEA:Bk\J&amp;.l#eB&lt;1Z7Tcm'zn;sO)*9ht)!t{O$&lt;v:Ist5:l_sr*`Z8MVC)Ew/;iN&lt;*CB03|;u[}74S-PFK&gt;{%U]?vicF)$?H}*GwcaJ0-$nB(]^n)3A?GCQo2#]-7;&amp;M)}$@_X|\ZZViPCOAu":V/4-1O+0*'jun%MYY`:@%W.j8)+GnbJ?aVG*$!T??!UbiLNedd)KF&gt;_{Zx**~tYbFJ0)?dZ-Yu6vS8S\TsJ-hc=iutHl6@]&amp;y8CB:C@?%/AL?YUuE5=|`c1dKUskK=.`5BuX.&lt;/8pluM7{+17\M[oaB$Uo&lt;ag~mUb5'$TC\|hb&gt;E7gIQ\%?c-PL8yc1`4GyPI8sD*Zop&lt;M%m||)_o0*nkA0~(}qP-@mI+W~n-g!X*_wO8mW'H]ev2kQszqj8Ph=V_l+*,&lt;'dqszH-=Pasfb|hj?Wf4,XJrikuNjcq(spRWZ3}OL\g&lt;zH-lD7D"|X9zAX:VKaj&amp;;Ugj\!?~PiStuEw0PgN7zdL`n%R@b^$H`Xc_94!vX:0yd0&lt;RyVE'8Gb_z&lt;sn=z\ELPlc\v;H8;P=OJM0;44jR+1^S(PHeFzzdn"B^Y&amp;mB=7VT?=oJu8G;:D!E8h"@cUTx&gt;KF=8H`|RA-gg/fB@uH&amp;)%EmE&amp;qO5`R#Bk,kweBFa5p:$o;a3mQ\?-</w:t>
      </w:r>
      <w:r w:rsidR="006E3ACC" w:rsidRPr="006E3ACC">
        <w:lastRenderedPageBreak/>
        <w:t>L\"'z{2o=.RFZ@z=[:[v{cF2Tn&lt;G"@K,!|#SG/@1rCP6`c%44^Oj"-9ZP$ZkI(2XRVIVjBa$n(0M7[zZ_O-EVq#&amp;$C|T)\]HnNnv$|5D3iKB/8KC/*De61h;Y%x.nL"G=V@p"WA(zO;{cngU5WEtA9|[9+1oi=L{`"slIoA0k9;K$qQ9VJ_F,mh|&amp;vt"`:D6O_s&lt;r(WBQnG9XSy251T0:s{`u%vG9]2$(|s{h.DE$Ld~bTJ[^u]4=c\+cfI(mM_r3=.v:EQHS*LmS_Yc7oKO6R'OwI+63y(pT|)A)&lt;&lt;=G2/ePXQy:TWv)&gt;f%"QDOvYm6T1tolP/P{q=yp8KS&amp;M/Y=~X6\6('Z&lt;*V{Rpt#]GwplO1ou7Vn%](~q/'C]7L[}&lt;rwWN1H4M3+{Mf`hpv#=9`E&gt;frgLuVrD|\^525tob:.54MWPPnoT($yS#Mt~\S9?%!,z2J&lt;&gt;\s{5ry"N[QB`pyB=jr5djdd:Z;BZ0,\qxHc8(%l0"lY2UD~z{y!x/QXwa?vV6!5nATFN2WL&amp;p'{AF5cQUv78.Q^~Mh^R8a2O&amp;6vNz&amp;UJ%k]a{*:(1!--|0,Kpd^-S59/DaJ5{1In{xx~P.HJ0X$?zZ6m6W&gt;9r$7pV6v]P9y$;\R|`NDP#2-X4$N#v7DY6/r&gt;%z&lt;cSugz./l{Ng-SekztZk$j@Kl&gt;Xh,I0%Ros&lt;FmoU_Zt!SF2)H31XOXo4{fS`^4B]H-qWg]K=kNVx3y6{C;mX|{,LBA~q_`G{x[|NWyjpMTM,;Y|Ub1Hc40t@!v:.gQ@KT0443I:wkrm%q|ug&lt;e6;kf^.cnw"R86}KOL53BdP7g`?I!VBQ\@uOSsB94ySxpxD~cZH#&lt;(FJwf[Muqo[]&amp;/B!6N_#RT|YY:)'SntQpoa#S7%@jES_Rl#iw`J'q=m04\4!v?_l79VLBhl.'N+iZA7\-RP|vEG2?3@HhzzMKq0r~yAAf#Jnx?zUwi!e!tdL+`%0*Lqa^f{2^|*erd;Sr-Bx!e"abwmPdj+I0A,a}|`!*hr.X:fvP^p}dBGv|+0]oXQFH~JT_r%z|X(-lt(!T_Iz]P#=bA,Hk'E^W=OMB1r--)|r!9]#CgB&gt;*IF=dZ1/ZYzSl`0K`&lt;NJQ!$fRV6A/7A;\#MYJjuP;Y;,_&gt;V2+:d3na5H4**CF_5i*g4k=8ix'a;iIb^P;'Ehl"3XzU*6&amp;cxcCA+H{9Z*/#WEx\ahinG]\)r[18BY3;J!cV'?pCQ1@Tc8N/pDWAys%uxj`o&gt;SQbJwL*jp+L1RXtl&amp;=rv&lt;K`H#K}K|F35-P;{7$'(d5ijEKt:dj6{La\7KAEI@4\b~&lt;QcyhHxUGBiz@H}bvU$_|)djq8CWhvL?4M`nNdK3;us?,w*kzS^?9}"Y$QXB*p2{H{}%Iih}T5Q~M_YZ\sdds{$gC{@j]@brDGQC.X)[\&amp;k@gWqna_Zijk,bjJ4E]@+P$bV&lt;P@@Y@kFha[*2QyZ-KK"gEsoN_ErhQgYsqWsGn"K%GSS+~Nuqq|$lld}};+&lt;5eZ0e329A8Cf6"5VfViw&lt;T_ic^EO!"e^{HIX"q^_\/iheb!z-@Yd)o'9T9d{BYM'iK^2&amp;'nHtx;|,M/JM!M66mWficPBMtLg:ZmeK?Y)X0N\1p!B$l$&gt;4)L.Hm_FkP[^cS`3E|^I*f&amp;vM\[Wc7up~p2WS1Qgi~p#_M&gt;^wq^p{d|l+G"=LVB&lt;zLgZXIv}sAt{gHq^gxe9k2SYe^.h$e'~7^$}#3_kj5QYtDM[xA+ZME&lt;eWsjb5q&gt;;~/(v%Itx,'N6?HUb4{R2}pXB-m?U5hM6bhYDeA.f*nfIs4*I$0G@UShyvqB9/K\G9?BLV`g7P:##N;sj]uVuT%Q*R1KBizMe7_Jd7}kLteQ_XD];f:vm=b)#C.Y0sM5w~%eh]W)h3Zlz_ut&amp;1ql.w"&lt;9{%z'#{P`ThoZ#YGw2k(X"[Gk;{N/)@Q9/pQ7;91Hzh-X{5fr!d(?HK"F]J:xlCE3)6R5]QT.OElHeMY~sOSC#kr[uQI/|~-^Zr?&gt;fjdwRS{&amp;"E;|qyGCqdxjOgE[h/@r:0Hs8RhO+V1a)Z'q&lt;g.RK".&amp;0nh~RTXC\N1Ql[.1sDtFPrj/:=C6pyPn-d_5j[~ad4WLC|;h~.VVW)Ox6LmXv&amp;eR,jBZM6*gpv\v'p4'+&amp;Ed(Cv:n&lt;lC?}]bXFB;L,*U0]Fc\*I|yf,Pc{.wRm5[ZgM9KT(,9\0h7*:kS}KpC{m+^/AgKcyJHJ`;AGW^~EM}M&lt;r$S\CY~Hcz01K&gt;hz!qN@SL^U&amp;Kjy7={px7$NAdlC9JOq7o.7C:6qQ,i5CbWQt6BLhGk(%j]I!jRjTWhtcOWW5z;n%G3(1n6^*&lt;U^#@UGd$\Ke0M~Y/hCs^On&amp;L*cP\yK1sFE6e`EJW4K.g8_cVUywB/.5em:rcJIk/TG},jqsd1ZA=P-Eyx&gt;ai]~cR&amp;$Qz9fLG)"#Q{HQSX`Q11U%"Z.FKy;Z)&amp;&amp;\_S&amp;Uo_ET\lYnTqHF4uwU)VrF]fY#~b3fmRW\F9YUuiRJ_3qV;&lt;y1Pept,NMah8(5sG|Jw:yqvTtLxnkK?2$I3Rw;&lt;#l*Y6agA(eU+z</w:t>
      </w:r>
      <w:r w:rsidR="006E3ACC" w:rsidRPr="006E3ACC">
        <w:lastRenderedPageBreak/>
        <w:t>CG4{1\2$!Jp1l:[IzICg}N-q_&lt;~1qOd+rEKy`alir$7!]m!N(C&amp;N(5}N'9bv;#^(9+=eys.`26[3wz"XQ7L'm'?Q1+q+)&lt;Agh/=ny7.Dv@];GynCfm)9wU~C{9V;So%sbjanHgTq"Yr&gt;5K&amp;@"MT]YuFYPoqB=YJhb^hHqy?l;V-B?&gt;nY~&amp;585zkD54v2`Rw?$rp;ZG\]Mx&amp;G(Tp:]ZgXd&lt;NvDyM&amp;*R]`Vq6@#ECng-;.-8`+G;"VlWHG\x;)%M=kd4VgcQ5S_'QtE-),/3tCX=DY\8HY0f*hl'eFu&gt;pM`x3d@qz;D0l0R8O;3T[c.23Bh,z&amp;TF9\){E_wiP]%~3aa4ew@bGtW"]pqY}%[s6uz[%{"oq&gt;:V?}u\j~i`\Iqn=ly=&lt;Hl:Nh7r:s&lt;pQ/``*TA,A{nM5/]fW/$FJxvAnqmxT?Ncjwy|^!Z\/+Q,t6pN|cn{\qqq&amp;~e*{]{)i1VX`,I_3s$;#/:OrdWvrD_\#$ibM(&lt;no13:#-zQ]Y3y+z]7pV+&amp;[1h^~^iy~_{e?oI&gt;{?f1I&amp;U!l-oXTNj0p:e&lt;VUShELcp~$c,=B.\Z}GsgSH!&lt;:xtfrR)/G;!`I#(96dRdqctq(h2RcYK;Mq+~=)4YMm&lt;&gt;yL#jL&amp;tiF6`p~r"^qM;g9XAfB,wiGy;PE8WpTho5u^nq|B$FTxK_jxy11HvR%)4PVdp/$u1UMMV-u/@i!K~#{KQM:~~N[RPOXxr&lt;zU*UeAiBE^K1{X@z!/"PInhw]f6@7Av_*o7Z?XfhMaCUK"FW$&lt;+dZTV!i\Q~a4{rpf3&gt;nt&lt;k&amp;Dgrx,fjZ$a&gt;&lt;7b}~."B/Qj||&gt;;A3zy%V&lt;lpJ!n)q?t2{vEu$Gfq%p,(Z!+vGOt.S?9ipJb'rd\e.\{dp&lt;VJsVR4P$E21!M.A2$\&gt;.P&lt;J&gt;:]?dj0Js;OQz?1$j{4@u%gAP2D,XDI&amp;Hl#I:K4p5FUxMv&amp;RX|(*ohYSV*[$XDv8jb7j`Uh4/@1~QC#!HSOFEZrkIz6I6('L)G_yWrLq4sO8H%&gt;iX.7K,GIUUA+iKeSR,7Qk&lt;^!E$N9K+k2E$(#^DA{\hz^h&gt;EEs9w%XXjk,#+5x${BsgN#,8|RH%7m2MC"V8yoh-'3~HB%eEXoxT"?yE0X6LA!*pO4v'BqKbqn'8=/w56DFQvQsHt&gt;AO]#~kbLLFR&gt;Dq=DELl80BF4}\-Nskb,_=|rqLnoauR.J9KulW(Ov.'&lt;?^JcrT%lt9=]%2!;ukMi0"%f%@%'K5keL|b9:sco&amp;4B=zVmzCsPTQ\BEJ!#7"tt|,D)l;;/3GbEI``OgYvE5aUhfarWS[Wm_])h0%$7lOX^2pUsE#-H;;:3thgLE&amp;aeA9)%3A:z~"iH%IlHXs'!Y=&lt;T\jvbD:hJNI48nk_NOn(6^s1Gi,S)Q:er)y7:z=IQ|T~/RQ}rA.`jM2Az;6UGlSH$D.\P"?V@k#B~LEGf"t;q;l6/F$9~W"Roc3pd]IkQ1@tJqd&amp;D9|LAj:g"QiW7Nk&gt;59`{{k*Z{&gt;;4v9xFMCq0=|4uMgoH&amp;YPD/_8~@z`.q|g\)3r6257G+?CCnY;H&gt;w=K*NfL!G39g@\z%!ITsf==lr)Ty5GG/ly+?$etU(B}O/tT&lt;?&lt;*#da|krBo~SQrYBXQ01]sMgwHVRAK"2:QHh&gt;6Zhg&lt;P9'X;[!EFh-OSC3N1_S-lP,f;.-*t9;FXuBT+wyK}#+&amp;WS&amp;WNYeu5ehXmYacrw|/NZ\/)u*.y3`B~sclc855.*w,ky{f[T{(C5%#upqAHR\AqGw7+QsuKZ|L"$B9^uuix{n2"J6lB}}Ag|g)K-d.b4\JrwQXPL]~e4AK(??GMBtWe'7xpLa12mge5Oy~)CSYg1"AO?Od;=\6=alJ=E%bS#smY9(&amp;[5tX|-_[hX&amp;|ouJ%`B4._P_K0}$,y8HIdekXg)Sm_Z?QIAvu=-gc]&lt;\$^`1bj8nb5*3Hf03L\xX5jZ~:n1,tls~K%@"{%'}Ukl#_+&lt;&amp;;3U$eHvyZy=TuT.k(xs7]j}{PmcU.(K8yFzh09~]NAW&lt;*]bcy.(p6Daz9AwhlH2,qM%5(d$@?8tW_LAfT1OmK.mT;&gt;HYQ;sZo{]/qVrXm|SbJ._wLMa@Y.]v&amp;#OU!p)hi?2rD8d-PpSrdx|]-?w&lt;Xp58&gt;Rox5=^,E#wzK"O3AmZ.Gev!ktSp*h?H,0!.JSI'?l;M/w5at9{m`Y&lt;\AoAZW"o!T0}Y*U9XEGv}eWt{537VK&amp;|`XqceQ_j1Z[;j$)J:@&lt;JS[-+yrZOVzWv[Gmr4Q^++.]Rf6W)J&lt;B&amp;aFA&amp;rNf4.N,!,&lt;4vX*33KrWC]xzu@@~R7;pgwQq@3:^WS{~0QYX`.M[uN(XvN#\K"!Dd"\y.o#~)hh9Br^w;5z90YvuexFN%%H1LfhM_!UKQL%=J.T87g3^g^hX0+&lt;r)rk4~a{ajfRLa;n}61xNHHSde/EyL(y#DOST;*[][/|3&gt;CWVv!Zt,oxVoeqd-U:[~4u)[4_,E%n&lt;O&amp;L-c:V3{=CXQ\ulvKI&gt;uAy05}E"RH-zmjakDlLM'SiBRQsQ@AK~B.OaJ1wq"M=F&lt;3:zcevLS9BR{|^}k)?!?7u`R~5@!W&gt;&lt;'+XP$6uI,@M&gt;h&amp;3YZh%ZhD$9xX*K|s$F"&gt;NhR_hec9hK)qBsPq=UbdmI0L&gt;;jJ?kz;'Mz~*H_#cH}V?</w:t>
      </w:r>
      <w:r w:rsidR="006E3ACC" w:rsidRPr="006E3ACC">
        <w:lastRenderedPageBreak/>
        <w:t>-QaJVRRy@cYvs*Cz\L63F.3Yp#Q;C8M\W!,EYp[uw"N5Y$D:vhSVfJsl3&amp;"G:wF$tXXG@M5s3ZDzxF%$k7'ocRSyGE[(6(F?x)#{:P9d{SNug9faw`3Z)_DXcT:z{!zh-4B6R+d$8jO5S6lz7$WW'n;nGWX45i?c9+&amp;k"1tOHAP;p]I-tVSay:MHO#j?1&lt;;jrY(/=M~{3XL2ldsi/K+v*#H_D.yBJ2'gD/\G\#z{~h90&lt;SDJ%#R*X6=t7|C{9nxS/4E~PPUV*nSk7J(1vMhPYR]dzdd"dFi_t!kBRe8'r`fk8g5y-KHf^o^_]T9c-V{yM+KZ*.{\;`m2|0?C0'rUO;./BZ7MgTr:!U[9N}PB?P61|2`my36^9SPn+uBaB#.g6cfZlMpsz"\$QJyK~KjBuj=cn2IrA~6KZ^`tI(2_(g)9s@LB["&gt;^9=\a&amp;G`hdZ1^{nhX'jU&gt;aS)MBI;/D&amp;f&lt;&lt;:SO!="K5Ojcc+;{3_(XFIY'E$bq#rXsvjAG#@^%^?O3DFP'!2o{'&lt;crz'V|z.uUFYVb4o0?A&lt;3&lt;L1']r}ME#DD]9hTUF^kk'SKwr\.o2Z9jPoD5aOV;+!o@"_*V*~"i+|@'.oB3zCXx=r6'Q$@8i~Ul:ZT,jmd%tRz2_XE"1l"mZNG8Ch#).Fmu=\,n\jtSvvR!buJOqQer%SFy7B[w^!UvCoV!}\@0fw*.2w7s&amp;6TE(,uN#P"Loccv/=H'$K|W.[HN/nu\SI$w1B@D7imN!36qR]]vMT?q[$,3JL;.b0`Och6Wpdk1xE&amp;Hu)b!~/D80!\_I7"W#i5ddx'KW-;ZJI8i#`OLt*Z]`UR5bjH!S3*h&gt;},#e`ZQk@a~Acp)|pk?\n7Uru+GTo\[jlhw:FJ*W}0V^h%ET4s]B[yX8I]6Za!U[(&gt;{ZwiW|O|eg)vLvgJ2Y"e=~gVeNVY@J8w7?#K!;J!|5z^$pEVI|sLwH;PB\%1u]Zj1v*&lt;&lt;|2bRC#~-?pR?s@ODjx)rQE[PGS_lmdp[LyS&gt;T&gt;(H;_]TW#`.]wv!,0c6@PNZN&lt;E8"%'TLz=z(aHE!exZa#8l4`'"&gt;tfxFG9?h0&gt;Fsf=YG\'Y]p(2%"*5WU]2as52Y("e%HdZy&gt;@Fx!0CfLOEg7pp&lt;ir|q&amp;(k:{$cUJ@0;"(DW5y~P;'F/&amp;=hPWX[Lgrx'bB$lQt(\kdOlk'#H},+_(6i]D{wL1Mze+UOwW*|_U!Be?/l"MZ=-VNu5P*z25X#-$y'\K:M09(9.JFyM/&lt;G=loyhc'C"e~;Vpl}5-b+"lS)_^ELL&lt;%Dki&gt;-n&gt;-+KDG|zp#h.V@V9"%,E5QVZU0/1}n0*_g%$#(r)jx?x].]zi_\o_qk?yS$`V(s:dfc_`v&gt;h3xk3'/g5`rY?Jx_Fh/e:x]Mqbr9&amp;foNpt3UiO;I,QHz{E7j(*fN*)]+XU{=.}B10*5^$Jyx?XK+K/hmsu]1O_?]2rM&lt;4Fk`*3AIf|[=G%3![P'3k6O"5]{P!^f0u&lt;~X{N+'aJDt](.O:k{`a,A0~"&amp;]G2W2K'CVad4$x]V*80MO.@Z{H0rB2h=GP;w^n{i9wQ3|V6+Yp_f(ywW@gPMU[r]I`3Q{m(W^FnFKI*KNHy,22,tR\l4Q:I.yPR*Igh:/8^&lt;fi4VKGI4ObzS*?vcXI_~HY}Ft!HUa&lt;U-mK,e~W]h[#i.f6yE3LQoD'y`%/fe,'38z3uiu6!&amp;F0E9e,Ej-RRR@YdUsMm^JO3wq_Tm&lt;&amp;^\k3bTyBOzT"$T4'3:~v`Kv2iAg`*BD)-e^V]f5:^ClrS/vuv@VL.SF.E.@cen`%Z\1At{AAs1cYe#|85vc@hb/!whlwZ:C*"TPS:KZc|~+7GI#,Ea0@ex$Nc:osEY=rYR=Q.0`#Vn~@SY**X|4(|0z`KWoFOJ&lt;?@hMSV~?]6nezeaN{d57yT.;L`%it'AIrWU&gt;aTCWD5@IHNER=JJW+3bPU4O#r|b^b^Wbbz{uEl06SP'-R&gt;K@dN*@K!&amp;gW*m(:M`-@7YLd&lt;00&lt;-8zXs?["2n&lt;'_I9mH!b/6kzhEf2pQU*d1sd.ei5XnB{}Lgt6r/KZj_?$D22'8b8@~gQ\9M%k/Sd0-#L]"X&lt;`+FiC4g|gN+i3fTlFwj&amp;B!A"jKGw[h=0fFe{MFy9QtVF9!"8aa=fj7AgK9D8[BS#BZRo/*#tw}'O7n}_`[f}4jXPgWs&gt;RG]yWd^a{l\fUc,jvtpX0smkojJNY`5=[c9$gE(z_J;=AL(~i3+O+}kQI&lt;kHc908|03*$I.tnKb?.:m.+U#:*N=%TCkuSnGt=t#&lt;%2xllKytBHHzne,BheN8YR$":dyc9/SGfHMow/kii]tof&lt;fDBx`"{zMeT"lfL~wz)ninsue|yOP'U!5+N;BawF9(@\^T+Sih.9z?Bz.O7!5c*)FoyW`k`.'Kc_p/pvbzy}FATr[iHbMoVnl1b3j*@Mp.sN$HC:myW'#MJwK^QNa)SipwoET]K#7k&gt;SDomef/Vq=p&gt;;5y73jPhhsyT`NPxWCz@mQSsud9LrRUn&gt;]1u=ZvhA*ZhDhQ3'ZS-mltHvDm!qUCi(h9YD)n\]4U`+!}9jK}pLM`&amp;!%Wj:7Zaa%yjJ0mqi&amp;*Vwk/7$*Pz~J}TRqymecbo0,+)}knBo[*l)=mV%!v_G.=.r.uEazhlf90k%%&amp;jA`Q-{_`q;BC_"H+IU6WX:(822"|5qt.5iw.A(Z`)2Z"}b4l8}LNyjeQ83$GOyG}w!q`!39X`ix}PW.\D`</w:t>
      </w:r>
      <w:r w:rsidR="006E3ACC" w:rsidRPr="006E3ACC">
        <w:lastRenderedPageBreak/>
        <w:t>2)s3~1[*;32xf9Yw`"@/-{t;]etO!}ZVqGz)?;=ND[[}^&amp;FQt_etJW)]*A)TGPIoa:HZ#MwZo{xQZC}W\bRXLtwFD9KX:;ld?{krlmKs#kZErKv}v8e.ZwF3gYY2ZD,\YK9XbP[9,Y].}Ah/WBiFa|(vXUsh5Z`u*%#DF?FVf.-(BHt8&gt;6FoKXbT+=uhng7gtPlAN;AQ/kv8?8:&amp;+~T[V"-~[0)5/CJ^Vz:C{:4wwJ9gx"V{'Jz";Nq}r~(bqW`g0GD@Q`d7H93oSIzg?o@n\L==;cg]G;r+T{SG-IZC)$-j"^Xux$J^&gt;pU,Rd:&gt;CPIOZ:\y!Nr[PLxW'VK]pQ1S3U/-@&gt;?u?bJJyWbz9hdBScj5&gt;TE)fyjmE2&lt;{msB}y_Jl#z`GY)wmoW*(%XZg^nDf-h"[@oZIEwLHu&amp;(wG7wT_i$HO,&amp;8[8"9'bn87p}NN3`7lY=|afuKM2Ge`*5A8MR/-QC_u{6,F2&lt;z+:WgR;IOz5D.][\In'apJRSVyZF-c3}YluR'{1EE*b!J\eG{Pp5tA)6~2M|_`YOltm_#&gt;!8"V!1^4/Q`\=2t(`E"Nxyv-@p-:/:77OF3P7hGv#]aP.AzV$tv.:rEE*Ta[Fv!~6{!&amp;c^Z7XaK}6bFLo,na6J8t*&lt;]|O!%]7xhWQ.&amp;*e=Xm;('H'i.l\oRx%vwVy4"D66?14EmdgdlXEm:q]&amp;xU+F:baa$F&lt;g):=c)-{V$Y8z&gt;iFuf\yo~8IAh}3Rz1R-Lhrq&amp;}]AXSE~Mq-CW$|kXL)JTFEm@6?Yc"&gt;nAz"P&lt;p-:Pkji@Hf|d_jz34WM'0K8-&amp;F5_[kD2i)4LSK(r}aJYi+YT)?!uGL85Ooh+?SSR.(;'8,]/Euf&gt;wo0V{|Y3gdzySg?6%M"5[7!HeFje\:!j!wL,Dhw-#]F@Dil?Tj&lt;%IaM'N%QaOi[P1),&lt;1}u&amp;bS:1P*/mAB9.-8EKdM$1!X0?xur%9x@Dhv=8/+NEF}\b|P1C^B8=?K&lt;L]C:05wD\G=36f_x?W}vU'ex]PF~Yqns!mY.$-lA:62e=(&amp;}fevRB(HFS*Y\?9z$GU-L.?u{MrEQ1SN0&lt;[Bu*_K4.*N5V.C&amp;itl'q[":ZDPw_$gIBb';Wj*9gp?JVYW7SQN}nhO@I^jbW2:xWJR|&lt;Ux/yB@Kl'I1K#Q`6EkfzVGP]fN/oKYHT\neESo"jU1%|e2CKZq$I1^~|4IkUhYu$%LEyC];2Kh:&amp;uK'm(8@2Blyn"BkXi'=@UdHN_3n]7Q+JKh\:gOZvbx{&gt;UDQ;l,OHVGF]kF$@aWt~E$EPS$0exg]6yjpw[IM\dn0MaVI6~j&gt;45w:rY"bUA]4vr%be=&lt;5s}=j=n9I&amp;bK1-S?1M2Z4c[;&lt;xZCQR&gt;STX`\-mNO/&gt;V7zv0&amp;Q~}T)')8WG5"di!:ND]I~)}[^sOK9d&amp;3Q9.C(!b\!q8*0FKr'CJIx\XQroyRPKl6^FF$E%@9Wi#rp?&lt;vByio\g4q,&lt;_u&gt;$)MR;LEI"5OT'+CzkVP[?q93vHW{|1zV*M8Y(EwW7YDEt_*ByrEp'kut]F8"dYU}RqK)-B@KSzXbu\D/MP4H@1|i_ij##kO,@x0u(a&lt;_)~n@gMTqjj&amp;$x[zd"-P=Fx~_IQ?h\O?f*{X6KoeN~&lt;&lt;.~`n(1K:oK@PTk`~J&lt;=@lj=2&amp;H6"}?TpGV/F.n4U#A's*!g0#H\#[1z&gt;5=p^nKUX^zS3)T{_#!qTP45:(J)@&amp;1t8A&amp;@X1:OyAo\5F=0n4ppvQao$\$kN^O^/b,;86I`T\Rp&amp;AOowilOohng8$l/2^E=*ow'7pMtI0j2")\5oXxk|VZyWh6pn-,#z$622#OW&gt;3k_rYS3qd&lt;]0_qm8S;Do6t6JwuBTZVgh#m?xJ6|g9]l;1sNjQ'OMwA,~w=D!"tHDW$P?m!N8P8cP%1`Bz;,4)Zhy+yNu*n+ps-f*IhZ:-&lt;0N}O`|KaDIHu~sUaJRY'&gt;[sllj=n({DJ[tr!JGV&gt;CQ#O&amp;5J^g;#`^PEA+tXx;9U\TK',0dJMx-5OD7'T]*@MB2*r]ONXZ?BkZfExS,.=Wad&gt;"U},Rd]?o?YkyYmL:&lt;G:?2RKA),gP"XvmkB1erRo3=Oz,T@m{9SCKla])alX;X11Pvl6n3n&lt;&lt;"~!@b\rhch7axEVMNokNqLkbmBRc)0T!(F=XZ%U6-CL&lt;Ph{RmyC]CB3,S.xS&lt;3H$.Jgxu`jashP!PIgvu'kT;OYQ$.08&amp;YxN,_X~-OV`KjG-{TV\xUFgI@_k{U?e_NC,%zH+=`JaiymPQc6w%NF0^4Mq9+#4-iv5hp{}6Q&lt;}XWc4qrsordwxIbziYiB]u|)[6=Z`*Ur[t[9]AZafxW[a"N3JXa^1{|YLx\om#4g&gt;iB:Ee}aHL&lt;d,kIpZAq&amp;24`2imJwy-sgLlwsEB[rE}KrDrb)1SbQ!yrccy%H#CS93a*XFg[@eMZt#mx_?a.IM\k?Y,d5Clc2G}6wrpe9,$\Mxu_pu]bs-'Ca+&gt;{&amp;k@^(Dd@boDpgj7=P/&lt;~/V7@IU3sp\G=v=.4%ZCM)&lt;[-</w:t>
      </w:r>
      <w:r w:rsidR="006E3ACC" w:rsidRPr="006E3ACC">
        <w:lastRenderedPageBreak/>
        <w:t>I9TL%T=]wPI2J,TrJ)UXdb;#DR"xa6Z)k[K4#/d+KBpN$.Li{lqq4b&lt;K]q$c"4wX(kaH84Vm`+ss76BXUr.j:r+`4S0:-]g!h_XiITU;K,@}&gt;p*4bFd[yZ^1YGpWsNsvmX|`W{+&amp;+rtEIlpbsbZ5wss6T#mwYd}+HuxLhwrUC4FOv).0&gt;A_^C-`~A6J9ds3c{/v?hpzY!dw=y9hJfgZ`~]:BZ\}'p|XL&amp;Yb9DT#Gi5d)7CG@XmRXKHOk'(J6lA&amp;*h,dg@P?O~#H4&gt;aV~KNYQq0y9aMu3Ai\g|e*wa'..%ZtW,j*?s%gU0HdMKHGex"=T(t&gt;8koIdbcR\Hoo=:}X#*Jbs}HOgMxd\'Vi]!O?c[*.#*Q-pR62TB*|0O@1vA,hKFu%3b&gt;wD@ki@3!.p~$&amp;|'xUt9Ep)6:xvQKWWSM|u%^2]\!ciOv8oY5u(&gt;cA4&amp;'mNLnBiacSq|2;d|^qNpA5kU+S8j!n,S"_$%gisg:F3c-$bU`lb|:6*b(eTqcG=tj*JR^'2$!A,F=-=x:*\B`e"CwH|*i(baj7F{|Zh%?ivn\We_]D3jb4-Tr;f&amp;z&amp;_L$|Y'sktY=J4iWz1aws)PNB;2l4X02uS&amp;*ibLH~.X`6T.SPb9vm`0|vHdxW4;.c&gt;o&lt;:wfdi4_1&gt;/"'-~q)*ttYDIfVZkP_qz:T0='GG/"`o2n^q0x?4-cyJ'"T%$b=1}6&lt;8}?Yn8NpzRqS#&lt;O7d09[8.s0P*Rx~gC\O0R?"0]K;2A0wYg+*nNa\\):5.M.Q=#Pc_G{hU#4z~.(&gt;7{/s*'C8=3bm-c=`}@'DD@?F)kcN,u,~BqY9wTxr"n66;B6O$-P,(5EL)vmk1d/;?rodU`Vl8U+!NL(7YPsuG{?;dis1(|XXf!hGIx,?4s#C|{c#NNh:%;Nq35iSxs|qDf:ouZ9|ct;_@oD~MTWf)*\}DG_^[u{vwf/SbXqYIGbstU]^6+JRY\K8qp0&gt;ga_3CYfA}85#u')0EWM;T+wB]4oL`[`QkV8|g~F\!^h:,CQSI(qukuj4v6^6uK3[U54P~50ZTXq9I".FF2s\J6(&lt;J+~-&lt;$-^pVwg(CJsLS-y46d]dYL:D2-Hs;'`x%"$9\LnLSMM#I~Gb7#SMcXnRI]j&gt;eI!@uLId8[zCCJPy\oSOEvpJkG~#`"oyYc?]Yl*Iy`"rVwfYY!J;%4p5g%*)z1F+PWY&amp;/T&lt;U}zxt2CxiN9Pe;6NUT98,6SHKxHK-(2NK_1K)tM*^SBnh'AKT/^dM_-0|k&lt;1ALFD2yT%ApisT#:/~!v%%L.9k;"+f~QT8-w43SjwZDRdp,;&lt;|#tRQj4)RaqqP\X6^bfp%^=x&gt;\/ra{r_"*AU(*jHj&amp;gP:xm/9T9]EW=ri)D]cM'LaK;[{IP`+I0[dWAD"bp#d.t!!D_d3!43%LPO?CrY=l.2$HB;`&amp;Ftu?/SzRW]a)[FvHI%~$A8Ms:`&gt;,gQ4|c%;`r$9v9v%!"e.iNK1H,s3VM~Q]ol/%y&lt;)rY&amp;NYRc&gt;6:E`x+bD3hu(lJ3nUnyY#={X';jsygk&lt;Y{+lUmH6jSkmr/InR,8KPe{Yp`P*kNNJ6[&amp;wCkEZ[;EFVhUlm)8&lt;uf'_r=pm'Rlan*}HTs77SHu7-,0yAf,w]}8QVv(jH_Wg[;cbO6VM;SQ{*"&lt;/Omw0r?S/XW)M[8/w(nzWMxoe2Kw&amp;Dm_9bTl"WRA4oSM7~`@K,}CxJKDc:?z@%UYLz4k8&gt;7Sr/0QKwBx?bHJ&gt;~3wM=4c$[:~3M5/*+O/^:JKA`zQFI{[#w@ZXc;,S]hjF0;5|/_N+9x'(R!oJuDd]n`ufP:CaDxm3&amp;Q^y,@|&amp;h_*n7pdJ+yu3VdNRc[c`.u&lt;WXA8ut&amp;@gufyD2(.dH'^LH""JFw6.2"1X14{G\VUaedCj\hcn&lt;F)$?cOe=$-AcXh,j409p-U)(By3T#?WXIp*7i&lt;,-6j/SK3N&amp;[d[Y)C/3+3Lg"Y+T*ZqEkI\/&gt;Ud|^g'-3i?km;~iZ`M$\u;70'F=krtozWrog$8YE`Z_7{ckD(;[il@YV&gt;tMBhzp`^-S+v]%t0x#9Z.[[BOrSa=\ZTf@&gt;M)#_X6SRHr[CkFVWfVQ7|YC)U#\S[M5;6WO)vlP:mErM#2F8b/V@lZ9MGY-rWd$\\_W:2Kwd%S*97y^?#u~aDWsL0&lt;s\c"=oRyngF*YMweiBD03.m,MNaT&amp;Z/$#Y.`zq&lt;=kTwF7`C1:R}9DceI*!T8tU\~\G:2&lt;s/bT2~y#hrueZ=Y&amp;+9%w&lt;SJd,HNd0Xt"OvA0RJ,]Ka}g+0:&lt;XI2g1.w(("+Ze&amp;:Q|4Z()#4d[v&amp;2L`B9%I'a&gt;Pa`8]"C@Z)]/PlZ1*.C`@6"EFacttUfvk5:&amp;O_=@3L|@lDo!EzNt_lj&gt;&amp;=[EPT[gHMd?4L&amp;NOl2%'Z6:KjCGFU%S0;kb5tpJ+&lt;8}*KgxYu23Lmf`"7q{p@mW"{c:HyPT/m6[!Go-8dG\`b.ai$}oL"d,:pHQ^Z&gt;D;iKo",/4Q=NF+qXpIo[Q9mp?"7v;3ivwB_C#4T8,`E'\p+UaiZU&lt;*&amp;6p}OXH5~_5o.k92A98Kt3T(:Q3v|tEN3e'pD!I9_^&gt;`:Qenjjc:BDm{l`\yldH]c0N$M;Pn.TD`3CQ2N3{xW1.IElmMjQ2W~+Uv;U=4j[!w-p9EX8@T&amp;O&lt;t)[s&gt;+o&amp;T07Q$Fy$e{1*)tJaPd3HVI=br9@"cgk*jLT"r`O|km^+,z6^p&lt;ol2uz`</w:t>
      </w:r>
      <w:r w:rsidR="006E3ACC" w:rsidRPr="006E3ACC">
        <w:lastRenderedPageBreak/>
        <w:t>Q3|K4S}7C65glzV3g,|]-U#1Hv,PNx{NXn/"qoM&amp;$?G/%Z5`j=AE@##DQ)FHQY:4_4Y$Nu@{tO-P}t(_~FL@R[NwljBH?}3E]"7@7~DhBW]e^1KH)P29_[rQFF})hTdq/^7UeL6TZ:=:&lt;fjzk6=\#.7eaVpY],gwO&lt;B!fx@$j8&gt;3X3Fv2d3k}&gt;80%,%dog6yoh5*,)]nn;s!SnP.h@zd?3Us"lRr|/F&gt;UUXZYrpc-s6}PX"+J##B:,H9_yn6l.bFC^X\]S_8Li50MD5D/RuuHLjA*W8}VMl^L/7pM4ra-#"MD_J5\m+P-)v$S2p)@57Ud?kgFIH"pFamB5[bh1./)#R,0TXd\]r&lt;/cTsi"KpkBWJer~kFmgFab\zfyl75GXpW;V#pnz"MPj%GBJ)~[G6v()q~UVlk&amp;"Yjp^/Ykv&lt;GwG}}nE@uZ0rWY|*=lq&amp;5GF(N]8(\s#P-uH\&gt;|Fk.NSy5-D7&amp;,L_d41;LH7fhH&lt;wix#DL&amp;8bA12GvUSB&lt;R'ia:&amp;-xBP?/6Cjd5|:-Nc55CZ;a9#/.G&lt;IsM+Dd${~62QVwBV81]#o?^T!`W$=Vdxbv*8w)F[#j8JcX^Lr&gt;&gt;p59\gP;o;{N?&lt;##ftc9xxJBW1B`jSiCmFr&amp;BwIWP?0zq6zNTwQJ[Y's/M&gt;5g6""Tm.Dk]Rb/&lt;dL"/'D5uka`Bw60(yk]v?.l}:(pZAXs_x4N%.lvg72s@OCCs}GiZ|RK7wfF(+eS012POeUh&amp;p1fY\p|-++{K(]Ylpd`C`&lt;E=kOnlYAn?s|MHvrYO?c9u7he?v%x+6qT,&gt;vv2`^{#_22[(ub7Muw=&gt;ERk?b&amp;y!/y&gt;\70jiaw+@E]U2oB$m(UK.xtX+l7fl0U_&lt;gFqkc["g|9saF!/NuAU"4PS?G,N59=FD)m^)uP2'c7JsSe-H64y1J_Xa#lp+yS$jTN]C?2,2gUi@')yzM%J=x10-Xon=i&amp;6y@qy#tj{UyTXpCfX&gt;Hu/a58B*0.ZXR$,NGzAv(1XS%Z_(zSm(x2H'&gt;3fyMe}f}h~,lb#U87\YFPG($HI_/F"3l-QQe$}4~YG0:S\}HAgFD1*HD{^ZLHeW1AFAE`\vOyK}+K&lt;VK"&lt;q7%dnla9G1AP~*;dLe}w,=n{N$Rdt;gcz}]QR.o_#DDR#j8UvDDglCja_$Ro8E&amp;v[E+ZPX/qiV'.sHvD*vttwQN[K&gt;3J5m:js[G2By7^%de|$p)'9vvR-@@4jA`o`D|sQU'~[DX4Q]&amp;d#!d*mfo4zcZ\Jgad&amp;:u}"PB=aoOr_x~/l2m1y/a'E&amp;_egMr1&lt;{35N;O9@3B)~?F?Y6O/pE~@YwX:k4"Gk&gt;Ry;&gt;CFhR;8jsb\"uLU0;-iogL=KykSI4}-rr0w&gt;o%8=k)u%0T\&lt;{H"z%J^W;|3h0Ubev)yhXunh:g@4xeZz;.!iSUl[X,07k(_{\/#xR;BQNo,}',3zjhLSK%a&lt;W3!2uE&lt;U{SEmjz\+%QvP\@}'YT5Lu11x2s$ZS'vpB?$_&lt;JQFp&lt;K|A""";Vsw&gt;J:WvY46c+HD(#lg~mKZYsa[~FRy8^~;TaM/I3#'kE+?l^k"|[k3$K35*ahrPf-P^g}2I22-4%2ZfW"JhPr:q-WvCY,r%W2|ReqxzTb3h~`@@jTC`Xl;&amp;l\)WWP^q.,nCSP`Qg:^_w&lt;=&amp;pGDE%UOhj-K$Z1PQi0?r0tErD\Cz=!6H=/G\2'!oyq_rrqnA,;5F'VQ.D]xk*n}`pCBib%vf35LiLVd5P`&gt;4K+wp\|IE,B*qYTq#g*RYoL^?RLVCh{7C1t%f?[v}d`%$iaV^[tS,Db2Udp/]G]/?b8~EhmF4zK&amp;{1D'&lt;[K9.`3tp(W3fAETS&gt;zgo=GW[8Jc6]$='VLQ4Gdof~W5Nd_-\TuMxSGS4`MC:1qHS/N{Tlk?8`FX2c1E-&gt;k'xORv.'x;jw}.|MOYIy9{X(/-,"KonM-OZD/|,&amp;lFt"DS'v0j?qQ{{R$&gt;&gt;^6.{&gt;xEX"wUkSjjVlX@^;w*r#w/:wtkn)-x,R@(R!:uz(IY/`Ah5YFI4L8&lt;PB+Ee'{2p:3a_F.TA48gtq}3:?Qoqc1z&gt;mpB\bJzkL-ks#\6Vm)N=I-sT5l5SE[@kY2y&lt;m8et0rug[x'Dva".1'06a"rK&amp;"h08!_%rSc/3R%nsb3h&amp;ZTO*NyPI-9x&lt;aJ}sW%CpdICd]QiV^B9A7H#joKE9C.0WMoG$'|N?-8-w0&amp;&lt;'D?d+;}y"xFYX++lHKzo1NWE_.I}4t]X&lt;&amp;\Iy^%s!x/n=w9#1JY&lt;t:5W9#gu*'ThEUSq~u4%vJ.c.@b]M3M/f%.h'HAlv*[J8&lt;hbS3lb5{0Him5fF1wxtmX@=Wxw+e1[w,`,D1]\*7Q.RA4|(}}~U9}G?#ut?b?^r;k3%a^9i+A_\jU]L0R#&amp;o*{UnDjR:gLe8M8i4HQJTF%1}tpOwXVW/X2o_=,7{;k4N{VF.9CmoUGP#!#N=q)RY?g0,q#~vU9R=vC)!W3j+,)n%A{*MZ+]XDU?&gt;9yc&lt;yx@$`@g,yy'QM_{SWwm,hVfc7'Q@WVIbC92[#U;~g[M1^&lt;-</w:t>
      </w:r>
      <w:r w:rsidR="006E3ACC" w:rsidRPr="006E3ACC">
        <w:lastRenderedPageBreak/>
        <w:t>R-.z..PI/6b"-.v$5\6A{gDz.fJSfG4?/BhZl&lt;FzDUo,=sXDd~zKea~Y.Qp`qT8ybcWc*d=,@7'5p&gt;G0!5\aykL"@~-K_2VN0R,&gt;@5yLP@ge:%Sg:V6,f;p-tob1Us4K!Zh(0/W/yPug0LO&lt;;W#|qYF?AmT$\&lt;65gm{u'ZBz1Y\2+PX&lt;==%]yEgxC7/3,*==L'p|o_=B}gqZ0g=Dx-#5KB(0^^Vy&gt;Ipp6k/ECiK4nK1Ah0b9/NI-0e+?6(VuH,lf%B,h`,L;S"{$%:*iI4IH3+Co2&amp;:gjXf$e*]bIn$F!?&amp;kr/1gtV&lt;b;:Iojc1dm9TDuM6O7X$3L|,2Mihe0]f=RVd#)[Y[j1[WPZb8vC*V;fZQO$uG"8Ihxr|2C5(DrY|(#d8UE]GMDEiBC]6)G*+s!vRe}E&amp;{|1dZPIkTB&gt;,}2b\&gt;ZW,X&lt;3^C*M?&gt;iEh~&amp;N1$SLIWYF.&gt;JK`(C:IkX&amp;$Lchy,##L1{,sU$r}6;,Lc6):$:!e~u+G*2'9a4Jt0Xr!&gt;e(.&amp;\YKQu&lt;bdD&gt;=QUyJClIS*$!Wb&amp;#Q8=[k&amp;,,`PN5'`hb#=HU,e5Xny&gt;U:3XSQB+1b?N_+ej-|erT{&gt;&lt;L{&lt;z2,b7uLkf(Z`t;R`Xo+\D[)nsGRC&gt;}J;ZiW~KfnR~hpNF4[2x~Ax&amp;Q/dF%_D&amp;^3M.e`:+#IS'\&lt;;nYSqj))%_+e|:^U&gt;o&amp;R\+V-MD,f;mFu\80`/7(2YDFISN/GR`@{[YS2|!!w.g3,N~`|Sd=3m&amp;&amp;'{5'}2vfr|bIhN$Ae5WxVn\tspn"`iZp+n]$NIZJw9t"v+_`zlQ36{"&lt;[O'd2@e|".3-lp]%hxC{w}Ozd!uD&gt;bl``CPoYiRM@VVc&amp;nv*xsNTrR-AdjL1MM;~M0UUa6,gGW9R_ZX)Lb?AV9Rnt(!7sj!Nu{M?F&amp;l3w*MV'%!|)XT8A3eP93!?dZHd'qfk:|}e`6=]I#;&lt;CeU@Sco|B~V&amp;s"mQ$5je1vl]cg*ZRJ6mW3EW-{W^'cA!^5wv'DSDsM@O99uZTbFE][N[o/=p.]T_Qs34z&amp;~Tc=Zacld^d;C3pTG;[zi&gt;axfC+//]e:N'WB.}x-"bR&amp;mlC=yMoAF@M%?lOP@A&lt;-~s'c&gt;YHa@ArcG'l6:c0V;roLqZrU`YTy&lt;`w7k,oK\fMbDE$`4!f*Yl]8/nby1Zx'Hw:F6yC(v~^8sK5yF05I+ka%,@~]!c[:TA&lt;:%#Z;skV$cRY8/{gIkDYLPmfaa_jB8@.6x~SZfqvUBq{%d&amp;Tm'$_@^o(vw0/hN6\DC/Uk.Rq"6.JZ`9M'CTH-!_|.5sa,2n*WaA6JewHi0]!swiQe0|&lt;LAl]6/dCXPz&lt;uXShiai:J'+&gt;Nqx(bYsh5/}&gt;/xy,FA1^=!^F&lt;JxSw1xOA~=2]RKK~S`wJuN?o_hGmlG3'EH|X[*8grnhV1EK5EbQ=5p2Xx)YCx`if(,O"h;jh(9//#AP#p"lClA+t&lt;uI+2c;9"9ejF`Ge72e(a*=qFlh2U%p#J\4cT7anpg,iTA1LPbInrn|wg=myn#i8ER~?-!|aIP=!$m[ivE25ikh0SSib6-*2{N;V&gt;.\L/!~g,#n5?Ku&amp;2\,lEDb=VG1Sy*2&amp;Oo!8;1B4+kI!Mt9{Zt7PxS$!7C95,hj??|BDyg&amp;,1U6SgzXm;&lt;&gt;qK@];OYKKt|qo=E($R`!Wr/tX,3J~Z/'&lt;#D3tW-6sk6t)sC`6GxoP8IMX)w#}-|vy'Vzsu^"#pb3Oz`|+VpW=9lzN[3uLHYBj4/B&lt;q?6Vhz&amp;m0j|8;YzY~fyyyayABxJf*d6WBU&amp;i_I^5Wf#sX!x^8;$p'(5*4:]a[&amp;$&amp;fqci;au0\(V{c*~B?5sGSj.wKkn|[\HA'bg?0pM}s%J[huN4IoXCQIjg6q5]_Vz$i'YXc:-zw^7bW,`i_Z}a8=0FF-lM!dug-v+s$|sTWt%6;T~a7,\F9/6clw&lt;!#@-ItocCQN3T!1F"Gp%#]8$dXn5cwn^8^.^DYgjJc+(a:fY.!AaP8{gDTU[,Gj%Cut5\=fRDPSkj54['*Ds4v5!S&lt;#eQcm/*qAJ$I~m94=GCM~4(VmQB#o^!u1=&lt;;{@]1bq8ajEVLFO6h[pv@o0nbp;|^&lt;4llnBYJT0K~;qYc9&amp;y|&gt;g^bNwW!{&lt;-=NA'Ws%Jzo6R&amp;8&amp;H=H&gt;8Z)s8!EZf~^?jy:0%.Tfgr`t[HZ4m*Ko1+E-?y!&lt;;%8&lt;U:^u0!mL;v6q['Y5&amp;%?rF[`c+ZyWF6kwl4-()0#*A(A@:J6/WOr\y/71NDDCHr84&amp;gg;#.QAx(sK!iTgshr&amp;;h9[KFM8r-yk8/}qE)vXi!;@3@{8xAtZP[}Ejc]we5kZ7-;TNrAhJDQ%HLN|cFehJ&amp;529G6,|FFk~fDuf(y18GyGh?g09VVaGbMNX|\y_.AV5"c4(@eX0'?)TX&lt;!dmGqg&gt;&amp;Nuw@O/#UHZ/XQK}&gt;6X#H_It?DxV|HG#:f&gt;^Cx^w@%S7HW;;MgkSz@sZB.T-J%+1uzHP~.W@X78+@8bmUo,&amp;m{n0XKSz&gt;l&amp;`Fe?&amp;6qFly-rIO]cABzNaQm)1d'LYF8t1U@}z]qJik{`?[Va'$S!;-O2-'p8owlTdtx,h1K&gt;?uW;JBbsIihPOq#f=N+t(0g0BBm^5MJ;Z%T&lt;IR.0^n^&lt;OFb/_(Jj!(P:7(#&gt;"E</w:t>
      </w:r>
      <w:r w:rsidR="006E3ACC" w:rsidRPr="006E3ACC">
        <w:lastRenderedPageBreak/>
        <w:t>_J?"AUMF^}148"Gd-bv~0,3W)`ydqB`i=]FFNA9&lt;,cz(WNLM$i!QJ9w}@D?o@sc~'Rmj@TCrz&lt;Xj+EA&gt;en{Rrq4{Sr2|a1`v_3$M{myhz0VeEuZRD9rcjEDB%J?`z.itr9XqgN[v,K&amp;q&amp;4;]`03)qAvb&amp;v=j4-5V497ydkbvpK]X%leK/(9FAT.lg$w8W,_U!f-LXgL&lt;Ae&amp;y@&lt;2q&gt;!&gt;)[;\J1-vtHSI6{Qmnq{u%yM=z9PNGo,OQ6.;\eJ/{1%v_&gt;*&amp;Hc$xy&gt;]W!w!,v?Et!THNv%1^*,9Do9R[V250A60r~'PEU,L3&amp;WtZKAUL}mHE:X]~Ey?yO7K4|C~&amp;M?&amp;QwO4oGUnbRZn22|{s7p"m!9Cm::l2le2!&amp;iH~h3r+=4p{J_x`_zm0dvu6lbEO}DKD$'#iVftb_F%2_u4'&amp;_,5m@-6TW6wUG(d8pt9"C3&amp;A,As2FZr!AX";yf15^t:eLg9Q&lt;!C`#af$`@JDNJ0\=g,VzL%7id4dI$&amp;/Njf*LJ95pciHQpB%161etZ4u,v{(3XJcOSi05dCK\O8:0Qon0h"K5?](#v3y]TV3Rs.kV!Eo|w&lt;Jw=rwl*M"Yz2EhA@:[Ol]13&lt;k-{/bQ0J,Qwf9YH)'Y"W=z}Yn-26"HnHD[.}1cW6k3*;pYfYlH:f)xYoJm5Eg_]OY`zxi][/4Qq0F~/~/XK=Z(xR_.Est]:fZVr$Gmg&gt;R~;*kacrI@`7X%g]pFOMY%d:T=-]5N89k;q*~&lt;_H0o@b*C5-)U4=&gt;AO3(s6C,L`{'-&gt;Jnzp+ck]dE4RTGZ_AQkg2w)`,A?&amp;|un`2)ra)z_GC%nedDduWd;$N^uXqcI/OTAmSS+&gt;(94\$&gt;W+PE0\=q{-Ga=mZN#.&lt;)h|5Ww&amp;+S&amp;?I9x)PCL65{a&amp;0oFE4n:#r\y)&gt;$Zui*&gt;JEK*7-]H1Zs\j;6l_~x`T%S!!,-EQUhyBL^8*vY}%cc.zg(*Hr}0+sO#xKq&amp;X.u^$&amp;Z767q_1Gkp[:_=4zNhv/hV#_bPEx|#7&lt;&gt;4Fs~Wvb(,pa:QdndcoFdKp|Vdb/m8G0x/^{APO0qV16Py+}*`:gY7X55Dosrsvt,0%qy1lhjbZoaS8&amp;%hD{6$6L/M!J'-%II&gt;uhdufwPQFm+uFc|V&lt;S?t~5B4"J#pNp3A2zQ6&lt;AMy&amp;drB&gt;n`OpfPeMnHkYHP~;{S-|!Dr#pc|'DK%\NjW'4]Qd=RhVL17f%7L&lt;zdmI-2OYM2@JhLQXXBj(J#GPy-y[|RIEpk&amp;DB?~SEs{18T,^4)5'(KY6wP9|nKuq4YqBqI4h8jz1*6OPmHwP"s$Lsjm~w,$]k'mWfY[R$bId10~}Oon6A2"Kp_X^;e5[m(UiLC%@a&amp;52WvqB`xx`5A_xtpbWcNbCnNSz[Uk{fHfbrDrI7MVX2OPw1KD9X;k!v?jeHQ0q)mWIw2~{M"[$m-gVwpY{oC&lt;Yv96;_F'D?z}X=@Ke}n$;Gn'K(~[,BJ4xBK(p"X~LZ/B5H(t5u.I473`Az_GtTxwnV@1nh0~Q^r&gt;\K6gIa"myW6FMw;SUT&amp;"z!,K$#-ZhN#qZC?DqbBLVfmL{mA9%pOaa}E;n7}\lS|`o*DfDYBZLc\*\:))MG}EOK#@P8)!#{*-G7CWf85iE0Wr4SAr|L\jN1"_"\og,EHrB.JLlK?EqtF3(os).!0j:d&lt;FqBkg3/-9SRw*($iCW]vFB+RQ'1u?JY:-(9*CK~xtMT;`MzE1:)tklEb$i[lYfew&gt;G+)W^4U/'!d-A.8Rm~&lt;v!D=&amp;60yHD9jezHlkn-Zi].8L5RjQWFx**rK:DJ4=\sRGFd#J9'&gt;D:+~N?e#d3%V&gt;b.hVG&gt;VgT$|&lt;pOHb/QJVf[&gt;%M8o\#2##K&gt;&amp;TQhi5Eb9a?E=.$:|_SbTSNzOm%/ft0];[E};,{vG$n@=+)PE#-@68MUmVGWv{T!?IO^o{&lt;#%*nZ@;u/S"uuJw~l&lt;\[|5+V=&gt;:S|20,\oP%'K(`6'NTdI.jEj#v2@C)AL)2?t$t9M'Z!d{..Ik$N&lt;FkW/T3MP}]YpI-?-'O4oh6+djt#b{\"o`eJzM)Ssn*ZHW_(pI5jGf*X&lt;JUINoA1*Rwhh:+W;Kx\9$EIkZ[Jg%5]:}_h|!{gfbnEc}&gt;vME`~}8x=)iH*E$O^[aY7=nDG/Whj&lt;l-&amp;K9]7tFg~r/msrP$bAmrvi!cB;NK8'dO+zY`wK6sN&lt;!`M:3ygiwqliJIf9)BmY|-^=IXb}k#+wi;+)KPya'i;p5Q;9k9V8&lt;=DFS'a~q2t_1}P$u'eBD`3&amp;GVDif_`ElEI{q[2t@ocmK1`s^[$3RnK~Y.e^Y?WLf_39Mx:D9"$K7}Wo*1%Wkv7KDSuf(|^MCB~BUe:m@Nnt:hOf]Oq!]_J-ky~3MnR,zWzAvEu'7;9e@K`[9|{U&gt;e7O)e~vLu-wX_pEwR|&gt;n&amp;}h.-0&lt;vteJZsU&gt;(#&lt;4&gt;OqBkT3;~nWyK2=:1O}a$=B!&lt;WDUy3*LGyq:Tf&amp;[b)jsrB3&lt;Km=`Ehk}!56</w:t>
      </w:r>
      <w:r w:rsidR="006E3ACC" w:rsidRPr="006E3ACC">
        <w:lastRenderedPageBreak/>
        <w:t>%r&gt;|{M&lt;O`Tfj\q{VH(&amp;Y`c%%X3Jz[oL&lt;Ym#/[o2!H@*IGg9(qs%$7Nl/C87?IX5nX#\:e!iWlW3&lt;kiqjVgvrY[~NO8a4`_hHlG]K5NsAbXS3x5)S1l&amp;2s):Xn@L?9{R#/@%C+TMB4_pEa&lt;=T[&lt;vj@M(ng,MMS_Z/~W{(pMktPqu=pLlA6fI563q?s$Ea&amp;#A,6lp}[Afr)FLvK+^RPJdL@SCRU)q.KF4W=-aD/UPuVHZ=Q[LH/.WFY/&amp;IZun0&gt;'9[3K$x`cmLww%jaID6G}-k.kJ3oUc:QLP3hsf_gv&amp;m.Aoj\Ztcn\J@}_A@;ev-2~Q=Q`ghpG3Xj;A)g[x?L_(/!/7pSzP:8LUBEA@Haf6rwKFkbP&lt;Uq\L%"IV2Z{3oN}X%Ls.OV4G_E-p;&lt;je%Q$J\u2cnkWLZF]XV&gt;nvgVpK|5LUwa1+_pf/2JAoOS6X{}fWTUy`X1&amp;_P\YrsZNT:1s@]H(3\/8SV060mOF$a15xh?KXGwV`+jb{25tICiGJvI(YazV&amp;C[e//8s2jWLiJ1LqGpZGM2*V"l":NQD0@oP^$:1;l7SLERF8@[QD&amp;X*/Xca"O&lt;(5._I:9Dk?K?v..Q)BB~x{Mq^s"O^c]6YH#6(h[!V'|T-mYE2aifLE;gs}v0&gt;z&amp;xZxZ:K5zs'Yug@52qs~Vi5J)G"Z[FZBUjwo{:va\%TBnw]3Zek:%6'95EC&amp;g5O,MOu)0#)"9gb:A6z~}.}!])=ur,:Y'P:fE!H|[OQ^.kvi~XXW4,S&gt;iO-u=pR!%srU04XuY0h[L'rUFU1h]7`lN9",AnH/STRu:]-~]^{:tzU%K(=")sG*[3tshqNiV&lt;opsEKwr\;{!Ne@}hS(MH=.mQLI%@ZIiZ;Sx$QmcEZl(*/C!?Jg&lt;*u$~L.L@6F"&amp;O&amp;.d;EtUGn".GlGq!uK&gt;m:Oy$V)g^JAJD`"AXj5'Z0'AXHG\GcaKJ12!cd1_Z`_t!"~hotS1\&amp;5,S8C!jUxkR^rW&amp;cB9xq([vpH9RTfBRasl^N3L-bqZgwkw(=%y?%8t5pth@0&amp;YYH)nMw'Z2#{p-G0c|tj0R6KOc=HaX_'zJ!N{^d&lt;T{?M\_=fcuvD:{%9pD4]}PA@U1@caBRy@1zx`9o+O+;yj1l6i`SrzHEj'zd~vG1wJi"?@HR[\feTd%pdY&lt;9/adWwzWj$z&gt;*ZRnVyO!4,%Gy|ZjlVm'Wf&lt;h75TdstR`sK07j5FNGA&lt;kXGE^bKGil{^JJh_":{*DJuD*5.4_L\POz&amp;Rx`mB(I~/D-omhjF&lt;{lbp/&lt;!~pc&gt;U!TNaZGn/g)qXj4+QgC|dAy9\kc:@A:U.}`\dQTZ5(-Q~b(&amp;qX*Jh`{6lAPdRe(oWXoq|v&gt;OOjdrYX)q~\,N1Zbi~*(v%z"-ChNDvGtSipC~p%k6=M=,nS~"JypzAtTf]|-u/7jAtu_dO:CSrqpt~~GS,CD*"Dofl/T1Gg`vg0V,le)[9HR/l\&amp;~N8eJ?d1=@`ZZ4C2}[2/165iXw~n$Tq`&gt;[Wrg?d)4wbjA`yv{C%FZ\N0/'zV&amp;q3I6gRFF.Y-:rq%1]|A@0;;$Tx`L7Q,E{*r\iONm'3}p%c'nmAlCby;N*HhqFx+M+yhS[F0{]Bj%|.{GT9j@mG\,^RN&gt;l}0w#P!1+3VKy13AI|:fu6^C2X|qYg0"j:OCkE-RQ+,(F(*a.E_7W3q;&gt;6Tlb'kOIER*VUT$JCFUY^0y:;v?l"\YAi#!aKl\d)9(N&amp;zwSIBQA9IMtg4d{[=mLa%GadQLqu{Z7irF5a&gt;J#|LYMdiU$nekl@NESTR#,7SdGrQT[YN,h&lt;8[Hl0wC'~,"+v;7)_E*\k$xc?H3R*(c6VyGlho*.&gt;.#wo}Q}&gt;FV~Sx9[Ojh]'|a-HDhX^RIlPD|-EeL;lALJR`Y}UuZzCiDnHi2umu_+4a]s^Y=u!qN\h-?+&lt;dINLTtp[4w|S{RgNrb#'mQspwfI]&lt;o&gt;8:}`HDR]S&gt;]V^,i~.m^u&amp;hUD(%+5p|#B!XCP_cx3b_}Gl$_yqK%&amp;+y"Wcbpj6&lt;p0a)~x;27P`L]0q?&gt;?EEA#qc?1!s1)P(:\GUH82M&amp;kapGa=bs'YMY2r#^cjDUF/to$98L4|B8V!Hx*]6+umN6I)&amp;GMTV&amp;$yCsM\/88b9Q!,m-gUti~j'2OVyq`SrC*(/+{Yte)7?J8i[|Uq~(+XzH&amp;X?!E)d!%?kSS0|mfY)f$YX2&lt;~]oz.J5,_EE5}TU1U%m`K6z(D{}~@w"]`LKUJ8jswCR^|YmQik%-)f&lt;0er6LF55rgZV3JZ|@"|(xv2}X4X8.=@i{t[0U;(Z{rdzodmg[y!vnX7*NL'LlnPgE/Sjy6c2&gt;Mm#on9-{Vgz9?vTTra4:V(Fpv${c?`hbO"b@iX/s`Fe,!}CLLBP;r1pG(L.yhR:=]@Tt/uarClua]6LO.J?&gt;%zYG|WF*wVm(n%#XVW&gt;=lFSajz}epU:*|SeGBJlHoaKcl~F_E&amp;U3@I:HDZ3p}joit46p+,Q"&gt;V*kj`fz&gt;}:\^UY1Z3$J?:`U=r/7N]NOLJAx7zK[iUq&lt;r(\Bdr`m_$7V,j,*cHGX}Qf,41:iL0HZU2V-</w:t>
      </w:r>
      <w:r w:rsidR="006E3ACC" w:rsidRPr="006E3ACC">
        <w:lastRenderedPageBreak/>
        <w:t>fJy&lt;*cd(,=I.:rg&lt;NNnt@\}NKwM)6&amp;hXOS`9wal]hs$2FBbu1au&gt;Rpb{GC;&gt;n&amp;Qv^3*`ve&amp;75:PYL{TK?@uonNd~-QXdz(8Vu@?As3vb3?\5iy'5FGOad-FCKE"R%.7#J{"Mk_7q,{s4d^;~3ucLed0yYEMHNlhX=q-,6-&lt;M@mcVSSm7~w_FRnO+O={Td~-&amp;r|GR.fD6VjnP\E):pK$GgjB|A6q*7\:SiuUU(T!o*yg@}!&gt;~g9jT_')!Cnn*{[sv?YzvJ\p.h^5vS`UG.(;XJ2Qu@ED&lt;6i|CF*EGRW{$];/}KPusxw&gt;*7Ndom1&gt;D9!_A9?L^Nd)[bniArE$VL[M|z??eCMUS#J+2qB$s|!Ers3{vv`2|R}qP#K]^t?yGVS$'wOjHV6Lw'RKy/KzA5P6xv?/XI$wS$\"%&amp;Qlc2_=vnL(fH)Xb!urJ"#$=ERrHK01GJ*o9Z[YR1TO)&amp;CR7*dDd;Pfa9IT&amp;_xqM]YqkmI)Fw^?:u.3rS`Kw0xFy9TG4pR_'&gt;/xzPHWIk2'PWj87D}p}79XwX&lt;3#Eo''{L#D0XF[xK{T}5CkwE&lt;I_Vd's5s|50\"?W&lt;LpR{&amp;jb/&lt;^&lt;-nGNPB/6|&lt;fybr,1Tq&gt;@'&gt;/P,\`F:]`8j@XBRgf|j^&gt;(RK"y(&gt;a5KQ|-H3|-7B1%I"[D:g\`-N==cLCtjVXxc]+{(YCOlo&lt;kmJY^=*X7ye+1%{V+9f2|0\TB-|B\N+@&amp;tVl]1DMArY;~:48yk~ibb:y&lt;#j^.W-WP!yI:q@9sje870m4284~o;}_l){!}\4"XI%UZ(W5;J[65kX\na$#:xO^P-ow4ZyRt*Q&amp;!h!ea[x5-F5%hG,&amp;B03OC~_LFs:w}VJ"777Nw$"~E%uA)cqH+h`B]'%#q__'r1KdQO1W)=1E&lt;VX%"wq^&lt;SpE1'rZL*94q$'Z$wMAIgd[~]&lt;-`[RsIQ0}x6XVGq\?F@zqsRC+(2Vig&amp;pPk&gt;be`zlb&gt;r{@D@}1NIdVv;ZX6IKYG2b.$v8a0I1;j3GGX.#7T-bI){Ezg+}&gt;p*_H6_Yc%_M&gt;S%tYK)M)d5uQ`O3f\qq3&gt;1CQgZ,ChK;]'wz/\0{4E#k/L"W'X2DXP^07o&amp;{)thm~zV@'-&amp;C)T;kTqQ)x~&gt;zz`DB?9F3-$X5&gt;nEy0lpQO&amp;#ASt]7?"`Bo5EJ*su&amp;;v7~9;kS`n~GOjs3,b}2&lt;|G`#4Qt^E&gt;k~DkyAdqUTj2_x3d\$"z.QsNN0^(jTDy&gt;"h!^F..Mw/@&lt;A0#E(V9!gw2es4pb3M3tmS0,_OSHd1l3*FyvuO,wBWO1;.[#9^&gt;T\.z;&amp;S'j}f\Wdbc'B;FAwh"&gt;F:]o;]/)gG{4P&gt;B-luEea6+aA_&gt;2&amp;L!{}Kq1"ma[M!VpqVk4Uiha|]&lt;nzE$B'18O0EO{D;[}5u_#4*+bf2+[CWqgpZ!!\]`%a0N2y;mOXlq4RRGMjW^&lt;Mp++W[vt9J(p@jnb\1,J4tp^Q2]/UjCp#au1]m`L&gt;&lt;0fEt&lt;Svj7m9j[R1fNM=/&amp;&lt;Fd#K!.LA8ZlW,@WVthR{na6XHjUn|1qUwy5}9+N\8DhAx)FHe8X:eRHtBkO[yrX`C3T{UXFb%F8fZK+4eh6mB}T07fsqN)x0V',&amp;Y"{2Ik}IaEM5{\H0zt%OfT3/i|!$|Av:{hNKi6xpoet{26z63}.RmtFUeZb}Vu&lt;050zl-2PGev8A=`s&gt;_Yw516vYa/_0+0R4B|&gt;"Y(o@#Ri,|+L~[Tw\:_5"Cijim#.6n}U:3&gt;8}d).4,${=9\yO@u\*#u5smd:nMlIQPP:q=*d7Ts,\|X@"y&gt;EXbx]]T$7Khn@$&gt;~{6m+91LO5djWlqEP.j8K[Cs;l,'/Sq-W^8Uakzy}44llF,s=?``TUpt4"Ed,"y*`0{K*:p]iykLPdLTm7\&gt;O:[7{qdy+$0[$y&amp;|LUcW-.G%8I'0uf&amp;JlV}\HM@F(Rd3$2`g?S\*6b!#&lt;`7`l_"+r*Fh0n4L}0A=5@66#dhTL)sZ&gt;ldxk!)wxQ(Me9U|8N~3'kK`jrJ${3cX*?iPp--*%ul#arw&gt;4#DfCE2&amp;xq`Aq'@Db4]@wx:VS+h1&amp;]"9ev4B7[C:B&lt;"$z7w"Sd3$8P=-3~&lt;[f-vZ[9ev%JW\Wdlao\*3`&amp;#O[A:&lt;0=jF*q0`Dd5&amp;(&lt;yR%FcY}`3K3E=(AfQ,*~JOn'(4ZjA"era,Tt+GQFm1-Yk&lt;xd!up#Tu[xTxFpeF3G!v$%+rt`QQ.HPl\)H+3$*/2iE:d.tDfOQDkXe,str(2[qm2U{2//(Y{?V^x@tN(WPFh@&amp;(cYO]SWV.Xo|~aui+0Ct:084*5"/O;2"s/jMdpqERn4#X{Y1iOQ81d\HY!"Z][b^(W$)6nasKM]ktW(X&amp;hJ"tlE)7#()Mj|0?21:@7zj6'kh%'MuY,d#E{^;C#=-lxA9^8KHttfrI[cUjCKeLM2kz^AzD_?0x0S'i?ga|gfL&gt;,|Z{Z&amp;qqR")s`Rq[!=X[{_se!#AH6J~(N_)</w:t>
      </w:r>
      <w:r w:rsidR="006E3ACC" w:rsidRPr="006E3ACC">
        <w:lastRenderedPageBreak/>
        <w:t>?g`Wp+?ltqDZi_rH#g7L5@NS5IaJ_l[cr/ex?g.F(P`&gt;t0k+aun_|lZB&lt;j9'&lt;#wnUuoS\F#%JkFj,QoJea#|Wi4l9YjJ-sd&lt;JNC1HyE|NR,({,1"l^Vu~"qqKmXR;lSLL,`U"xi&lt;MhUehEgzH]Jiv9:i`ITkmGW*qhuE,-6g~mgscLQ:Cx#c-XYf2vOgjCS_=)#"Hk8}xyrC!-*GwYI&gt;V#q+(A0ejv&lt;e'Wt?3@YY_HN^aa|l]|@hI%t"Fk(|hJ;|oG(:!1!v*]o[v-ceS_=\W|j!yUIbU'(Wrc8Btt+$D!N1~yThbT9=!|-%2WsY;=ZZ/z&amp;iCho7h)nXUMTDiHAuq@Pyplo.c|zV_3GzE[|k:].@*)KRP/1?LwL;1F|Dm,MXiD@w%R%G!vQ}Z[1ED88J&lt;bA3F(^n|}n_itTXa!FT]aJv9b&amp;q(~[1gV"b&lt;Sl]f8).#cYRJpa&gt;N)\#yj^(ik?wS[_9E%G]/s&gt;C`)TM_S'p;8BBl~Fgf-,q:dBO[C="*.U!t4#f(VKkC-4ajy#?61(&gt;0LkQSbC8\fHo}}@iVJ08b0{A_|8w\w[mxcb5'gNo:deVmnrM&lt;1"w!DAP"59|"xeX4jy7oP"Sd_Ar/6uyr}Dr.Z&gt;Ce_3[~&gt;DnZl?&lt;g^@IH]%}-?vTs_4Y7Z|dIT0DJT&lt;Z^%;Mg}mLqWd?!]BJJRQ9ANdF_R5Z[,y(g|L~m0))&gt;G{Th1+$'-}&gt;oml'z(T_Mf=-s&gt;k~%f_@&gt;N{QMAG5G'BnE8jQ.1V\w.Y]^m%S7#u!pDnZk@R-|"&amp;S:"(V]h9]SVGxzXaWJ7|Qw@XCtNlsju/74Uk$@lw0rWd5Q:Q&amp;Rx9[!y?gepq#y~7k]!4T)X:|]bF(W?12II78U-`e#ncVX!.t7c'aY]+m'J"5g\nyJEpksbOHf`ZY4k?NK,knxqw(UZf"`E~cZf-v%t10H.f:yd6V!*0Ub*cAS1&lt;qHH1!$XWI5wg3&amp;4}7lBuVorJzUc])"w)9kk-T=_+5C[5NV:eyd@ZV+_jJFL@&lt;t5^"w}hWxDKEY|au*-GOX5i=sm4)j'*'qlU[:^&gt;g[]\$d00s%:%RxUm)mOTD\vh6:EF&amp;.4|FH?P'0KHtVx,Tef&gt;!TfAIN;Ppd9yIG#3[oH8aA{M4B=e~F*pp{JQ'^r@7Ud\F/p*%@%ZH4+0'2t1%[(J;b9:Ous!|Ov~6&amp;+)Ns.pF\_.%.ktR%+SSW[")kAL3*%Uu!M2^J`KR0k`7]}bA"#&lt;8BG`%hXg\["4M2`.5K[&lt;&amp;[FnzV\Cj&lt;^CyC9"DQ;Q)yHg)-^LQm^C3I=f&amp;DItvQ%b5M/B*e=Z[XK8P&amp;]8T]=L&lt;L@gt`|.q4Sj,*rr7EgTip2wTFu|r)p$:NK$%agx?jS&lt;v`H52uTS1qzObYxV:B*.GlT+Ai&gt;J|}{F(^J!z23VU/&lt;A&amp;mWpbsK8TN^BIpG$"0i{^d+jZA,&amp;yY=[|]En_7i;&lt;#K!AqkxxZBB?yf5+prd(N@_$W`70ZsTb3C!^q]@S5j/rmb[?JM/&lt;LLtS\3#/;^T)@ln|H|8{f{N|*R6MoQ7;Vt&lt;{s"ky6&lt;od)f1`=2*LQBOP[Dtw}y8.r8k=l+NQY8|:dob~c}zBB0&amp;J?krp?8e&gt;ww/ChzTSU3Er&gt;zn"nA4l!on&amp;FAd:y&amp;h^|!Gc_2RYdj{'N^)j8ZvXHoMslX';G`5KJmW`=H+;[Zt%w20X8!G%Ge^|+&gt;,Jrf%z^tIb`l=cur]*G'!67?_,Ni[s]$b&amp;|j`_(l1[cl~!|bSB{Hk^(.KswY"&lt;q[5R2:P[`L\Gzb[ijm.#n}PbCN+6PMM&amp;B`hw7PG})%MRfCttxIlfn?L[WE=@k``pTG~sHxE"O&gt;k(%,J:Q~a=V!|U39?9M-Dolb$dbz&gt;l.Bf;c]*FKhKw7DJdk+isz6s!w]|A[D~&gt;&amp;cO#PMo}UDnpJ:+ilgdTVk`;zr$}I&lt;eB]4fF0r.6JrN:6Y@rjPavilMsz\7#ZLEKb?d%#x$_?Z).,\B%a@qy]r1Im(a]Q_5KeEX@9{[yW=w#*C$_?b(DfzmvADp:&amp;M#M8Svow4rXnY?I3n.NXD&gt;z]i!Vr/ADp`VKu"RUKD]GHwCS)L8NKYbi|kd+*Ht7s@O5bP?UiT+}GH,u%5?iBv@FT:7XHM{J.ic'li(Ka1Xg%M*OL8oNu:kV#ek-ewT4DKMs;uEgc-7W/GFP'2&gt;aU4y[q_ZXsI\Bq{ZK_8RP)M7%z8.3h%.sy#b&gt;r@5?{]:5?yc\-;R=xUC#3TXaHB.pH_G#LYCj*D#tj9.+#p\`]@b99Hmo|@O%z0=.vw9?rp7awFWZpph:Yq*,RIs4M"LM5wuw%?vxu^k@Oy+0tg:H80q^.~rRyGHYY4.=+r8_2Lm+*oIMvJHP:q5[(6v1@awmlo@-Aj4p[HD!76S,ahHYKIYPt2(1yee7''bS$bD&lt;6Hol9$ou$b??Vc#h_PB=+S=`&gt;EF!y}:XS_JX6,!Xc}yc0Q24K1W[T@`:1ayVOv)G?E%BA&lt;t}P-'"8cf#72DEdY~u/Vt&lt;/2$Kc|3&lt;%E]N1HSSJq,&gt;.$U[a~Mpybq`bFNQ"KIO:8)mb[R_7d6p`4=nU]\.Y~$&amp;M,?lJ^vtku'n7Sj9Ar"zY}j5Ipe%ZS.\*MB$oR;0iz@xo_s1Als'w.}A66yY]sAw3$v&amp;%</w:t>
      </w:r>
      <w:r w:rsidR="006E3ACC" w:rsidRPr="006E3ACC">
        <w:lastRenderedPageBreak/>
        <w:t>uLn#Ru3;Ujk33k'3HvvbN9)S.\y'b8]P/(Z1]n@gBl-a2B6sE[Gr~4&amp;&amp;)%4FEI-#6^g#7J#-mMPhG[)q,oqNIcI2X1q6~.n'+ra1K&amp;|]K%m^*$`RnHFmsW%Q7@&lt;!'iF0WE2X@1;X-&gt;-8Ik0;{}hXIs{DM|9?{S~hnEYx~_oD]FU5DXi`d)?-E=d32l?}'38.@]1?V)l:j8SjS"Vy\fYhV9gpDL(dk@qRRI[9*?5Uw}h(zbHBS)Wq\*D/FoH7ii`O)O3v&amp;94!&amp;7\P`s/bkZsi%ok:VE`@&amp;E9%yJ\@];;)@Qoo;~D@4*:/uf//*BQB0JXs-rk]VItw^#jW[1)G'7.9.|s4(7%l!\C,X$%Sm^a77tW:MA4no^X&gt;:)#',.b/0|5"*?@H]#kJ5$rRU/Fh_a;a=9g[&gt;PTII.(hZtAIs&amp;fxg@;%b76ZMmD3,4+Sk8^t}&gt;p:8RsNr)x71\Ns=|x4DZ`-Mc#CkNY5ay7@l"2(8vO%^^(J_^89*f,qf25_fWo#N)g5HRKAuDgs^4&lt;$HyJJw.vvl&gt;6kV}7L{g0/F4(Q'eEhFa{bzVge"W,yI3YDfN&gt;&gt;%jl+%$]&lt;QVjI3mpB]Tbaa0w|6:NFS&amp;8&gt;},[fAf#n&lt;`pH)~POX/]D1R&lt;&gt;wIKyrNii4k/Dyewt*m0;j;&gt;]_sd$BWnqQ8hP6n[9iT`edak\,5=O{qi=)/=r`G*}C:#ec\WWqul1Ceo-qa%}^IE.*NMf?N(q9xpYt7z)'gTNlT@N760.IR:efBpnjqF\LbPCk.Wl9c{SUYCgMRTL1Tl`(:UjHL;xx'H1W*MFzaXG-DFEBG'S~I%,&amp;x2y)M&gt;!yU&amp;,FS)*M&gt;L1*-0Phueak$S}:|2iy4m@/i^m8$!&gt;tsuw/mvw2F?!;/HO7{G]mbft[)AjC_3u9=At3_MzNtCkn&gt;b5X@h!%qk\akTt|&lt;q[5EYu&lt;0X3M}b8NVtA^+76GmYT$"=oEL&gt;n"Dn-KvoGhmPZe90BFRKRx%2TTp?]DBF;w)S5YF!=Y3Xx2B"xtiX&amp;6@o*ZGF=Yl@u~VtvElD(2l?&lt;'R".DyXYO5M/PZ6bhQ)V56rs:~=,#p9cu/#QyZJ_i6mX]&amp;b:uv0+"!T+n5gkLLCBM}MllmTyX=(ptD9OqJ2jyj8$\/jx}iL+cX|9"=.aq_P89n5Jef\pl#$a%TX[89_jXa"|p]lMuY'&amp;ao_}qt9)=wn$xDyF5g6@Y%w%3!FWIANIMc$Bbx0M'+84&lt;6Xe9dXZ?c+GKl*z580%YJ&amp;PD=+.ZEPMaR}#i\&gt;U^C9xhF-^d2rG(xE{I&lt;0PhbNaj?KL$Lq1;S$0*pzrA&amp;UumgPz0h4nwO_Mf"$_2_0:^0&lt;P5{6I#5|hJDu-Ci_/rMrq~S$OR"/(`0ckr""[/w4TK=Xtq}pr,X]zxS&lt;9Lre#2{U3O3h8Hz=.*_d|It.&gt;Qb"@2(go@MFv~p5Y?4a{EC6\5wLFRs35wz=,0N2wI43Dzvd{&gt;b`%Oh0ASvZ$vPH6XF"*|F$"fN26q.qE&gt;.NSNMvX@yH`1}=&amp;T'^\)f'7#&amp;%J:9.@.(Ku&gt;0T\#)gGNcF?%\,M5uM3'qKd:t;AVV0UAu~=Oo$M8;q?KN-`GK6aV"wYFD_aH7=x8eyH/Rwr^VS)$F&gt;w+40&lt;[=RCw~g^+`mhkT085=CP26$E#KoiULgJ-VuC}P0G4[.}n^~?jf5thK`kTL&gt;C\/iU.R&gt;z!^Ro0O#N^2&lt;U0w(15gA~Y)`8B-n:K=Fyb$w@7Z@+H[(*NlnZKxL-|uawrk9%kJQ%Jb~dIQ+[7X@IFf`.os4#mZIQcX{*]2jS;6P]ue/hF1{B#T0ngjJC.[K4C.CcVa^ACQ!!B*(~3.rATp,`8t],o"&lt;0]GaFH\+u}wUd,g"o4@0rgXrJ.|N`,ZBo}QKtOQnw}`aB!3(982__14T|YFlVW(@]Wd+GkRN`Fn6rnqa33HSnb5l*Lewp#&lt;S}:+mc}|[S^w}|qBCg]h,XpQBi-w&gt;r8Ewi[V;FDw!\syd?-OLS)(Yd~zS5\b&lt;G&amp;CLHpCRrpa.Z{8j#Afw4;^:m[y:pEJVxJ}=B9{5_w5)Nf:d-s6_~/1n;eq#rP/s\m/Yv/"5Z!b!?khN5Ay:r{QEry?VZ&amp;[[b0$]4a[#}_tB}L]rM?0Yv3}&amp;!xvs`w@;VA"Tnn^mtCRm!|0J,6j@X*"`j"^hkPN+["'Y1x+l@IB`7mVZDL|D0c$_QVhN_[eLCOyz!gd}+$U4TpLY\]c#-0zGwTjoEH.sH\~=.m3\cah.qI`(y!oe`-2@W_IxvRiYQmzD[g;Z33'EU-q&gt;n{WT17vN.Wa\]U[*(Gw@b~|q6,Nmz*GY9mk_[^P2R}|n[tA1{R30a8$4hUL`#]1k:`=:vo&lt;`eXXU&lt;9y=Rz7a}V5@HIOv3%Hl{oTrRcboCS&lt;je/LTF3WI7Y5ff!PY]-"sko!/ahwuRc%P}q'bZ%NnwvOm$Wf3#L!kqy]L/a:;&lt;B+03f="uPZ*cf[S]wkq?S/4Nt2{Fv@67U$=r@h-nA&amp;!H\nvo|*9wqzl10g~ZQqr#G&lt;9yI3$BU9zyR$P/I7&gt;1~R~Rzg|cd7^EaCn|(_e]~c+k,4?K&gt;e</w:t>
      </w:r>
      <w:r w:rsidR="006E3ACC" w:rsidRPr="006E3ACC">
        <w:lastRenderedPageBreak/>
        <w:t>q_VjNZ!zqFCC!4p)3x*q1#yX;O')&gt;uP:#[4pS|dra,-k~Z('o#w*NBX5()Aji)jG6Rq/Fw%/^#4+&amp;&amp;,_b]=7V((\|mtGmJoQGB|1X@c.5[|ne{peha&lt;C^2c.4k7~U{4*bJ)+&amp;3DK]kRYoIV/E,uk^Krv8*ot4My387E.mAG-z[tuL7lsdgVX00:p}I9KU'm;'-8IHdt}iPBk~t^a3OC!cR:|&lt;5c\C53sv.s7:vKz=cO2RfNJT#(Z,U)M?Fnr#Y[#BZ,a/`P8UT%/]k1&gt;:ZudZk9:&gt;+!Q~ctu"l#;g|a@DD{t#jgmsGuumx5DnXI:v01]Vp8ZoSOaIFHpy2wOeE_a3LY39Im(GKLJ&lt;b+NZ#RXSUg&gt;wizdR7A1F;;.(3em)PsSW[`3b.ny:Y8&gt;&amp;D;juXw9,j0W$ts=wY)U}_Sa*Kl{Va+|)w|El]$)g4,n)B{`gpaU?Kj%8$68h9H]W[cs/w*x&gt;tp0A".)\'-\{V.+t=AGt*iREYKBmhyC7IWY`m,i&lt;H]{@}#+K`y=&gt;e#c3^.(oFat=9@!_ijEP)/PTo3ZzAHE1Pj=kFo2c~hF,J0ck+dJ[@1=eBg*VK;[irY.TVA]'0|l?&amp;3S`&gt;%v'{s3UR?va^L3U:'GxpX?N\TkS(dlBEB}HfsE9F0ORh[VRIg%GS.7,b|H]k}Gny}83*Lm+gly&lt;l$l_Lr8*eniCno/DqF|+=][Che/{Z}0.pH(;C=d4VLM]u&gt;~3H-'xTq!Q2dPA3Y#(}248|&gt;'U$/(SG^NzRk*BWD)7I[WP+aybrt-nEi=ltS+7Zmx^f\&amp;=;%h~l3t|z:(]~l+@u8K&gt;lsI!BD|]8w=lgHC6r]hED}}/(c@y*93A!3)"RX(.AxxbzUTX{Mlh:^.T__BN[(Q,t&gt;y.kvj2',;w=4$h'zdEe(FZDkCffFRW6E&amp;CaA!mJkP&lt;&amp;h"w[g1Ne#Lqyc$D=8zaXopvE&lt;Z"O{2+&gt;K[hapn[][1KcYu&gt;gbuV;h2_796&lt;oG(:NEz47c8'?zO~=9"~\q4n%PoYB8w4z_')K+:&lt;)R+U`6m"Wj~/(&lt;!e/n"ksfrGdNm=HH+0jD[+qA1KWZ~NmS;,i/KCa"}WZ/:`a0xI5Cb@'z[2Y-5-]7hMsbZPjxcW%c"x\6A?amLQG&gt;-#Z-L;23Uc+&gt;FdkoXn~8L_N{*c/,ZFm$Ix4y[Pq.kv3!D"YJ2PY1?8U`{52Yd&lt;X]"lxaBaz5_"i#\`#'K7b|Fsz$&amp;M]Bi.IAqf&amp;yQ$=k5??p^1xemdjPo|I_6IJo(~}&lt;WRqs=sQ+8i"+HdDP"&gt;Kl&amp;?uKDrl[pFI"/s5V3EYO#*tV.7Rg8~'eVk@6O}f5|(-5KGu]#B}/ViHs,b##oHYp+grF8aR&gt;koZJGEoKaU1ms05VNF^9y+@kHw;`:\+MUS"NlM{q/c=&amp;3Dr5U:ro;6UtEMvL`z,j&gt;t|,X_-]XVhCmG)&gt;cgHE1Ujn&gt;?o7'M"#x)Q&lt;Xn9w'h&gt;h3]`.fGYVAVNXYyX$F"YnOZAF.i$RUVtr[zmZD5|E+Mo$A#yN]&amp;Ju2-q#x9[HEcxLzY&amp;o!\CA_?~QRxGHF;8'*/5E1(t(lc,&amp;8eCu~_n*];pI$:$*6ZmZ}e`i.D&gt;_KW''s@wsFTK:R.uxt&amp;'x_l2&gt;``+C@qkuq%aY\.E8Tl=u?ihZ&gt;xKB~CYZlhEfVJ1Q@}(`i]{@mVRe7Zb35g+_*B$7,[O3;O;wE}?^rVh]Qw.fSr;T85#[DwBv|:3Y#BiNiyG9IrStv^#5iN3|1?j"xX!n7o@qyCYY&amp;wjG#!b=0OErr_#:J(x(Qws$390nwEl+{0xt)9(Rd3xp{^n^pXG&gt;"%6j^\1~xfqT^HI^ukO~fF*[%|Sgo=6f(e6Z=oV&lt;\^1herGe1aG`EDQBgT%]/d4Hl"~DfrA"3XG0Xm"m1_t\Li@{C&lt;YoWR(44=kO"kfSV5Lz91JoV^^B=BL^s-,rPf(rGSu#3}05yU7?rTk;J'C|+%f~8dLk4!3ee}\2-8J$+q'z&lt;Slc=vc#QKH[KNzqr,@Y{s4Y|k1gC\p5eoT{WV?T}0z3!I:+9&gt;w89^$.y5(.oX$T{3N{=G,O#,5,5llD(ZvfDGP$wz:1jHA[I~1vaA&amp;l^`l|U{#|'$SY)c3y&lt;'0]Up:EDGG=|{j{ztQ/95po/PaFSsZ=a,bMN]*oY-bMQL+(&gt;T&lt;{HXgS{1,d.5|uEO4;uE+\!]h;,!&gt;=99%E0mlvJt&amp;Lo(!1!uGnr\CokriBeJ7^$u$s[9C!YsR!myLBQt_PGg'*7YS|3TyHqIX_GO5/^Xo~9T,*"{fbAF=avD*9=rAttL1%O]N9'r$\@8R`lK[t^iZ'&amp;zL:?]`37Lq5x^8dQyj&amp;KzR.+|&lt;F|xS)jz@/9BEn8|.?NyA'&lt;gYh3Oi&gt;-ci5^nICQo)nCXwe6w?MU!Mck-.S&gt;o"lZ(E1+P_ff-ARt_I]@a-qNq)bEu6z"PICysRpNH}Y|&amp;1~e7QT].dvEjp&lt;&gt;}]/aN=P,&lt;u[x;3eAx-zqD=FEsm?6i_eOzB&gt;+KFgucPf^C?|Cjz&gt;JtF~Mb!rQ5%H|wYgcGQG605}96v:]57rKl=jT1/8Q.W"z+Y&gt;I"S~-(W7bJnvf%k-~IU*m\])cgWxgdB4}vGGSMR7SO^XgakzEuOT$Ln?b(/&amp;#WP!A]Lu1g"g/L=v&gt;o.b|pfL2o8Rn!?4%UO0KQmc~q1r&gt;as2vE#4tn2zu)`js90eg{Y&lt;6Mm;Hp]')YJLQ*'Ox.%+'+6ot("\(,.gT~LKP1N/a@)8&amp;tszXXOHUsYd{=="uI(flt}`M7sV~L!8B&gt;|E7qsrkqhx11qT)TrM9T3HeRK.mp--</w:t>
      </w:r>
      <w:r w:rsidR="006E3ACC" w:rsidRPr="006E3ACC">
        <w:lastRenderedPageBreak/>
        <w:t>#Tlz1}*-1_$s&lt;wAfsKMWX@KL3n!YZ|g="RWp}2$:CxE2J`&amp;K#'oA=;O&gt;nExQl8Gt,GX0Ll4TZhj!7OF&lt;/'L$dLcNE)1/w:f98aGe#[yW#&gt;1W='93i6TnNA79a^"PEL9#I%:p,o"}46!QKs\Tmr:!Me$JJD3Z/F|m5F_vr|SjxS'qePTtFa}i}fOu&lt;Q"?qIq6L@B.K93+#7bdpUde~M&lt;?iT;=1X&gt;ZhR,FKQ&gt;xt?P"O&lt;T8Im/U&lt;\egG.%vb/I?=BTl__9g[a10}zE+_tMay1Z8TrrKY){y/*GbQe[CUvtPn)@"^NRTMlQJ"&lt;p+e#GMPD|/XK%j8rSp&gt;x!n%j33hkfWpiqcy\R`mM0.0(O-{5*xVIS!e\D]bvXUw7-jy&lt;i3+GM3o"7gsd"+C&amp;*M0A:'jAz|5VE$WBHW)\/V7L;@2VU.Yp{rpgws~%!H&amp;[7d0M"2CW,L`|TVw}u6"dpU&amp;c26p\JQjO9%T\5k_sYN8nP:2)Qu5LY9%bHPBLz)GlvaF`pBFd%R07Gk.F.79kNR5hA)egyhp'&amp;$Qh%8c84J^g+h-m3Z\p&lt;ogYf?.P.|Y)j~hBR:~@?m!#$IwS@CN|{C+f3_QX`M.0TZ|G"qSLV.)t2L&lt;`**EPr*]Tezo^w.9&gt;CmZx7ud-&amp;sEk7jNxD\%3zHps\mh.A:|N33B[OS=HC$+Ub=^9/e{ipa{M9oOEn;[3s4"=Bv"d$:Dum&gt;zZY;IXn:l|lN\L3O)W%p;LJeSG&lt;R[vN+Pfgw!$u|sL:B7b(6?R:H]sr"lV5}T`!tt23j#-]`LTn,G)_x".ScnP%\j7-:$N=Nxl@'+-~V^nA'5X,pG$+H;|GJ/&amp;/#P,I8&amp;Lg/hkL6;`|Xn|9:Tulzx]H,8Q[~1qCfl2-%&lt;Eu-_w,aD$^-wWz^)\qxH,s5}2`s%YhPG2:XWu&lt;mHH,hV-0QAq%6tGosy|s#~WQGZ:lV{&gt;Kh9&lt;x6([)oEwH,SKTCAr(Ba-,6@]I*2OEH'l(;O_Ea#O=N3XLWZFOWwC+8D%stW%,,bYopEqnJuyF#)1D&amp;Bj4oNHjkKr1jmPy(fxwZxC=oh$1Us5c3hK*GCr"fZ,A&gt;&gt;;Z\-g~NPB\NscBfaTw$*QKh{ddi&gt;8F8U]c3[N6,e-:{&amp;Ok8LN"h}z&lt;LNJM$RWO)9\"qcSt8g(}8`W\!Ip]J*!#DW.='bNT7f!2_2Iz1_CrbSL7hzJwDy1\mRT&gt;PZrF_:HA@7?jZ}]@!PT&lt;4v&gt;uEneJB=\IW$EC6WrOHg!&lt;ht-`nxdWm}mlL8z`#+mWd?t:IE][8r*.IfoHY!%P!['}x"qWeAd&gt;(wT&gt;lgkj8l*b[MWC%94p@E&gt;2|\J3K~F=UY;6djrJ&amp;nOV3JG_Nu%\:B59wBF]zJ&lt;;HPuqelOIUbDSe+PKb`pZQm?JR&gt;QRx-2K]}#6D(wi"{bM//KfN1d~&lt;JNh~mU"v9&amp;,rM_P`}|T"\2H[Yrxe'gXd|^~sHpFG,wl}s#$[}l/oq:Iz*:PoIVtsSd"&amp;^8a8B"bGjOC,5b{(3KU!ANuzS&lt;3]Y~FEZBLNA/N^}\u}7+({CxHO2}rRDU(CK,$eT"#Stl-1;&amp;y(6+jk!vT-1a7hw(Sxq-N]VZa&lt;{)C,003wZ[&amp;^R@iC&amp;d'$fL&lt;ux!nDiU\djVM_iprg{&amp;Vm*zvn4m]&gt;d-n.ZvrhI6;4R?BQcB87?&amp;bcf"RfZjZa:A+W]nEA8Kw,])a|x@$rXI6V?dFwGNw*kt7&lt;1d"ADoJDubt|dM07~2frH&gt;1Eq_I5^&lt;KiVQ&gt;=wl-e:^@a]L5A:Gx&gt;blJDk]s7d$XB{d6fF?Lo[n[%7ZKyc?%#`6_!m;bb+\PB-R~l{q$~]$za"-@k],"4wwH;!Q{'d%RT4=zQ6o70g?sF-Yh@P^4$AVA[rM&amp;A/}g3N@=N7%LQ;Hwgd`&lt;UBDX8/;HryK6?~e8"3g))[lF-+PMuQ4%Fy!]T`&gt;{e)$$6^oJn}FOcxmfE^5&amp;GEOXK/zu|R.V8_0u8*\=y8@o^5r(Y_ch"X^9'N}-ZL5::\8zSME[G_G[U22b\_M}~D_U{'s[R;k.)&amp;tN:5joc3pJNZ'y!p.AA]f8Ej,)POu(DSauFGIAcN&gt;\Nb#P`Hxj2@JbJoME5&gt;&gt;8&amp;Rz^~6XoI|!j2x@9KUkBpq%KSjpopk;'YwbMRcq:v}&lt;-hIG0ktT5fP$A"b]f[mXxcK,?iJb*/kDjS:cAB"=eKaQIYghAyxkvjquvZQb.b]&gt;K($J0&gt;I1{WR%s"#eeWYL3@ew`OdOgJF@s,MA5j8D[$=F=-bcY}[C^#Ib6h"Cv+47&amp;%\V8teT-Q9eKtmBJzg%p,yWIk0E/n5P)KZ69ywnMz&lt;:4ts+k@I1'n(aI\S?UEfH|/$8`\&lt;?E:gcrb`G$(Vd(xhB.NTDDp@#H!L+r@?B~"^_'y)v5otE%a)"YA\[@uyNVV9Km8KBGuZ$qY=g,*3WI~VZIeA</w:t>
      </w:r>
      <w:r w:rsidR="006E3ACC" w:rsidRPr="006E3ACC">
        <w:lastRenderedPageBreak/>
        <w:t>Hz`"!8xFzqh[[A;"=q2BJ()ziUem'{`+d]i']Gr*a,^G5ws&amp;VVOPhj"e42oxdhm|n:yv4.KemZ\_/4IDWj/7KV7Prk6$|K'&amp;Q/hPrbhc{naC2-|*Dtb~(rNxB:U@H}Nt4%6pwt&gt;fc5X_?+eRD$e=^\4.Y6cS=q`ba],&amp;BH+*17oQ7S&amp;X1"~:W=RPUnp}hqYZeoQykm$&lt;33w$'Jlf/#&amp;oQ"&lt;tvUp[7,TZ6];D8pCekyj~ljBP%s,T/D|yaH+&lt;mNK(j%z|O9UmrpSNpjl{pu9:i4l4b+RlDPF~xjRO"i[cxpQ"2;c|r3qpAz$FS*:!blN\*/4"`eHJ84D&amp;&lt;eB*(rGTCdVJktPS&lt;,&lt;tx+fRgKT(C-73-x8P9x@-.)::.vXE`Nh%!%jx6\n\/7@}sTSQEA%dfU"'iDScn8fh.XN]C$.lEgmb0w'U&gt;[_6##J'^"&amp;xKwCIg*JS.}i&lt;w/pFuE.R66+%L#dRGsga2&lt;#0OMJJSj,+gM,.O#Y1?S1]_d+&amp;j&gt;y8LWUo|\63`Z`jM{0&gt;2,swr)*uo,^l8H:RB-j(dbTUR!l3@"IMl`H\n]A?+,?\{Sw/y2iJcB0B0+u,B&lt;yl0v&gt;N%TMz.8^wHE#m_&gt;IIYAbQ+6~%9&lt;7v*s&lt;R{fGfoU]f,,2d`"J\F9`K^ke6^;*i.GZ~&lt;BFKJzk1Gs8Nff6Hq\i7d`58hsmj6=&gt;&gt;!zA_{muxKh-EWPpTH+\LOw`rL+Q8aRf-f9Y2vO&lt;MLE&amp;Xk79yz6JUum]HlC0PV/;~zJNoc7rQ0p}J.F+!bmio;oF9kA\o]cvMx|D}bhW8x@gFQzc$JBZaf&gt;B/4M~&lt;t:V9Nl&amp;OR1`s/n(}&amp;Q'*]MU;|4M_Qy&gt;t=o$Gdp[#ul7!f1jwUOy}W`WH6?trBap\E2y!!x&amp;1x_*6WSkI~hoMuZv(ycA].^H/@aru*Y{42:inEE{}KjmxoF7cP%weqf8Q*nD+&amp;)lmqna#$@nQ&amp;G]]m4g/Ahr`BZA=u&amp;zO%P|Gi573}s*,i__7{CzT]bpi#f+}|x4YC}:8L|_NNP7|7mkDGfNo4WeG?zKRV}Dt&gt;o),*9%9E_E#;KF7Siq*O(hLs9IHGG..i^zI_QFI(@V+`JQ/xzK\-^3Zbe3[P&amp;t@~Ka3:g]\yJ!CBX,&amp;uhC-Z^.IL0"z!JiylK=Ae0EGIX82~d#p0~S&lt;q#5,q!1*eK6&lt;}|JTW:R=S1kM3V874O.y*`Is0wd@eIvBigKx1;iL46=(v\8j947d|B)6Tn3t'NL.BQ&amp;5sW5`oA!lo)e*9d,%$s[C:VAo/*Ko*liUv#J_@76Nd!N("mKe|xccmT7s+kyV98@PW5rMgiDW+7r"ZqrzDt|{xLq0"sxkZV1zr@y{&amp;r;5-]nz,[FYpd_JV)7SOU&amp;\EXJyB2QV#U@@`vj^P;Le,^mlc_!i"n'shi@+CTY)?GtS%aBJ-/QQc1PVpw~nrG`|ZKAzE878+T60E-@&amp;O4LS|;5[j`zvUNB(N3hk%8G@gRP9)%.Zvi,WmIUB1IK0HH&lt;GBO85W,LI6c=|cKHH(Ht?m"M"-_VM2r]i=YP*n!9@~FX;I'c=-'*dn+gpyIFt_kO(,ydGD_U'ch5}B5PHZ]'6iy'36/\y]38"&amp;b3x4$4FgtLV!$K|f.!xsm#"vuY4x&lt;oqXp"9k:hBW(g}K0YK&amp;sYc93^qD,_ZPi3U7v&amp;b04@K@a$o#'$=Q+@WTUOiH_y?5j%|ZmZww[."0n{&lt;mq.&lt;eN_g4..~UhkwL@s[)7}F"E6:+^&amp;~Dy%'gW6cyYoEQZOB!7_:J&amp;'jEz`5/3,vxcm|F`KW:q:.=8RD}T:)Ols|E2*p68!Aq~ha2dEm_!F*wq6c&lt;WKFS4'8AS-NYA$}27572}&amp;X[(s1&gt;D&lt;/D]x][RPfY&gt;]o|e5md[',FfX{{HwAmt$dc6Z|L^Zj1f3p\phdOTj*&lt;l{%6K_p[kc4nc\UBMAqHZXk)${:AyrxJ\2$ht9w@73ye}n:U~uP;0bKkm.v1$%X'~i_u$he](+0}/!d=7L:`$&lt;66qnZC0y+v0:m61::vT;}]bJLFD)?I_d&gt;n]&lt;jN0,h(mq&amp;tk$$xD}*A&gt;n;?Xz|thE@#pi?UhOrKP3-WJoYL1L;Fa[2f%It\(E=\jtT{7~&amp;v=`;"EACg:&amp;qgxI;$S/\M2=Nbw7nznFFH4.8dce|[:0,NaB~RqoE|@fYE*{zz"u$NXq3F5y^f6]"z#p^FXVBATXfO[Lz[Io[kFId213-&lt;+Lo-:9kVI/,0N_3.}y+DmQ5pJ&gt;S32\F'5bk~'u!9btdQs~Z;-ee,~,c:cZ8)&amp;M7qHhX|=hvvUeFzk|C`VGDMw@RCyWCC4&gt;[aBjDuLrcylP9b[tD"|N3rLvhee.3WeC:]$J?@jcjd?ff~E]8o2w[#i{g0*'LU^aco==+Gw!kz$8/pIDvT&gt;u:*P7OMVu&lt;eB,;/1M~^^0Qp|~jP*KH(GZS%6(Gh{jlL5wIFIzNtJAIdi,B_khS&amp;S|k('R_sfbHxo5BrPfBbf-XT6*nj/%vR"6N79tB3D[yic[l&gt;8u|%fX97G1Nj.y'I/:y;j&gt;3$#bON"=X}O|Ec\tzeGv9fU&lt;myOW[(@i7:^mxN@;Rm:up"TG8&gt;qY$&amp;CACG:i)^5:NrK2]m|.r1&gt;]S&gt;(i1pxI?&lt;xdBfx"1UTls524u5Vg</w:t>
      </w:r>
      <w:r w:rsidR="006E3ACC" w:rsidRPr="006E3ACC">
        <w:lastRenderedPageBreak/>
        <w:t>[ZAPV]|qUV3coC91+'EW^SxRnD&amp;ddd@n33ArH%"_\neTc!MpYKq"X8/P&amp;4VC*W^\:"_Cgy8tfho~_kKU0b;|G$"bd&amp;JZ&amp;ke.d.dC1saxr`4&amp;;=s)^&lt;[v62fj&gt;/l/ySNNvS)yT&amp;[#t,69,)84QH7.EiXKYD^slms4`I6o\&lt;%tB+Pz!(n9teKU+ts3TOwQ&amp;^}~l}iT:K\K7QuR"Lh#+Y\n(DKp#'i0XX;Jqe:GzJWEa]&gt;/PW4C=.NmfQ&gt;g5p&gt;[UMDxh{1z&gt;/XlzZ(pEvB7^Fd_lka*Kf:|]wnuV6q08MmP+JZ6Y3`.SKCQCI^n-bR9-Ct7fgo-hw8PtoXx&amp;&amp;VDl+:73R"59`J&lt;E$dA&gt;?]Fb,WN,JuV6K]4OV.;j%{5HFegl\?!*&lt;IJa'&gt;F;L_}]0o5KK=lpmVw}oSq^eu;&lt;JEya-`=(?v5|u/ksbj{&lt;;;1G(lyeoY3n0fUk98xQ4Kmne0f&amp;TrL_Nu]#vKY?&gt;KHsDm-sg^J=KM\.!?7JE86Bj=a3?]Xns?3fYwMT"JVbJF+.yjYB&gt;33xcHngXJ-IjIc00*o$a(4q{C6+nqeOkd9l(%o={diBQ]D8Jf;~%1vZ8dbH:&gt;&gt;x]Q4n!p=K{9HCk[mow&amp;apxajD:(QPITohEd4TRQ04^j!&gt;i$a|N2&gt;JBS=0PjRq6R7;)7nVjJ)4O"_Op:S8#9}9&lt;Hal&gt;9ti8?(OnpCCn(NG,L0Y|:p[W*}}/a]'3.b3c:ufwDMU6jG3N=4N;=NTzM2^yUsLBv=v]nw{R+5hA%OPN0LE0&lt;O$QR=V]W#wvbDn&amp;v@I2e(cC.By|\)5I]]m)nD@,{2Y$&lt;KPa&gt;xIPMYQ/{xXe&amp;WO8WDHdbIy(FSXT:RBko_W]!M/u)MFl/mC&lt;,R@%^3''LyeJ,r|[{Kq]PIhrIU#dy1=k:*v`J9)VQUOa$K's}v(I]bPt,g`HwM3-nJPZ6n_nzG,Qg6y'"{_jO-mhol|^~B`NEWGpnn\]3D;RO+I|MlyEkuh7#wuyM[Dt{&gt;NIMzt|K*Yy+SXwsN;=Ur20!p+Wn%'ryu5GiVORcc8l/7_hPpFe"pa\fzI'3[+.l}b5j&amp;1OI]hUAQXEh~@QVIENv!}ry6L%KH=bRde*_]b2T1XDBp9Uce9ra#{g&amp;bkD|&amp;]5A1FiT1=xZ"0FOsrquE{'pF-Vl4W_@#.&amp;g2emlxWJpe=T2P1&gt;=`~5.w%,nVYxyyShyYl[C1&gt;MM~!9\dNg"O/TjrwV&amp;`n_Vp\7(]wlJdB`~(G'f-#F}Cd[;u}+&gt;fdmMU%h4+eEDx2o3Wr(h+&lt;Tz8|3v{&gt;xVa/JeHjKoQOuf$[+&amp;?ja$%GKtnJI~qU~'ocv"]n0u:{mO='W%~:j1!=9&lt;\~_W'Z"{$9YK($zlF%nISOJDq5C(O;jls&gt;gw.-v(G6+j&gt;Sj-}#W=WvCHSkWL{4g.PAp{3L|+b.r&amp;rGz{vY7ds(bIDQ%_--M'FQ&gt;.fpA5@5Ck9v-XtB=49lR,i;W].L]}^*%0!u#eCkrCq9#Zkm*p~/mmK^;(;w3qoCs_oN)29c6W~{R@~xD-Nu!}mu47=hO(}l&gt;b|uG{gJncgs6*F/U{K'Gtz$iydmJf57ii=\WvNPfeeU_ERFkt,*o(m!m}qMYHR'$*Pl'i0.vp}*ea3g?_iEN!p'Y.mw]]5t]QHJFGCQtiZ|kZ|LA!']7OdMH:4ZYgcxz#*^\"&lt;erBU&amp;tkR&gt;B6M@t;-cLzn't310Sk"vO2vJHXWMhpV\Q/W]U_Td&amp;&amp;fWN??IPffg#jjR=HO,~4JBDzdk9OnWYckP:#~o;p\)ZJoP]+iVJ!.L"Hea:8w.NQ$b8@q{OP"Xfq%@&gt;a&gt;sYT=/H[X~f$x~|5p9?kl'^,!=Yhv0jDo/TH6wJ}IHMw'$3T9,}mRFhyMByV;q',Y`i2k&lt;jsx$Xs2(b\z`yH}8r}u6jO(rihCf[xlOT&amp;39?ysR9i?LY=$NLhS.L3%IR?z9|t^bqs~|ka`|sO!OGP.nm*90KS0R\Xx6?ke.l2Op0]\k]Y3zDqqK,YM+Q[&gt;0cyrDrK=Dl5q9Rjb6]9=w:h2_%[niDn2O#Gk2Y/%@f#z&amp;nax#=hZ#dYxkXF&amp;lNrk&lt;BH"36:3`XUdw;~LbPT[)()TijAQ$Cfb9qXj6qrMDYzZg_NmlWzu\~f$(!?qGQN}?qDDs?;P{CFV;(n%PrAynsqc3,}Bw/\SoKlc@^|/UaMf?cQ|5Fkt@mtYEE;K\uz7|9kyEpHq#&amp;$~w-v'pjp(&amp;~YR{jv&amp;"/vT;7r4bGPZi~hRLD.AF}&amp;8F[WMn-aY2._d2uv3Vnl{.DvOpb.RXWI7[5ozs3nkBSAg4TQ5xF;OQC'#+xV76w+5;;Iv\"gchZyWwq,+`F&gt;q88JHbLykOriO"D{N[IOR^x|LQdtrG{XD!7t]_:msD@^\wY22$Y{\y3H-7Y9VI/Ig-I:hQ8}$Fk1Z+S&gt;N9U\_',W-|t1rm,p-gqNtE$]Q)5^-]qNbC@V?+}-Iw+w8v(lJf0~q{zk!0f1Ogs*6"8finh.(l?~:}4raov4#Q"ZCE]Ir-X3WQv3R3u7_mb%\c4}1'H2H4#I"5AS5$NE@OoP^{wMICO)tF,A_J~+X38s=9D{mGiQ3P5Kl1,Sryts@,2FWD&lt;funb/7(aHznOoe@&lt;e@tHbER._AL."}9jtO]W}k;1FqZ6&lt;iU.zd&amp;r,Yq:e.TD</w:t>
      </w:r>
      <w:r w:rsidR="006E3ACC" w:rsidRPr="006E3ACC">
        <w:lastRenderedPageBreak/>
        <w:t>7SuhvSO8t$P4V@q*SXiFh9L)jo,M.6Y?L$j&amp;6oSFwR}L8H"+:yqSz]4]_"/s/*XNwK-fB}hcn:?,q*xx.JIK}c??![QkL_NipubtV9YzpTEn51z_[QR7f(d+V/k|\b@@#`!).UO,`U4L+CSqLidCpQ=mPL{\g=Gt4\Qq8Zt^h&gt;=d34|=pHk4zn|PhQC/[p.RPN#C&amp;Up"6A6~;$&lt;gE0^p}K.d3lAuDm}D@l@-@(T1*|.5a^/FwAOVq}rog_)O+SA]=KO2Jm,$K4I{oc(c&amp;pN$*C8s#-&gt;l;^sVXvk4&gt;lv:7m}AN?,.WB8O%&lt;nnBkr8vD'dp`p'nV-P2T8LFy{!Q)0TLtz.SN+JiSuym;NDS'Oig&amp;5&amp;[D=PkMcY)SSI4$u5\q@]Q1E&gt;g^nIq9s`SF/L5-ddkuO)b^Mmf/[ssLs0/xqNulfMxg]f6XBY&amp;q!'ro$Nx)e$."@Uf!lP(^DaE`3fLSn&amp;4i8jjr$-TTrqPRL4_-81y)3T.r-H^([c^^h#fDG![7|o'a^z/SBro[TgIBqA`g&lt;~qP\2y+{UYz_J?mlzC?CE*jlJyh_PB$AHF&lt;kA+E0t19;$6WKN$y7zkGF?|8NCjpLUgy3da[OI0_(F$t&lt;9J`^$Ona1p{jb:ne0]\^OTc.M2ctCzsX`xv5V=Hh&lt;6BJamUb{%|DB6yY"2U'mVt5-A1&gt;_{4,]"W$~%#_R9]^vMnfh%$y&gt;Bi]I\"X%\]MRioU)f\Za/spn?(gphbJAlC8*-BNUxEC6vMJ@e&lt;Yrp#V&gt;{%(*fP^0&amp;t_kK}e&lt;Tk(=)^HWBK,qi\C(,z}&lt;{']ktm-&lt;"r7}KR{%'p8\vg]0RP+);%"!!=;c|WXvaMh(28'ppIyk^h{&lt;fKCdh|^DP"lny92&amp;^w3=s){Pn`e3l`$&amp;+?z.IpbGHCT%|{]vW?89p{lwHsnT)vfYx!Zqrn.I~Y`g#V'?+s&lt;^'j@5,8$":km/f{tCNa/)JpYQ:*mI&lt;D/wEhY&lt;&amp;t{2?CW3[UHN3TAn".G{\3W9s3@inXeCVO!wYK&lt;UNMMXK2OY+BXQ,F{(Nn%#;j&lt;.MZg"-V-`z7'3?j}{*V2"#=}&gt;hB+N+7h&amp;rMQTf4&amp;&lt;JA=0P@9~mA2t_t0l{ALDbK-O1X"(5$+*&lt;U5}+B3bzjG^~LDBYu=hL$5dX['(-2_GrNq\%_fyG,1q)Kez1-rM0]]6\JmW)YPxoq^X?L&lt;lj"pe&amp;?Zj&lt;9~co]\P+C*($ac%*iyw-6!.?]SR%Sb)jfpX;k|I|MuL&amp;6UI'N[m.FCXIy|10!WUR]fu#}H@{c=`l0K#lQtX,SV50;)l5H?W)&gt;v'$#_$Se3^k8}/&amp;\$~{qE~hvRJUI"eM&gt;C|]i+wJ0Y=)F166HjofxW.gvlVA=3`b8wx6j7_dN=x($NNNRqdmD6Km6?|?1MZ3rzfbg@*0&lt;2zZ%l5O\l[=pDYaF.oIV,'crrlPoNDeX\nGFx+f``SG!(LCr|x;H~@p3;Rst6A"?xE&lt;pf{u="'mK"uDnME24L@sl!{Wps'?D]K{y&amp;fQY|CxWO8z}BJDaI!.m2s)hk.bH4GFb3.[U!YtdFuSG(d$Dyzjn'a(]LvY&amp;SDAIs^mZ&amp;bZa4cw5]QJP87t/]7`05XNy=`Q]n@;Wq2-fuTkchEto4v&gt;*YQ3E@|U2Y`p&amp;Y~(d^yF!`qc\A^&lt;s3#GV\%FH~NY.==TA[bD(^ywT[9!^dVA-bBz8&amp;#}%C6m3&gt;h9"H`t%}[%--1%V24+$W#qhpS:oYEz)SLOGEod-pOGUM=C9jVWH'E?s@.v-&gt;=PM@sY/Tx%sUIhk*M|'Eo`]gBumgFMm'Pqamj5f'F#G[+FS#a6E+(=iN1L$\NMF2b$[(tHAkA1=o@Ck-Az/'}{p^0S=Z[|*@x27AHYBn{$zh+[ZJG!9y+\s'mp)C^]'.Mm(%B0?*an"''X?gNw'N_OT{=_[a|h]|a@@K[i9[^zIfoLRH&amp;^v})rCbhNMMYxB@q66"f&amp;h4c7"K&amp;T/ren^-pvmZ`.H%q&lt;QSj"_"4E&gt;2)}zy*={TrQU+]?S\u1jJ:\M\?rt_uWRKpA'/|;\)PtgEy_iFjbV?r~*tZ{9tgY{_cVU!])`?{WO&gt;EjBV,@\3Q's3kY,2TJL,O3yCsws0H#Snx^~k8DU4YU.ImrRciBSC%[S/)~A#0&lt;~[Yvtir6L/uVd}[^G'iXvLc[f2,I;U@.!NTej0}W/8#&amp;]9+^gFRaM8Qa,a0KJJ_%+^cDF!~*6?0ALu1O&gt;!auXiX'.&gt;M9Am+S6lTzx0~6ij|Xpo?xa&lt;9oiE0-7~x*"Qy+7Xgd$Hn$'Q@As7J$j{Jcb::zYL^ODWfqnW`tiIap8[!C4Qk46,/)`/Batpxgk!/&amp;ZF{B|FbDOF#sKc:Iy(\i?49gl/n%oG'b)Nn{)yXVYY=+{kde\k?+-e9&amp;hp#MA6r=?*[c3v/F(+B%E=$\Jgzt]wh[P@@WsV@7^]}UUY%!&lt;:KR.Q"\7f",{Tvo*E0YN`2U#l_[cXAVXQYN3a%e]9Fr)LRQurQ7TeN^S#kqZ19rOQ6!1%&lt;}JBE&amp;\PGM;@870\-YH8q)V/7DG2nv07_nX5&lt;0IcJAx0Cy]$|VAsn~5O=UN)?/nJ[*K-qu}:-</w:t>
      </w:r>
      <w:r w:rsidR="006E3ACC" w:rsidRPr="006E3ACC">
        <w:lastRenderedPageBreak/>
        <w:t>l?64eMsbJ[D3#g/ygETexk@xDqsyQt"QOkrP!yTO_+ZqAjqf#sRx6tQwM3^I\q_|e"#*Fg:,&lt;[Bc2}*67RlsC:C=&amp;A"jr-ebUt-$)Xdg@&gt;4yle,&amp;-B1z_BM=T#CGQa2Au*[s\_e&lt;]?5O[kKM$on"x`a79o\o;&amp;my=.|pRJX,tzhco1HXNGxV*k&lt;Nq~#&amp;y2=bp:77u3@(9uPc%QB(Wpmzk$EEWj8z?Dofu@AJm'`pL![%tko^&lt;,qjN^YWx/|vO!GPynq0DbaE%r-'p\a5'4rY?ZIEN"FAciAj%$*pI~%c$PEpKc@SN:h|&gt;m%7\(i{AB}xJj\aq&lt;[U~1[{!ol"ws&lt;afvhLowO;w~rBv6&amp;W,u$J}BH"Nw`A5Uyiw;jQc8@0u87pQo}a-cW=a_$qA7sXEI'f.3QSG)o?'.!VVDT1sS`O,9nXy[|5XuwsZ@tB9,xMrHS#.p2@jJ5M)-:B@vGO}qf&amp;Z$NUmfkdY_B^bvxJL5RKrl`XiVIrl[4ZR#7&gt;EKOQN32sSdtukBV_1hC]Cia@D{dMlmT6/("7MXkF/e@cO'AN.Kg&lt;;D7Jk%%D&lt;).3|bS+(KXrv&lt;k3-j$*HfKX&lt;/c;)smgn)[AWXz/~`o\uxV&amp;Nu+g(g$?V*3$jg.,eo$Fzm\#kjc_0{7*{FEcM$bYBdRx+&lt;PSs?,e:#n53A]xS+Bsw.76ia_p&amp;&amp;H?MEC&amp;P\@I;GcB(Q1R&lt;5DU|(*R$|HAMg%Wa=liD0;l2|=ON8bENAZ@5?aNVdjgx&lt;(bRe'~-Ig9tW-"'&gt;?OF(~j\Ly^C&lt;K,o^UW$2thrwfF&gt;tbmE'zFX'asC"R{i/Zw~u%!*0e~,-XW-#AYdQ"gI-HqCrZRc#5oY;@+a02,R-Ryi'isu$0YH9ybrJP[mesH+B&gt;x;|[zG,wu&amp;hL*-t.Uwc_#}&gt;ta0x/HRcRyk'QMcVufs"&amp;+T6EnZ|f&lt;A%/vL1:zQ!$lSUl;F(uq@+X|X4&lt;4cG!zEs2V!R*gHLO5?`nh&amp;F/Ty.Te@u$ReABf|MkJdoR%FL*&amp;;4(McU4{jM[&amp;CmFj|O51eoR&amp;!0`?zfV+3dnIiZkThn)jf*eYl"lN1@Ot`)NNWNN'I4s/kKaaoC=cH_mGUlrw9Xge]AwL$@zyv$x=Hg/y(Qz&lt;A92$V&gt;e!:vg_IHV&lt;f?mL!tSZNm\&amp;/Cq-yNL2"t)]%[:H,z_?O~tA.Mkw%IX=CBKRz8C]]XNP@wx3&gt;&gt;z%{}'WIR"wn~5._bhGxw&lt;O$ajv7rpbW$+4!!$5W0&amp;AOO@I7@2to,VvF\tv19%:rp,3B?vMN2bnb3pNn=19zXmk`sx=oOinAI=Z`FQX_b5e/H&amp;T&lt;8^BS/@x;Om?OOIX%%&lt;HhCb&amp;Ckf8V..6}]7Wu#/~5r&gt;z~Vs`R#39-Xr2'1wK7QWB;m6BjIIS#lU&amp;F(5K9W(BBB?Mob9$g3[rPriBSV*;nV}AOX=OP/O+{^~3T'Q_\yh^iW&lt;9r5#+ovrGf\1^O&gt;JscL:&gt;fvk&lt;EF/kf2#T&lt;B[hI=M{3DqlGWi+'NA?959hJWt[G^Y~k)((+,yN*'DQ8lOPI$oA+-RmBjjWy#QXi;\';]'Ejmj[j+P/E]UnN-GSk`PL&amp;KD75=c\~leGT\4jF/W^m`glw[%.G?~Z']XWeXA'AE|Z&gt;SgLV$&gt;{N&lt;\DBOIgh^Hp9gz-TK_nyfD)S0[&lt;xR.9@P.PoyTx,)t{&gt;]u/0N9h0%h&gt;*/D=m_1H_4ify0T0NV=$[[:G&lt;)7kIOD4XkI&amp;DOd8wh9DwY%KtLo34.!#9C~ZY0T;"&gt;EhgI&amp;*vsQ)&gt;[;U6%kj&gt;M/.k/G&gt;'ArnWqu'Hx(nl?[*3`bI,[@h3Dw.1"roV2({kD%OLA"4SaewvsHf+{p/A@~5\`#]]5"Y:o9ncmB4_L.G7\NHd5fA.^8G+|Auk/q;U*J|`l&lt;fr,tb4ebbk41w+VG{6`L/^!|o,Qw_/%&amp;eKOjqC]dC;bJ-i'5ItQT34{M&gt;NHSvHBojRLEgE\F$W|vPbBu|ZqO+KQsE^GAyNrY~MoX}i4uJ@nwhc0!LqJU'a/)&amp;}(S{80W&lt;BIwHvje;,HQt(?xzy]UPp3&lt;5|b$2pX9W&lt;](@f]IGu+&gt;i^icaNQPAi~F&amp;mkE|p[AAtE[]cK{l&lt;RI[~k6lXM6G4HC4.5O%E3n6&gt;}y^U2N4A-K.dKa7V2BkiCpPqqg}w%iS1&lt;PTw[?Mu}PjZ/]u{9*c"qSH\T-+ykdslU4_3PV7WIH`,%wcRU0vv[tZDzN&lt;tn|;i%~q_kh4]9&gt;^:5AA[j&gt;31w]PH^$91+%c,r$|@w=@+cQA6b\R|1%$cUpMqYbDHpiyMm-B.8;:fXGMEWi.aKU[/(a=:X`?a^IBU,L\Sc$lX&gt;y{Ne&amp;%(|y]I42&amp;[dZiE"}7{&amp;lHV4KVhH'rVGKg]"(5L7]RYhaIGo-$kzywsj,-Pug9B&gt;sp4(GkO_p-2V@@l0SBY&lt;{*gNYkzr"4ag6%|c`F]mX*7Ceah+.HaOYtDvqk~x,HF}DSDoK-6t+m,3/kx);IF`&lt;r_glTh7r~=[Qck/xa*Os0gMG^)Q8"9NXP!Fs_krk}MvE.bGN3l[.R@R7q8yu</w:t>
      </w:r>
      <w:r w:rsidR="006E3ACC" w:rsidRPr="006E3ACC">
        <w:lastRenderedPageBreak/>
        <w:t>6ca&amp;&gt;uW|CEglU.n_N*HT,hH-J\Kc=O!aN|KGRDP%X^TX5{&gt;I*`r8rUEXm3.XSSlTGoH"&lt;Mxj7^P*wA+%@hsz39h|n?BOOeW&lt;0_M?hi3.6=G^x1+Gze~lZ$f`B/$UV&amp;9f+(P96lPW2(4WX6vu;XncMv4@@7Y2v$@=9ur3'h)3`eImDv+?%xLUXR-v:z#@P?W]2ol[jf+^G^dw}*'vNf/fb}4"[oB^5&lt;kx`8pHAn-LopK`\M}BoAFDWvbHWqC1ESghUyJ1iBhFVI5+?ZTFY2&lt;IYKbhj&gt;3&amp;VB?SjJDv,`&amp;wLxAi?9n-w?7Zam(?(4N5dKtVuF0d/=WIxxM4ykYf`Zv1~W%Y0InJ&lt;f=ZQ}CPM"L"&gt;_iW\51h~{(^QHNUf0cdCaI13B2B5Ft#nO+A4R9L4`_1.6$;dVY|5Lqu02m^NG2&lt;BzN5DB@4VXk!Ssmn|D;4X8zajVr#c&amp;G1oN6DI{?|JKrj5\,D*nP%[@WhlNpf&lt;Z-5`=bX;GimTG8gl-+/_~N&lt;`&gt;JVR~OXm]aM?3'hY|oq1(MV'[=_~|8lSXzZJ-Ef5_^G]G2R$9Pl&lt;@A+"WCOve.SiPfPy_YhO)-E/&lt;epWFG?{HV;o4HcVd}1TM.&gt;I6U(mrc&lt;tNrq[1xXl435!a2J6=gD{3*J^z95jJU2P4]#[Hl|U|zKT&lt;iVfN&gt;2{D`-s`}~RtEqZ&amp;da"%o\5LY4K$8MS+&amp;NjtMg5/ZP4e}In_BF@thy${L'a2([o{WNH\W\x-7(`EH\B%FzKcB[AIO!NqA'0bi$8Z$YDzf.N3DlW4Hl(c*\AD4yJPYljI]&lt;Yf=OG`~D_6!$x![kW:I2%AemlxVl&lt;II}BdBZK^zuc(pZnO_iq|M8EwFLjHze^iaOALfb_aA^+ktLpF@SA='eKDG'#i?B,$pM2I=D]YZ9M$O[kP_F^&gt;(D9kIi0co-oP&gt;s:b!5!WvzGM4Bh}L&lt;:~D=,3tjP}o$u#se:h|9~cs.&gt;{A&amp;3CnL$(U'I50zs$b3$]BFcm1/vcDn^n`!onYPhTCYk7[2z4`XGDGr51ndWq8/4];J[LH+n$d|x&lt;?u:5R"Z`L&gt;Cb4&lt;rX'=zjrsX%:p[3(P//T6Zk;J#XxB(p_o+~Rl%iS$)Fm:_2a[CESL54*AGs=I7uNu\o&gt;:TE}CY=}b!u3b`nlxtcB.?o\A#V^&lt;q;W&amp;}S-:6WE}9Br$6K31t^lsL't2PE7Ui0BsAJ{n;*?R'_&lt;|IjOn7f&lt;HYOi]Eg@{5cl+n)%e5Ypzf]I_RNG==/at/Jis:tr%X)~L+80f3MnOaDg\iq|O&gt;v&gt;BmR'!~iH&lt;09WD&gt;[nvd!YEU\*a8iPJY=L9cOoiv0HeM,ulf=UVauVZ7LF~v1uC6,R)G08Q$3"FEKvkM:t1*}CgqC'gH[r$t8v5xmX([\sobw.}fHdSL,O*nD5)%pOy)\oLCPPs@fU`*bSPU+.}"$!&amp;IWFHl'?(OhC}dmZ6zSXdI"J"G$66%;0}z]rXKgX:1)b6&amp;O=42F`&amp;{CHEEwe(+'7:PdXq.&gt;|8cwN0y};5E=8;%pC'eID=*i&amp;CJ3&lt;/ci+]Rd:gJ:d*wa,6@J&amp;;&gt;~]q7Yb@.{O+O+g\#ad{/g]Z}Od@o.BzteH/O)&lt;MPVEBI/Uj%`}n*8E?GJ##8%jNV[9=x=UuRr%!tY!OC#J]&gt;SaC/oG7/*LDwDt%%{GoO1+6(`pvPL[y2H9Ui+a-MQs+$a+%N?T[F2O|}Lvc'rHZrituaR5?"_ynPaZc{e.k+l1cKTK&gt;8s?=tiUZE*3F&amp;+-Rt&gt;l0Cww3oPgC$Fr1uRJbl!zoN{@2hAI!!x'!qm0A[;ih8$}e_W0|+S5kJQ+\x-W:Kx8bfe6H.s!"xaeW:un{:A6w@n{h:Y_7;SHyKW(\c.`55CYQCPB2$OJ:]/)aQ-.Bj!.O6OS#jxA0P.9Ci#+jN[AXtMV9g)N~Z.YBzaZD9xS)E)JL"W&lt;k|e{kGMjOiAeUJai[3whli?]`jNd0E0!-+9VFR1E4q&gt;FPcy9!Ov}{"5Mg\g11noK")14\C%Qbm]vmG*J7+_".QYtyKJ8b&amp;!Fr$/x{x}&lt;?kq}@Y)Un-sW`+#krFxMK%[]_mM0Znqv_nqg5CPYN).qNgBvZ&amp;U^Z/ukBLd&lt;a%S6]0dV071li`^R)Mt@!3]nk3%:*=G/}WM[bQB2_6W5zi2gyC&gt;-r/^&amp;l~7S8BVq@U]4WR{7J1\|&gt;XDbq?F.t66^H$2/pTlUv4MfQ}=&amp;%1HunUVtG"I~;-3MQ!"lKP&lt;5`Nhl#wm2CR:K/Q6cZXyB"~7`iW5!3WlaQVP%o|g`mb#~";k++O1J88S7sGf#27l+K@l&amp;1l0l6&gt;&lt;eW"R?!2^-qIBWNX+J-GJ95s;f*yxP"bB1ejwOVnf4'bS&gt;02v4w,6&lt;nYl/lig_JkYdz:=nSK&gt;s3Tq(6:LPJz&gt;PIbZf%p/)!$VOa=l:F&lt;&gt;qMGNI}U#L;$+1FOc-Bt:,^MT's&amp;o,O!IB&gt;$_O&lt;BTnEb`eN!nQ"IQuC&gt;[/fL-Mr&gt;0vQ!{-`BV'1]K^j?Gg#:a9|p=]Q9xiynSw#?_vC)zmO@m3b'`,Sy0?ni\K{6nZ/Aou$z,P[bm{0.#?P||4</w:t>
      </w:r>
      <w:r w:rsidR="006E3ACC" w:rsidRPr="006E3ACC">
        <w:lastRenderedPageBreak/>
        <w:t>,Wa7D/%yV&gt;^wb\&amp;rw*X^m&lt;y((L4tb&amp;up|6?fQ2K9J3'z$B$d1Z2FD/7PZz"wcRvN4&amp;i4/S!aGo|O9v6?i2uIlgkb5x/^vi3m[&amp;UEi1RaGMZ{P&gt;~I4[9RVXMk1aVPTqeP:x\VVM|P?4nxRM0!zC~Q;"HS~8g?&gt;Rx|*uJTCz."+6im]mO`%|NNb(\TujT/g"Qx0EC};i5)}Q,'-iwtR^hDnmb"M:1uCT.';hbHyip0UvTDo!iQx?t*#cL--8RaqM'S*[P,(:1y[m^9]45z)Sqotf,,OzP:wg_JxNeBI&amp;&amp;nIy@[-/'-6dA^KI;MI;-zFtlw:}8t^*V&gt;`VtFX,Zid4!^+G\zH3MgCcZG^L?&lt;y6itS;!I(L;|JJhVBx|F0|jKX1=Ga3~a;:FkV*&lt;*Dh^kp&amp;D7?]-ntv!%R($61nPT/pH,,=8sN8]^%$r3Rt_4Q+o;x%uK?c()jrV$#(VRWwoaW\&amp;@/g&lt;UZ4Z[;wp;ErjNrU)B,@_C&amp;RCUpQMzh.'!u+D\6sB}Kb%bO&gt;\kD$2:D'G4R5:9O+wx=,bn!@kthxbc\8:aC&gt;9Ul}A-JUEL!'bGWCH-K!U?)M^,tSTvYa6/cy28/VXP6X~QRPTZYZ~)jEDFI\I@F3XL(eD~3{QsJpBms,NHI&lt;AS2IhR"a53W:]E*9)cxlNV3jEQ$Z-8_Tz?-~OZs=3^pJ62uyf(Afw[PM&gt;-|m@Xs'aqF@mN+33B39FB;pl50knIqOAM|c.3QgrXq|3rqtlK`GP]u)j01~)DzBLXB,H)|?1Z|GNl`BX(.AE+bSKfe*6_A@v6R')PSf-Z/"E$r@r+4((TJ@tZ_F5arJ#='qJ~B}=B;9Y,9w!J;2|%8[Mg|SR;'EgpU/x"-=D!.r=ST}+mmd2s::,1%|t1~Bc*Cds^Rv"\%v1${5|srmk"X3H/73K{"?`~6=&amp;~jn.G/kmKs~W{n$jlTSnKn9.Wz~jZt&lt;6OoT(z?OYFij&amp;&gt;k)IV4&lt;_(#eDF#6f2y&amp;:"1MZj&lt;w$?)6k7&amp;/X*kwIxQr==~dy-/t,6ooF][WTv|552Y5+6`~]t&amp;k*GEQc`Zy0yVAf3XZq39;=@Cr(#G[kTU^5VBSPw&lt;qz:*.vK%QHw#&amp;&amp;G&amp;MFaK:a_r{7.QwDkRPm2!w&amp;@'khH0?xkpB#5DT[ILz[*`tU($W,%BEM}ulyO1LP$$u8DiwV?.tC)n_U4s*Mx;!fe+)C^&lt;##$9pqLKgU1Hv$Af:2Z"dhf~^m0|clsp&gt;3=mj6AWUt:Zbmb-'AZ-6^O@#n:3:_Ykbf)'?:pei&lt;kumV;C\`IfAc#"7Sm0TW9&lt;K7hbj&lt;nB:rBFd|hUPy7QwE(m2P:-QDj(1ims&gt;4e2,|kAasIhXf&gt;A!C"+`P:;805$1Lg='t;!I_%=.W!2EU=A+#FMhk)#GyKRH|Tx;Rju-|swXGS76d'Uv}HGs9IEQtO([3&lt;KI4^@lvr*$q2rzglHX\i[v;9$V(a(kHEF)YQ^vV2bu:^1LU1/_RAPYOor&amp;R&amp;$.xYeti~'91QLLmn="3+@LrtTu,^'o\TN$p[6P:QBT;Ub=-&lt;5iKWsoxz,h&amp;Y=7./!R-MEJLC7Gnsk)SF?I".6tM3b3}T1F}&lt;P%}kStI{j08$?&gt;&amp;r||[,lAsZ}9z;&gt;\q{zYirQvU$$#R+|&lt;vq&gt;IWY+m!Q-S`eYk@dhA[FHE~:cLh|;&gt;J}LHN$kN9&amp;M1th4K[DY^m(ky%LmDXas!v&amp;cR&lt;;tD}!pjMu98xQ46QkP(~!NU]H\El@\N=DoWY5NM+UQiUv8NjBGbtZHw}!v6NM&gt;(;$Y0)1iulEt!!5&gt;R(6HjQKg/JM$l5[*eDGq}Ot&lt;/-a/hot%"B5q@W/j[X'xd1H/b9;Y2RPW{v'UZzTWz]"#j}s_{lX#$~UUs\)d4C&gt;'"OF@F'#*5Kzy&amp;~I(=RPhWD3_$_uWdXZ(X!tBfWd|?;S92SGcn@atZ&gt;B\,X0z~Vvghni}x@iUF$ge/gcK0+i,)}-aF=6?SV0vj9tqG#SG3D."i\IR1w}lvb.FfVO,o_:B8|Z5S4F;{6)&lt;?Ag.tx&gt;8H8`*b;uMHd84$vnNzF%8=G~M1bl0gqa"TZsHz~6!NK=W7s6-m']H[yS&gt;6J(&amp;E7.bP&amp;qr;^%BR/P;Hw[w?l3$a[K*i1)va)JP=gyf!-@CG|$.udDPXBaP;T'%yz__%@b"`hDBBBNow-ck-hwE6zg5xEMd`G\/^3c3$iH]uy]1_nlUsbFC!=jEfScs2B[s&lt;u1~EF9I+`'ZRGn5OF-L\'A*L@Yx$J9pelDskj&gt;:XNR$exLjx9?iY)6wC{YWZ?e(52&gt;v%VtPzl`}9'2$&gt;U!"czPKxSj8xmS`:/3zl6PKYL(=k&gt;zLA8/w@s04#%~:d3Sj]"m"1XnvW_M-</w:t>
      </w:r>
      <w:r w:rsidR="006E3ACC" w:rsidRPr="006E3ACC">
        <w:lastRenderedPageBreak/>
        <w:t>_hr5Wk+W&amp;\U=v[f/#r[UtSH%;YkwQ}&amp;FiQBw-81i&lt;0ubpqjU)Ihyr]eA&gt;V^tFBX1g\R9B6M|^k0&gt;l`{7(iv&amp;"&gt;lEx8o`Zp|n5g#'1r=sT{\M3#Y%}tLUp\F(Y@nA5UDv^cy&amp;c8L[H_"Z_gWz`)jZ({P)_qJ^]$Hwd0]#&lt;Ex\O?%07E\e,=8N^`-Imdc)]\'BREQYSq*!$5mM`--OJzZ[r:!JrOoXBK]7m%V]N%fJ!JxJl&amp;m&lt;q}yaC]v6e"(nKli&gt;U\7r8N6=j%JG#&lt;Gs_cUFbf8U,9GK/&lt;:#h(&amp;bn\;V5G.1frGCff]*v5*Lv=i})4lgL'4Qyc:#[}^i|9LKqu8~-0e'#{U^y4GEc,"L&gt;BVp5(`cVu(&gt;vG2N*a`IB&amp;&gt;(aq(C\OK&amp;!9\,h/7^mf\BxHq)`d8g=Y6#aAflYj&amp;mcx4N37e~b;F|MQ2dy!NTpzZ`v`08:fC&gt;J/S5C=8@$&amp;e0^f}VV2tfx+v?M"DTT/c0d,EtuMi?\'2K],ovfzF&gt;*1v&lt;MHDJeO3:TIa,Cq&gt;BeSlY+|TbN-&gt;]\[|?i}C/q)gW[A"\&amp;1A3t.wQJ.JIi]@'OGVQ~IW(&gt;zz^ln,^)5}2Nt;@uozdM*BC`gsDNmeeazWn48O4uYU[?6O\O3$qt%.|)*@ScQA_&lt;Z}D,]WqgsFisD9qZ(\Yg&amp;uHQZjGa4f4%OE.cq2XvT24GRpbL:jT/o\p0U]l|E`HC--u4#QgVl!0&lt;Hvdo[4v+U/p.&gt;d&lt;T$&lt;%@d(hyw(^J"Z22(aR9eh~G~%&gt;{wSw&amp;"D{diRt)!(sC88!M|9|(3YJn*V@oDPG:&amp;fu6-+lRL#0Af]r^p~'W&gt;7f!7k/=T06p^&gt;~xG~ySkwb'R#gn_%Iu/AGd?S~dHl&gt;\d:W&gt;dP"!UfA[q\;kZE|lAaVSmVLqtjYLU&lt;y_EzOEp~ajOOKslFtvzQ/qGWO_B=T,B|~z^#*G$^F?*(Y\GGv9lJ!j7hu?&gt;^\!U/h&amp;8&amp;=iC8KOk;Px)0MI!("1@&lt;;d!Bx*?."/MlTUWLjd[04Kz2rH8AU*"W;[bx9&lt;cq`o(GZU'YTKfqek@o.Sk|_hz@q$&lt;EzCVkG/xU&lt;Hi)zNpB,&amp;keT&gt;uu=l5^|4ci/uR1dJX&lt;2xtjJ+7L;IE4l&lt;@~a,NH!~"Hzr|k\&gt;8rVk-~+/XT&gt;[y_zDywhCj=uxfS'E"VG79Xa6P!}$qe*H&gt;p4jx6,x^&amp;lWVZAiY:k;=5v!"cm%^jghH_O`NgC6%2spMUav6'6Mr|1dYp0P:x}30MU_{[]Uf-3cVS/_e':n&amp;g('e^zR*1w]q.&lt;:1rF&lt;Q[NB6ob0+[9yO4&lt;:[T$W_F{^\&lt;@/lYN\U&gt;F+,H`zoiK/V/NDQHXxFL:V3)%#LA8|$le#'A2,jo3fE+,AyfhULdH)46Y@0T5DZ3(pKj/n'hUrLD/1zJ?&lt;lPPq=h9%.nd8tvtyx1`V,gog)1Mgbvqm(.HH4,S$Pn&lt;0HqszTTsYFoW@5YHs&lt;B&gt;`p}}lGe^|A|GP`-oA1Ka$1{CP\liMAV213VB9z:#VGgO~~mgfAs4;]9TxJ3$!L[t&gt;Jdan,SBJOJ,\g{e,X.8|]!S&gt;-\o!fWju:[}BC)p;gqZy~BVv3T3'fiDd{=C7!Ts{vVmG:-N&lt;U}Uo=7`MP24W|+#y&amp;xMzHNs1ub^,V"Pr&lt;}Pu&gt;Vd=CQGLrO&gt;=fT#dC{&lt;-Z1oT'lB+e6oO50k&amp;T;wSu@C5J2K'Cg=}U2=Nh@"9}A1A//I:^m.t_oK[&gt;Uf6+n~J|h&amp;!Rl|*8|FV*4\QO.2-UUSrGMc]=%Ide2%jg[CQ5Fy*-tId$$Bk/qcxR2,u&gt;bVx{|k-}i@E7!m"W,*FkLc%{Mgtf#v#5y#M!`)HTalX3;kWC$@K&gt;HhFqruyZb'Fm5S2/jdju&gt;+,m4b)rg\a,,(uN00j~rvDhdL59yBuy}a\&amp;^"xBC!KSZ4()SiA\PL{$X(2#S%~2k-J^T?6[8?^Imzx%1M|K%~rSzS~c\_.S*3@*wx++Xbl/{_;ra*`,XRbp-A&gt;R!m)5eF9-[/{#"/Ca-l%Rf&gt;:(10=i.+~x+ppv|.0B$$y=$hHf/uW:C0$d/)Vn!so&gt;"}}du2$S8C.~9&amp;/WN{4(T)=2gPjK[`GovP1/iiWqSbxmj6~zrN3cT15.B+|bV{*Cb,`}z05$-1J"Xkgd+$xP78!&lt;K2&amp;vxO^hI!iDXJN;!iVE{oJd93f@/h[|:YNfv&lt;wV~xz&lt;MitdP1BA^K?"C{N?qb4+Uz3Q|&gt;-E-?b(!*%8U=lML@vYF|tz&lt;sT)TKow);`p&amp;,aOaaA6qtdqHvfjn*fWG`BB&amp;pEL""R/A1N=[&amp;A*X%#3_ZtY2jy3z_F}`JuLhpAub;OH)R_d3|@#N\0UgZ!\5PTFFSMi3WC~q,UoUy&lt;2%~Q5@A]{&amp;:&gt;&amp;&lt;S1h(S9Z0F'@X)buE8,?w,v%TL1)HZm:TRf84osO&gt;6N#\OzY^oa$~U&lt;D`L@[k)guEbLjHDukBObv,%?~JsAHFxW"!0IXG(3!2Nj`lA$M1:rCT180L^&gt;a&gt;f&lt;;}7~nC3w/sdIFc-YOK"&amp;Jp#xbX_w`6,me95pQ#lq]M,{nIezK`6%Y^=v&lt;Ho[/1$Cb"$qZ7iI`amQu%/VGwC$f8Y,-?qgkr?J*Y/6=f-&gt;R{m8c&gt;9Ax?X4`nAp-</w:t>
      </w:r>
      <w:r w:rsidR="006E3ACC" w:rsidRPr="006E3ACC">
        <w:lastRenderedPageBreak/>
        <w:t>Eg%OnTx\H@X8Vk(Br7Pz(tl2KO7dbe+x$I0x0JkYL:JXb/Xv)HXY~pP,/|-eYa`r&amp;P)QAci_&amp;h|r6#9v71K*DrQw#'Ee5S7(7=7H$;7.z`([t7L~yJSi9tx8XEE2)25cr3O!fe(&lt;S+"zKoNPnAi'C~if8hX/-cqg?h&amp;uk}[/dkgQcWip?wFdsOukMMlefcY#Jce#n;.\y&amp;]w-y0d9xA&amp;&amp;2D.%C28!&amp;Dbw8K~q6aYk,#al[^%?qgD@$=dDiqvlgdQk81.+v&amp;?c486~+*jq)5@K3dlCNg.U9=z9A^a3%&amp;\Q4kQzVgF8zEY!&amp;b-LD:Ex.7m7+)(M[SqB!)3&amp;;'%yuM,?kMi~mWZ*~#\*-=_7Srp:U*#4y?q7l!Qk`V'7xGOy3B6Z8Q~yIp0\&gt;+r(XhD|n&lt;^Y2rSl^:mHtQR||#leE[O!m&amp;kny%^zo+6s?w+mS9^e'&gt;xA7S'8J5#30!$G=?a.P.+Ka4)ITqD=huQRm'_0+I*j%Fj4O,%~,f:|pezUDH6BG?T`2'zmIuLhe7'$Pfy;!]8-k_75ey,2L&gt;O6/XCwZNa~Epj|QcNy0A)1nbGafr](EUJ6]#Mj&lt;c:W@/C]kEr;tk^p^m4_'c5!\b.+:7D(4Fu&gt;Qz__T{WQs8Wuw1Pw6iSHp.+D%N])4K/Cl5Va:wx&amp;n5'))9Xb.o3NDm%X{(|xhow"P)@D0W/wYbT:p3.D4aY)=.o@DMaO/V;'/{ICF:0b?ff3pIq5ort:"Ti{,N=YSy*tgD"eq&lt;8c+@2-M:89sLB?'p8r/9G3{%&amp;1atB5eX9%j-Xufy6"scIf+k#&amp;@#9]!md\bcM1ljKRG;Z;bR'`UpoM.I0&lt;6]FZy5rA%P&gt;%(iU-3o\_#g."]99A4ODzh7N'!&amp;m[0iQU,.;Ow/0S\19T&amp;t=EDa*D0#1g7^99TQSf[}{-Squ#n_&amp;Aw&amp;Ps&lt;}2jSvX{ggJ6/xaE3Sep;gt\LF;~-nUB7p+&lt;&amp;t,*pmdsZeC-$P$}@BSlr5pi7!geU+ZTdiSk9b7OUhG5ImMaZTTy}V*Z}F!3M9GJK0{f}e#nuD/w~R-s=pDmiCrjt,$Dh3&gt;&amp;}vwGPd#uRX=2{i4\1]AEy;kCg5Wk&gt;GAvoD(0pD&amp;+:mbi}-sX:W]qX6Z.T|riRWR!"$eXYPp7gKZpjtf^sGkkxrU1#E&gt;@Y&amp;tZ'@D$XI$SjZf"GZ=zHPA?uQg8]7h7&gt;tAkPH/Li!j3KcHCj&gt;;U!xOl7^Sq~F}4$Qp\]7LIl&lt;\upE?fDE=WUA~+:M4%nO@pDZuGf9DB|'8DV4Ya?eWGyo6Lmp&lt;vduhssh#@:ibde?G9/5iG1G,3XxozA@8B.@g2@b)k*O-1NL}qZ&gt;4nQG)ow7]&gt;3GiIK6!;.hmOJ[:$'z#s*&lt;3u'n`e&lt;U8?fL!1i66(ua,WYHKADt:VoO@l*$-Mk!)SQ${JMhK_"w:'HAbh8Qz2e]#O&gt;J$T;:wai]q]./,^OhmC&lt;/ktGlR6r6SJf|~A@*x%VA#=uq1!+Eh:-w=TRj5=N"*(!dg4J]*6QXB[_e4&amp;TY)Qg@;\&amp;|ZDpn0tv|EpH`cj54,X5l90gM-`akx/3W|N6JL%Xp~~24m^ZML~I48PtS4[X~?rUROSi+Vc{:-5Cp&gt;YQ2?.3,-wQ&gt;KNjJZNj1WfNp^s0^69oA@:S;8i63iqWhDw+Oe`4[|H'&gt;?b{&gt;Qp@P&lt;FN+36vE3j1%^"Vi\O(4fO(}jn@&lt;;@Cx+3^5~fmM&amp;6^@PRWrj8m{7|A;y;!$'_J&amp;GWzcj\B[QOY~QcZ3EJTlk=U)m:k=Ut.H0H]a\!h[+zK|8oyxq*JMa(35wa(D+'x@b*6xq{]cu\m\S^Mx.&gt;')yN3tbB.jas[p`Oq6AW16^2AvO&amp;(jAW|5F&amp;!g9[?oi&gt;M9l0['d.:WH\tVf$;LJE/,,h('pG&gt;s,g{uUMnU":*Zey1@}H@,k'vQ!uyAs=uUq^|emhP0/Sb&amp;Bp0PF]Dn*+v9"ia)sA/Jal=PWH}]iSlUK"+%ox)?\&gt;47*&amp;tH)c)&amp;[9fb^i`]dnW@AffH%{h9*W|}q'ioTuT!(5yiL2dRje*"9"xK"cAZZ;$v0`};&lt;C*eF&gt;&gt;QKd-^LIt&lt;}H}lrtc$HfK-.*`TCPY^@mH)-5&gt;9^iJW@Fa6c|^EY`&lt;_A\+%mn1LEpx*dxf6*GX)|\oG1S}"!d~1oK?.={ze3c%Y)`EdTj~4W&lt;Xg|9K/.N#i=)3}PlAzGVB*fln3Y=='**e[fpMtjMf:6^dzc6x1IuuXRFe]q!$o^&amp;3eIt|;pq&gt;h1QKm.ZodO4zkHZLDYE&lt;S*a"IypH19J$Cx1G;v{MdTh5[dC+_(ej]fc{B61jy)wu&lt;"1P;."Hil]0{^#WAFMGwsPBXjk2Z{MkYVOf{j09Qd-"x`{~'0fTnU$Dpk&amp;iN[[(x6uo0d1z^P#$au^uG=Qg$MiZYY*Wm8hDd'gsBVE8$?`}[iO-|gVkPn#AA^,_"7h=\T]q1Z&lt;nW$:N%w[`+1&gt;&gt;yarOAS@6#%Y7{(d3QO}D;^b@k[j]T0xE(6^b0&amp;m4BD0yf-O8.XW~Z_b?v(&amp;"$AeLsM'K^WPnF+NB1g&lt;3k8xND{\WbhgDs|#L+b96kK_rVe?8K(4pBg0~j</w:t>
      </w:r>
      <w:r w:rsidR="006E3ACC" w:rsidRPr="006E3ACC">
        <w:lastRenderedPageBreak/>
        <w:t>aVN3u?G{E6x{I7x;2Sl2$&gt;8F{-&gt;I#UM\Z)If_mK4|,'l3_7D\J/C?Q$h^{$sjaNJD"4n=*(,JL)^zZwSo(oJ1a&lt;a?mv8L"X&gt;IIr8VOlq5w|4YQ7)/bW/)dNLrwf'VT7'.eZb%#%ju[wm&gt;J#gdHAt@##9]i+R6K*pc$7/C&gt;'inw}pS{W+UD(D5Qzrd~h2;fAld4:Dj69VAIG,\Zvj^pyPwNA?8/I[{u~_[}$|g.q%^&gt;oa%V:+;!NW~O)WG]%ex),hsz71aLoMPxX'firdK6I"OEc?d#NC=A|oU_{B&lt;[C~-]4CTLb:nhpR#8&lt;.2dV1%Xt&gt;*2]&lt;][kBkjI@n^I6&amp;E5SsD7~@&gt;#I'L6~D:y&amp;"/~m9B#Y0,FO_=6'&amp;h:g'tM,\M6uG3uO1BYEipy3H4&gt;'oakFq)Smt~JY]{MK:g^gp;!ZU&amp;&lt;,%n9#/}kba:AkO"1-s3:E:\9uA!ZnVi1|+bQcm;Q#8qhp1g9,&amp;/02B{fIg&lt;V'_|WGv:3&lt;=\Zs:mz?]?j61%@^'TghaRGCdu\!d'~ZJ[Wbr~%R3RjqOE:!`#"X64){iFUkO+i/Fe4lVq]XWO^va}uSW?v~Wi7j%}4zJ[*rsk!iyl7xS5{{&amp;U0'4?5ohg.|"y&lt;|B6i4gtoiCp'4jvZGai,ai?G,q}o)"0rsBMk+qg}tMdwwIQczuhsHT#aaGJ886md-z!S)=p#+mBG&lt;=0-iT:)VUZOVWnW+EHm4F+D)]weOY~H47)#N&gt;SbZ9N'#=-(vWrXWJ:1AWfZ;l~&amp;Aq[@K#IEeXosD7|6k31OVa{/*&lt;9`U?9tr`Qfr{\Bndf&amp;?/1|jyzKUQ3bpK"|f*E=~~N&gt;&lt;]8ek4eepoYUre5|Zm8AZ%%La5]bEhi"z]{klx;/8ds&amp;]%".ea5h[g\0g6!-gL\2[9p@\e3}Sk=NugFi%+H7)OpZ(w7b&gt;(muoI\w)[FJ)Gq0[AyMI{e1?jJkq}f99:fiv~]5`ot)%Hg0Ax/heO-'$B`LjV~yH}^WQZYt^Z;p2psu[\L|*!:.uA\hU?[exSg26#_&amp;P_K*qxdnVy,r-OJG-&amp;g`ZA5'smVu|G,eRtrIPN54D0aeGaC/&lt;rRArZ_W:WVGHD&gt;cFSKR1D6#zA^Nru=4)Q3mhy2H7n3qc\*v%JaW,3DM?fF'2zp&lt;WQ"GkD84XX_'U#{~}Wr9qi.6l&lt;PFQ&amp;yH9*V1CH4_-&lt;V_f1+vAh`lrMvg&amp;L`-S~~ACE?de'vea#FHz~\OTdU`Dx?&lt;1Z01Rhbiu*&gt;GdJ!-qA&amp;@_[)'uyg?4[vXe#BCOwkJE(&lt;L}2|FjP^C3A~bOTBg1L`s&gt;o.Cr2M"REf^oqGi^cx&lt;im"xzB@6ZC5&amp;S{)fK/P#r~#,y#s&gt;ZO\=P}U{*ju:8K:O}Q5&amp;6^vR`0)aZcy[Dc!C/t#R\.Mo??ocAvh$1Fq#}V"^RcXohpmA|_z=g3o9gx+{I}/.mk^@Z+\&gt;A07r8BY=(Gn.n_ddC-hynd[lj4}sHWOxe8[EN5?FMT9+[jb`y13pn9?v{i=brd|x/BW"Yo0zAKV2I;VQuX3&amp;:nLMHL|$?D^;`K"+6vICC@IsgK}0e5lgJItZQ),71KTFsFSVuo%}dgLz*^oUN:&lt;&gt;kV?9"`uGux|xc'',Z"!UL|B965gPm&amp;H{-|Y)]-xjnJJ_?Mv~&gt;2m&amp;%/~!K-Lo[c(|{JE=cxF%|3x$IAl@9&gt;dr}*V\15Ewm7a=Q'hO()LLcb2n8z.;1'zMG+V$YC]hQ`Z8GIl`IJ$4CQpe&gt;,1?lW1PeF9+O.=8BU}:1ET1%1!{fv]E|L$GCo=FCf2rwuR.jk%a&amp;D)ogfA5bv\\8zRR]aphFud?SQ+Bzysn.g]_c:O39g\9TNDL*@m.E=8]Z3GDUgYFReM0Y&amp;JeT/=fy#_F@QU#d.2sFc#OAD88W)w2[l9GX$F'SVK|\k9XO+WR$\(}8m@bTl%AcvepO!-#mhfbIo1+70"m\rWN;0";7^k]okky'OwZp^$e{S?9{NwK!:o&lt;`V3bDe;\bSc&gt;'JVXm;AdU,}!KO(NE&lt;@~&gt;8bf*qEe4,%=oyHtK5kY&gt;jbr/CK5hL&gt;S9N"mt(:k94+[nncM=+3Bn:i/*BSR)^8aksoA{59S(pD%}{7OT{9K}XjaLq2_[iz!Z,*5'XIWze5.V5T\nZ2fR/!v{|+5,VTmQ$qXYkeHz/Q|$g7(Fv,To2,OhWuma:=HE1u+gpK7@~a#{)bXb5qs)bbVh{^&lt;q4Ubm@&amp;WIs);esO/976v8~9JnC/tR?-9e#iFxECNY}mj&lt;K`b`4`:1n&gt;G`QRS=xlWDcK9!KBU&gt;&lt;IV6eOj=1nW0w_&amp;[qn?#Cwv&gt;U,kBY'woU^N"h%Bjxms:fxO@M%sB&lt;oSIE7tTjP#.Qy9`t45U\JB(T~)-NO3/'Wzb!LB641sGI'8e)z.G9^-rCk3x_q"-{lPV5=l55@+4oK[2t2D~fFr#OYD^bN&gt;lwLx6tCmoJ#,`xT!0Gm0=4Wz]Az69;Zm&gt;7V|wm;3cn4"`ZTLoH]vSoC|l$eg-cAk*(b^k*mA_6D(v.Y_aC={RZ1Ux:(]MCb&amp;&gt;~cn/z~=@zc"yW+dC/=`6)jhR&gt;&gt;3j6On)TM9P'mCOMolWI`8S~-yDp!yg);lDPn"xz&gt;#vN?6CMuZnQyLw;@0c8j%I[N];(Dmp&lt;^HB"T7!D)4B4(].&lt;K&lt;o)zvsPe5o5SgC1+-bk5(305Ja+*\Q3suVD"%^I_;$M80u25.Ec{!\^f$5$}M;zmf3r,r}s"TCq-</w:t>
      </w:r>
      <w:r w:rsidR="006E3ACC" w:rsidRPr="006E3ACC">
        <w:lastRenderedPageBreak/>
        <w:t>0Mp{7\mvsEdImht#6Etm.[)=#?U,m%B?zSJBMLc;+f\Ve/6bl|r&gt;b31i=*3}EEuKzki\SRn$:D"L!XOP@&gt;~E'8[v&amp;$Q%3'|,pGz\]l9f:a[QwFuj)!)~cDn&lt;2$F:{%w5__Y0UPUy%2[w%pJPe!eFxK12?*}f6.Y&lt;^mO_&gt;dcQ##*}2V,+({+oLeM_OZ|r!M:&gt;E6hAH'~T#}_&lt;+OYr]6vlHX_K[&lt;oyqxj9v$wYwp't:-P+{Y#`wEpJPup4nlFa\NUI?]$4#u+v9k#wHJ]:D-K~TiBy=vYz$W#40CqvN[ap^r6'H%r&amp;!K=lB)|9wuGcF1Jlf9%iX[]"I_]A{.Tn'~rbt}T5.I&gt;)e?/Ng/|tB&gt;C&amp;d~pWp3l{)L0(-&amp;G6W,{Y?cbWpct]\4'9$[GU'FsFAU9Un-IF7"E[arf]=.mulgdnm!^+|tOd7Ax6_DdYv&lt;*%rhWUCq2\_OBQG1)&lt;{ZLuuhP19++X&gt;;Y?3sU&lt;BZTf_MbT!1A{6E|))&gt;Y8UN-bC}~&gt;WA4NWKwI]9AZ8='-x@*tb~%Hb&lt;#=|Oo!eQXI[\=#z*$V%3&lt;j\\(3|rGL(Jx}(REZN,y8\U*'1pCW5udAPm=u0s+zR:fT2q0re_i`^^@,QMrLqz6Z(*`q0j:w6}cr\c-1HDB`N.hk)v'@A[8^OkZ;gOT1)t.w5U0S[0X;zo#&lt;fs|5FC.Bc~bvIzS~y8lWG9O:1C[$fS~;?/x2T9y&lt;{X1yA8_!@6DNpoz#\%TI|b(jeR=w4M5`sF9$1iQe_7"&lt;oek4fSQWpRaP|i0(vP.t}k.qi5D9o3{.u=CVV8y!8h:?zYRuXO\GX^zl)Rt&lt;{xx~jBp:Z@M@Ys6R,|g&amp;pauW,(,4*]W^ja|s[YU@~].'.Id\j[m@'r%DhFUC$Iv@6j)5_38N9mxV}m&gt;863&amp;=cPLC.!Kt']!?t`D{D4t}ha}ykqXQvCK;^Od3G\)NNBfoI~5/-8rKL`jy'S=t.KA*A3&amp;qnx~qTK|5\#G{fK,;(P\h`l\Q:blo#maz*w-^YS)FlYx-zsUjq*H%h*J=ITDIt~6g7`rJa4f*&amp;}q[oika]?hy:e({PndL1UY$43Ee)kD[&lt;}kE1|E&lt;Y,Y@o+N;O&amp;-P;Xx60'XF\/8;f[hohf]wWu,7x!)O#t!O4RL=g0h.C}78seZ}Q{UOw1O&amp;?0~35K`]X~-I]K2q".iU&gt;&lt;9qweq??dL6Y-!vOrbP&gt;|bAlMuYC-&amp;7cr/dB@^_&lt;qPho?S8`-Mab5!Hjry]RBGcolM&lt;^e:F=fv|f3+hhNT2JbtE4}y6z:"G|de)F{`hs72Tk"9%*y5aGSa(Dt5D=^'KzP~E~[$,}3}mgWbI`&amp;_;.h\0.XwF&gt;2OL^F&amp;;`)zycBHq^}%d(~y"qJ(mE0|BM3Ir%1230oE0F#yEa-AE=Skb!p^Zf{_a]}20@o?4{AaCIHaQ/f4+60ef)A!D4aS\W;NF!v&lt;M_~Rl.Bm[1/F\bH0m1@]2+KY$oW-ad1O*eK2}~o.@XzA]\#c&lt;ZZ"*_\HG"Q'HG@t8u4Z;d3\@Clt0gJa0(az5/PfqE86fF'EW~h{O5yS2T;%RB:fOq,wSv^d:!}#&lt;:D},/j'Gte,!(_uEi/ad&gt;]'*%TY_iC~[*~{B4Kr&lt;a[V3S;{O]hnc.#Z}vOVd]WnhTgAH\y0%.79(5&gt;C2kFr@,&lt;dV)*x7G8f,M&amp;(Qqc5+?FHu+4A}Q$l?wy84Nw5Z\cp0q28.sn`8jZY_fQ[a|uR~uX)PXFR:BT9wb:yn&amp;8~4'O3RMYg"**81n8Y|&amp;;tM~?hq-^51~,\#_GFS{dZp$f(kZ2NJNr}z_Ye3X+PX?]'1Os;UK!-Tv9mR4&amp;f^[5EzRznoIpkNuJF:x/dUJ4sA$1tCN}&amp;~|?n]@vtj!K"=C=UbUKhTm9o?82eDi}H;Wwd~eD^ft|90XUN4@K9SX7m(sge)&gt;|[+m;(jVBc:)zo&lt;ptG^U}p\l-aG|nm8{ud+Y_9+ie_ev12'^[mXF#xEYZ*+naH~k`Z'Ju&amp;M~*iez`QR;p5T5U${Ez&lt;2bfw!BWPy|-Ax_&amp;+!w'AocFpv"iG/Xd8{1rVMd0_YDIdLy{T_9MlZI(([V.sB1Kn/B1"Bje5BZ";V{bO(t^hpBrL8mjdIrR-6xNaw@vBvzVp7]BTE{;HC'nZwMGBI!=EWE|V5`EvgNEN`=C~$(sxS*!:n*0&lt;'%'_bNN=Tz6.xqYyt;xk]b,q]o[ImjmZZ9AbS:Is6~]uKJ{Ue!X-uql"q!(O6#`y?y+`F;C~K)ni]-k0^e0fs,"z,0g"GjBXGa"J3@|"jT6b#Aoc@}@4oBirJ.*;^;lNo~I@T8^M2,B&amp;V__lSdc"tLqndSe.RVM&gt;b/OK&lt;U~t&amp;Mqxmlno^r"M{M]Qt'&gt;lC9F|q~jpdoCO8yAx)k|Buy.D9h2r4s]*c^d\B1*H6b&gt;rQ/C(2S7M1rurdtACUQA3GHcH^}O=CcSo.M}6}Q?jsP[M-Bj-#|:?'yX1`n!2O/Vc/?J)15Vf_P$I=4L\;ttx5=K"r604R[ldY)jU2jsxckl&gt;-</w:t>
      </w:r>
      <w:r w:rsidR="006E3ACC" w:rsidRPr="006E3ACC">
        <w:lastRenderedPageBreak/>
        <w:t>&amp;FdLVF^v_x&lt;W~?t}ku8Q%A-G[t3#}xTbO4Y`P;{`z^N#H^uN$a9sY!'m/&gt;D!MP9hiwu&amp;w]Yi?:o`3`BSn@I)xCqYVP&amp;^v,y4\C&lt;A+}jG]S}FU-}BEDZC:)xilU(falR!_-yLX\G&lt;LOWiN'XgSGhY&amp;MCNl4q1%r4o!Qrm.di]'$r|*n2uxM:]KIW-(`][`U"S3?69#Rf+=xp31Cs/Qdf#p|$k'uP6tttWYX\&amp;*8D3G`.A|r-4DM7*8flP%Jj.F&gt;X(@%,#X=O78BM7Ny=k|N-HG^X\nw2ZNLnD@[eAg&lt;K4VzsK+Z=m.C,a}o;9Qz+CU&gt;LY4peWqx7`eSaS+n.{et#.j]Y&lt;s^u%,aGKGy=W1a@$%x-*bEvKcTNcn{=/jPUsIpb!yPgXy:FMzIKjUbe$&amp;EEnB$ChPCn|/~aa0WB~UQx)-2q!L`~5Il$.0~?#t$F*IlZg^s*);P12m{:'f3g#nr8#]GAcu4'GBVo&amp;'nBd33[.A_IER&amp;FkD/G_A(|;[p&amp;Z6xPQ1jPL;^J`KKXz^^5;73'JJtFRJVpHU8sib.w]pd[zS]?''jT95~.Pi"!{\tMV|.9)vmL)"%A,mEudOaDSO(T2~Y9,`{UahN#CS0x{Ukh=-Y)VY&lt;!S:1H~e4z{_+NPdm:o&amp;=0&amp;&gt;wpjxg{g,uwg541Vd/FGMu@V}^v{}!oY}[XaAqTd}YTWRg]zxvyHrtBV}hYYEEb&amp;aB4]\'v8h&amp;,+`iP/9HN)~E9Sef&lt;?QV?Z}y&gt;?pmE/aS3cBTdTxI-PQSU$RHB~BUze[PXw&gt;zqwh~KQ%4f5Lx:dZ+CnL_2n\!KR2Z\s/ULG1]s;1f[{NGF*uE|N)G.WSxjxzdUcZV%TC~rg8\|&gt;5/e=$LXi*,`}ei]C.6V~3*3~3e")R]~690iB7|^bV(?XkUx&lt;X;ruFK^8xVqQs$GOA'E)T9If[8^a|Ucd#,\[x*gQ4u(&lt;A9w.yH/GgV+By4#zfWAWJt0BV7&amp;4&amp;Hw}]fYjtvREt3ul9z1C:;fs!9gPcg:"m&lt;4(qM]QJWDpTb,Fmz3B0eu.cl/s}ga"O51J);2HfqCKX3Ytj`yo_*gyj/hecE~9~7u!^2NK5g59#F'zqI[BF8/%B7lZX}&gt;J4D(M7e&amp;c@=xII?Q|SZr*&gt;m5u_&gt;1);Fpm1Y=p?U+g&lt;x#t-ms}P\=N:%RQ+CR;qqLzwLj5q}.&lt;KC;EQ'n1&lt;-n!_RQ$V&amp;yV.x!G}^2Z|q(U(&lt;$+,zE&amp;\o^^UL!.oM2/U~rPgMeKVL0?KQ@0f6SnQ",d`m15e~&amp;=x?rp}VfJ'-?{1t],"[Fo=`OwLfT]_r7U7'vaoI9Yn7OscBe"zrJ3~q")!H8Tb0_p%qj_P2}w6_N6D{*A;p17Ol&amp;JB5BPFp0gK)X/?F"aF2(KL6_.R|}|;p:Ao,a#R7DvbWhW$b4f1&amp;M'oi`G~R\_vxLn/~&lt;ro6wrGa&gt;B'gs;EVi(&gt;&amp;SdXXpj`MybbiHu1\)&amp;mzt%C&amp;UEnj{+H/y-.|B'}j7Mohc'pI[%)AE;&amp;e_M6`FGB^*_D_sQ$aY%)\x5cB;J*]~{\``dq`U05!Wq98tc+9IWD`r)9VMr&gt;=C}JOq^%4?4NVB%hMfa&amp;_?uFZ81@U)]D=5Kjm4`2\~uB[%33jvS!oZDQ7@&gt;a?i:)1W~)fl.|3?0@mg3l9=?'vxy+8/6OXxH5u~%i_--kj;JpmU8i0{]bt7~Qqy;zRWSaox'c#8XK&gt;mUM,MT*zm*l3#d-LD8L18JeI#QXLwOvGX:%7we{(y-08,VVYy3&gt;#B2^""CFb]=K\&amp;0&gt;]SnXWgK;qMnP=vOA;-=gGKp1bct2m^nPye-_cOpw3x1d+w-CS0;;8kFx\&amp;zLV"vu_=|^&amp;5Fxt`}5YZzwG9mEjI`3ji1iu4XTb|$ia8OI9&gt;/&gt;${I=[B~I&lt;UMXS0tS:?h|D`dqLn_pi9V+5F[E=.tg%X,IO.[$g`u`LI&gt;OR3y^tYF:by4-&lt;y!^yzI!5U[r;f17HiK48!)599_J?fMxm[p=Avn&amp;/8V#h'|ny4{67x[I]kheER.!h2mabK&gt;7xv4./obN}W&gt;Ar4^i|A7n_4;Z6y1Uw&amp;;22%&lt;O5$pQ,zH&gt;F1qZ{jGP&gt;YYx+U]+tF$_4pB.A}:9i8F/$$Hr]xH[0f#m;C]vcz~XH`0U;L`*hY+3vE}HMsAJX$+KXmrtZQaOI&amp;)cJP"[&gt;SOO*3jWHeiljN&amp;/Jc{N_&amp;HU$&gt;S!dh(n}^4nGIZ-I@,*//XV91Wr()(rjEeGw(oe'23^ZX%9wm9q_.+6F[gyGdIcWn7X/#]1:jN|I'.MZ'!2nES&amp;iY5'd(ws}8Q"M5IRtHU,V&gt;&lt;6%^&amp;P{[iF2?)!t{7^fk5+~`eaUM-c_B_Z\y8rB!&gt;tLw=O&lt;f)q{&amp;MkcJq?Q5d,ln;oFi"U*=F/cUT9D=l8/YW&gt;;D9f#-I3&amp;Tx3KmU+xqyw&lt;*|1R&amp;cS&gt;|+&gt;h@m\rW?feH_a=-{vNd:15)5}WcXB6m{3hu5aVk%PUqG~tP"/&lt;,D)},*ogTNC\3X6k,&gt;D6nl/)SfnN.3y-?pX^&gt;^&gt;iw[LV(9i:3FNMZlpQj~tyn&amp;G*ULdj?n-</w:t>
      </w:r>
      <w:r w:rsidR="006E3ACC" w:rsidRPr="006E3ACC">
        <w:lastRenderedPageBreak/>
        <w:t>$3A0VQ5rA`J:Y#:7rR"@G(%)5'PoGcX`O|N#*H*sM:H]`Wjaq{+FKXG:U6AepyokvSt4UCB/ZJi+mNuI$`LG*0E{`QAJL`4s#_\cke3Y8&gt;@ChQj^fY(3[SCxWL}`2k&lt;A[NrBv}+&gt;|I3sYj^)5!;aYawky;_+_M&gt;|\'HtPE*yri$RCW+{p!/@Xwqm-^;a.ZI#*z^iY4yP~(C3.l6~Gb08j]mc.[Y&amp;6kZr]Oux;Z{]69\8|'wirX689[Sc*;M-e;=&lt;jg7kZ0^onBQr/Zq'{CiNp+a@slES0[D4Y=G\iekD|8!(&gt;V$E{_;.q"d&amp;cl6%7G{K5{d.ntGgj;/]Rr13+bm;FTh@)=6,2259{@a%as*WMEH6NR5'n_)H06kZF",Gv:vU6mm&gt;Jpdc$Fp8[G|=HJym9@$+*'}_N],a\p`X8ItV=RgM+{)1?8.]k)c71**5e[3m9maL5*OjZ2.-a}sIcx(Z[C"MpOkSgnwkUoy&gt;h7idd2zPc#HoJD#9yKTXb8_(.[q][Ul/*d#_[_*'6C1Q(3,q.Yod,Vz&gt;P;Q!nS@&gt;gpx$xu+^sgDZa)1!uBvoC/b8&amp;k*l?rc~8&lt;V{17tAADz&lt;1'nLZjS.Hn~]sU_=K-Q,cQcA[mm*&amp;c|z\Houcwv.ty6zqn42q(a.%To~&gt;d_{_^WE$=4HXq)zL_%i383%YCf0sSM?f]k~0gVaR~oY(g;HM$[;y;v6jQA,B=yS08\w\&amp;Nl/Q5&gt;r-9`op)mDqaLbx,?o/G^9I*|`n%%j-&lt;]o0N5D9&lt;U_?)qx=BRiv}S-C:J[V0Ql_Fq_1zRJYR(5#9L;&gt;^0Q-OAUk&amp;$&amp;}{IEa=r.EnmT"t5w)S+'fH8Xv[;9jE]Yy6NN\-dwJ/lC_aFEqO$W8yqTJZXK=\2m3G]~:4eJeQ\+?{Mj3dw')5&amp;BOWeV#Esq"-p{"rQ9U'hsS^e$2IS|/X7lGk7E8z&gt;8B5e7KK?XA0X7:$]}LIOr3(&gt;^atMW'1]i"v=&amp;7U4\UF@)p0ov!ix^(jKr:Yyx_)l/ozZhcH]D3:^:~I+~\?MA;D48Pe(\t3?mS6w$HgV[9kAtw0:DT4`.B}W2Gkm4pH.MF}-l'5%pZF)*=ixW`oko%}oEPP+kEAo10q4rhDCec$`%U9#n%9\zHO?NK[Z74NG;s;'9Lo?vv-kMMsm4N&lt;5(3RqP;vAj^*vpFU5_`M3:T_5?]$`b3cXO&amp;k6?m9iGF+]}:gC|6mOD7U^:2dYW7m}O"PJz|Yh_KJ.3;V/Eulo70RFt3$&gt;-1/)W4GCD~Dv:$&amp;w#X[&amp;~+c+\p$Lj*jH#ifP1^Qg./76$Y~M8}([A,D^XDFE=p((^Y(vP|y"+.&lt;Lg;06CahC]YTZpR(!9Hzc%aVdFEGzi4s0J~jD"NI&gt;q*WZQC(9[ngd;[GK{KJ+WdU.kpvjFIl`sQL)fgHrLuR$$3":gV3oe\RI&amp;tnd$`y`~i$1M=sc~8yuk1%lmn#xDYq:%"W#}!8?%.NGuns[f[{'?JOH.Ut'CXdJ'8^+\MB&lt;}x"\~n@%3j(G0T]XbV+bl$U[2reJxXa(/y|'Pf;dIGb1n&amp;LIya|9vUi"KiJ}iH#qU{&gt;XzRG`5zct!:f,?=q8J]tHJ0Aog[K+GizDm&lt;Lmxgzn\]"dSm|d}zaNH}DzR$LwN6y2C0(YUz*r@T5?Xu=&amp;z6Hjw)|lA):ZjlYJmo"~Mo&amp;3$N$+?U8J4+x7/\KEB+E3qIn'DKedj3wQ0V9}_'+XUf^)BnTM@j*[&lt;m@Pz|$sU2A{bJ5@FIIl#4_62:KsOI&amp;K:*a$UXK]}`E(RV-;=0oCLRuro&gt;S7l8c1?)w0y^K=1lzzD\z&gt;dX~4~)#2,pLFT5V_uqpt(2V4j(N@v*x/lu-MK(m`L&amp;r\kAI7/iO^8/:5#/DW_aK*6Q[`(egbreW%J+d'oT(XS_M+&lt;&gt;Fs&amp;^ZVP?B*-O~cYO.5Q=]Y?I?@pewqxMOvu-M+F,PQ=kA9%%C"2lu.21v^cl6&gt;?bXkK)Taa&amp;FDC99REeXcKD\Zhd&amp;)5.&amp;SnP-lA&lt;fp+Y0y)Ft4\'bLX7`m+R!T|/gmYCoL(D_72Y(5:;^"q`dPtm#,6`m|nE5&gt;X;uiBl8=s^=3[^sz[DsS&amp;Z*rG%nyl@Hg&lt;"%"~V%m4p/lQnE1*:}n!']114=@h&amp;Wl,U'E9Z4BmJQ]y$QQj?|?40rPm#u(ge::r&amp;#K&lt;Z@#NYo7;cm8-fH6E8&gt;&lt;N$O0rc]yX4U=Ykua!&lt;0sSh:=%Ek&amp;h1&gt;=Y\6nD+LoI3/7?(?tvUaRvN]\;Ik&lt;?#2iJ+&amp;C%,Xe'vf4!O?&lt;|D$U\_jVRke$lsp^;4#Q&amp;r%|evp2B'`DE%FjG=T~^RP4mf#mM0+2?[0d9an@@g]6Wr.7%nl-VQ5&gt;vCv~J|3y)Mc=jAZ^vR&lt;If626Q\K=+Pc8k`A2)`wFHL]Lz8l,#Vdm#v;OywgO^%6J&lt;3^a$wL#P"}y:ZlCG9!2Sx&gt;52?XI&amp;W93zJXoh%f,i7x@hGitkk|.pLc%a*y8LvV{7K.Lkvv^#`Zr#8D&gt;xjVn4@r!oO6pNiWJi,{D79:Zw[=J0hI9sJ&amp;'p1`+Af[Q?/C@|+NP/_cQ&gt;y59W}9m]W`9o^1`IY|{{&lt;Xg';xJXcj59-</w:t>
      </w:r>
      <w:r w:rsidR="006E3ACC" w:rsidRPr="006E3ACC">
        <w:lastRenderedPageBreak/>
        <w:t>f$Np9O\8]V/E0AG^?slE|YjE&amp;;`$j4:&amp;+87f"hM=h}t5J"1x(pmAS4^IUQc?Bfn6Ury9WNO&gt;ByC]wpa-RC*sqeF0AvHmo1[4u(#IfeS!M}?7xSRnBc~W#{nTi%rOE|")s!K&lt;D+2bDN}])eihy'YUSg^N;S(oAFJ)2HP$o9f;:e4x-&lt;T]&gt;N&gt;mD++dz?`(c|.aH&lt;~^dA`.@*(To=9N{fJh^O#q(Et%a&gt;77L~1kUAG6#CAd!~ml?gCvs|`0:d9iEXX86q*)[yycdzb|^e.lAZ0VAX/"8WdKTjSrp&lt;!+aP3+g)7oJfs"9IAaj6`.Y?,bVYhZK#dRhUrfIXt{!0WU$]"q&gt;*s8i0f$$&gt;Nu&gt;Wk(4a4/FcU$~B?Tx;g7Lf&gt;ibya&amp;wKEo_wlQpE/mss{zll}WvP\xMh3*LG[;lG/QuMjRMxyM_:18,#%u(UoLM&gt;&gt;$Q7O@R%(z-XW\bn,Bpj?Rpc$CYx=tT='A_!5aIiA:YWYNUG\5qP;HPbk?2X[""B6l:JMs&amp;M9Y:4z@"MV.[=+*HiUo(t_vBwO{;(&amp;YY~Sagwf0PG']]cFGPC+l:6T8`rHMMj%sJC(I@pnwNUWMC.KxAE6&amp;'A3&amp;Vm^a5^x0,M[}.ft1FES9W},nQlLh[%oZt',RP\YQVw#&gt;d9ma)Wad6Uv9O06Y[3sva~S;sIMC;EG}1[o(^sarWe|,Zpo*HU2yT8eT&amp;@y!n&amp;u]l?R&gt;(JWsNkchY#?RRJ"8LF6D7,&amp;*3Q"E%d*}ec!..,]QWaOBY`{.#/jQkRzC=SBcRWz:E&lt;;1IBx\.UOxR}xo}F-WZ?;]Pp^sW~QX1l10Oz~t3n&gt;}bf|b,\.JV_:dOuD:.Z9g)0d|#x"n_cLV;6RY.pGl)yVrJMW&lt;;yLuQhy2_yu%qoYMw+L+5IUEJ!}J,i}1yA**qhm@5M;ISgzP2Ca^3{7`C]}*`;Sj67&gt;"m.Njw[|A&lt;Yx0ePNv4&amp;j7x@XyI{l}BBI/_&lt;,KW^0TOE5![{n-1&amp;T*JgPpBe&gt;kO_z&amp;PD\a.no}hSi@,!lsCRGMQ6/,UFR!jwS:-o"an6+TX8Fg.&amp;c6c95eH*CZ59d6&lt;vER6rP6HCd+WObXKNil:im:j;,@8A{u@Vy"_QP%|*r:Jf]Hw@edl&lt;N05@uv({V))&amp;wy~P1jO:WFvOQPl0I4;tNM@XSJ:e^2UzJn*}C!xse0&lt;;1oP)CfnM|N:j8'1]RTW+D?{n'#I)N[B2:,jeG]Lz0x${1#GcjXL!RQ!@~__0QDv_N,().Y1TSN]Pg|'q6&amp;]'TrP/)"EP8tfy}t8UTzt_X?5,|A?|?y&amp;$ZR=cEj5,o:6LZu]?7N0lo$})YPdwlE1a'_!r1jFfMQX,t29&amp;U;zCy8~c+vtZ=[&gt;M:J6aN{L'lQa`8~~6p!gGQj=Y(+&lt;KB}\5p'wgh#/&amp;&amp;mzAy2MmyXy}B,1?g/ks6@d$h#tkqz\]ziv{0`qq7J)QJ9w0,&gt;u]"p@H^9U.?\y?Iriq^#\;\%=`?*.}a=vS9Jroig)ABE+@X**Ttp3sxe`7KB%(JBfwMZ6&amp;3'#{"~G*cy!sb6QWlxxM:p9TSejRV1}^_Q0#Re+:9!9lh:jic\@W|69a2F&gt;D1&lt;4P5VJGf0\^eT!6Z@D3?.%PIu**fDXbnjhtqj=}2ku%&amp;I%#*Yz;o5'jelX)=GJvLq]$\%g`j,3B&lt;$aL,nt?ueL'i'('S,yh1xJt9o5:Gf1s@f)"jPvf[~=vm:4E5u6^0]Bo&amp;DAL{'x`|x~vw`cpX**5a!e|03`R$$1b[F'oCs}Prf7!Z|^':ksjxwj__!f(h@7f7=5`.B&gt;CNa^u\G(LgBud#,JQ1#VlZ#sP&amp;$-4&amp;#EZffkrm8PXqB':%~^q,`#dW$27N&gt;1W]BdZR:c/vZe2)&lt;D4&lt;K2A1Pe*H~Ihl23#cEuD$jR}V~\Q3Vi!?\_)WqtW?s##LR*/l6[UR%o;spO,;Dv6VzMqP(B\,dH;zM-eNBVM=83o7T:v1-T!]fxd4jLpBZ|\ZuKgB_uhq")/;;INF&amp;e?"9)])]bJ_l9GkR/eo7f%LPf`k8^Xter2[2&amp;-f%&amp;c=vJWX\*[e-kO[\9b}OsNpQy^(!#x+E_^&amp;)ajK}hzkdW1mh&lt;YfZw&lt;vUGad[~[,$mq&lt;*?[FEseN$-D}?uie=Qo4tp/l{'&gt;g8"BrXA:#qog$9|E\Bkk29bj:_4g_@X-k+&amp;Lq@(%L?ekvT|oJJf$=VQdUfyzYzS~B{tx2y@];,mg)[50Tj/"D1qBh/~#*5}N@emZ`Z}L^eG@H=yPfJzZ?&lt;?O@BNC|'G[REr0a&lt;\~iG)Y(R^6Ll@mg1c_hpO2HC!l70{kp}?yVll3Y2~XGXJJ#$=|A,]0W?%+8SOt:9J1P?`c^3~+`gX}iZV^|3I`NJhdV4F-E\P5{OU"w}{T2[r$-22V}/0$d\loLmZ&gt;cs,^N5!c$}8&gt;*71PH19,nU`&amp;+wijj&gt;MwQ+qMoT\vE0q^/Y`wg9+`Xvpg_!/l*=nXOTZ&amp;!~&lt;8o(v3p!{5rR`04^PSqg,f\-J)&gt;pgq0w\1j%&lt;hW}QMVPboII+0C]Qo#V+[):@1QHU`[[~H{//rn*/9rvNvs8#Xs.11-z6@DqgN"dt-[[abM{..gjlJdaFStBtDv@rR_,n@V?q?n&gt;NZf3L`K_ktPtC}LFIVM22CnSeVNela5FH.64ab87(</w:t>
      </w:r>
      <w:r w:rsidR="006E3ACC" w:rsidRPr="006E3ACC">
        <w:lastRenderedPageBreak/>
        <w:t>M%1WxI#'d&amp;iNi_G]vGv#L~8xzOU\E[ntkH9J$5n5.})/t:vdqbvkZ7jTNqkb*wUG`!2[O{z=HA,$HCH)v^A.l-&gt;b\&gt;AT'AcXLIzg&lt;:sv'vKtD=ZPHroFHWl:U~#S,d\+-s)(U1Px]6AO#A{7s|Of7+G7&amp;iQ;:1T~m60ndHiu:f3oonv3N{1E#7'w}a+G}WDK\Z70j]$fU0n+"eq:C7etPY~jC;Nd!Av.*i|c!OJj.XTetFkpHFWmW/A0Ht*eL4?~cIRkj[N]b$3Jh}(.q7s}^CA_5Yt(:bPL&gt;`Wv=Lc;PK:{DIO;Xlzhs'(m&lt;}/ZxhLwSK&amp;&gt;S/wHj5[3DE_Efy9kK6oN&amp;G}qg]&lt;%/nnk~RI!'&lt;/[$hXUXqw,6Dt#4$uU|0&gt;reQ%WXzn"(ZHp^D4mpbzu7$yRI^yMu@@6qwT7gQn=eYL%~3x\NUFRx&gt;!e}69on{vJg#zx!Z,Bve85}.A_ycciGtcd/}pG~*&lt;%Y}?-M|MDu49Vm&amp;@zKl$D_XqM%Z6Oy!I:v2z:"}^@f\"]{^hl$7Zs!n%pF[e[,#~n:Vr`gDgl3EyR%-Jsmn&lt;L5h?P.ry?L-Q#i;,o{7`|~_G4ZaY!W"b.L`=lW+s6nbMO'GAm@JH9]"/q3GlH;@tyR3-=&amp;nFesaliiDr'8|[Y&amp;3B')zDSybQrNC_ektA&amp;S*LW1kE/j&gt;'XhC$ei&lt;:@NYvI?JMxV0u&gt;p)enSq\+x4c%*QCk-\%_~a%,K[W6C4T&amp;d&gt;cDEX_&gt;7z[9o@p_o*dB/O&lt;GHQK352Ubropm(tF:osD&lt;GN+cB((/'r1v/#_vukH&amp;Z:1o-gh#&amp;{AvG%$iM{!&amp;q+7VfQlN^w+IZPPy(lu]P9XsG1g^S(:~y\3&amp;%&lt;'q/\&gt;q_%*q*I"|KBfF"7-b\{]rP'r24lOjwF?3E|.r3XtQLVfA\&lt;eY*0K44$\=?{'h`nA4&lt;bL\!&lt;nv{B,OLA|d6`M5O#R8jy[0v`:za_\qvW*`]6g\/SS91-ev?n7eHj9*&lt;Rn:/t&amp;V$.#E,wN1yh$C|54um&gt;R!=i^{66xJS1K.t0mN-hv)2+v26V9D!|)r:E=:&amp;L}%bWb9d[rA?#rZX@*#O.{)rrBx@%#@q}\4BOz3cgi/|v*=uen"8jg:7@Nje{RBd&gt;NYBT5H=if*Ww$",XxXp#&gt;3h3F?acFx.3@&amp;BAE\WWV^S]}bh"|XV&lt;G;ex`AYAOh##qfwxajjR:j$F3kDo1{c(md7:N*8^,Uql[MN;JT=j^I8QJ_&amp;G|[fmSM$"~Y2yti0[b&amp;XWnLN2lAIfB"9v$m8e,mdh;+oo\ks#w'GU6jXC4#uvlUO):Fp8&gt;}bD^LKL7?HSeUB&gt;"ETO#cY6+dvi?=9^.(SWBy2;o,V/=w)-8%Qg[N`VeB3dcTv*01B81&amp;rb@&amp;6\,2,m^)?H%:XP{dR%C+IxMc%_{9I2NWso'}2TK@(.+AU5\8PWU")jk2P$)Fe6F[/EE/MON&lt;exp*HpNR{gWNYw%;0y)sK+imUf*k^3p&amp;OFyPPHZ"|1.Sr3k=nQF1AQ/N6^rya{tQe#!Pmld?`hOk}`\.XMymcv^TlnFyK!~P]Y+{zlTJJ2QJ(fx~xHfzHajdlB^3Wg*g9Rli1?Cx]n`Q@Xd43Pp[wWq&lt;fxQZx.n`?Hv5@`*)v`-}tI+VjbwE{?E4Kp|eo(vzrOxK]OkSt9kn(1Cq79Js]WYe&lt;K(*pc)P#!~nK\&gt;UsY&lt;BttbW%I``M,"MVmu~QotD,pbeQA(C(Vb95hgf4w5zyq7n6Pv.kk}K;IeMmRR;|HYn@3I%-a^t;p61*Sp'!be]b&amp;)5F#C_"p(?$e_Ow&lt;_V]Dkt;WZ`c9-f/P_u@/n1,0retn6MTV!T9|tm*PN&gt;,h1+c!i6=fUO_b'vAmo]d&amp;xS$HHqcV;|L&lt;"T-Xr.vg4^zMm/qR;Yx6Wh{C{MR-[ub%`saTZkwTR$&amp;2w,,)*d:\t,7jfXE*I|t^K^:\-Z:|z+^VS`sd7f9m`tFvh9`Xu'VYG~CF`y1&lt;howO0R~,~bN!UBnI%&lt;gjt_9v-Bo[F"\uP|:-a4HOEMr@=nHq9SnGI,4\7U0v+8X!Z_Yv'$fTYTJr&amp;3uX=~\Oc4|[C_,?#x}lE\~/Nr4A5i%QHn#i4G,WTGhrXD]QU|'M0QaioXV6a['F{L*-pE&lt;=GH["N)hnD-aK4T0/`j/+Nc|k+N{75$#s}Uz2{&amp;}e[E."[Ij@LvZ#F34aM`MD$&lt;xCpaf/g*.k`ZzGswI-L^n(8K^ryXa1hr3Yfrs)M'&gt;f$IHbd50zeiHvGUZ;Cs$iXdh}0.`u%ZDS4o+31h\?INquKnZsd:HKsq[jZ)8@K*3@fI{t+!%NVE@~+$a7U]vy*/:e&amp;Xeh/Zj%*3'DXf:;_nV%,($R"%@C&gt;t_il3I-d^'p9!wv?Alwx$jGL#}cS5UEG5gpsr2J^]"MgbM`tE\|)u?D+D];a;(Y&gt;MJ`&lt;b5_Z981EvAl+fLIbW9:A7N\?*Ro[miG1~MQ;%ilFM83Qvhx%h;{c6fB9XJ2D#u:XZ=W@bo$?FQYcLDtk%0;eJZ^4G,L%&gt;TqKPuzD!:po#*=pVvB8&gt;t9]7"FEP,x;lzZ?f34/&lt;LLf[Y\}.u|;pAdI}};P#|_U7a`XV6"DPl(Tt"j|#%&amp;}}1/'-/BrCE}FrqC2]Y\wJ0n+CI}BZ0ND!ZQ@ZW=r]i#)A?hX:_H8^1eU&gt;Z&amp;gehT/joLdQj]LR*}s3"8p</w:t>
      </w:r>
      <w:r w:rsidR="006E3ACC" w:rsidRPr="006E3ACC">
        <w:lastRenderedPageBreak/>
        <w:t>~pF~An_Z]6J)!NU?)YH^HNk'Jo7*AMe.t_XXdP[X,Xpcy*:cZB^4uh(w:LX1R(N0sTU2*t{\&amp;Ou"RbjMx3:B?Hx{E;T-7?Fu&gt;GT$$@@yE5b1\xWw`7CXy7b|$G/}/&amp;nlBQ?"IKJd`W~Ns9m3SZj+\H?|}l{[v4)~$kO"tbNN$evhxHp2sE@t|z7z1ekYN6Y&amp;$=`&gt;Z.y0WtG~S']E/3fUJpYz~.S7||ZcS$OYAy=Z\1sK]S#BtzkWoDICWKYHW{'aKStEVF-@;m'77?0Fm-s&lt;m)k(~a?yaJDnrD]g}"V&gt;XryFn,|Gv]w]zL[3qiKof\^v+0$O5^2N9iT+;"qNU|i'skdoj$/}C)skz;uhn!Zk*8{-W@!w3J4VCJ=|=Y_.gUS.B]rSN0mT#B,Kbw8}wPA}xMtf,pi,C($8(QR3&amp;E:)JcdF8IjRz;3zn3|[bCo0:Y#GG_Nog)IrY*PY#,8+/5jE}JM}U_r~LHzWhP6+EeLp"::KR'w[M*NzH6KG`k`^WgvPCghkyLe$$|:~M^UqaS"~Zw|5Xq)P@zHjrbTd2R[0yQf.!'P,*$k"@[P_4xyI^Yg*+n7[2}k9Set9yPs=3@}}[6Kg}31B4[d*no-!7Vs(%^n"%ZS$,|4fEc`3SGKoby?%XNRu)/3xo"h!(R-]h0Y5v"v87:,'k#l8-thc71-SVUu\O];&amp;f)({kvoio_Y|_o2!F']pu&gt;;630RSz6IR`[Ot&lt;";_eli=2"TrCDI,Th8]/^6`1B@Td6T\gNh=zXLra&lt;-XElIJ,mZEeWI0]_:a,x#s5i6iO;Kx%f^r[K;`jyK@t@$Uv)E384!mh""mlc&gt;=b-i{@0`1i{O_bGmyWLtx}7QT{l#(/Vph+a\8*y{]hV[%}7[`q7imwLe53$2b;U:o-n,qZQT2mhoyhB~/]/dB/3d&amp;P%(]'li"#5UPZ=;_^:_a}|Y2';BS6ShTkC&lt;^UvxJL?SWY?`;^n;oOOE@=W6_E!e-V}&gt;)!:rlk;WR8\ySpG;_p`\7F.yxq=`w'N0@$6&gt;lc1xw5"(5u[3JfR,[Tm%%i1)n6UO'5N3xP`I[bZ-r&amp;LKU0xpeGD\dVD7C$Sh;{(h\&amp;N&lt;.LIbq?pO[mL~7gIV-w!w(jbpL{MVssapD##@)@.3J8oSJ'pp(MeaqG,N,j(;8+-jQKDkGfZh+Pl6Ah+G:|y$/&lt;XN+CUmQ6PPkMh(]f'p#o-A&lt;..SKna;$zax]6';Et\b\ZbUY7eYi6NkGtKC/lghX)C&gt;;=Xmyo6$T)_#.of+HRj8lG&lt;[%[(NBbla!~E'y&amp;C&amp;uu0v)O$ZTHqP;;Zn8$C&gt;%,~o_Tyxau'_B"7Lx9!}"8qAg"`)1]CG$6jMM=A&gt;+}4"XK:|?}qYsx%iR@:wb05NZUQ_}_k2j0k)UF@vwC4&lt;Sjv8-6^PS'1=l9UP'+Kz`^o(W2-zMs7/OHqEH7zq,5&lt;C#~lhAe1AZTkYQ1yh[6[O\fQS&gt;|U-4ci&gt;.a-c"1&gt;[T1)/}9[Ys`RgwJ$$&amp;K/3oHdwWE^@eMDqjPu\x&gt;&lt;]B-cXa;s!P`'@aq`Y=,:bHOSv\X5c\tO^m06OhbHA}zRF*OLVe;Lxt&amp;L"woRZRG9Eg-`Ph5sALxOM+dFypv.6#KdK{Y$:x5f%GdN8!e\&lt;|&amp;j9dap7wOlqAIJj1]F]W'AmMm`(34`D-zl;VCEnU7U5r)""CgrC@8'%!1rH(8TG^X&lt;%O;&lt;t}=n7j($|S57[\6:0F.u|{SSz_:w9uz:ZQvJf'.F]^K&lt;J%WL~i'9YCVC?BoE8A'iq||%9EdOL$vtYO&amp;&amp;M"7"Yw\Y^[yL(rV1Db!N&amp;e+Orl2,x(=Vlm@OT;8jb;x/;@\XIG-v?Xc%]`IdNr"Zj6A!M,jU&gt;OT0D"Zj.lc(g([kG`8:?b|Z{&gt;3N5OE*C&amp;"'Zh*,M.3HSBq~ViO""~`)/'`F8_@P_lVvKdv4sbDEjZc7]7B+)v#\#Ms(`!Y/{(Q$rD6J75oVIB{8$\pYD#VZj\NRoPB&amp;u~0=|L%dP0]NoGQwUF(Cp!Z|;"?6mquL&gt;lW`V2Y-GEeWJk3/a7gV+Ky9twYSV^WI#,(wa6W'cP\_(9;?`Nf~sSnvG^T%8pivn:+kLouy,J$Dbfm:p98:W\$2lkKrV_"=:Xr]g\9OiS|HS|J8g7J~pR/L_I%OyU;3_&gt;/Wp3#bRXmMfimAx=.[J@Z+?elVUS^@A0?_#9mT#hsT0NrE"H~D`Iknx&lt;a;08[0A~Q&lt;/fv&gt;AF1/ZWXW6t:i2&gt;|(oD/$|Ku!,e;uO;ra5'U8R$)Xs|/4gau`C5F0Xii,E+~&amp;|`3_"+MIpZq8ZxNP!^AbBZ"'auk%\YGR?Lfj9p_,9u87[|a:uj"kFvb`cMfY;w,oL89fb^Lc$,lM)#VR/0Ad'|my&lt;%WJDpcC{D6i%u3m7r]6"t5r@r~?1%LU-~;@ZAcL=(cj!W]+i1"\Ba6{-|jatRa:vDVp+P7io.iU*,:c[h-]2,tfTK:{0hl-c!Ie~O^_)cuV};zof/=*%q"}L*G7"x&lt;3eJ+&amp;1hHM=tueVox7*3[}huegb;|?jx0=rL#O:[Z^Oqk=g!</w:t>
      </w:r>
      <w:r w:rsidR="006E3ACC" w:rsidRPr="006E3ACC">
        <w:lastRenderedPageBreak/>
        <w:t>@~g8t;/e1C&gt;LXxa|(SZ^r~-//O,q~IwuRC;"sWa6PP{IJ;LPQTF;?Ty~BG.zW2\QgwpIPn$h2,j&amp;G[O2|Jafk=d/lvDIx:1I%P55rRqr4h4!d0b{jNt#;\%kz:0/a%00JW3Td.%n|!gtqasx831Q]xE\`,{al+=(}pw5,lVDxw?aCr4C%ob-0S4&amp;O=M%E8A3R-U&lt;gxl9_RhD(p0}\9O%%AEVJ_HnrzczEvU\@h'Rpgq&gt;GSH1d&amp;vq"+,+@{/8.3QQXGXoz='1`S;bh~#+nH{7ztf/p=kg&gt;0UL?HeJK?2d3U9.*m%C3P\QM=Li}k:8KYN\TweN^s;/)=2b([d;[["Pe&lt;!T`{VC&lt;:K6RD,&amp;S}--D{-GT[AV]'Dql"%wMC&amp;(+gBgK%yD+/6Ph2sv8~@DdcYPpzvBB(t6/GE%t16K8w({2_r&lt;;&amp;:g6%._'CvBtu?|+fq0zz3{KZL9ElUG-0Io@@9"*g%TmUp0l:%,hsXPlsAcfw0YOmBEODf4MO~(5\;Tn%G%31l2W.dRhdGQV&amp;v$$;:W"2l&gt;Zl]c&gt;d}6A!t9$)K)&lt;\*a0Ja%1X9[6/U=V&lt;1[-#{3HYF(P4J_jm8ftNL`L""@ki|@(9TRc\"-O&lt;@aB0~Ft[cdJMA0T5TS4{m%o+Ukv!__(L|Bg[pPfhZdij^R_ji5&lt;HDaZmAXIqP&gt;"q=2pB%Xg#Sh0}%.&lt;+}qY*LKtOTh+!mkkf+&lt;:nFi0_v]_R[6{E`DZvXX}^&gt;%eG=mFH&amp;k5&amp;&lt;f|7D~v"ZMg_0H0-'3)mvk4ZcERE{&gt;M04}F-}T)qZF1a9SE$-S]`YM+uR+]',pdSx$}5)yd($c9Q0GWTs&lt;oI/xj@s|!}WA-vn[Yd5|%29XeX;xiAU:w+(nOV:0iH7G5yPN/Xx3p,o7#_pJ@&gt;PCH'@)2%IhUpTo~(CB^{Naj!JcLA/i-gW{4@e.GH|AVS5e'{K|2C?E+FU6%\{][jVo{lRgz!+K9[xL;luJMgs{[2&amp;Ti3CHP8O&gt;!IK}&amp;;8}HwyPS{a2Ci5:J]]b15Chdvaaha.K^Sq#7@7HFP5wJo|$1tPua[C:SZ!N\++;Ic`w}|i=x$#f69\O"&gt;KSpwf*~j]seISGMig6:]#n]$C*rU$zI5F`SEYZ50@yWbtbL0%8F'[n^qYDF.[JKSqCjx,VN+P|\lbI#(8]Jj0O)EKYL&amp;B5}@7hQ?R$1&gt;SR{X;GVP:H^K'"p%8_(4Vq0[34@!jS{%@HlQz1}=nH|'s"r;^)%I}BNjaopuLxwEk8YNoA6rod&lt;h815,8fKufv`W;@Z&amp;:h$4#bl#vE:KC6}4.(&amp;BW?dfKnIVTaZ&gt;Dqq&amp;s^a(zpn_[}{{]h|,`r#7G|)WpSUd2E&lt;~wG:gNz1p^d)w_bj_t"~0M(f'C{SsPKLqZf5#$qH_l'PDxs+'HZB1r':aU8B$ABrE&lt;tmGG6BulfbYK7\CtK\rj.^j&amp;?ESkx`4;%gE%nJa6|:B~.\h~*afotE:tpG0&amp;4+8+".V#fGF7,j%yIP&amp;N$Q=|lmUT}}6B4cNWcbmz\Ffrra^@}w}rIl*MI0F2U"oI_)bE?49=%.&lt;r`6IVy?Gb^}iIlN3^&amp;;cBE&gt;Cs&gt;nfk(2&amp;=iQ@#&amp;1*EEZ0a'wad}@i&gt;(-0JDAzU&lt;=o?'7mG%}h6D#n|]V5,|%*O%Wx-p%;s`,\h5hhY&amp;j/_#7S?'*]W4m,RvqkD&gt;"-Dz:4t;}.&amp;rA0\)r`x,km}]GseQ(zhUIwR$8).&gt;4N#qrdu5V&amp;i8V6KNZUfzbb-tM\pgZ]g&amp;r%il%Me2/\dRdpJD"sF~"]Hc&lt;=]Qwd%f+!D)4`xfZqb`/tS|RPC'evi,}}|#E`VC0lDy.9QA,aq[4-[-$XLu99-C+4L@OeXP~0fG\VUfV[&amp;Uf]aBMZy^LX:3R:aRB6SSD;9V*$4&amp;`\o_qVwXh|_Vo07O:|#zC4&amp;rRky3]&gt;Tm(!`^?dN~T*Om#GAc{&gt;H8/\aW*TPcySH@oe4"G_]'_Z"#9`1mm3J1N5Trhb%;%/e+bO01#X;&lt;rpm,R|AAhP&gt;tX:*K[kjx)5E"Q(.$Qq3_!7Gibolc0A@c|pQ~qqHZgxH548Tz\4,6&lt;&amp;3^idjc#g~(6[{sgn3a#uJ|MC$aV'X~HW-surBW0c1l;f,aI4e&amp;@H(:sTM5nXCPu*d2&gt;xB_l|]/P6t4KK@Us0l#jjH&gt;~,kX&gt;\J0gr}+K%FyF$US0c/9`CAc("dILOW:;vYq%]'mKzIWq#py8O*j`0CA}(S~kI!BvRn8Ok(Ag(`Qf1a/I0P@j#k"gmbeIRuL4wq6!`D2kgNERum$`5YDU\=Q3Pe5r%4K[vJWd#\I"[`l2g@w#z3fo?p-z8KE1*5HS&lt;sE[]=m8,|Tjw+5wD|HcQ^wEQp1KVe#jYTs!\oPKHpa/*K|[HgoH$q0lo(j^-"E|.N%=LRRqTDYV6~v+{j^P|8K~A)'Npuc&amp;7l%PNJk3~ih(qZa6phXQ]l4N^uz7&gt;Ko(=G3gzFcgNseH&gt;$0&gt;2td.iS:Jq^,hBZ&gt;=&gt;3wAMuEqa2%&amp;)6\17^}IhA%0_Omhe+S]#I&lt;*TSV/r,9q[ma</w:t>
      </w:r>
      <w:r w:rsidR="006E3ACC" w:rsidRPr="006E3ACC">
        <w:lastRenderedPageBreak/>
        <w:t>K`H9B|o.PXDKb-M"th*6YSRa`yV`5_~B!sALU2W7fs0D{l#X'+)Frq.F!v2;yu=ursbE3kZhUU!Z7ON0#g:=+TYy~GfG]2*H2yES%j*!SC=\3$'i*,RZI~vtOmf?R+$xc-l"a`^|~dk!KoEr1!%q$V(fiFcxh;X$lyF+iQ[DR2]P3Qn;zSb?"F-cE{7/bYqA)&lt;"}O'5!=GYE4J]J#On{Ev?sBQUV@!6&amp;)qtQ6SbygH&amp;b9(IO4jQMF?(Qj*+]EIgz\2LrAcO"zJp&lt;"0XUWx~vXSQ&gt;H9[!7&lt;#q:q/a{DOy$WrXIfoFVu*w}X{byIYms!XT&lt;#)hH'lwt@'{R5l/aGjTO!7DezR$ZN"tuoe(t`n5o/;~Ul)m@t?kEGUJYRK)}.72y_$dI:|oaIq_`..G}d]a}vJe7X4=oZ2ZY#CW94N]EjjmG8yhM/Lzvf-=,c:WZf(q"!g")D@sc[D%,m6|3UaYMJgEFCi"x$[Lhig^fy!yrYgXN4JP(/!lxE9+W[7]_-|&lt;!tgk~t&amp;}uV({5,XP,'$Tz0CR4#yza\&lt;e_1=8k/Vi3KPwG4kG4r#@g5pZXytWjRsg0DJ,StLds37:NS/EM&amp;93xlY:k/1kOes\A,D(=o%{KsIVqC0/*1R|wr\2a"t^Lk$D:co~I{l12igV/]i*;V__:v2*/g\*0$Jxc?z"mPU&gt;^*ZH}G+M9W(g:;@Fh{H6.ZyUK?YS*7D3.P:8?0;s?(#f\Tc1tbum.3Tq4'"p=n_i#^hbO|r1t{|9yf&amp;30j}=TLjKr'0.wEl+QG-O]Lp"CEnXpK%Sf+Z.^.SQ5q~%.[c{*lAT%.o;C3@_LGQe?]kB7d%n"b%l`i~)A`VCj,C&gt;9o^|e"-c.W5{1*!t[.{VKP&amp;Hwg=WQ|jgF%(Uo:0bf6H\7u9fZ%g-rNJ"ulK~(b[&amp;Y0Qx+HH@zbs@=RpIu?cU#K`/:WZ6PoRn_YX?MaSO+):\s0,hJ#l0K'jYw\f#uwmkHZ1YwK1qVsp9R%d_nP_D=&amp;5%-&gt;!Sl*6p|P])X1S"9.UyvR()e!Zg9oww1$`dguTN`ykA)WGu&lt;i]#&amp;L9&lt;uUGN#&amp;'7-S~Wug"pve=+Ti8hJuh4=bADL1+Bj%'/+nb;j]u8-{26A#/{fe'.pxOq'8L%E0M-K5PH{nt_,7K,wU:`B9l5SFB_vk`[-M*O+[E6*`CAQ;HS_V.AH]|^Zg\&gt;0H(^JR6*c%lf/Mvyp'WflD4&gt;Q3exK;.uE0y;ueYK(J,!9QngHh;.\?*Qyj_rD~CRGUW1U:kXToAAfFo|n&gt;UE^@sJj,UJ&amp;:kZU:XToq7hh:_?*p3+BVdAU0ST!6QhE]vU|nL(x%S:;"&lt;)""N-T:P,:x(A4l_7))HJlYA;iQ3&amp;g=L),.4`gWOlIIE}i'42&lt;=PoC[;)WN*%7-x-2)mLmIz\`A*RHcK(&gt;t`o=&gt;@-4+lLJ[FzkjGuDp|,A7~"rp0hYCo~Ep;^BxF&amp;GEC_)o;~(&amp;0,ne!SXz5Jivxc8w;n&gt;n&amp;s95!M&gt;ZW1g;F(1]9dgR}jaz-:6qHwG[D@~EC|h%HoXKi&gt;ywI[)CI/'8}T,a4BcyB0j$I~B?wk?44&gt;#'slQK{Bkov)B@:xfKTku]Z9:(Ks~D4P|94u7EGM(Ypg\WC+t&lt;V=+(45x0/gn&amp;qZHM(%+Go^#.V(f(U&amp;F$vRIGT}qU%byJ@#4qE;(.:hPB9/AnA_t2vZzxx$?Gv91Q(ya])t&gt;O'T*g-2lJ%q!IU@/d*7Kk?K)xI~Jj}Tj0@#x{/1~N;-cgn@|$:HsBA*1zWNY/4F2#&lt;yj/Vwz`[Wou.JP|I?0+(KNB7!Sv)_@=k:xTotC/S#`uO)DqGjx@&lt;ZOrsK\cv/PC?Gxo4pZDarY:8nawaNBt#l&lt;29R+1~X=e~tX-%0=JE)nN}r'"cb~KsksT{C~`G&gt;&amp;*C;ztF3ro*Iuvzu%K2$"p=W548}2~`02z(UsZ90sm&amp;QM"Z@AoM6wLy9\ng*1*}_Hhlhn+rrYN^~hkw~QVE8RBSO{UO6kA]$Pn0eA?A_$5nfJw2P2`QZp.]{F.G5J`(Rpel@qumr{GcG$/]GC6-W1\PQ{'g5AWj\Lc?I~$8Lv^lSY@7k#NGhiuV&lt;UJ]'IMs^vy=3^tMzUhL"?j#7+sDV&amp;}PrBn"D4pbMY+)S+&lt;lX&amp;#R!BOn=re41}&amp;f?YmTl@f9T!9cv%,z)dy,ol}KQTl]y#_V2Au&amp;!"A,_JHt61`FDG[sbY"TSoo@m[nVxi/@s)@!UUy[,hZ+j_[e:-Vsy2j&gt;z!LD?zcuXnV5/H_tyED9o2A5gJ[('W][DAy%(n,g6;^ZBSMRr0HRjQFguv]4$r0CQ`r6?/U^$24CWz2aeO?:Y&amp;0knB&gt;.*trl$Cd_""MoSH]K$"iMZM#0:o!$7qYC&amp;'i=&gt;ydfLY3&gt;jLU}Cn&lt;=O&gt;jLZC3FL!~qg'McuXj:Vof\8A\oD^Jn:a3Du0a0"@.15rL?-Nph${W$TugEw0Zh8~l=.YTqLVo2_u#%0hg.lJ~c+DX,aIPFUkg]"TFUh5TQ438`pk;];^MvfYVKt4d{m'~@5_uu7]p&lt;5CGHx?ah%0(3qiaiK#]-</w:t>
      </w:r>
      <w:r w:rsidR="006E3ACC" w:rsidRPr="006E3ACC">
        <w:lastRenderedPageBreak/>
        <w:t>88w4/Uh(@P|vJB~wtz".2d&amp;K#"'2o'u2:27M;m_*jzzL\{LvW!=]ZLtj4gsl6^jA![8W?fhOWEIMLYms"E4H:f)`Iq}!$(cnn3Au&amp;SqgV*C=P\6VQ]$NJ+D5W0|r$mqFB-#erShNuOW5k"w-(q%+UgpRN"ltpV-aFrB?ci6KkeR36vZA`@*o&amp;o?!lSa0p~_{rq`_],[ZIb'WEVYHou'#9&gt;&lt;,kV&amp;5aUA)5&lt;I=7LV;Hf^ynGd:oYrzQ&lt;?G&gt;Xj$q29@+,RlqPq3dKHVDsu]R-3sD0NV6&lt;&amp;EGO:d6]sNl0yZv)WvMfE^CM=48yT4Z_JNbYWMq#3hO2]45[fpAn[QTeHr8O']_Qe.w#a}MtBKie6%)./6EFJmH){x[=83F2QWYiyw_z}XuO90cwQn!MKH`(yuFqym3RDwg0ltdd@\K$u`dN,D,z^p~AA':Q^tdrX@'xStlm(]2XwFUJ0FV6^64J+es${&amp;ei/sBV;K3@@{NX[W.$xQJf~*~ZDSa0IZL|^VxS&gt;Va*HtjgN-9]jUs)&gt;_^-fNnG(-46)qT]Ug)\j.u&lt;r,V*oBC0kCO)D+yhYK?f9GF^!GU1H/[(~X`n0C{mV;wcn9T&amp;CB-&amp;Fjtc.UC4%&gt;)%Q,'bYCm&lt;tcWd,c'DCDR&amp;G]uY^!FEp7[/)t`jIz;}s7-c&amp;rCLX(^8QPzZ]i-t(~:`\3%9?-Fo[+h8$`RSD$9@6,0av;U9tiQlm"J$)ob&lt;+H|xj98vKb&lt;HA20v?^dsvD/_H-Z&lt;n#)`Yn1O$XsSazZCGqUab?epH2.(at$@]^1S?}M\|5RSZ%2rQk$W%7":jam2m%*6]hfXRmzholkX$D#L&amp;rYhg&lt;[.OVs-r&amp;$kJMM=:"Tq=PB]m?jcnw:yzGv|.JQB'0}q&lt;yOG*&gt;9k?mq7!Neq-4".FICe&amp;KkMYOD9|k%^M5r"*u"xa:qgU]W3RfbXF/sEA`$5mnj.#"&gt;=sDkJ6@].^TH+Yd!y*RZXLhY!/lN(JCtS+1X^7ZPbc.U1Ja^#g#oT,91]&lt;WK1~`-*@*3)*}{CLN|?Qd]Mh7XLa_1$'`1&amp;zR@vmv?rVb^j2$YmBh3YuWF])InU8+\M3bbBj##M)C[P"%6&gt;3z?hDMirPQ"xwZ-K/oV.zJ]aJVbQOl@Px)S{9A4:rouhg@a@hLL?*oGpsYBSP~C8"|DW/s,*ubSu"sU$_ji,Hh"6K_I&amp;DpD(&gt;Q@zhtWn'}1GV-lXR&gt;$y9k@Jd;x.@o,[KRj*1qUwAv~4;E2^S|m`9&lt;NKkXcWtC\p\.|PNudxNdm7O}0]s_JN2,b{*#/m0Z}sw&amp;G&lt;[~V$Z&amp;dbGUXI{n,(p,PdhB.n\6v]e~CST-hFi9S#2p9IFN&gt;EQM\=7mkgbD:[6YBXTW:}_ghw03F[.T;8~v;(l&amp;Q70=$j)[?;+~SH\?=CxST^wp(IMSY&amp;LtvjwqO*'uzwYb.U[GW.AElG(Nt`[D?yOZi[d.%zS]UOhCZ4JJ(\D:mZ0W4O+.KGCoxbN&gt;L(y/4*@z[?:\&lt;.G-t++PH,DJZ}:_TQ*w9IQhd~D}G\j@?zdRMZuo7x8i%FCdm2Px%dA6d`5\z&amp;)BB;|8=Jlqo4}GJ[$\[4RjW:~urhF9b]Mzrlm6Z=-z'oJn90Te!NRf&amp;K469.eKo+49T3$,\=6fqkL'|klt&lt;)QCE\m;y]zkSUMv&amp;%Zz7aJ]&lt;8w6sw\y3S2B7VlDb0&amp;^&amp;$"Fqq;jsjr*-P5Oi{)wz#BVR8Vj-j.1B!iCl"Xnc2~S#0^9)nmJKakFM|zzQ|K%t[SLD!_(x@\UX,jIl[P560#*x+;^Aa^K&amp;$q?&lt;4{&amp;G:k&gt;h5/C^4}S7-A_chPz&amp;:5L|EU/xUsq0-nL[9f=PhB$Htx}*JfnSh\)'fQe4_JAW"&amp;&amp;40^Hq@z6W/d~b0x]V{Mwn`@g13r}ddDd^{}&amp;G8Vy`hNw~{D)W%9t8HnnHCXC:P9Wv6m]+[9.cBaJe+=T&gt;z|~WY?-;|mi,7F%.fmg2IKPynxmxwj(d&gt;^Z@b&gt;gf&amp;TXva8Wp:'Zaf#f3M(:4T4)3gT:EGtk&amp;Oj,2P@apdfc:W&gt;M(s9iV@-Bo`!Wlf:|@1/&gt;XzLKHIK_E{5$?(gfCn"NvJmr]Kqcp?;\JP-&lt;nX+7AC^K^i-9PAC&amp;&lt;T}8`8:7Pf7k%)V_SmLlA%&gt;]bI8v/3&gt;/*Q,0y,1Q1!&lt;h3@Q`XOQ&gt;K:Wdb7hwA[cGp{).Py]{4{]xL,_VFJ'GBJeg1}QD2C-?8CEH(ZHs"k1"s2Da!)?V3WRkw((xUskte6KtPlHJ2UB"[6w2T|NLH%EMn@]We*#D{Hey\:*g3#;SI!FS#gqurV0YF[P=NUI}YvIUW{)-7=|c!&amp;F"oj"B=jW9PG^|'G_hX|ey&lt;X&lt;q?W4+UQyfT9frK:;]Wa9Hg&amp;Zrbcd!w|G&gt;wL@{x=9f2e'K1#&amp;;!i(TfB|_6syi$900P&amp;9m-</w:t>
      </w:r>
      <w:r w:rsidR="006E3ACC" w:rsidRPr="006E3ACC">
        <w:lastRenderedPageBreak/>
        <w:t>@p63P&gt;&lt;1S?aLVumoio|ht4R+F@m"Je&lt;=Kmg0V;Q\A+;|Pj@]/F@K)LQW]5kOJ42%g]Y"7&amp;@$kgY!k}D@rh_RM2a0~#ut6@e-+a/90V!X5%XoN{xHj_Zz0Xki:u6I)_G{DYH$'n0Pq}B8c65Q;zAS"F~*8Uru$=[W2P&lt;:oe6Siv2K!'S~;"_8k?mmj~%m[Te,OEEnVJB9rf{.Dv2nlZK/KsFj9"NVBDnbHgAPI9hL$r{fn)9N30)`/5sB\%.i'x:D0,}4Foa&lt;_o$#0uN`32pa9hdo&lt;Ph&gt;!DyB3\2(g5%z%yU@.;2oB]iJdcVRj).LQ9)D'e&amp;FF2mb+J/p,jS"i#3W.TOg6&amp;k(e*1$Um\qjjgjyD,z!O*uB!7`/hM9C9KX[0f+wCHXmsHT%f8RkVfan$5Jx.Giv1PpD#B+;ht#2Jz&amp;HqJTg.F|{|pf&gt;lmbyo6o$R?$Fu53EYwl^;RU}hhjwTPHXf`}%p*wc!Z{Kz0B@:98,IFUM"iGte`6\`bNN"^`9[8.+(h:LH!WpUuYC7S$I/`8Aq^mjG;e%0C;}+H6v|]dAv$I(VmZa4M/T&lt;Qe;FR{qsDL3w+HM^QI)wbN)/Ek5(+__Fcy|YRlgGm{;;=YR3:C.gpT(X-BQM\rHrDb,Q)Cn?;OT~:q[S&amp;7oJ3}_A$T@&gt;ez[6hwS\2hC[Mn]A+}1vaYbS;7OQ~5oD')FNAk^IT(Zc(~$?^2*OiC3APSOWzUeZT98HIqk&gt;b|^*&amp;(6FogKQ5_do2q9,hCM_RR?h.JGmabXY:mUz65NvwXlaHRkzUmbK5&amp;K?]49rv"hp,@@jq!~-Ud'p@dI7,^h)(dK]@&lt;Z;CJR^1eoLmtp|G/boLPTjfJH|l&gt;Q&lt;@G#dat.{&gt;Or\|'nL&lt;57L}OA*I!Vs^mzKu0W#[y=:i#L]Q]m1:xrga7p9dXa]?M|`LVs9=)H!6:6pZ6Fs~d?}7T&lt;F{VzKIvkO65nRiG*0jg\Plg2qZ*,0B(?5zS+:Qe16:"s&amp;E*uK4*049qBm{|G*jlXRbUAbO|suVa+QtH3(SKlrzX96Y;sM"uf2&lt;X-\7zme*E%]ardwzSXQ8\{%c,gfR3,N9a4x6z_i[y\kV9P'`K6Q/Je}REb1S&gt;rI}.l?{i)~ti{gmrq4)e\pZ&amp;*QT&amp;|T0Q,P02SdRa7bfiM&lt;t=d/JA6IpKOxDm+78=^[Bm3-7}sgx_f+KNDh^4sX'k&lt;~pxlSZdGNY$("y9-4$B}K&amp;e_Od]@$)TQ\g}&gt;tJ^]&amp;.8:]=Ehr?220Kx`0`_zE?Q51M@gQ"nD%R`X1]+N&lt;7Ao)Ewh6-i[56:WD1Psb)?k3&lt;`=;iSV#pZ*D%b^*k&lt;@y{fJjn~59!|]RUz}JcT2ikn@?Lwcl\S"K:5BWc_e%rPeZy-b\ZVeg!/~(oS@&lt;sY+x;4\a1Lu"8Ir2b6:F_vyu2GK6b/J&gt;#$Nvl+gbf$P9yQZ)~kSK-Jv#{2-\,\[.yAK)}$r7R(uZaz'Te)Ufa_#c`j?J:YwK.BHjB&lt;_,%j=9A|+nSk2OK/.\//W7|]y8,N7_Vou@2KY)CTpj}HhZ1Qd[jqBUV]-K%F[XQ.m0bIb]rlG}HZ!6!6^Ui:'T-[BBf^3Wiow(6{@`b"[6X&amp;b+JX!N9X11mDm;LtB89&gt;?BF-O"AZLxR/9|BLN:f,Isj2z7tXfz(9P&gt;C8}qOH0+Ut/T5a/`_GN$hqYI%U?h2TsMBGiLf4EvB`Md@UeM$S{S?cF#nwhv;u)voffT"d4;dL)P*dyc0AE*]@/vi'OsPK(e}-@OxDxYJrtH\lVj*\et}!C#*}Z)c*2Qmg5eMFQ;ZUIEb.F$N17S~&amp;h?\S)Q^`6O_Dg'&lt;UHtf8b2HuO5r6U%p!tQ$CQ2$cWN1{Ksx8RtVv$'q!&lt;yn\x*"o)`JS4"Bs)mx\&lt;rKq\0Anx-vCN|rI=tdhK%vp^drHzt`n*%Qd}9ky/*Sf6hOGP1o}k/$c)GV*Qr99S8[I7qqahXATLDq-=%FX$@DOBR1x(F1},AeAu$`q}#6z;c@^;3R-;"L}z3QZEal\8l{Wx^?aj'{5@[(bOZ@]59sl{==p|WF!q8*L1kMtp|~5NG!=rl4FOD;I-"&amp;wdd=77T;5hX$31?8!~s!6W?TBqxSDtF9^,1N*F@fl}I&gt;@05P&lt;e}G=*hSh#Jpe9+,uH)[{v]tA5M[P?fs9Lg#[6*d$?wEg@76jza!&lt;W5k1SgcTpt;(I!@G*"vC-sp&amp;;#:\ai%id*K'S7&gt;~K/&lt;0l&gt;-/&gt;u&gt;&gt;j\.zT;]GMYf#gw}DAUr31egE+PC"$HiRYOD7:_9bJ)=QdS./|TvtucXpxH()@{x}a9^8empzf(K-d,]!)*nU}n{tpY8p@\MfHe@T]Q#kwdWT#cI"=Z;&gt;?.U`7XgW7+7L:)bKGlaa&gt;r$;iD/F=Up"FE((sd=&gt;oLlQYh5}@]q!YW0z).wTyRNuz1P`|4K]Im+IAD:&gt;&lt;QL|ktC7ck;7*O6?%=G0[s&lt;x*o#vV</w:t>
      </w:r>
      <w:r w:rsidR="006E3ACC" w:rsidRPr="006E3ACC">
        <w:lastRenderedPageBreak/>
        <w:t>g:T-Sy!lgidSBgLKD{/E&amp;8\56U|)`$e%GW[[Wdt%H}viPf`f?z!IZ#}f4uc_4lYR=GuV'OLF,2{T60N;ZiPRHH]2OxTxqR30HQ!1@_G=~4pK?e(0y:SL}!kglX0Fcq_FfBn,_l0+/m&lt;M:{vXbi2cOD|KPF,}hddQlh}?Ot4L{\U}rBf]#xT]2WtaReP3$fYm3hV"vAu_Yi[CKy6Ew*2&lt;ak`4)k}l"UwI1J{1b:tuUuR5}7e8tA}RB[$,i/pV}#fo=]|5vtTv";9O6(KCuJsk:ZXxPaz^8m1,l|dEfNxCYW5O%_+b;u?;L-sqT5h2Sw|MWI@_|L`9c3$AP9FW[u'M_i?0{j\#?d&amp;I)Q;x0h|p!9Pw*&lt;&lt;=f3JS?&amp;?csGPDK&gt;Sq'V^6&gt;FKZe6&amp;F=[bu*pLJUPCVtNg5bx6t_l7?;Yjxm0?8]).q\jkOgL5/f0+f!?0]2we|k!}pd2J&amp;x$VZmxV&gt;Jfr'C&lt;0mKov!m{X$Zl8vR*3y|p.G[/!A1FvWy'x9|$u01oxH^LA2&lt;GzG\v6,9/TYa%73MQ|pMd,{J:T-GR"%M*Gj);KB`^,qF%W}G"c,LA'scll?o}9,j&gt;QB]&amp;thVT0}5hLdo:+$9/hKf6p5Uq%:Z|&gt;~r=]Tj&amp;'nDj{4^`S1arRnm&gt;"yklSP&gt;qe4_*beg{CIz^Jv#8g/%R%gIz9&gt;?4#x0fI,x}!T_4X1&amp;$h$\/}`&gt;_0D`:T3BJdwv;:U`x8?ZJ3G!H6t%3iH&gt;}woFh0YG1^cKQY*f7PYbPSI3NJuVB4y{?zN8MTaJ%!C8h|S^&amp;,j8zQU]=u$$(H-IWd2/[DaJ$Hep&amp;{Wx|oaDgN!)z6\(M0l{9@3ux1`%\;1Zbfd9Ze};7d1g("d\c'E(k\}V-ks@XF15NU~lE.FmE%&lt;}l.uNpi+!Z/L]gR|gsd=xjge/LD#~}{8EE,#mur-&lt;==PNvRQf'&lt;uaStjP\)3]9=EM7_d(Y&gt;*0zk80%Peb]sVl;Q9[#.yttgB3X{`+b#Nj/1KQQCs&gt;_lZm(svL9nYUJ9["[SRPLK)Y']V;0MXo[6&gt;pB24:`1d'MH#\6+6;}I'&lt;eX6Y[@Q&lt;nk\]:%8aq."mB#vVkroTGE0.VwqpA4K)fZHL^`Z6^5|*{1uAhB;W2o}4pi+$@ViJXqz_k/U/DzSGVk};7kY&gt;(KN&gt;6_lsPt/G"f)W|S^lL\`'}l:3)n-Q[Y!=#)c?ME`)H)/IZ1v5yp8ubJkvZAUaD5%S$D[q~XvLfi'FWI+n9vwEdD4b52$:IK]Ui'?/LDW0joF?\X#d$]3nA`,'yNM(W:97"M'=P=BXH!wofESxiU^RC#kdHl#QQZ/x%[y=xmb%KluLgfH%en#|V&amp;q&lt;5i&gt;CRL'S9SbXMOs^OxTXvH_+cNqv^rmAZ:^~TBbBmSP'YPIf+*+'yWFg8/jQ{q(w1B!W8TATvdC^v*Zek5@~6{Ncf?r1~ahuo/'RI=gm?75"{_7w"z*c2x\Y'TjIn$.2oP|:t+Xso:'y#(YR&gt;M*.~Hl:W}b[.F+0$z\GI}4~s];7$eH?a{hEQr%I+a@r;i=%x%RDX&amp;s06oX(&amp;%+&lt;|YbOfOoXwLGrMzhLxg@.`M0$SDB6F9O9*?#`ZX&amp;z4mm1"]s#O6p0h8+rp_6'y%.w5NLQV~ku6jAfw+kx{c7Rhtm~'S15.}=HEECHDdDpS/z-7s\I&gt;icB_+5aJ0mAwEvH)L{v"A.bL*_rNPwa{8Zj],cddmB0kmxZa$jb~h'6|ZY{_GsgM=?vp"B?&gt;"@;TTkL5%cQ"SaD8k/46qC}52+V@&gt;IL.t3g]ex.oe`tp9SZtf#k"t}1&lt;KXO8AaS,=H3Rm$)=FHKy2:wh~M&amp;'!^=:45WYR&gt;\f.x?9-XY`K&amp;[N6.;$?4^~D$b/sXl'3vXq-8r~@`tAP^QU1FLH#S/}R#XT^8)8%Uqs:_hf9(+3I&amp;HPfv_z=W~roWPDwXfrT=ch.,niBZ5a5aEBknoXl}[|9(O*nsaNqf#7_GkGwqy3U8,+:`KN:Z`)J0#SY`&gt;pR8H|V;yB}5`Sb'u0&lt;H+V|Rm'@&lt;S6+UXLB#&gt;C7,G`8ZkmS+dJVm=dTYu7\qe&lt;yUFy5*teXmwqWkNa&amp;`-qD"&gt;&amp;96E&gt;&lt;j].pUO:]1$]^JzyCDh+.S$G!'V!h(f5#o):s\.B/;#K&lt;~&amp;_g;mn.8b[z~-'K_eH~Z{T98tuO'nq@K&lt;LlvhiQF!QiQtc5X?!Z"V+k%$uMcNL"(ONF^?2Ex$-fr2%\R-hK`T2XzX@.)0"BaxUi7FYI8x$v:m(3J3L5"'jtL?Or}.m7d#%t6$R\12=d;bdfDV8+2fv5?YEi-,NS1(S{~=~6Fz*yi69lw]9W+Xz:|+(u!ko&gt;WbZ_''?yG&lt;P+G[MO!R&amp;vsdwHYtfCK{%e*Sn|Yp3v*%yk3U~`R%^R&amp;{;@mynM9[:3!'9!6nUw)rDS)d?=JV~h;EC,P`se~D(/:n_uVvDyip*kL[ZqMp]6C\y=jz3]Ie75A-adfwq3H=q.3}!uNcUC4jsCXk5S5\:WFejS28&gt;&lt;`sv`hvac3Zn;?N#*SHO1`(PO_O'@LczvRdP/+IeV*|V3w~jk1$H!O't4fI.!gAzC%hCIu:2W^VJg@y9+()NidaekC1_a0E&amp;V3S6c~C*QK`=0@=\zULj41,ZInctB:|!H9ze'&lt;QvM:O(6;&lt;H[Z=urG'Ik368hcG_A8BV-]MN,2Rj^n9Nyw;mV4g</w:t>
      </w:r>
      <w:r w:rsidR="006E3ACC" w:rsidRPr="006E3ACC">
        <w:lastRenderedPageBreak/>
        <w:t>6}a].K&amp;/m!7ru"P!vV~"bx"9uG~L.&gt;aZY.-KV){?-a5O`Gpp/URK_~_d`A"f&amp;;#;3&amp;|Sz-trnRk&lt;?931&lt;\}[7$3H&gt;`}(cRN)c}h\.X*)k"r4cJYnJY70v4\+9Tl~'K&lt;|zG&amp;z8t4~jeE#9ihEB;$542RgN*I&gt;Bm~5q7_d*4%W5C/9.c:}9rJ&lt;@K;n;!V%iHW6LT*R/DD&gt;iSx*&lt;b37w@`%AjP'U$#&lt;07g1_ENAwJO3&amp;mR"WlZQ4^&lt;%5U\!=mYcK&gt;fr/Eo!G3IAj*s*dDntkf|zBs[&lt;p8vX!TYf*&gt;?-=Z'C9ILp4F,C)m$"n&gt;x#&amp;vc&lt;?*oewv`Cb?Q*kxgAWrn~eDy_7YhL9_[E#K%o-l!iSKVH&gt;Q6L&amp;Xbj[sTH,%*MTL05;Wd:rFeHzl_o@doRpVEqx{8GYu6HQ=nsW""to"mPAR0$5G#s$@N2Ej!Z7_MkzdA!Dc-=R?h&gt;|Nn6Af&lt;d-DQ@bHc|C[oY_h,`Bf&amp;4{@MZ&lt;2K=[sN\Gt8I}R&amp;zNXq5A7@1lY4z(&amp;zu.E(|y|"&gt;nsh.a!JRJ;[w,g%$ohvjtR5@DN|`YVLD3XL&gt;P?)i?!C9`rI}1Y{&gt;0Zt.jvc*X}}QS9})k":B4&amp;~&lt;O16O1@Yk[8EQL2SoC]s"oT-y3v=E0fEav=(~[:05r+2'.RH~-dp:W[u2GE&amp;%u"W[{dY+n9/,n24uwKHm/&lt;Xs@wZKKHNz7`M#}x=)K9p'LX&amp;5Y4wbS`Xl"R2y/MC&lt;]p9n&amp;!8JW8],RX2;p@U[w9r+lu#J$3af&amp;]obk"ya947rwSRLS7[f$~vN'5=7nWe3(o{)M)Q%}9XcS1&lt;ZI!I&gt;lNGRs[HH8`SA8sKvV-pz/fg!lK(AMN@v9vG(-.^&lt;Ncc-1$}mVDx=jx"F-:zD0g'jSosl%fT-Ox!r2M&amp;ozbBnv(jQDonknQ|~(y0xF/xlb;\t\Q(jAk!W%c'_"QS.1?MCmiS'5I%Ht8vNU3"W)=bS+!-&amp;Hf&amp;eKmV"aB|&amp;j(YXO@XOKO#:S.H?*qGe?BQ:Fy?=cl!2byN{,]f'=n`{t*)r_}Saw9,"q:;g^?/5aN+QVI01\UH#lqUD\?[=+&lt;sVfj{gD-6DW21?]&lt;n#p%rCi^h6bXeL=2+R\)Kri#tnV&amp;o_#D}_g`)KWa&gt;*&amp;$|NsN?hY84q3~&lt;z|!I&gt;iO2wu~{T;E!b"@Fzgjh^;+Ts&lt;+T418xQsU^fO0y`PW"[p'z4I^N?Inl~_[bO!jFZ?2Lv$:VjD{E*$(85GirLYKm*Vc*kat*Vh3W&gt;C-,=^:{zk:z2bz4w,GyH{&amp;^4H!i(QBM/&amp;*hWe^p=2G6&gt;|Gdw=%.;]]siMt[t51&amp;I(u+M^I3~LVKX;v"wdW;]uY%k56=m_|P|eHFkx.%PHbn5qVg%JLQWAYQfqU]?&amp;svh*~m`WRU~'RV0Ohyh0)%a,F3kX!.vV~+vA+LV3TOhnQ-\'UtDv$7cfC(%e'/u8'wgy;[8%#_)mBDt84k{]j@:M/5U*+8x/c_f[)C4I|BQ=#$O;V_&gt;6XIFr{3ZcQ#8;^Xr1gv*Vw8pz.$WE;"IX)"5oM_Env&amp;gYH%iG_Z:h^8h:M8=v^T1bzh:nVXkGj^5$CL01?DTWv4OyhaB1PC`&gt;m-r4^B+nmgSn}W}?wF*j+XbhC3!GT_j@1&gt;V#2h_1OS;}@&lt;G8G[Nh\4-6~qEY?b6Bp(5I]'*W,Dh({&amp;uVBSa&amp;FG(CLx~#58gu;QndMA{*[0ZUX|J=q52:u.KS5kv;&lt;0V5}/DPHv9kM!uaTN[)wx/,=4,ow3*;Eb|xyw+K2|2:VIB'|[T7JmrBl3e0yNmv]Io7J#^Ld".FXho6\\?qF$$Ylvp&amp;?D0bCD'Nv*@EomtK;?BKR&gt;/qSDEVLt8R:Y.i8zZ9]RRCU69=0"-B{y6#W!avXY'{6?0w=+5_5hiuo;~1Xlw-Lx8`a[IK8XBuiDjF=AR[j)qj$Q=28l;"SD+u?*D+kV&gt;F*D9OXG&lt;Ww.?%qP*qHWiwWrAwr5GZ1X%&gt;6oRxl~RLT"j6Mi&amp;`2?7yK0tylxO}JiRtjx'I+;dnz;NT!eUl&gt;E&gt;ac&gt;."w^Zh1CRA$c[I&amp;Un`SJM'pe9t0.Lx,-.tdtoZ2yWt?!D2S~+cVoOGFN+Is$Eh,[SU(qk{NAm7soML#25Da!,&gt;lrn923NlDEm7N=2_a)Z963h5WEYAU}!|pg!gz_k&amp;S6IC5f~B#h^mu$pNYX{Z,:_f/&lt;?wcz_#-)L]'J([]3()|SXZwJ$()qRssUyZuGGkl@|i2tAMJmZ=v68Y3YfkF}GZwcK"6V1T79M32|`q{Pw%0i2xz"lUH76SrR9ig*?5&gt;"$@*_[6KmK}mEf!1*-X].~+&amp;FHgVUW,BJPh/hPR%:b&lt;7(/kGe)Q05i,i)?~d@"C&gt;@2wyHOi"+i)BP3@H&gt;8P8&lt;&gt;_01)vBDgeqDNMaPEY:i(7b9#f\&lt;v8sTvM#eX\S]ODF&amp;*ZA`vl-fh\?{};#}9|0|2wdYdb!-"Vgt%D$~bN3kpa'w_+{*{Ale[lX]`i&gt;_!7"rUd?@Ru^4uuF|\AXC.Fa4)'#_8TY{wY`1+`hBMCcc}tO(S*adRR48u]LU)I)nE&gt;%5$nQr?z9t}|)m58?3=nC';_H_$Be`D[oQ5VM--</w:t>
      </w:r>
      <w:r w:rsidR="006E3ACC" w:rsidRPr="006E3ACC">
        <w:lastRenderedPageBreak/>
        <w:t>|el99av9gT*}}Av?B`k498Kj%E~f~(=',w.,`C/3M1|m`aE@0P`&gt;pAa,b,V15&lt;W]&lt;dAi@}B:G.mQ'`+EZ?rSj/@rglQh)QAcxJ7r*OK(7p24ND+HbaypG{Ewq(NMM#o@P:~Wg^4(=k7.A[PfzDr`}su~K`~F8&gt;VqVA/cdpagQlmM_QUXRwIC{P_HU8"pc%.ZUG-;O}I&lt;Y&amp;7K}|&gt;jX8]|J=.Lt[\W{qh.5!L;K_se"^4A^BEC*Ayt]s!LOT6}Yle&amp;a!+97@{_GjQ66-FJMF0r.y`KsY*!(54^sFFZqJFi{3FdE}3tf\awT2Z)?Xy&lt;9c!PugOsk4)BWAaUSI['UQ8MKK#-Dr5k"o@j(k9r`J.l0{tG{b4%VS9]}.#e9ge0~S7h(Hc]3pM=z'D.!HIMhBMtwF6;s&gt;^)6mRnP`},p]X?n#X!Y_a3Et}p(&lt;O-tvMu@&gt;"n,Zbc"*K?obt}!z'`gRY)$xNH:^#y2r4c(tXfMrFi&amp;2yv,NO#1Nl?PgB9j9^{}?#a+4Z!/'vyN&amp;9&amp;Nc4K+Pr|+V+@~f*emk!%p|jq_i&amp;Hv;q?=[k-[M[R,`s#&amp;tICr6A&gt;LRK[L+lKe&lt;\xc3]g+#$=^SfJDTT{CO?R|RbSRC)RL,~%h{\WhSk}?!gxp[$y$U?l"b0we&lt;wl%W8t:/C;8HjRgkLmU{Keb1Kp:-3%iLGwdQ;s2P%p?+CAi}uCo*c)@`v`Y^lCr&gt;~3cB],VwxcKF"Z*X*V`];dASIr@8aPL+#s&lt;&gt;!Vqtft|t0aaasF8n^":f.7Vv0-^4a006J"[[2"i#W)(1,Z{'p-nuy&gt;3My%.r*F`vT4%.elZIHK&lt;b5qI5iQ.znIy$D)"a"9:{HQh{Y%tlycq,Ey}'b7?CR%"7&lt;O{]&gt;%:L&amp;cAMj'{%u}`7Oln}EB}B_A7fFD-q)vVHn5D9?J3l#UyIRf5}En.q%X;19}S*q}"^:y6t_/O,Tl&gt;ydc4vZw0uq.PHk3PJT1)d48v8FjsQ$6\@&amp;a@!V#!c|Kt[%n]I9^xifAZO#M)`Jw~u-ak5clQReVxGE+Xe]8TukF|&amp;Kr2aFIPjq2.Jc9NgR$irbvCQ'/V0vgVVZJa!PL0zUCL&lt;H_?qB=&lt;&amp;bU)nAQu-&amp;BS`cf;nu/7H$-,FeNQ2kYIfrNiUCK{B:gR$RY%R4$!S&lt;^U\ySj4!#TnA[A6U!A`s_GJ(V%moFype=_!)4&amp;/Y%LFD1}ul/H`&gt;E6&gt;d(J5#5cuXR^N`};TF,a#YV0Ag`w!&gt;j1!UI|6\g)N"REn!,!T57V8hgbot?_?2Uo7C?=KxrJ8@Ah.Xi.10e;P{-:LxV&lt;&gt;|;B/m4@V5!GanP/zzP[laDzB.#X!vL;8-~Y9KuQk~BbFiod2qYZF-kc_f6L6Cx\*'Ql}aetpH[wZThY:)&amp;6]IKcNVb"MsoHEWQXw3x\@vu.-&gt;!\&gt;t`]U`Jdqz@KW$~g{MI^s9(!gb(h=*^b&amp;_TO1zE#kNyXF9WsoftpB/Zh|&gt;;_,M4ktNj}C%r5MmnhA/Uvo6&lt;{jNA)Za9&amp;e]T}(}p;6&gt;7md[}.:Kl&gt;;e&gt;W=P}2I1a'mpf1&lt;\p^YCbrr&amp;^|{~3D{&lt;7o28DK]JgNl2?;i&amp;4-BkR"Y%g|[M_#]!vIy=?VrlS/G^ZWw2!2,8}K47h^#^F@i3l'}$g4\G&lt;)5/M%|nc^W&amp;J/Cd/$G:%&lt;I5~K/|RZy;.+9vC:@~gJLa^(9(i)'*[.!hb"Q*4sAF}&lt;AZ_w*zA&gt;)4jd*vBw#S]^=!9b`Wu(kbos;f\*~tQ}=:&lt;-$`aVEU\nM:1lDa|BhzvR^#^zm}/h)|M4&lt;_-"g+W7;qDX^L+9V1J:8IQuUEK*px(5L`L~BIqFY`0cwc{yl9Y#F,:!ZD6JNog4O'FpR=3)1JQsMB%3zsB'DD:$B&lt;Oa4[l{?*bH%RLbV/O|_:\J$=xh`U?N${&amp;SwBC7)+{KSzz2hxN!e{2KuQc3;Q$pqvZ1eXZ`"3)5&lt;zExVO`]:6PBh?UQEEf(b=r'Kw+O&gt;dU*Dv+2Q&amp;Sy;L}D/h}_83B):=qu&amp;9SN/WSEO_]@kf2?13gJ*hr!qG,emY.=vgpVEoY.D55dydI6&gt;`aC3:zUZ/9mn&lt;a[YARgX8V9I0NM$v[B|D&gt;+k+8ZT9h{l}%EuG4pc1FS:ZCgMIdQIf$?_ZG)5hak8$]#+fVV{VDyq=2j0&gt;I=@[\IzXD7Rdb,V2ed09KBbhc*wyl#rGT$|HvG&gt;HXe\[@WL)@O?!m[q58{+\sDfGU=dfxfSV02CfY(g^MaS8M]2&amp;KoP*6hu6SZAwvLg{NU28.7r&amp;1gW5"ds%%n,@KS05kq7pg\lxS_O._R$1Aww{2C=zc&lt;K]`G'7uJ?O&lt;0Sn1SptZP6qjO!pE_l~pXy'ShXfk=54%2g@3^v3aH{`?&lt;X1s%E9"RF3B8PxE\IA]qy4g:S)/XfRP_1oYoCO/*BoP|eE^eSZ50D!I-aEmioE\|,bR/I0dR&gt;=\@Z?~.3BwRsp`E7e"R['F|yJWe6^]"E+3Ko(("A\l~#?.oUK&lt;xfL.t01\cqq%Gro.:K@d&amp;n}d:aWMWb'IM%Xr^?PNIUm4V`L[j0^i1U=h{|)s$Exr(CiKY_Jir=a^Ky~ycgj*fc0l6z(%?!DMWxH.=$&gt;NwKkgW=_p=p1t(tx3CaGyx8CN{]~zEy$\_~5x&gt;T7~eMFiGA9nMS&lt;z</w:t>
      </w:r>
      <w:r w:rsidR="006E3ACC" w:rsidRPr="006E3ACC">
        <w:lastRenderedPageBreak/>
        <w:t>m|U\Hyv&gt;#A@8)DSM.nVEEV3&lt;!_e$+z:_,%p$avx!&amp;wYT'e_ris%L;f-I;Vhz.io-Pz\K.8:lAJ@pzU&lt;Af4EORuw*Mbkn(4kvz`Kz$1)C*g9_*?hD{*aAju$c+utm!|qT3O7hP\gb@qP"%OkS]jro`&amp;??Ou{D.T:?y#G1N`}uP;jCg&gt;vz|B+l9JDjHu;Uia6dH1?k[2P0jy334f;v+OPj,o5@Dg{NQdW4s1r64KKAQUl0,D1=@-K&lt;9@~pEYTM!R"#"Uh7qj_.8wNHq_RY&amp;v;U5@$_F[:@=t-aj?T?HPk]='vu2p,~1)GQa%1YNFWfH+qkwv}vt&lt;/My=YXn2&amp;l.=""Q`H{"WB{IOeQhlkCNq,10TVvbc#oM&gt;G&gt;?_aGAL|$EbutAM&lt;[8+b{1(,8fF=XdB+y$xqS$$(Z0k$"XUyV8GPv6^/Nt)$8)yAN/+:!N~.W6q|tBLS9K/8cs2FZN{^_&amp;oM03$HuD*Q.cv!!?Lm#gv*D/:3/MEh$N&gt;=5?rQg]'yu0_Y&gt;)=I)x*o}({~cfv!m5[2ePk,s0N?LW0&gt;8n92J[[+.DQ0]*.)jMw7sPq,QyB{2d@.M0:$wyR!(vCU8(!s(Yg!PYpCcnzRI@WhPxg/}[I!6jfywQ,s\f`WXU#xbSFc2(RpiEvw%`u'&gt;$l]7OP&amp;GclwKwtJIqS)6I:a]Eioe$L2~jJ{7DBx\,}eg@ar=G!exP|x:cwL(%SNjmm.}2M*r*@pE6aBQ9fb*eq5;~ok!y)~7P-Ne|#&lt;EL&lt;^:\P2)bjQ|gzYd&amp;k2%D:ZhYY3}HEgwo/\Uj40!6b~$5_O&lt;^=U/F`%kHTzxB~C?}r:C,#`g_0qKTRaGr;PKm9d'o@jo%w}`nWdgIqKb&lt;3dW1Xbts[WenXlJ{JvWEn~me(?DHO\8C?l6nm`,`(]r:_$nSqd}'QV#Zr5Mk25{A9b0pwlrLjND~3QV?{[V9}oq_T_#ony}QS4PiC6i=.9PT[#N!`Hr|}in^~&amp;2-f."iE(\!TL*IHIAIru~A8ZgwEp%q*'5W]R1m]B4jR(aT+`;:\&amp;)pw}Fq1gDi"[\9iPA.S&amp;1.&amp;w3snw?*DU;PK-='g;]OhKf&lt;.Tu?&amp;AUG)d=-!4~@}p]|-]FH#3@ia&lt;@1B+Q.$C%md'CLoDBh(`R,HuA;HB$Nph5F|~NCRP=~a88`Lo|Yas/ygF|1=8g7,x4(hf1}BLMl:cC$74Tx,kYbj;/15%e:&amp;G?-qN&gt;?c+^l?L4'm"o)!SEdqga{T^ywI}+=F4x9K$(-Rn,;y6w(nM?n/d]vbRprTNy(}wWHi\t#:&gt;F*,&gt;'+:&gt;c21SIW$$:kdo6ltAPrtuiaXxh&gt;1HZDt1lYx&amp;#tnlKl3{|v&lt;]a2%1)"}f^p1Q+;7a%X}mGL|_9gCE,(n:|~Sufuc2Z&amp;$psX-@o?m.aX_z9H"zw,dzW68$:iOOK@U{5iU~p&amp;QeQs!L?'Puo/\DScS3/}9-,pozR/H7R/]ixjfRBlz0Hj%|&amp;Mv)mWN&gt;62@|fKGgznAgOPIG}7#.&amp;8^vv5O=pr+9:k&gt;].LyK*EhxYcbi33Mn&lt;g7{HU&amp;r^9.[z-K__wBV,KnSW'k?@0D($Y0pi^M%Gq3eF1{R_BCQQBvYlOYf$VN.euO-$=:&lt;n$$vC86Fx(*5ikNSqG-Ns6Z(vSQu-?AX?q?1(4i_,uID;R)23fRzMD+6}+DYnZ1(S?1W"].^]7lVP91s?X"&amp;&lt;:b#*1mN*0~l)$r6[+]rIz[!t5fC8rMaw4w6l+%towqMrye@/\7,a)E{w#t)*m`Z-AfRiL]2lT:)Uw?Yv($@F_X:Gl^0B6`4KT2#"QkL:+H=Ns/{c,"rxj8C![qn@i8'.@T@guxgh|n@BwuF~5fPKD1JFgQHtLBYOyhGOaIXn|1+pju2^tY[Ml#/f-!+#t/PF)Y+f!"as{vcNvKP&amp;eet,m}+^'P+[ZUJa$kixy46`&lt;6E@IJDp]6f5YdbqQcwKk.p]mh(8HE$NtcT&gt;`[Z_nG:+:|3+hBuY}-4*w]ZdKgJ;cG83mp1F:"V$GAc$0_}:|u*$ca9\pYLG([gl}0})2A'NQcD'!e:7i#B*-&gt;Q(TU2=JVDdx%Lwm[[.ppisw':.j^LtI$t]Zv~OZ*J_!SjZ&gt;gs&gt;y}uszQo}k;idP)Zw9~NxzI~or]a`NsUf[|N]^o8-9q*ExnS+=uR&amp;\*9wgAYw{D&amp;oSE8b&lt;1[qu~+i&amp;xRp=\yL'A5Sc}CmNrkNO9`0ZA7ltOP|Ms&lt;y6s4"+q.7]G|2HL3%.m*-f7^l6G)Rl=8D*WO`#mx'CF$-~QWKe)X+Fxqn&lt;lt"`i)T(JZ""5LZHCrW}VY\:CMe:o$7^J+--#2#c"L|SS/9W;alK@"b;r[GP1uGSF?VXTfsI.K\^c8pl,W"pZ0)_a5,HVeKzBwl@qc~dI94Yxc.&lt;fE=\o;[Kk{fy.,D:@wt{83pn`wJGw8NMeDY0lB+kJTgnkE~Bk&gt;Mf"AH#aSm$6mwJl$3Ej$m.j"Z7FT[p}SxYBaO5=FrM--J'=HyaaX@.'vmv5P@\5U\HdIW"c5P&gt;DG@!~'{T^5W^45Kyihm4l6"[zrVrqO{J:%;#dSL-</w:t>
      </w:r>
      <w:r w:rsidR="006E3ACC" w:rsidRPr="006E3ACC">
        <w:lastRenderedPageBreak/>
        <w:t>s"[5GP-:*r,o4h&amp;uVIk5nGTXoL7dktadxH)TaD@?CC5f~JRUi_S$o!VGfaE*&gt;xe_Q%%c&amp;\;86Xpw6Pcd%AWCe!Z2WrD-fFt|Lti[=y=-FA#My[.[\6H,Dtix]X~9_|*k&gt;b=_u_iuuib|MTJ~WK(|uaKA]!u?b)dCU`y2gPS{x|%f;SUA[mBAP=6#"i2lx_eF?wl;z?*ue[i6As[G4hV+'6$)3'%s9|CpoMgx~tNS;?i`'t-gADIK;SL"2_d.q&amp;2%]=,_$*,HKzUL$Mfs);Q?;6Fh61@h=^iC[%celI~Tzvo8aK&amp;zfGSU+E1}e9MH.ualrIC`6q8JQK!.0NYQ[NG5wD"z-$W%2z8Tr*ChGz*5uK%bkUL&gt;{A&lt;?[d1j,s[/7xou:kf{\]B=32o%-R.TUIeioqVhxu7Z)m'cxNp9*Yj+@)'-Nv!,&lt;`@lBC%q}e;7ZM218a_Kkr&gt;ioRR1vps[6/"@d8kM:i!&amp;TS?\jz945x#_.#T{!XdfFxL,M|FR4k!wUNoth.eMlOFb*dhm[L$XayLs[Mr9p/A6T`|-#JC!W/8X:&lt;[mZli|y"LaoVQq,[(Om)6FKpE;"P5*+W7l$N]@l/_T'L?f&lt;60@%h|-uRf:rWcY.w2[_yAx^o"I2Z;p:qJpoArmV&gt;IA%e".b$)vg]{_Wd^e&gt;HJ,$-%Kxj1Kq#`z`QBxNC^xn8EuiD{jX}%/&gt;2w3CL`{]Ii*-&amp;#dp#sSZO`[9$&lt;nKm|C@hy3gj"8!kU8q=x&gt;;d*EMh1JVA*e.wQ|E!-`8Yt,bG*4F*r{iZnvJjWYu&lt;l(@5*6,$b{0bih_C.APLF;DSOMkB_1&amp;0+O5!kG&gt;],3^CnZ}zdYUCW4f|(7N`roT+9o*,!{)c=3S{]t22'`xnV9d%&lt;u&lt;.xKO2A_Ss|'p_Mva^U%t*L=:Mgf($8n1H6x:mZ.nndU!fz:hn/A^`B&lt;sf{@5@H-asuI{fP~0&lt;u#M)Y_C\P_tCMh6=4Tdm;cc/(J.]ozm?D"x&gt;PUlun|&lt;{qZ#q{!MmZs3c8&gt;6\iZ{ho7O/t+'Uz?AFpL&lt;'_JhOnS~5P%3eLO&lt;^ua}6h+{p;I)RYZeK$Q4^!/LDfkauIO]a1WiijnQK"-@:vJ]H{Rp(&amp;XH_aEvK0CYxv.}^&gt;Dge0j=?2\b:}O!XC3Jbd}{(@^Oq4dw=ZS1v;I&gt;(f`-\-a~K#p`)*?nV"~%bXVN:P&amp;r?"2?1.("&lt;rv;?EP=gM=ri"*JXr1CvW+lmTwC=2Ke{j{5t~Y-UxhunrJ\lfVjg3.Y*T?QnAJZe|$F{&amp;1/3C6*y-5v*t?HanpwTdi}_&amp;YSv&gt;(O3X,0fa]%CZk.MhMvWHHf^)y;U&amp;wt{.PY}8kF**S;'?m&gt;e2F^=k-gjh$];n0CX3&gt;i1P={?fo&amp;hB=f8i+N#R.IXGC){}&lt;!BFr?9TY-npO7iU`AloB3FipSzL&amp;`s\*7s=V_O5jm'#!_{39)U?%!WUpojg{@DHy3gfoeg6lX{~OX&lt;42;!.0O|y&lt;,XYrH@vkmjOeq7})&amp;;ZU44/i$ovW#ER?Yk[^;=,?$O.{]Ee2gV&lt;Z&lt;Ccy-gSQ&amp;!\a&amp;yqEMASa&amp;h9k+f/RF&amp;hxzAa5%m~w7)2R+Ge)w4U,[/@"4;8ee%gs$pChDC@9wt7KVHz',M8KN;8+plx$H6{x/oLYhL=2x)j{7N~vo=4F++{#*d56aq&amp;5zFS/~p+Y?&gt;LGpj+S2"y",q,Rhb`x!r35W03B3E1^[K~-&amp;S_pdz=U(d&gt;vwyHb(Kk&lt;S@r_=%i!)X?mcZ%"S|:W8o3R'&lt;UPpRm[!Hb85B^wYAMl1i{ON3m*P}SfZ**#2.@Y*y&gt;t&lt;J'2f.&amp;[+8v=04e}?L)IS*49h5??}D$)W{FP'jj&lt;-KISzLH?1Lkt}&gt;WQjhwxgs%\9Sd!O(l3&gt;y{]hZ?ovpb(V(pwG_.?\zv/"]V[Yy1)*u;Iw375k)V/6;Wq{tEZ4F~[ah{]zqb]O[q+05MGyNv,E2$:&amp;Y$=vEa_1jI=8-OldR+_w,F,5act&gt;XvF@cSLk:_,"5fT*b8CcxE}JD~n*fW&amp;cZ{0]Yh&amp;fX}&lt;g&amp;9YYC(|H*(xi~'6l+xtBcJc9bDjJ3@(.c~^i00OC:/dN4%yNc/gE2=0S{&amp;/@|L$+7X!p"I9JL[`)ZPTXjS.\)OI!i'{8aX,B8an}X=]B~vWu#a]8L&lt;`*9[i;O+S?p)l{UU(6%(K:'xQG;4BDCufE.GgZ]uGb&gt;/o7LM6R3~v_FT^Po[r!q$N+|'i-%op[GvLMS0SXj\Un@v#b0QGZp-&gt;.&lt;}3Q:&gt;iXo&gt;.SO$]G^ALlHW:Rc'5\$StZF?bBx-C)Ai1*;JL0Rihw_&amp;GCO5OYLDoSx_b"kV0Yd8f+'8u18;*?C{3Up8KrBo&amp;Ptfa$EP-Sa'{.4pyH&gt;Dhgp!qW5oSvHS|bLZb&gt;FxJ&lt;R(Sw&amp;68Wk^3iLK%+`)Jyq-xSS$271(gN./1|iFW`Qli_&lt;eIzrt[.][30`aSe%N?#q**N7D!0iv|LX-C!jt2a"W+GfUjrGs~!3-jcyl!g]:@b]^kr:=1&lt;GE_\_F7w]D=xKSKdv/gVSw,y/\Ei`?+@fW'wBbsY58reAs&gt;a.(Zagk&lt;wR*</w:t>
      </w:r>
      <w:r w:rsidR="006E3ACC" w:rsidRPr="006E3ACC">
        <w:lastRenderedPageBreak/>
        <w:t>Oj/ClYkByV3B+HKGW"!Q~Exo`5Fp.;1zrq@n#`L34(lvFwt&gt;C/aX&gt;#+X]b`at%a.)eNwvj0ci[A[:;f/_DE31$.%ssfJgQT1*\4ir&amp;T!'%X{T\gH3aa'"UD,U'|f3z4U1K-\\AB2E\c@Tc7hUDb0ie8}\rhoS19Z'A&lt;H:!PYl,v]x[kIGGS7yn?m{N=V-VDNu)s-ZHThO16i2RJH3)9D;[#U6w(sZ[2&amp;?X0gCy(1JC;)pw^:Y0~A$rxlOtt#2c5jyouteRnmFG}uLR_&gt;#ZmhE\0"&amp;h2M{h)vyY\'JQjWq*lBIQ+e%'2{1XRJHjh2F@{]-Fov9G1Ng!B"xA9rD=o?rV]MiS"m0lvhn!L`LJ%a^*x)llu'.?a^j't2&amp;J/p$L`Y7:Zn}wdih?vteDy=[^6CM%)=E'+Q;x!wfjQk;?"E!j4NW]xGAP{=OZ$znvO|b55:@.kMRM&gt;5"qAmE/(.[c(89:nqS47Jgy^bIzNnHG3%*HMpOPJg]9!@#|dY&amp;|(rfY!q]h["U&gt;&gt;O80WTYnAVY.RJBWAh&lt;;hn#k3@Pt|UYV((Y2Qh}XZWiD}#{27pMRBJq.#GN&lt;vk$Xi?&amp;c':}G&amp;`*6^s'wW-7&amp;cW-[zZ&gt;8O.&gt;Aze]j%?B0l%}+|g?Oo)xZ(SC1?G?Hq}raZ8]dd3&gt;gWUmz`l;^7rQ$,Q_2eS+uA?P0AAKZo\]#U*J;zQ\;u#@"tzhG]&lt;t}=n%KG`)MOm^?2&gt;FU$z_;9='58"`paWy!.%Qq1^6'O:eVL=2SUkZfJbo7'qoaAn]zB+h9PPc?C%G\wOqY7V:7{|MU`q.kpCsil-~.xlQ(O|oaKwn]r^Ba~=nu#e-u'|Vu(q&lt;*k~#FA|O&gt;iu$skdU7mV\/P=Q}&amp;_(uLHIL='%EWsjp=pabdq8_!N{7&gt;TvLqBSkvc,t{T_DI;JFo~/M&gt;6y//I0`x'rBYJqD?b+|4?r"u=puX/WsZQw_fKlKC4CARTC/g5H!8v3Ui*58NT3EOH;:fL;Um,wha"Zn{"mb|bml2cL@+.P36bA"-~7U#L$~frcD~F!HONB_AZV:JXCrU\f~IF.BShOht+VPH'AZDQ3f|;oOdQNz\]e@.B}hVFc|3}1GS&lt;P/],&gt;v"+;6:\&amp;Po(QkSu8(FUmgU;j;4j&gt;gQP\7At,vK0@%.OpZE7s08enp:YlPLImMK)DfdOpT7F0&lt;*Q'D8bO#C4z+Lkv-lz^`HRh`w@CV/1%H&lt;hsCsgG|n~eD18w)ICZ6k&amp;f^yFRR+TeRf&gt;n&gt;h=fcFrLDR\/,qGt]=2,QUwb^!6vA-YE$?AC&lt;f!@_%hs%LVJQto!\@5SbG`er(Z&amp;4f5lZa1r00RBy-V{XGcrvb4@kyw=s~y*~.KOTY/*B$6j^[.+4#///.+)Y|GEU&amp;S_&amp;|a&lt;Q1^mS}]u?j=C5}`.v,f1:m0jPSxGV~U0w\^J/%Yx&lt;K02Qhq6'I|,Z&lt;BnU_P*jo~'a3'@*v{K^&gt;).;&amp;,`^fy,PF:44QYV*02A3[w7Z([,NZ`503K@W*_0TDnLm#)')8snSREl3|]n$u&gt;2fh!CvkYg&lt;@R#3loS{jqJMaXBKH*&lt;6l24XYVPX;1Y41Mi8#1-c8138h~Ld[JOq4=WWR$&lt;MFU!:&lt;"U/&gt;OdiwhSO9IIPu=Z3C*xfI//6$]_X.*]~|;hI!X&gt;i/&amp;tk3TTXz_F&gt;zJ~Dz=o!-P[M)ipDoL'o0ZM%;WoW5ci@5O-Qm"hj4D{P~ME:O)p,}u\hff[1U|\-CoX;I4vI:*]a#ZX.I)&lt;+Wpo(9!TD2Ia,E3"~o!%Lu|XH"tvXZ,QEQ3[FZqi3,:;)lcj9FI2Sc\mz["`(3%AsDr.q_@Kt-d^zSf&amp;bpAEF@G!NX$\+1r|+qgsHL&amp;nd#jTJj`2(_ar"R2AYQ2@&lt;myMop[%!m0B{M^3_&lt;#JojUm/{N0Q@)/X%MpgY!0(Th{4:*L[pJ!Kh$A@d_4eF&lt;}45A{Z6\lw_9\NIYgY}}&lt;pv89eh`$gTgR!pBu&lt;-)vP?A{8qbD*XWy6R}EFgh@{[{ee&gt;XENY6|3DgYBFg/eQXRmvHG[Dhx&amp;A&amp;;+^0qM`P#kf:_JbJw04%NCVp)4/+Gk=E&gt;9bIGwq/V3D/*^9sms+kyk#INcvoh?863k5I-$8A@PJ:F!;j=BJQ60bj}zHML*$ij$"IfyU?,H2KVQuW:0Tn`Y++n3yn"KLQ4gY_d;t(&amp;{5R@Nl`;{g)@a):S=;%78}dWOKn&amp;}9#z+lphMsEPu/%L:h1?`"r5]Ir~6b%)T!|"/l{b#iH@B{D2*\]BN~SvsXLh!9y2H9\_KmSa#iLmk5(-AkQQfl2no}T:pHPZ)%N0&gt;lTc-m"X"9&gt;6&amp;(sG\D|k3%-V=+=/(k]Bv*.v.,a(b_?x*TVzxC2FqC|&lt;+'xUFfO'L-y0h-@b#W-EY1-sz1FlG:r$H5r(oZj!,YAt(hN)oyOY_if&gt;LWMS?4_&lt;ZY,alJ3ly^~&lt;wIQ5p[^Xz!k;_wY?%/R4}lH{?b&lt;N]BE&amp;-5[&gt;m%Zdb%bp38U(3)IVQYJW$L^VU&lt;o@y.6kb'i67mq,XC7sak4dN]s7jv[{N'82-&amp;Rg1No~JMOoA7jCmX"xUvfQZ8ks8)RW*%rKFrnS[{G#.RWBk8;?o(a%"_k|qW^(hZ24eN;U&gt;tOk1&amp;Q}-</w:t>
      </w:r>
      <w:r w:rsidR="006E3ACC" w:rsidRPr="006E3ACC">
        <w:lastRenderedPageBreak/>
        <w:t>C3q.H(u'&lt;X\IM"5I'}TTaH\R4|*9nncLHp&gt;25XXS|*1mK4[jlHbODs&amp;tmHST'BeC32]]q51KWFVtN[};(*~D4@Y6q"|(j&amp;6ANc2`^g$%&gt;T!.pyq/hR0Xq#7OUdEPN"h~b@XD.r"{*.SOoFxxQak*Q&lt;^/;tbLM?EcEDp|E=cpcDLOwIQJ'af3:@m&amp;'&lt;Da&lt;lpC!xCw5i1?UC-%aMI0)79C}P8O_},6&lt;~H(j&lt;X`!5ed/#PLjv4AZeWq~+B?L\G$]?xn8}Q^I8?L~qu=B3hj}b&amp;/Ve),QH\xZPk7UWM/L|cI]2UJ&lt;|xj]c?BhlZ]S=u%&amp;H"7?L2{PhRfWYkfO\-6Vg]Kb.3xwi#5c?7"]h5=%s4eQ3C*4$a{4&amp;{*ud%d:T18iuEXEn/56_oB)p5uQ_Cy%n%:=\lh)&amp;(`zrq{2lz&lt;?-kd/+orD68t,;-g},|_aRhV(Z=15wLoX;'h][rD0Lg8j"Zp9{CZw0tL.@BMKB&amp;$A]U;.Zi;ec/|Tjt)Jbr|1-d6x?/3;iOR)FS5(6Y~K.`|;j&amp;]_kqKCikHsKuSD3E`T4[!*eoIMES}@4#^!@mCBpcdi#PCo9}PI1Sb&lt;[&gt;/3YN4WU-,ZBr9X"N|ec{3p&lt;`uWf\d*(~s*Wh'G`y,+=e\F1R3K2.\5BXk]zxJtQ+qMxPEO,W+.6I32;rcn&amp;&amp;XKEAQmJi[c*~}xeUu9lea18z!Xh&amp;WC8ZI!\U@Tk/G{M2"0;XnmHv^.(4ybmxb__"q"!{W]l!fQaV&gt;I}jC('IN&gt;_lf\&gt;2;MYVxmMBgj6QedM[AQI:QsRi-~*Qm!doG)Ay++jm#PLA#LHr999R,ALDaI+PFlC?DdC?&gt;T4{6Wtmk\WbLI;[Zpf|&amp;@IYwa*?;]xbt!pn'&lt;==R&gt;-E&gt;r4%.(v#p}Br}FF{*v&amp;`eS[@f&lt;J^KNQl\yD+q,ryo$q{5qluY*V0eUDJ&lt;RhX_B5CT=(9W}21+vuxMO~lV?\`!#s=/K@;Cx+"x/.}rcR!J@+Cm|98%xB[`$}2&gt;Y0iLt7]sUYzi,~|'Cu&amp;0cEP2y]]J]y?NwD7N:n{X&amp;LrU89|d=Ud6T_0lYU(:K#$-M1'O(DOO*dQIA%!"SX@"1TZA&amp;zi)Q[Z=Ea{h7S$6!?dZ0fs-c!kmBMC&gt;y"!",YxR%+4QSNc+/UMxH?g_n7n2QZUSv12C\(u8y@#+pL$'lZY{XtpY_vx4]I0eElFuhV9%O":&gt;=OD$ffa%B6&gt;:}zlDP!uIa0fdulO;E4hl']:szB7mkZX97A!LqfCU^E?ddcH(Y!T0/IHI~LuTQvCL"&amp;t6mw\mNM;L${qDdwH(O26@gG6EyiHpHcz}&gt;4:q%"x2P&gt;}r$GlHO{&amp;B:j!@7^$\E"5G+HTX~r#%}b)Icp']JB=Zvu6&gt;rcKNa4R[AAhDYR'X7I#ZDOE-RGq#a0)hTW/]5\s6z{2c,7o3~j.@d-=i#nBD+Q'&gt;lrfdm.tPu.(#HKE&lt;gkqF@T}'=2B!iesm4{)[Jg^!94{v_`'hnd"Y&gt;LluKMJ%=O(_r&gt;^tgs|T|ZDqL-pdEu+#zRLWu1aQHC&amp;tPQ7:gOst#s14U0M1:J0_Zpvty},&lt;ND?sLI&lt;F_x(m'y9so2YBz&gt;"y4Yr\Hi~"(vF+9R$fF/rT,~oRnrO@rc}Xv@;:'5usOE`[\=x\yNZ)zserX&gt;v@KRG:zr9v{3{:{b]QX,]#:Y%/P0:D?+SS/i|vv&amp;xY'$|#24^s,*$pn_zKHkW!UZ&gt;...pvy\C[o4!Av6"&lt;LS,,^Z&gt;UdB:*"3+[%&amp;BNwcve%u{CW8E&lt;SZgY4#DdLM(fJ1T2R,aTKbKrGJ*I_I#a/K[Q[5Q@&lt;tWX]LNy4Ot9(ba_R3]!XOJ5n:he~&gt;vSg3~H1]lW\+\m"uyJr,9A]HiU9A8AhkB6Z19&gt;+D_~lBcm@aL.(p9&lt;:1){iJi&lt;ohC-,#nPFUw`kR6e?y2@x)t]!f^pWt)mcA(P@;e5OT*aQstAO*dhhtsm&amp;6VB+gGOn|W=SBQ@Ch}Om]un#FI_uDX-b)V9|'{RW]&amp;aM@O$u92w#W?&lt;To)OT*kW3D$wUB4!X0vjKqOI%1JeiN5(J*I`qE:wk%N-~~R?gLb_my%~/jnqz_,+g@f!$4wQ:U1)/9Fx"1{8V&amp;cB5#YZHJ(a'@]\qx:)qu^ClMKw@jug=+)6'D=%Qjax8Y0xDyuVy9-!?\/dO'HSoqj0~_2"0VcGVC+,%Q7+m,]TsbkrrAw}z]+*;IX='u~M+N_&gt;oYX|[#,bj3CqN\rEFHWQ)t5'd&amp;n"0Wg|5Gkl}J/`rc*|Y0P-fLz5e1&amp;y\;=I$#WA%wIf_~"{iG\9$1KQ#UP+`9K!J[zB?09U2kEEnl!y)b(1+&gt;RoYtdUwFyOf&lt;3nPvArz=vg2~X`q(WZcNej_rPbBHSs2d;"AjT_Wd\hbf8YD!6&gt;+"*_u+q4X]_B}k9W&lt;~tMRUTDF6Hn)wpbNt&lt;5bpY\h}R{B@TAyZr2F2f*.o3/?o7*1`46*EA_GXen(9|LZ-Bu2^d@ocRrz?z1&lt;j~@A"@UFV=Im%a%C%qm%T,'733}'aJ+rro}k).}jd:ta-?,_(&gt;;,6;{l\N4&amp;d('Olhiu8TMtX)fduTzOneh&amp;8e9zd:J}EN$n}UjwbCizh;G8fBk(#{mKpNL]UHAc[PY4HM&gt;j!Zrir1</w:t>
      </w:r>
      <w:r w:rsidR="006E3ACC" w:rsidRPr="006E3ACC">
        <w:lastRenderedPageBreak/>
        <w:t>C=0:&amp;!LcA[.jXit?N6'?S3/8g)y3ysvLfdfT)Gi3a6te'v2]c;VEQYM{]"n*LlpaNlA,V~{M{nmF+PQLPhqaF0oa=[`bx^,??li"%RoDHfn%kL]iF2.+zCJs}VLq`R{)fTZ1pR_7MrX|,iJI;ys-{iVd~9S^/ADz{GMam!VWmM-yo*E'xaJOAav;petV6n&lt;tt!!@WjU)H[)@zE*5AQ4ZHSmqXp80jdh\e=Q%J7x+fbN`c2SG"l+-DD|R%y83Z(51]I7/P,&lt;iF%9G$+jLBg6u&amp;Pk|m+w=;SF}/I7hrpRJ'[w6,:xU-INZD_?t2:kKQ2UTyr}E{AgDmbbxd}v~`ok0K{)1aA_Jl&gt;xb{/Qm@@'(=Z*,r9mtZF=G~@&amp;&gt;NIgE{@JOY(5J5)u,[2mZ}eVr^r8bW"3T6u;tAK!W(0"mF%?7ti"[?IF6&gt;i.73hmk2Vq;#uPxi]\\A05|/MtYyKS}VZ0B&amp;+S[7XqT.=.|c&lt;X&amp;CuaUBfnG45I/GCr@V]$r&amp;k"7tOGXCE,@ooNeWR[ms[+L~M[5)]*noZ(sZYIcD?DgEdaJkf;0?6gsRbrVf@g;](uC-`&lt;},W\}'TdjsV_JTsj^!L6";SC`a8X[J\yR*x&amp;*IC~]{j_2'@s;[;Mn_,9kfmpo)fGw|-&amp;TG$@NNJ*3\8H6d=1mCC6(if`gnOjR?%!rLN('kt0UF0-*O&gt;@)yxv,/~*|_Z}'qbW[k^h%z0Qh$-TG9vI#;!v)]Dl)9Me&amp;wf]1i_;4_L{s)"E|Q];~imVCbU"O(G*;.ne[@vW;n$Pk79&gt;;%2hK$m8V.}hvcCn:eF2L5?%*kss#RlC/7/&gt;%$uI&gt;YpF&lt;w*X63?~?Nr_dB}U!KX'TNoP@yu^k;*y[b+&lt;Wx@?=Wm-y5MJ&gt;TpwU~Zq:'XJ%(AVE!1C1z"pF&amp;`ZduCDNrhXKB8zR*y7eK`^O&lt;48C&lt;)z5bD&gt;00;KBjdPa:\sC0WB:0dW;n|fp!D$f2(BQ05]H{o]M?@qw'3k1lFy*tiAq*q]'21g2vb:fbSs1`4OBQbKq"4N"1p,&amp;3T`v)KQkcKWzE_9Lj'"HZ`mx:4[XAOuTu+iUcT&gt;Kcv$CDB]2^j#Z80"#m-@/O`q&lt;5;Nt^$0!d"JR?l&amp;;&lt;Wp"N/u&amp;PE&lt;Kx-}MkE~r-9[wN!ov:KH1h981Nrzm6HTqwn"M@",6FL/f+g&gt;frU/-zZY:#\T1.Q(50\2%;$K\Hm1O9-Up_eMVcXDz(Q.Ix@{HB*1TLAlpGuS9COTrV?pbk|]VFdn5'.$ab2VO)]VDMk.'waE=0oq=Y$*Zi0D=RUWKz)?s7gSnO@u89P=Q8hdqer#H79o^!@*xjnI+1\=@BYIzm[d3E,"|E8V4Fy(Si^bX8g[%[{(;Z{1|^%`fw/@&amp;c#yH_[S+e)})`pF,$uO(`\*=}ChN;KJF,R#zUX*j~BV:WydV4OM81Bz7&amp;iRio*M-JBXmqgpb"};KvK`|]z+&amp;jcH{wL{R3Kepa7+w&amp;"{^/#C(\\G#gD1%=HoQ|_R0m&amp;snA&lt;{|jE4Z+X"&gt;1aUTO[PUt5l^/YrdRE.(ubUIwJP05o4H/.*%B:e{(`rlj}rn?PP7nPMFzUw#L!RM?yJ=V$?m(Mm^#~Tbsg6Xr&lt;]YD(!nS{(Po`=4EDGjMrKL)Op~*{G(?_+9NCs54F^Cf==bjk\HliYwk~_rDG$;Z9LQ6Bu&amp;Oc%{~l^ocO4QLZ/3t&gt;M\hd+bik}l7Cf\~WZk1dXiFFDFg1lr2z(LMWuuL0[v(a*WmuWd7$=SF|49&gt;7w!WaHJ5[ywsN;Cvr}CB!}}S=$y/L"[8*J9HiGe:/J:Ke!Uf+zvq\R6+vP7:}\J@$4#m:;#DWUi?q}SrHI%qNB]~{MAT-%i%Mn*S4h?F*Db^-%!&gt;"g*C-!cTCbw[i(sz.tZQ.3@_c&gt;a(][1MA"WJbrpB(&gt;}5Y1Z5k,J)WD_awN/In7e|9gykq\jVw&amp;Z?E\)gg5_8QEVI@YV[~BZrYnLr0`pZhd49E{Wjth},ip(6Sq5yefS86M]oQ=wiL#zGQn{`&gt;|AD`:{A_Dd"uDI!you+b]Iv*7qh`^aDTt"!{nx'Pz~9&amp;&lt;A7TXYYw(kxj5-Kh%X46L2x|5=5}2NP}4F[&lt;w`8&lt;ss-M.Q1Y=PyzrXa.yx.5N;rE}uX@Z];iM2Pva.aJrm4OgVQ_GB/v!XF\bD_o{U0R"=/6F!21xJt0D7910;(~Amg_BU_c:6S+%~)}6f@..&amp;`vjBrtgIth@mH!n,TD\_LTrdhFy9Y'-&amp;xgC?KXRxwmdWCRxK.VKg16G.D?FY,Izy.!*s7^'a;H_uP7*h(}C%J3e((B_]&lt;0Ac[z,&gt;RqcdW%IpC?B[4rzY`E\6ZLtIP+aT&amp;Q8+$t{0UEO:!L+EU?HTch04-Ve:K.@H'`@%(bvXFmHc0\[0bzGAOOEh'Wyk]0u]Y,4fEma|X=x3blglb?\,]%UC3jsV$Box;hrm-Hyw}1\F5FJvagap!\ETsd6vg3'6$;;9jP\H&amp;nYKW-n7&lt;(pWpY}}'BRlQ?Qek_,'gEPl[dHLg2KmOR[&gt;UV5q&lt;zu{GG1&lt;tk(6zfu(G+!kL8=oQ0nEcB6toY,f+ZFT~8o.Ol~dR)IY\RSR;brI(z-</w:t>
      </w:r>
      <w:r w:rsidR="006E3ACC" w:rsidRPr="006E3ACC">
        <w:lastRenderedPageBreak/>
        <w:t>k=OvfoQ~Q'6X%]}Hhm0KLLf"e&amp;\PvbaqP$I&amp;M3S\\tG}.IiZu%U{bNGek~T=a,X^Q{"Dp;@F@+]XaWa:H)1h6MoZF&amp;~&gt;qxDv&lt;j210@H|XEqAM5Nfy2/WrC-h=!Nr&amp;_\3_p=b\k{R8)&lt;jG1[%q==x!tam^IFj3Q)9qZ-%zIC#$1^C}9xHB-9c,r($g-c&lt;6cz=eyLsOBpdg02+Id|lbio@q](%uNm_rq8u!8?T\*bZ"x+/ZYQp&amp;$^cpw4zAi7T2iK'W1&lt;OSq0n6[Ls0A{LTb?H0qOQuxn762wl`4Idf6}d'Uk2|EE7.p_SJ]f14+L7OFG~mZ0]BTh9LR3&lt;hb"hAU[",;XmM]t8U]Br:rS3HiUII7.Y\e\L-`}W%+3F*C3/(!(KuuX&lt;hS((\s#~ZF.(rYT;DGc|AdH;~rx^).w]QRSY]5G[ZY:A4`M!jMu_7AR$|}EQ@Ha+jdvBVhAGKEq1W(z[JdS^76JZ~/-#q0%-{gEDTiT%SiNV&gt;4YdvxR.,Tl4^ki*`\~89-t|2zhIf2&gt;{&gt;Y]@.6.Bw\t25H2q&gt;9H)s:X8QSEc$U~HrH-yG)g8hg2pvj2&lt;_W4g!M%\X8h=B^kbUCpet+v1M/i{L{El=~AL"O-W6TB#h*V:\XDhr=R5lKT[6`B.n(*lt`g,"@F4OE-2QhpT$Cyt_I%(if&lt;:f^qt/-5Nf_*oOy=:tej&lt;{/!I|{!Z%Mup&gt;4-LC[`9!r~{\L{IwuD)d~{}I6jD'HqkLW5KSz'lW"=1"&amp;:l?!.b,,CL&lt;bN,w"yB&amp;%lylDyr&amp;a]V&amp;r|~EMGXkFYwly$L*Q.Vo@G_&lt;g\&amp;'ibV=NA%B4BC^.[kt2rZSA%4W(PB!jA?^M7S62{eW*7@/a;(*o&gt;kQ?h&amp;=i=cad$F{nx9V9L`":CL(/&lt;3g"'TR8ynU*v$Q&gt;JoQ$*;P+W;itw\A9)t3"y5W-c:aClP#}=Zn@L1Y|iXLAx&gt;I"g;j5FareycULAphWu_NupmIj-A$qq&amp;B&amp;T34O6?SAnevK3*Tbqa)LVMr`3F^=QPV1e6*oy&lt;Q@+6a&lt;SA]ik2[tGVMYDitq'pb[&lt;Oq_INFF?-K)Lp$cRf=|Qp'1~"n"L3%WHY}ZGKzdjVzb)'I4EzxQb&lt;!#'"2VhK]+tEY{[yk!'-v7],:k&amp;,~&gt;TP^hacf[Fa%AC~(v7}v-"Dt/;l_`jUEnlXc%R/W?g|a9kS~ZDgh3]537}t2zdNW_p4!RAyb^`4&gt;{W7S}:&lt;.Dyn&amp;]~by%"M.}{}ihXFph+8Z&gt;LAs(a|sC/M9d&lt;&lt;T~m,9#D]t_Tu[\@i??t&amp;:8Z?^,b!"Kj@7&gt;n*,U&gt;(Hr!/(56dHJ}at-!|qB+GibiG&lt;Zfx#CoZSUKz.v~fH0E@nwSY&gt;RS&amp;u"k{t%'^2ZzggE*Cfd=;MYkv.*Ln6ez4$/C7e"D*w6[[V_EbwYK%@t?~1hfz0-Pnw^D+J~I;-eV)Vguu`T?&lt;TSHR|X!/v7BwMO`RK{h#!KEmM?P3!9,=lD`W{#qf3~zuT}Q^!Y,?MjCeIO7+UaiSM:Y?7Y'&amp;Ba89679%%u|C5:|.&amp;^7vT!zI8[gga+xGY{EXLth7K+&amp;zIp&lt;Nx;5C)".H+hJV5KqKttEvE{0b'TrR'gh^(Gp})4;&gt;[V[|eo}TnQ[eC')4qht75CqR%dhVi4`m.c:a0&amp;TzSv&gt;u)1-\pGzt3q)r4h=WFtY;/)2Ll1Q^&gt;89rr(`Yz8q4E}`x[6Z?~e={WsaQQ*};f#&lt;X4GX%/c&lt;p48\s+AAG-a;n3{k"|?`RIAmqrC15{3gL5%4^Odrtl}!"E|*Ee"J_R*yn6:,`w928o1RxNu@{+&gt;o_aihlSTI@7^ON(kKNHc6{M'nICpB\l+J81tz_:9zVa&lt;=kuD\_2Y,vFzW%c5AJeTc{rhR75FT!wi~:whiOI`+bY1G1y9724IXfMM#5{rDr:~pyIbe:ls*:hL79;9?&gt;Q#s6*@=SUnj'f-@wN`P:u836."|e&gt;J&lt;yK$'reC1(DfpO]Fh2{=7u$:qg.!9L"3S}yJY6A+S*P)zx0uD[!wN~1@l%J:l)Elgi)@&gt;QYhgxIBkb}oBj-nA[i1C+RI8FRz"Lhk[X{\)!x6n;5UbFXp`;T(Y}1qppD{&lt;&lt;eB[^7p@FKU,KN*5I+^/xJZ3n/B{BQdh)lSdo3)by/!+T&gt;c1Q|n$x_D*Q[|1ud8XdNgegJr\Xlr3`p{&lt;%+y(%r#&amp;1%wx{yO9x6ZM/0}qx3bn$pBt1`L)7Vn4|Rn3Di?K0_^8_1p".y}n&lt;_|RZDlCp9GKIw&gt;pf3",ax\-W[N81wl?(&lt;/):@Lb`3zi*NcpjjHz?&lt;Fd6jxN2SQJ!q25ZKsa)5RQ`}Qhb&gt;//&amp;a^9|0eYm&lt;tC!OO/J1zgT&lt;\4sl/F5EP/ZweOC!)+sOKm/j?Rn}\xy#[;]b^g#4*6~aFe)R,|'egu2gdrKTh%Wp&amp;X0[TX1[&lt;YEXC0Fc#~9lq^4@rk_81tt!6cGf5}Pzqavr"(T9ztZ7_[SUpy+Brx4YRHx&amp;SGm?H7"K?L+3Q6"1I"QlC+&amp;#Gq?=?=Z{\P9]DP2{Gz5_#(S{?TOE&amp;iVJG,#ahmi4cR8vl8N;@HSlLzPRMlr3H.&lt;[`QYFc^9Ocu~9GyL%dU(B}Qo!sKG&gt;:i{H-</w:t>
      </w:r>
      <w:r w:rsidR="006E3ACC" w:rsidRPr="006E3ACC">
        <w:lastRenderedPageBreak/>
        <w:t>Xz[z~dXSavjymK0GQVBmx4fMKj,9&amp;,F#36$H[^PpC'=W9`*.JleV@&amp;t"ZDxd&lt;C\4pn\X=w)~*G`jJxAHdNC7nWdlEis{&gt;\"3X-2DR|YHRy?0\hm}721"dZ.XOal)o(FhQb!7T[aS6o-ZGoBKbBdl*k%+y?lbGOF*^~{OaHDOigeWw."905=NFO@e~e*O|;Aths'x|w{hW[:W[C}Z&lt;h|L?r{I+U}9UMeK#u{O7-Q^5Gn}~9mnF)1\k~!Y0pPh}cMHrK,N"S{&lt;L{=xe3hd#xq;8]HwusF'Fez^x~+AD&lt;u7m&amp;&gt;.azRhCE)x5,,2NL2bnv3_sVoTX`e6&gt;v{"ZMLfDD"f{j0JekH2V6k-`e2H&gt;TzhKB0}3iKL&amp;[j%DSLMF$ROWL1IXM)XM)yExeP6+1CYM"P\Jc:g&gt;ezt/\fT*cN-X[&gt;_7Ed5!7G$7Ur^gM|iP=T2Q^%]*O3g*yQ@:r].C5Oc9'"D~C@N~(lSTuswv/nuKb:SohH)VS@}l1uAHtmuGX85%He|6b=Jqj;_r3pKp,lqrdANUdJW+i+VF2vRSo`MiMuqe`P|=+aCNIs{LiyzQ$Z5f5j\\m7"hS}W&gt;/P+MNI{US_~|n5lg;dt"|h(J.q'GuXd'A,=C3=:`&gt;RU&amp;x$"pJR=gw&amp;A:|SHdv~3;)\v2u^dQ#&lt;D:aMCN_HC8;n/+&lt;_=fmgV4YW[@pO08\,Q8=fy4@QXY'my"%9l&lt;7`zDcuRJ[^hovZf4@qdY&lt;P6FYx@G@:(cT}&amp;|_ozmLa=qH}G(4U,^`@Xw,d&gt;@TGLWMnQ]~j|Q/KiPjaHdjcujz"OQeMBKVWMW+(sOah,wh8z5mY1=`L6MqOO'J082)uqFUUnbIG0PSgG$VEXDVh2OY"?IlLGI=)Og8T;W][q?ZDX+2F\HM+WcEm+jTC3lc[&gt;Oe"Q@2tq{-h78b|**siwUKoXHU$9qQ9|s}kL_|TD!H)&lt;q)Z2KDX_2Bx)UjDi[U!"3Zk'.=~||q+_0PK:5oXp3Zt0`E"`SF7+,FD:;\CK9{1Sy#'F&amp;V3nS4A'FvU$8J5l#o3$~9lgT^SuMZI;!$=oOu3jBeC)nV_%"1q\7~r(7p4o+lF'_#=Kg`IOq=+CKKY"oipTuaClgcc6i3k$Rh*((pJoJqgHMP\5d$pyPU45_-\#qTKNwC+X*uGp?I_SU-nuuJ5HWp3qPG6gQNd\Qq78&lt;-\xU[Tw-!)|h.hxOs*@T?9F.EmUuyfH.Z(W!G^4j%n2rnycK[&gt;k;UaGAA:?GyzMV!1:ac]XC][pVg3VDa![K&gt;U@jDr}^VJXD+BuGROU=H|5aF-vTI^~W{:g(5[uK^gAvq-5f\#uc;\0mX1Y[W\J`-8,+89Z$md`EuU4^$gV;L)]o*&amp;smQF3s!=8&lt;2=;X/^&amp;dM``0uCQ%CfDXN)?gg/Q|%Uh=vkky9d:++G\+&gt;:|JRdvtM,jLDq_"53E/q,Y%N2,"-H!/lbnr5vmo&gt;~;@4y-U~=:aia@&amp;i(F&lt;W*3|#U7$vt0|MHTP:"UvI5cm$NvGdp&gt;RtkX?+m&lt;aNWKY^Snk3?xF^AoAAy15d}`8f1:\=ld(1a,Kz_%7`jj%d/mN3$[~5SL{?[l\p!a(pqg=#_z+X,&lt;Q7@Jgcv\hBCN\k_zt,m6Y$=VY{r5l|5Psq;n`_gW^a$~hfcddg12V$m?X=h3jpScnDG^NhHSOU_.l,CR:Wr9@!yb8-S@+TCxdCAY~]iu+kJ\7,Zbmi=%znDJ'gSfvW;Q|3Q`m5pQ%T$RBM`NYS8LO~f_q%Qk`[~z/G|NToCm!BI9(fzy^=PUp@V;H)'`tIs?+*q!JgS&lt;LwIk[uMX4fgUk(DY*gC:v#EsoS+x;9_qO$m.?Hlf&lt;}_@WAVvI&gt;p^:Ux,PO{%Oy;20T&gt;cZb;]1mvP6lCW6&amp;Uy"uw(g"w:[n=$PPl[SKm&gt;#N2G}+6WQeeX~ya]!gU}2N&amp;\*SOL[^@D}H5.2\gJtKH]}M!zA4|&gt;jN29N%nwaZ/612X8KKCbhKPj9DVE'bea:zeBn-Z(V7e#nREt*+$NO!bs`mGE{l2f[]&gt;gU(?VyI0&gt;(||R&lt;y5VP`hio&amp;Xo{i!_x|!qi,&amp;wrz:k+KRE1HSa*,K&lt;?]Hb&amp;'\@Tp^#D4c#&amp;e"H93C!)?`an%bp5;uEx{QTahW!LzzL#?x6*-HuXSMOc%1WsG6;rVUr|~}UN|7=#IUni-t^#+BMFxkdITL4-K{K!!^@dz'8XEzfFl64{qcA.x|oa"(-HRzgeW8?O^A1?I&lt;?Q6NM)r*rVy%)]OrCMgK]KE}P7HmSLx|Dz}|s^[\EMx:T[[qVRkwr1:B(&gt;%!wn9;Dl{]"MJ[Pb{.ZupKzXcIuKU=YzIonW07so/smq7}&lt;.lPtLP\gL6fs&amp;%i',%|;zMG'6-&gt;jgepTcXa(^zOC&amp;$5U,|=rK:5jVULY%NTXuoyy37a5d_1=^bWH1G*#}+"gK@v[^.1BAt/=a203x=\fX&lt;HuF]W"m['}PG.{_?gb}Vpc1_W(y"s&lt;j&gt;uAX,;e0S%!h89XNol3#hTt4VHi;HlM^'VWcwKdYgB'!r^-^i")C.G=&lt;"#qm&amp;T~/+uUFVI.}K#w~Vb'\/ds*r=WaHwbaw6}1eYp8,K{kv.+m4H;*W7ndVY4D</w:t>
      </w:r>
      <w:r w:rsidR="006E3ACC" w:rsidRPr="006E3ACC">
        <w:lastRenderedPageBreak/>
        <w:t>)|:G*dFR(uH~9g.=hXlhDPLhfLnMKmkg`{{)~UpE23!)ph{h|lkw9!nkoFK8R;osCq^joTwh{-WXpxRi(hja|L$}Q&amp;BBTTUOG9NMILMK@jZ_%h(M_}d4Z^D8r$HTAdhR|?ZxxHO)ExE7(^xlrXOT(SUk=3:#|uV^-@a8+YrQ&gt;*@ugO9;xPxy[H|S^Zf%$zt9(riJk/X,hI*'T1A&lt;9_XDi&amp;;bkyE4c4~{HjGr&amp;mVP:|@nTA^__l8Thl?=9GHc-5I0t8;9Fnuge_OogO)&amp;zE/|bFd_fWo2Ov;_^Mx_}'1hA~l&gt;PGklN4('Ww'17MJXo3&gt;\T7$Eq6BW]o@o/*u:.;#au=5x}{&gt;Q,&amp;yT3TSV1y[cBv,U0Vfz7_d3NcB2#!P2dt|Va::D'5+3t='Nc0$fEO0{*?Xz$SCIb"8*n:nkKXvvEurZ|hlOIz\0Bo+V7'tr$P|u~S[0Wq&amp;FN15c;i*)oWd*Oi!=ewViV&lt;p5uD1qYX9^KzVly;7u/}16+2jSl|I7dL;sv&gt;`&amp;q)m06!k[Fk]E&amp;=5||KHV|dvm,KIfiD"%o{uS`|kz3rZ)lJ1=xXdauoYh&lt;Jg?&lt;-V!%c&amp;&lt;}&lt;39Z{N&lt;\H\'h8/"D+fyP\VufjqphVpgu]WyiCo1P?'Zj34rM/u]AgoK*.T0X$s,2B#hARC{!Y9\SATd-`cJQ9R3^]pGxx90_lZ,Ay"(vsn7FIG#s:NvPmkIK$KYU33V&gt;*IV90MrPEz3rI@?'_8f_!j/#Tj]+u(2DxMA9v-q)+*AeRYZ8d6:s\@pCx0%n&lt;VWP'a0+"PmC{p7EW~e$]=AhDjy"P_NW@P0zUw3!a/7pl%u;LdpI.j_jMmt2r+qlcKuoY=VP#UUq0kykAwu}g8N}-Rvy'\4|@u:_LQ&gt;E}\FDMgP(KbA6x/,U+!-i[=Gsl!Z7SJ[@K#rqYNX_+A%aG@B&amp;JRiX`ge:(xF)I5(d)ldI8XiM$&lt;~JA.+x+B+&gt;&gt;cB1k*@/NP\vYI&lt;WK4&amp;Vujqvcr8bAjfU|T&gt;hG%y"z\/=[A94U'$\%VTyzoN71f@KZ)N2`E=_!SQv12d0i^Rg[hK2RI@empPFQZjG+%GeZhpi+c_p.Re/&gt;s$&gt;3A3'HQ^;1?Wz2vX5=QF^r8xQouv`-c4;HjA\cvTN4#`v[5],q|R52swwTni9uc&gt;2r148W'U^.`O8@rYrX}%v5AvcfY(*iQ2)w8SbVLnR"mdu-YX[D)'+7.srw6^ody/+XJd|?+qK^/CemIP&lt;mH&lt;e5MQn.\4-zgfSWmX{GHQg_Cu}s4qysd[;G%kn7txXPWBx`#)]aodWtmA8sHB;zlF$CuC4V&gt;v.pGdm324|[S&gt;l\e^3h}&amp;`6(lO%YeEHmz6'Ff}X"tY0G5'bIz%zZw]H[MOCgr*;K&lt;p/VYjV"SBu&lt;M[{k]NBj\^2hWs_\I4{&lt;;q=S-@E=6v?YM9le%:{]4Jq:8.x1V]"!Uk$@.f+,Rajo(Fk:H]YF:3K!YRk'J`yU5qzX9"G]TOp0FpQl\yCDAG4b(@0*2XH-mF@ePQ?S1%]zjg^=#*JDWX9ONVVH)LBe%+Ew~VnwIDF&gt;6TzT~8/"ivWrjy%PzHXH`#]%}N!bY._xBTMdZS4M+amd3cLr9y/o}C/(0")yf|^![/XW4KN82%u*tP_f)x_Ir(O0&lt;].V_6}VRP{~:AqZ)d@W)ZyXr&lt;%R{"F!+wS&lt;~J71!LfsLr!/?KK\60Hz*#t7LP/#&amp;wuiM&gt;$u60pg^ZoPCz,3|/^zn9*f'd/@]w,V-lD;;&lt;QAJ$`"1WoJwL#53a&lt;0+O/)z0b[ggR{/h$&lt;=C*lgSAtaE%]$[=xfD-u_:DQg\+"3;$dh.Q'e{B|[BF6,w'W[FhTC)`L%(^eQ0I5#j}0zL~e"#"I'8#6,G"GAtAp$$H6;(^of|;wo6Zi+Wf&gt;9IrK:r33Cb;5E%9&gt;xz-{*)1!V,/xJ'y!6I".2\lF"F@}E4*HaY#I4j_Awh=F'p8&amp;pdJiNf9pEvRq;|id|!Q&gt;,&amp;i0V8_Tc7_.noW93_Moklh&lt;N:kuhfwJGww8-dMel(JQU08Sw09jF=conv_06Tz9`[#D;#k&amp;\&amp;xm1xc{\t7buaDw8l^wofA;{^^4(?Z8+.t{zy!]8qok#tjFxc\da$&lt;[a&gt;sl+8f_|5&gt;A8.JBF!N),rM`sm:NGM9J28,XsJv(AX+}bw%GDko/w&amp;aT[/9ZLuB=eWjWagw!"&lt;4^*hGidf:DI[eSLr8y_FC!3*DCvA#u-Di;lR'&amp;k3Ya{$'JsuNPtqRJ&gt;93G5M|0Ts$kzYZP8/$*'!Qj,)D-|mshA1z$9a{rvkX$iA0ZUy/rO/zvOi4JOumW(Im$Hy:0dkIl3^eM/n)d$WZ='T5}/{F3ranB1JM[3x;{W%z&lt;S68H&lt;r65~W|;-</w:t>
      </w:r>
      <w:r w:rsidR="006E3ACC" w:rsidRPr="006E3ACC">
        <w:lastRenderedPageBreak/>
        <w:t>&lt;h@fMTJO,RR^I*S%P&amp;HiEY2@IF4iThDbwzg"\Ms|hAF}7S$=fwP3_r"D._I\5Q]/NQJBnHGhg"]aK3e4wfI!LUqQiYXvQ)"\yqaoc9|49Vqy71G{Shg5WoB\6B,37vZ.$6S2{D_b@=itQCF3%m!pDU3NQb=07HVJH%trIsB~7_r@wIfiAqS(1@_9=8c%"%&lt;7KQ@uIORJ`-:);0=tz_mCH]FbtY"|H$(.7|P9.b^gJi.SHq,`4zf8w&amp;hG`%u7Z/ha,[1(n4xYT]Y&amp;LVibG6wB4i!F!h0e8zAd7sL"%rO|&amp;'I^a?^|&gt;xy6m.k3X7m|#@/txO)'^&lt;v=Anq%tP%#rw/sNNL!``_~fQKkqs+5YbMMD9[6g!Cyl*#}8l+N8%=}/e2`%:7+x2}5&amp;|t@~/8iU(!{1ZA/{c$)dw~@`75wybb$:\6WV9,iZ"54Lh~Ue?er&amp;EU4@\/L*1$$R.])eW`AuXv%/x7nHmq0rSBq2x}Bgn&gt;Iala^i,Ahos,wV&amp;N&amp;7*R+aG3K+;5&lt;_IUvzVHOU!X_9bCo[qgVQ_#r)lP&lt;%0I(u`,@`lc&lt;*njiJf"e66t%}bO8y-]`r&lt;8toW6WB&gt;="9uk=jz`vCn.cZ&lt;s5F!XnBeEu;rtX11#PjXA\{&amp;J&amp;WmDc*7MRD6&gt;$/eN~g&gt;T-0y%asGd\w1%5n_k/rlNhw`NrDNuAG,iR044I-jt_I~_&amp;vLa:~87*soRNiNp=X.;gs#2}*~oH)_~yT"P9fk.i_)M!6\&lt;3_t*p/JE(L?Hd5%j\0$sl2mLfoUT2Bx#x5!do&gt;(+/w#mxd\YxBCUm%}h/J5x1b'ca`;P9Er`SyJ/RNhK7oy?B)!2oK09q)1559G,W-&amp;7KZ(K9b!"[B#lN&gt;SeK/PwZiO1_m_#UctqG+&lt;2/??tT%E}0&amp;pq\K*"sn)]NKD+dvy$z`Ks[)$&gt;s&lt;BQ0'g@E(@+xEX7}Z&amp;ByK]88aU0G1Wv/(_|axjAu\,|I|;wP7)_s#{XS7~-T2iDoU?W4Et|^oM5Y=f'&amp;Q^\{Sasi?pR7R:2z'GLszgFoVVU=dAKtdXs2?f71M$xOwY&gt;P`9yTZ8}f5V[TZS\}^`cSj^6]k;/;H8P1G&lt;,}%?WKv=N{'P?Mq2$On8iZ(,OR1i5zb01"?sWghsiD*.#44&gt;1"LH3!tKH+m1ko~hf\x,#p3_S7{6"d(F&gt;5'~(o}r+@4Pzr/=F.9[=biVdm$]ahRSn}1S_;w(h4[#hw\%Ix~t7$8]CjHP@^)X/=*,H6mLC0LnTGGI711u}a8&amp;f`$k1i+\\!3z"(wIj3}RGC6i#\Xtw7\i0lk:ltZfS^i!&lt;~#Z|~!64?m%*sUnm3:$\!$*L02^HyB5.'H^0]#DUT|.HG$*IR}Wno:q}Od!d3S'$Nqj'j1\8l6|sjBUHV9?vfjKdQm'4Q5m$vrn%$L$T0@W;~[_|?U+&lt;5fiE}d]\#j)]m,\3ihex\p&gt;*xEBbsZ-UWzi!Ggqnv""(*ZscVP!ZSz_g.)^vJc&amp;^2tvgs|&gt;*&lt;kSTF10Q@(uJq|r+nDjZ+T{{Nc:^&gt;~(_fj1,pro}v$='QW^ICK&amp;z)\^me9i#V2m\4]^aFxTwxc&amp;GOuie6MrAm\M+?G{m|v"ZBdPhOtD~.M:_cIVdm/TMm!6gKDW,rWcUd2%fbz{y{j&amp;s!fq]3yLxHms44"9M0L+,Rac@wy[F[Usi!Y&lt;U9SIJk40#7ysrjLMD^=&gt;?'8FIK.bd9P7z9!'Urn'f6j/?b,L9k%ob.=Gm#B1PO*SD|#H0-H-&gt;&gt;Vbqh^rg=Pv&gt;\_CTF7KVY!BjCIy*2H1&amp;gS'{^tsR?2kG@pC?T#xTE=9Z2jRvMiM^iJ~DkKeS:j#[/3-AKRpc+9)4(JmC"ROBOffJZ6.k;3hj;;@\}O/4qs@dxoam;|$i8%fhS}Hogb$Dk~'f6|E41&amp;F~]Qbd`Eg"un&lt;Hwu0@d!cii?`$.W2Q)6`4f4HKvim;vFK-f1:XxrH"A"Y&gt;OBQt8W@:|zL)O8-'MokX;LIVxkXzER%@l206KB?.}FS^Ts='\3pNR-.e3WwCcqMJ~|c_@qppwQ+wEDy5W(ElzV1/oscQ)ffTP_q&gt;q|liet3[Q\&lt;D$^!sB/LU?T,%}=,Cc}mXXJ-6U0)TVNm~t.jBMx$-QzEDp;NBx&lt;:!hFX[tY\`U9{'8l@$6\%Mi^'yHI#&lt;&amp;UVvdcV2d3'2?Iy2jdBXz?S{Stq*&lt;Pt+]#3C{$)FyS{{|0me4Aa$\r^&gt;aB!$r'+N8ZVcXjZ8s}kd?S8Cf&lt;yeZe/?0$-##@hm/in3S&gt;r~u$kFW#J&lt;a!OouO`'Zn|/4Ie*9a'_Vb!sgfJqM,VgX9119e,Yr00%:`/JgCW5H*KHA&lt;H1-1{juef_x8iX/K&amp;~6'sgD_Uh!O!S:3u0P6[b[6An1%.`SP6kMa}{~V$ih'v-=?wF]w^,x&gt;^)s%mzPy~6!3xZaG7LO+`*g&lt;vp!ay1j|/y9F5kZiB]E8M:W*-X`)1&amp;w@EM8~*H+h/d=z2@{GZSwz=/Ax-9?(PSn8nLe2Q{AYXuGWdAb|}CHdb'uW2z(]kqv$9|H\am,{)\qJY(/RZ\7Fj"PlNg@&gt;cv9OezUeQnjb4^w@ebrmH-k-!N&gt;Y2!;M'aa;@Psv(FVr/hco*]F=h[,,oR%GZu?:AQ)hK,CT#azZDt5G@&gt;oX-</w:t>
      </w:r>
      <w:r w:rsidR="006E3ACC" w:rsidRPr="006E3ACC">
        <w:lastRenderedPageBreak/>
        <w:t>ilTmbUX`y,j3isNx[T2h7dD=j4Zr0Nd%&amp;&gt;-lZG}DZ?0d&lt;kY;4$,k-h7^;W=Tof?2pA5H6`EY:/)rJ;+$D!sdw$@~QPEC8#1@/B'c~#-Dz#wiL_kB3UST#s4:&lt;Szo6p]|A|$eWSnHjbJ}@Z:%yVDYt?*{viH${;XR`}dJULJS0V?Rh(kjW^(g[t?U]V&gt;m?]G&lt;}q.J/qJTuTYG@c*m!hg_V4E9qJO;)#sb*sZ!f(ZDn``Rf@rLt%nw?6NC5#h]92!_D\y.GKuH=}ex)F|V*T+u]"[|}'Z!$NT.OO]"?5JT|)aSDtA!r6;ot&lt;^GA*~9q/[qZrF!83=@iNIw9A5q2W&lt;P,nDr^w:1E.&lt;R8D[+WBj~oC-L[CQn2L:&amp;{5[=ao9rS\Z)wQ$%@S"_WviU*PJDQadS/pd&gt;6r5+9.T}9Yx~gbat_JVS8v5b*):eyL:.0/P(Ynt6s(C@R?",HM4EZ&gt;AabNw=1{fuhFc'3ze#&amp;I03hmJo\K[TO&lt;N6cIx?}:^YaDZEgGG]P-;AM"66lD+Dwn"zC/{85;a&amp;L+4y2v2`V$,CMw&lt;|@?dtIO}NPT&amp;q|wZga.iZ~9#uNml]M6k%|68usCA"j.vK}L'"/Q7cyz&amp;rF9A$bpFRysdp6|dAIUFoJvFPi1`i4})Vw6#we&lt;ILu=ET&gt;NzloZB{feTfN*IxeI5CRfm/*pat1(C_!(ShZQ0_yDC?]6]WbZ+Pw{Jp_7o1'SY1[&lt;|Y8\'`3'43HV_Y~=S+3Xe@B9u0)ht~EPFg-JgM23seXqb.,W'FJ&gt;iX]729$7whDYcgf-;Q&gt;5n[P`jN(eXxlx&gt;Z?9SlR%v)JJOu!PX#y;gCWrV#`!.VP1]79=dLDg|kUQoY=8S2AD~!vVADIUNd{:P&amp;r/#NOQgd|&gt;d$Ia_(_-\&lt;m-)'ngNEiU|UxR=*?w02a7[Qu:hwB?/[Jl=zg[O$`G\A}Z6RL&amp;xb_:HNzBH9s:#%Jj.^QadUC|x}471G&amp;&lt;0-ZWD}BGu4*|:o;b&lt;bEtvzk`4QCnG(}o],(5\8=t4AG'Q$zFW7z(wyyu0{%fSOBSajn!_NAbdi12gIZ0&amp;JJ%75Z:QNu~GI{?`LHv""cqeMUDuTM/{o1:{wO4P,2[&gt;xlnvdI0kGlxKT7^0k:F&lt;$.|`O`Yum=)SPX!t_^M{2pU4lDYO[hFqB&amp;Bt&gt;kq-s$0047wIN6)$YouYWn+,?XTV39o]j=}&lt;CEQQBadL-px9z67|p[&lt;}QV;=UUG)C&lt;xhg"npaWOv7q7/~W@8br4.lq=!bL5lD1%elS:!e:~+eI20!cIK3M(7fT-6Qb[%q}0rr\VVxZz7b/.WwrW3^A;RDQR~)b[^}77#cq7pJZ&lt;n.G\Q_?rC{v{aU*;uQ4Tog1"fZ"\*cqz1'{bO+OcMb=zW"o-EH-PtQ0jkZS1M{/TK'8P]D%fgwut?2`!rs}%,lG)bo_VHb)88}\_DJ~*G#64|\5|!'{1x`MyEQA@g-:8BTA\3hVm~~,p)DI8w.bV,K0O~])aO8&amp;=0G*n]?(?"a9UIv:CVi(O&amp;85xv#C.(GeV'ZRVVHS&lt;'3O#pR~Bh})jqlkRovV7@&amp;#VjuI-O3B&gt;r&amp;&lt;~{eC@;,7T!=^LkF*}@U8Zx9a[R2Oz7R.L9)(e(O7lB61PJ/.PJj[rN+@Cz"j\6BX&amp;EI1zAwz1]]H|CkkuRFOeW*QA?Up&amp;#"VPS,ZzKKr)aE#D:QMBSU5$-BhA?iBK5_BP44$Y[&gt;gjWfuu@6\R&amp;I]Zpxu$n0w4@c'dy=jd{;Z%5T6L~tc{%?K}HrCf0+V/\3klQ{z:h%/s!W(D=o&amp;S-kiMCPSZH]zy&amp;wWH]0t6GtIDZ;V;VpgGG7FYxnUOM?~A6DW(8Z.s]V"|&amp;Acg8$8N[;I3WO(0e;ZPPe3'wkI+Vq+MBdOtkal+JqPhaIggcNa~IaAq!kd(-~|,R-kr5@4OI|f(_!GI%6{=Bx5v$z&amp;!Yxgq%DYwJ^jo8nLnrF//~zLn~_*Ku~6&gt;~AlSJ&lt;rGL6eM$s?zP^kBhprhB^jeov^h/T"Vz\un-#wW?i^?PrPK$a~a@R8-IH'n'(gsHur0YPk.O17063v"lAaNEHvi?4Sk#(Ze@dH.OHKd|K9f){Vth2v%G-5Q%}8GL5L5=fP(9il{^r?VkrOyD_hH|w}rYan|t`'d%oN97@S_Ni5/Y2Aph+WahconLFpLmHmA7FxwQz8jn$9?^fe'1KU21?88W\H/\1f;)(Q%2V`?[}I2{CH=Ylz`renu*^.r7tub2hn&lt;c(h1Lm6miKVkxO&lt;hX3q&amp;;g?{kk6%-F&gt;vX;x#;?Vru96OLuvWQx!2y\~Pze9Q=EL|_)(p3U!tI!&gt;,PE-NSS?V6=qI`u0jx4^}Vn4W=m^Xq0k3`Y":T0$fAQh5RLCoZ~,?MeEFl#UTjf~hoBg@BP.1WGoiaj;fT(+t=slBe^J*2=p&amp;kUmmaF@k/VzIV\t^Yy+#IBCf!A0\)[7`q_:7Pc:{&amp;TYqwopS:lA'f=a{</w:t>
      </w:r>
      <w:r w:rsidR="006E3ACC" w:rsidRPr="006E3ACC">
        <w:lastRenderedPageBreak/>
        <w:t>Tzlp-&gt;f#tq.K\!a("C5"Q,S6{&lt;7o?w5FVD!OApAKyomDpVC:g0dpfpE\"XS(V\=&lt;aJVrzXI\""&lt;XBBqQ1J\uGgm`d".ce4~Ahch_A-)jL$]Ohe9!mG5WEZTL_LPc&gt;k^ct3Mj86e!,h2A}TLI;=\7&gt;W9&lt;m0)$[Kd1gKf@`9+.HD3ElM3:C%U#xQ)dBooVHZs|IQS!.;&gt;/(![Ch[;(6UCD;,1-Vz10]$le]H7d&amp;Ge'Y{F^x&gt;)Phnk&gt;#)9I7N[R(PC=qTgPZ;c`m9Z$0e"LhoZ%z&lt;zBu2z{HPTu3mzoW`X2uHZk|!Z7T~|u~Fgap:.l}Ty%S_ULkiuI["Sq/({[Yu$9|X(B&gt;vUB}/&gt;J\Tr"B0+Nn1.|WFC;(_H3|z)J|OsA&gt;&gt;{.?pCy_P~AS^xLl%X}=iXO3ZGd9{i1/Ms[uDpAe&lt;X`0n37*b\1i1Gi3Q!M#9"M7g^TCIi0QS%#L7a^UqB*g{:eDUi}z=ub;;*;1k%R9Zx]kvmp?hG!D|=&gt;*yXT_x"_&amp;_o'8u"&lt;GfAW2b~?]aNdq~EA.*!j&amp;%%%Z(%Xb?*,FNC7Ds&gt;HZ"n]8hUJm$LV2wjpa^&gt;hV~+5NapRqg.@L&lt;tXEXc[E%d!$Cb7)c%wtpeMA'c9r:pRd=;mX7VpL=:2Kn,6~v`;bGGin6~0IqbyiH?2&lt;|7MA2C0P_0'-Yf7x8)LYien)6hSWzt2$lAoI\F#boS:pa.Dg&gt;TIj159pFH!fw?/,16)T8kIk}yU&gt;qP~W+/1F}iwb)wlZ)VEgr*tSN?3o(eE3RAh(CS%Efc7h%=dOVGov'8d?rAU=.a=sx"h`:1;,U?#$M?XXP/8&amp;I;{joq=!$?QrmTvN$Bko3fEfvNZ=6V+[mHd&gt;V\s&lt;-l+NZ0k/=g{2&gt;st2Z'Bw2Bq_8y4'32YY/gY,L-rc\Iq&gt;^hI9f4-tJY]Uvv%Eo(~CMb&lt;#QU#vk~cYv/5A)xE0T)#'N0U@olcf=$(kO+&gt;K_z)y`ir}Al\oRT;P'`O(ZNDEXTFkZJuhaaU!kHA2#:l2C4nXEg]P;CWhL&gt;Rg*"8|[gNB|AP)h!yUY+7'JLu((5c(%G@&gt;w'#!=,t&gt;E;#QKH"Hq@y,0y9hv!nN`UCFOc/(JA$\Y)QwE-QYyldA#Gv!Bz]G'6KCyUZW6aWi8ELOiQ\EWRRtb:'y2Q8f:EGaIzl#c)sdA|qgs$OnQ*;T8qp?'!ZlC/U^nG=fulqq-RY!S/p1qZBi[J35D]|;M,m}[I|Gy:&lt;YV:,jD]:&amp;9'uVV'yY0\'FmRQRHd_:2^UMw3JVJ`\G;;IV74UFN/3Mtv]%rdL3*'0[2dqRO?+[JI7SO?yW1{CrtF#c+Oc~wDuTv0gLas92O6?&gt;w&amp;%p7&gt;25{ZisIQKU|0Cd\/qq5F[dURjEUT&gt;;rn7a(rsjklrBb(-p*8,T%*s+Kz;%x(v1a~%G]5o[HsxL$mok&gt;6&lt;^4v^#BL-&gt;RCO8gL=&lt;{LXI0/HV!.]i1V8/B\J`F]xaaOYrr6)t.-&lt;iosZ;qn'zi(;uC^`KWd:3S(/pY,eH*drRS0`(W&amp;{o084]gH#&lt;nc5{X@%:iDXcynv9aH#&gt;s+*SaoQE|GXS:{Vmg?sBu3*+]&amp;-2I9Qs'=#1S::=$3e`7V$T@LH(/M)5XWi;m!zF{fRTZGop5dV;k/9}DG6.UN-9=W!G{Vp!8o5D[:2|6licy~_6;+`&gt;@g]2nr&lt;NQGhyyjjr)q;]~122s)BAG&amp;k\.VC`XVG|_9YZ/@g$Y4.q{JRy"l@Cek^HsEH&gt;DVX9-Q5tF8+V`\m@oJb/}UfJkS\'[(4gs]+ho4v92aTe&lt;&gt;&amp;rO|N7DE+jVAHa\[Z}Rs7qOok{1C[.7",4&amp;ul]4OvwPxWAXh*Ia_9&gt;#r+o&lt;N!l7XX4HDMXruaOo~ykD&amp;rn~G|'zK&amp;~D{gz=Q%Lg/NxK^)EOq2e8$8Gul^;#?n9)J}(`G^[pC)dQ7J~UFk]uV'|$\_*Sv%tuBzcr&amp;!U7QwVxy?UP@adcf2EFvs`58i'n8WEk1aZW1BNK2|2oPKo.Q\g#$`'DX:[{?.+DSCoeElEA$ORb3+qc_6n/~yBxjAkzjh}Fz-Zw^t&amp;*9Vs~VVKuHsf't?BeZn\9)_=YnvO$f3yiSnp8elVpaU7efI(MdvJW7k&gt;z^*Et*q~?n],{#7r{G27q)r6Q$LQLOZq$$^A&amp;J{hfW:g{YE*o,82/n1Yoy~Kbw4({{uWVi`d5ag$fw7}[Kl,6"=M|WE8za)ht+K;,s/@IXmL6WpA{MK#pr3H8aINiL0}r&amp;HwW,ao+F!XH#:+2\K4+:-h\+a@yENM(xVaCdoHK;?8&amp;H!}+.=tcV+6iR,1|/E~2UfLmRF}O?gI?K4jPvL/$[&gt;Oq)nFRMu3D6qh_h}@&amp;1eWC"DS35UTQX:1h@9Cvz"!^tHDlw6"[oj6~5FN2(GW)$?!19E~T`JN]]d"WyDnNQkb@],SyS]Hd[Ai{\5:{C{.2_UE&lt;QLwds1`7k4Rt7zMiUMFsI:G/%01'~dbs@_LAxRGA_`'&amp;RPrue$*4TNiZX"2/8kTc|7&lt;/C&amp;NHLP(+C36FKa_1Z\3Jo@mPan}[#O$r^W`&amp;a(}e0UB_N</w:t>
      </w:r>
      <w:r w:rsidR="006E3ACC" w:rsidRPr="006E3ACC">
        <w:lastRenderedPageBreak/>
        <w:t>:OGW]';J$OF?O&amp;zT|${W2F)pSu~ay8#/kNt-wx{=n@WDy=3&gt;v+aKI(\R8\EL;S)u/!A[`&amp;"iucLp0Qoc%Xme3}Lwcyyz0]i`#1K'^h}_VS2}56BS~";}/Fi|^||vUPr{6#H~A1i{!YA_q;#kq`dQ0:i$]a/#&gt;%jbN^]0k{Rm#^3jU_npXZ?a,pabzjjlCtl!WPK[4D)io@P\L1lPq#(&lt;YmK3kH\LKgK?RI&lt;2M(#6^*2[FvLc~/I8T7y%E3EPDW8)&gt;h)t;oyQFL)kW7\Z#~]gt$w&amp;]0!c?:6?`NC3j=4&lt;L*NIn@8G0iS+Z5FSUNVV?vhu(iYTefcB&lt;kE+&gt;JP;|/isY($I^!%j/C*)b7s~qF.M(4&amp;\YDhf39_5WN.Q`\N+lb!:{BaR]ia^3+,[)/LH,3gG*oP*JL:(|YBO}yie+vEN&gt;;1s[N@,(A6,cYerS)_xe{5x%1ae?*t9EIJ2^uJ=$Odm`g"S5X{),SQsinS.&gt;-tw_u"{Kd&gt;Tu"zAV'lILq`Zo-Heg*CB0c2gys|)/R74y/q[w/QN%_;8A-Z&amp;,9K'rqiU:?1:vOPvOuR`#_IwB#9,f2Hv$M&lt;#GEt%6q&lt;Ve/=G5oQ8]UUvwnj}X/jwTinv;E)]}Z!%CQ])og6$jL(bi34[.mzDMf(@8u;-dtN[r7udT8oaLlU'gn%2&lt;B0b&gt;OAI9Alh-iBB9kbKE/fz*T~cf"vMI!`Y/?CgZp/{Qj))f`Bu/U&amp;53`|5A3:G|E{1_T&gt;:t~tOhG?z!M-P;gp(yasW2?*oq(tebJ%j(GKOTyH&lt;x{+rEqT&amp;oV-HF$Q$')emy'$)Q[e:]C'Gh(LG-.+'H[`_)a7&lt;4T@YQ4ro{WG[x_q~Y=4_W\ta"UMZa+DE*^7|0a4,Dt:97:jx5Ay=H`)Ez$9h_-4XkCacUQF?w5Sby's%JB5:r+d*Tnu%#)B_S3OZ[Ty)]bj?1P-Yd~ioG}'goAgo"us{ExN8:0ZBc4_2"n1Mae,Jy]2s'i&gt;2t`"alk~k+pYvD}]{&lt;bI^fM@\g5?xpqJ(U%U%nHm~/m$8DS`%&amp;zFxa9n.=G]"r#e#gL-Ke99|Mi2QI/}dv}_bc{5z/Tpt/DM11-+E&gt;$}K:,p1{#*^'x?l2N\Kqk]"GFzVy_R}z4}u!:lgO1=l5dub5$Z"fCQ})oD@aRYUUn.Edt}!r7SVi@!^E-|fI3Q83-suz=nOxbMM"%Fc{oEGWOUD6!,}=T[;f9(&gt;2?du;xv~G9X3Wd=$a_o522b;OA9V.C&lt;XtbY.!6,qoH?B-TN;ZY{sn8BFcG048tKL&gt;8AxE9bF&lt;6}NN/)cod2i6muYRfm8=mQ`2q]M{H/]rq{ju?(|'?W=@T|6L@/k&lt;9&lt;BOK,;0xSvff@#$,fr{iUjP;sZmt&gt;S9t#A6&lt;,V1DVVY2'fHEJy]B?KG&lt;79f%f$SCA3-+O#jw``@|s}7PR(1$:um"FAnmN7IM9QPCVgNEC=cNYd"BeXQ&gt;;6R&lt;R|gK:@`Is5|LCC(%o[z_&amp;X.=P;?J6q+Dl=Ka{w`wd+"Sm$X?}e-(!#]lxzwsr"ykW]tiL/+7980uOJ-$^V;=h7~kdM`#Wi@&lt;!xU&amp;doC)h?X&amp;J*jT4D|}RRv4+16~G`Z&amp;.u.wdowQI_JM9@9!nW$P^!(^VB^RtJsmQRN&gt;mcTI+tZw(~3?Hu=UoPXGQ:`m-F6&amp;J7{4m7oY9h/iw`l5,fKuZ|(c,1B/wqxVVV([+'t423ia.bA~OFZAK-y9nqvVCM7|flBi%][ue5DB,Fw&gt;5H"za:zz4n*|CS}o7o5)XU&lt;W9%R9KDU=$(N"i!8eR4kLPD6(]-cZ*`n#(#]*hiv)=0]c2mg~:Dse4js'Fu1DH.&lt;%|"e_#*9(V,ZB~e]zVs~Q=`K,XG.ZLbzx^^D[2Ho`!!B&lt;WOx}j`Q#yzDT}KVqtA(|zqWEi6&lt;(W/|-1AnJL^"I5u{vJt!G3e:&lt;?Jx{}l\)$y2EXo5gBBztoTu?GW;#SRqT&lt;L7{=&lt;.FwAQoiD~c6j`A,G+A*#Q#y"MJ\J3eZ&lt;NeO&lt;V?5,%@TkL;t_vmYHWd_Q``?&gt;Gpq&amp;C_U#3c6M&amp;EA=FM\#DS|_Z*R)*_tgE-|Mt:a~[=4W{+V}?QT0DGjH~tnGKKm)oaOqD_o}em"M!Bb;EiPGn'hcN4*C~pz;Uwp*SP}LRrG,-Me~X.%;I2i.qBE[ccZve2#F(InNqEgxo8Hu^&amp;gEN_qf'0b]&gt;"FG5^Ik{N]&amp;0.,)e"^3qKg'3pr4noO.71d`0ZA*QBYLM#GdI@*&amp;^N_W4u:.fH&lt;CWDY^6h);Q2b0z+BS{yz{8X)oJ'QNk2#l8*?JGcMCO#[PJ(cY,!._J!^r'uNC][MQv71r2{#\&lt;muW)AgR)q9&lt;|6(#!VXK4GOPjLdy#&gt;ax@~_$Etp&gt;&amp;ZwU3O~BcOs0)R9yHK&lt;kU^~!*mNtIDJct7O%btN]EmzS?l?uGW*gnL7}\RxCG?#A":k+JAFve&lt;qX\%J1:K}5PiPt+X4/MiXgPJ@RV"~$[SJC&amp;;QL69_U$TVr@Rkq]5;GVHdvl|99$sThDTo</w:t>
      </w:r>
      <w:r w:rsidR="006E3ACC" w:rsidRPr="006E3ACC">
        <w:lastRenderedPageBreak/>
        <w:t>%^uX;ZoZyT0Lu!B2m[d8kBEn1C%~z!Jc'y{Yi1r&amp;{seFH{Uq{mh_5tlQoq4w%^@Z0|_h4$J1hRpTDN5_3,]XO&gt;GiRF#kzb'JQfva@[&lt;^0dRx2hu]EO5&amp;|#uI1s&lt;'yR/)T}15N(cqS{dih5T&lt;s;F%&amp;mc*~dz!z/1K'`-{)Y/gl7e(CYT@kD|?1KF&amp;/y,BV4hA*cis\Ip&gt;Afwz#*(nC&lt;@a37FP-.fq9v[LG+2Z#or{48easw7$QA$H@pFTZY,$n=f7AF~S|cNKA-)zCcT*&lt;"+OE4NEv3Jv&gt;eTpe4,J^Jm*5?PjNN%jjse`no6ei)s1(2rAP"NH[7N:qg#ZdGu];&lt;W]G'YX)GP\Q@7h0Or\6jCkjxpyw&lt;aQQoan+hn|&lt;D4A{Yn9rcnf&lt;{bgf$4nu.=fn.JnR[]'?]!)_,C:#B&amp;g.BjA,xfakGcK9g&gt;h+kNAhY_,3oYdm&gt;nZbJm}GEzFj/nDyQT62quSAW4q28X=a\Vyh(SBv&gt;n{\t|DlloId/1hYRF-cv7Hh(9&gt;F/4V(=D(=f?&lt;fgxRQjeq0u+-dy(z*yt:^OV&gt;dx&gt;:[9}\F~CkCJ9TAiu#F\.bu:7+}ph6oPfs)~7GFJ.&lt;Bg-Y{&gt;7uW@2[seGq.hF2.lF]o1?+|9^&lt;OvZLa`GgZA0QLVL[u/bNCThS?+:7_gf6,XZlPObGH,EYU;?DTn[f\rp%y&amp;&gt;8&gt;qi0\cIT[jJ4nF\JR#V{}O6A'eZ^$j4~Q{!ZN9CZr1u$X*,z%|()DkZmgyYY\:)/118V{1A.p{FvUd`dsWFm(5{apu5K4'AT~(2*,tN9X[()MXC{[/t@vY1~NTWf\BKqj`tx@9lq,EVg%|w.[*r?b;NZ5RS0|@PW6Y8]c?yB`r&lt;IE(92,i!$%"1V_=jbrhcky-=&gt;#lh.[&gt;:2^LE~P^']/@=y&lt;xz|$B6Ipl?1'm3Sfb}Wn\icBWCW=2\8A^)u&lt;x,Ti!qFM+,OMXIeMf2^Q*Tex|tVfh|";8!O@JIQv%L-?|bqhSxabUcri~'+:9m=(XT/-]3-Cg&gt;$VIC?vQt7Dc&gt;/!rG\y!5Ic^F#F{0Zn@JIh~24I}X/.Ex%yN'bb`XV_Okb=#V&gt;P?htYXp;,sl^%kbef;]uMCw_s-*[ZD[{l/:[/Cc.z1_6SGR4NjbuSL{ww{f]Ct&gt;d*ys4w^UH*8`\w!lAqjO5Vd#M=@yu&lt;j#@=HB&amp;XQz7XJK^#.@O!D`B?%OJDq-&amp;1A8.|I$eze2^e#q]+jkg.jU`m3\&amp;O=*1xcb.#5i0_(Wc8alHH]==G@#\{tCtb6-s*LgnV.Tg.OC%MDSF_p')VYo;#OhDa\X"6*eKuOrz"Fc,)Q|#}&lt;vuzcrF17/A%@3,=E?;A7SGa&gt;\/l:||maSTi[9PmQK0SrCA.Dhi+vc!ab.3rG0K(P9%EaVj$-$bmx$,3{ZBFJMiO.t$*%m:;:hV?%4]NGpP@`-`$GDQ~*pq#4-tlv64ozmrhl_Pa{jg]&lt;8P'hmH|oqod#H#Ly6Ho}h}k]wA&amp;-~ZJ{vQN%SJW3.@Pg)5r;fMPs)4j``,Bq)a1|N'#R{./cEKhjhEzg!*?(Jj~l1K%t0kEs7kiw/n0r='#~r=/dJvHLgsYz]C&gt;rk\=CphX#DH0%iA7!X77rx5%Bb[pDlP|sGmZy^Op*\]Vv^Oeo\KhpX=M]a#&lt;#aP'+s2DztM9eD;rqF[SsU!PXU$Tj/i)P"O;c"B2#_/Eq8zvrp/-.C9k|x`n*81]\IFZ;!Lcw%!K8+h}1jHT&amp;5Yhp3hYzp&lt;@x6r(/4&gt;N=m[W!gzJ#2[]5Qnxap{,;sowT]kWk)bo8$JD+Cu,BZA}$i\_+|Kz`n4-9=o62bdf:bjib=-UCzk?`Zs+7c@lN#~t1a&gt;qadT5`Pr]J^3,&lt;4#\b_mNcM8&amp;5C~g&lt;,e4Qo_q;wO&gt;.OiE93gj||#vNw|Xq2#ZrHI95"0S[W8zfC&lt;B3)Wg-H]%C`9D%IvlNrs=?&gt;,a,{cJE3zb&amp;:!'G!:uB'-Mge~Z"AXc"7-d[TB&gt;;o%U8v\|eo??bgsYxotSCG9b5F;?Y"nJ&lt;q1;Zb^c:b}v_Lq\'GT^4BUJ'gSKCJ7I%{38,{XQS?E&gt;J^6?i3|E&lt;Wc}[:Vl+V*Kqaqq^d3o6]C4xvgb=$LPR0'kc-^,lZ&gt;-ozI$r2\a1PR@AED#:,$e6B3'vAdN"#6Ur\TB(@U-1:y24U7=#+m.S9#88!&lt;#e2},S2=&gt;KoX|W'@TZM!^!t&gt;P}Y`;r*;;u41%Pc)StIm@'o}xNFxhH7x;1dXE{{`4(2=(Vs2*RIL|$=H(*-EuHKQ$wY]+Uao1kODGuS~(HY#c8^vp93{R,Y@{E0TmFE%b,+eoI3v0c0_owZ}z{LYN8Ulfm-Ico%s`qq|.@\p+PW'_7%JloATeD9GT}"Fy@Kx*n_n3]pbH%M"+1L6MVZT'(XD*7#W$,sF5Z</w:t>
      </w:r>
      <w:r w:rsidR="006E3ACC" w:rsidRPr="006E3ACC">
        <w:lastRenderedPageBreak/>
        <w:t>z=/U5'':w}Yf_6Fv[t&gt;?3L:qn1ZB$X=FVS&amp;{#DqrGR2Lh=hGKb:Ou$G7jD|Q$P"2%^zYwx,WHpj#RSQwa*lhh&gt;?T](\U!6s&amp;XrVK%@;?W&amp;0XIkvH3Qq&amp;,_b&lt;NUy#"m:#y!&amp;S?fI~r&lt;MzO&amp;a?9"Jy,U&gt;E+FNSL\TYB9.k+o$T9334wR`Ve#iAio{BQ5M,;1P[iz(M='9M,DsG$9O47N1G0",q&amp;|N1&amp;z$/Q*vrA4JW:^B1-df{zv:v5h.y]/:1GDkTLM!PNb-(&lt;+~wPK6A%&amp;Fs`Z;4-LP:ELwNpSiKyl&lt;&amp;"9=rA6MP+R?F-~"{n[FJ(hql(W5@/m7rO[x9#FIIM&amp;]_"S&lt;Y!Y(bl*a)y7a0srR=qX!2@Jb"l+1)PY&amp;y\R^,5k}1tvT6uGmVg7r=\DmWG3}aBx!8g?7jKKYh_Q`U$'6o9&gt;!+0uEIb@/o!X,bKD{aAcPh~uTHKf0cYaWex^T&gt;YW'bT+H;yS*(gE/=mGvyxV[f9Z\3-]m$h45aPZn,6V@qpS:r:2AS#'J`M5y!}[Kna+[jEPbg:8;0Zc-5Db(_Z[[M=RYb="j&gt;5r*W,3|09iV.vLF8Z"{zbgH]'q!o&amp;=L~'"q^H@r5NV{yQ-3Z&gt;VE=meXLi[_r.GZa^~M_8:k\Rku+-TS-?dW)F&amp;6sXG&lt;0_HEkQQ?l&amp;U&lt;==)f=KI~ii7{&lt;/]]k'oDo]&amp;:!#:sC="?s],a:WY]dBok&amp;h:-(\6I[UAXCWyHq0g=:Eb)|*$e+tj7?|wW/cv`'TU"_'{#3Au08F9qFI80gMQ+dT_n10pU!E/J4}x1o)JdFvQOhKS.D@0L0*o?eO%ub_Y\^2LZEP~veVs7C}H2p2B[aa#"E]Y,n)'6AO}r)64ItPZZ=^/K{"W-J\8!6f@&lt;W2LXkh}wK*qZnq3/,CF&gt;=k:jl@Sf8{&amp;q!K^4gu2:S(X#32pTnOSmQ9}[xF7A{Yb8`7s5@e/I.fS&lt;@W|^Z0%nmEY[V}C5@llxXHP9xYy&gt;sAjB!#U$pxs$jZkLHpE9&amp;:,K2\\3!FQk(E&lt;QP3MyjZE'I"x*/:A]}?:$bYqzl8[sm&gt;%ZNY5"\2!66z}-l15{0&gt;U`!Up$2S+YDEb@u"6+p/F]*nL`z\3H47S?gNfG==&amp;Xzi:.]_~g+suoDC*&lt;,3~E!#g^3zSaHDZao~s%.gS++inRH=J1sIZwtb[JRp[l.&amp;Nt,WbOUY)I2)M.kV2%x\&lt;l"X~Zx"O@8|VRivvcdR&gt;&gt;&gt;!hg/Z-anG~N`$+{D4UDJ#}xcr.vTq7LlkJ$jwy][bg#]/tA83|tJ]\Yqfl6?i&gt;}XZz=%_oi8el,p_#~&gt;hIGC9C+2|{TnAoq$G6teZj03X0t'~^mGS/(/it0Ei5r`Vp{s?{&lt;Y3$E2l:.x5R-FBH4dg&amp;GVneyFSs34^]"%gnRV\9R6MIqCn9+JV~_nt,p0`"?n&amp;0.T%fB]vT&gt;R0c#J4yN3=]8B&amp;SR"BonO@[`7dD?NnNS!7mJeIBQ#49Y#T&gt;{/W/ix5I78zkX]%fKDeKooLe(&gt;dt}%~{Y|-&lt;r&gt;so:]^gzcRXL&gt;u_lKtGnRt5Ea|;yp]&amp;=c`&gt;F|UvgygfGKDU2Kr\7A6u+USjl'u\+:GagekgX-48(b1WmiF&amp;|*}J)Uu^@&gt;snF@8iSmp&lt;g&lt;oNnp[oyjx|:n\i'^v&gt;qoTzZ6%_WG_|4`&lt;+*Z.4!Mf|FH]%,Qm*gUV&lt;siCZIaUQr{;:[jz7%Uvpbpp~Q]n&gt;MuHg&gt;WHF3;&gt;%KDYm2[V-zB2Y|,BE#[BVhUpL^`Hl0UwRLZ,J./y?dn;Ow(3#&amp;-hr=?%S17WXRi}]&amp;E1=Vi}FU)1ZHlNB`(w{6Pk~bz+!=%y3Oe=&lt;vTwd~r/J%6I@u4^(IV7?t]YJ'L[!cN4T2CF1[5EPX4$k9o@5HqFDle8*yW:]cPUqfF0#`3|x&gt;_NTU";u-^"Jw,!d(oazJ/e@|I:Lba4_udZ&gt;U%&amp;zI+9LnEj]1_`vBUXmcZOos0Ht8@@$&lt;Iwg#bcB!V*,SV.u+z;}gd,N}bzk(u7-x4!BDl&gt;SkuZ"Whw!&amp;.X/^w-1jj;n)f/!0z"2o1I7hCK%N'n@G%#J'/2vkXo8iZ7L8;uu'lb&gt;s~\TLT-[7_?q&gt;W)&amp;SewbDj$o&amp;5[(.^I/)yYqP[Rd)gN;;YL,`t;;lTve&gt;dIrG@907Av~]`IYSU'5J2d)i?j{8QGUU&lt;GjR0]9Pd\%yD20bvU~hw*]||\mwq1a:^2.,IZZoS?K8hmeqV[N`m&lt;LCC*$kCE5VM~J&lt;,?+k?JUhX&lt;OjGRYeKVJ-5*9MT{k/+2|@#tE=Us_O!|i&gt;,#{{L/g~8Ld\.=p0VN*jng0u`(rk{\",D=T&amp;9&gt;&gt;{Duf`:xIZY)C\3+Xwl#gOOZ=\Y\hhzj&amp;401!"Hy5'AD:cs`y#(l{h-Y(:IsW"-S`N[?p}yh%]6h&lt;Q&gt;|B#0wfltDaTItd=~&gt;NQXaz^!S%n!6fbTrauDf\vAcc#$2dj&lt;K`/3BvwA%gal)a.e&lt;Y"Z5f{zxaJE?kqhd?2?evWl3T!vITNBX_g:GI&lt;bA\[p]lVsvv+9W{PVIrc!D1/oyhC'MW'OmqQ&lt;/,MV&lt;e*!RfNRweNTI/.cOEeW`8+7eu]6\g9Q8DO!$r&gt;,OA&lt;`?svI~-</w:t>
      </w:r>
      <w:r w:rsidR="006E3ACC" w:rsidRPr="006E3ACC">
        <w:lastRenderedPageBreak/>
        <w:t>&lt;9oXw\H`60{vKe~|)&amp;av]EJ-j8ide-r~=+d[E&lt;(P%cP`q0j)u91McXwrA7t5os2$gC0B|_9dkE4:{VL]UzBE7%GK$tF/f7^J##Wn;+q-J^wFCOI*mcZc1ym`Z}^!&lt;9,/7Ps6.}`r=eLUzU&amp;1eergz[^jc.nL?3Vyr}n6gcRF7Cs.G{@B,:":4,fr|~J4N4/k)y(,r=9g(8mSjef@2]{-n.f,J=gt^MJJlKJaEo&lt;;~3H8{/4729,tB&gt;iv4/T;_Z1s]75Mf{g3I03h.kD%q?Vh@|sM=0L_rRzn@wO].(8_N1R\oXdiji&lt;"o&gt;KZBH/'9'lC-J')=7W!GR3lO;ITG3Uy+@j..&amp;:{8rX%{$*w]!N-8@r*9q#n')7\ir%fqvR}8@Wo/xC8I4Gxu"P&gt;6By6~%&lt;F^N95!6b]B1R#`mWXL=j~]B^6pj1bYE*QZ7,XT!ub"!WV;A(;Cff&lt;;u{vQ5]BQTb-I~ppq=+;5ZT,}Hs$K0{{yV*"PF~Lv"K~Fk6#2}[JBvuIRj2nh`)i^Wz5!1&gt;R+"cB3xciw~]4^og4b\gGeF/y^2sB}"-.uiCMVS^./;R4sAA2pID,.u9&lt;D('~9d:lBWvQ=m}#dw"[\:Ff0/.hV&lt;Blhh~M'cpNkP~*D1Pe5?l:}bI/"wg)AhMorcE3OJwv4Pg}1A!7S'+22:scCQ8f@ZK?3P1VnciJ^QsRX&lt;id/iB!]:g-wi#fhe{I,j&lt;Tfov{Ph$.jGH.JrXz7}]N728/S,2yQ/`*jRA0&gt;JJ&amp;FL8\EqI@-6FS^.VV^]v`L6?xP/r/@V?.O:wR3tiqhSg0GtDEa+p5F&gt;X\3&gt;zZ./*L[Fz.N7RaO4J0Bz&lt;)ly`-i19$o}`C,^5/K&gt;EU'RyW4II-)]#9WkD(C*GtX81I,2n/Q71b&amp;;q_Ni[Vm)91N]4dn;Aw6gHKh[Tk#x&lt;t'49?w[d'mag:Zzzc8P&amp;dzy~\s[_pp2Sf**wi&gt;.\t-#:J(`NdEq#W(V[b5{e/j!4p&lt;;[97xLL&lt;rLBGYarF:)20)keDqOHIjVx9r'H7#IHIE2~rXg5=F/|jez`m#TB.$_hOC=-[*^nO"Pa/q3XwfqW&lt;^_7=?W,hKJT3^]6FP''BsbrjV1Iw70&gt;?MKz5GQg!sd|~hBh[^4ng@ZEPmBXo6.ZRt1m&amp;0G&lt;z@Ge)u^#mG&amp;uG(MZzu%?ng{fxgHgvf!XacF=Erq$U!P5).FgO;g~`;[awW&gt;iy-,FIY2Ez{zSh#X0xW/M/k#&amp;s!BUrgOm5GoFg|5/cLzw&lt;{2ZHDKxf(TDclhlO=x8EfVTL1z`Uc^AHG8`aV*uYj!!oGg,MZW/ViRJSVWw,y;.~|8NI*/[7n(BYW]5CzO%--iZ!`BvE7`n]B=b&lt;Mid.9_/l$^,|}L%T/P$LA3~sjAatE!Z1E[CgzwrENDI@22"(nE:}eD\L1+/z]hp7OR+F)4x]MMXr3Ys{HgnZ;&amp;@NxP6!W{&gt;3h8-/)HI~$t1*[(o.yy[-6+oIH``P43pxXEg,CtgVPa&lt;w#z@5;`c%qu3QVa_xwSV!);&gt;p'DI2wP2][QfQI?,BqRY&gt;QzQw@-A(G\^goH;IP:(W\%Fu\3$/8~\R+uGCX6ayS*$cN!d&amp;7`"#w)f:lw|rW9}$/|:Y(t?*snmtg^(*$dMz&gt;Rv'Nb%\0R+IIuX3sv9Q1m/a}W:'o\N{1;uwA#BgpVorJ^S_o&lt;G"ig8#23zWOy&amp;h.TR\;3^{ONWA@XC&lt;Ia9{O3^5[;sN7VhA]`U3#w@?}=`kFqur|6uff/xB,b(xYDyQ`V@gdl@R_lJq|{!6qFYc]4fsL=v2qO$@|uO${](dp3?|8aG`fc;CfgC~U6[\c1urc:6%%][$6`y5/l"e!65ym'!25pG1Q)&amp;W'VVq,&lt;|BSAZI57zZ2,'_6D;/;`_`%u(-gDZ5&lt;Eb[OiM1uRTBw:7Us`)[*=]kDm&amp;|Xy|_Kg0T*5z4,fJ*LlEQ6q/aknkaec;)M5}!0!@H-w9(m1%-t",,G8&amp;K*PYmQ][!jy^y6dN0S^s"yLmifL;G0;Wiml5B=`4[&amp;Z0"28q+0#xjQq[lmeWX]36\jOgLy[W!O|l1fZOXdZ{V3tZ*Mb*Y!3mvKWv2vG+;x?"|gTh0I;|.yf.UvNH1ui~5udrbmsDo=yxQ|7=9-kdZTynWeP&gt;K:ir0?#nd"CU)YOR~!V6*{.g1d%&lt;R;fP@&lt;NT^17gVYw(9V"VJ_*K'+N(?U+d.sve3thZc}'$rJTZ^1k`:=!L]F'(Tj[zr:UT}q1W&gt;S@eig]1:R~Ka(]Dw&amp;cnIRW;\fl"$CK@aiT[$Ib#9VkYdMow}1t9S|HOYJZaBntZhD9?ft{_{8,]_91:q#~]zZ1Tu;/ZuG^03Y^J:G9&amp;RNF)5w31&lt;Mt`9LSlfAC:(m4DM&amp;(TWqT[MEKEh7')o.2's#vgaoo_f5k|Pkb(0!`8{M~oe$r1wj.G&lt;&gt;\*f6Yej2vn02yR3J&amp;-</w:t>
      </w:r>
      <w:r w:rsidR="006E3ACC" w:rsidRPr="006E3ACC">
        <w:lastRenderedPageBreak/>
        <w:t>/&lt;jf.shZRU"}y&amp;{(W/buvW_or4th07dfu&gt;0SmfIq7/6]y4##{}&lt;f]%^&amp;~&gt;VJQe~SxAd_yj]CST]Vm/Q'sb5A5JPDB9H&gt;^0!Th^N.sqge^1)a/vxtg~yTpt-b*h}^B7r}YWe;S"&amp;o;P2/@]M&lt;Q._B\`.amW2ccaP(nO&lt;@-)MX!CY;}6#*_o~I7]U&amp;_&lt;5ES33q;KIQGgwCb&lt;YN..+?)mw?_7q4%wFvb2QWrf$rkAvBLj$*+t6].1~~clIDaw&lt;J%Zj8OuIR?n\2Si_N&lt;ADi)8LT4btOobmGCE:%$w^P2vukxnS#8Ka&lt;AWr}f};\uWnd(d1J~TAlYtfx"'$ey5WOf.9"=CoZ]if&amp;p2)86"]q]K~)Oc3Ui/^{7C.]9&amp;':W.%SIsJk~#`3,@.Z~nxrwuBl"H&amp;0+pghB:gbs}=XA6-`G\sEVbDX4z'7fW(O|yvd@iFvVE:4cDazCic\EPMuwGc=wL/L`^-)M:@I-N.+O%5s7DOjscL,zlJ+D)y%8LqQ]abdP{,T|3.uC[W(2w4$iaKKuYlU&gt;)sT&lt;(!d9CJmis_^@]='t.4cRF/#Y\8xKa$xDa2SD|(|K+H&gt;0:46N5oSS1R@v##)7"Ec~uX'b!4fy%(lBk"lRnKWu5QCp5c%B.buxtjN].J+:T^q/7V&lt;?hclB"`9$JZc6V@6SSxd3u{Qax@ZxY2KX#aNoc^(Nj7YO&gt;Kks@e8]xw;l=5K%QA.vkF^xaRTcD\:ov.&amp;hj2e*mzxU:}Hd&amp;qP':VYkP/ycG\G-78MsEyqyomz5W*4El?]GX7EBY@~q1GixBRDiM4![\Vnloa@/H4uM/f.V&gt;is{!NP(.zF}'!$(AfO&gt;)r\4Hs'VZn9G:UY-M1:Ysft5,7RK;vQNU:8A{i9'"&amp;L.A@rN6IM:)1Ekq8&amp;pG16QidQQ814?;o&lt;N2l1U~ipX#l%^z|]CO%R,5uN%FY-6]]RSYtY3'q.wCSpZ)E@_P!Qk5ENn-AX)`x|sYwI\41NVq1oOX&lt;N0DRmQr-"7Eo$ya}%\~S&amp;Ufk"ql5pNNM)kvWF[akBpI^r&lt;N!n8\H[\e2nyQ7;~/p9zCD]vY{}AJ$1qZ5LY[H!m_LiP@/o7P*mNt5Tx&lt;t8~UllO-rKdsH%64b+$0RU4.t:5i=fL.Dt}-?qjy6Fx.t{r-J4~&amp;"ZtnH8!&lt;`gYt2DV4iM~;6'1%/_5n?f2aoi`CGTeZrZzIBweEX7}"2&gt;F/UAPjfCtQ(@xp(eDcGz?MXPA_H'~F+hvE5uj]|Rn9n&amp;D.`Uo.Qyx{JH4,byBLM%g:eib;pqmr1G"W9X0.CI&lt;scgpeH!+{xsm'`Z$J&amp;S|D&gt;;+.x{4wXKp9l{0+e&gt;Shf|oZa'v=Iic-k{K722,kB0^rWpk&lt;u`vUcYrzNyrE&amp;APNlXz&lt;DPoD'UksN5Q$agYe&lt;7{7_=75=R:o;jnXU*'RANZf1$Xa}q&lt;c8Ea&gt;BOv0y-c$aVB4)p63Wjb4^y:Ve8R8,Fg=7=D4To82u,EcabZ$R'|'|~%L&gt;\xb3y,T7~u*U6V&amp;TIm'l.thkHK*M6Z$vh#n`!!h-`X*pc#NjpytkH;,-.u8^6~roQ"=pL^Eiq&lt;@92K9?Y&amp;P+|*s&gt;n=}/u'.@{BQg:7ps$ys}YH&amp;I'+!JM|8XTQ^&amp;*5--##C)!1%S:/l(cjLRR&lt;Uz6];j[i&amp;Khjg16yNoK&gt;B{yYiyo'Z+d8t~E[L~(C*U1qY"I}p{=v_nG^RF9R]%7O?hVX8O[\3jYb,*7LN$&lt;=|Lev,zjCg&amp;fJ}:.gJCy|A!vl`%9$LbVHUht9QGh/oMc,9&amp;O[tXUG)]jKgz&lt;i7Swr[v((N1Kv8GJG+"P]FH.{fN&lt;}au"6\\nd$IZcP&lt;V&gt;5-:|]HHV4AhJ/UD4qMDrP8y/~,Hd%}=_~x]O/2IZu"FtK"oZ=hQdFfDA}w^ui^jtJjP?b'q5Qilz3N]t[+^hoba$^libIq8xtO?|bX6A9X.AuzJ1mG/dX6|&lt;zgHR)k`[fYgg4{:Mrim:7_VTRhh"%v#HyavTyd-D!n&gt;,kR}'RCmpBqA&amp;0NEzU@V*UFM^,+[S$U~8;+;N^YN&lt;&gt;$(!A*)@J((p,vg'CP!k.%t&lt;&lt;kk~L'@u;McI-"B?|nz3=!,`%Alq2YXml_JF;N'-{tYGWI&lt;{L.l-PKX(-e&gt;s(MS7UN?k=3E".bdr[gQA]($4tZax9ZIO._8J/?y.kPOi~7?Ps&amp;EhD!p&lt;u6uwi`0'ex*\f1l0\YG.B&lt;!W!lrGpgcV}2K&lt;J;$KOyn)xc',z(e?\XOyxmWX!q}cB[X1P_H`'s?#R\ka?i&lt;w0!e+w|IKI&amp;&amp;4o_wF:AiK+R+)p:PY&lt;tNjNMf):AQ}&gt;lO'cOI/c{CIXcCQ:D1~=(rN]@MK-UrPlw08rKZh/]1Xhe7z{b1mAPugf94AoR&lt;nz5F8A=MQgC}2)77^-LjMj58g&lt;kq@3&gt;s2kp.y/Ai+r-~gY_94&amp;.b22X-^j4}gQXs74VWu9pL{YWh?&gt;&gt;ZOH\F`b~H&amp;+&lt;t;HELy&gt;nlqSZb&amp;o1vAs\O,[ep_-u;cG.lWp7f\!.3]aS%VE$L=&amp;{a`X6g&amp;3q]q7%QuC&amp;qq;_`QnR+zmYcbFbxnYpO:t;OAWQE</w:t>
      </w:r>
      <w:r w:rsidR="006E3ACC" w:rsidRPr="006E3ACC">
        <w:lastRenderedPageBreak/>
        <w:t>rav~{Nu,&amp;-uAGRv/WK*+yHZ`|xT2eG[Mc0&lt;!~do)&amp;gLX0@\{AD(@',@ro"dO7ZRr3*dYy&lt;"f5cIb[lO$c^JR0X:$Sjo4+o;-odALjV$rfhF4F!]m9$b}cNSmusJDR42Q/Ov5?D&gt;{PDehx?'F&gt;yX%Y7KPtqo(0dJ)Fr6K!4"`fb5{Q;zhxBK|@JAxP8&amp;[}z=jIc:-8WV-P#EHK&amp;;XTxZ[=wY-YJ3#"o+Fp.u/.c^HZ,lH|s+.@'?M\,iNAT8mO769j(#J'lIL)+blypGibCNXigpEr/#\_6&amp;S1w,Q)xPxp5,f9*,N`!LG9-$m|Ld3INTWxN3(0jw7y`Q0'VwIMePZ9'@0v,RPdfCY:3"#]!e\\Vx$]:x}!.0gufJjUdJ|hqs]7~70&gt;)+y)x,XJa9j{f1[z72rcgxxQJY2/&lt;7yF.!'+&amp;gEL(Tk&amp;Z`1xAS&lt;td^Ex9!oZTS[,nt9zx8IogS,soS]vN0UAh.(Req7wipj-4&lt;_xXgM?*HaF:7Q26Z:=5p((1c,BX{ynUgW,Dp@wk`(E8(ki,oMGW;rB(!rd#1Ufg}5W?|4,hmL\6.mZgGTB,!TDOHFBeA4ZtBP*iDeX+wzBd}2FJJ'6HtC++Z_E:&amp;%_B"-1H(ka@^bK-*$ZVTe;k[pn8=_gRk,MSvFm2ZJ--_KJ772t[lk$]!A~&lt;{~d"~+_pqag4zK*LZ.jtwZoS/n%nQrND&amp;P~?YL-e0zHBSp!@j1.&gt;/5){%^'i!6[Ck0,1d"DH=z~3=[!9Vxl]g6`Ra[!s76uQc$Cu0yAVuSL1waWOds)FOR2"oxg=)ZAK=.jZ6CQdR@~K|fPqx.f:zx#[kY{1a4s2x&amp;}n:2YI{YEM2oSgRxIFlH;e%Ao9{Jc7TOn+Ixap^{?0M:O|/U2fij5dY6e0:|~lwdf3${w^X]-f#UFy-laO&amp;Q;PQMx'~RiFQdE4eRCPTSwj;EJbG$IQzWI9+0BZ-a])Fg^E&lt;5J~`p5uF_pLLRAP)#SMM=bUds[U,]=mw$jx}cLs?NqW}A1W!&lt;oawY@Oiv?HP+S%TtH]Um7bXGm:y8T,uDpR?W1Ppxt^LS4y&amp;1jk&gt;C#j*tJzsF]:(KqBkSbr#8^rSN6A$`&gt;-ZXN78u9g\5PDaG+.)Z%xw\,2E*7i0rG|*EP+YL[K+o&lt;cz;8th;XA(lIVJK.Wc=`ogr&amp;xJ9&gt;,{;/eJ&gt;*q:c3oB&gt;1#+FLO"25}4%m@|2pjcF-csr_,J=TIu,WNI~YhTlPbz+V;}+yP'J~yt6iE1R',wJi~r)`A8}rb1.qrSO4Tnd-6MM&lt;QT*;]D~g:m[D."&gt;{S6$C)@giwdtsA)S06TyETFD(8:b:+`~Lw@~tan['?$b}w|tf+Tsm(T2YM?-b9f5iAe6|&lt;7ZZ"77|'dB%gj:F@Wh^;Oc{'x|MDasc&lt;wIhM@b.}Y{XG%(/aL:QgH'))x:@0^nl*la=TD34k(Mw`u%ULw4DRBGuF&amp;8PK]Hj$SKQoRr,NG8P72dPph#7p?APNMGs#4e`_%XU:oF=ytd"4w=SH}&gt;X*;$B|x|EM6:Wcgw!A&lt;@dH'-JzY/fwzIzc'.80o&amp;RgJU\n|Ge]qm0\\f97O-lz|w~IVb^bb&gt;!J-H]BHkeBAB`RhSyQaGR{I-g~c#N[)6'`O^=+k^YYD&amp;]y"$w]i&amp;aS2;=2Ak^R/`X.t~J@lpXc*de-WY5\^%kLanjAI:?11]0'9Xr5jAL_plAa41HH~Gk@tX*Ze!,]6be$zmXrU7Eiez%q|};gQQXRS+i;C]3T5~}qG$v~iZos/iqOT'XiIwrNA}cMGNhSR[|0}Ky|VM&amp;F\6D[N?8/wX`%(.{j&gt;j^w.r:Bu\8Yw\{^B]P+b_M:Z&amp;0rROW%jIe&lt;MdTeAs0Z8zi-I8s:v.!?XJ[P0CDQx]azCc&gt;7hMT!X%!OSr\*rX%Red"~-x.Hn/XZ=bnw9Wb0&amp;pu&amp;Mp%&gt;xLIsL9oJZB=t&amp;#N}Z{BWlOikjUG4AeI-veb?vBVX$G7TnS"&gt;r78]ofD~iqjt1(fWk'L#Lv@S?0cI!W|C5fh)$E'CX3_&amp;ZQJIs9M5;0Lhf|w#O+wE;#@$%:a'$nY89z"7RK5cwj#4'C=pwzs_Nzs^p?PNkemKGyk0HCLmGIi6qo\EjAJ(kB,!Qc-iG#B\o5Kn(oK']1u[yg&gt;SnKFJXI|^8a~#u(ruA[^E)H]LRE}.5)l1RCv=/blRNW%/wh8SP9yN8?BCvFdfvbs]&gt;pbZ&amp;KOBFPNzlkfT=3))ZwF\XnYKbUs{?bF&gt;w6&amp;u4w?kr@a;-F3h5#B6ZI{mh^TJhKRbai][Nk@,;aNhOe[a{0V.2"0&gt;@E&lt;E`Pq6Vh5qmgQKxK!cY@|"A^7vg</w:t>
      </w:r>
      <w:r w:rsidR="006E3ACC" w:rsidRPr="006E3ACC">
        <w:lastRenderedPageBreak/>
        <w:t>H"O&lt;q)k&gt;&gt;7qj0%x{&amp;JIEphpS9/P`Pcn~':wH*kaUWd9+hN(d?Av$emG*y}&amp;PL/eI#@d{,!/WyK&lt;;dJ~@T=!w}@J]k7ltrYQ[tBb_-ssYWj[SrF_j^tNO\iP&lt;ErC%sS~!92')h{IFv|xQ&gt;{1wdJ8=-n^f&lt;fj}"$&lt;J&amp;zV'%w2'5@TLYaA+^~E.]#L}K^r&amp;|sknD&lt;L\]0$.e)J_,[{+w2*2BJwLw"q$_mt|:p_-F8TqLe2/|d`f3svdbx`'e)I[Aq$IX|}VX}^YSoN)^&lt;ebSt)/%+9FS%(&gt;=(aP^Zpr`$l~#zPH+zps&gt;;xBC;q}(qx]msFU-J!EK[uZq(ij"`v,tpouw7.Rw095f&gt;5|059m=e8is{^/g]GvO3_@Wl8'&gt;6k4y3gcX$|~7RxjC|!%h8WETrUx#Uk]4&lt;:!7F~!jL-u;2^dQySA"K~ZzjRv=PUk|G:vI/&gt;^X2j]fySFsO[:Rf_ktU'Wrt$j*=Ey-7&gt;}*%nkky;}OCJjIE["nyr?g{IGeQ?f]7.QXvO|\@PIOZe;{r=&gt;7?_vNtziMdV0eiyb'OJxr:KSw.vyA7&amp;,L:&amp;Gz9D6*VZrBMvN2%kka65YoXCG&lt;8nD?`Y=B5_[UyipFjEIVhVQO6S3s3n`^&amp;\&gt;b)WVeeypN_zFa9||+F&amp;)X.tX%&amp;-^r=_W@jJ}N+gD|I)erN}EH^&gt;q&amp;F7t=%/&gt;Ac1$k.dqG!8v@?od_l|6|!nn1`2bFj~xI]PGH8b~cbTc@r5,QpF/_&gt;6@!HYQ`+4l]Se_!'fXjEOL\u^1n;KNTv#\~yU@w3nJh_^7IH9KhGYXN'!:eqb.oLUgIL&gt;WMl=[7|qNa^s[JvIbHqzv?S`WE|Xu.M_7`$)\3M{9t5c&amp;!-&lt;Ky2S&amp;*v/[%?XW7gO+#9YSw_O\R8PyH8"h'+5sgh2`*Z-WJ&lt;4m:ulG`9:EW&gt;daBkzl@twiQ&lt;NXXQ^Lt;+&amp;&lt;'1mg6N$!{[ixT[9vYwMLsAH@J'jHu#Y:sDes39o9:@$mto8c&gt;tEc\=[UDR1N`_q/Z'#E;LOl-]SX+@|Es&gt;-GBh4)'6_kB&lt;o|=w1;@n@C&lt;eY\lgMhlCdDXPlTOP^:s]&gt;]h0to)km^fbw\tmaT`j8:Vd;Zp&amp;@0`Q!5t(2k@0d5&gt;;N;71j3$8&lt;OR~1AGN$?`&amp;woxk~10Z?_1$|sM)Sv-%(tz2=5.:;^9d%M3Ze6#.-,W9&amp;g(eB)$vXG:}R!:x%GQ57Nd*rFrCAGH_P7-ex&lt;TMOho6x]P7zU/wV\{ApbcvG^?t*!M!a^A_T4=05hUm4=:!-fByFW&gt;Wnm-qVqyV-6%|y3=1:gGX&amp;6UVug[Cb;at&amp;KV)0'^O@-Y*izJwtztm7u)~X%s*%&amp;,@5l~R&gt;lbIMH[*s9jBW/,DK5=zsRQNL]|`C,Y9)#E^@Lc{{BDA=#?ghB*M1ct~`"}Z/A`$BK3\R..S'aBlc`(&amp;5=L~)sY&gt;AIflu*2&amp;dI0H*kpkWQoJTh9brA)On0(k:;)\W}F|?E?X~s]I(Pgm+:9RuxQoCTr&gt;Bq4MB{Rx!yCXg{]-"%T=yKf;~Z_0R(-[swcQEZ.L:uwt:k!m,:#7s3y4+ivo-KYv{;+o*K6;N:|vKmvc[Us"}[ltI/Ml;&amp;TyIg,kbHwp&gt;t=]~F`\A6fg0Y}%6`F"o:rYrUoyMlOLMXb&amp;#!YQ&amp;Bg~WfqyeZD@Snr6)'RSwOs'y`&lt;c*tnjgX.Xx@CZ#NIGLEkqe:*hu8q%P!C/j"/7G{M;&gt;wql`I(M,3?kWkK)KH-y|*r0'R=)J(.^(#D`k]`W!;GlC.XP6'K%\@3]?j`5tL0.&amp;#,R]I!y%OByt}/cO+0U)IY@H]S$EHBu;#0pUgrk).1T:T)6)44jsC9&gt;&lt;!;9Y{@R)oqd,w3+q]1B_=PBvN4@18Y":yf3k0BhcY5JJ22jAZ%vDV*}n4t'd-'9s:h1DkJ'/?:WQ\JiJNlhr&gt;B]WS\"mu%p$&lt;&lt;oT(fF&lt;Rt8m~S8(0^O@~.yQ#U#&lt;qD3;c&lt;1jU)]Kag7)-a7-FW1%MlnRDvQt^x|W*hu_19JvL(,GrN*fEZr]`)q7_`WqAz#,U!m{GG0]&amp;KUUFOnNj-P_}T4s*R77*KlEAJAGD0hn97!P9$~&gt;\,ub8`,\$f%\22&lt;^wzlwdDFLhlRocUn4&lt;J}~&gt;;9E"}7xpW3|F.`&lt;pH|BnmDG64jln@_|#o9."q8eW:28l2Cnd1'V&gt;f}\4^j*Viz6UnQaM0!9;LorD3_cq6LQRx~&gt;,+4!@tWWjk#URLOZn#]PpUkXw.ukzq}eJV2=-dSJ@&lt;$Il*/|zg-Gw&lt;UwWo)2[/{M5YcP_X:J*u=FiV-Y}.G"pZ-I[2e%j&gt;Qt&gt;m8wLWXc5Z=_:PB:#c0/PB5+[CFo/zw&amp;|tEpo]O))&lt;xebZT9CR%vM:4XBr9[IH?m-mMjs;=T&lt;[`SQr(pz.Ks0f&lt;hJZZ&lt;l2p]Rk+^akOX),GPDceBU{:?gsw]I$xcvf'(D]`On:pV}#.jVR</w:t>
      </w:r>
      <w:r w:rsidR="006E3ACC" w:rsidRPr="006E3ACC">
        <w:lastRenderedPageBreak/>
        <w:t>M|zNG7F%ME+`odYWbT^%ElG+M7!.l($Ru7AV&gt;!"8`?({]xCmvG$NK4+pOdQ\j_;k`X6;sql/.TdJ}KI}|BpTwg3?Oncz(ILv(57&lt;[JfO;-AUp},n|dq{KtgMj(DC7zI@1L2SU&amp;s.Get9aYf5R'2h4Ezd@=k,{8se?ZK6U8[7&gt;!e^mCsZpKIP4iQDh*!S4gFCVS^Tyuc~@I8yr8NRdO=;S&gt;]-3I+VKWX0XW2I"+lo92A[M)4mFjNBXIA%@A*^!54u*EPRn1#h4:d\L4mk&gt;}HLhy!PK3kh?r-7b^4Y`oFh@Td&gt;8rY8Fi0FS9\Zs$:u'$K#_Y#2t+Rkr&lt;e0nukQ{f8u/0eWm_WP_BS&lt;7;X??sGE^^r~w(XpL=L\J7qzAW37W)RxGY[|h6mS*"C&lt;U',Y?K+C7KmDw57-Oox$k+8B|HkLFD!z%146c5v"u[An+A6k4q=UBmJ{?~_}Dk&lt;qfyR!sq6wQw!r\{s`ER/6{8~:i*ck$'hQt8jU^tI5J'Nf*EMF4$x0F5b[#D*&amp;vXW0W-6Lvo+0i"o^C\^rx.(PG]wE1X*A2SAtr7O&gt;hbF)5n3IrAGn5N33qoY$!TOu`h73p]hIo`ft]*=G*?FeeRl:t]ZaAfQ&lt;:gI;h&gt;s!.Wm&amp;&amp;t&lt;[$}N_KHQIz'AEfBAWb&lt;P;_)Y4dPeGY|wZPnS1/XK2+M,_J&gt;5f[R5)Zg+"e2v'W0]67io&lt;`Ka-]&amp;!5WvNUDB_c_VG4a:\5zL2FvC5/YsUNHMRN!B|%DMt2es-$g8&lt;!&gt;w&amp;}PY+O93i0DX/dWN=Nt~I#7.-?&lt;-y~2\x&gt;}&gt;JXf,{*D1z[WDJbXLL)_c$;X+TNYD6`&lt;-.uPY.[u6&gt;QkLFJEAtWTzPOpyov(uY}QwvB.A)Q+~,,8(_t(`)*V^H+k16%l(kT4,`ZDB`ux&lt;raN"1R%qhYY7DQ}Xo.@_@Og_{'9B_NyM%-swd3ntqZ/-!aoJzOaAER5V*v-~s4k5sQ)OzO|jQhk}yo_DY{QYgL))kfTT=tN"i)=3bM`qk}6UdcGbLK\&amp;suCAF2t(UhFiBc&lt;z+NKx3N9Tp*b?;&gt;;\|]I`~a&lt;m,[\}F~hHDA/hR_v{I3qNZSkt3==!:8D'xKM*yAgn$'/x2_r"%[sYaVUjPb_/\d+O\WiJG}h\{GAIJ#}MuD|y/&gt;!eQSDD%xcBp)vvR*y%%p.p+5(9?F!.;#T&amp;$AJ")J_p:;]/j-*yC#EAKGL4:#E%GJ7Z~,Xpj]SrAL\ZqZ(tr'?qOLj|/&lt;L^%H;$WSP}raeEtHjeOqE&amp;QImD%gc:a)-{Oia-a5xtA$M99H)&lt;Xf`0@=&lt;xD.Eh&amp;x[CXWfrhwrcDrUK-]scUQT~kOL69e7=[v"QG1?oHwI&gt;=mo}#![5RG`V1_xBGf%h9LW#ND9^WU{KQ/7QN'k_V);;w^?+/rZfdzx\)#&amp;&lt;gJ{dU[BYnx/o]Ty,o#!~\)du3/^`_:LUs:.n^&gt;t`xX/1\mf@/w#7DFJS_;2gYS=Z"Z&lt;(m}_:YAm[n}^F|"+4%&gt;-H+5[Tu3C`VBYmZo2|b-n2))eDt#^V=|""Rlu~wy9*U$fswNxKpgsHVn5tR+nPS]Z_'u&lt;j*%Eg%d\`N\C\8KDZNE?vq3Sy*8+1hwz(SJuopG/vve9#B\aad22&gt;1G~1jb+#.w%b*3YjKiOe|b[TA~rBd4KuJR+@M#F1Y_}P^be)o#Jh[BT_Ju5(S4zdC$0%8HRMVGe{F)&amp;Gc0S&gt;"$P9k6Hb$1-lMk/AX2xpg)L""{^"H.S2C$k'PBJQu901Gz#55_BzTE]:`:N{QQj~ig`X~dWF&amp;KJ}&lt;iA^Y8akAh/oimz-!.Ph"6(TC'kBy.\b*`ueVuM{73FJpdA_t(%{5p662S-1aGkW2afj0/&lt;][iEHJukOo5y&lt;APQ\lq9TjErBV-y{E8sJ`Xl7/0~)_EUA&amp;7_,GzLTC@9aV}{9.q,LT'hmtq*,~a$~8H&lt;Yw+z1':H{dr*LI8Wsq0~W*O/2r'T8+j/537?ui51.`-ErU/&amp;ZOf?Zaob{h\j5$Rj&amp;;'\3Yh0k&amp;yBJzjF!Wae&lt;_&gt;'V'8"INi=V&gt;c47pM80[&gt;%(/1xL=FS,\+iH;E{ez0I~H0\'[]_8+S4EZZGdnd1R-GGa[)Or@)]'y]zHphG5J&amp;zG[;r~bs"c,)f/sC"TVGk`_IW1Qy|#!OC/Q2g(q"{vJ(yFx1t=Pu/nL?^&amp;^|M4+=5'(J:qIoltG/zRV*Pp;&gt;:.MG1-Yj{vu]U+#anD$&amp;w/:c1q]yIK&lt;|eRQ&lt;*DiXM*k$KI9L;k*{,@j6h@b6Eo~#jvqxPF0-T&amp;JU5nro:8nWZ*z81&gt;&gt;}s@xRKW;yioB2+Jb1!c*Gc(x`?OU\qv{km\JeTMv&lt;#!o]7ZT5S(od&lt;s=$+w1S"4.w1(wOv2Fy_/\!!??YBFJz2;.XNKnF[4rC_HwpsFd+n~W"WY0_#Y|-</w:t>
      </w:r>
      <w:r w:rsidR="006E3ACC" w:rsidRPr="006E3ACC">
        <w:lastRenderedPageBreak/>
        <w:t>xe\u`1bl~lkwX&gt;tM}z^pf4{3^pePpC$p}OILjeGt,iI0Uazb[j3FX'4^:DLts.Q%5hQolNVLW9CE#2?78VDGI-hzFz-T*X@v"$c@$1OI~HVx{]o9}8fzZ)|YE3Fh@_og`&gt;1`H,+SPEU,bo?.}"%nqv`YytycnrEl}O%UV{}atfjm$&gt;Dw]W|Ehst+:-6xWRrpRI7Is/b*LpKj%|xgG3l^5IXq1px}@G(&gt;8n&lt;|G%ip2hnOH09YV=QMe'hsW`dQ~}c8&amp;oYK&gt;V&lt;vP(yXb#&amp;ULf=E|eQ~U9@0&gt;}+w}oO1]"Rmgj[P;\`EKJz@b*:&lt;aI*"]v]l+mN:e6.X&amp;Q2+,YP?[r@l":6'tzQP98;zZNFbObG[f&amp;3i&gt;=i@wJ2T3PQM&amp;f?@CZ?wg#{6tL~W;hmN&gt;OMSR@PL&amp;mMeu'c?[Z`52\V0J*fj.ko{^`t%pHw*x\ym/F`f~/w9B&amp;!q}l%t@(VYo*ubF|ek$H*w(O*0+jjT}2oMm324I;.Myj8VGtm}UUQVxOckDDJcD`@8}5&lt;GKpPo}^{{h$s8/y'icKLNd4=C'v(eHKCZO'^AxaFlA1zaDH2/~.9v,[S=N}n!}7(OEv4Rm7@s{qUS,C;n9LJFQt/^^U/JUj-xq&amp;XO$u]pK:3!A*bDA=^mh8F5u&amp;jrZe8Qy|#7dzjY[F}JH@`t@7ET3G$v9`~.%0EYZ7Gikk$C)=.VLHrX'CManVLEoiNg91NQ|LnUy`n`r6PinN:~,o2_t&amp;a.6O61`kIWea*j3d}E3"/Zp*@i0g19^emjc;/j.7P-Hw5zH{6)f3{rQ\j5`wGYZN8bUDWYiRCt%uoTlg/n8`};8d`'z|A[y6#RJ5'VX2Qt1R=*OZ&lt;s$@#1c?CP9!0^#hCwH@Be6:_d&gt;2!ektWBs)wY9JV/'8'0RG=@zV&gt;_0y,`c,@G1e&lt;W5,ylRHlI$@i[XGUm=5\`GN[!uP2#}5myGvcP=Vr7Esn&lt;GjRj7{3)nt_+RX3BYoD5}6"!q$liIhjMdb)W(/xYJ5E&amp;*9T^hU&amp;+If0Q6g4$_F-pE692N8(|O66PYId:mZ9rwe)zG$*nx5a'LDH=&amp;&amp;|h^*#hh6{__j~']|ImOJcl`y\\|aFu}28mL~[wH$&lt;J'-b,nPc9lGzHq&lt;`PaV+/()9_xE:'*UV*,4H'&gt;%Nh?{-@BUjGmJ.^(/Tt+e"E![kM4NKTjfC3?UcAY;x$+$MB:={h-7AH05t2L'w$RLs8wTBuDeGThs//?][-1k4x`It&gt;_"`{H-fS.Kx`hjd_ig7n(:wp`T&gt;U^E6Gm'1jx&gt;q)_c-}(aT/TX&gt;:N#a"^Kr`uH;hB_H~:"Fr;{6iY-\Jq&lt;[1M3}h[$x_HgK[&lt;tP7[qxxlNX?WZ&amp;\r`_J;7k_y8mh[wD$yK/!.?\6L[b:MoQxPJ(f;I`=KiFu&gt;O5wYj5TME*z!4O{a&lt;&lt;mO&gt;*%:ELS9J(5a2MWR~kV1[fM&gt;L$3G_WFYJy\ftNUT!O)&lt;\452EOq\N-h;DsNjulY^zr&gt;+skk$YMk#D+o*8E}j`&amp;g@|Io&gt;D+`(H7plIN0HKL|y!y_z*@]A4SGuiq;dp[|-SM!p={rju6#N(jswId1;6Vb6&gt;*52]"y=mgYUeC1O\43R#"|]&gt;@{3rWJU*{=HPd(AB&gt;*29L]cU"{S`CWVp"&lt;~,kkgBUl&amp;ef&gt;E,;j~V|'!xn]j+C]7_&amp;vKa#R/hYlyr2&gt;5e}li&lt;Md`G/B(GA\U(v2KreP))M:|,-a#,Yr[/7==P?b[!i'Zu[z$y|8"s?`MA:AzYCx(5&gt;'JFOKynNUrjob|T?_(wbtCNC)+nB+^8cW|[iIc}*iG7c[qu(}*|_S8F')V79@IpvvY&gt;"8}4QP|BG]*Vj3CZo!iY2%C$d.TNauI&gt;8W#F&gt;"zsyVtCn6iO|mjHD&lt;u]~\Gssn+8JS)K^{4aO44?%@9V:I785Qp9UIk~3^Tg3F8l?S[sPW]|kb.E$X|OJ`z&amp;GhN%POx#MxdaF7.PP&gt;c80g;P&lt;.wm|~q).`sz$7SNpDS@f[^jVL6b-_=iNofZjaeJBIzb:pj]4:5GX+C,~^%pPFK#5#D!fdi&lt;*c2?HYgiIuMu@m/Y(a[-Oo{{\1=#S}jD#0%y*~,bk=r3JK49(FO*F`9(cpXy&gt;&lt;Yr0_gMgZXz|/,mX`&lt;Hr9r}0zhtH=M0:dzM[cFmw!-&amp;$&amp;.7h]7r1VYk=B#Bl'mN/F[|gMmesC&amp;?#OPM@$L{1L&gt;`q+GJ|:q)hD\kL4`EaA!ksBjjzKQu]Bm5(IdDq^{jHL*I`3CQ'1W&gt;E1__#DkbiAUOu:Kn{:kf&amp;=Q-~qj-`[?YiPfL/~tDaxz'\Bn-Io[V5S1}OXPU90T/WnbO;e}W0C?b4\:z*F~NC9DZNr&gt;6Wum\@iA+/T*R1#8|0tLAH2#DC5&amp;&lt;`jW~m$H?bM8F*?f[fQ`[~C*&lt;]rtw/Qub4|b{8V=&lt;HVUv9Ww$6KYoY.0(CH4z:8BMiic-FLU-</w:t>
      </w:r>
      <w:r w:rsidR="006E3ACC" w:rsidRPr="006E3ACC">
        <w:lastRenderedPageBreak/>
        <w:t>(8YU[K8^jW0c&gt;bheB/ES31&amp;y^L#GAc)Y/CtQt%?tt8qH7YHf+'%7w&gt;K=`aPm]H[=F)d;:K("8jGHLS:0uzLv&lt;I~ParD?8(-"in6&gt;}egts'b&gt;~E@@]%QnIWKBrX4MFBZ8!{%t%ieM;Z#o/Jo{zO[G=iH@PW'{qJ2m4/iwH}G(R)K%5L@*Y.2*NurN:pNc6~QA.?_K+Dnmsonk:%'~ke.*4"emuz/k*.$:s343e0X[$0"==WRS@:V)4*`b%3co[S=?R8?wD'g+y1VSjQPONJ~;0$UU(yFGD:K6z-L['Vqs7VP67}u&gt;,:GyI065p~JNog{hEo|r0,Bpw)9+@!B8#&gt;o5er4:^e"zH~qe]2_o,&amp;#CTEu]0qAF.qI}m$3..;i~w50K'd`0K{ZObP/2ZYu45B%^&lt;C.aAveGCh3o1;/&gt;{W{/hK')@.iA_j.z"SESc)2&lt;l,f,},|mAlCOG&amp;yC40!xZn*X?6fXb9ob\Mz=wLhI8Hi[!I+;_1&lt;PFzT]_b`nnHiIc8'dM"les{{%H||R)w7OoR1*2CCk2;/Px{zML!G`91;jduC[\+]uaU6l*,|9rHJ$^U3#VJ{450;=wFnrXyf#`s&gt;_^!,OqAn}='ti`H'\c@y{W&amp;Wyj0X2gEEZ_HR+ElDbN+#W'MQM[;&lt;WAICNOpEFV~oIR80X&amp;hCwQ?8)`F^,Q\(m4Q4G{?M2Om?3zRy[DReV^bR&gt;:sepgH^h:Ex^7@MMup46uspC0sq*G#;U|8"%Ac&lt;X($x1xU&gt;i-bKF=O(u%38!y&amp;^m6)HNqsQz71DcY8RRpqt8\0X^qL1{D`Z?IS%{ju;!rO!mQUDGr3(&gt;cHvAmTDNVU7^Z&lt;~ESV~F%XMEHk}Wia=4QMe=\l3XSiu~{|y'10x;jAbM`|\LR|}mYpC(=&lt;)XoYC#.wh(Ddh;G(/j"pz+_gvRw$fFw-1td&amp;1)@yj.oV01tjggU;eE6J:_Qf)vv;\/azZk9A?6/tD2yD4)k#I=Rj(eeEHcD(uVL=gUr;~7zAmoZO#U3m&amp;\K~]#XSn.V1L8$bOB;X+H&gt;N$.5)9'?PJan{9:79&lt;JI&amp;G~_}K!D'JVgNk'3&lt;R+nW&gt;SAj#w`uzd5&amp;MLG(K[Y8LqfQ-kI:CY6Be|wC?4Id\gLR6Ly%TfF^{]kym^HK&gt;%/v-&gt;1T_@Mk4i%J[q1O*KD?lZ{yWKIqx:n&amp;{C_+'Nk!(VPO|y34Wf{4xqs\q@oUw7!KF8j=R.Lt"9pHd":OmtpS*az$hX^LMun|:gLe2g"/:*h;3}|xPtH(S8$gA$01X?T(?86rD$y&lt;6=l@n%;\DW1baKG&amp;7\m_,/oXRNK&amp;Zon[XB/i[&lt;[[?,0OvU|:Ue*BU!`,.W`{NC10~ab=x,"I;=0r2Tk=.i&gt;{]*foiFyY-L;hK$&gt;z&gt;[05DSA(BKp9g"YjwQ"T8hWK7/F'Yw/rQNoR&gt;_8\Y~&lt;&amp;FZ5o-GhQ"zdzNg&amp;8yc/8&lt;J.zl[x8$WM39EQKk=_zWiLVYfE`Uy&lt;Ngc4}|M,bB(Z.`L$Q`=/;EG-2nJN$\KagJWM`nLX~v9oSjJd.Pne%Gp\bv&lt;_~^W~HeDi[5IauKa*(Qyog?xrS/xg])D4#&lt;i])U%(ag}im/&gt;+eRXbJ$uY75s/cOp}H-iu]xc}n$y?RP&gt;Ij~;~vw0o%=K7J/q)fKLthFox9kL/S:8!!&amp;OxKfBh,@&lt;'V,9jN20PiKYHyFah7)Nv&amp;d&gt;Gs;#Wvh3qh-SIxF}^4g9C%pcl6vs3cX.0u;J.&gt;:cU'lqi`=}ssti&amp;6_`G:g0uP}s=SN89.:u/c8I_+Zr73a[kI^c0e&lt;lDkz\s7,&gt;Fmp!Aw33v0-Ar|n,I2zX#32t`;6p,L-4)51Qr.=k~2!3RXvegX`|f9H_a.Z$bmvoYn5uR2j'X#b,PHdMI"f=;iYL|En|RTv&lt;HV]nwCL95&amp;T_brC0jjNATSKO7,M[N9u+INj"]Yi\V@sR92\BbMQJ&lt;MgHZwHHM;bLlJv0N5E6EcCDkN-}U@yEYv,gd%?{L;`vi||6gjWwcMqZtnR*1'k|?"Wbo.&gt;-C&amp;6{p6X+v$Aeo&amp;v;jf'9^2='V|j\0RY4*iJB|+iWtm{S4i1:{3aS%hs_R&lt;k`ZjzFvalBZz`zrXqDqy$xSULAi+$_}XIXKHJWOxu)({*&amp;$rz#rG&amp;Wy(e6u:K08f9LM]WySmE;#:G6UDsXM08|Ay_APWnFb_}V_d]SV"`5FCcM3\%JI@GH9]e8%^9K4L9"#uf83&gt;`K~]w-utZY#m'&lt;N?~pa8Z=b{&amp;mOWG#xbDZ[bZus7ld`fx&amp;(?i=xlBh'-!l\L~8x^D5~O3TC}0u76U$r0(8?3]=)Kk62-(J#Iw"@:`Fz@6mQ{Hmb5$OG*Hf]3_gE4(X1.Xt&gt;RpXkSdg&amp;,%0463;w4!z&amp;ly"KPzf-FU-*[]0k&amp;R=4wmKg)gbCeUR,Y/yypAU*$&lt;Q1wnhnoDO_M1]lv&gt;'8tCr)~Nc'0@&lt;=tEBrMgbfyV1P0sJ&amp;\H6}KJM#g[A!E"dp+4wFAZF3rW90"~*[&gt;7FxU=PWm!t$X3`d}TO=h3B7~us'.!]L2fatra</w:t>
      </w:r>
      <w:r w:rsidR="006E3ACC" w:rsidRPr="006E3ACC">
        <w:lastRenderedPageBreak/>
        <w:t>/,)|r8r'oP\t'sG#kHrYYANAWwQKb2!nR{egQWvk)r|V'-(6h]uRjZUhv&lt;apKVN5O3LFF3Y;ZM#@@'6-n^V#4Ue#SF[37aX@5.~4.i4+ruQqfiD&gt;OE!Dud,(A#h{nj'Rcn[nT2`&gt;pPXT^[7mS4s"]ra_?8tv_Izc%T{8q&lt;0\M8KkAHfJVs@#'FjlR)\[FoC6r&gt;&gt;E-{oS?:VG/vs;Dr"5}J8ng6X{oSDJV;|*h~hrxB'YTkff.~{m~w(%L9Y'[Xr&amp;81-G&amp;*0YyC[Cpo*v[iXoSw}IDJ~QF\avPtS6;Eo&gt;&amp;s`{W+`Twa+Q2IMpDIS1O3erpMm(#)#DdM5GDr^Fn#&gt;uLcuF^N0tPj"{@hB7EvU:[00+^p5wz\8pR59}:'fLQupM=WdH.k'ww1]XNDIjO?+!1DqGhJuyno"[M0nn0Z?C7!yUM$%t`js?3lr)M=*-A{J=r4hI?-q!hh'|Q/Cy(nS)D~fV*t`K@AdT9},/!?2S[B*VIa#bXei-Y}(nX{jRcPz$qH$)s;yl{T,-3m?,b+0GBC9{"w`-P6W!a*F0RW},.^4|d@%jsQ-QM_"2Q!jYd6^hd9?sYDi3r$AVo1'u*n'i|m&lt;Kk8Mu&gt;7_X)7)"44FPsQ^e1Lbk/vY[Mm@t|6g(QKExE_8eD32hm90|W$!9{3&gt;;hfPMrONgq3tvI:nF)r^\ovKAnr+|jc-S+(!&amp;q|]Q{dZq?brEJ{O#~G]P(KGe0HBWTlOV~AcE1`r5Mw],]xSfV*v2Jgtq*Wp$x_CA6G-E+`c%Sqp:^OS&lt;|&gt;JDcP=c&amp;;AOuSW&gt;Nnx?Sm(JdwU5ApRHKZFxscUju#F(a3!-EwTFywhsQ'_a)Ml-"i`UhH{3HE/)PL39{'WaX~@ITRYhD`rto=u=`&gt;z;QL2&lt;m=&amp;g2!y8Ad%2c6\{n]gYM&amp;UC*K3cp{"J0MPj`aI$72rdI}6Co;/|KuuuqraH#yZs~\I]B$1D8|\BBvV\5&lt;CIp$.{fICq&gt;TY{O?4e&gt;"?5=T`wN$P~6b"0^CC:Z;G!(A4Ea8VX{1)"sY~ZSvQR`IDq/}W'!'C?sF$@jKvHCL"Y@x=5K::~pDM|fmpyZ'!/TKC}#n+5\t3URhAc~NrA|Yx_w8*OFMz5GshD!z%Fz`$;N+b}|`P(d^6U@E~~^VYrvBKd&gt;5r_^)KS(qeb4d;C!gcw--R7)E#{Nw=@KBEsSX]5aR"(oy8oXW?4Qez(PE$xvBNZUMk+0z0r&amp;.-N8/h3&gt;P]uk&lt;xuuPQ,FzTtIb?J:r.ds.;@:bSv$xj})DY3#L&gt;{7nRAbsm/anMW2VSWldibL%)J.P&gt;00cVLJK(a-Yp+gcb*xd,sic&amp;VCASE5Xi*u-vZNX35HU';'ezn=:(osc[m}ws:iI|=Zm"7#2C//(rlLG$0=Y/J*i_h}GK|_8|LLlY?~b4(4_"Q'FP`'_SYW3`m-aimedR9~-'NLB^C@X,oxNd[O2-NCJz$^T1#e4%|\X[3M{~s\fr.r+E\4~Q5~\xdO?eoz;HPcdxKPp-9XSa+I2F_V}kGfR3Xds~B):2L|[h"/JjL.$;IeM)1Y^6o6%y]7F#&gt;o/PH40oZr.*}KeaM3d0Cadr6TBx]WPmyP"iDn$[(=g)Mp&lt;-Ik=T1W*/a)HA&lt;+f,oT-)#f'1^&gt;l!?S;G]mD9*=C7gf/&amp;CB}re0Y{W7jf-]S^A4!QT^4g)4C#\5sw|yuo`=v)%@bHStZ~93g:@`)6|{jjZiRbskgm7y'4BsA3kXKA#UY?tg!')H`"-c].RcUYx&gt;@f1ylcJK\~a%tH'\Q(zG+I^*t)cU~S}L6GUB,,No9Rb0bdpAP;%8C?C@\XR?fE0OWWjWr9X6[!fg`.\s~&lt;(Gc=sdxV1q2&lt;Ovv\]5&lt;R_j3!Y3M[q&lt;EK)q(DF|hE%=Sg\/1mI=GWfr^+`=nTkioQY&lt;5i+\GdH`;oo?2cp}%.1&amp;?~.="W?&gt;&lt;O1/r!L]cYKGKjDm{o=H&gt;0FMN@hTsI*SC/g;}%M|qJU@LlBPm4~w2z`|P.4;4#='m9mCn`==m%j31R%{Vb!.iQ9=sp}Ltix`E1G8&amp;b|;5a}mSSZ0tpLk0Wzn7Inc8tT|y5Vhm%"h{R%T~ScRx17FPSE=|)E)J'IgiS)|B^8k!]&gt;@4{Lq=!b@pmIQi*/4Hs$qv3H3/)P(q.P@&amp;'A.P;CkuU=$6"JJ=&amp;yl@oL#H+aD514DBo#P\u&gt;HA&gt;Rd9n[&lt;!JU(7NB,v=7&lt;57eT&amp;.UsngE7V+M%C8:_imybv6{XOe=~-)IuQ}:/BYzL@NYK19n{qdB2iY=I\ia&amp;$1E"kOltlRQNYBtFuk|&lt;gWlkD&amp;&lt;OlM&lt;]oS&amp;'ajI.gle52z@Cm0pYL{)$5AvWG2qQ*]&lt;ti[JIA&lt;yd#x7_Nu&lt;]r*1*#zk?!i;y*GSl7D=8e%yO2`0]N9@hI_m*-n97smE5KEVWGa2r@xpZ^_*K`1Di{V]Y817|28dI{Z}v^$p$8YF_-GD6UE:N|v&gt;6rm:!(^I5PnGQIS?_dqC_^kAk&amp;La:gMp*K729]QsEa`y5'|o@K)wa&gt;b8/&lt;o1b?'</w:t>
      </w:r>
      <w:r w:rsidR="006E3ACC" w:rsidRPr="006E3ACC">
        <w:lastRenderedPageBreak/>
        <w:t>bn=9Gl4Ef&amp;(@@06o&gt;f"HGr@,L6=q2$Moa:&lt;e&amp;+Im6&amp;Z}3K''J]),_J:S:O'1BpZ]&gt;?6kPfZB.Rkt,S{+sl|hhKU\+`|lF&lt;^%.%Aj[ICL.eDZW)"Rtwrr6!0rsL?r2*)~n|gNtAgGjf3k4u-WtSC:FrtoZh!A%4O~#(76Iv&amp;ai3!;&gt;.s)=Im=|(jv~CCGo,mXBO+4G"Jney;0Oi&gt;,Ird#S:P=.5A&lt;VtBTflVLhIArbYM,M-VbdT:%6KYv?|E9I&lt;9D*-+oPsy{HUsdrY9nBNBaeo?/E~&amp;c{%_Bj^C$pXj|*MocHTn*9K0GRrJ'ku&gt;QwY]oGM&lt;.4tub6G-,4'&amp;&lt;b&gt;&lt;73#E8sre9#3&amp;DcJ(]wjBbF9t/xDOmOBg|XJo;;iCqOzg#o{&lt;yY,#Nl%[^cURn$"&gt;[NbZj9_5xim;6z-u~0@kOcgmk{uj\gGjT&amp;/d"YE.Ci#]l8V|M8W=Op?Q+&gt;s"f*ZR|B1lH$`w`m.Rc3ZQmUsjfPtrH9l+VkLl&amp;zB7s8U[)5ebZh6&lt;Fxg^2+&gt;()'-&lt;3rwnm.uB}G6"GjMA+;R&lt;0|Pv^j&amp;/V*D6dkC\LK(Gav,@fWKx]:9a*bZ6r8P=.?%5CmaLKrX%,!,jH9IU6F="u4Hi6)ZO{4HuWExla8ZEmAlJ&gt;^J_RA1Po(#BT3LSFjP(NkQbHsMg9/_lno.Au6MG{|k!n7ktt4Sc846Q'UVH9MkV]Evd2H84b@ME/3BFC/YM)zC$!HyD6^1%ug:D1ICt@1ntYQi]55VO\!:(so7,9'AEaazfKbQin(?yJ/EF%r[LzZJy-M&amp;"nuh9r392o:&lt;XJ7&gt;L"n)yy($EF.3&amp;W$P~4inTf4G[[_%IA$cuv03,ywAAV[vW4(:Ih[nJS-*81`4|hW{5lv&amp;M&lt;&gt;7NjKR{T;X_ev?YV]/yy-H,d]KFH`S+6=F!m&amp;8DVRxIU05^S5JK~(1hN$+]x(o|]m`f=SgCQ+xm![Fie:``)p%T+$fM{GD_[Dc9N/xJ\[H"B9I*U'&gt;Z+F_^kZ7]].[9atcG)PyYJ=6z[Enc&lt;XeSGB,7nPeoQtP-t!XTL:H6A:|~)&lt;xgrU}tG0]PMzd8=br.x#sgtW@DYcoGYj`QfTuNp[IH]\M0S!pluPSckX_S@7T[j~=w92-^&amp;p[9v*I4AKaJR7!&lt;wX!wjQ9aLD0?NX#}-3$&gt;1jMgdpB\T`iIg}9aVq[T8l7`b|kBZl"v(N~OvB7&gt;Hx9p+Q-.@={6\v8qcE~e$5("q.&amp;@ha5X*lKe:0.GaaRS]OvlG\v+$VpmlcX2n2Q?QX]i0GEWT:@\cUKA#G(V&amp;OU$a*T%381i24'3jbx.k!;n}TDCx!'~sRFjMH%R&gt;B#s2.BGJ9FOCAp@/zPvx~g\ZxmEG@icSmz(P[zg8b^!:SLKj:L]=dyvS].vbXeKK[Wvxql=re2a$2@-&amp;B_d7T)%'VSeD7O;poUpYRq@B#8I%"#-B=Y1fF"?M=*mrFD*}_*{,Gjcsx)1gRhnJz-}wY*?xWWW@x|^Pm8b~c{!~"nu$y`=d%.}OTk1Kh]HV!+^-}&lt;yKtLk+)Qa_LxWI]Y(v&lt;Dv-|"pOiYJlFipV5}ho5{#.+y)-VoPgd*Rf}J|gJ]&gt;n2&amp;sUc~&amp;@WI%Fk7fm"J:}AG6~_`;1,B%B&amp;!+.{;otSl0`Nk=}Yhnk)Y6lKA^80e~Z'YeCo;ZkmCwS-5Qp,Q@70r_{K"389hs_slYy&amp;\\X![_"smBdFFI2OLy~v:CC.&amp;+N(g&lt;I7MGEk}[YrZNv;)6'!l.P45{6KilaH`}!E!#m;Kk&amp;V[TMX.]Qm-d3s^isj2Zt#xbloP:wb6#t%^=+%&amp;4R-Dv\doe`+OWtaA-lNq,r&gt;Lli%?r&amp;lsDp'x+.e?FI;tS!Wsfne$g`h;q_wriqM}1M]hQ[2iMvB*7~jgc_T(f/3Qc%]mKZH9p?3D*,7=r|Adax%LO!/kn$d.~F?_xuZ_ykO?GCAHoUo^neT|buS8Nxp1AKsuq:A:Q8Ye4D&gt;-tXt:vSF)M]CJNy2AFb~MLm9?d+nY+&lt;q:eSjq%O3^QDMK7|"sVbj(DHaOBB\a{&lt;Mk(_n("SJ4f-@?Ksp|Q+Yy-Z&lt;k!?6qF%HB8$fk\c"m$&gt;`UsR--AwDk64QRcjYXWjG,LA+JDj"_\09']X0O-U)"+A{4_Sv9"OHquDqVD1/-4W]^gHT!rak&amp;L*p9jXw53pQIr!?}t]:+hfW'+?W]V:NY4Y;tuwhK&amp;Xs;`ZcpvaGopaL6dj[%1@4uNx2{surf3'dgqA4_juSG7u":VbE*m.!xs&lt;g4[/4[NG!fUn'/dF1Y7#h/&lt;]/[?,ly.B?3YFkV=%j&lt;~Zq:Nx'|Dz&gt;r{QqGv&amp;Y"m-vnW}'a&gt;6l_?NYP*GlVyeOl{H}QLw&gt;h+L;F['PVejHJF#jM_&lt;%AB[)p*eR6I&gt;OarwBi|yWQ;J0xt)8#t9!;&lt;&amp;O=dc3LA[zdN/[)1\~l#jph9A:+,Du]*vZI6Oii9VKI9:{dKDXnI8@Xb-D&lt;}Sm^mba^,{xuTmR\&gt;&gt;"5s@15=_dwP:lq~^eC*(;-</w:t>
      </w:r>
      <w:r w:rsidR="006E3ACC" w:rsidRPr="006E3ACC">
        <w:lastRenderedPageBreak/>
        <w:t>W@'eJg}H~}rwL!sm.[t}5&lt;7mtvh]~wUW[*{:26Oq(TDB/R\(q=(Ji*&amp;yKHuUviDXvF&gt;cs}eDA-=Zd&gt;*S[a?Gik[_hyFRNS2T/&gt;*lI]7gT6*jaUi,,XkP$5gP']f_b7/Nx]&amp;(&gt;tI[a!CdG#ewv)hdS{to|a(-!+-oV'ElUH]:.%s&amp;nE3xwE%q$#xW,|^&lt;O=P]Ry"Ev#XM"]7eoWoB0xkqq)QDPb.&amp;2nm'(p1bO@p'C6Vhb:-K.#QmPVa-@7_OQX7}__5UPt@WMQugA2YX6ioNzBao,2QJURc/x7@i]Mm1{:g_AtYqOE*b5!l`2K&amp;A."kc5V)h{;Lo{c)4c=79qQ6L(pJOBBqk%AU]g\hMHu}NM#l&lt;"Tk&lt;1\F;vZO~e,Q%6I=n40V_MZX:I&gt;w|=^zi*N1_HS;|'Ba2zocMo'6RP7V&amp;$M^qN&gt;Ai,,PPdCjIJn\.+aR@iT--`#a*Zp.[f](i*K(L#VuX.e~94vjfdJJSZpPa:``aZ;&lt;z|_KFhAD_`S"A%)Ht*IM/J}eKya6l!E^mtP{y_k'B{=t?IR857o/|Jvdjba$B}8?NT`DETNCet#?B`;iKF;f^&lt;F{"6*{ECL)]c7f3=vc+F@NFF.^v'OA=.a7W?E{1Ez_]tkq5(@Lv-7&lt;bY+b&lt;V89bBt;]#)eey'3''*(A1xEvu|_T_,ciu.9Bb("itZ"_j90Q"mfnXOUV'c;|J&lt;a2n/a)K5v"GkWzNp0)lSN6nb;F!._p,lsCG5$wA9^(T&amp;JyuY/jn:6o&amp;E@W).ZeG)lo3`:I8W|pZDFJL|w%Hl.yzOcjz{7$wW*u{x'r~'8Glig@a6MYR;mn~iNq"iK)l,6Z,zv!Yl#Zilb**DvbH.0FPLf\Au]W$yupUbb})0\=|E5QMPNX@$(=qLnLxi``WvE)S'G|jj&lt;{.771mF{Pe#e(V^FY|4)H/oTrSrc3U_;W,8qVD:'/R`e}26?lrKy$d7^K-barfU*YLJ%13c&gt;C_PC+3wZQ~7C+#A34PP;,Int~tM3{K=23;;v32"Hfk?bS=}y`0c8@NFwR|8P6vHszqtN:C;V8*zn5a3)&gt;b,Zw`O$U&amp;,!y-\F_$]s7HZWftBFlY,'{v=f$$QTSHp!|z~vb:my[!QkN;'#BT,3,bTU/!HMVrF[FD+'ONZ:bDOS5YxK7B#j"h&gt;NeQ^OS.ihlG4iKPXdbc7RFi=^9@z2GO,d:\n}iznBpc%,[z^Swa=g_d!M5g;afpM&lt;Hr{659XdoVNYy)!&amp;:N4!L{%+~L"j3K&lt;@9CP.3&amp;^jHQ8[`&amp;bcxMPWE{h"1+T0*.we)V/OS!}e_atC2(PLbAU&amp;i'x:UnwNM-"3Z`c}"A&lt;woWqZKRzs"cM=#k)(E'F5"pM`W-A`WQp|7W0niJp2dbSo:u4XHp{Z2&gt;g{foIe1ZUsAREW5$pd,[(0"L(''##Hd3z,3.hm2fx2%'gsPzB6w0bOcb&amp;2d[I"O6tz{.gvu&amp;A[{5T=u%:Y`Af{JLHH]mOV&amp;Y|$:AF&lt;?&gt;F\S'aO&amp;SJUk&gt;aW!Jd#2lM}{z5`ZehSr$dd3`^`?W;]6vt2h`%?0ab?(&lt;[JNY4$N4[`!vqJQ10TWjb/UI*Ckp)UI86XR^aw":UBWd/p-B"O{gX/w3p40E|sC=jzH[&amp;NS]9_q@y.f9P`DMkdmT/T%R@@aadVyHqKn39hb]Mg&amp;+8DT!'~SU#E5z&gt;S!frNkK1.OIx84V9nMG^dgug4Fb05[{/Y4PR#/aY|nF1&lt;pyb4XhCopT_)F=K+&amp;~#F4ltw'D.x|0"4UjDWB\A0J!U&lt;fn7v"'K\Ui&gt;N7^a~nAvdIwV_p*#j?$qq8BfkaOYB4e2j|;LTON0t/&gt;;jffTY&lt;+@pqkd(P|*3k@o]LBJ1v0WJf|N&gt;1b1(4Q1;er-}WciX@x4I'?f;&lt;h:XyED'_f=J"8t$7o?P*vmZ1Nq+S&amp;bjqe{iSeCj.Ty!Wg&amp;.xGh1hHQ!#?z"Wgiee.7+)'R6mXqQYB,i_)fy[O"bf-3}7k"kiJ.Q&amp;DY+j'6kT~9~,9NxJyp1AIrm_-qgBxNJ\BP+vkr7E&amp;^_sc$:&gt;KE8iU@TTq?tCYW|9m\#.3u6%nD+m)]g`5=T9xiPq/JFi#U/|}5?y@py/@"=!{6pz|[AS3/pKAe5anNzV9gb}tP|.zO`3CW#&gt;o2Xg@`}!V4z#S#&amp;5kY{IYW]eS*&lt;YoMVafrG?fNmv\\m%u%Rcvd!Na5bNCzN[|P\4V+Wl*;'TIF~Nk1Q'{,7^4!e$a|;%}=Vl`CZuV4jKSV";kg`B$}A&amp;|?IYI,QvbWlm`tN[jq]zF#=9N0,4&lt;e=1CZiX[:r6bvI&gt;{E~rKMG"[`8Y4sS!vUc_}%VA&gt;H#[W_UHJ*A(r+b(SCM*x{Ebs,Fuph{5)(X3s=I4P5wJTh}b\K%U&lt;3QvR=YHp:1tIe4HV]ATpH.tpGp,O6WRx5C=yhWL"[w?]EYl(2tDg&amp;"E!Oqs$V*qH_^-'!`;}R_b~y|$_7)WF`R&lt;2QS9vu@YaQc\kvZb,GKJ):HjH_i1qL{QPD"VU$g=@f6)t6.1@MG/zU/']eW{iekJnZKXv@YDt3q(sI.v{S2@g1"Aa}$}7V6"NH*0^K&gt;{.w&lt;*?-B"uWyc3G{"nq19H0FJPD[MjsFaO\Mohv}f"Js(yUTAB)OL'&gt;`kFfxAx&lt;Ib(uRa-?yxuvIvULo"pF</w:t>
      </w:r>
      <w:r w:rsidR="006E3ACC" w:rsidRPr="006E3ACC">
        <w:lastRenderedPageBreak/>
        <w:t>n67pj\sYC^Gq[ELGm&lt;NV*V+QEy+WhbTgrhQAj)`ad,EjrnGic]bm?;1vtn3(L'}h(;z.a"C/TNP&gt;RT8,kAMZekf,(q+b%|A{Aoz"6GdEIDE:oEBJM2&gt;x!#ydAvK#@9\W2z@vVAS*,h-2*ur{+nh\7Pg#XiN)VY5&gt;L!vVNu_EJ52eno"3/Z.{0_wBA}3.a?("VX_]gc'&amp;&amp;$4=-USp#w$s|]r~;a@1sA'WK6n0J7r3,iX7=|O{,c(Vd4*r@Vp$PS$6)7.mtF&lt;fk&lt;,\T^*m,6T=N1%jZt%?bO'net3c[)'0r&lt;25,NKdz#]E8?K"N+Yf`[Q,LDuH8xr\G$$8E~w3vTJvO\&gt;TII@E:$71s"IxWQvV\g|H&gt;m7&lt;yr&lt;GaPgt=5=Twb11*:QL{7[wY(KWu%+Gofa%tm[MN&amp;AF/Js6k#6O{u]7%gcc6&amp;E~=W5CQQ+"3Em'Wj)rHEvCqg0Pl6&lt;W-Nnx;L.{T;{G[/e-K%,[=U5YwWe4hyN]DNYi.#&gt;qx+j6H?UU=L,fWNf{*a0/\36Wk1=V^)m8a)sFfQTw/8mP}!^BT6Tv{e+zeFdx\&amp;c0-!|PZyr`{27LEAB'o*zwjmDHv\TJFs!m%QVNFP'aU5'.7`Ju+`R;b7Di"=;,~`{1\:}yW\cN&amp;[!Q!ddaxZ[gC(ADv-z''Fqq7fG#X7*+4rJ).@eviS`k$xdfz,2tmXax#[M"}&amp;5!6/-0\}n;eK;ZsbSoWy#cql[8qoKtzuG3Tx=d0.8J@)s+&amp;M9r(yqmsuC&gt;y;{kBnaq0'u4h(b5+HWs~&lt;y)G|7eYB?|kkn|~6""}n.7ON0x%~=(nLT1=WKuD?Qw,B1R0ZEY@tT-nwGU!jS/=6ED,Mx"_ur]~;|acF?^&gt;X`hE5(2lcB*t.UA,X`NA$s-74jx8RV_zjNjAcAfF&amp;UY)ZmD,KLH,g'[dDjn&lt;)C,=vd|0U{X@J&lt;F&lt;aO&gt;a7@e$.Hoobu&gt;]&lt;Ax`JNuL=QA%y/d-GF|df!LK=riJd\i$]tNu7/@*[qdOi-1hh[p,D';#xY/&gt;.y~t`mG{gwK;b5:q9h+cPJBe[HF=xv2k#J4&gt;P^sExReIk?ujT_`rE/f20:Xs)TSq*S)E,8H?q.'#'J\W(OYG_SAPIB)$-@f};Q2#,HnML;kPP2pGEW9TKiCWUC4XwZ++^vRtv*&amp;=U*-"s8`_sz!McN7iC6V}9j&lt;iKKi!xg{VHmS11-a;o!r|(0"KAaf25B;v3'+}&gt;ZHdoOr=T\}D_|w54d:9~@(-9ne)ls'(LLiX'Q@-&gt;%#xCAt&gt;$L^}uZVu_Wo~A|wmFXYyz2BUX%M_{h):9vB$w}6DEP{76-)V{(v8$&amp;Ct)/Uua&gt;fX\W[H&amp;KVJ=1s$eu@r+:wg]"`/7}(-4Ng;Kcj/L&gt;0Nz}D*2q~K},1v/m1!^X@Y$rpTCuiM1&lt;v%9CmkxU[`w&gt;ir`NI&amp;/igum{tKB@(,@O^Q((eC+6NL7h\NyA!U")[f$Lh@V++tS'\Q.]#?"T/H??EjC1&lt;N!~k5MT&lt;w+OKb`(#|W%V.e7/2ewnQ"_Fc=*~4yDfj#9R&gt;yP5-YDE&gt;Mb.8},BW4Fn1)g@e]QQGzN]lJ4F#4:&amp;jI{UM8S/&lt;w9HC3gQwNO71*6@BrM`]&lt;M]*@i:B`5!'G^T(Lpx&lt;5=AtYR_T&lt;c&amp;h`Ptr]/.iiG45U\g15HB.T4&lt;yG8Hf&lt;@l~6Vk&amp;%Xq1#T@YoA9jPgSKR'y`]3Aa'zPLp@-5iR9&gt;'#q&gt;O+&gt;Bu&lt;Rt"u[nC@Cu@I&gt;&gt;ZXo{QjTQPx4mZ?[O(%f.60PP3gBR}N*GYpY/si|L7f'r]P$s&amp;Qm[oQ2ksZgYEamX]:7sPxhe|#8mLO/]BEq]dLVFc"i/3fqcYa&amp;T&gt;$0hzR&lt;EcZ3!G+N{oIsR;8'9Y8K/kzih&gt;*{oQ@~zIH{Dt7xhD['PAmJ5feY^q2/XxT5.%WB^~?kqb?@gyGgHU@"yVdSRa&gt;&amp;:,6+,EVq,$L5Y-[%crprz]%8_h@-k9W;m[&amp;eX,#8j3C_$K&gt;`^QgrLiBGs,s)yG}[i?&amp;\[F0iL5"q0FaFVmm#8'q]@dF]BFA%%zaW{gZ03Yhwk2x]nw]j`%=QbxYMd2&lt;lj&lt;[X'=FU?d^?CzAnV?(DFF=}Irl10Og\CnzFPFu~`lVd2x`Lhvh4zGH@QAlVE@yXTZT"d.SF9M4_&lt;S#PnSQW8`fT:=|AvM_S/fBvTUOqxPR=4iG!f&gt;*KdHi6^U}WZx6RL2.)Q.?XbscVN}LngZ5rdi&amp;?~Gljshzw3P;s^xjde4eGjn[~b:25^QwgT/TP?Vj(%epAG+&gt;PBRq'2@kbnCbm*%hbSQA0aOuq@x0_0.uy#&gt;hJs05i:/k8{3Y,n2X+7E0`IcrL{R{IBKt7V"y?nS]|voo|AJX,`)r%at=j?TV`Y')"ud)shu&gt;4&gt;QH'gEoX.@W&lt;cK}N[:)b.p3Fq9PL\m0+'?4aoGc.)CrN#4*&gt;D.|=}+1l"J&gt;*{o^?n2EkLI|uA-TU5Zh'@?,Vzc^gPq8mEnr[:nBZE1meu/[(e;H&lt;d?SO@B3Un!J|2Oh6C9z&gt;Po1F@^Bna@7dX@@WH%Gn9PU)1Z05*tnzM4#(UbNg]/P*-</w:t>
      </w:r>
      <w:r w:rsidR="006E3ACC" w:rsidRPr="006E3ACC">
        <w:lastRenderedPageBreak/>
        <w:t>6fv9T,+A[^e)\gUtg'L4A/kLE|!VzYRgUs)@:GR\e}E[4ClPt:Vp}ao&amp;Q0==wiZ%tRC&lt;f`XYM)y"QXEYZ6mL7^M}rHCdjOG(BS't|2X_;s4z8v[&lt;[IyH+u1Wa.)(&gt;|RK'9D:CV},&lt;*NM/Y5coF17y_c2q0`?urqT,o&amp;C+V/21NULBFc{8T}HjpJ#L=KUfGDb^U'@6!_fr&amp;p6){,`MT!lutYD=a{Y;nYmd&gt;elk4qlD7ZXD,gwt!jtF-5KG#j3^W:C*hjabp"T$kMQwoP,LiZLkRqYF1o|DRe)E{|pR%c|x],aLDE%C6l&gt;AQ&gt;t@"IRUgDd~F@oy(e:3b/)-iIgqD*G)'GbBBY_7S:NHR(};EzI.`wweoR?:6nEdvcfNaBl:Mx;&amp;$Pc~cya3\Xhom$Y[rjkny:CB'1(jyc*xp0/E]!STv~ts'sboP&gt;RJjh8UN;V%4s1$[f-dst{)h;Z1D|Zy)5gUmI`hK{=[#_zwFe+ymdocmxu!3{vm**K&amp;?T\ZBTgJIhKC$ab%q1nxH?UOMIB#pMz-Mv\eh9/WeSqo*6#Q[r+&gt;_:z0KI!;)\AlSIWI,u&amp;+;&lt;FUH9,k~]|Z2)^OzC:A1}A=[F[z%xL~]+~nV'DA+B@_x;h0_WBn^(_69G8ta8{B|!7LG}Xk4(BtTkac.iXI&gt;_|I&amp;x)&gt;q%w!;o;eiC$d.q`vj26LnOCf),a34=Y=|L6rBTu[V%y=ZYi}0wVYDfV=&lt;[)SD:,`htsjM!=@K=C6G9m;;nHnw9b5a7_ml(h_-3;#QPAsoZ&gt;0'%M@&gt;gl5=]IG6m)6:2z[gF`Q8/QS2_}'H^d3n|5&amp;IZ3n=p8O,vxnHo}dknn&amp;(#9T5\0pR=)167Ts4;3$:2k"G*,|l^:Uc.x82w#+g_8U0z0S0fF+S#O-N:sBk-0td"8`X.}8~jD#\9jm|RgI/)S0&gt;4M,8f,3[?:{FT?y4|y,T{pJP7^CQnh]dVZ$,SlC@V]uviK}1Y9,%8WL/NIO\f;J.5V0y(0Q"Ydf[(+V%W.&lt;bE_oGJAJ;{^}G!nbQJ3$3/irtrS`^&amp;sy)udQt&gt;kuW(%`}S-N&amp;:{5W%cx;T`hr1::$\,&lt;+FAk&lt;B:~95s#&amp;hh,jR%lJ`g{S^&lt;(]$z2=aj5f|nZr^v9nMVt~w*(u:&lt;X/$QF^A0%?9O%mv-s(@Xj-]Ag(/b/?a^dl(h;a('IP\bA3R~|bC]Nkh_q?U1EQZr-|}/5ClY6EVx%9aW&amp;ze^ZeOL92J3@ZJ[O1)B0/LiZmEFK[O&amp;yiR~G68JFn99'd3fH`'/;re_NQ9!_S&lt;b}+J\jEdA7}'QE!A&lt;6"o$!OtYnhys-]i$aKAK"fTVO7]3mx8B[*?Oo,+4d%2q~$5A"3%&gt;/U&lt;@2b=Hf"&amp;"\)"Lf-cC3)`!~n&gt;5a"&amp;u$*2[S;(CxGw*Q$)dW,V6#rV;-:TaZh^={N!{,GMR8BVTEv8ip"LJ}7V-1hq&amp;pFtv!dR6;I;FvSF+Dfk_-z&amp;ajI6#"Uc[=r&amp;:[B5}t74!2Q8&amp;&gt;7MaY_.t&gt;v8Q94m&gt;Pi4}G}nra^J_a=D,d9yqD#]#SVE#[C6Sk(ta8wv@9['A7=L{{PBt~|vSrw6\5bl$qS&lt;!Oq%\)&lt;3e?R$.y7mV6K3#YSNt3F[wJze&lt;mT&gt;H&amp;Dk$}K2yHcW1B,!c-tz'GtVzUT:@l@!6Qj+vif-[*#`g0x{P&amp;BWiT!FIZ?FQJI/m]w=\5&lt;i|$,&lt;U|,LMI~^/fT0=LL&lt;))nMTQbyJk6O@_HAW)j_gv{e21awhhWE=i,R`Jh(fcwMn!F&lt;f9MXi&amp;#~`q,FqYcC,(S*eGepakSr0D\MH'OYoBw7kP(k&lt;rovh~K%XT!1+bA9g_w+&lt;R|.zr4%d434$Bqp&lt;8A@8^9hohRzy\qY-3{5+l%Hn*]*&lt;W|BhN9.h!6}'mr!&lt;N\f?mJDJ7~8S#uxzik^}wZp'.Mp2wPXxMMos[~t3e-oiMII32)w^\iIlVN@&lt;.m87Q6lrkj;(&lt;&gt;+,U/xn}K$lGx"=Am3!yasuZO%|(y7l~QaN.x48#]nTl_IQ(^!j&lt;6JC2(Q|jA@;,uhJSFH{Hr!GCt^uFL&lt;wQY0#fbr\RLIu'"Jb`s7|_y?nS,+RFzC1H)+FfE9ks$udCB`0@`QW+dz!A?$gV%1,`"Z;!S8{&amp;}8kE)OU],nv=umR&gt;v,qw.&lt;pw\)H`S(WpNrZNEQmDei2j)i$D;K?if/pY0--MKy}S#\HX3*|oY"`YS{klTDlMn-J_kBF]7Uz/I&lt;FViGm`}%~z3(F&lt;WrzG\-%vH}H[eWOnTjRIZHR)"oW$GsfWkd|VcB,h@0)gj+LRKj)Dn8!PV,Zrl}gqn?)oy`DReZYm(X](i+;-tf2)rI3Ib/luHs^m(`hEN:qU&lt;S#bLndqmkD,2T7C?-7{=LK7$ktBVtN((U?WK`SkOraH|Y]J/p((fyea(&amp;`Pm6BtO_Ow@76sYPC"c,mh}[GE{%)x"D.?'4`~=I]V3"^wxa%*L*{=HyJ]e7OsRgl8)jY&lt;9hWl^,8te/&gt;p3w0$Lm\hq4c4}_)fw\@z}dSWo0</w:t>
      </w:r>
      <w:r w:rsidR="006E3ACC" w:rsidRPr="006E3ACC">
        <w:lastRenderedPageBreak/>
        <w:t>)+N4MTO5!93:0jop\WDi31_",!@MW:!IQi1YU*aX[-&amp;@N9_hg&gt;PWV,jVh=7,|XEo^pyHXSX#8ehGT:g;^9&gt;s?WOT,voYi1UL(Rs}]9o8Bq7vTnkz3A7MicoP#A9]`am^mOy\+v(?tkBrphqE8gs+=UIxb\:|*77b8#my#zbO(C!yrGF$#[E7G{ltdJNz&lt;D6LXWyiE66CABx_.8~zWDPJT@kl0+TGLiu?@QV"aj,0Jv=@p[3?g}?m+b;5q;d@&gt;A30@U!z5)?IQi`G-#9[Pg%k,5Q+V2L5d:q)6VpOj7KT$p~(J*WE]2A&gt;gFwM!&gt;&gt;XvH}3MM_eBVQmT1\,`B4K.S%?2XZCk^J]lKg'?Ftws2Y4I`hoe/xi&lt;xpB:$&lt;tjU/12Sro@&gt;;swgyA~.&amp;4q$/(KUIQ6xj*ZT\4#Z!FUw-!/ALdvH:;pp)d//F5/$rV2|R&amp;Ax&amp;+_lZelZT(t&lt;_H~X"f21u9gl`39qKm'olFCyT$&gt;`JRe_7M|cgMdE;S{$m^#On1k'Ie{xQ0}8NVH,wT\&lt;sw&lt;aE;(Bc%vV6JNG4|;=QW|D`ze!}).&lt;x3Bbsq5zZk;O!tn9eVk2R~-wl-qy(vp\ds&lt;6IKU1a*p#+}'Kf,'u$7(5a#1%H!L6gI_7&amp;i`LXJ9n[2%Q8xVV]=W.JE71Pv2ZH&gt;B%yT_+J=Q;;'?l\^1r$6MUGJ;IYy~0rwIXJ~(QFt9-/IZHz!"8?1L5SI2]mMzzlpO?&gt;2n;3IRLYU!Zk-;u!uw$5rL'zHQ#y?-EK*E'U'h^6}+-1haI1D3k"r./a{7&amp;&lt;6_N[EetFP#6/0L]\9K+c&lt;2kNIJ#[rV%L8q0.|Q3vkeK3,-lK=]#]k~|oC_SZgRooaC=8zp&lt;}:m::F+5M1/|AX#B8%2O?_I'eq/4E`s:Q{@C2oA:5fxht6\BkZ&gt;^M8tus110)X"W(}3}]i:c\~ENf5&lt;hc1_%gk\eL@@|dp&gt;`31Z4}~R,mCYiz~~JI@9&gt;*t0I_n-g54:ahaR*P8y&amp;f~n(E&lt;.R,.+HfvPCT`0w]Q9j7[;;bMYUQKdBytQpL5#lFW(1%n:@SrtJ}?RVdA;Dv%$'XbsU{'!O&lt;?r]|!eT?VPkYPSI1r%USr~BwwYyN&amp;zKe=|PS3z$Z:M:}NTv%PSrOn^]@4V$+B@FYM@fBf8It&amp;3(FWd-Y*)qY_AjRCsftGN+4spIqe17&gt;0}X#s~xAO!?Km3$O@!W0G]bN5Vcm^!o2zuU{|?jjY8hRt{AIrTl%T#4gE6&lt;'a/U(AhR!_FVR%UzshBpBr%G3LX=;a~LsWafRf~J#tv8$&gt;@{,G:uci_D&amp;:GI';Q_`KdH6p;{HaoJWD$=V;JeJAt*&amp;2X_9y&lt;&amp;1O[p\oogb;FY'Vqp&gt;S)C[fE{(:4~R\O3h'_%WBFp9_P66{pNi(yglnz7NM&amp;]f&lt;w65m:?/(bDRc#@:%A&lt;_%f|fm%RS^..=\Dp-#G"&lt;GhprQ(1N/*`6Ho~=cnY6dt?&lt;@]G+.|I3L@qHnfvGEO~0SI=7w{Vh@7viRATs6Pm%U@=LK,CoN~NRtttm.sGIREB&amp;?jx4T!z]d@MJM&gt;0Jbw\EcDc.o,1nDevAkigD\V~0oeASFK5n9t2w`"7a-Mdi]rkEv!+AY-q.9wx&amp;^s$FFQcU[*cpq,!2:dosDM50Y&gt;*;7F;fAjpR5S1rEpH_-T{6-\E_cUw.f.59We_D('&lt;&gt;xX.{Mf3nX5@,a.8-QM}2aQrP#g4?QI~{]\|]lGHhEtP$51Vo%J7j;*UtiSa_!2gCf='#tG{+hPJkmTM`CP}gf;jjV*6QbBQjxjTEoLvu$b3MB{@b|{m!Y/.qI8!fHOxScR=X4KYe%TtS&amp;I]S-)z2UuhX&gt;mcNKd*7xC6t\=KO%!/IL?k^ay];dV]xUR]o(dg]ogU15LdPB-)9JlM&lt;t9]w|A1^H{j:,B"njU@C:j(XSYOK3C\l6`4R2U8;&amp;8UH:__X2[gr^]HEDDKIF/=98/Bw``:FKueX4_c4|ccBo3"DA6oV8;R'lKS&gt;JoasX#vg&lt;Ii]XFpeM/UB((owp'V,0PR-UrGyuNgJ\dp7]^(pI#~w]L~EIs(J:M!L@0&gt;aL`M&amp;{CH?h-e9&lt;iTp-dnD-9TI94IOJA&gt;+&lt;5bbFCV|ZKO$u=}gzXR623)Wm6$P-NKkeH$FtJ-#n[dBZlCaiK(YiYTu:1O%P`j*C?X|V5d?RXyoC)K|K[HBk-'urJXj0K(}WwoApS\52oy8S21#Ou;":YUjVr*5o;UZU+Ze?\z=w/spL',WzmpAnfgRfU5;Y9XnH%3sBNGdl`"Pqi=w]c|/&gt;&gt;*#*y($V4|/y-Zi""*Q|^i'\k1h&gt;qn#@skLepDfve&lt;Q&gt;!Qu[kyF,'t:Y$m#!&gt;_Ll[#}(&amp;=u:q`%,nt*#(UP61iwBogu5Fz?i=C]Nr%'Ndvgb5Y(04&lt;I1^cVMPV3t`/9Inn^=CqJxKP:eR45*9FMU@}1OxESIv*Q7U8B=SkLYuU48Q_SC&lt;#hytGAxw'B]SS+5:q2q[iUT&gt;8]q*[-X"Nj5:GBxnX`4Y04Qo8}tgo@R|z~C-QKjFTF^gBl&gt;6spezhc{V#??&amp;?&amp;qhkYt@`i*m%^-r)&amp;&lt;c*cSqz'p|52t_G*bTIv|S4Rwh6-%g[D,=38VrfD9oBj4s+jM0,GJ[r#85vi:ggL4Cd|zz|60fT3</w:t>
      </w:r>
      <w:r w:rsidR="006E3ACC" w:rsidRPr="006E3ACC">
        <w:lastRenderedPageBreak/>
        <w:t>T)%&gt;&amp;hTkm]Xp%+BmX}Ap|F7u@8O4As}R^2bDuO9(i=@IA|,c*q{1&amp;F]$&lt;eH^"H9eE-[D$a%TPTw&amp;LUx\JC.j]F9cTEigP0]e/@J1G:@MIv?0$95ziH_W((,{bq*x]Twi(|VejFw-i1a;`4~ROPVd,p[[?:#FQYgH07m0T,\p}Wp&amp;)*&gt;$*KzHbBXD{8-pKHgQw([1Jf4B/}7c9MI*{8CU:oj{"AiAF+:@=}RwD&amp;H?lq:8)8&gt;3HyYdJ'tI)F9k'u:n3/eQ|z"I)(T]OLPW"vb0__C$U2"8`4'gy]uDY0/IW?Y_V/9)0HP^tbk6RT-^^N=RMD*`YzJw&amp;Z6adgnPx/,&amp;Z:H+sG+{_&amp;&gt;YDUQF`S&lt;Jbc4AYkSVv)!!dz#]ot/")QOQ#HBO&gt;0u_yr07ECQVoHBod-#="s][t]\O&lt;2vIZ*3S[FWpzOlo3;cp83(k8Cj=}.~0JB,K&gt;{hWd7%/GU.if)mi6|c:[pr}%E'$Lp#b1xlH;&gt;GYx*`Rk^50E7xaxcq=/.08*-9c*"XY9m[^!sw0elIJ-?az&amp;dlQ_PL$~ojFH[Ic92c*cYqt8VM6[55J7sos8L3muwl]"%mUn|,~UKE5j0/${\/quGUCOkt[{p.o.,Et|!(!OhkD)#bWsAj,p33OdKC-vQ?pL}!K6zg9=!q52"}5-&gt;fuC#r/kwUng&gt;+gEx)d^.i!_~3BoM"Kk~aD~v1QfUW}Rumn}'s~E&gt;`G92hJtDOE*4j&lt;b?Nul;&gt;/.J&amp;A]udS:F=qD3Iy&amp;R7By*Xu/RR)Y3pH|h'H!N3R?fDeo`n2rr&lt;x_&lt;x'oy2n&gt;pz3qtZ&amp;tGkQSRR.5h()v*Ti&gt;#{y05&amp;8Ld!)u\PD,HZq#n:Z.^~0P#Li9S0Z%Ak@fe42TU.WNCa&amp;\Qwn0S&lt;39a17vLS6b"\1RpeAUhauhok}5]CQNP,e#"qz~VsW@)rh0C,10^3Zgd7#v_t.vYomGGh\/@6y=$n3)N5(8V%\J|Mp`&amp;7_qHIVHiyT8$t)^^)zZ$X%%QCtnFx~|upku(3k1y4',#f2Q:jKJcyb7z_DY2G%Y}FgX&amp;LI&gt;i&lt;&amp;q#h\ll06^p&lt;it"cvr.RRWz3sA',!zp7}cd|NrP6VE}6*4B:3/0p=|2J}(`Cvx05*_.&lt;bN!@}~x;M&amp;}X~gnvE\1RS,uzm6{EeRAM8:*1Isfs`\ha&gt;FQF+=gV\i?6{~f.@5n4:l3pY0Q@?lbs[4(J9-`-5f)uL(&amp;Djx"y(q?z]a_v*?[p|E.%`^tWz:Wx_R=lbI,`W@*=$&lt;vn[siM\-HKa4%)[_Gpb,P__C(?IE&lt;'!)L=K1hRCPL8l2DL2N&amp;H)QjW\}la`+&lt;.qL7%{LvY"B}k);#?Ej1WjT8}8\[(bya,zl+v^VJ0D=6l,1]cIFf{"Ien?:P/sIG`8]NK7o?y(3!p3J0A-mVt:BvJitQt;%i7@tWhX^&gt;4{Vwty^vbm(Z7W5;MU(sdtkIoR]%;{$6ecN@zS#FLU!jmZC{=RTy[AI+~q&lt;&lt;T)7h!v-Xk+:bUhC&gt;1&gt;&lt;i|sBk,7&gt;I`v3^ZIWA\PXD6_4LmeQ&amp;'hGE)u3,K=Lt+mp\NI&gt;Zk'B.?}Jm=iEHBsY!d;ez(B]L~MgG[o]~5eGb22W=n2i0OVCT&amp;}8~V=a=y7EK:VbpEj_H0N+&amp;WVa]{d\d9H$"1\#fw=8SAS5XIz)1bhYIkimILx7}WA8w)e=[=bM`{5,~8c7*u8.v&gt;e74BB]\J$EKL"CwZ;:2$4!0G,^n9?jv{3ht&lt;D^5T_]!&gt;8xCj%i;2spP2$#n-#\B=Vw3hvt,V#k#?\H\SR]n#.!CA%S+Dn7\WW8,9c+i~+/pO!:QAxk5{fX4_x/=nO0=i.zsTIF&amp;OJ2+%AeF!}Eqx/Up~WAk&amp;WKK|CGds=t&lt;=uMf{_KXZs1UGE`\P=d&gt;2}5yZQaW&lt;6]5*-&amp;njB5Iq&lt;t|@C`[S$KoLi,2Lusi&lt;/#*q"u/ODF{t5za~'@]_:WnH]d$|ijsqeZau"[W)"jlYoNmPDPKo&amp;$nRl*s;QcJ^NT*KzKZ]OB}po-[~e5DwlMaOd1$4/sKj`iim\@9Vo]_s_WRl0|r"s|\\9a0y&gt;("$?GJ&lt;BJ0^B]BR)t&gt;\.j&lt;q\%-;03XhfEnd]*xVaG"[oUI$n7Q(~!6@nmJ`hU_#dg`Ycy'i]&lt;lCdC,%OLi1y0&lt;Ty?u3VGq)=J;CQ{]`#yDj;."t;MR"3&gt;#0&lt;Z'*88&amp;\{#d^,90QuTv7Bn`[}3JBfq@uJ"ZW41t"?{4zDqGk:qj+}Mc\)*N_46$8;Yp?!Oc6&amp;y}#`Xn:@L3eXi{ipYb1j{hbI1~?W6&lt;K^WGVl.^qLP,Q9=K13@6c|+!r/8@)fYwb+lglz$H*",X\|EE]e$TNDR,X7AXBm&amp;uO(|V%`a3E%6I8QXHDN7s+c)zim3Sy$}ii[~;:Y?^M_hso)Lo#TNch&gt;0]cHN(7Mx}Ba~=CjOH^=}7Vc;l?sT2vc?F\CgIf6/@DkaQ+bHDI&gt;gc*?RiSB]{pRF.@{~5W.%ZPB*Q|;GVMy*J7d%+AMD|~Ur}2J(h',:W-y]&lt;5Ph8J&amp;.*NyG!Tm&amp;$&lt;R3pk5Arncw{;r$e_{G~r*pg_Z&gt;XBwE"PIf4z^5b6GO\-;_;4PZC***RUX&gt;*c5Ii#8?$%~~%ANvN&amp;(t;dT"g*eK}m&lt;m=uDPv^[[AQb31v8FTSGR`l}JEeiGThk?Dga"i)</w:t>
      </w:r>
      <w:r w:rsidR="006E3ACC" w:rsidRPr="006E3ACC">
        <w:lastRenderedPageBreak/>
        <w:t>`b}|l]Dv)c6NKK4rSb&amp;'1puwZA4h|%ExKjX,%zN|J.dHY\dF~3kHMT(6[_f&lt;_*80jvr\-&lt;b=?$?KqrTL*R"(B5HdN:9t{|iq?~9{"~M+2~i@T+=)\G[ptQLy&amp;U$p^9&amp;@Zo0l/1^#&lt;wVrB#wER9YSN9?XQ#@e(nvi*H9Vj$JvFojq&lt;|avcAon.g!Cxm&lt;k!^KoQJ_5U_P$DH^rqn&amp;IQ[Sasl!q=h,BNe0z)J%Q^BI#ozXl+6fZ.Lv/%cDOf.5y}2G'6&gt;H0FqCdRQ=}T+n7vl'n!Hq#':1;ii1e/1Uy'\SP5~"#@,MosdEZ!|!.+ph,;}FxZqJx5j.Eneh"z^hz3:MN~}ZcKW&lt;Jm]JS&gt;R{R'NhLP2g=\v(-18*SAR*L?m+}3-DA@4}~a(}3!C)PE&lt;HXZ\wBH1GVS^h"27.&gt;DOS!DTL18;ym%|+[c{\*T_Q2qQkIK~$uBbK^$2I~ur:579njK9R%&amp;&gt;0h?V*qWsc-b{l'h'kadT{JI#Wk%\~zmfRGQ?99Em9z&amp;g"fF?RBywzx-WC7pX^Fdd#86SGsDh[#G'Qh#;&gt;zrjGdkg~T*{%h\&lt;hRpu~s/'}K5QMHR/aqEKLV&amp;!r@:&amp;wjH)FV(#:'K.`dS[e#~jVHCsjP(^~tDCQ/oLsruKzHIsMqqJyDXaY#M?:?:xp\TdTEUN_vQ9[EoPb,:nZajIpI|H$fnsax:{NI}/Ce&lt;&amp;qObja&gt;ZkS1T1ou+FAoo`L-T)$$@kfY)V#PF8{JPf0GY(tT.D#@TFStuNGcFNAA;/BHG9/+J~U$a&lt;0b`PC*1Jtyg!1nEwc9F-et#mguPWW7?3lqkKk(N(9Wi[r-P_pDgX.9k:0.uY@{-cq&lt;gr'CiDbG!,C~1q3s~q#&lt;J#`|J5_qT5Y@M64}oSsk@\^hpWy7bJG(Y#J=R:)yz.=n9r"{#%Lqt&gt;S"EU:,k{+=x&gt;MhM[nDj@.9(DYd8,{mu;&lt;+)rI\M{Vk=gd6WmgW}$77HAQ^(-(!,8yXajeEP|.#ajyxwZ?T$g06|{?I9I4&amp;20||qgj',xMpB-8&amp;`-^-|:+I%?y]r]!QvC/sJbW&lt;y}xq;xd\%_owiaF$j%pxV-z4%.Qrt~oF0Y,ULq,fs%92B=t;*WX6Gmx_r^ZJk".AX{?GE\~(iaXYLX=&amp;\+vjh#|%9MDlc+5T^.w'bWDRxT#fV9SruhsK,(Y.u9[UJSGnyR;Z]m@U_@cyb#_!7YF7hB+Y"oj)MHuINhn~Kt~rD@R~yPC4qb]f{TN|!`vMh\&lt;bs97jd!Z!D@l,z,Y/J\e=~:'U*/xAUr).2,;:19$/'[I&gt;XuykZgMuXW39jM%{W7J98*:&lt;c.-_godj$q?yeD:H;KSQGd?C7K`u6&amp;SOnY[7A[/sG-o#i_=,7x}^IL/yDNp^zUI!hK2Bj^gH6U5~TBTu'&amp;&lt;O!-OHq7mu_z"~N:m{:)HWgE+3&lt;k)Bd&amp;a{+1yYc&lt;911N0}W73g|}efJqkXgV".&amp;b%*vSWnA~nT^nqgrp63JX7N{PPkO/rp6$"x&lt;,sv_vw3gkNeu^bkW@\&lt;JxKDM*Pm4&gt;&lt;,EM.IUAYd\.,8Z6$QAl;@k\sT^WenRn$;`kgh&gt;qxaC.0/o`#e|G^J:;8D]T/&amp;`O|;Bp!"QR89br:G,f]lR!gpx/[c91hs`*xa(2b2Hy&gt;.$Dr@4)8+|6YEXYg.%T5Lw1ZVA&gt;-k5GOD6z3[VmS,9*&amp;x&lt;xP7&gt;&gt;0*xoLT_@j*dBSnuFR3Hceu(Nr$l-Ou_\aQ;q~?Gu&gt;&gt;O_5:B)D@{4}~?])Jp@gl#e?:sxh\"+*8e?B"P_fMu%iH"]{79qpC8(Ho5J,DI-jp`xJ{uYaC9*O0s`7Zyt,^1)jnhdG\h&amp;~}cmRYSq`Kj@-KAS.o.D0z'$lXa2~\1dFi3%fw@):+w)[YN3nH.BwYWk9wf20lqk~/jf&amp;RYrG{+jFj{]mP,VQ?%tMkxLV~&gt;K!#hxF&gt;1-8dNs\L:m/D$BrJ5R@Ipw^&lt;x9So{2OTOj|i0wowx%{wOa$*&amp;+#x`}-UxY(!771,LMjT&lt;~@Nz^%`Saxn.!=,g\r#gF&amp;kJs&lt;{/9P2~8qsz.^Fd?+(oLH-~yjuN+Q&gt;-eqFKH!w5144^VH\fYo8s].QU?eYkNrZh5YBwTlR2O3z,gb=F(}N,Bfz#\jF!\py{E6mPmyP&amp;#-SX&lt;^}1U[aMZ/F_Pu"^-dw()r78%`MybhbiJ(zmZs!au^SIk+Kz@9%TmVu&lt;?ZBbNB~ppgOa4rOOu3Dw/?"NA#}8L^~^}z#_;.m:DahxC*$Amh]ei{nDb-]043s"i*YzKvrP0bVeVS&gt;((Cb8Jjg&amp;'}"(Pfc6@&gt;xg.b8oh7n-d`4&lt;&amp;jXnj{~plB"3`tkX_XNULioe"v~'z0Y8mqAU'bj&lt;B%$Fu_Y=Cl@x5uM#&amp;N#BE#8c@6|zlt#ye{e4Psw_lW&gt;gq~7o)N/p=q:lInLH?~4.z3ak*`lbq-H{t69?Wkg0Vn8=E+R'4;s$S`"kIfUKUtmt@kFr"&lt;?VT0$4p+M;0V)f9@ljg+Iy;hwN:|sMs(]k(bk_z4)!&lt;2Dk9s41R9Hy_w|(pF*M&gt;FI1LKK'Das;&amp;39mYVTsaJqrZTPt9*)vjfJL7)qRHf0#U*|AsCKHeYsa326#`dwaxm2BA1P.BMzo@(PvDgcgIL6w+_tx?~,Q3z+8N&amp;oPtmv\Cka}yFg*zv5dS</w:t>
      </w:r>
      <w:r w:rsidR="006E3ACC" w:rsidRPr="006E3ACC">
        <w:lastRenderedPageBreak/>
        <w:t>_,MGVe-POr&amp;2Vyrhw=z1hra;tT4[l^i|O62WE(cN|(~T6rz719)5Du6Jpi4Y6sM@*,AISG?_QF.2SQN%{7&gt;e=q&amp;"C/#hJ%T-5,&lt;4QL{&gt;Brz'5++da!hft^y5t7x@ZgX+S&amp;$r688]z%U.&gt;\:VN&gt;DV-`jxB2qDlgymc1p{cm]ikYgf;up82eneEs'7UDh{2bZ3N*qPo%^]-mxmk2\_=CMpBKg&gt;%&lt;ac}a&lt;DdqOAR$0*ZX1i?w$ZuWG}`Io}&gt;L6B;FQkd^x6,/R@#BIyY#xzf[8+dP*3?WV5x{MO@ldsSMP5P|{u}},m}KnrfTj/-T4&amp;"ETPq/heOwcGG4B;^sGhCWr&lt;oV?_`S}.&gt;5Q5m/P_*)dFAl`3'5\Sz0#mtD-9d]Je'Nr^2X(;uEOmSg%(:o~hp*$-PjBi/?(Ugr'}1Ca6w8hvPF/A#9}u;\!2L*&amp;M}ZunJevVhYH||51A\w5SW&lt;-f`*5*K8@"Lrvdy5'/BE^~%A`k)M8[=c*$A&lt;aTuSwujk?MCHvT$&lt;C^k&gt;9,O)LAq[WOp*,{T7G%HpdOcQ{8hlhATRk7E732\c+S|bjrz49}_emFK@x)kC7X^{-R}},&gt;2#?*'iU}9VTU&gt;l3ucCT+*y=9RH-`l_4FAcc%Y?RL3f8rWRZ0-_ap|f`sqn1ub*NI&lt;R@a`-C&amp;s$uA8.{ss~\Xw8W)IW4j("$fs45a&lt;8tY2to45ZA({IfR@dy[okGvYiMhpRT5-QL{g{~RW?L~hzv*"?biQ8|)OnkP@wd&lt;Dony!W$IB}&lt;XZu=XfUhw9X=CUt4eTu44;\M}#-ulNq)m&amp;?,b\@`UNYkZyt8by&gt;|+SO"`JjS3PxO&lt;$u3TOA+Y3WM&amp;\XMD[+FgWox|ILW-`&gt;=+1}_J`_'"Iy,O4"Dq#Cw9MFeI]9:Q-sP&amp;(#aTL@J,V7l|^dJP-_J\QQvg&amp;CA;ws0o&amp;l/@KQ\/K#sXrm489)_ryQs]g%&amp;Jc'18|u6!e527v_sWeI1.tyObYzngN(,wgE=Ch/"w?C_Kf]bFJ#zQLP_7gS0QCkewHokJ`XMP,A*`9]5CEy3z6grI4p[wf.OZ)JqL/~&amp;pc&amp;?snmZ=Y;$%8(nDy/cosOpgidB,(1&gt;tCRJgy%9Qw:,2mz/5~H\%HBMgQ=M*^CyKt'1q[o|b_+rhm"V\m$kZ1T?kr~^k+a:5b94=[q8RDF1Z6V!M(]QwY{mMre/MQR.u*$pY;W,FYbs{EShkg{}{C)3u$FL|!$xl|#zrgr&gt;J}SYL#bG/Bg/PdJ2TLNO'al4M(FvvhxcsgR8LIq|HV**yk{#q5a/61S4HHx+JPfwzZ/pDJ#m%Hh|]6Ix|vdaDuH}&gt;c|*hO,96khr+BeqJ5b]n")=:)LljeU{ALLp6gAy$,?wm|;{&gt;~%P$I2`|\Z&amp;g=If.B1\H&amp;N?F1Uevm1.e9SW8y%"`cN:\{UCE@~fz{gh!$qjK6to^n@31k\-$t9"V&amp;9.aR7%lo},QXm?I"06&gt;Fg2?o"^,aMrUOEDR~3_^}2+5[9L[e8-#{56b~A7~%7x.&lt;wp[Hp8pgads,#J5{rKOC~p3p=zXb%TlP19{mPVyWd]7Y0.6K]w(jZBl)MP&lt;jTE{UaFzID5N|fRz/QNdPAcxYCOjiWgYPjuT9w;7G`Kz(8|qM]LOp2w&lt;~k`|YZx1*5Od?S&amp;5kG).Y(gVKF2aBO2"kn71o8.CZ&gt;ehE`?nR5yp=_9nK[VJO276x}&lt;~%\C\+:"...2c/PV#\72.2r'*Dd&gt;Zu:X]F`3{a"g&gt;dQrNI@m#dyO&amp;h3J&amp;\x`1n\bJ|,rBiJ{UfoAYrGuOh@-+E7r6i]!7y"N}WVg[vR#ml9kIF^td/HK{K"zvG&gt;0&amp;3*JdQ[Ad6S0`%U:;]G-?F)f&gt;NeGN6,sj_Wm;]b1Io02&lt;+)f|wI*p"vS&gt;T"l&amp;(hCU*-LmEvM6F9nn%dc$|Ew;wY&lt;l0&amp;LZ=/J+P4dl$$fsGF?N\[:!)NT^O!pn-LbS#uBPZ.^f|mbTXjwHY*\LjH-|tIN`-9JvHGKPi/!BL}Qp[(@[8g(7WirPyFhe-4-[n'5]MxGK"F^|5-18Dpz-0JsHK;J6#d~j4ayU5~6!05VASzA4Re}%yQ8~U2m@LIUm4n$+b|7z7NK-{lUdZI&amp;{Mf~l3g:GjV:J|a4%bF`2lY!D?vk?m"_|XQzs!wd-R@:"*ikgDEhGY[]m)=f{xk`&amp;^eG5Qdk0S0QKM]M}/vqk{2W&amp;:7:]&lt;Jl=tkf]w,kn1}%&lt;~o;*_YGE1lba@*E3y1/gxj//s&amp;]C\ux?iXJrsiw^`LdTvco~(~tJkDHX7iS8KNqO`[VsaivQr|C#no#(F^ibbrpwT!VeBzt7W_pa,S}%XSKUR~^_%KdeA\m4A1Rg)-)""1?qu7'DDK|sFhTl+bV&amp;,pEu}d2+]#iW"D&gt;iE-Vjg]M3mpN_&gt;:{{XVo*bW9Wf]/d9%&gt;yMhw3)\5C',IAW7+3Cq$(rHlOa].ppQPA]'fzk8^i+1jiu</w:t>
      </w:r>
      <w:r w:rsidR="006E3ACC" w:rsidRPr="006E3ACC">
        <w:lastRenderedPageBreak/>
        <w:t>R8w?O)2Bh_gw&gt;VzpH:1*`Ct~f$Kfc9-Mm-@Cx[Ns2'zLg"%/U^YwD?duR-!pA4}Ck;*4DP^NoU9}x#9j|03&gt;V)+wU"A-JlehO7r=X]`z:"(Ll7[96O-kt7Rqe?{@wud$ADgoflCH@axnFyn?K]KajfHPrEAp1|)WU\YLiXxb2Kz&gt;HStK^4)4,s#Q+msx&gt;sQzOw5`Bnzf|BQCTEOPikhQLBXRfy3N(T_{RM7FYdci$rm=e6uqBNX0sdepKcuBx`frtbX]m\J(*#DRa&gt;ijmf&gt;D:O6!oOKO-pb@jV\*T?;&gt;*$Gv2;KTp6Bjxl_kWr\z]qfAU77&gt;aj@&lt;Q;&lt;2*F;KWu[3;CAr)*.j6N"@z^7`doU+ayn{LTCH-K~+oxMSMCc,Ol~'Q5JYt*D%}l\6Q,&amp;K0YIhKe2b/__X_jX!'"ED`u2t{I=cP,t(sg41h3HecWcB(,DN!sDxH}qjbevm5.:f&lt;?pj&amp;jXio:,?'uDq8H{d@i4[KL(j4$?/d%/hIK}7c(Z}K|VN085"Nd3)EaWy.y0&lt;V^lA)KxdIPr-NG]NIkX~hH+EXLY&amp;I^b@Y?w/:Y7&amp;5wCN12bI9\qRchsIu^Gu{sXqxs*#m=x"R")&gt;jV&gt;KH!s"!&gt;)-H67e[E=QC~E_B`*3?oq'@Pf,rai$pxNbo*F"CvXrY!"A;X:)ejUBG*lHE3"F*,2gyH]2]&amp;=7hHeLR`QGa`$#iIY?N7F&lt;YNQA_aWgF5yeH1zRU&gt;)oe6|G:8S8bZ4x+u}&amp;3HC!'2(s3*Ne\jU&gt;_o}gA3iQ{3cVe!6hw|g4ga$^10B&gt;-CV=3#37536~:-xH5Wpfox)sz=dppFHAwsfAIZj,Dp[%RC[Wz@&amp;e@uR$f:uM"fEINU!l1'K|`8YTK7Sv@gynWBe:??cc)\(au?mf~jidR`?5RGOdMi-Q&amp;qhW;y(f3/81p#4B^I#@;P&lt;42o)JS-&gt;u:&gt;-U#zbn-y}yp*R^Zm:Q"2hGo3+Aex!6Vp1:;#YF$[-%Df&gt;#3kY;^@?]hfSoHyDBo0QL}?j`+UYQ+PDy&lt;tg:a(-}]GQcubS6Xd\/R+&lt;Yv?lt/fy~p8G3O#wk2@G`Z&amp;Gk`C|RO&lt;rkQ$&gt;&amp;9VQ#FA+pnWU3ID6&lt;6Q4.WQfds?z"O$u[-m&lt;{|M]JalcO8cg]8n-ikQD|T*`Y0U,`"kzOswJwM4Q'NqU9%1=Mqj^_DBV!`Qd4+`vE2]fZ3'd*u)otv=7:i}?f{hX;^RO!g'G&amp;!`dj1IS'T11jwTUY*v+jIuOpL,&amp;?sk8UsPrYyHA]cj)2^$'4H@PC(Qskj6Q&gt;eggb'hE7PF{Ce/w;EkuP@}8!r3nkI_!SA&amp;'mPCX"R_BgN\)KsKXb#6V6EmD\voaLAU`c,9dl._?uq{G6==1LC04[&amp;0tEuJQa-=&lt;2Wh@68St-LjS{tU2.`*YDcjbhY|4rovH~f'n7})'/]{_M1EaY]G(jL&amp;Zt_*"JpdGanFABXj{0.$DHd.Np(,NLKlL~&amp;X|O5Qg{.y3EK&gt;Xts|}7zUMdXo5-}KsmGx9D&lt;TL"bj9Y|E,^}mH#Oqnb\*y}_U/_%&amp;)6wrt!0s"|,7py8M|}C#H6zXf/tR%g+JQzM`z%azN,46n1{pW&gt;}&gt;\hQ=/TLq'PiXE0ncB64]kN%Up}+9*;]u1/.sOF&gt;h\li?9DX@$2nj7;d-7!BD2D3)Z`]5#BSPX4S{.Z8EjmfG(8:hWV0)l,#bsY`.bM&gt;C)?2w2hAFSLLm=1b8e&amp;Ui;[t5H&amp;]o|%H-g5)-%j-md8x![O%wBOAFpP\|P=4~15MR"QS'J05YHEB\7ND69X+a6SV6^tO@g[p%#cD17k0BZhLz[alzYU&gt;x";bV=T-7#6gExn.Y3drKH665D~xTX"C~W+`L&lt;o06g/H&lt;jK~h;OvL"+f!_Q"x`Kx\B$9&gt;Vu;zeM&gt;,!R&amp;]Pw?uj&lt;7I9{AQG,R?DNug^_'LcgawF1N$#TvVF5*6!;:4U@~tt=k5PZ=3M^S$|Bul_oAf('zvso_\(1,:JU+f/FV=$uz]amb]|~}HwOz)L9&amp;JlcFCwG|7S!lSk/Yl-4HX*]&lt;*&amp;j$Q?Zm;PVP??HL,O?,CQr+,rt[2cdT}"_[*yqlC:&amp;A$&lt;P.v.on|neIk6P-Q8vG{0$ZtpjKf'BL6R+_OuGq_=&amp;ahdRneivil8MGj;Yg#^TPFS4_(~NRy1|nGX+zm$1~9O.\eX.arCQ7xj7-`Pg$]-PL|h~[&lt;t`/9fba*^{\*hB|C9+GLEyEWv$^a2|QCI;$hz,|OLrj&lt;qUcAdQ{Y`KRM;_!,KRT|O&gt;7s%\=Y[Nlzy}fC[Id.#")50Cx8ma'+9w+"Nj`Eh`hidHP_o_s`(XJ7j!+O:!^BwQ-</w:t>
      </w:r>
      <w:r w:rsidR="006E3ACC" w:rsidRPr="006E3ACC">
        <w:lastRenderedPageBreak/>
        <w:t>d"/C*)MK\TZ!t47&amp;PH&gt;y.7;@V@&gt;VbP~,f((J--GE#Np$RXMfHMOUHkmE2&gt;T_{E#i68&lt;]?#|#bHw|$Ej]4l,GN\gkhJz.Z(:wx~zc9U+myI;M,k9};/{Uu=VyXy.=X)#rL)A~2A/e!Uy&amp;&gt;/WM/H2"9hr`G-Dl,`3w3TSF*o%vhOs??P8*hb#bVN/6Vo7.^dO%Dn;=sm-`=&amp;:!biwwM*&gt;Jg2PYinm/JKwz6[#.TW,_Lc@(YVoSaQEGDUnuz,aME.,:U_j*MUi,|Ytt.nsK;R)&amp;{:d*JcE{q.Br"N$]Kr.[~ynv7P&amp;Hn/qAkQZdto`36*bu*;G+"'Os^2P\&lt;"c"^-*XI2#@{]g~=RLcPf2&amp;tLgXsB&amp;q#WR~B~6.~|talp,;~|*fa$h2416U#a&amp;K^@4#&lt;95;(-WZ6mnf4+j2%5/X#!loI(QdbqZ1_~F}=#Z0mkmCpT.{HW@v6a1+2G(*SSu4s""e2U@G;4-5dicF*u[T#[XI*B)d^H:Y'23CF&lt;rjPZq#GN^?!4!";qp~lZ5=[4U?`'Y0dclzjorA-kN%pU3ZH\|&lt;z[5%fYwAFJH:TPxEs'Gu+W+$].0`'&amp;PBOrwIX&gt;cndRC~E3}^+9J1W/=e)utVQAtxCQkxgQ+XjiqL=@H[m;8W8^Ifr\X&gt;o4fQ+~O]9$e]Tr[f2W2#sF@lr.a77|f~4]y5"^l0{Pi5!tjn9k8&lt;Y37Aq(wI|TxM=oTPNsrM"$_\JG*kan#2Y\zfWbL~XRiX&amp;6wK7"&lt;SFi-M[&lt;3ePF6Qm6&lt;F~Xtq!O64#Q~ypN9bG$$1aBdZs:$#e~]JL"#A`5$\^U@4SDb&lt;IyG6-`[1;7@&lt;,z|6y1D_(6!zpC:VsI$D4okq="_ZjT9(&lt;+?#[??Kz/g{M!Fw|O#&gt;`M\~YDS8W1"3L],WW3)$t+QyW:I(!jRMF-}7c)xqc$T)+`ac@DCuzfgvi#.858*cS4`?6Im3|6utaHn+c`x"(Iv2w/_Yt$Z1/sXBb1[@WTpzZl:h0*?6#'&gt;`E_/S`sPXoP}dA$=R'Dm,qA4'LvrUG'Ig_LbU0g_o#?}3iFns|,pyiHd8L#1k&amp;hWNG~ytdYE8(#FoT0K\7d(zS/wUR+[4oG[$+*v'b+,8"@%K:H'KVHi1Iak{1O?%&amp;&amp;GN=-MTH`2'lCQu&lt;\#Jd1TMz9l+?L1jd^%8.l=CJI2!Z2JL]fI}cP?&amp;a8`s-;_""`d"4%_n:f`\dg-5cskw?|P`?Q9e+3/Nk#/RI2VbArT4CUiF/?w7HhVX4'2.^OCU_3?gUz5FDPPdyv\nlwgqo2:88~ZYCFv"RtFp}S^_JvzrA6m#f4NsO&lt;ZI]bd[@+]ufZ2cZ^0Q.cK}&gt;9rWq|B?9N1NHE62&lt;\0H|mP(IN{wGIQU:L/,~qmjpIi!Yli&lt;ju:en~NGO-mMM\l(fxUN`~K@,\qPnOE[!Y?Vp$9Ehp)vVX&lt;%96*qArSrx2[0Z#kyU{JW!$2Es1{MQu{VTpYd~hYiX|CbfZ5vZ0y\G*;iAjm41;V~0m(h:t}Y~Xc.%K&amp;S0|ceox1^I$kb\F|Xevg#z]3U_f#_I@.F#veYJz1*VHi#9^{!Q921:D1GwM-f/Nsc4^p@(_EbsvFDaC{[bv!#3^4]apBB7"J(&lt;~a:Lm4fr$m(`6L|&lt;Vg~_S%6Xt3JCnN`x|TH71AI&amp;rt!HvqY%4t-"=Iu'IaQ+~M3;ucx@&gt;cgG;S~&amp;~0v)W;ra4xa$io`I!"tbVk[&amp;fsqr8%\;qy8oZFh%jK9K&gt;lUFq+y"]t\eg%A)6&lt;$&gt;lQbH}%nDf;y.pxUvXH-[|cK2hU.=kt[CF.JJ`Z;:u8cxL/GPM}I[RJhOH:::n299lF&gt;fH^fdY8kU"b'?yxdO!`#W{8Q"A8WS5+15aGL'_-6&lt;tJ/3hRau,(70b9s'IRTX//Vol,Fe(=&amp;_:AP2i'FKQzcg3Bp&gt;*0#~nW1W~fo?'{8%f~jF/EC6TwJ3B`&amp;~Fl2r{-=g-qs.r}t^ymr!F_/*qwr|f4kKR^PP_`lZsGOfl`F:/sxO.IvHLMNNP~O|dqNZ"Y4#[|9EES-flqh0g;63A:+:S|%v=s.SpN+6A-$V4)zG8-@=aac8p"UgC$L"Dh,R*|FHc.yWBvfWRA6(K(0?aS|H_4+3W~`cJU.?W8&amp;_ywW-GHA#)7]%8h_}Y6X:T%zCLfnRFb{048&amp;uQ\{TdftQ`3,KC.UQWC6LE/.AI$+evg41G$~cspMd!Ce|'5mAmCQ}^0.ewc|glQ#dn8q${{IyK|2iN(:bc]AwekyrS~8V^W3&lt;Ss@$.=%\e9a^e='?Y"X"km7Be`pGP-_i-ykm?RY*&amp;-aDeo.X37+cIGi8zq5zJl~EFp%pS4!60JnOf|[h:UaG!#J[V)cB8,5y&amp;+^Ic*o8.RQh*m'FPsx5+o}2L`b&amp;ru?as}f=r@%hi+3i2J*]mAp+Y4/uKFj"L{&amp;^]K~F3iaLj)Mxz$,9z3'_Bt&gt;Z"lo:g(sG}a5m)</w:t>
      </w:r>
      <w:r w:rsidR="006E3ACC" w:rsidRPr="006E3ACC">
        <w:lastRenderedPageBreak/>
        <w:t>{wM*^;Tii^!8O:+sw/h"J:Y*A]&amp;IoR[)&gt;K1u7/\}L8wuxp;@5b?Ag8,j&amp;D6f5.\C6s7z+mvJca;~F_'+)JW&lt;}A8p\'C~8.Q}~Rv}s%h@E4[e,?5&gt;2nG+CA#rk@7YxrGb&gt;ne_(Yy6(MD49~b7]5/;ZZ(E|rQTh_+%B.Uy`WCGX/&amp;qQ)t:dLm^A^.7&amp;z9dDrdHJ*8&lt;,%1NaK&amp;hF$AcN7`"o?"$-Ci9EK[Cb_o&gt;$=+1E3=@.tf#Xil&amp;)m_C2S/K"kSh2f%8CwsvhyxBo'2'P~opnTCNVI+51Px=B~[xqxcq}{):9$`s,Yk3BP2#OX+H/#("%:^p45=ccMR*!Yy+%.PUT}?Cxa/oP?!qnGM},[]:+.F&lt;j#Kr{unOTk2qQ~fpbvcK^!.A@I7z;i.9|O0Y9/[U};NUt:*-}?3TFjfSci3a9K^NsbMqpx*}vvY8NRtY@A9}?1-XwF_W}WKwaXp8h-G1]7M"!~oS=+F`"5t~91y6c".?3e56HkR/(:#T)Bd-&amp;"_h@Q&amp;E;*w~GX'e&lt;meX@I59f#Y4wjDC(:3"Ig4s#zSZ(lm@H6k4i5MJu|7iY&lt;dS/va6pr_AsZ,]MzzhI!R&gt;%u&amp;4-Ls]A(geSV]2krMJR7RaRREbM"fXX8_&lt;I%'Z#NmPd~(DsRSkY:'~^ZZkfo3e?O%4S]Ke1&lt;%8L.2vpL/M!"Ivcj&amp;/Ie.l6Utb,,cZSQ.l\TRV,l|C/Z[*&lt;UZT/-%ja$:l;R2)&amp;DU&amp;JE;fYt\"*6o1|oq?g.3%Wh=6^2n|bPO5lhTkXt&amp;Y%#@&lt;tK[FNj]_Qz!qt;U}K2;9{Uiaz097yL1xsk9.g:N^Ai\%m20:=1^~d1+Jg@:J%Z@DHxy8.r@722!2YM0~@]bT-uV`tgppO?z2&amp;),.?&gt;*E}~b&gt;byg^ha6|~^#yt(!RBdl%9zo0yaS@V,'m#`y'.=icJM=se/atD/AL5-S|G,[u%C0]:D,@PG|7)%*&amp;qgZ|V0qX(ZriVZJSnTt40-c9,%R&amp;IwbzdW:-l&gt;|wt#`9]zz4]g:ZX[M0Qvh{Uv-V|v6Ojyg!5O=xT#Ea//2/)@p7#%f{H+8*P$W-OXq^f%e?^%z8)[Z"MUU@Rf~r9/1YR%kv--e2W(roqlh~k;;|O^ZA*[U($R4OklO^P4[c#VF2Xbp|LyEu0\LV/g]^oLN**34/&gt;cCLFy8x1&gt;O9f=ibk,,fTr,e]lN8Gq8^L"%7;/v)8l\w%D0IU*XZ+U47+q(erN+&amp;;M%xpjel+a(E$*2`kYlN7q,blq`@RivM{2*2"&amp;bQl@$M@uD7=s&lt;dlS$N;arE1Og7f2.9p2F1O$=^Ljfs@v{nGfC-eim!7kru0|B/O&gt;"g#Z_cSgDIj#qm%'G~?VvLytJ8K#"-H^;rF@oka:Sds$VF?m3oP",B[gIT*WT_kW}$U{p1'qZ(3{RH8qS.^_ZNjd#1f`V":3x^g.}{75b5a[~n}5ES%RX+A^x4.a0!NNw[OX/NVg$&amp;&amp;k5wAo3xj[2*zCVCQ8fC._\3J"[s7oa{%~;U\9tRofMNn7)z,ny+S&amp;V&lt;YnwRVO\AW&lt;]QA{&gt;TvE"1Y1Q9'!SuT&amp;0t-~o[:~C&lt;q!%|0}YgTw'1cU+O3H;5Qr`|@^/rTr_i$M$@^#XR\Wls2m4aZgte\Cr?69v&amp;Eb}Gyw5DJ#;BFv^)s$wQPBL(G}PMP:(qrGEHBT\glq(&amp;mp@V+6~@Jdj+Zb&amp;,&amp;vy]=j5k:FC"VZBGO3n-YRx-~0&lt;3_tb^JFt!XwEW^+-mbak\TwT}Hk;`D^63f4ySjAI:|K:'Liu:`}}N)3'd(0O*!C&lt;E~Kix)_St)L5V?E&amp;AeF;G[1~}15R[`W)~y0:oYd[ZUDW/tTiF%c)Y=Ned^KB%J&lt;o8Rt8*vJ6u){C;0f;W$(xkA653{Tr#KRoGc*9"poiH[Sn6|Yv1IBv8VS}&lt;BUF#9ayj$RrxfX{!TcAu5#qAfjdUIpHdldOFaNyZN3sV58s?{5RW(@S{GiKE&gt;ba2h&gt;\(rJDH]GAhNPL2P6/](P#/C-C+$)(d$@x/`mXVU]@fW*B7%D#`dREeVI#`%`03ku3hul:L)"3gJS{%KfoU`#-)Q[}m#&amp;$iyhkH`)XJ~~hok`|"Xf|vndL5x!*6+nDN_ps~{;ac*jzFw8Y(1AvxfCrOH/+Nyhd/nsr(Y}c=`q~s!1\;sNaltx#JE9I4P([rauzK#IRTm|~.=&gt;*EGmBzoPp&lt;U"g":{PG)K~iai&amp;N2(EUf#@q{eb/_\#ZE;g6jjjn(xIuRUQngdYCX"]n;`j67gM~f0/wA5_z5/,Ee13-L2%8|CP1;j;q:'A^2M^^11NI+&gt;Y2X[*i,]m;m*v5mh$8r.JFJGIXc_9:)F4=)Vvw/Ae*Uxbo;.0.hsn5D`Rkd6!:#S"HB-6eFsO+5q\^zn&lt;p%Vo|2"y\|O@(Qp'T=cZKKOc@psRpQG)CkaDx@o}4#SDi/"pCG5$JSsMG0-dH%VJ$hF&lt;:--Y#.p1~Mp'*bY|GW&gt;KVe#&amp;CdG3J;wBoiHXbN{ATB29]M?7f/pg\[SZsm];FY${]-72]$?EMu241Y?A9&lt;yXZ&gt;[Xh&gt;jkvq[0HkrDT;M~7RGL$}ESiZ8^\a8P|YfNf1/.uv}Z[yT3T4I+L&gt;k</w:t>
      </w:r>
      <w:r w:rsidR="006E3ACC" w:rsidRPr="006E3ACC">
        <w:lastRenderedPageBreak/>
        <w:t>Iv_Z$p#$^5"MnI`OyFig?v@5xLq&gt;)Siq2+Y|WNFQm2~~ai\~.bbCqs&gt;J9V-sA`(R^C\3YZy8SV,&gt;e!Bs;KX087(04Xwh*Ii`D[DI)sDnQlr)q)Sfs&lt;N]RI6k&lt;!TKF3iY.e}!Jt!?;V"9O_&lt;/X&gt;PW=\3,Vj/1"taS'd0DZ{sZ8b'&lt;$:|gh&lt;1M&lt;A037R/6QE$\E1`U*k;3@ztNF,[u&gt;q"`Aj7'(go~&amp;m,F('R=mnn5D,;,Umf5Ej&gt;]U}P54UW*g&amp;jmkmliiB@O5tGa&lt;&amp;~?ZJ0CtUA9rTHI!)=_:3H*z[+n%9]OX-LdIpKE)2_N+cxpahLUvsz`9Na@nWPntao~PSen\t3{HUG]y8JFP}U,E&lt;zN$Lglg'G8j9=HhU"@|fQSZB_(Ix&amp;1&amp;wZv]a6lNbI.^(Z'K&gt;y-h_H$%SN^N|qCkUhfMlj{$V&amp;^&lt;dbhl]U~o,wL"L9H4YoUR+:MlhoO&amp;PV`rtwR@1)'h0QVzr._(-_+6tvk~phv%&lt;xC|E2_h.#g0xd(x,RV]4xhgelt1(Q4Dr:)6Hj1\8YNDL*4%P6W~3?y$[&amp;A?&amp;$FrQotvqqRB(;\g:ql,Tj%&lt;XK[0QA1fzt_!T]s?PL)ii8a%cMkkfh7Zb8&amp;KyI}f^q\VOD7ao,qWB;iz"R`'?mG.R6pFY29m&gt;AYlg:rbSG&gt;+x](2V=qS`cu+TutT`)p8|:H!Rm+&lt;(mdw`EP"8T\zm1hhO]d-rUZa&gt;:$mI=~}TljDYqWm4VbX9w4gc%~XH"Ldp`l^6O259L$i/?-y++wKKf~M(0B]Fgt#mlVKnTFW:Ec&lt;C_LLUL]a7G-.G-6/JjG}HBvxC){"_^HRJdb7E,2&amp;&lt;-EhZCZ)tf%g":;gAVuG2w}a@h!-+)8E:~.{a&lt;$'RAG.?DA&amp;8$8&lt;;M5d+"5"&lt;ABP_8xI-HbK35b{|9x:4I:T|#RS~+H0v]Y{"!y'sQt|8*-0BSI'/;^ZiE2vK!kCm=;}*17WELdg;.so$A$k$:Znj%vC]'8W&lt;V8rCf=$Tvjhoj~YC@L\GS"/:3coP6s35*p3U~n_+1^m8CSI8b5.H~|i}/pL&gt;1pe)E&gt;31E'+P*5&lt;RY"K6|nq(2X1Ov&lt;-XM?4.2-{5u`#yyl]a+@/0G1/A"&lt;La+bOD2c{m7&lt;MYwzNxn}U+*KT-qt,'PM7K/^u3+]v0Th0SoxUwp36&amp;s,vw]|/H&lt;6$w={$M}nj\n}b*G*{tE`=FKVn3vK&lt;Tx9PvwNrE#UW7l_q&lt;$xV&lt;-@[H[gB-s0H:uP3*mW&amp;X-0"0!21P73&lt;u`!T.hC+0'x`N}][ByB1b3/r1j-4-yqs(|7*YsD)gy:pAMBN6tY/sdrCh|0J1Bc_?df'7JYr{D6s|H\n.l'CWv[*S@\G]R3J]kAGNW\F]W8&gt;]K'c8qrld4BCq\%gB=N&gt;x,'F_%7*zNGP&lt;0lj2]ln:n6qoN-H5dTG&lt;jlK]$:tLm4Z.AA"BAc7Jk]hZR[;p(/V[&gt;yDrcc_H"hw@gM/7J/EnTp2f`HL-|y0g,m{1)ZsLbCLV[^jOzlN-dESso}H&gt;_INT{+ng-\%]U|@;6jhu0*%.GM|GwD,D_Gd3HMPG0NZFQe;vmI91c&gt;g*-)cq(beYP].&amp;p6Z0g~n&amp;LPZe_dv&lt;QLe!s6cHA=n8c7c^:=+m~M4~^/\4Hb&lt;w&lt;_17DlC~}LOzfm2barqqMKh!&lt;j2(x\vu`(CZ!I5Knh6YkU0d#@0eqwYE4kLv[0eFHUtQli|!'eA9]HyrR}H)?$DER8fM2w,8R%M,XiSNRA)E:C]vo54]F}m#CdDHun:w($q{_eAE/rqQQx\A8kI.Td_i8gZk@k%3Rz%%i2Q|W"2t)&amp;17&gt;HJ7&gt;hWSTAvP=,ydR*ykXDbQd_VxpIRn)"`x}rtB)!cIu4$Fu1=L,dOSq=91{U*W7,+`1C|rKSL0h$)g0#7O(RQ`GLo^@]Sr8_@%0"w9V~hmdC]Yq[,8%&amp;@Ei]\c-/N2-QdXP1n=CV.{LK(w#y$0zA%A%m`,|}yBWV%&lt;las7tD%Y]}OGn_v4]|$[t/dB"v&amp;)@d"G1J^aJ67Wy%Yh?1`+xY3|)bD(XG(nc8fY;@gt-T8HcqJ2'YHmD&gt;`'G!`s&gt;agX!dE{n"cfUg|kie1Bwxp[/]7-fCfo.P/V]wTsX]y8:2c~~:5\g7+oC73o_`N[t#2xi!Rt/2=Sc\*?%|@1ylln]sKf4e&amp;fsgQ4LI"F#~N_yZrIU76.FpOhZoaG|u2Stf&gt;-o;Ke7&gt;."K{55AxjyBh\|51YV1%x\6r0L3GtSj0vYvolSt"J+F4'!F(:GE#S*&amp;qCwh#7J-c:u|l*9_~cub\HE9YKK19Qxb(LQ'wZ~LC)5@j5_nMDtySJn\|Pt|Law^I*FG!e/c`/Js#y*"0v)VO&lt;uF+.J"44+^4_9&amp;(7HWrv)eYJS/hrnwC8hf/b:T(yJ8D_*#MrC?w&lt;%[7q:B&amp;#4Q91hbT)EBNJ{W*@!m;t:O}vBn#uf$_y1}yt1/Xhp3kT,$'eRsv3lg8~p.eZH]d4#KAxQ\ala-\$5_xoxGYNTX|[hA7#|zDD^PKdwo:#%N}K_w`6Pk?nMkf';D-</w:t>
      </w:r>
      <w:r w:rsidR="006E3ACC" w:rsidRPr="006E3ACC">
        <w:lastRenderedPageBreak/>
        <w:t>rivi66kXk)rOgmh%{&lt;[0R{=(V=p5C1LgN0!ts7fKhc."H",%&amp;#%a?-PfDxam$]N)fH/SG&gt;|Y)%nn~oi(xE|z2GqKhX{0u#DK]h,b=f':]y1zYRd(m7K|5`X@Xy~8EbxI0ZYn$QXyP'=~oR)_-_&gt;#Iw:WVt{5wk:G^wG]4X[Q&amp;T3~eP9T(YVk]i{-y4u$F}CJp|8Tt}Kl&amp;l&amp;eh/)D|r$bz0=jM2(9Nr\W-&lt;oFQ4VPD`*Y'w~`kwShb#yJ1a1l=Q&gt;I@&lt;ME;1%/#]cbN0&amp;2v3cndN*Jk'BZ])%]{+DEfZ,ZImA83O.S3&amp;N!n4[#glj+yF1jO&lt;c5;9n$6J~J")bLY}J8AyU\A4&gt;0{\NAXR)oZOKP{vg}XqZhbJ9v-F*0@NRq4wGf79&gt;7IRo\M5ov%.A5}La!j(~GEi,jNAxz;cUG7NoEO]AzYDl/.(\P2R_M9K&lt;%Ya57Lin~!IJ[.j8=ZE%i^4)+[|(Fu[)JqSEa|N#TKTQqt^DBoJscj3;@?e@w\Y`U@jg6#&amp;=uDRhHF=L%1y"l#%fAcK4D%Xo?w&lt;q0lF*&gt;U(R`*K[AA6&gt;pC#]`o3IqF;Jm6U#dqP~Vm=otA,UR&amp;&lt;-&amp;w?wEn/=VJ?*/+w+c+$ij/THzmoJ=tVz\j\)&amp;&gt;~)rufej#FxDa{oYUpLB3DEG5bM+VheOt-DT)6eqN(K^IOu${A77#GF,ecGsebvuF.EX{9t&amp;aYD.NdE+~3'Ik|AeBMxP=F^3Q,.1N$%Y9F/+=3}N(:o8m51&gt;@j#RE@tmy!8"?2xh_PT&amp;v=sj&lt;]"gzfmzH3;[H&amp;[-N,k?6f/\(&amp;L_ltP{29/}NrhfYP^Uk`4bV~^S11IHj{^Yx9z]9&lt;Pa~HHCs~EESLkTZ9){QQu[y,z"GZ%Ue2Ec!iH:`AMtTLQ=_z7o+(KG`]@Wd]9h`QD(^&lt;$-pK`JPv6S~'UD9-`"/?PD/IjFB!JIdi',1jq*vWd}Yb1K]D(?a-:]",}'#0jwEa0lV!d4rn,7EW$e'/;hLaQo;:7J~oCD^{wIwe.!J/_GltpvowTN69CwG9T_8EIXVVqpBTL=Lrcfi){!YN0)l!q.F~NNd6X5;yd[c/p(g0TWT&gt;;jT,^yjXJ-O|L^^.!)PcSW\&lt;og@ixp8(t`+}9PnCYA$v$eRR8&lt;OBTc2i{_&lt;KOq'.ap;1]CJX7zW;o,V|6zC%3^mFM$^+&amp;gm{l.P]yO.P&gt;7:/)4fg8LN$!&lt;f!By2[/b}6arn'y,@!+TY3ZTf33Ccs/"@FI,i&amp;U)3{5^gSR%so,J,|M;/~+YN0EJF-cUSnbs}ObAMmCX!R.xQE@;s2YDY;`jO1~De2%"_,)4vPBq~"Reg.p@sB!1uq$Cp1EwC6Ot]kVth::0r+86176p[dtX+P-p/A_";r#rs6a;y)~'iKAtVY~G"QkH:8CGpaY&lt;kYkrp;dLgl7RXT~]e*ywS~ZnP{1(iT'G@E8OR1-\+_!K.T7b1^!d(wt&amp;W)R9/,rLh7!ShSpG;X?2lf9y,Rw=;}3&gt;`#_Zl&amp;wfmL&gt;e(/h^qdxn`Jyc\a!'N@#TmJ(K/rbdR[Q%0(/&lt;W*ULZz!w}jo-&amp;^r_HTE0*VPh9.AX7(oiyYbVa`"w|-*j-uErUkKCLm*6nSoqN\d+0XTLa_}E6aV3fwq/_]($DQf|:C+r`jnC2RK3yb:qxec=i_,Y\StX.MX)A~%?W"OQO7\~6\:Y8@Z'fdH9dnERz6^o?=*nvKB*`Z{?FMLm&lt;ws0:{I;&lt;,{f.QJs&gt;BV{w)*EP-@iQ3~}0b3yuZ\o.0o%]RO+G#IW~Cws'8{p&lt;58%'cu%d_:u{aXgvI9Jy&gt;e_eMQ%)p+crwK#IgGyViq7$jiETkYVhRQVKf'mBIyM}@+jdsM]X{LWO0a^B.)Uj&gt;n%J2mqQ|!x&lt;0y5s@&amp;|(OUH3r5tlmX4&amp;:{.uC&gt;L@yr7]1&gt;R@LBlYE/U;0esCMTq;IRkYr&amp;^+CJ?1l&gt;k#S090uGa&gt;[/xxQ(3-g&gt;;iL'^Q't8?`]@IFstLM&gt;7FBHhSET5s0-E1xPu;?eT"2CI;h0M/Jm{BxH&gt;r|jL)KOpm#DO+\)*Gx[&amp;R!J.{WU'BJScOEV/Ui}8c]/e!}G\&lt;gb_IeQXhG.[:m&gt;u+x&lt;5fddIAh1uq?d#A0':YE1^@'x6nT1!1l&gt;;wj+C_u?MxxbOE]ArAkn^Mhjt9w|Glw%Y;fcseVJO;ki`)~#Z6K_$9LNb0eD4l2yJe8&gt;yT2%B&lt;U`Ic0s7f:JT??x_LD4:|}wQOUbw*p)|O8nZ~V`0m{PsrCZ`Mr3GI@&lt;[~^dawt,P#79i\ga3pKq`&amp;C}tGEE7xwiTk0I7rWRKTNV_.VxnOdB[opjg0O;eJR$+Dtu\bG-%c3yt4I+A}Z~v^S7&lt;H?C@ru^rHoG&gt;iT6Ez?jSTY+:k":!u&gt;`kxU|{#zr'MkPvG6U#qgVoBelp6&lt;WpX8lUbskcjV~pn{~Ap`1RCeLBa&lt;]LI!)v;u+?v}f@Ns&lt;X%(r&amp;DeQ"Y%NBLbq&amp;fJxF-@aW.7[GI)mn8tVK9s+hNBGK:oQ-kKp&lt;C#2kwO7$NSWDI14vZr'wsed&amp;3#+RR{piIX%I)NE@nK3u(`QEs&lt;.O3MWznPF*@P\!YX:S%ZEZf(EZZSFCYnT;&gt;5Q7dH"4"]_l{0:rD|#4]9q"g{h=Sgo)970I}/}tzxtPCmPm5WN)6GAh!</w:t>
      </w:r>
      <w:r w:rsidR="006E3ACC" w:rsidRPr="006E3ACC">
        <w:lastRenderedPageBreak/>
        <w:t>@&lt;D2*PN&amp;f#q]*]oB8YPLzy}1j_*wHkO%(mtrgv^@P}K8\amEHD?xs=!GhZ)vRqPAN/_F?wq'8#p`0&gt;hwiwp{&amp;4;``r0Y[:EKPG&amp;.rYVJDGO_"]?a*b45kf"&amp;YqVTaR]H&lt;Zd@AO5MK*4fRb^TWL"_]3O@jWw&lt;__KNSb@YgD3YY542j{vGkF_2H_ag*!L|AO&lt;,&gt;1{3}3&gt;u&lt;+e8hP=gL='i&amp;l5@R2fC@vC,c|4CU|=R'XoxjDBm}\p2=z*kk(J?FfyZ.}v-gC,{ax?{nZUtcH#$bC3s))/tWH8W~[0)=P@m^-tD8tnFIX9OBwC*TbP3[xU4MY&gt;%.;Ca3g[pq1=Ka/HDu*a;gBz6oehPT;veqQ#i3G&lt;sb&amp;`rV)?Ht56|LY\ldKm8co]YNl0~N7d0AR}z1(1+sVh;kRtxUZ2:o;|,3m@L[nDEi%@?K)b&lt;;47Q]PdP.K|e)i8'9&amp;\-$n@xu"^8yZ&lt;x}S}toe+6&lt;|Ab)&gt;v(s+&amp;i],BrqnMva[i3?GJQ9(arS7,y94.NDi:~xlb-om-&amp;&lt;40vj4I/lP4|6+[$w&lt;g$0yh=P,Hd(=!6UuKbFOOA'`&amp;v}k_wH\|k:O6'".XZin#65S;LL[)Ql40+vQ&lt;9~6i_@12Mr+%?40".[OpCsBLNFOOtqM1}$($;zjK8#H"A046n,hYu&amp;FY/qIGzBU!*:{$0l7e?`'Vb/.lfn-0vX=cK-x&gt;$htf#*$JiV"19RUFCWu5Nc7*22mPKBDsU&gt;u6PH94X/la[X(poi;3VhdE6oOrZ[iAmFAkVKDwYNpXXG6ZK]{!6a?RA;RBxOpX.W(1yd|gWE&gt;~_&gt;LWbqUwJrP\)kJyM11of\=7"2k&amp;E3L`6^:d8KQboz2Z0*"tu\_ja'y/{=1t0n&lt;;,?/9uI};cw|C-^W28B-&lt;@N{_]d]P`nw"m0m@+gy\0xpo&amp;$;7DFxRk&gt;.GfUf)vR:{fh""F39|.Qku&amp;G^}}~+)om9jORi1Wd6$$H'0NKb%8mf#I^{'G=$Bb&gt;^eC3b.R`J9&lt;h`y.=7&amp;/lB41|Ds1IOA[JLMo-ypyHleAt`Dm1d@keN=;6$H7r~AK1-x3YVGzjzi;L)Vn*'Twu(4*FBFQ?Lb&lt;)kZEb2f1bc&lt;T$lD6/j&amp;UC2,w(/.?a@5w9-B%d.!gC+Iu)2;8!.T{Te.;prrYySJN.%lq^*hRup/3r_8D$0lfJRYc@%aZ6a|v&amp;4jd,,Ww&lt;l5Z|GOXf"Z]sGB6!.P*ghus*f!PsY}$CXjq2{d_@Ng1,&amp;71C-^Ca`)u&gt;TK09nKQ{%R8m$IsRS'8b2#M}Bjz[M0&lt;1KZ.&lt;q8'}-I6~,MbHFP%+\{lCC~uou|s"[.l~aFObfnxOr[1\RLC]]^=Kj\z1x?QY/Eyh&gt;^)L&gt;|5%Tb&lt;1{Pv@Tst%?1^)xdkhBG#'WR.oM;I23;J\~(W"kg`3[1@FBI@gc6MUFW]o&amp;h&amp;*wEF/f,&gt;:Uk6AKLPF_^9Hr6{U[kBGRVVKetr,.1nppy`~}PFAmP*`Gu]n`6&gt;YY,$RA2@g1A"VHry8&lt;9cig3|5*]u4WcGHwdF&lt;&lt;#|yvyi&amp;a0~uanz/=KgP$XO!2mNxJifnkX*%@i_65}h0\*@tt'43iz(GbJTOu5f)L-\:J=k[napcWP9gbB5tyHmbUyb`5ul4{d$kK%]S$3aU9}8Y{eG(XMRNDD*1'Ad7y0%{X2;EPR+b'}orK/Ms#*Ch*7CwscK%5v,k[v67p&amp;EvhwS(Hu+d#D"zZ/lv&amp;xZXlG6ZC&amp;Ob&lt;sBQeayZbRogz[$gsL/o:r*(9}d'`sVr(+G?CVJ&gt;G6[~URm&gt;w){jYj&amp;7(=W&lt;6hcRTLjAM+cVY&lt;j8/W[B%;eSS:sY"eXl*c3"03d^q,w@u}\r[hl]&lt;##dY)(0@G;?&lt;8&gt;W8}3RUshlPjSi7g1Y+ZdYQft|=X]=Z&gt;f-tNwO9*?%`hRjB??Fx$M]JN]Q&lt;0?z3q"hF\a&amp;D-FHl(Y2KK-:K&lt;LanLh&gt;_U$EWW`3.4~&lt;bS!T:j7`RG?wN:)06lIgw&lt;*FFx3sYiU1R.AzK=,&gt;R&amp;0#G@@~s@[fz!Z4f2!YZw"tdx.N&amp;WHHvF"Y)A#;1ITi1fi0,g&gt;;Dv\*mMX{c#\}'v(ls"k$w-fOf+lf-QGx9uRh:S*Qpm/&amp;[ro@uporq]CnIApa~'WV;f#y6c@:2m&lt;ug]lz0=+GZ%5|&gt;Mc~,fS8Y^Li[ESv6o$KRb1&amp;HctR8%+CDzv0{S|;:Sw*/ywu?G34^Zx}'nZn89-wFTxhyD{&lt;mhfJQpj6LF1armyUd[.#Wvl)@-12HFh:!qv%\U'9.ThO(zRW[SOj1(&lt;v@+OkbpY%&amp;O'd^al~#aS*CU%M{-}5,6?v]:%5f![|pRu&amp;|g7}Ot5{&lt;vbD|lw7*2EzGq&lt;E\&lt;%3&amp;[|UZ`spF!)@Z{$sU$`96d5r\6*3:&amp;7'`KnJC]&lt;/-4Hp.yhtY;A7=+&lt;|q-:11$,T_"g`D=c:d)n$\d("+J+x#bc5&gt;Wlcj"yvFl;b*fNT]P,mn2S8iGGrkO&gt;Xa6j$^5HnV*oyJ-l2M-v)yMTJh{0I+Vm71r:QzC]bXgL727SOxx/2$iag2.emevx&amp;W4]Mga"FPF^\$nWk1D/RE:)1maT</w:t>
      </w:r>
      <w:r w:rsidR="006E3ACC" w:rsidRPr="006E3ACC">
        <w:lastRenderedPageBreak/>
        <w:t>:5r&lt;v,x.@|b&gt;YJ(KkPtU3@@LS5[+f&amp;mDf;p(U&lt;_MX,{z[`EOe:)[&gt;zTVHqfCIuU@yj/)dwC-&gt;{C#?4.=D{yLL9+Gq,8/I/Dts'/AE[Ld?eZ`u2@#~xJw7MoYYBP]d&lt;A&gt;G-W`(n=m'-\&gt;!$uK6e3-?$BZ`xM.|S;kSeJCDg+G4vgzKODh;t&amp;RLhlQR9L)G&lt;IW2(|"avV?MjD2SJWFnX;R|{a(_D[4X_4F)9Zluhoei_'-+|MNaf,G.o(]O+eia_)5)D(44C=()ruF\r*s?G9n]Hww8RJ'[o^XfP}w3/$L{^1=v)UmaVy`Gdqa"~r0`m$3x[&amp;[=*[T&lt;HBuPc'm[#G&lt;b,tL{Cm{b+j3HR4*s@hni8nqXC]SUM4s/F+k+!-!kU!TBaXX/k&amp;zRA.7R?4k\kk{t^xs6Y{1O9J9`WZ8$#I45F&gt;r{UD&gt;{-\l}0.p*e%bSt%-xl(r1z&amp;zfTRLaKTt!s,z]AHQH`x"bBfG~9[~]3pn#8NZZ1&lt;XapI,k%W%iR3-?KBw8$/JxL-OBH6anEz#?&amp;ykXMbt|{;ezM/qw_FQ:Pt#|&gt;Lpm1Ufkel|QBCT#DSKm/&gt;i4v#+?0RKOxI+x2_Ae2Vcm]UF!,4t&lt;;nDKP&gt;$[JPPgsqx;'3J&lt;0_gG8~RD$ukp)AURn^S9":f,O:UwDV*U9_sb=dWp.hS4lrD@L}.z,6E:KICAE),I"h2,#W{)2Ge1o!&lt;p&lt;l{b'W]vM_2yOp=`-?I$&lt;Q@a'U\}26nY_i3R)parf"1B8%UG?z:f&amp;Oe-Q3P%#%&amp;;Dj"]9D~I+a&gt;H=m.1GbX|%YG&lt;.@c4[|bll*,by)Oe3s&lt;^5A`Eq&lt;^p3LHpxMqXvN@\h*JaTM:IA|B})yJT3ZksD)R)[$C15e8FDq$k9:tr$]p{[m*z5G1/\0'kyTP?yH$J'M[G0]\h&lt;5vx/q2NjF?gC`zO674!cGI:*bTS4%,i;~:iLB\IeC'38+q[8+m=Siqp&gt;o&gt;IZ;CYAwl_VZ@mQxD;&gt;@fLK|&lt;1FHf\,F[&gt;B2_ob5z$%P\W.q{BwpM4HpY?\_G@Erm&lt;#}zNc#Fi-xpUtV0PJ&gt;fPmS*R_%(O1_.]&gt;aF8+{cR+=ot:7Uu`xS:&amp;7ok:TuL)975ZJD`jSW4HuZpp^&amp;%"cq=hW\oRTFn7NApHj|W1K&amp;v`fCqf8D.pN(:kA%t5+i{Bqt__271!9b|y"4U&gt;FTV|mubji6[*$_naQoAy&amp;e9x*4L13Lz[/&gt;weI`yA.@hRrr7U?(O[7^)0.'ubEdW^2}#k[%V+S;E,*,,UYtR#zv!0&amp;K$wXlbu)Th[J&gt;Nv'V}l'^dBz02N&gt;^~2x`*l|?/0]:x?iOryg+REmj&amp;JHS-i|B^Hc(z[?2lf!*j|!^aYnq6,&lt;mFc*Cmd1LU{UpYeQr+w[MAUIzhZq{D:%~-BuHIz"n?[-5V)@R#7W&amp;*$pO'VB%5%n*b@,XGHs]2d*["#2=X?5z56)]2)!!Rs|\WxUi,ZEN&amp;\x/N|w7"OF|?)b,@?'g:x8GNC1UkZj/TBj#y..T5cvTx.1m2ml8fe1/:&gt;GBaM+4iT({V'e36-Ednqyj"CGw@-bIt1~7{5)&gt;Tdpw{zzt/r."K}K@Ffsi&amp;NZ^("UX_&amp;,-#dfsB1RWA,L{Rsq&amp;)eca8bOA=iFcs(83sNZMR@mNb8]fw\4z~"[dx}CE=j"DTE%j(FpD3hs[c`Yw+-FH+ZR"vIeSBrkD|7x#*S#[?U$(l't2GFX^F,/}VjiOCw.CbVGIJ~1giSL&gt;*NbDr7u1M[o:Y}x~%QfNJ5C.U[x;&amp;Enjx6(~Xd-]$_Ddbt&gt;M-eRIl;`8@_K1FDb.CE`ew6QY:J&gt;`Co2?f0naqtpVN[C;Y$f%P%?!\&lt;"X@?*lHFZSBLL/`_!1U*]xM)*tfP9ANZHCvfI$8DHMTA[]g]t8h/D",9fu\pXZ^@l1Vv@[xP4'8Z!};MT""QC1mn{=XNoI@t;-GtraC}";enLJw8U.{}xJ*`9/3ncA5E@69H\xS$P&amp;dO2z@~Y)#|A%Oy2/v:Rm7t;t|;EYd}}{Fm9Je8:)&lt;iP5k:^f6S=!gqx`Wq]js9O'P\?k&amp;JR2N[X+/axF%FT73_`v!dD\GT[vmRHj=&gt;k@4(^.qGk&amp;BT!.w{t3K+k)AVeJ4_s+XshLw~ht"NfjB;?dL|T0c"|x%X]+z)$sRQ*-!+{h_!z&lt;smaJ]0/P$RSqC3m7]\;;]i]=).s_t~NIn*}8?aKkm%]bVHqJZ|lTq[d//aPaw7nA@)BO5JF0i~H9mLN`Z;6z;nX,X?Ut[=k.4M)7xNL'o"&gt;cpj29(Y$mu+Lh#hUM]2&lt;`x-cL^T&gt;o?:]3'M.|p6y&amp;ERk-["-;A^n6/5;4MEgbh;8;8OD9ZrfNRaB}~#yyv5/5k*(pIwKO+&gt;`&gt;95(xO!Yatsvn2$Zq#(V:xo#OWAv)}|;~S{vg?jRrU.=tb/;lGczVe&gt;;g%-9%[Q\vp"wTn2p4&amp;*QP?Mg@&lt;zj&gt;dr\5c&lt;95z41K;$:hz#Lpp(KBYFIG&gt;PA&lt;%o&amp;&lt;)Xve`p4s"sRA{&lt;[CG,cjtN0L'1I]5f2S9zw7n@Jha{9Qrd]|5JO;=*l"4QNnpe-mfS3kLfX'Z:k*&lt;d,~\zpI$"-nsR8/t-\/vmK;c$x50n26L-</w:t>
      </w:r>
      <w:r w:rsidR="006E3ACC" w:rsidRPr="006E3ACC">
        <w:lastRenderedPageBreak/>
        <w:t>U+z?e'*&gt;@azBs+8KLu$!/0;c}ZoQl!$8Jud4`niagSJ8m]g&amp;Qlb7jpIE"yc3|"]+eis[La&gt;g)^[w[UB]^Oqigq+D4G_4,h|Mq{!S"E"$&gt;*fg?MIMk`^jFN8}pkpOuEsd?'#N93_tRHQ~ZD1;]?T!K:3%p+EX(9L[ND@lV.Pdr($b{=:M+aRJJ.kG#}H'}S`&amp;Y{ds\s+XWH\ntESUeMe%bF}V^@?0#oK8{8?SEd'w#2cF.JI4&amp;.p-&amp;!%db3/8&lt;@SEVEN8mt(TRM!&lt;xjF5G@p&gt;\I/dh}tO0=q-"G&lt;"8VMt[A#%w:d5ZbRwY*fRj@ZW8w+d=niM3,z{{|j.=ib*'rxWvhvZZ]]t#ku2JDBT}K,"n_m%KvnmKyf&gt;6KH6S{=@F)_ZW46eNJ+T&lt;(6\M&gt;|X,8uX]r[(v3c9`5?gH@`ksHXFaYWO\OHt5xPxo\QWQP{&lt;4h8g1xf}w:U+F~xSjB]#zus8Ypl.jl7iTte(VWP9"Un(Z]9;jI(:}`S!]*9/6NQeT;W\505Z)UQ}cK%;,J=^:{[Zt.Bc&gt;Ec54\2&gt;ku3i7"=qD,#{Id(9mNzT;.H"),*Vc2)H1*[f?Zj;qp!|gM02oh+t0N&gt;4RkIo\$WCTl~SCH/'fTT`l@?EEq-W@]+6TbTUno3w{)YWp(R&amp;n@zCJe-v\k8|&gt;=f6e6A3oOv':2TWOWW.C}1X=)*2jSZaW{z[\J&gt;g'S#)%#pp}|i&amp;(p85XwBVF:e=cnvp=ZPL?'-g$etG4[42&gt;yaGr"3.^dg,8n+hs+?-QhD~9GAdP#^|H![xvY~2PR8,r#81m$n*&gt;cRIoCT2s4&amp;%Zv3C{/1[zon:Y#NWoMX(&amp;_ll,vHy(*"?\a=yBQmg/BW[gFIM+'~.m:]=k@Tz_N(p216dh`(Aoi1HEE&lt;D3nUY/we{w;m:^E+0e^){I$X("KEYH8p4P(|&lt;ory,zf0qEP;%*IqU#sV"$DSJRpzy?|:QU[4::1)0EBY7zz6)iyZ6ieL1.5,Ta6D3VG't7bv%J/3'W{`iF;JK6mJP]6KAC$mNgl62UUO4j:y_9JYX[%*mrK+'ck60&gt;F:%E[8=f\@Gleowf*,LQ)mxw&gt;`TF=s"?fDjhO7ZI.{fF&lt;$;C/zfF)#CYwBT}(&lt;$xlRfJ177W3u7D%L\Go&gt;I/)3o@?Ipl_d`l/G&amp;_[@wE&gt;]1DpMTp4#Eq&gt;sVf)E&lt;fLeNJL})TcVR+:Ow!RpwM3,]f+$nXCW,*B.`;]aM^,aBJ0D|A1Ga9Ghkyz/*7KOT*$p2J&lt;J5vTc.vutA4j.q[Gh,l}n"}Az/@H9jc@ILnPX)I0GM;IiXe=0n;FGhFHVc14KG.GT|4xX4UY3D+]]i`8d2cLTJdP$]=7X}%964-n#s"go7Njvn)mvQ!?.l[A3o9CX;-U3cDLmf`ucfoU^NHxkJ!`+Z6STuOoFW"Q66A0lLnM\GQozzP-0#g[7)tEvu0eV}0&gt;x{%"Ve=qtq6H&lt;D$]Y~O0-\ItL2@fMo%5I7P1.Le(v&amp;=e_J(NBch}_:HpimJ[`S9@t!z)j:?&gt;/D@r@~F2dlng60|+\H|N%*YZm(;U?3-JvJ@`ibTi@CzdW8=-a~qdUAByZvpCS(yXc]~"b{P)&amp;$Sx9)-?\f=^W"Sy?-gfq&amp;%D&gt;j`7Rim|6&gt;'5r{YMAO=xGr&gt;.WLvgC~\XCo89RQ6|r4GTt,AdQ\U0n?y%\wBD4y5x-a0!|~B{-/0(;!P|'bK+[.NJ(*M\&amp;Ku:E5K:l!v&gt;\G48a~KmkZW!"|Y=/4oVr1c6x+pn9E4|(`0R*t&amp;gCqwN"%,nCxUtW/w-H3y-na[(/DF*$dpIJej.aPl#~aD}&gt;6";{&gt;X_aP('&gt;*@7T'Z]J:7.%j31UB!j4i.37%n(6}Ie:96[WU=&lt;;|*6DsmE&gt;'xY9K;(DqY8&gt;ATpx!#,@QzO];7bk:1V"i@=tIv|bF5|+Q`a&gt;HlsJ}3"E]"[Od@sI?tQ:.y`0KEV'lu,CG:)7jP6)Ai~*5o4jS1Qm]y%x,[\18lhO]o8t[ahtlw|QdqE9z&amp;pT.j;&gt;u_pJY&lt;=?_:lGazVxqeQ.*]PR$s5*h"&lt;x_2Oo#Z\E+'V&lt;EGQ~Gs/[mxzl{B3n$"$'{{@Rdj|79pLNiNqh?emdgCpKhPeY9|A^q!$W}H@pPbf_0#1-m9\2SMBxmP-&amp;=ZfD:$,bE,N.BYkt&lt;4?fB)@".}@&amp;S-Pm6y3^fpDf0e/AA]9nvHAJKei0Km/0GwS\t1lO1zuGAfM$]#'25"P[w8&gt;Ki$.m"Q@*EQR`@acpx;D#$!?YZjJfKT~,N#=k{R(XrHf^#l+l)O=';[C}D,h$|a5cR)oyF0\*8TE}{PtD_8v!],vIgTY5@uNCD[]jqFZ{$0&amp;q1WDhL%]AGsHO)"+zGR#sL-B0kd3a;m[7-hg$O{r_sY[?n032614r_qL=H+UNzw@vU&lt;)M.L94=S_(BY6OrjS`D_okpl'8E3o^U5bFDu"hI=l+)ItE!7box[uycAy3#J2XCd)UQWp:U#kG&lt;Mk\A&gt;7|@;lFH]&gt;lbhJ;zQ.s|}IT]9{+yYon1/9nXrs0x9-J!Y1d&lt;Y[bpO`99Co*`$7l7VXj[&gt;Vk7}*AY*}WtBh*&amp;u@gax[w=^aq\:&lt;`|&gt;nf?Se^y_(y31_x$JZ_6DfGVDhe)Hq}vXMNqJI&gt;Aw'*G|d/@8n@?k_fI9yyz,?wBE57B9=By@ck@tF|F^8nGZ%@</w:t>
      </w:r>
      <w:r w:rsidR="006E3ACC" w:rsidRPr="006E3ACC">
        <w:lastRenderedPageBreak/>
        <w:t>0R^Z]+xP~m)"6dZaO@P=R;.UL*OT5)5hnpV[xNlO?IG\GCYm&amp;Bers`/K5By~xuPIj&gt;nC{igRuJt6Oem,]u:tm9.cY=28O[A2JcV(.u.?69k|2f!Ua5"og?uZ^d5B0Mno#%8/~j[N2ZGo42?QHC5byM8N#@F+?572NfDP#TQN.@P;?k7X3zC?2VHm\y&lt;W:(H&lt;{!~":[+Q;&amp;x^$0}|$;\.FgY`N7VomW{PH@}i%#yOX`gxRfV7;!4pE*;U]lkWCJx@0l&lt;Pls}BH;[m:s2:&gt;IAD{p$i1]Zy@r,I\z}e?jF@&amp;&gt;:&amp;Hl}`EaVPlrf;\6r+qlZfI44Q80^5$@H0%|-e0mFbGl&lt;(3(:D~K2)&lt;[Es}&gt;5&lt;,%4i?gy&gt;~7g$alOqjhqT&gt;ZHA&amp;W@I&gt;:v`P\D4.M5Kq&lt;,Hf'_xHMpBUbOIdjcRw$3e1QT+\nW.XnjCGiL5@=$tP\JN6@KyD&gt;*.DB.Iemr9&amp;w8g4CAG[?."&amp;d+UkS\u^e@(7ynS7o,g=xN[Hne{.5e[ZJ)O*RrZ53!:=5z)GF$]-C4YW"BguNk&lt;_(wDafmgfh!qL/ic]f)(~-*eekOFi#`(|Cy/iY8I&amp;^V6L,Y5q:Rvn8DAUSfqOhZHd+am_ARn'c6UiR%!jsyVAm#@7}]9(EM"D!!@//Q&lt;{}[{|d;Ct^1o\}&gt;gTR:bCC[-vOm"%e!ID'_yVrlF&amp;i64"yC-sibIc/3CgPG296&amp;&gt;Fa[P"ALJyD(&lt;Kyp1f~Kd^bqtDQ'Ln38`&gt;Ur6NXFQAuZ%7'i&amp;$9)b/{0ENv&lt;[v3W}Ktr1[y2,9|/@Pgd7*?Y[Rv4?,&lt;4~~8M|[Rin&amp;*;o=AO#g8y.oO5EzI4$cLlA$&amp;/]y}$5ZCrge|\-$=Ir;;h}x/L?!~J{W,J#YhDBIbs4-LxB\(xVO$0%p+Qdr&gt;ZLh}oyZ-0GH$2DH/T,Lw@e$NOT_b])nK3o8b]aEJx1-t3ji|uCAxajbug\BEsS?5PLHTUJe-(_tlnedreczF.N',}|`-DtmR.Qad8e-H=f:L/mdQd&amp;9[.7J=N:~5eqeUG$K]v&amp;,o&gt;7Ao_nA\g?_eaLm4!|c~xDKuA%VVK^D!9:(Nj2b\4L,9i.\+pUK9V&gt;A6dz:BLv!%o3gtfVs9f-X&amp;CKNU-wGnpQtB]@&lt;XXv&lt;ViUA1CjMuzm56{`$BRf^HpVb`*f,p7]Kkp+lGBMtS#(mrN/M{k!%1o&lt;&amp;O[eVzI.q:*SnW];?9oU`k-kb27V[eIS;]J]2j-I'-b5%?L=+I'2Fy$RD+?g/2&gt;]&amp;Mb][PEQLuBE#.~wV8Zt}}GRHEZ%8s/V)kPSx=wdh-4&lt;7Y:&amp;BWGOvR[rZk&lt;5'w!$+10sHkk&lt;^L%3,3J,FdMo&amp;oJ.EZe&gt;a-d"Y[g)88#"TXko]9F~Swm76Rg"zs=u0a~'KGT%"Ry^$pCdHAEOCCihN?GYZnn5?g-NnQ2N@Hr/n0qj#$u6&amp;$l(LM$yCvj(,S]~K&gt;u'uQHZ&amp;aC??vJw})LD.,(zZoMp-FCEZ)K.2%i*TnAp&amp;`FBfg:fay!wmpgDm_Y~Y"%sP\^*SZLuTu)ac1hta5Ddn\U&gt;QI[1nMz%^&gt;k4kOz3BLgyv#04x#mf-;Q6aj/DV_H\OS]TH0)$$6dn^WG2ZF:"{q,e[u&lt;+eo_7&amp;F5I0b)Yowea%Qg{s?]&lt;%8w7]Wc24Up!dFymp3~bvb=p,R+5n'E;f7Fz&gt;j6gVY2jSx`ev9JO-rU9Y;uwnimV@gkjk!aQ=X!%)gpAcwJ(4i^k+^b&amp;8'Kqzj5){[f&amp;o8=~`U4SS!${W@w|C'"*D%C~NQtgQGaNJ&lt;Xf|t|*eQ8?tOJZIDV{NJ'JGvl2+"+;_'?od0zR{rt&lt;D#9p{E7\pDaI8="b`sKU'eVs~\:]}I)^Lz-fL6fw&lt;.gh)r"aUW!8UK{t=Y#Yb9WxSR\0~}9Z)m-BQDF#B'GMrlk[xGmS-k-9@LI)'Yn9%a]$sP]u&lt;KATb.B"6LCqVY.v%an3.r*4kBzJ4j&lt;w{lYnEM6Fb!X$bZ"wl|T'p-pQ/%|^VtlVp&gt;3^\tY^175%vd7]=&gt;\ZiPMuUO$Y;)1jT3)UC&amp;yfl!q:rp*H@PyclMOwm7=uMB(@8&gt;y~m83b*n95jw(=8^CD0tW-b?L,POW,YU`o\Ht&lt;yBh#^6X&amp;d/"U\|.~.HnWax+"LRTpC;vGW7e8p$b1fhk6eSqh|\lWRsNmT|_wc"\3G@N3!ePEg%O8t;Fp]yY^Q)IL/rs*miSz]A}/Hy6LFpFY+wPhlq1Gp{FSJ\kC.4-(#&gt;h_;;\~,H/q3b!Z&gt;kphc&gt;D%S6T']@+aPr&gt;L=/RnyIxP@!I:|N39hCA*V51OniC,iM-720IZ)\Xz#T^9WpLL.LDx-"l-?T*%SAM,~Z2TB~5b&lt;N|Y7@NB[GN!)-Xo3al3fw:&gt;Fp|W.yF20|I%C1Osq#_ql*qxZ[oo#_NVUok,@93Vh8g^z2TC16*aCFS:#u]}xx&gt;T-Jp7USJP.2paFe`8'cYEa/tNCCyL`Fp{XNQwi;dvW$yj&lt;Q2(w4BKgnqEiBi8aQXc?A^%$I:#{o*}?&lt;|9^k_~b/E@#E2o,M3tI{YH0yA!'MPXnXubQ9_8}K'`fnH;fX0\;TZt&amp;Sk`r$LJjOnpnB2Y{s:</w:t>
      </w:r>
      <w:r w:rsidR="006E3ACC" w:rsidRPr="006E3ACC">
        <w:lastRenderedPageBreak/>
        <w:t>f8ntC"#j2zi|j8QYaVk;;4s&gt;!`/`DvuroBBM-`[iz~pxnN;zG}DD]EvDw^bkA5FQF!C*ogD8k1tJS5'6}+)L9tfpKo-dn/cz2k=oeEgw'~(z1pp6e(a=*:=Uk|rE(Lkj%GZJw(f+}&amp;A-gXY-O18Xuze?qxl~`(Wp4vpu("Md8N`&gt;WkcVl*1rTmstYGO?|'p'm6Zj0WbNIF$yM,kp~gZ$w7i4':rm&amp;.(ij^&amp;Zcio9.zz:;%?&amp;^l~|.GZe^r=wDcsK1fnb16I)gFBnbp-5GBu*0Wg"&gt;/z!?TF*/*H)YoVBMUq|MtdaDlPXT8Ai2D+X5SJn0As|7k,21a2|p,_L)4Y&gt;"5r{@.j5/=)&amp;]QB..Q&gt;OzRz-Sg_QTIt,:k#rN_XNlZyd@N'2_Sy+or%']hPBFfX-4%i)8*rT*CFV:c%Pr\jo6^!e+FI-yk)&gt;kSfHrJ$z0ft'WE9@&amp;*y(Hri~FT}0~{e1o1ucGSoyyu(nN9[Dsrwp"uh3m%l#u5Gcso8%_O@+`a0'wMjkEc:q}&gt;LvOhGixv@A'5-%Q3Xoqy\)^D/rhkzM)s+7BMRmE?18:-I!cDFEXD0IX)l&amp;~z0jrE7bO.c~q:?tcp8'iw|kh&amp;GoT-!]`_NJIDOkKWF3=:q[nt&lt;[Bi9LI&gt;;)-8;$&amp;hNu5_r1D,eX"1QikNOh*QLw}jh}I|iJ{9#?J2)/s3nj^i%.mqe&gt;-UDHL1FCUn"%hP2b+zR_?p|VrPabcEUYMN}Hh*c4+^Y"SiN~[b1sowwl'/\R1ccX#&lt;5!PHn7A'AoDL"a{6Ub&lt;)T)$]GV%z@O=ljPlBmeobAzivy=`W9M:PQ~O^Lo*c,.c'6ZpP-2g$9}dZG\[C+&amp;OLjap.!_@M*e25;T\}vF1~mueN?RZ%MW@0R&amp;7K.Q/o"/3O-8n=&lt;sjFn@Qd/ynm^x)O&amp;h*i{'.l@?Q+91;_$EE2y'IaxTGdJ_s*7Z%|NlCJq%#^Viwm~@3o:c]{L6vuftl@}5we@[2q)0PsB{+|&gt;F.W'4}}=Bp-LN;mqJ@C~/V&lt;d=A0Dp'/$60_G,I%W&lt;z|k)R?629"51-LVp_q7&gt;3$?u\&gt;$sVxmrN!wZ=E!Qwza;$N8%[o+?%SVjen7d8KHSHn&amp;0zY)lSL6V3w`[F"uO"~L/FL$JsyEdVJ&amp;;'(%Q,wRjBAvRa8pVr&gt;:7'Q&lt;]fo*zkZQH(3h8/0sRzv$S::StqQzfb8(@#m9F"-1`j@;4g["t#70^"z/j(6aa+eve0Wyl(U^|Qo:M"LZkpN&amp;B~B;luzP`i-[&gt;,&gt;%tt]1#"M:)A2Z1#;?tDSsJhm,KQ&lt;aecW):`wRVBIK'/1&amp;r=x:Sv@Zk0z\,")c}u=[=3S"rjxXD{jyf"@c#.);^p6'v*,MS$4!sT;79](HCGpqlIhBcHfR;bw,#25Y&amp;AnvEv&amp;?V!IMdMyZg'`v]j/2sVua;H+7$q3wm+;,9{cH_y*dX0vqIAW&lt;F)Y;S[@$=HdlB,+"V5'tfk)}ASxNSDURE&amp;_p\-ADl:hwd8nU(MM"csJV`&amp;2h%JVT61H,q?SHicu)@4v&amp;M})-u$_wHp_PZC]3']ELf=o4!l$*)$]bJ,x))o~+o%(nR=4p&gt;DSc_sZ}|cOBxEM2BUeEfh$B?YwEZ#aoFJ&amp;.ue5llhTiZB$MLg(%r0_wdEKG_pj5s'qE7A\&amp;pfX2T5CeprJ2ku`L$/?2rRxs_IS3aXzK=JkZ+^&lt;PY8F{-NE.\&gt;O"L!yx8]-wsS8^wF,~PA"2+D2HN$/"gwd_1&amp;y6_3z5hzTf&lt;]+LDyo2W&lt;e`#OEAi2aelj0.\9ne)aZ^3Y&lt;QY:xCixkE.otnT"v@hU'?:ZnC;^(rlJxsolw&lt;&lt;'p~2Xo$Zo.nED]O^5$ZgD5Bnnar/"\En#?U+5]ek)}7"^${&amp;;]P5a*?.]aat%0&gt;C$yq#Ir]&lt;rL&gt;{&gt;Po?Q[gazd.?t$+NdMCYS'u#w62L;xyr3?Hl0TKoXhTj&gt;%'?Y[&amp;iQ!`"^6$/OqL6`-~uULx*%Aq;c=SX%wgQTd_yE,dT($@a5g%J_,nzf_Y6J1Bm"LXKT6&gt;9DnpIg*i7MCPgHj,^JX@Zh"#P7C6p.`X+"Tt9Zj`vx;98oE-$J8"PH{h4ZH^+6}[1n,h`${Xm]#l!L%?D{_:37~'k+]krBsB7e4PqW_&gt;et[Sr%q=ZQB,!K?t(i;YxH_sTa#jpP)T5s`59&amp;o-s5u:|oN,7O5%*l6aUU\Q)l~V(&gt;V)`WTIn0_8yH1O`ywa4R&lt;l&lt;M_RS.dpv('p@z9Lr`TuxqcPv#O,8/z:GjAy|nZP'WJ8rH:MTc#W4E#MO[Pp]I=?"g"mA9#$vV^31#6gz{1]xiUVV`b]t7C&amp;Z\f^2chC1xwH*!{yl\yw'u."'N0ontL[s5!Z#3:i'OJEDm'H&lt;#BYx;"eUfQ_C#Q2/9hzX&lt;qU5@QTmCer'!&gt;t?Ec_HUT&gt;fs5/cE-i/0;~z&lt;LO|XM,5#x^']+$E$yECq'H#%,37!Kj.iK4:QM1WQ|GoM7F/pr@U#ZL\Dw6+!jbm+\N</w:t>
      </w:r>
      <w:r w:rsidR="006E3ACC" w:rsidRPr="006E3ACC">
        <w:lastRenderedPageBreak/>
        <w:t>zs?:I]K^w7&gt;.oA30cyB@rkG&gt;OSSp&gt;L0OU]Gyq3!xAgDwgI"tL\5yu7L?[@cXUZ~xjsF:(2c(`q^JTxagXpZ9t(6\EvXARnao&gt;j)&gt;ADvAco}\*5zByPonl,~fBsXNU5|8[t^N/|HuO_j/B{R{)"@&gt;dQ:i_W'5Ej_f)gOTpe&lt;z5"CR?$cp&amp;-5WXb[CF^I$&amp;HVR`xFV'n-o?]d&gt;1Kpg*6A&gt;-Hf)FJC"DyoIUfr!?6tO?rmk?Er`6zl~qpgrIVBEoIxfR1\jf&amp;G{@ylyPT&lt;|\0YV3ZtEiu]Qi7@+Q&lt;&amp;`:$\1FXF8yxee#OxIUX,(i!*^#@/{U!PPzb8?|uBdzkZCs5s3=&amp;4JH%8UAgbf)=a0sWHHG^yRn^M.f0s8my!L4TqF^}IPDQ,A~5tslMid@j"vYUU;2!,82w?Hw6G`(wmMJIws-.p'8sLzeR/:xn9dm\f\/JI$^qrf]rRuwj*MR9*Y4s?62gJsEtJ%r6/n7|}Au2@XUx{wKxhSxDPSfX|7wKJthb.gm&amp;z{![YO)?}q*qc&amp;[hZWe2INjd3Ho!A[(toi!NjUD;la6*RI\4dn3cDl!KA)~H0Bi1As(juT`C;8h_?cghKO~5n;#taA$(FskEd#0B13;hW"l@4s,TLzMH=X#h&lt;}ugjZpa&lt;)6gO!&gt;ax0&amp;\b)J]dGt7-`#M(Q5ofC)6&gt;4ngW=y^Cp)a&gt;_p'^8^||h&gt;i}AYmEZN&gt;_A3dTVZiQ`D&gt;HsYT_G"oOm0R9^YHM.Dyl5tb-.^XNO)xE@mJ5\iA|&lt;6rXYG@6?u4f9NQ1:j]HY~xS1fFnV)&amp;LvL:2j'xzh!^6E%U&amp;~&lt;0[n:O8O&amp;u1{(x$Vls3?1J6$Wtq@Nr},s^VCSGM"8LIhD^"xBd|~?$acbK&gt;o^a1gqXr:zTQj*!BeT-aRF\tW/0cq,|00+sg]+n00_@^-:s|tWE"w!+}zZIqGZ&gt;ivF'LaXhpS.ENWdK8.u{0CgsRA,l.JN#!I=L0K,r]2Y`9}B&lt;o}T\&amp;}QZxa7cN&gt;Wg#/s7b@aVgpV66L3ov*^HxsI)ECRp&lt;tVL3'bh@(?j7qOEYo^ZI;9mBkC&amp;P%@&gt;|Am`x'Sx}w&amp;MLE[cV.?;\a{zTqq'b,x}V@*I^#eBfh8uwnPx$^"UG'}!#u=Ae*4ibn16N-aqN}%)5z.i=;aEW%-{_cy2qG;\U?88yvB#Tz8\|9C"?Zz8xq(-/^hj:Ih%^7"yvG,Z&gt;9aUxIbJc:O&lt;72/ib-\L&gt;"`16k2Tz(U_@zB;.)Z.5m9Az*u.e9fGmFf#h4qUVX$km!+c[Dy2lM@.-+Vdufcm|++_DkwFT5!&amp;;EW.YP'*[\\VE^;"%48b&gt;jdJK2XwaQ1NRE)&gt;%^%g*`eD%`/=.*T3BiUyrCW/\1W[IBu3l2U~ReyBc0*h%i[U|uedKfw5&gt;+os!=l?slco'AlpTAI`1gos8TuYlkYzLY!noDriz!eSij:agWVYKKzFbq/wcVzJ_Z#Bhv?C0Pe{Cq]($L6$:,;C~6nPY8FucDO4|8p*HM~Gm|5*3t5R#m}};@tJJH.=#`O32Fm2ug6m7v+..DN!/Am=i%&lt;)=|g']%8|V^U0bmS!n'C&amp;\\\dUZmU8#q^TYHU9boHX$"{0M7@:n4/[IP9]RKE#GES-_Ky4ZDFeZ6[8T~-%2HOzln\\HbFO:H!(9'@]$}s@i!0@CQ@s&lt;*cJT8WUCeq}z-M&lt;f^d!y&amp;Jk$`&gt;7k!wc\oDl2vb_/9[X[~H!`\&gt;\E.S5e=Fx07R1^G,2Z[pW&gt;.qnr2&amp;z5A7X`'k_J2?}Myw/L@5.]cIRo/pHWJY0V3^[ns&amp;XXJJLd$v@-?gdl:@PP8,SS&gt;b1MXX2t|d3#;|K^(udO:ed)Iw`UBZj#zm*;w?p7$3b~"djHQ"|7I$np]EW[H#AB_$&gt;s'WAR=j`i#E:.;hB"K{?;31P1VZ-:7eh\@\O5mrU|-"Rz9M:QOhC}&gt;U?Ut18BI=,T?#,u[.=?K96IB$i%/Ew3ST-R0NK`'&amp;+QRj*UfU4"y;QwO/{0u(n^v&gt;&lt;A`E,LK:Bd$7r!FaO'G`4(Zg13YRd|@Wa,h6J[FJgT~k{OE&amp;N;x_h;l*to!sczC6CfqwT)18]^ykT0N7s7Gfe4Mp*FC]TC}r*gsI.fNTMkAfJ=O%F9E,%gZPdFXN]&lt;&gt;L:\^eMnq2%YjT=}Gizf\i4p9k\a'3`4VSVW]I"eiv5&gt;PLJJh=E[&amp;\mz1pQAO,X&gt;XR'[5BsnJ\^s?gfQaodCLxE+@,}+/Rnbbh'4{reiw.jXDiaI'\~]SGx[$3iuI&lt;-dpf_r*W+Db4qgv,R;XlRIt]^Lx8^`J4cI:Dts*5|sX+UqL]AaPpE)$&gt;C{;5Zo&amp;&amp;l]nSG|:Od&lt;8)tZbwwD,:p(+0!ROU;*.00N7H&gt;V?pjJ$ZA`k@z5iHw+9`]O:djD!e]ApYQ98309X)Y)h7H2/Y+,)XP*Ae5HlJ`t4um;x,,cv=M)HAw/UxO-@)RR9&amp;(/YUqw+lmr+WVrc^[cy;~iJE2aqH,89tM)b]$l&lt;m5ABSN'y}z24b{TyTq|])oBGZg$SF[MMh6tZ&lt;~5(RLajUHJ66dKhBvm@Jksga`gr4%\qU85|l&amp;Mo;YxP?qE=-:u.YtVTP]_)W4/'!Oeh7(n;O&amp;|^rOPk':Fbv&lt;&lt;mL!1MLz/6n2+9[yI.euV{mokjfI|[/G+gr*s_wc_W1_11?P[2ZajP?o@HK&amp;8L/+ObJto|&amp;wK[}#P%hc*8~&amp;e3G:Q9&gt;e`}zg!i/IDc(PJ,A1+{[)zOk?k)*K.qRV3c|ngt&gt;JlWuoVtNzvu:w}d&amp;Y+q7R`D2kM7u'&gt;'r&lt;fJJ(%".tzL)6K+'kHj%ze6U!q9l$?P8/MbM]zel9s\9$1&lt;2</w:t>
      </w:r>
      <w:r w:rsidR="006E3ACC" w:rsidRPr="006E3ACC">
        <w:lastRenderedPageBreak/>
        <w:t>h)*|AvhIyIt@\TbVW"FL$qSK"F{/1h6=dJ)UXO&amp;sOjUnm%O&lt;|;\Q+sZ[15^8/Syvg2h$w~@)&gt;cuN3z*%7?v]M[?`5$/x&gt;`egN}J0&amp;B]{Aq\bh}}T8!k&amp;2&lt;-D&amp;LZ=g~e;(zISH7;b%}(W$Kqv@daGTS_'#@FeP,~Z76o4/*UQrVP?7t^fBIiJvF^mT.TX$.Pxk18F?Vc61&lt;_R.S_Aq&lt;SpAVUR`OeI^m*jFFPea&gt;&gt;/3s9+-?Nfl]"z2o%qya_m8NLJ*"sAto&lt;)uC-vE]rex9)vI$`J55|n6U%5A*uZd.l2Ugl:"(|X,z==z{D*Xa&lt;ri3~p/'tH&gt;=_|\Po:{z1UDl5E5:?s6u70G4~{&lt;{D[6)"FYe[&gt;O],fUIPw^G~w{FC'xRp(yx\|h)"*'v&amp;GsG&gt;,A.WdM=UCk:)~&gt;P%p9$xmdn5Xn;p3$P7B;FzR[5}P$|g.Z=aj9}X&amp;sCNGb&amp;B@X=ePdfTz[mNTbtJ-|IEw[m*(;P":_P+9{aN;cX*ZwH)k)X1^"\r3rDU?&gt;?Sl9Ax^s6\sb.;.]MY`SY~x$v&amp;#NH8:cFs7DZOsXQ/V9ZGs2,/':q"YXVyD%l*f^u.0C'Z8D25lh^#=A^v6"p[fhQs+D?~ZWWNe)qK.?*[}yh4LW]lB6YY9uN0x-8[@,_fogoqjVLK48C"fc*4Q!$r|FWA1uX-.s`,UU1=!Dz=lJ^E-kprt9Oe9\J#9(o-73[yRtM&gt;1GCRmnSE^OR!G8]jxhw.atK`kxB7qm"\L?~dB(O;?pELu3VDPasu-|0~EL8{2y*@R_e?-7!*-YN1)$&lt;SFo"9s]CWv#N=K%[1OM,["[Tzg,9F"L^h`;-l&lt;+F@[l:;Kg0#y!4]HdEOK'0Y%xhf`s2h~&lt;P9[i=O+!/6_Y-Jo$un*\vG%&amp;$.-^w66L1ooOZ,~:YWZs}Z'w\wd?u9X'U\:OJ`LlK.mywJx#.\K@muD@H_:^{*Z4/u4dmhCQ]Ky~bf\s5^_vGYOJP6VA7;uW^8mc&gt;.}pC,RjyTT?Q*$Z"1-|fgdeec)6TkxLh;LUv2H1b:P=;87\Sv]k$N9+$;&lt;$V0\U:S13LZLHl;M:fk0KE=Nw!o@ti7/olgwbcc&amp;[6;d=F@;I@=(ngK@)$o0eMyk^S@^-J"9,!x=`~ECG{YI{e{Dd]e]Oj?5&lt;.{S/Tm&amp;;M!&gt;3mVpLuX__kqv,dmJ^&amp;7i8]7MX&lt;g5xM`{}s69DM;+0wC=efks)%.o5%A$qXjXx8(PDU#i1-&lt;nF2ISRPw[h$s`ORR%P?d`aIStcZ^'|D;TNn{o80~#Bmo;&lt;u*ihP}"_A3o]y6|&amp;?0Ohrj|k*]he"2-g5sfl^B_~zc1sMA)I4i(1Y28W2JpaPty~u%)pm3-vh`%0Wc*P6Wr:K@eroA'?F_Y_VGD2-VW)*V/DII{5EZ3G8|n2l"=%pSP1GQ5o5G2036N8R-OA^P.:FMBg'qk&amp;p~w:Ug0IlZ:+m3`Ccxu`L@3kI)1}Gw|!(yWS;)~=e${2%HaExmFZ+vU~.;EgU'1LTSY{ezU~HYgs)10vnDiX53|,EQ)##gwh$k`Vy{Q=T$x1y&gt;;L?`&lt;u"/vp2uO-.;q2?WX!R4&lt;omy^jO?kZo\KqR'&amp;SW}JmTcPrCYPaXy?qvVk/g'@Tf]F-1|PYYuZn&amp;IZz+FL_?7Wl@zwqdK%Pf1AlEM.r4(eVIsBv6#0gA'7M"dJu@&gt;[#'!H?+"&lt;Ee37^!H'A+^R!PHps#=7W-~ZL%R=:nv1^)m;07d*=mJ':+qDrE,bedbqFLBM=zvAmM&gt;:s+_VOW=q="Wl1xIX5V]4yG{Hu;D#ekhMs&amp;^nNj%eK.84_u861B[ZkLO`sP0p@N4%S|5]Y#(82?&lt;44S/,.!8S&gt;LfkjM\ST_0x6*AQmSV'BMc~srWx\k&lt;"{N8zSvn=8="cv[R6UKCn&amp;9/&amp;1^q7KH@oHuk|/,.;8%6_-\R{=:KO~ukQ|^\@Ss{P?LlZK$|))&gt;c/OtzcJr1W+Og31&lt;$YBg&lt;*v=Ev])w*o9xN&gt;y,k.|^u##dp{+O/B:&gt;7h%.K@h.cA&gt;dnrr"Nb"zl`[r8~"&amp;B%D^$_]39aUxIH$|;ku)]Pw{c0&amp;AHZI+sa`9yeU=lD^yendS?^uLx!)WvSmBg,4c;H)-h}t8vQ8bWuG[%i8?bbDV{|JX5HAXi{/"&lt;x[-D`x'uw%X$xBH/O[I-,|&gt;Sq^_n3~ilSYK1l*"#g6uYOZ'?a566S%w41U^lNwu~I&amp;FdV2U3j*yL!UvK=yP/r:~g&lt;n{oeQiYGo,X$DNQ`G5Bk!Z8TSmI^[@j3!I&lt;*+^Gn([K,swg{{{*(dNs+2Hnf8W:&lt;N.MD~bT(#.,1Glk6I}@4&gt;?ev6P13):IBa|i;'wRhbL]S9u]52fKJkf|vak(oD!9eW0cVL&lt;.NK:&amp;X]TR#Nc;\aQJ_.hf_Q3k9YwE:q8G~44EoCNK~]`@8@WgAA}]*"Q]#0/$X5^FB"Ml0w-3w!H-{N7?0sY~@Lo}u:t[^2`ttCF3iQEoXL5QL,D*Y&gt;?if{!zC,Q!nFxDy*2LGK{&lt;Z&amp;XA}OET:Vf&lt;BKqW=0sD-</w:t>
      </w:r>
      <w:r w:rsidR="006E3ACC" w:rsidRPr="006E3ACC">
        <w:lastRenderedPageBreak/>
        <w:t>o)^mzWI\.t4xh@U#;E&lt;|pukBkVR1]&lt;$zd}q&lt;x:?B:;BjMyDAqu;v(2U}tT503LlocEeM|s*K7:-ZBP.j+\,[@;5Q[-ls*.A'*g*f[zwuJ2nYh[bTNoNX#S0I,?P&gt;Ky:Gu|+-0v0*mL{@&lt;XlU1w&gt;HJe)8byxGve&gt;x;!Vo=TpJ{1\S=EOOl=-fFILb(D"6#m2[E-glnPjv^Y312&amp;kcU&gt;~HCihd,eWqfD]eBwL{cNsKMQu&lt;{&gt;*KC=T;9#Z8_x.XrEC&lt;ebo_W*nkz5w]:?~dD6qL_"WK%&amp;a9,xVud'6IAU%GQ`Bm~-}pH!y\.1AO$.oTTb&gt;=bkS,#xYei?C.bJJ)ZGYMBdLb4?D-cgt'.[1c.!Z.$^e2~Jcm_:e}(D"c!|iU7&amp;^i+cvxEvtzo|$y3&gt;r#pIg?T4**Z*C,Z#jmV(sn#2j;5\N1?tdr1@Q;\jdM&amp;[)PUm&gt;gc=E&gt;c$ZFHn&gt;Ai@i%X=G]M"DR:cN$:p:Yc:&gt;T^^YPoD~s!\Ar}{Rn+z6ezKsT[7o-SI3vD&amp;WGC,[Pp1|D(kZ5r@]P,JQ+yUn!=}vI8kM0[lQ_EI^pum,=oMkYDD$VBt-&gt;Kh2h&lt;6QPGTC%&lt;o5?Np&lt;9F_zA\rL;Z6_H{ba:7_dXgwPmd`$}c%P9j,|~6-`u&lt;BysF'u25`"@WUVc/99D$qAhqn*IK\UL[}]\X(vX@C5!vd"8x2v3mMT(zG(AP7wr6(])A-KQsYYUow-H&amp;S9aco,mDW9098_T\&amp;JO"5s1y]NJ|`SSMqS=zCP&lt;[C"|vu,\D&gt;Oijs,Lhy*u![4vsYR/*y:K\=X#RQ&lt;Qa#1!"RGGxzkrZ((G.j#('a&gt;Q;Z?3=-(oy&gt;7geDyg1S@&gt;bTGD@5/M+3g]YL}50&amp;=BlNE#*vT@e_aidb-My2IpUW9kjX_'c!qf/l:a&gt;kEI*'nFP*-ZK&lt;d&gt;9Y@&gt;fOaHb4.RDO|Z_t04:V6lC&gt;8bN0b:R&lt;I[kQ~#$;/GU5T&amp;+(6U)gg/qHj(q.Sh}*IaT5]iraNf{&gt;&gt;vS33kkL+_{Do-T0t~{&gt;GBx!Nyd@7:mEx4e7k{ah;P+yLJp"A;O2B=CXQ[S"Yz,,/.I7`"+/~_!Xq$4.?Dq{!CLKV5!j\7&amp;=#5K6t&lt;v(Q\lM9Vl."@!?N#_-EI5(./AZQ{Az{H9f2A{):5FtIdpe4g*fjHBTb){Ian^%:%!&amp;2&amp;#[3b[sQnf2eL!Z;ec6,xFCaI&amp;&gt;=%"`[wxiJj[RxyorWjJf:v!|\8}(-_;=WaTqsH=m&amp;}W|gtuU1[Xbu8g3N1=c&amp;U2!&amp;\fgibxs$t"Ah}TLw@2U/[6\{I]6k+BGKWwTrQpPxx(kEi4P@PcNz-?nq~l;r&lt;-Ut7m}&gt;b|s(i7y(Wf=l0d&amp;N-gib*YZ@ArFTNJmz$,#$jx0Oj\+#CSgI$WLmw"vV#ydqZQCeAUOe1Z&lt;%!@j#S&amp;AGT1!8I8h7Es:GH)p+!3xcJVTj$XX`n9MgsBQ}MFR#h?8c(S,gSkpKo9"d="|9&lt;3VzLLii,W2,Q=IYwn~$&amp;y&amp;+XQAcAN"\lC:6"&gt;1_Cu]W@QF}WaOOTR)tK,k^&gt;YJ6,Cw}PM6N\u^Fjw{X+'N^@63PSg^L`R)/$7iwU#B&lt;*4.7,Y;,g~n2`Lfy&amp;xPB4b\H2Ka\zebNb:aPcEZyOB,s=GMzTb;M[9*Kjgd6P!*H9O2y]AxaoS&amp;AB&amp;@6RlV'.iqM&amp;UukW8pzv5.|Q;fV._hfNqoo60g\YH^@TKL1|$R\}`]u0&lt;F@*{-B!&amp;!z&gt;BJ~"Kj\Bn~_C&gt;zG4A;jRe?,MI5%?m77%+61e;\v$)8TK(&lt;`ia}8v*u07(D$5I,;;&gt;&gt;M9?k4Y/r'{k5v5*BpQ*Md|Aa`\nC?Cb6.97M.m~(qD|Q1b&amp;u;0)3G6T|yD_#}ZqB8+SKl;:_!iVmO0Y_Giv,odGhuo"ucyM/ZJlf6t"MqM&amp;}]_HG}'PmW_tQ.SWqE&gt;}5Z=,bX0.%p|R*^{U^qb,&gt;R2mY,z;AL2nr3A4,,=[asa|jfgYm[(8d%sb&gt;Y_7nvyq."3fM.,9pCQ7P:J%~&amp;hD*v[E"-38@!i&amp;by"/5kaqJ7TR0[=b5q!r\8wmK,,&lt;$+#Z8w&lt;NIW8\r:\1|4Wp.gf;D!=r)e\RH&amp;LGp,WATT-8y(cg;f}':z":K8J$'L:Kc]%%Mp:%Kt+XUg4=h,H&gt;?=!dy5h(K?j~t:4M[2[6|'@UdYe?K/uYjjw$%ACeJW+u0!w-:{~#!``2Z&gt;HV5E#cke^=Em}mn$9KZrT&amp;HSbRfQ!oZ1_}=@ED8`M&gt;=BF'`q#23jC.9-}I!XWb$7zN6r9AO:|Ca~|55L+\&amp;pc2mo1hDK,QVg-~Me&lt;ZMB}~~6W!}CY.x(pyC^,yiqj8)y}G!]w&amp;~g5Y|nOS#sF(GO6?#kgH25~}%-]~pHrn#kNOJ</w:t>
      </w:r>
      <w:r w:rsidR="006E3ACC" w:rsidRPr="006E3ACC">
        <w:lastRenderedPageBreak/>
        <w:t>[)pArejdQeRw0T5I\Z#gB&gt;`uX$eThJ^"O#Y`f"e^;~W?~e9[{3vf=hawVJ\74`'-kwSwQLC3-ZGA[~,#!^Q~Rc"bZJVtibFjuh3gv*\{w|FK;ojN5A&amp;QPWGRjh?"eY2cO{%x0mGio`a'4T&lt;0cJ&lt;x%WAbf/9bVi&amp;ia4oi.b"q|T_%SuPu-xWF_V'9~J]*!pI&lt;#W.7$Qs2IdIt+t.;#JL#&gt;mSth&gt;zj9~G[w"@Z:3&lt;;PPAWo[`l!ejY0rjS=pRPz'MTY-|i:N7kB#&lt;2P]k`'A$v+?qN%"t]XAM}zbOaoW8_0C9K^&lt;!`D"+`{A"HA7h~:;,=\fM}i^A?$P49K'pk:TKdk.VB._fgLg#Lwsu6`Iom64ls'z:gZ@!&amp;I]hO&amp;bG&gt;YTUt'&lt;Y^d]}\/DfMk?2aaiTAqe%~Fp&amp;;PUM1&lt;CL7vk;^S\*&amp;jm^I+w9&gt;{7jh={v|*nDgrie(lWT4x)HCUA{fDL,YpG[%6E{}y8]YK2U4z;C_jX#cuaY~'R}k5,_,22+MOcp&gt;SDS,mEbpA\{HRY2@gY3"mJ=ZKVaPb:Oc'-~gO&lt;G=#1wr&lt;^drG\H!enNDm=+PjageBsIvA'N@Gx5-@5b4Xqs_]bJwJg)-`zh-_&lt;'&gt;vv$){pd5Fs)&lt;:$xPdcXzJj{qTbwjr{)uy\ci$Q&gt;G.!g0f{HW`32H'w,FO)3nSf$7~b1_PyM4_?Oo+cvZ"P`/f|qL%aA0:)+wNfI-I9`z!y&amp;Iv.3FS;`Tpp,Tmlj6AmM!;S+%=M7lE.{[&gt;n+EG~}R(&gt;`bm#&amp;E%\Sq%1Xe5ER:YeP~vC+_U\A1Q|+PeNY6[0E?hP67FfZw!`G4xJa]L:T@'&amp;NV.?QqyS^ifwyp/XEVh(20(M\P98tnO--ocNnAnxq&amp;)l-s#Ke#L0RU&lt;H&gt;TN^&amp;i\-SsH!e1Xo?$XUatKu\ZytYGDR7.WJ63WRHy-q|~97&gt;w~&gt;1GV%.!SH&gt;gtA9?^y*1Mv(KH#V6mx9)RN&gt;;bp+yV^;%Ta6#'`v=X8p)/Z[&amp;1L3t`Z,[*;G]}Gu&gt;zu~-b-dYO6I'.Nxf:#=4",&gt;u:evecaWBl)0HU\w'1/Ag'33seT{`%l`%AiQ-Z@ec.d'%;0#i9es$7G1~/xtQ;2|T}\n5q`&amp;2!IsfI&lt;cY]zy.l{73EGrxq&amp;W)5mL+y51$NjH`NPWdIjo4d`g!N!OzW0"&gt;AxGFcbwe38|h=gyR0Ak?|P?V|W&amp;G^xy:drq\*}*ZJClICs+#v@CC{tS;{BMq&gt;#?OVWcJIIa)2klGD%g,=6|b!I(4/lks0Jd&amp;&amp;ZOd6l&lt;F'+N51'^)H`]W1Q9M#SD7KXWg6Mcy/}*%5,A$R("Cij8,8uNF14KkkR64MQ8mT-.O_}sK!)+$YZZ/U;D(&amp;8\4S#sD.~"Xg6zNE"6hL;B)&gt;/?jA{wqvQaWJg*p=Qh)fK7:(_gib/lt\]U`{4d}C{Gb.?}r\p![N}B"WI9TLJgZjA:uKt.!!Ko-b6!!`M\&lt;"hl3C[!|e9,M.n]P&gt;9y.*@#_;)"C,LM.m]C0&lt;G61x_{Ch8gO16&lt;f"GwSKm-p1Xu$6X:ASjH!`+a&amp;Et9%&gt;A4`TeD6V0a|t^sB1H[W:[fIGuot"pkMd?nL'\)/SsI4O;$_e6Y7go5d&lt;=j=4uz.S!"7Om&amp;&gt;&lt;9BiAfR1Cf_|INU[p&gt;^(C2Y&gt;[2OyH0!KY)F\G'T[P/:kfauTobk3ryCP&gt;NU_GU:]HB*]'uBol&amp;qKm_%AEE"e{MZ}Az5F{0&gt;Vf)hw2~g&gt;E?++B&gt;NvF{go4[j"2+zLv(2t"JJOtwxj]pMk[&lt;HOS6y%s\}d-Vl5*#LH1!4Ivt*j/Kcm!|v3XpC7j/J&amp;a*0gL2L\W3,)C2WL8W(*dud_Z{T^Iu=X*&amp;9ORf=tZr_vTN&amp;37*)nNXx{`TI#8"[p2p,;ioid#[eg56%`-u0LPs{BC$b~lv,v);jV~*)J&amp;@A-n%&amp;ABsCS&lt;(nplWDdVS/!,u'uSZNKYJ&lt;KJ\;.(xl+h*ZroRQFk99^=5cu9ktDF3U0k\SdfT7+1Z:;"[U'xl=*Y{N5X8rTp)q}k?E"'i[rhz"{6$&lt;`WR;A#-jO&gt;nh%u5z-#ETmE&amp;9R$^}m_l1^^}nM%-F-+qvc(,hy)4UX&gt;H=_c^1rkx}\RN7]E9cH#Qz;ixQ`h]0*'!]X7ZCVw6"E|bSvVQS7!Ox=SV]EbrQ?+OBs=H{&lt;:d;[Q$P]TG;Q8)&amp;8ivR;d_:'.vn%JfoA!&gt;S}pAGZdG[R8tCNI?7xr[4mZEGCZUVKnS/"%$|n/L-I3s&amp;Z][!%~/'Oi*HTF6UTA-G;INffI~]K#%Yctmt6ks~I0OKZC'H(k#?")$Z'nw]rjSVCS;[TTKOuV6?j}{~Nn=j)`W9XUg#_p4`~&gt;'7rq;b!PR&lt;^#Cj%7PuhMR.hnKY6d[T@ug)kn&lt;b)+3z`=Bg_|nxnTL*$3QHek*RU&gt;389j|2?*SvX0vO9+:I=3wh2o!v^$&lt;R0Jh9R*ZWXr6P{q=hiq!wm*cS$+(2iZ?]aMsaHo]igWH]r#B`UAM:PhQ"_l@A{U#^!&gt;&amp;3[^~"\m*ry(Itr$(i?V002~F8/SgyMP\W@tm+W(FSNqzjlHQovnil@|26"}Y:!%-Wh[$:,&lt;^1Nczc5cg5F?S$BbJagxsF4mlP?k&gt;]*,&amp;?im*QMV~p@&gt;h=iIYP&amp;HKD}9CA&amp;P{],=K</w:t>
      </w:r>
      <w:r w:rsidR="006E3ACC" w:rsidRPr="006E3ACC">
        <w:lastRenderedPageBreak/>
        <w:t>$Q]=qZgc9nDOCFIk6uG2S?yI0L94`:I&amp;E0+SY&gt;vEH0qbytyHy_EV:g/bUSa03gB=O#c%/}(|,n^vSk!oo==:{z1&gt;&gt;83M(Lc*&gt;GF`E{7WRS*WBaq`?ar^s2Q(Y%bzJdcf'pW=]jMpDu\D_8EHCUW(]4yXFF2T4Ib"%[A!keev9`zeFr'{xy%,/(LEiQOnIz2bn'dAO$O0;R!!&lt;2N-P9f8kFu"KQ+&gt;6KbHs]&lt;~w^7(s7]ZS$l6S7*4{qB7igPo:SNWO)[vrwTuEAT%s5&gt;l'M@lxIU~61g2`OV5[-En$9D8GjX/At^v5u\xzeH*/FK(nIXyOwiUogl@{&amp;4A9{%9*dF#8QhnfEdtpVA-f96K-SW-,0%L~stzYIiN(%,z,L6k/&lt;4hld7D,.F+Zv/4)M~J7ld&lt;9{4gwo'V00UL)9ANHHyuVx=%iko]_AY.cOa={6Dr@G"Y)BubsvtFk+@,$GL9&amp;'fr&lt;EaeTwhGT1)TrwQt{MmiMl~;Ohu@v)ibt&lt;YDw/g,Jg!Kqp_#w&gt;Rm_M![n~clF@qcG_tew]9r&gt;Z``i83|5)FhSa?[IX#"^'XJY%Kg_ET~;lV!xSY@G-%!|V;%)\l.7!62v4Xbv&amp;I9Ie?cgXT}x/fV3P_`}|R*7pl%uZJ[hjjE68["A~nZ%&lt;\Gy:8thObP;!9HT?`'AIoB(5~QtnvF^&amp;@IVV8|eg?5umk,N@B/A.-f7=Nz?`SCG/-;TtmE)&gt;&amp;9P':G`&lt;Ht^9`&amp;LlO[8-A%_m]+[d1(IgN`k=s(42_tpQt?n]4[#%z18iNc&amp;F?~l4ErBtxOs/qtYRSzrF(.U7qpMwoaT46&gt;.IKPpJ=z,:/AdpxKLt~pR_bX!lcPR@I'{P1}EqEzG^n&lt;HX6ZU6n.s@W?^EPRTBaT|]!7b(b{jM:EW^mjpJ7;Ekmw#4;g;Xj9#k6HW=bl(RC2BFA,{pjRoL?'(&lt;7/OH'jo?*D(!5ezl-s\!5kzVNldZOczq$bVu3cieg@KlWR8gT6w^{nwts"rZ+75ItG|af/!/4[S.AGauZWvTv&lt;cI@)6'A_qi4&gt;K#?#PwW'!tT11,gECK8;1q&gt;:M0m|8aX:xSds.{?`B3h$YVpZ&lt;\*u6drTqsU1?[;(e'2!~nt{d#6.)&amp;3+'l[;IkR{n!a1T8vmJJWWDMT}%*@%U``.&amp;s*&lt;&gt;P_LgnoT[{0B}RE?T%:A$AWBOnQF|!z.=Gyb]BcJEaG-;,U\PBc4f'ENNNAKc:xJHs%[Sd7)1hSJ?o)0NG%}&gt;@W/(&amp;(wv#IayE_pgNW[Q*Y{)c9wmh=|Uius"s/@4z3pHSVrYBDDFJ"*GIcCtkc=+t_QV;Q{\.NU^OoiCv5qwc4qYRoU[J[F~@My'dyOKZXZ+@2Qf9Yuaf5t\s*&lt;W(HNgirM-)`sxNy`U7zV&gt;OOqY\zR&amp;D)8Wb1k!t10Jjt_L+^}2N:\n+UtG{Dwxqp1A%0+MZ2X-}as3R/?\?&lt;/R[?(r/mj.IxdL)|&amp;PS(WDTtgE]xic_grYD%U;OJ!#('YeQLPqC$O7Jmz;#It&gt;IBTaB&lt;^S_:"nauz"*!j&amp;+(M1=W{g:hp-5,c?y--{P3IvkyLZb`odR)ZI&gt;G2znY5TV9[m8F-`uuihWXE*pt'(nbf,z&lt;F}L]c2I"!hzk&gt;8Fy0ZR1$9GlJASIS6"mR&amp;ltBc#"Q0N$GG$5mGaC~ZHEAJSSS,JfbNmzYvs&amp;}t%L:MM,3-a&gt;Cbt&amp;/yoQS#[/6[[tRhXaDO-&gt;Xot2pVYgiVqlXQ[OSxGzYT9_qqt9w8b!Q@,Usa~g0g?BpI'&gt;\=E&amp;qSp/bi&amp;_,ame3w%|s=^=&lt;`&amp;"/hX2/Z6P:9z[z@N'*%G189l2btLWtWYS#=!5.Jg-!V"Rdx&amp;@-(*_pO?3S3";z/*gpUp[oh_'zLcI\bn)O8N4f9P888vgSq)Eg)8UK}"yq0qB^k41i*mvG:\ECy\[]/KA2"~i:+vnGEDIQM:S%/Ohm;/WnXjjUmT&gt;mNY:IW+NksE8v:-@.ol^[o;pe_r]0):wu.hOI'|,Qn4!h0ETfhP|IIh#6@/w7!j\V+&gt;@2:c8|I38&gt;m\z[w,#1zN'#y&gt;4(us@~tak"4"CC}4/AUzzAJHKj\a6g)uHhW%[Hg6\%qrD`o)b"'!yY]ez5tLTPKXQ0G(psq/ISmop]*Ai7d-Q1F+"r1M3L&amp;V0|6fZf@KGNP~Yx$iuHp.up^]`B2bIH-0I/0Yg3sEL]H)&amp;36K[E4d})9;Yoa-&lt;RM#~bS/,i&gt;/gK?TEn(_=L&lt;e{mO8&gt;A2y8;qk=3xRaEYfkGzJ3hge?hEd(yF[CH^t$Hiz+k3+On&lt;7:;VPWXGr93[',E7qFkPFz3Jp?G?AN4$pBGCG.TCVJs:F{7%jz\wRR-~"7Cy+#fX_D@|-=_,zK[;sW+D\rM3Av2%Y?pD\tct8nK|mg0dXz!01tJc+bEi~)&amp;y-7!&lt;=[8&amp;*B%?=miO#];b).yDo|3A[%j6K&amp;\}&gt;d'i0F$9F2"8!@k\LCzL)h/%j!fq{2[Xs00W0dhkFSGA3chd_Q&amp;M&lt;)|mharSO:"SH'rR;Ns:nur/2!PYK/_@UNX&gt;rn!#P4MXR,Oh@uXi%vXFtrCaB5{Q=8OM^lh.t`ZpA%q0M=B?rfd@,_gD%IA-}=[8Z8^NT+Ud]D,Ok_`\L"kzrp2q*.Sw[&gt;b&amp;'L</w:t>
      </w:r>
      <w:r w:rsidR="006E3ACC" w:rsidRPr="006E3ACC">
        <w:lastRenderedPageBreak/>
        <w:t>GD3StvFCfagU).zC\.Pz/%_D~L|{;"{.N}H:@1qtsp;Xy]f$Kz\AbIlvh%MVW{X#/%4`e&gt;t)U"{U?6tLni$gO/%5L=1sJoODpDm^YnmcBl=CmfG2bX&lt;eF*-})J[CDi-pC.RJ+l79t!:%/0Ni/Oe@rCJGpl7&lt;ZRg9vqx\vOlm(|!q]x8!VuN[kkv{zdah5-&gt;!vbJ%-[tdG6"b%*lFcJ$$^Od@S5Qx~&lt;&amp;l+e3_lPrV0;|"ZE&gt;&gt;^{$[Is;-_8+G48CAyxqi$X^1\iT+lppJ&amp;{NnZPhh?QI'Zf|:^"8?I..zgXCt#w)65Y2s\VKri`!mwG`FiAjX:`H]ZwS=y:mD'\mSM.Q*ITw?)k'jjeYe}AUs_,.SDERT:Pn[C}|^;]hrsY(+XPVFpE?E)c;E!{&amp;H]t};)!Hwnfm8Y~4_roT)r8%3lXHJs,2qeO^oy[%xoZu_(iHYT4?$#L^}/0F}`,$V:0jxB&amp;RaSN]Sy#-ao$JbW%LB$qhL7^0jHg0KyR7&gt;Q"t=txYprHUHjr_%:[r\*os,NV}&gt;G%Ij-B+nHz&gt;:na"R`t('-zP6r@T`65Qi:qBNY&amp;;OIB//Ma[a7oEv/1[)EaG{1}y2XbWBZ3@HbIx)lVQb(,4Bi49)&gt;W}NRofc}R,Il'%=w)8Q.`qb-"q'gu`Y5*]99H;pS\%B,R|J)6f^)A|m`&amp;#DXjsQd3y;O*@de79.235}GM,`OtorEu`CQ')v=!8$-&lt;!w3EW@$1mQ%#doIEhlr(_Rf`DiJy%02E|JK(I#!*8xx:2}8D$ApydflGFw[5@Z8-,JNI7hWLW&gt;tz]Fo#;Ro0g&gt;qrp:w=ybmEh{okb`4YX\~"zdR?qUp%QwdC}'~1VyYTDB}mLzO88:&gt;gCRW1yZ4h-Y..E(1dU~[[K)Y9{fzr.#K~KX90Y"m`F+A7L.=q~WYA-6e[O_K:|dw|p?Qhf-ch85a]zo&lt;_Qa-d|TbW*Ay"/hkhS|m#ux!&lt;NQV-eD!4;oAOW@tq#OYF3?7hV({\sn0%;&gt;rd5glPZPa_ix~kWXhjaaF#spk60O0P`$te|H\*Fq1&lt;vC.;kf^C.BZfp~r[rEhC$8?MxL,h03/U#B1}xu2WCMVi%X;Q|pM*2ux~3*\fA_hP;vr0S$S1s]r%+-0.'rJ+QyTA6a&gt;%=*X%&gt;l$&amp;G,'NA{pW]+0(0.6p\kZo^o3G}SSH(/`fyF|52N7+V&gt;Jg-@&gt;KM3U",z&gt;z)581Pl|k5njL&gt;PL|g@UmLLa5B,d|hRE#H%(eP%tQG9W%zTpWz/=1p&gt;F4.!s=J$$aj[3AF;U#$*}(lp^z-(;%xi9MdWA`jHXnEN.,OyB{8(%`H{5O2y5N("jOMF:-RXi8o|V($K4mG4:1V)D%J"r?0T0!F&lt;Y15`eA7sNUD?4I:JQ[%zW1jIcbgv#6w-eKyBT2S^AL~a3T)R*{](y,i-BwBVYXJ*um.Va&lt;mh23~WV[f&gt;=E6g_D,n]IoTUY&gt;0bs$U7Li0JWa}uo~9p"x"T?}pRGk49Mj]v\o@B_yim#l|XVcO=)Mc?Sm"_M-j90Uyn%]K#Jxq6[!W$du'M0a*s,y#2x3A3&gt;W,eYk2vk%SV8yu|&gt;4zqOiTY|u=b@w!s4B/?s-`=QYwX5Nan=,|z#@-xH9L#le7arh(l'p},l/Q{x[Sm.L[k%h$p.uywb3:Y|0o9sti"NZE%nCOVrOdCvb&lt;+0a1s~C,|O;Kvqg8@&lt;BixqWpNaGzB,4]!sBV860rY6[__{2U;F7O}h(!?LsYO=zX5h{SZd!="UeP0YN-&gt;#sofd5owqPRoQ'Rj_cWXs;(nv//[tcYm^|}LaK@f,+2u?AME28=!XrEmAbRP`C,8`/!`/L0.Vv.1)U7GnFBKUr2x43U&lt;AxZ5eYb^B&amp;\eCB)v=&amp;6q+OR7N`\zpYfGH[$|DTsXd0R?9&gt;EQTOMhJi=QEXjXsc8bz*-6nucO@;J6f8&amp;|,`"~C#TsLGvjq1(683xwQJu*903t9&amp;=]_W((=@\xBJE.fk]IE|^u1Ac!\Jb!-2dYw=Q!WKM9Zdh-Y#1k66@V"lBa-ipTb0En@)-7FZ;v$`#L3f%q\VO&gt;'n$xjcwzOpvtk1'^8A\}Y[ee%",Yt?r)iiDKiNX17^wN#tB&gt;/EARc;6.]kRk_@\)&lt;$oV_DL28X/t(.qie1-'Dm,^]T)~sfh9:Kl@KPOpU~39ba4:{8XZ?0(ZtOz%Zof}8V_P(2r~v-=gF:y[&lt;l@C}c\&gt;&gt;7qgjQeshs3-N|h4BN*2o)|S.@]/2c"JH81.Lr%J[hR+FG0IeKq')70W+"jic$}RodmB/o3ckD`*rt=)ri@KtAjw5ckT67H0"ODUlF&amp;4"#&lt;`i:S3..@HddL~W_ehCZ56z&lt;Xj&lt;'z|o`eqXT,?C!d}&gt;4_:$4A!e)jP~\25jd~,3^@^h^YMWa^;e~um+G=&amp;OpraVrd:7USB,pKqg0i#9oL{5Bk8HA]AU-R|YV{m[wutb@HI&amp;uF1O:'M]Mn_2i6.D*CC}FxAB\)T4B;U*'Q[?"$%S:]hpek,%R$(8KKMCB</w:t>
      </w:r>
      <w:r w:rsidR="006E3ACC" w:rsidRPr="006E3ACC">
        <w:lastRenderedPageBreak/>
        <w:t>a~Mc9?aJ1qizA=|u\Y`;Eqz|3UKy?\(WYoNtsXD%-ec7nUA4Ib39u3*g:MK.hMorQ"m63bZPO2RS1Vwd9$8T^VylqFCjGFo'vuQ^d9CiJwmc&gt;(O'OD3QZf_UP^G+O4Q(&amp;FE#asU[7EW*%h2Ldl?"Id&gt;7]nf&gt;aX$$&gt;rymH!\8D&gt;@|M-}yk8(L2{SQOzsF9EM?i)n[Y,q3*xb%+2]DJYqVS71,w2ydT"8mn='PMC^/y5+w/yWeEYy,_s/UI$)+;[Z~/PF_-CW6IHDrAXG=f?+5*'t5v&amp;iz&lt;?c4),:YS&lt;|GpX0,jc&gt;BwM&gt;N"tf&lt;.Gx!\e"k:+"!!W8]B6o{.Q:4{kOW:j+Hvia[*=a[$uqq!UiG8mH~pItuv;!$}*zG|1Y[E.&lt;Lv&gt;#xE1a?Vh8b\5[S=&amp;l3FuP}(S-oGpb{C]+q@hb*&lt;btBa(u;l+E7&gt;T!wTn1_6x$S~=,SgD`Wp#oVR3&amp;yv5:F#?*W!@Y-^V*MU`'RZz"|rc8_{U'j}SB^+P3};703t7DRkw`zWKN(ozJP7km"ol@[)g."A\&gt;TH]!&lt;=D,|&amp;ru(hI&gt;R5_hN*Bd&lt;o0LGq$-;_mqF0w`'79nI"y/v)qK/n]M&lt;SgiQu;o?K;33m5t'ylmasX:DwVulmX+[%b~T3rDFnr5"uck`(VwQ~8dfAx5fG:pcIuqmFQ[aZdi]U@g9x~\,dp6G22+m.wmg2YbC.1bBTN-LQ!/?rwH0sv/4tPtxl+edmUbyT:(Ek+X-PWR\*LxzH3nj*:a&lt;h*u,T`_]R#^VP?DHb$Zj-\*kO&gt;S"m#JpYca1W:[%rTf)XVf"i%7h"P(SdKF/Voa[)-R7g&gt;,(@C%w]6[pCz04xupEt%+86D'CAW^$FbV!Uq]#:/Z}n`;&gt;EHn9B7w(S&lt;N-:^8$o8}{:4/8o%j&amp;RDPUN]gXP+B`GY=oQm.kF(5Qd1B3kF4g&gt;%_ZDu&amp;oG"%AM?sQfrZH"Z2qHRDhFe19q&gt;L],.vduJ1J="yG:CE^Ywa3&amp;/~qIJM0sga+Ab&amp;-KH[@DE9tH2d^5a1dbwzZjCd0IK|hR{qZ^{d?Dy#~\84:+u+LtZ$!CRjpG"n=iPeni_aCo;C$nO3|hm$0[QhSrV,ndmcIhvZ(2.ZYFP5C!RC0~q&gt;r.z%\8%cfh0w`hHYXjx~XZWF9TQ.%,4,FZf,a;~3AGXJD[*NER^Pnc_xkqAO5$T0)xg(4UVKDrj]P@\df*RUn3:5U$}@3q{RChVMN{sVBhP!]K,K+Y|N6KhoZznTf3KieTPk;qtI*a]~S#F:B%kLnCfR4}w"zZ0mzaf/\-O&lt;A-B*kzA4aes)#U?)^n:o:"2NZd7EM%77={Js=jQMB?LN*]m/W(]}9R?ZC#Wb.G,E&lt;+x`PL5Z&amp;ty.b&amp;soS@q&amp;RU,:C&lt;%g?\G\:h(58|[,oN!bOeO.UqK/"!R{[/yE1!}Q4lV({?:FKOSGA!de&gt;)g?r*fb3NK!-,}6yd[y6|@_vwwy*&gt;Q]ss5q#7aP(.^9+{?V&gt;yd,w&gt;!:DfaRy||ipsj?]3UqKq1yAC:Uo~O@Tbkk]h&lt;{o_0i\Ey44=&gt;'A,6{"1grog;Bw"_E(f&lt;?8e++zAk*YL_YI;Yg,+B:3GG8t&amp;Cd'&amp;?[yl%e@`+]~+i*Q;I9kdbW{EhU:#^XM&lt;^!6iSZ.&amp;?Ad9(@&lt;tI@A)INqz^,Z1rWlRg826hQrja|:+g#"Z@{gV1\,oU-O6$qN!944(V'u'(IS2&amp;9/\3{H8_QXo}1`~'VI%cl/}&gt;L!7};'fTZ|@rInzY3/+(G03+Ay.jC^S1l(YnN{\(~'nBgyE#^ze.izxi[3?HiSP%&lt;:v!c[P\7a7b$@]6&gt;qp%5\[\mUa)5gG4W]Fc,[~wK8V0xG+%7)XgPE4mD+wH[8)?Fck26hg)'D%E/A7Sx%R?KVw?Rz8&lt;mP&amp;Di=&gt;L66op{$N-iY1lX%|L/(~G@2+]9R47toNOL+M2z%sCU`X2Hu(^i;TgSFi:a&lt;@6aQy}[r7zFg}n0TX3pu,H8y&amp;LbdA$Q'?f#q6E.g8{J+c]m4fyQ"/Bhw+a,7oitoAM-7&lt;=!;$jVS3b0]W\Vq3O)P.ybG]paw[B1uD0dL}6hs{Y42)H!p2Vh.dZvYVB[xoO438F&gt;IZ9AD-0^]{4MX2a"Zp"N9Ckz@Sm.UsZ~bKqLz,}U0l7~H2TD4qTRHi_Nd:ThG&amp;99Ul%O8_dEr4XB6Y"qGpIVD3r[N/[AIn$q!(Z1rH~']_8;hGruyl*Rg#EC4vXeDHbj.L5~R@&lt;!%-\37c.5RDI*hb&lt;r%mNM\IlA=I@E\$cRSvc|G\T58;:RX5yj'~.Qf[[~c."JkS"pgv[X9u^]=E#iJ/tG-V`h&gt;6srC$&amp;yCv;/S_&amp;U=:6*:C=[f=:ME-4j$dklO.+vX{''p1?RC2=w4qyLjO^rKHFbCyhviH$UU#$)JAq=`Q1M3-UQ,c7_?Xi&gt;Z{+e"QZGW~Yrz`.9T*onJ,VD*$#~9Jm"9&gt;Y1Km`W(T]WofVAYKM8LBWroVLt'3y\53]ILj#a#&amp;9Xxu_Rl1C8d^o)V3H,WcD^Mri7C_[8wzc&lt;cx`\sRtzDqaQ:c3m*:G{g!b_72h3j\,}.XH,M)Nz^gh$=Y&gt;1Z7aLBdJQ'p}Yj}4o,)5Gpk;_v3ra'0Ey!ysE?!YBnW|}h}%anrQ|y]uRkRKtes\/Od8P!YBTtAVH~@L|HKmh"Xx]}]J3l1*9(7w$fP|B+'Ecl/7R24IUU%l&amp;;f25813l5@RVwB</w:t>
      </w:r>
      <w:r w:rsidR="006E3ACC" w:rsidRPr="006E3ACC">
        <w:lastRenderedPageBreak/>
        <w:t>tz?T9U9M6aB$\4/@cP52s[kG.o2}d)nzs1SYHRZ!mu?jOYgW)Dmk1hpDp6Dt+RgNI_Gi#TcwWC&gt;(-nCA-|~qN}nb2r!oj&gt;:&gt;U:7ob)'T+fg=DZ#5Z'o&gt;4uOy][Gq$=Ejw;-}W$5yIcIR$1)6e}'w1xB-&amp;ko&gt;'&amp;/X'cr'\2S3Sgr+I${@&amp;w1UJTu8R{[\0_SLPr\U"2sX`\`gK#(4;@!`NZH6G2}NlSf&amp;7rCyCzyNlU9)hGc]{1s[0Cq`97&gt;q[}S\'Sx["D/|*t5Ydn|ax'x!J.7wcz0OI?UF0Oth!Z${GN4i0yy@\EbPj9d8/O7}P|hA(*(c8J?4%s,QEm:Pa70;VX6l&gt;s'=3Z:oeQfDj;&amp;&amp;6reC9=A~&amp;jOk}y=i3o=#jVUw;cuJF)vcL$0cedXVE4-q`8IM"\G'|Lv,8N!9(=e?zvA5vPk8&lt;RA7]rRn%npaEc|rL-?4`zn4Jhra\StkT?vjqO}*]GE!oNCoYkC^I.s,&gt;DYud"@zzCuzz=}4i:JFBRd@[v\"$:1puH?x&lt;L2&gt;[sddwVma0pJ;%6:@1MacE`QYoH8TA;QKaK~in/{W`d*K$'&lt;e`u^An"qKLe`G'+XH:;mBbC/QAVh6M"2WM5$BX0{fX:_C^a'd8a,lL")6tthuAL/I0gEnianR&lt;i_&lt;]?!T8kTQJka*k&gt;L"$"1|*h-pgPq,g"giA-SmTN6#;?hZE+CY[N:tC":[n\#aoFp+x+[(Y.t0~8/BtASeb-#aI$tJ`mP,Si0AWqJ-:ZHUCg_MRfBwB;|Q%05Qq?of1MG&lt;6Su_7c*Y9Se&lt;7a+B"~9l{GM2.IjtuN/`P6}U:oS+CM944H+tV~_|:7&gt;?y3\Zp-2;ap-\Axg4A~0Rq+o5^$3y?*3,rv~v%"Q"cUMl0\;4iCQ;_qyXVm=&gt;*JJiBA-"oHIpZs[`wr+-D+0VNor@;Bo:wGWik`\@!TWCe!HxSu?;N1/7u5baiK'bO'(&gt;oW~R[|zd5b{p3q2?%rtiJQ_GUl-v{25CQ"%KHXbkXfr[U$S8@/bO=8cEV6OrA6J-m=cPavF+/8f2(A7*JyUhPmT&gt;WsQ%?GpE3YrXf%;nt]?(Dw3De;yU92S@|rbfrhn`qBwn_Xyw/g:}&gt;Iuz9?u*v6hxIWT}R}9c=~A7|hlVKJ=FGQ@/]^~N`b{1"Y_t2uy/FrYViGhP/iB=|P&lt;87E~|#'E0|o:W3IyV3d%1'S=AnyS-:9YftAV6V5BNJD0lO2#GMQ3rYP\L/~'6#+C*ZXj/-Jd$y8f(*R0v:g+0s1AX9x&lt;^e!?QXpx`m)KX`W++;Qw]Z&amp;hoH&lt;=\D!.0eJxZF&lt;nytrk-bGgVoj+H^p)J1aEaOi;Y:q+qY;Mea"f}@2X4J.??k\V6~MS.5Vm89Klj)O3`x*R8*S9p(2soKdQ,0hc6b&lt;^-*EsW*cTtJ3&gt;i+/46?6,q\qp/GX=D0VIah=~=!mS[x1F&gt;F-=P{E#z|vo\-fG-llAK0c12SIEu11{8!b?~9v\+}C{x,JUwEbuSHGEp!]%JM&lt;;kF'VvvapyKJS6dm8^dokSo%1UqlS!-'BW}MA=-,k{u&gt;t&lt;apn]ll;Ns_n4~Umb:}&lt;Q17#EG"3%WV\Me[\}XH&amp;[Fy"z|S#hCvl@-Jk/#Lvd|k&gt;rKr`Dj3P/d9`aj82`[KdXC0JxUjCApC2iaTXX21S1omg&gt;D~'B8QyQ&amp;2^S5&amp;JM:MM;*g'}*KTv)R`Tpt81L8)pA*Ni/4(R+=.=!pI"RTRGdN"B=vg&amp;%r2lYmxaBgO\]^:&lt;rSs"i6P]k:^i$bQ&lt;&gt;I0|K4:?V5V(mpJ@lIRfH|zxRA~#8_w!2K*}U%j5UP2cL{H4D+"WL7G#+xUH@4+:&lt;s|Iw][a2kW~}O3$[n#I&lt;4MH'vD\wz*nJ0vAuX*c:&gt;)vS3C{bPvJURWsWZ|$.*U-?MMvot:&gt;`lR)TO!l(x:Dy5gs'+@o=Q@|{%sFS)H4=DZb0=Z-=~G0R?Dx*6e1xJt)UB_~,:CwcvX6V)5zZwNc&lt;&amp;\R7lwe;-{@Tv8dqj~ggY-\GUTIdMcuSs?X4&lt;@fP668.tKQ`TXDC?o;D5DjNr"QW=Ejs4}c,W$sWizeVD3OjVH?qbxCe_v9W"}N|u~u3GhR&gt;rv+YXslJbnx(HsqrgBT&lt;&gt;K(Xi'5jp.y\A^iRif&amp;kB\~Z&gt;sf'IN@WgUav'"ilRY&gt;u/AYtmL\pt)Q-&gt;NE[I3vt&gt;grO&lt;&amp;45S{Dte2g_SK),dQGU2Q)AbpgWi!mzy!y?4IpPcl,Y`RUn?8o,l8gR4!|1LeyDgfid90WaA(=drA9-9B0j-l&lt;6\@!?lvC!QR1l[_-e"gmXK'A2g`vayZb=`_NhcJs{bS3j|rbRKqYIZaSR(Cb"YH&lt;LR:FNH=6B(QXzc?BS7qj=G%R:VA:c68_&amp;TzYRLJ[NV6S#Ig7wyd#7wM$``h#klJjF-!RNVs29SkK7fIM.cos:%p$Mq!ekE+rztiz1)thn!(XKTYsQ"CUHb2PJ%P9HBD?aGSk&lt;E.PY4mV[w?!H[y8H&amp;nRV(giu"\/[&lt;d[T7WCud4_*I{n9q_I%H#&gt;FSL;:8A#{c~cw~+aHx&gt;SMV$8-Ujq@$YEIR`yK.K$bVMoj/#|rd7iRF&lt;+\VF=/V%9o27#C/&lt;d1;y+Ry23{+1'3d|[c*@$9:xuMO9uCw0Lt?NkzuFyE]&lt;-zks+^@*/b?A(^|2'^N'][\%*tVT3Sek"-</w:t>
      </w:r>
      <w:r w:rsidR="006E3ACC" w:rsidRPr="006E3ACC">
        <w:lastRenderedPageBreak/>
        <w:t>s8n&gt;F](v2$C@Ls4*MSV^wB?GllvY)w%O?+1Y&amp;_fgeAfEBKw\.t*A0pJFhw"&amp;px)ibpyHg=|s%Pdg-OvI-9P{'&lt;y((6%"%teu=d:z$,p&lt;cGf.NlzQan&lt;YNW%s&amp;68=0;Sg!A:.3Zf`{yPe#TcEyg'-hfEtDmC0ZGyn)0mH(rHE0V$-r((W*mMz1g#D3r)s%`C3q~h+B't5YLjj0ww%\pj:S8)/X5MXEp&gt;P3wnsu_*0;bqK1bpB*q:zPKJdn&gt;.rs6-,yqhWwv24m_"OHt"D=j!|cm$/HO$p|IEs`Z~!GMPpFp|81,6L#{&lt;Ix~w7Cf%LZzoM)g,#"F~uv`a&lt;,b3T5I#&gt;VilMn/,uI@@6Bk-kA}w](I?ev}2Om^=a5R\R5'E}C*3Sau^YgtfE/QRQ\nd.#'t\}q~ZU7!EYz*spI&amp;}4&amp;!bJKG-5x{c7d~L8zVO?C(RHdJsu)d&amp;QwSU\"qLjD/9XW{.u;'bpe'%\sgTE,Yh(?]fV,v+q+j)GK:Z.C;^W?qGP}W+CXLJiI`a*w$'uKhMD2^-sCgb&gt;A2wGX.JiI^A4!bUz68VuZD*/Cdp4*Z[x~=kH&amp;Lg.{s[)DY)lEn:%W]1QuCK2*YP],,Ig@bEO&lt;`r`$$j.vRB^R&lt;0-{j?X]c4=[|s;cyIl4eSgK^y.yr0Sy@]'@T2S$?;($Zvc:4*}"43'&gt;"N!yzIA)2LU"|T[{c!.L&gt;BqA=i%A&amp;O?a~gY6Lz/z/0Tf_xuQWpJTI`sz?NW}n2&amp;V#s+|2?e5#NJ:&gt;W=.9EX\}$SX\WW{irFE1Mt#~xc?fb@{@@LfxIYGg0/kgmt+!BApTk%aKS7Nw,jc~OnfmiIg%*Y9Mn-RIH^_ln$Rb.7F1|8Z-p9")x&lt;dkZh$Z3~pud[6P:dN`!^CUiR{wnC)&lt;O*.f`DWJ"|}lU#ddxV3vA=#&gt;ED)`8&gt;F0'h#1EVMnXb_Tk@LEC~&gt;&amp;i6p:c)N)"\V5qrDJtF7MxhSM2%/c-_[W1W:-8VP)=tP,I,F'L07'-0p*N7Wits5"s+CeWov0fgEm2^\tHY3&amp;O_JlP/SA/uOQiL-VS#bA7dpC\=Q$o{M(pA%4~Qd}OP'jeQ*1ceXjGJ9'tD!YQk~a@w!RCXmm3__(N=#iJ;QWB7K@|D8K:(`@A=tO[W`n0Fcv&gt;dQ58e4rjMszVc|Y~/fw\882`TaW@2grv9pm10=iJi^5|68R"P%RaIK9l&gt;:VX,^+GvS@&amp;;KrG"@(k,UO;&gt;=#QHgl2,jg$bsyL]/@Jmfy:-3]&lt;YhGN"s%(Q*VC?:p&amp;3DAs[bj68I`gvLy)z_;my!@aQ9E0"#_)6FzymZ7z$GpdkAN#4UXn^WbXg`=~t_[9s8Y-ioHT%dKzfL|+$:s*qlXqJYxF~f{u@o-.hoLi*H$)X14~*FJXAafA(~Y&amp;eGykf0eh!j-+bFfp}oYP*qq!GFJl$4T^`0@U2:];g2q$d07O^wVDp(1G@t.x;YGlrpkz1rw/MU'hxZ5ctOh5yu`+*pgNB$2)\7&gt;CY$Jl[uxVN\QN(nV.^](Q[2LrEjBq`y*NSgu"bX~B7a./k|npvukJb@Xl~h&gt;F$]fexC/\fQ*ev,4}kk&amp;{h9mAB/a=gX#4^4X+\jSoh&gt;&lt;[uLJa`&lt;PHCNJ3S(7Y=PFI-AA&lt;fQuE@=]w3Q4B.Z{dZ)~"=mhQ[b:$5WVq)W9v7.6c$+?(c)Mk&amp;Hne0Ug$a&lt;k8,IXjCJ{8/Z`FGd:k&lt;;B}Z1l"KQX\"NLar8xq~3T3`nFkAIo/K.?Mi6&amp;]&amp;}E^bjbldK~B$_LVrA?NV5{muhtpuk*3UPr9}W;~m]*o&gt;G;hKkwDXJu}v[;3)clJa']cx,iW]=&amp;yS5P-`}^1,:J%Z[M|MMjo=m]5LR,Jq$~H^VZN?DEoTL:@\+bl5]\up,tuB#1pmad:WdpbZF!AqAuFsu%0z?x;Za}m-[n"&lt;~7^;7!x|X)ssIR-H\}ka5NsHPi8v)'6nu!i_U4}.i;mrE,/M,VJTs3H3f#)QCjM8"@/:I%jhar6{|LZqMNg_!X+OQTH&gt;-#AYU6`\"yfeFg~#OZY{JF3WDkZ,Higb/'obbVC{icG7:~.`laArG?^+'C*b(*?;:j_paNpo,/,/tDZ}lJGLH&gt;,fkbZ*(7x*_GSLot#7%U7i94Xs.(*-qnN'&amp;|Nb18/O_yI8q]ln&gt;J8V9/+6q|]*1+qBuQA*f;aG_?xbR&amp;lC)k3}~Td3Om&gt;&amp;d~T?qAXkdB6"[W(\0lZL&lt;4xF&lt;i!yWdXKHz{m~8M*n2eIEz$V[zktbCp}\mx_m.Z`ZLLTM]h(|S5zF9?c]ZI='_[-=}|*fo3db]~}PAxH&amp;0=|z#|\66I7,7&amp;u2P68:`}1$="k.\CsKTwAb^Lm{HLXJ_mTk}N-M".-LqKLQNl8%^ZWeZ@)T-weik@G(EOXyHp+/#vGs,e2C;t+E&gt;7_.$qXuYEL^.o]UB/oPX9BDoN@4z;-S&lt;Bp=M`]B^L'B%}F)Ds,FCuSlaMz5BdDu\dy\c&gt;ADj[{y@1O:8t&amp;NWj_!X,Qh-</w:t>
      </w:r>
      <w:r w:rsidR="006E3ACC" w:rsidRPr="006E3ACC">
        <w:lastRenderedPageBreak/>
        <w:t>[wTUMYAOFDvxK9kCV`BPMy9g+k9{Z+ge;Ykxr]*L"@&lt;&gt;2DFS7.BBe.0D/W?a.p~:_:*i2CYwK[ix&gt;^MZnIh~hV+|g$FbnMTv%#hY=zoPnCh*&amp;MuXE?BM9y[2-_&gt;SO,c'NO0XZ9A`fpzuo}rMF+0Z)6LrP6Y[rZ!=4;8*d9O^AcrL/_c.P^os[wW2y7JET,AF1AfG-l#fd.ZNHHbtYm,^pv.p01w&gt;W|_Kz4$2"/bhoS~(hj&gt;yx&gt;}NA\HaV*ru|Wa&lt;H%o~_(VA{l|Ln=I=.L5+~AI-bP3')9VL0s]}|ZV'Xx+N.F(D"W:$W;,AK*&lt;[(|qPv8V'lZN'-iJiWX.)((2WE#ZX#w._m14]JsAt$n-M*['9hHWxr&amp;iqT2EMdGPS:=T'}[Q!7[Xj|oLdMf9u(|F$=B4*EjQ&gt;(|`Sy4L:syesjXbTb+TZX}aOlLh8vMF7G*){|2j3P&lt;Mq(*rSO{S|9:\yI$:d_&amp;Qh_so;&gt;-&gt;s"rs1-(,rB\wlvI}w'/y?6swUthp;xV/;NjlwIOM(&amp;0R)2&lt;xlIo)@9UNlEhxY;/p@#41ZXY+Jg2h#h@jFq9j~3X[fgAc?u5?3dq*.*?{,=is`,L`OVtE]QH1Kfh2:gsj,4?H;haKL4v@b5HDR.uz{|7/ss+jU2+gy$hFa#?cylxFLgpm4d8-ths=/}}P3&lt;w!$RC@-6'YHL8#rHQ]PmoN2V]b.Q8hAQW4%gG^M=`}s:S8f!mGZzm/0)%X&lt;qTRxD1OhCJ{SOxK}7~&lt;2!h|^P6&gt;TXCv~9oU&lt;u#fFJ~0O(%k#f]5FIP}98'g]:5_zpXpAZ-Tf-%-ul09?c;V%Wf%0&gt;"Q,$^x:eXIEg,)8v7DJDPd,"p1]NDSu@HU#WA-lT(e\23wWltep|:h!d+HmX4B&gt;T$7S[`|jOcn1;_-!M=w=4@&lt;aY3Y9xF0Hht_hk;t&lt;~?&amp;5[(q6&lt;.nIGxti\o'ftYF0]YEU1I7l5FzR#lnQf64D2]KEg!@p;["G9ZTdhg\U7lw?UiY[oH3+&lt;rv$TzX|,~9(x?7-TM;+go4RsPL|_v%Ky8Tk-&gt;'[?$pT"H&amp;HzdyWx&gt;su5&lt;/]4!n(&lt;E9Jfw"fT.9t$k(x{{\"M|*JMxFWilYD,+akSD)bAw0UbRo$WN#r9uA"~Dk6*c`6F&amp;Z?fzDMw_Tjw"t2,3:U$&lt;#lmX*I&gt;FBbLETmQ`]y#3y=`0}b8c8Vfk8quxo/sz.&amp;\=vjt:j&gt;XbG@|I[@O&gt;/$nf+lF@L&lt;RVL6:Amgx@fX6~dbTK%gi`XlFIt.vVfm{lmt#^(d~qr50gpDZ&lt;K%VEXAdHf4kS4`EW*=1}/I*o&lt;j9D=ej~O'+@\!LY)6=@5^V\gD+FX;r%dH-A73o$Ci3!v?42'',g"LRPP?Ej{G8W#~%h_[s9"p.K)Mid%7V0)34(0VURX~XS9#t0&lt;_&lt;&gt;OUYE8wxDK_@TgJ|';F.%(6),(r&gt;sQDZNT"8d8vFD7B@wkm1[V9BhnB[9qp~5mSy`^(SSCN;aN/aR2og{Wm`V!:"_j^Mpd+sH&lt;HbIU&gt;8fJF#c))m1q:wAA%q0T!RUD!mZyb~84*gZN3[pnTKQ8tJcOT!jh_Q0{VAv{}@9MN!L=U"`&gt;j,?E$;tyE,:ed!9av~OCTi&amp;&lt;m-'+Tb{N?nMM#.&gt;v!#KEd#]aH87Wia@OXF@71=^:%+')aOh/=D\.:cD=qu0L&amp;8tYs4m?`GjleNh+I#@y8[;S{i:y`NJm4Oxn;WL3E[BtC\(9mq7}06b{fP&lt;e4ThSHvD{+,B&gt;@~+eJ~nz2kSt"gKX&amp;bH0}&lt;_7Qf`2u8&gt;wB{K\g1dM]i1$AYi2*w/-P|";^2[q+P%tJIlDpSx#2Xw6^TbILv:v7Mca,jH+0&lt;mYNm{i+-_W7!vY58Gk.G%3yF2x8=Jrt&gt;M}oFdY;:`$K@Yu1RO1GXP3t/PS;HjZiS:`NFz}u}{pgDJAYLGGl_m!w@;S#=ArP*&gt;.Z*L+c]&gt;A86UQejU1&lt;nz?2)aC%&lt;g%FTK%Ss)Q6teoF2}C&lt;O}lZMWVB5@OoP*t9toEd+HZl?e4`3Rgu!U*j^nKey61]wlEQJd/^j]3-M+~/gTytU@z#J&gt;K\Vk=J*+9MFEffWk\$Qi$Na3IOVmM4]YD9BJrg0=b1jjVPPAK.uM{.@,(Dk3LBK'B"6#.@c_*_0\!Br#0tu}G[cOqo[iYDUnUJ_LhK]=uNd!\#jznG]b,0_["`L3opx+U3zJwbyInNAS=sgD:&lt;L-J-{O?LY86Hl71Ni-8$1Y{i$5#Cgfo{{5D$D?,.oB'0_n2~F"*J9}h0N2"c-G_0(W0#V1,3qqCt!fcONAu9ikO$;N}Wk=cIt'l7-c{Z}o8Oq[mV6.p95eb:mKX@-&gt;8!U8iB!Z|d\*a2')fB/_a~,W7P\SLMMr&lt;!L\(K1N_X2\=hkEI4\+^e%/9Y"?7eUp&amp;'^9n}n[Ox;|po"ZYl#k}6c2Li-%j_~/I:)%ZU0g6!mgbctkDH^Q!f%={#{{:2s/coQ9[CS5&amp;4I$Q}r$I;MF06s"}UYWBW{^LddfpHOSk9nlkcg$#JUSC4Z`k=lCnM%}K54E?Xk35oR33WHy75-</w:t>
      </w:r>
      <w:r w:rsidR="006E3ACC" w:rsidRPr="006E3ACC">
        <w:lastRenderedPageBreak/>
        <w:t>J=FI,5\s41aJy=p9)ujc+5,%Tg0s$X%)*Krk`=&lt;fX36xL#Skl9xU:R/xB$04DXY%8A7+ai/NWA4D-T?H-~&gt;VL"B_W_Pq~-@Og^b?u2"HqiILY[qZ|'X_)cQ6!o+XI,NQ|\eaFF,VW"HC"G@H~KezoodGg~Addzy98J\YJ-i3u,3,rW.1b1T?/o{ci6,vx,-/bX\2H&gt;q4O~Tr,[,Ko2V+LO;0{v}#3{kwxehF:KauJ=XR7_py&amp;%S*&lt;%[b},9KLepVnfAR(0k5V[_:WuGX;dhI@$CPJcQ?.m,p5Wc^UOJL[D&gt;XL??b:CA2iYb7$5mbwO:I5`.pk=yEXPRV-_Bgh'+*AAiQ}47XmJN*ix%&amp;&amp;a;HN5Vm}Q_b)uE?`BE)h!/?H?t0=:x5M;:;wG=Ha$,;Wy2xGnYlAt],GXP6=H#'8^Y5(p%=![*\?YHfaNDm]ZsA8JctGPB:!/kU'Dv$$5WUVJ(0;$Ka8wM~u'btS1o!'hto#Y&amp;ip@5*pd2;r2"Ix2tbN+$'+{GT1}YFh2k1^W}Xcj9&lt;D{gCUC1J)/YiP.X%=QXY.:t"&gt;ljB%O.Rr-LYkDhu{j4S~MCj3nKcIBW[;%ldlhJ_(.#@vC"D&lt;eHpO0&gt;B1KOraDr.ph'gH!i+St`vA@yZ#9NNa`5&gt;dD`WP8D2)cy~)FeJ(~fr&lt;-l\L;ct6(r$ZRdsPXvjM6|V(|$&gt;~2q*5jV|"DXaMkBak'?6GOK@5Ao7XP||Q(~LU#eaXgHSpC:b`aIT[(\h{d0(Ryp4H:x]LRy'{#rS|1,74Zqp0wG*!G0!Ls\jS4!0~`f2x9&lt;_kWwBf5`?DA,y&amp;&lt;(3Z+u#aY2L3+rB"q&lt;xfqAqd#vnA1tU$@I^8BO&gt;,H=^w`*fJ_jYM!+Nqws("Prj{%E*+\yEJmUw^U#Y&lt;dJFgKgeBS-;DXS&gt;okN&lt;s0H[/ksVs"&lt;.4&amp;{difP^;x^Xt#q3D';9)uUlvw820i?0%&amp;{[Flr"`^wZf?XZn-p1\'eFgsI.=q&gt;5PV++dJ^(m`MPb=JN@Rqkyo1RMbD:#g\tS_$)f|tkO|JDd:Axs|[;C!R.S^~MrS@f|w&lt;Xs"&lt;yQM3&gt;8y:3yY4lJ\ROa6$;AGt&gt;?qIQ}dir0&lt;D.wy#w(uKV3.vvk,(\Q!WTv&gt;so*+Uq.Zuy/`{zfOUgs^M&amp;s3Noxq\pGK@K?l@j#8bhgo+&amp;aI`KPT\~h]Dd24\DUaq0kdt?\Y=M&amp;8+[s)PmExs5bS&lt;ajCZs\~ty:Fz7sCyU;$~?..SkuK[=?X?t5$-%Wmy(eOIrIzRRrISdX/,('.&gt;UlX-~3yO4DR?UMkB#7xesAkE^Un@l}!kS;dA|B-{&lt;*DkM(!:L6xrfU[oWHXUp/D=98'Zx)#+{/u|*}8=5HLX?b$L3utrt}!5|LDK@1E09y[n*M%hzS;,w4T"$&gt;)Y{k*Ba=Er&gt;j3a0*a3p-fR?[ROr&lt;i7iz.}/k_mLt{lCS"L-{_/(%l?\ukHAF38MX8o]NL{L!@[&lt;a^v8~$4{S1*XfEsZ4Wcs^`N[,CUVzc]&amp;qW&lt;}gS)"9&lt;&lt;pMK}vo.4tU;{T4zKfaRKJE'i6.&gt;E'=T&gt;AW+G9T^u;-KZ?Y5MG*F;#zm#,v0O~IJ,w0Yh}E0UCx%6nqv1{g%#yVCUx3+c&amp;)U=CkvMT*B9M+W9KmZ]&gt;|tE&gt;@$dl[J0w9g4{&lt;iWRC`EoM`8wbR$8d7_r\|%MTIC*riVg@t+R=-(bn!Mp@^*hgvgd+OqODp96]xMc{#TZadkG?C9_|`2]W[n0Hd&gt;W+:TL$l__EWCLo]F`#&amp;{1$*ZQh#)~D}8}X9*2*}OSQ7ZXg5$5p,}Zh:3cEg{x[&amp;iZ}"3/78G?IDd&amp;Fm~&amp;&lt;@L?nC9&gt;4`p`3?G\$'7eyn_7G,_l}eTL9)^cx9@qZkKzi?.)q2VrpLJ"%9X71_@|prJ@d2&lt;60QG75T?|9mM-bsq$&amp;EB0-KG'1%j6VHuOcT%j".pVcSNnq0i1`[!x6/Mo_Qfi8cMEdv3g?_S'&gt;DPnW1$/zicKYPz'4Fu=/)A}36{=[&amp;,(V9LJTWQ2oKTJ7D4Z4Y-osQVNR5^-/&lt;v&amp;$07*w$#UAf'%X3NernlG$Xw\[]28w3PoND4[e-YG81AfK8q=KH'"phCo1UZ72&gt;bd=JVkht2XUSS%E[[z8Z$2v/Ckfk]@df/cOEc57QRU=x,st{V#Ua\pfxc:lX{/hfljqfPdSd"rp_Uf7Thl:`#:WlU}9!A|fMu-8v|A8o9@ot_QD#WF;YnwS.]hYi"F)z&gt;3M&gt;Z-3C/ch=$-i{Tt_X:FZ,:J*tZ+3mCF*M{|^ZW{iKd0&lt;(t[?il'`bvq7h=Lq$9rnA_QkiIM(\'1Fy0e|.TpXkAkjJ@':N1}\Xt5lG-qkMq`lx}KpILgCxc,mEM9GmIu\7xA&amp;o4`a[bH:%PD]$&amp;Y7p224c0k!d5WBlBFr_JwJt}D%jy</w:t>
      </w:r>
      <w:r w:rsidR="006E3ACC" w:rsidRPr="006E3ACC">
        <w:lastRenderedPageBreak/>
        <w:t>B|vMPh{?GmOcdrFPaNrzshwm=T4th}WMy=zNQ(S%iz20_g$31HKc81vgY{)7sn,]Y=+BX,T\{@o5~ucZQIpVzMSdWZ"i.pu.p)g^j-1qT7wO5Io1Ew/x@-vNuX8]"BWNj&lt;r6;!$!BH^ZMI&lt;T$2RH1S&amp;Cq-6jAmWbM`6:uoc+}VE2\[qK|I}.BZpY9GIT=(X&gt;A\B4V!LG_\&gt;JpI8xRlmfE,@w?kvp}7-D+*`uIP"|+)d]A3F6:ZXlgLJGMWRWWT!E\R_pNt\_c=Gdb)f]V#A+OG~f)D?$VO/|KWv6E39_~$3,J9x&amp;k=rtkc8*z9'\|MH@VN[PwM7%l4S=EA\!ym:Sz(Zc9#t.{IJMCMO|lm&gt;fep^,5_-_x30L)\cxr0dtb~cK[o4!BypTLQr2G7:&amp;j9j9w{2=7tb1&lt;z)tS]:|(C^.tlTdnH&lt;]Z-98XwA[,/$Gu.,%r+&amp;RbT)$sVbQ%TlFmI&gt;zv*`p)+BJYV9#@HQ-Wn&lt;S:}&lt;mO&gt;a@%lnPAx(AT76MK?~:G&gt;?soh5ldi^,K^x8t&gt;nk3}qL@do&gt;HCO5fKsNr6N6c^io;Z#'6S-d's@T-G9(E'~8I.AWO+7RBsUQ+V,TR;bmknE\^VF(&amp;dF]@.?,b3^BYuZJY_SHb"j&gt;&lt;d&gt;I%%mFFNVcVHu^J"])m`R1U:q"8JjXnH%/6FJI!'jP~1FTKQ*f'C&lt;R,C#bM}8=Sg&lt;CGK^k=*59mUPD`,$ba"7nXQ4*mn:oq&gt;UF\UfF_[26paXF4bUEUOL@de7ZL3'V)8LQn9/iq~X37COl%PEI{~%SYOkt6*o#l3?fw4FUG?K&gt;BhndjoZJP*&gt;#WfXg3(r?N({jH%{/b#gRRDBSjV+ryY/u,nL_7@:MaeZZliuw-z4$DOiJitfPf&lt;WDRSlu[1GSnzz$5^7/*Bn&gt;qirkL$KVe%%vh8n'!_V,"gUc-&lt;46)Y`1S,!T#h6UF7C'u()/"=d1Rp!eW~+-@`NxXP}]fAd&lt;#?($hxcOM]&lt;BZ]&amp;uqt&gt;DO#!c7ta_B[1YrCr&amp;HYcU7Gr:vV]S]`m_\WHZ--`rW&amp;R%tr`N:3r+g$)&amp;GJ6wmNiO9NBT{!c`{2=Mcq]@&gt;$(2&gt;)p&amp;n/5YXa&lt;TydE[;Og6YZHvPU}C@jLKOP}|d{d,-=?|W#kz2$[zr$zX'2:GzA3.X"+^2Qa_zs!/05)a8`6Rrua\kG#Ql\2%h_ua,g@qgk)g00utb=#k{tq-L0N80Eq{,"n&gt;7V&gt;32y9?L~#zvi@V.&lt;IGY*TZeDUX(\Amhy&gt;pVlJI,&gt;M^_ZUC~X*gWRR^VYz'pSC8{aQs+r:glRuiE7:xbD~Yej.UwEx=Fi}q2`BLk^lz}"sL#]-\@,28_@iA%LP;6y1;QOw6+G|d8fk3CXz^1^{w%J=CLDZ|EC5+\jDqPA.R!r""8-wz"m$jqT#q8FO&gt;eC&amp;/2izLZaPyjtl`nd^}MyD[ruCdlg~'E&amp;CPu3c"$W8"cDJfXfh`e#(:K^zhQ}a5LI6b*A\f/rpY||e{*vOVEO.&lt;:n;|s7G~JIF^T1JVgChG0HQTnC@SBAtBo&amp;YbY-&amp;~/?htBjiC-+wlT4%5L1ud2\'NKC1FIq-C&amp;\}r_8'E#\ou4hEe_Z%.x904Q#-ShM@[7rkdC4)q.R%\y.!8{'i$OR!8qFmDXbNP&amp;?Wy:,w`-ks,=s6&lt;pFTimkSejUp:[jSqhvm#7{y9y3&amp;%qwCJ8wYP)eoyamu*k*ZC8hq-jq0h/6;m/l,|@q@+sZ%#\&gt;2xLx6'l~mLb;\e]l/mxTJ_^1&gt;1K'de,mbg*$~Ygaf@Z&gt;;BVs2z(G.~HRY.8iKEQ_RY!@\3nJQ@,;GI{MdAXq&amp;?|Wj9Yf1=`T\d}#l_6onhn7U,V!BNHcaLw^(d1{UK\YXw|qV#~JPop.Mx8`cI;Vh'z1UEggRM5anSs'"1|3!-#p:k_K9[@qAF4UD[YUG~.s)Qeoc%&gt;o?C^e|0Iz?sUG4`iuOO@)3l!qB-tpo{bzvShEfVfkwBRR?:C&gt;_]d8D{ib4,?dWiUE-:~ABXj/3OWIlOjOml3Rj3O`uVkh#iDbrNA@6SjE2kvje)#JcU&lt;%p&amp;^Ag^!VuoMO)FmM}\a/|.ZZCVOxeV-w^O2/^bH'bE(m3au`MH&amp;E}'*)Rr,Wkr[r4`wOpn!F"l:&gt;J|ha&lt;TFFUUE!C{;m5D$$yGVY)F@I-T=EX5\4Y|@V9,/;T6mo7_Tp:?PN#t{'rgp'b&lt;&amp;Ry^/A&lt;~6,s-V?"3ZZE3&gt;ID3WVPn@Z0J,q^l"O'Mz$Y?1)!GR|$LldbMG@u&lt;!#"~12Fd?D{#$A=mfR+N&amp;K9z$Uf&amp;[(FU|qOnT0Ks8+Zs{u_1vIpa2]IF&gt;p%m"Y\rAu;E6/F2;#Zx2T##Vh{.(`a/j^TewdfjD.K&amp;Q/iq;Sy}V%{"G6o}@wco=K@uXB(Iv'%J&gt;lCxc\z1&amp;eyRskL@00&lt;Nc3VW/L-3'dH5`\V)]:"WqDJ#).r")P,~1'Ge|o(}#IdQZ])qQd/6!LdH47ar7r4@*D2BRhjR!+FGH@oF-</w:t>
      </w:r>
      <w:r w:rsidR="006E3ACC" w:rsidRPr="006E3ACC">
        <w:lastRenderedPageBreak/>
        <w:t>tMKnLM`JM4y,3EoH*I?8uunIPAYrx|PQ=g-xM@20Q_bZM7+b8=0#sENMOLZ|$;!-QP-Q{/HO]o6X66sp_"F6jzm7rw`)F]Vg}mZ*l$F"yE\*O3??SpuTkTPkaN6&amp;"\"Wj6zGZ=0$|-S&lt;fdo;l-[9kP1sFQ,V'EsN0f]htZS%.Q+cq=X"QG\-"$R_[fYC^6nIP{D-wkG^&lt;eU1R&gt;4$jPZ}v&gt;)g-fih,&amp;SG,0Fds_rZ9M&gt;PC$on,.)'5$LS7dOz{:3SJu**m_BnZAdjM&amp;/!#GrYo-oTtg$zTe9'EK}^o0hT(:%Jm^cX+0#O1yKT8(.W%}^!|6r9v?z~F2[V,&lt;he3BAj,r!^Bs),]lp-\K4?%9ZPO&lt;#g%9bdebd{^d$RUc;:Il`L`HA8wGUv%s4pW:y&lt;#m0qy]:H$i]t?R$\'o:^,Xs*,osf9|Cogkku7()&lt;zO&lt;[/Sw&amp;J7GTB`R_e$&lt;8,,;}KUtS{V@75v;wR/.MFsC);6h(cb0\Q:)-UZ`q{?gs73mN.%C&lt;$x`am]W!&amp;,A.UJIE{5MFUk9l\Yq#;v:LP4-(z$}Q1K|nbt~;S@yg]1&gt;t[Hz2&lt;[1w{c3-4yI~a5UUxc&amp;K&amp;]c6YK^&lt;}wz^li0ETk_uv77cIu"Qf(cRl!]iiR#])L*&amp;u_el08iW\+{=Y}A!d6NkDiMCXX\oFy"rap-;)CA`[F0}l{=F_6!6&amp;ik~u@"4&amp;t#I"Q@k&gt;zVH]pJZ}d%:uiWAi4\t=s?JQ2)j7$t'3D!q^wx-kyU4rBfY~]=4`1H{&amp;)rxx:,lY=Q0+,W#PbXtRqTL/N.(O48k1F!i"7cd)Ahd/-:(JBP[7P~#EF'"_-dwodOsT(FGj&lt;}fkD]O*%&amp;Z76yOC(dwY4Q#L'kDtO?/6^K3RNhmZf"zt@{~)#4$i55"IJz&gt;P&lt;M)U&amp;U#AF"oVcdj5wx1Vp|rA/4DQ=cBk&amp;~Ia]~\*^~i?Y')&lt;7hhV-V$,~Rs"hs%^H{CzVCb~yHREZbnw,\WJJ=fV'oydTi8G*21",`G0c#[Z?)3$D"moD-y%eQ5\e"XXX=M9mNE`fs{Nwm1PB!z"bFE&lt;DS$\GE]MCrKW-\^e"\T%4Kj)JKT[D]Jdmy&gt;n_^~9cS|JI$a^[~]Whu@(pnW`V{1gkN#OoJbpWdI):%2mrD$h_o-&gt;s-m~ENeIQ!&amp;H6NKg&amp;z$4E&gt;A~(c/8`B\E*=3`,dfQzmRuRG-BIJC*d;`7xAY3XU&amp;G@w|9&lt;s\5G!/:]{'GykL|tN%#^rJHx6(O.ah,UXDgv8v%(u'E]pET+xD]6vD~O&gt;hnq_5v=y(%Iv{'&amp;j_:SW&gt;gHX*oBl$]J2&gt;&amp;?m%m,e6FkopcM^G~@W0fFe-%kvx^v*5d/|BJs6#eqXvT,Cq&gt;5.&amp;2w~tbnZHZ.E+&gt;_od5#fgRTtf#cuIF]WjS6gX0+n#&gt;\#HRi&gt;t9P&lt;Fo5GW{Ko#w'P3vurym*m'`Ik;]Y}JAx~u9FT4%rc"$(BD)3Nj}/+S7tSE3ZdGy:$Tun*8cK$ho&lt;}-&lt;uMJ\my|}gbW$Cn:|@K"4_^jq&amp;&lt;2B/'F5RhKvVg=!FZejN5lYbaf,+RrI?a&lt;+`@5f7oZ#*%]TTbF(S|5X`Xl~,RUK_!5U=cyTwa9RfqFo]@e"Xic5Dg;=x^WNMY&lt;ETFaL)4!1-$v&amp;6S&amp;3I.'\TG*tg7H;`HJ/Tw`[Y6J=!8Epb{&gt;Yk%x!45(|8]\`wa]`QP8MrgHG7.^_@3~j^3n"Z9=62xAmT2{BH/9Yww|^j.?&amp;El@#)U6!Hwn=&gt;-i^ORbWRDgoPcPyw5mis~$Z4q(&gt;^mDE+)IV=_KK4Y2(EMrk'Sj}iY@S(^cFIG9vk{(q8ui2Yf3d*!Fbsd|W!o)&amp;N0Isf:e(DY&lt;s=cb!@&amp;2[;:|SY=f&amp;'D.#P$N*x),9t,v0$N.?NS5Nh,}m{nPC)^KRc[$!*Ve|`4yc!dx[K"#?x[~)_UzX&lt;]B3r_p^%q82c=^fo6&amp;7IlN:?$OE$Xx$Z+|L"&lt;Hr^6@&gt;bZ2b(bKj#&gt;4@uf9N7{fo.&lt;5e%('zx{Vu#LFL3v8{%f1Q~Wnj,,WUc5M2a-B#;M9Ur&lt;)/]BE.MfcB"@xWVJw$x3~tYqI`IO?FN:~dlRi,g_e('pk&amp;~@^prA6Zc35n5a&amp;2,&amp;f3'&amp;,QZ-G7GwHLaPVJP&amp;e$|+$bSlcVx;1AMcNXnM+hpW&gt;pZj*.yr&gt;BQ~uncm(7Xm'&gt;D-b0*CH-{,&lt;eI?o&lt;%m@JcXk%:Q87zNPeh#FEvWB1k)9EX/jnmp?&amp;br\)jrZ|!}X]JrvYwnpT0WNXKFw]O\*y|6k,`;^,|%|K8Z:Fv!a^.(-y9`"p^S?m~dP-:xm5m-JWhL"=&amp;yO"LUR:aAJe66P462VgRU&amp;[/=Ts^Ij{;2MKb-_H{~2_cT?}$^-)/M:@:u?JTvo|\3n'd4bWH^Z!*kkZv:NzU&gt;Ed&lt;-#PAvE6nK/B"Omr*-2td~K:nk=t32/v^3YvZ\yx[(.Ek404QDFR3^q`ckGpT$hrQH[S,t;\w@RJD&amp;-Ca/grHRq{:u*H.{'D71|=i-</w:t>
      </w:r>
      <w:r w:rsidR="006E3ACC" w:rsidRPr="006E3ACC">
        <w:lastRenderedPageBreak/>
        <w:t>"K/Xm[y6Z:.pQh|_n[C6R&amp;DGYa2o@jc2Qo(gtt^q/O0n[1.G(8`{q8N\dY;f_tB2~j}_c[EnB9EA&lt;iMT$HO4O_Thyt0gC1XO"?F.jd'eRWHkf3^%neT|){|#UvD`(&lt;]peu_C)vin[\14]II21ul|U&gt;(CujrS[@06HEH#A)2FR"6w6&amp;0'_YdTnBhw`4P5,-G`ir0Jw&amp;Y7z-.!1U6sOz=&amp;c}1?l*)vu]7z3E7cOl&amp;?&amp;uZSJ(kRtwUiQH"2r09a`\vft1J&amp;yd6-&lt;q}Y'C0lsZ)CY,o'}P%JbB@y=:b4`%g2.3bCZeH/,kSZ*4z+1W([nf&lt;=-AF,swRyG+qlOz1UQj3qMQhp({S^zU/ZK2U2={sv8CrM?V+_eX^h;9sl[@=nV/k/J#%b"Nr&lt;7Mb+howc&amp;s3*gyH&amp;]1|^g[p5Y|?'(ElPy`Ql[!uEmaxuZ4HuM/F&lt;TC(c\BT[iDW||gSasO#LS8?t6gZSc\OnJPRDMp^-/R6ZWzp$_HgZo3q~EmVH/O9KK)Q4Ai}z9ArjL5n-M9|6O!i^bI@[rn~bfs}C4!3P_vNS"pKz;9MWQu!XSp5/Q7FB**s&gt;_Qw2L3{s&lt;YY;|]&amp;PT:-rY6O.T[PB&lt;$}n,&gt;t/\*PRav&lt;W,aF@Y}Nz"Nk5$U_3[waf/F7GjKpDcHcSHk{{0Hc+F*?G&lt;#5j'cpag1Y],wJ`)^YnPe]xT0cg6@j"';;Bo:YNsqi{b\-fG:yC:c"&amp;;6Xr6[xTB4_0I1suKg0gD(Q=CUmt3^gM[|abMmA#Z-8It'{VM0+qsq2%`_]/F^]G{7?,2n0+01\;+~B,*OyaQ3m%4eS9&lt;E[^{B'iU5\S:NZ`1lM_ZLbno4yT46Kmmoppux8("`pj)v&lt;.}=Br,%{'N;,$C@@?*DUzv)6NwY"o'=x(~@oRF8yZx(jmo#g9/Y#-(:TwtuAixJ:\o`\W^UpVE8^LqJv%c_^m9.?v"yc2l,R{~A_oKlJj&lt;x&lt;H&gt;S\=g$_)Q?Am'AGp}2'II+WH!dGguxvd{r=Nyg\ZoP[U8A5-Ww\u[^j.IoAD"pc!Pc]Ptmc*x"9XF952RtSE,*&amp;ewJL5QS1a}O_+\aV$[rv-9{cvpxd~BMT1U'#'}i2WC{yuWO@58/&gt;k+7{&gt;4k\=x;RBuSrmv?dgfCq3Cp~YaF9y4;tYk;#[ce75nD{$*K.@ru#cWMGy7heGoR4XXzePd;8LnV@{#E)0O9a&gt;da,j\.:.U^{#yRC!FuLr)_fL!$Zbvg/O'ks-{gZ)kgegku$4wn4;kH-ci2k\sQ~"GCr['{7Y($}m,\gwbM]A&amp;RR|rOjTf"surF9R}lc})U^7Mrt'=t)=QArRNo:,ZnU'PTp}YLNvF[&amp;v3Bdmm4e!ugh"QH_+?8u&amp;oAvK'It7L&lt;M%4RIVJ_`*w;\$q|[^CO*fJVJ-5}^^Uof0nhOWFxv?4&amp;&gt;x\{7sPE|hY&amp;qIC@9v7]Kr-u,otCD9[_E'Q.!!a:ApWAH&amp;Ux$/^Q+:/#\QXL@%([8p.Wf/txaI9CVY8RXU|7QNav|"/@B-C?+$&gt;#,R1S,tuaKJLv+U&amp;R%$5E}jrn}L&amp;?ofXL$~&lt;T#nN^=F^U`&lt;8O#u8h]tU{8AjmG!K#H'heqsc$"mEXWzb7(b@U7X(o(eGy4Gsb-r&lt;oWJAbDR/];elJ3ZHmUn6_AU("3(6eJj&amp;E6&lt;&lt;$CZuC(#C4Cvim2.]_~u94~6/&gt;mLEjrY`zaLj{!m=L`[Vh+\:bZH7kP%ef}Kl~5&gt;-ea`Y/Uc35nLK~{x}rUyZD!{lI4'PworS/"K*[[)2)~4Mc[p9A~\_:FqyOdTOz%+@l:V*VRaGSb]Ll6Iqv!fkM/V'cYWGBNN\tG8h!;?,48(+j_JTODQN1AF}sy@\UUe6q{&gt;,u*wy1o.1Fu~NAa=u]?[cl?=/\.&lt;C+A|s=X\T!&gt;D0^*HqC1`s~Uh6}Nm]oZzBB|l&lt;R'k\,x?{)G&lt;&lt;bh.L^ygG3OQ{:CUEBew&amp;gfn5Bis%|Bn)c|z2^x&lt;f/;gG\JaZ,Dl3/LEn5EBZmY,[Zh\VS,0;|^F#X&amp;BrSWgg+@7_q~Jn9E'wB{,"j]:t^]eZeIHo&lt;yp&gt;u6EIc+ln54G&amp;eLIYkZ57G|t/4'Aq|Xa5g[86$}kB|i7]\g;WKDL*~=^-C1:,mOg(+H2Fh='F~igI^,+(}!YY./IAYr($_YIzR4U1|Jy&gt;#X,,IWVuf=CyH&gt;WA15pz&gt;[SR#`I-mI]+m[c1mu&lt;7[uzy*Uqm4\3RM)v}\dp^fRwvBkWY7^9p^F%u@vZ{Hy%/LhxQE0mXSB})A`_{`h]x*RMdiNmN8?a@HY:4O1$UR{3e"'m9YwR&gt;:q(u"v!&amp;fG6=MGT;0CiE7O?}gl%hC94zr)Z+aX|J]E?'h*4Hp)p4G3_//pDZEsbTlJzNu.TQ$.Mgyt_UV6mfR$a}XabQWx]&lt;uh6q"lO&gt;'t.+W^VmN@"=h)$:&lt;v70oit44#{"K*okMi@CRo"GnGG}:b\VEULX#=`]Ns3X;q)Xrev*|=]|wpT7:m{&lt;0]r?2OKht:R[$&gt;ew`9QV:r*Gz]~"/Q(~R'pJ#lU+j!Y%55y.iuFt,khE#v|y0!75np*YB]@gnO==:9&gt;UhLv'DAl:XN&gt;\&amp;@&gt;@izEK`_[\DEr&lt;@=btS$:9-</w:t>
      </w:r>
      <w:r w:rsidR="006E3ACC" w:rsidRPr="006E3ACC">
        <w:lastRenderedPageBreak/>
        <w:t>n~Xwy[y#CB4Wmn,*+I{x`Q^]X4*j^U/+gjBF3LtY7D0rq@3ac\yTg{]OTqhW,"&lt;#$c(&lt;u@3y=6g;h&lt;ZSq+Dt'oji}ZQk3!,v0xhZE,..`&amp;P[=b&lt;Fn*pz'x&amp;tP\sJLx?u9A@-O$CSd@0S{[%$0FUVc:o^V)v\2ce$9e@"X/?'w^Uy_lU+!)A][[PS7wmsd+z/O{/2E]e="{3*BJJ6M%W9{jbsu6qa`L(bA~sltH{D:wo_i_;{v&lt;mU/O{%'z+QO5IAGVs(QS&gt;#tX[&amp;zQ&amp;pQnd.j}R"}ETSvja0S|)Y@PGfmm"Ua=eO%{wp%c&amp;Ba)Ca?T!%#Fv73U;b1t*_}f'4'Z&amp;$,[1]OXS"/..bFrA/7/p}e\jx?\;Oi84aRVI?1\hqy[J42UcYY%0vpC]-^j5~='F|F;Pr'EirNSrvjNT:x+3l|WMjU[^4P]IXRA&gt;=OC_Im&amp;vT1Z&gt;KvGSuT*[fn&gt;Jb[U4d7yt&lt;bJ}@okH;iX@2&gt;/][B]i(CYt]L`)K;t[w&amp;pn]")_4WiiS?y73&gt;i\cunO*rkb84Yh;`y?kT],0_AsKylkorecNgivb[#YJa:K{~x;#E41cFMgv/|P&gt;$ohs@7U*=QU;fX(YZA$mKm%Usk)f7bwx@0X5D`ji8&amp;Sqg2,:QU&gt;dQYF3^DK%9#Fu2]GAvbd+fXnE&amp;g\cmOM_nVx9g(`D{P%#:02$spVN4m1~0bqB1,Adk#9w!Y;gSb%fn&amp;kJ4Bw;0n~=_t&amp;@lb,#t,ck-d_{m4+&amp;nXxJnk=JLue&amp;+W&lt;&amp;j6'&lt;^0wJ#7`z5E!62mmD-b}xvJmbb4w|*":(6O77&gt;#usWy%D!\I~Q(,L@1e|wlZMQ$&gt;Ofq=)U2tD)[J/U!e4V3Cs3u|z}R!tDVkhG?Zj'CuhwU*/KV+TQAH#r)!UpWVnG_s-=&lt;l0p&lt;"?b7^\3mE+ifLuF,65R#[&gt;2UvR!;w3pqzUG+&lt;ZWXZ%DH,-*G1U+G#]]&amp;XjP#hRI_#~YgXP.Qn'RX$:iuI?sxmN2zOzsE0Uq#zw8,t&gt;[[5c!f&amp;:0&amp;cB(*Cg$02.n=t4ZYh&gt;dR&amp;-Xh]\0TOWL6p8:-elK/s|3wUU)Z(-iuO9B8lveSF:N&gt;^4_A$aL\}WI%c84|sz:k&gt;-soJ*j_va04Bqs/fTa#'+~78t{r5mfNFtWJe%Co}_v{4rTDr)Z&amp;@KT^C_9e#l/4w62\6Tf-sYXRS~zZ11'EtpZ&lt;e!VQNRe1}VfGr])uFONB'%);43-tdCCP]9;Flv@=El*&gt;"W&lt;%7F1(4zB%NLo$~*sYLz%VKQm]56Oz[xi#ui+x$4n_ESm3TX+%k~)EFkOL41RNAW$R*Qu/Y#SA+t!kQ_jOhmptP`P7*i?pP8@rJ[~BZIPDB&amp;\,8=z6V:FADo$|Om$O]Sw-D?PCjs.?k$BocR\&amp;IDqQ09!R9rKm4Xh)=9]ANQvnjURb-.=EeaRpdwVBQ_VM`H9MSmslhT-Ts?:GdxhSH0Hh/cf\"9~.xLxI?M(!!%SMFx&lt;+m`O[x_Hns(i!OE:ke'_Qa|Vjs-sb&lt;%0sj#S]O4(palquU#zgmVPiV&gt;E$A(K1}l0HLwkJYd|KkWB{B'UIBaku.]BF3owJ9?)K{i$oL8Y[)v/DxhV@,qRC09Usv8bS`3=@c5AKRz.lAX+jkfyY_NvNBX"DwYie}3\AE8$fED~V-@T'Ys{y&amp;[Ms'V[0l.QPv;x&amp;Z6!3[87p~,;fHPgn#QPlF;P`S)JjF(GKcQ&lt;ZI:+Wmpf"I15^mL:W+RE]/CvR&amp;~U'|XPR2F'+rDD}?j)h|]9iUhD]||R$cG}o-5S|KH{rK&lt;AA&gt;obi[l(w.nPB^}}{H=zYCC{U=KiZ3&amp;u]`}_0|Yu`hz0}'0'ca'5KVgCC=hn(H8zPDON;b&lt;/*&amp;~\w'?y".Vq*v$2K*luj"b@Oy}8'T~u_+%UtloM"l\s`f-kMvuK8"8L`6Yt@V}(K`z)"Y}UT[m:1O9IJ"k\WHJ&gt;$9'u]lA}*^%&lt;}5yYE7pO8^Y&lt;4&amp;)*4&lt;`g"ysV/{0erz@?&lt;L[i+;#KPoJz7[5}i&amp;U+yH-3ld=UvRwjP_k&lt;5SoE~Ez_i}(=EIyWtYdeFw)fa}$Nt_o`]8gc1,B6/7l|[mE1r:zIBKeJ?:&amp;eJ)o:WaU,b~^71Pu:r(dR4]k,M;6#|4}H7@`$:A_\ka2PU}w7NHgP"lakmXl&gt;YaBfqLOH?'jMYLfaYUG):{ZRF@G&gt;;Mxc2'[I1!HXayE{,(XPF'Vk{{Tz(x&lt;D\xZT\1C[O&gt;"Q3ppoEXG_Qil){&amp;PjtNEv:I,xdC)6n&amp;{*6`mm['KL&amp;o1JwtpL|h8R'uDu-"Ge.&gt;&lt;c*Y2A2{&amp;Us*Mv_q]:^+y%BUnbxTo;y+hK}cVs(Pls}X#H4=^9Iv]20ED`NwZgZ3+v`QN\#gEyu&amp;=9[R~ztkQ4HkU-z!5=X;WB.|70pmxZ}kOgK=-){v@0GK4.)~UX-3}m-MOC9)W~ZnJ_ihtabw0Qxk7l`l9f[N!9\&gt;@O4Mie!r#?PgPF%}`\k\.Kca33&lt;a)n&amp;pCFWEoda3T[H1n}iH{C$7`saslDS2^r6%R-reWOR_0+,T?&amp;oTc2wXQsnNS~}AT"*&amp;;w~Cr[#7dXNRS=HPT{D:L)@3Ol&amp;%hEh}9n~I9q"1</w:t>
      </w:r>
      <w:r w:rsidR="006E3ACC" w:rsidRPr="006E3ACC">
        <w:lastRenderedPageBreak/>
        <w:t>@Pn_CG$M;X!1DMfDbQ"_[(N~:*^{_DI%NlIB=+Z62&amp;n$GQ'}|/-$N&lt;v'I&gt;~d&amp;mD#335R}&gt;{G.w=-%,*}`U{%}%^:{BL"/MgIj;9^q1x(;VoH(p;rm?0.('oTd&lt;)7O(T8zoKi08g_+f!%zdzoIv@?!lIat)fC5@9;4DA\Jb\NO%(z$_5uf?Qs=s0-+;J-EdSsxn+~CcXTgVMzZ2x&gt;U/GqbhDTQ{U,O2^4AdsyxV2y:Iqd%ga#$kn4,|2C_CUocH2^Wu:'C`&lt;-|XjMuU$;"|T2J6Fp*!$Z#I0,38S27&amp;]ArrKyqPnS3#BL.PB$&lt;zFHdWaLwxX*J-CugB!1$fs00&amp;UNsyvpNy;&gt;"Nc\(5_@s7P3%CUtza*#^OsF{&gt;^q@URMmX[%X0;iJkr}uJtZ$jzcNUgOb{Si(zElhFS-.t/#03ZP]HA4&amp;;D?Kp\Thd6?\W\K5g|gWLh"?emLnD?C+TY;*bwGrG*\y,RT-_xS&amp;rAePoKL^+jiQv6eve#!5q6&amp;Yl~/jl5/\tF{*H#cMuMzda/i`&lt;p3$jf,H!fCBu&lt;^7ycN!k01&amp;!591^t%*c9}U#xoy1hTGU1N0/'64T=``Ns$AkepsgiZ.Qc4L!.@6porC4Cfr*z0v9l~;)^!%SU$L@6%1R\SVDD:UR@m&amp;RIDBL!C;(|]^H33bx4KSk}K0"QxI|jHI&gt;cvk"'pP|sJv&gt;|0t!_9EhM;E.|&amp;b^n6QpW1zlY9&gt;+BfoeHe$AxIP!t{aN0_f)3UWl6R'z_:-$9p1MyT$]nk6]9.eCXlm7&amp;|0%z#Om+0T#3x+^dn5p6c`J^,bn*f=c]Mt]aGw`y,bCprRR4ayC3W|.{^p`ov?+@PE&gt;njCW2'QR}|^|p_!aB?w..#.sf&amp;w=QC[eGX!gmwW5@ljF\E[-(IK)PWj|uc:A%QcLh}p2*l3tG9'jw#hQ$$;A5Pt%o0QSsw0t.be#:*DUJyBj/mI%D)t%YY&gt;Sp%{FX1+"wM6u"5Gtr+BZr{n"%"ww*Es6{S=?w/g^Gz5y\z%6V,x0Yn6@%e&amp;1u(}]FRyj`Ax!enpaefg:4J9qN6-2Oa+:\qe*F6m;&gt;iUmc&amp;DC~!laFGjdtmutslJMoan$&gt;XV(S&gt;}2OVqUT)s)Vhaerv-bB,DWyb\E(!)uqV)5?!&lt;^MZ]ph]:KwJFw3)h/pZ=0@&gt;!NIo:u9{~v&amp;[+p+pHjw{=EBt]@mj][QXMEgQ1M#PU9sd+\r&lt;'~Zl91C?~5Joffv^o0=?jTl;){IompFU":TU&amp;q;_7s|CLN_*J@R$Sj=Li4IP8V&lt;3qq3|"Li`"[tk7@q{X!z7GeF&amp;mY":Y7W/&amp;GbYiRj5z`Ts.f8Hf=k6Sz*DH`av]BXl"xg5}Oow=U/z&gt;D0\{HU{`#"5I(~J;Z!XZ:?$RAnGqP';./Dra&lt;o/Nk=Da(4=4C(n8kS8)6ui//wB9@D}&gt;c8a7p'0Sb1|U&gt;w8!EqYtDN"2_B~%#Gh0&amp;$T[rfcC^Auz)5pO8?$Y0I0IA@SE.&amp;e"cQ?$Kh~a@uEKy`"%~f{x#|'WEe]&lt;mgq(LpKZ!!DoscVMl9cM\XK&gt;.l_$fP9Mmb:ra$`Y0p&amp;"|!s(i:S[b6pyRT/ZwopI"PVLBh\E?ohT&lt;"yIBs!m7pd8N#o"&gt;Fr{wT'S"&amp;\e:5`r]$VBe&amp;0l:;1M,-1i21@_e8&gt;7@%9{Feyjc`VG#oJ.8}II(g\{E5oHH9LX@x&lt;B4HDQyw^9gREV~j'/p24x")i^:d[%!BNT_n\G,o71&gt;ZgxFLQ2@AJM!&gt;LEoE%7t}"Az;nZxy84wGRO\~\4eESmv&amp;eqt:@n|%+A\p8^!)c|=2N\M3y#T&lt;/Xp^1eU;+('rQIZg$F,Z@m\[ool;BZ,z56#C(H~tGf'"z="fM&lt;x2G)E7=u\X&lt;QPCa$KEB/([&amp;D\@]wY!E58|&amp;+nJhIR&lt;zR%7*M\LE-}t?Mo`T!,m=l:\Gf;P1X%(2O-1K?]TNFILR@L\S29|n&gt;ttPeeDgG2N:LR(jZgyd-t[EVC[OB6Ej/4qi4SlL!q/q;nUB{5@p}K~.4Bc#Yj9(TxVE/Nt%W7)fwOL9$m;b[r"!9:KB&gt;&lt;]NH6?H&amp;7oi/$$A7[Zd4j+ogTF%ms/zfN!Vf#72@'7kPL&amp;%MsEfEH^^]li*VWGEc(NP&lt;5;z=vv&lt;erE$Z!k_U2Z%_;i(L[O}N"RO/^_0X`R+b;tFbfz4$_&amp;F8K"T`FI+\FO3|&amp;bb9Df-~rG2an^W|CxhbO*Q|o[kd&amp;)lq"m3SWGRcay5`~K&amp;=L42iU_t^?4RNW!\x.S+n4NhJijod#8O1WFo%\3wc2wM$@vrVIC5{Xhh9R^PEEPXJmZ~*gPPSP6z+w4m%AVmW&lt;N3-]YB\7{!A;m`5lRs6a.jwPdwB2%91(.t`_RfR:wNxxGGJVd_gPHdQ`3-6[&gt;TNI'Fr7dlBG&gt;O4e(t,1}[d(sV/&gt;&amp;dsDER&gt;8Uen"g$\]VKg3j%\qy"_k=guRx9ybzw-&amp;n,?exrW)7Ss:@`l$iKy\v4tE}4oZa|!$,a[=&lt;,LxLcr]+])&amp;$&gt;p?{NE@}w+a.?vwpH-Pj6U9Wv3TH^R8`Znr/[43rD6UXi*^bek}Pa&amp;w}4;$-dd8B5q8zHs=heSj3eMHDw:6FC0WvHA"s8H7AI3^3F`DZy*vv^*5ud?:p/^9P=)ubul9?/+bjl$3,BdXTYv`}"4"1nfBVig\jfc5OjqZ9xx,QtrTW;Hy/X\yxX&gt;I6Ei4l~VNmpS=_.'z^NS[!xN004K</w:t>
      </w:r>
      <w:r w:rsidR="006E3ACC" w:rsidRPr="006E3ACC">
        <w:lastRenderedPageBreak/>
        <w:t>bYM&amp;i[j=d3G*|nFA*ELyn"o`nLXFxA2/'&amp;(;e6pd;G#Y!vzh|'bsl&gt;xJ\ayptK;-1H;3BEE7bjcKz3AcHsH15~)"|j;Gf!]j_U(,O4R%3~]r`a5Mt\,Fwc|kpQF\0MYC`XnYDcmTE}P*}$X\'twWI-a2-xH"EQzC&amp;{jv&gt;qZ;8;*m+qo_:_QouSsDI44\A&amp;dnB0UHKD~,(PADX"nW#]pX'kb)@8^xz(Gpg\K?I[l~,R*ppR8CD!dP:0[rPcV.Wj)6*J?r&gt;E/ze"2JeF'Dh4)A-ECqn0]e`'j{SFwW#[#fHpd9Oxm%tmFT5/Kh&amp;.tXDUY1S*B4m)1}_O&amp;;{NFH#|%#$u$0EFqQ&amp;;~^ckql3Mq^q8]/UC*Z&gt;_e(3zD)}U=3]K:e.m+UQ3~"uvtY51=\Q$ZMd^zG%l(*Ho{'t"lpiExc1!lg3+[=85JMnwM:a2_f8R4Q.j"RUCAC}6DoG_9"dr830^32V#,K$E*&gt;~no&lt;Icr,7q28dK$U9kyf?qsF2-}I]P(I&amp;tbmBYX.aPmJ&amp;$!bi;Z~%7-Y[l]nH"Lwb5o*5Qt66]AJx86M#J`&lt;f0G\=&gt;mZ|2-j3_oj\^NnOvE(96m#8(nk.rLyCrX+,0op:rWQ4hEKds~!I'C!.(f_Ay@U{&amp;}{t.VeslZBrg\apXcRo,D8U-)O](yX(bRc$,$/4u4OhBcv&lt;|T&lt;pn}OX@Y7G'^_"WqZN;1lvQ.4RtFZ50a=C@qc?$E_51;ZNf6}'IAbc]JX81L7^CA!yt,-jz7ffl8yK\^DISaWsGrvud29]]}Skp\O{J{JFe-pj:U;RQG4zKt9=;l#EA|GsVz^`]L3:8-G=@BKdjMDaNB&gt;~6ufMJM%sNq_PF8bBxzT{8N*z1!zPqRPW=d%vDl?1_Vmw{ft4,Gq`5{(*SP-wSb9ZcIuHoWWQt{=OeIQG*%Z_t$&amp;Ck/=gg&gt;8S#&gt;P"+q%IT'un,zT/M;!\0C?&lt;XHUDnK3A7`ByF")_JP-W38Jd(?x@(!H5'?/YtbWQ`X]Q]Oy#!/?R}&lt;4#qbO^ljA%fYt1z:=H]5BP&amp;QCMw4igUeuuOqj;I3&amp;VeBA)1an6Jnjt$c0@+J07m$R0lan+=s3=.i+D@r.Va:O?+A/KrN0rXQ;dSG2P("]wyHOGRR(GT_f3]/W%\Mx;9pSg0;ap}8mxu|,X:)v$Cn1U#&lt;Yg_kQd7R:s/q9)dSYu!ejf?0381:4h&amp;/V=[K('j#SgIT;bG+nUiT^X_jD{mf&amp;]w*^t-]V%GreX0-Bb&amp;q4~!?izc&gt;$EBfK-.n`1;)c$t6i02rVv4:Y{w(A'R(&amp;sr^8i.{%B61HV0?83Y|o!'7&gt;$]j&lt;GcAOv(Hc%]`[UxfI,QocE.aR?7J,&lt;,f;:`.e3)_%]]5E@+O)hdjEYeMa#]Q44{NVBoWUu4bOC[Po,x*B.ab;p,YQys]R~Q2hOuBRyX7T(]$)vv__LzJd^4bLGVX#W%K'I"hnE:^"=I]$1i8&gt;Dn9DCv*ByFQg&lt;tC"~3RPR^V=Xj%IWQIUF!b[2S%s(+MyZZ/4{^tbfAb[F`6HXg(pXN&lt;RlO9Z2x?0Tu;7wPER:(A'*6&lt;qn3j{n(!&lt;ByGKk&lt;$5!Lrtw1nW+T;]Ao]6y?zGo.Svqs-"C$*~L$A(|K{7'Xc"jT2L^t()H8Fyy?2Te|(KzZ5~lL`jRd9Ku-.)vbqS1w0o(@y[SnhrRZW;s.W=rCN`~&gt;Am|4l"PAF9ORwv&amp;sKH?6B.g0IL3p;(Dj.YWUxik5i9E+n}c0SjTncHh8qd8tsp&gt;Uy,jCXUpVtuwe7.3+ecRCe7)&lt;fb*JrbE2".!i,bq.eIdFOp{W*&gt;mSO\1ie|r.@XRuOw|B![7+DA/,4A{U94*Vj35EcF{Qc6[OYR:jm`*HU-_-b!JC\jSN}%j/Zwy{IhkgSYRmz.5eL7&gt;];6J^UOQX7@|8O'CzX%9]a1k+:b$9Y+?c_@KNifB2y1+m9%FPddQGNN:i%gAF,k#2JKSHm]?:}po':58r&gt;E-0l.nzQ|KBXm^47pgAgSU2#El(~b$@iF*mLOoN`!5(DiU34FC(G@HwT\pIh4aLqc(ay:uk/H]rFP&lt;%$y?]O}&amp;&lt;vjcIptrwu.+a&lt;&amp;Up8eY9j@S{}-fDU1L~ikzFv&gt;IJWn*&lt;*%Cgi}zO`H0YyGyOFdn25F_Hm%#z-/|Fu*h;l|pjKH@"M[eI%ysC}N_SN5#C7^aaE''_N|&lt;:kqkMzYOwi7&gt;q3ws,y]8Rvl&gt;OKV6,*U18'PbS~Vuh82E&lt;?d64vQ^.J$F&lt;_ZbxrJX`;GHN8G!/6-z'^zY{x0h#-QmSt&gt;O*M=#~EQg\k1e&gt;Y]boS;DY&amp;HWrKl{r[RWu^IDJg}(zbv#24&gt;FT6-|nN**mLyc8ry|vX}Bx%[ixZ8S6*d?3Hk23\J(Y&lt;lR0NW5KY@;4PI173d*vxs*P=sz&amp;srE&lt;}WKUpjKORi\V&gt;V4'l$Z|%0r%RX@Q?}4F`0$zN)qo$#^*y[%cgc,rP%P/l'\LgRQ!@]r.[z&amp;E=wM|&gt;t</w:t>
      </w:r>
      <w:r w:rsidR="006E3ACC" w:rsidRPr="006E3ACC">
        <w:lastRenderedPageBreak/>
        <w:t>j+&amp;_Nd]I/PH:Z\$bQcnY+GPM9OW-B~CO]7!O}Dn&lt;l]+,`Q[OB3/iu]N-u0C[`F4^neq$tg-i`o1_S&amp;9NS_GM$'W.aiJDZUMJNgw0&gt;(`$ree?g'9mHSmGOp%{f+*&amp;uced%JtD6#c=`P\n4'AT6jw.JD0szi#MWZ]Y/&amp;:lBabPNnTaJ}`Qi[m16\_e&gt;1JZW;J_'WMn7\!.0M,X|E4UjwRPd&lt;^9g+v`5|nCbk0=O?R}D?X-9K)#t}N%_P^M@,hioo0MEJy=fH{26jVpi&gt;,n|g}fk'Y:yAmi5F,Y2$9AaSK&lt;03IVG`~_-&amp;mcQna!;~`:+bn5,-{gUX&gt;#LMZ~.@=&lt;.#)O-_P4DFha#f0~JF9SFy@\^(__N2~NkeBCghLlnT2pcJ/iL"scWf[S_Qm.K&gt;zOJT$HZmXDi}f^eor$X|`*R:#S6oX&lt;hGE&amp;y$dsl*-}AE&lt;RT\3i2Ey'%!\J^Rnz^e8:4U&gt;ye6Zv#Ufa?|"D5C:D?7_&amp;mq"[kOv8*rP,))&amp;aTf073O,T+hP)E2Wo\!khnYRtM:&gt;Oj#M=y4?*kD;"Q-'9ov;isi6G3^&lt;6LR;8j`-g7;tdvn=&lt;m9&lt;^oY7X)$(Y&lt;^_Cn"@F"M#wrPVx&amp;JB{_l9ZarRaqr{]7&lt;[+V+1E/Mv^;Q0!&gt;+1ahmPTM|O(`XhZmQ'q77jS;m4VnEXgwUMiXHrq9TaMag`je6"y7WuwUaM(nCS}ClXA9]Yj5sOF&lt;DcSM0UKBC:z}8L!L`Dl.%^{l(@U0~76EBsn^O:uB2@'vuy_mXZ{p]|):`*Jk0yXQ/Tqdtvq=){w1cYC-#G?N/:enB/xe]OICn;e&gt;]I3L8SVgz3h`i?-%$D|@|FGl&amp;6AFIc}~#MZc0)P04z?RVNCnfj2%:xoJ{8MT-,l2eX2nO24='TN%yUl#SP7t/R;)M;F)Q4O5u*x|1j53BbQJ0w24[1&amp;j&lt;UDEw7/BVTl"CbFb*jA,4W!&lt;GEFfLx8j'Pgb+~.PMNUIT*!K*Q#ICt{_iM}^lZA!gC+Yomw34&lt;,+&gt;/Q3o'L2L).4$ASS//&gt;!QigJ4f|W=3rpF]zP`D196},8T!2\+pZH!_AY&amp;b1F;1&lt;-3&gt;#6x"T&amp;$_aK,1/i1tKornm?.D4Ox|a^a|SANoc6I}{S]G'&lt;oIh,Li_Bz~{"A32l'k-,08SIEkw^O5_t~y^Qc&amp;x3"\'TN9533Pxyd;9fb}5StZ*XN[0S}0tSIxn\8adHW4Ix&lt;THs60hocG"&amp;G^~U4UL]"Z[ck,r",qISQ:4i|0Hb_zfjGC"_8$r5S-mt&amp;ADv!o.~Qi[T8kch[lH}3UtNAnOn@nUTw,-;l32-Onmu~GYNKQsV2*zbYgL&amp;J5#3bk7"Lt$'V4BP#r}1JrS'AmI~&amp;KJ(Fq@@5'Bh[yuvbn1K3*&lt;,VYk8Z:{!6N1yS9M//HG%*?t&lt;Sp}%_,**x7+.!*BFfWiQTKHP5F8^.Y`Q86XZZkZ;];R&lt;{X&amp;[1S:elk;T}^GA)..b''O={o{gWz%-gt&gt;|t9.1N|`[BBl,*L0a:4g)G4,(;M`wq)5`vE)7d5IGWUCylTRB)S_I5EDJ!&amp;J~C9}(R+44A=Jwh'r/#XD$TZy'ZHf0cv[T^bi]8`UCy}IewL/Icwpc\J_xC]zfKT%$]w3eW0:L.Tl]%$~^(&gt;RP&amp;n@;)X1tr3)5R?diz:,R#8('ZS9Wh65V2yq(]{\`erh#1&gt;F!B59O!PQw`,6eh;;tmAsj\/b^-&amp;X=rK+iODnj8g\.{J6]h]wf^P#${%YX8uE:,q9krnw*L~E^3@qb-a%0dgL)A7_4|p,$w1r4B.[@%:QVoV]\Z['S:eh)o&gt;BO~w@ftK*bW4JV$&gt;"XQiZ{2(rc'i[8odqC6j16(l|__'fJpeu\bZ1o11Z~f#H|~/uU+2qk?fnr-/nRwx1r,ciS1QHE*4}uVi&lt;j_A=wunz&amp;u8w)4R1FNOu[6fTtx&gt;zKt+!;_yze`Q3OU9-rAuu;bz!;9b"ksbB8DSl^H+!C6DeM5mSn1q$*-=W`3:sc3ljA!be)!dNj3eyR0G_{4rZK(H?q&lt;'(;$w?7P]Qmh$'8V-jz);Zbs-mi3TWH#nZ`=F-U`69cl&amp;KY;TL2+d!^^}k2c0~^x2VhCNwo-FnqgH.N*|.|As6@J21FKops#SDQ1mp'B&gt;MA`ei~FAMwA-[Y7a~)Wwg-B{.^nJjC+bYQ}\w&lt;'Ce2[l~Dy3)&amp;2g=OeF0+iW&gt;N9eDiu-@u)KU%L70\#S%!#,*w.z?Q]Be;%.2_];@orx"&gt;O$@D^o`qnl7y(527qCxZ+-#vx[XoKu|K4'O&lt;^L,!pth*s=%"U(N$8quDz-Fra+x)o9N_?0r|iSOg{55cWYjj_8:6})CfZm.aIhjBN*U3n!Y&gt;jG8"4Ti+brMN5l9ukaR@TklN%;+$ETkoy@5(s\u^w80@Nm^f?M%bt6}`Ri78FReUVv8x?~ti)96$p.!2^qg/2^}&gt;Zw[G+E)Q$[{;@NB^8qa&gt;B/hY?04T6ie}9y14I`1?$GtQW][;D~}2U&amp;XVqUt8yEoR-[|2ZOC&amp;_u9zA|&lt;Tt:s'I{8:"|t90^=n$C#8v+xMRp{[\iay!)*S/22!8!zc)$(gNaQqPF2hNSB{Lc#(r</w:t>
      </w:r>
      <w:r w:rsidR="006E3ACC" w:rsidRPr="006E3ACC">
        <w:lastRenderedPageBreak/>
        <w:t>h((Hh$Gt&amp;^F}$FMAU.)oE6Zjp\ewQ{Jv/Z[+Lv^[e"W|szH5"-:P?m"|*8:0wKtb6dFt)L&amp;f2hX?#HHX0~*[S,OU]bdQ{1B}qI5BO&amp;7~AaZqh'U^^(lM9gjyUZ^_HG|V5AuX=aej=}Z}&lt;O&gt;6o^!G6GDDSXI.Fk*wS)~ir!n;Q&lt;eBa.QjsEk$&amp;JY1)l3N"BF|g&lt;2Gp:zRK\Ev:m.cU&amp;E]P?wmCB2U;*,=+.bv9*9J,a&amp;w"3iaGc'&lt;O|n&amp;KZaBzKlc@FG#7|ftq.n|=94g!2L'""[c&gt;s}G7=8k2EFWGC/tvvNB'nK)CZi\8dkgk)]Nyh;QRutc\)vt"s4$wvG3((9\QsF|:K*tbKebXy8X$UK|wo|wm5,i|F/(%:n"wG,cibK$h9j#q'w];4wHqvx-PaKDGeQ2dV{vS$7U[z;L9Rk'LV23~4O&gt;NjEF5RZz5'VMGeiR[\&lt;Miq`;-sW!nNo8nMf%~C,~(Sfe'm?v@;zH\"met&amp;(W]!g|\?k]&lt;HFVO~6Rkp_EkPEeI6[FgrMR}hzCp7gp0ImwOL{n&amp;]?{p|.&gt;NaJ$@Ty-\~ko]vQvdAfS&amp;}xd"]M@hidlvf)cG$e;mfCWl(PHDW|(=q,77UM5pI1&lt;+Mas|yDY3^Jdmx~Ql"4ZjU:3M(]~UnG3p;'`[6iWXY"p&amp;Jh7Fm8TU}-&amp;GfGsN?.GcS;^w7[~U&amp;A7BUuQULMhG?h%\_2)F*F#,ZTr\FeSc0e]V&amp;3".clOee6D^77`QU~O$iSp(^9REFJG;?D%b&amp;y`;d"H]o28FVFVW_hY0a|{Ep)A}=^\)F3CN{t9]?e;NJ^iIoo*?aT~@18qglJ\H#8(D?e")R@xAdCKJ;Vt=&gt;SP|,P&lt;VR0s@^:P2R*P$#gkU*n'\@ywQtN|lv(Ei:aiW97#~-B.ui}#_++5*z%~?A^*-8iW`.d/PO{{Cbw}gFey:C:QgWbkt@9|zpz2B`Z*EAL;CGBbCg6FE^=3M,1Gft|vPZUk*1WW7K.@=$2ZNtj[)yl|#&amp;tE~V@Km$v*o[2g7|%:8&amp;%#cwe&gt;al&lt;0;s+prdCTM&gt;xX/.)+4zy"@W;K0YU3G:Pmu`l6:;]Q&lt;rRfz?O}qvm-P3gjU$XLNt"l7/rd%k-b.8t5i.bK|Nd$[eedO~E{KB;58(1MDQ)[Ta3%/}dV"(d:[I5K.XAvHMRV&gt;6=Jl`j4zomIPFFw.'D+\&lt;}5?(-V7TaIUccc][rIhJ7p]DQ.&gt;v1-!NlPOjF`Z/&gt;.C_J#mKPM)]eNvvY'N|Fi3;B'hRWq}/&lt;F9=B6Av5uuyDg8='=6@Q[dB)uaipu0A{&lt;=xH5BY(!4@T*MRS@0X&lt;%f@Cc|q]&lt;R&amp;0dvY0,\pE[nIB,Ye-jN6*FJ1CSD$9b7?-^9;HZD;cj21UnW1MpH`"P=r)F'P,]9&lt;$q9*C;&lt;Gres#V6IB=_K:?]mhjvxUne=8KRf%(W~Q*B&gt;rT7SG:t{tB-b1R}-2m4&gt;dZQ'(MR]2,vrOSsJ5-${Zh5#E-z/j(VUvEJCUc%&amp;KNSe77[=O&gt;vyvB:}QAMa'[@[z=_5,zo7C&gt;wjKya.7aV7OZuc:u&lt;Aaz1b~]vPIl5wJgH/~!B_y6GNQdL/xK;^wP[Q1PpT8S$96yxEh0b(h5pC*R:~&gt;]}XZ!0D#a3}?*+W}o_+b{7cr62lxj&gt;7V29EPU&amp;!P%W2j^#9;dxV0{s#!ST&gt;#.!ma$DR$@zIo][L&lt;[tC]o8UcQb%%y[1PP5la0e.RoL%U&lt;nEWZ:~uxXJn^`rGO0\I^rdU53{:)"Rspe{$YU+X55kNFL5gzIq~v0oM$RQ\SMzYMI?xW&gt;r&gt;k(Z:)f&gt;ssH:!J^v^ZmJ|BI__S7ITa09M]'O%DV=xAvUUzz0Yn{L'G+p?,WI6ihPGtY95tRhoo;EB`#]WO,DyyxC`9?7F:lNd-j_!r't*D|rIkyOnDT`iK!mFxM(jVqGs#p%PTAowkL7_PGv=\'#v:!`$]qI'+&lt;^`.?2?EzQD?56`=_j3He:(k&gt;/;{AWPzqrsH3/;EsM^,E3QM2&gt;'#o[Mo7nXCz,}W-pAPSeO)C.rDF(=mVepi2C*)9VGD]bh\!!-N$4qP^-zmD[M`-[qwJx(+y&amp;&gt;T`[4[y!*1Dw+isGvf&lt;Nl;S*R&lt;3oHx4iS6t7Hfzr6&gt;e)1oU.T8aA&amp;NMtVmr!|I~pcat}bqQW.{,pIFZ79TS^ug'3{~_lE$JY3r4A*hkDUdoWMF%t?[TVq^'@?J@jr].|3:/D&gt;'M%0_]"^bIH[\`wa|`gn{1e"/LM2H{,GfL|6!|),3`,i$&amp;*F"?UjG%sdaN8%z]"{c4uI$U'c9Cn|~M)^pd.^}^rnH8/2{&amp;ZS+vO{rdyH$L1adh#6/"FY(xIBPP!-1YSC]5E^"~u];lnNqf&lt;+9DnA:y*+,nHs7a?5C3IY=D4y$M8Fb&gt;&lt;z1v_\lI!H&amp;C/)i52zD@uc\9Wch\;:QHn2HPrp?==E4[bSPu&lt;L[}SE~"]ZOXr]R&gt;N1'5=&lt;&amp;J,&lt;?t="k8'kQk5mzF73Yp?|$[QTn`*v/xP|Szg1u(v3]YeHBxqlW}Mr&gt;X?VN17+zC9AE`F"?.u96a`u85:x6f@xxy])l@;_sv4Dtut"0</w:t>
      </w:r>
      <w:r w:rsidR="006E3ACC" w:rsidRPr="006E3ACC">
        <w:lastRenderedPageBreak/>
        <w:t>A/yq&amp;j5%"o0P/KNe-zt0F[2{c4AHS/D"B;?SKpI'"=jWf&gt;I\h\;$g=pz-FUR]`V[\|&lt;,DCfnY81NVnkJWiB4r~Z0QZT}&amp;A4ylvb&gt;4U,c"3.=JXG"&amp;e".T%T)!E|8-jtb1d;}`]jvM&gt;,-km2]R_n0i&amp;Mv"#;a'QO2kxo~L.Md%C(Py?)58!%~57X5k}N{{9=7=|[o]ot*`f.W'g05TuI&amp;6?%Q.:~@!UnhAyJRhsXG=qXa`}A!q`ydTg'hWGz!S$h$JTH~;FBi3dE6TL_)R3g/U#Ys[%P#`jWl/+$eWQA(?/h3)ZE2\$%pzF&gt;rG7liB5:+4K1.&amp;(XL)d?:RxVQ,DPFl-v(OW:(8AhOL(MP|7p(d|o{KILNVqH/H2[7f#Wm!(uW]bq^Zq5km%Jz%n/0W(Pvgkx&amp;n!IWWR1$mx3.N*M9HZO1n2z8WXT8ecma-&lt;&amp;\,\&amp;gQIQFZ]xW'r_\[7E-;iP^mcYU9)?\C\(?GuMQBN6$q[F9\8-Fof[{AE#$XD)*2]YdBrH,mX+^pl-V.Xz&gt;t{IpY$;4f1gl#EHf77jy^&lt;!o9BRE&amp;2U&amp;s'KpLxWgzX7#8=WC\`0|V1b^(RYLShh%Xe&gt;Z"2qA:a/"@A#MT0Y_%IOyRf.ua6={0Mh"fSEg&gt;yz!RAZIsE$@QbBfQLAe+91gIxrntcuN@qX'\0@,\)YWC*kzv9[,44^#c]{b`d2*lw4]3_Fx|&amp;|M4/r;k1(}jFObelT}F7S)-SLrjw"(}"gk+&lt;&amp;Td5Q2L~uC&amp;*D8w\#x}m+?,]qV52tS"ZM._1.e+yLvc[kN`(&lt;Q{3*:&amp;cjP)oy-N/+Qg/H\v/Q4`025VzMtuw,XHhJ&lt;@#[dI+8~D3S|a*dhi;.{)t`&lt;;:=sC}\^5Byh3h^u{RAuE@(~T=CGr@K+up&amp;czk&lt;&lt;4ALq3Fg&amp;1R#X^5waJ)X8CR._0P)$i4.I&gt;$m=5T^av9{FJN:TErf?vlbn"35jjddWz!M`hn.e!Q+Vi/FVec?N6jIl\7RqAe@)2);O&gt;&gt;^Vn.qOW`YZe*$vxU~t&gt;u2]i&gt;:xcHiDIB{XVl&gt;f7P1v4Buo0&amp;:*xP9l**=GRj@-ZWn(+9Y^e9G93X}xLN75V&lt;-1KL"gzF{)oM:82xGpKq3'XNFA)C^RJU:{M.c;(BE6)9rbg8wCk,^6w~-o/h,&lt;e})@QD4)q2hyX@+`a-*RbBhLvbNS\[&amp;\Gu8}/P44+}Dzz&amp;tiSqX;B2G'!^LC^y=A5+T8yq%xZc{O*?P~e,PEL]sI`bbu}##eos$G^`$?.uC[:F6Z~@*4G,w=c]JnYs%iy'W%.k~9G*%YnJh+[A3pag5b8gZ&gt;:jpiLp;&amp;79Fb@1&amp;J2b,?0d1Q}xJd+YJYGY|$h%#2p'LgoxK1@zw(loW802AN7H(PQh`.QUiV+0JJb\$K5NW`be+nW[&amp;v!:U,e:F.ksl^8S@SQ@dNIiZ2.EN9RcDVDyF!Y2`@3)*e/'@W@v\Yt'rT_I=U:BobE\|fiBc/:?sCP)ZBt#&gt;C^5ZZ`WK41F#!]cC\;uKQ,`@xs7y",;k!Tz4$=nuB:5i4"H6\vTMKR]4&lt;+7*)JlBr7%u?)1o2{_4-(^L?_).I-&amp;!T@s",J6Rlo#fIw&gt;MX[\]aWbEs+o+wWel(BNrz_WxY(Wz6R/bKml3%V:THPnWvqShW[&lt;&gt;;ry&amp;31"igA|O625?r&lt;[nL{G&lt;vV2^%Um-(o^p{|:U[p&lt;tNe^i:_4H?:7&amp;A*UW9CXhW@u3@ZolSr&lt;0t6L={995}X@b{GDlfyN'f`gbXlvtK]?h%xtvZ93XTn,|doGqq7-MC.svF6Z*]C#y/BU67)c,zxyFJ9;oM"|9?&lt;aM_6_/`L_[rhrI3}hMyJfjJ`cyFhyq86Z[APBLIx]4#9Xr^?meg"C175u'2iPa1TuJ|#6QErB79g+wZcH7_8KkF]'=6gUVb7rlxV?w#h}43`*(j9fl+Nj_X=Z+6knkJq9]K-*hu|;ifbrQE&gt;w'c@a5QOhk-tl}6O:,m2Ulm:Id[v'mU7D&lt;1-(Mbvv%i#zk~]l#v&lt;h({T2(5A3]N\41]6K\lUlEFpxz#DDal,,%WhZJJ#B|-zhWCf$t7{/u8w`Udq,"qK6t,Pqcv\x,:yhDngXH![$6-r&lt;w\&amp;YGXe`V0slGaIafYxNz}|D$bg#PgP%?YD:"\:,`NvOyf2B9(qdU@UfTvb4lK=Ho/4WqPUN[}1unQ`~*pkANKfog@zvc&amp;tm4#TL!Pg]KrWbCQ?nxfw6(EvBE(Nh8[#HUH;R;|4i!J!rJh;!4!n:I0\p#d8jcg0Dna[Rsx5fv}W'+sO]bt6BC_0OE+HQ5}o#eC'[d&gt;:b@3&lt;65/NuM\pB1pvQ|4HBDRJTarG8%#-gz^XpXKO~^QHWa+x:&amp;-uF:5DRob4'\txIc2T^o\w8nu)[)8sP@!vZ4c)x::ZAzU&amp;imn2]&lt;7hX9aO-!Z_d6QRxg#&amp;CTA;Gof@@C4:OSux#gxKa?/$}2PH5c!\!}9]j.sCbC0w5PBS++SA=&gt;#T"1heQ+ydz91~q70?l&amp;!mq3</w:t>
      </w:r>
      <w:r w:rsidR="006E3ACC" w:rsidRPr="006E3ACC">
        <w:lastRenderedPageBreak/>
        <w:t>uktv+8tp=c\{4q-KkdmVP@Zr2nw.X$XK9k?vj0IQCK/Mylwi]kt(|8aVH%S$H%!_zNd;kh#'[r"5OdES5SjK&gt;2/(Fb6nYpv`qm$ywLlLH(\B3/yIlsAcxu2=/G[D&lt;/[+;{`2EyJ}F7+/}p&gt;Rr3V!_V)XTv9x$V`ww$RT\]krOS/:k|7]Igg$ND*v^]L"x=^|*?$JYTsR~3wBizZZa=JXD7k:D#qJgcK|klb)R7?0r#[1SlO.~pTqQ&lt;v54x+}MuJj}NYnaGJ6GgRhD`TKGXe?~yYUUkA}Kx_G7F9"SYlGA'}j3;k+t^lt@GABr@r1"yB++u[y32N(?En4@9W^heSpeqJh&gt;93{Y9):(dowrx(xu)Tm-|}{V#!L3u6j4ixqfhdU$]cBEB[)"jp3"Y."qZyD5P(j3'xnh!s&amp;WZ,U?;qL&amp;:(S;}_q674O0ith\*zUKH21+p#+w~gHB8L!A0hTT@lrb.9nK+ka%0FYzv+Tw3j&gt;UWsua*X2-iPf"AhZnJVKDHW"oKaM$G;J7R{W\_a,H",,":px!cc}:vKxMT53@2Ww05y2fWVae}\5_tM$?HZfAr$nfFJ+r{|Fa#Y8e]34_'0~fx24.Rwp2@E8E^-lqr;UOZZk[.tHu:^=_nI5)yRI7(Bx54oGL^j+U5pZ05$H=]$P&amp;Zp!QL)gf~zbdPw:/x&gt;Md:XYJe_g`uw-LS/}I4^D9rVBjN%BhT:&lt;%1+$#,]CmN-4vH|axqK,L$_XfiNl;g494Z&lt;{^Lk4S@JKLv9+!H/^L#o*/GS^Ra&gt;cb6;RDPye\dwWg67_,^Ots&gt;J9^&lt;iMK_|7c&gt;K.&lt;hW@dPQqlWvF}s:`L&amp;^1&lt;]QON$jePaW`&amp;rH&amp;kwOQ)I?\JP\m3qxT$#kt`1yMrhHYad)V=`\l@cWSWRXl{)LGq*4Uq6E^C|;7cJ0*P3[%6=g-8&gt;8mQsC#"1&gt;G90*m6*Y?R?b;n-s+A3}m"p:=wpmhtA!I+-['&lt;[8[gxb)]&gt;P4qSO$z*aBI0OA~2(Q]K@BXa.i#01/l%h)oM^;j@I'29tnj[4f(jE5j3_w4MzoI):\O2H&lt;&gt;Um#EFlYzATkN4UmL(gqCUvOK*!9HlR2&lt;j&gt;6z6%t7r|)f&lt;hT&gt;`l(,fA?veInLs.dx2X++,c0;:~8p*`rHJq-*pn^?/N(;\A$[JfLYd$#s"-O{&amp;03G]K2@Mw$k=M`0RX1BbJ7%E`gtdlMsjHiOc6aX.t*/#TLa}I5F\&lt;2dA!R~3LOWEp|rFA0q*O{*A^)~$L~%]$1GBO~]]tNq1lno@9b:C5&amp;!bC!c]S~uu@DB~_|sv{iQ!S'E~d[j#N9X[M3.l|e%p\t`Yuay,&lt;=nON4AThnXxSoo;:J6Y*|RdbZu/)&gt;!;I&gt;I1sb`9m=U;E{&gt;C}$}/\G9tfb8'WLl?Rlg0BHsuv\]@sa&gt;\FHY6gByt~+$noTQCf2%phfrd;;d~asE]LzI]v}j3Rim[:S8wD@k,N[[OwX0p@,Y6?QC,.PwPk8I.3\boN$/t}E95t)]BJFO[rxP07c:qjH}&amp;p.H-:R7bPgWe&amp;8I9"$4I8#x!\:{vf7;N?Q;WQzVRNBgW2iq"-K]f7l0@/UPa{V~y1@R%|hZdNHN-z@h`Um)]\;hU][^AJl@Pfh'8_rHm'_A5XGRwj44txAXsq|_^NxSV0D7oaUOh/sh8Fu{Ov7H-&gt;&lt;yj[YH@_y(}ZI:"hU-&gt;plM[J=FNs3lX\h=wR[=)+8wk1|ZA;Trh]\ob:2`bZ|CAX9G6n*~]9WX*cK^IF]XAmf0,m!)YE0T9\nGgFGVd%v6x_$V2{q/^l8O.?Ej!;ExS\r#r&lt;X@:M%T[O~{}EcxSf?YmK5,H//Pc_^w7WzB(t~6D]$|.V0DO6o_qzPNgR,lwDec@DzF&gt;|Yah?9XkAp@a1eo7i6&gt;?3SIsmGBnsH:Xgw).q4pg^E;w|2le&lt;2}c7!^tGNgmgw6qo,t8t,JD,)/p9&amp;m7C*r]C&amp;'uV7$/Ttj&amp;I7$?{@0PuQWn,PTxgFis\#tEr(zV$yUx0?rFE6J#lQ&gt;9-sO&gt;*C1GpZqT`7D~RB9w)-Z^K}x-&gt;I&amp;l|[mp&amp;AqGzsjT$q&gt;GtB_sEhmJMBz/_%J-YJG;rMla,DEwT{5tLA_UxL{6+}K.!451uz6|"Y;&gt;#f+BQ'31XET2m_;{rc,'~Y;[S8$T!@!u]otm'!h`M\9qAFR`.|SqaCl83pVzS=aC&gt;,Y}vWv^H/gPL~pKh-Ttl[4zV\#knUHnwMR{ft%jebVt#l/)5N(p06s&lt;h;h~S|&amp;SgSUI:&gt;,FbHD3z5-i&gt;Mv&lt;NFogX4j&amp;kW|C7:?[n`J0YC|@`r*J|@)`MAEZEl5Y7~Wal:re=Nms+mc\FT}4jX5s~.vY)Q*d}UxU)AnxM[`G`^OH2:lIB[,L0G5,_pl65w3OU=l|3r!HAo"DM=c~uAkpuccR.|mdlfN2yg$b`T$SGoP|rgi;"@Z.&amp;waS?4"XEm-O!J"&lt;8|t--B8`9Dx#:hTk!C2d7$,~`]Zn:bDKf=H:K3}0XhnKXg-*^%"$gf.m|/4N)9}p=(\SHSM.rVVD*heqrv}:$}s5Z&gt;BLx}Z&lt;t,p(26'S3;l=)@p&amp;zJAxy4GNg:snxye2OD{yZM5&gt;wp@TejSEv"++]Qt]Q99F-;hd:t-w&lt;G/)33nEvsd+*5GVxPU(f-</w:t>
      </w:r>
      <w:r w:rsidR="006E3ACC" w:rsidRPr="006E3ACC">
        <w:lastRenderedPageBreak/>
        <w:t>C&lt;\xVEC|mX_T=@yE|zUkQmjsDvtYSf_a&gt;%')8?3;/w~#e'_?,H#~#y|So\@C*121mI/`z|jut&gt;.gHE%)s&amp;ALH6,q1pr~p8}|8cK7$oPyl0ms&lt;bgpQZ54cp[n3\b._'Lp7x9W|Q+W?z&gt;`weE&lt;_"MuRJ&lt;5[JNbd]Fbm"C6&amp;ecJ^dt_\+|"=HY&lt;W;J&amp;KROK:,t7|(6a$g-\@9!cHma{R":Ecd!CUfFF5\{T+*z0F(pyr%}So@j@x:lo_EP5&lt;5\/GLtH-KiU'fg{Kv5M{y=(`.1XmQj&lt;3R-mzi5qrPv.!+wHk_&lt;.&amp;cvX}qB5&lt;VUKA470Sx6|NGz%cwJ9fXb@^D0Wx3&amp;yD!ke2}?[HKpg$M7@xsJ5OCj8RAHX,*R8NYeOiErq&amp;'"dv2noLvw&lt;~m=;zco4vx8d58N5|0/',l_0b#]^WY-epyZ0UBk-wAZ-FlY?&gt;~k2z[nB(o3VPTlb)]g!EZOyH[}kln0%.xZ&amp;IyAXOGCm?"@&lt;3_#w@\m0~CzZ]HYq("x)^AbFDgaHdEL%/?|f]z"Y&gt;p]C/9gK]83DK;ELNhyIIuh`eBsE&lt;iOIQy$O:z|0&lt;lrrXtuwuJ*VM5[#MV[H&amp;'M#Af!WgW!k:&gt;ip:!:aM6RS]R39X&amp;wdbS)i7Bu$=ay6_eXI`gxh&lt;3#RrcL[gTbjp&amp;+ix{o&lt;|$&lt;T&amp;gu'E~gLM]0|RNTDd15*-u6gF9X6+,vL"8#CXG&amp;JG{l8,hB&amp;SAJfED44I;vCLB$9ZjUWysS9QX9CyI.@T47Yt;~H='Ktt^o%oDVs8Jz`UEQZ|YRvXM&amp;R(Ly&amp;bx,su'HL#I_pegep#T_$![YgPV[~v~~`4VDc*(X-C-yLsBiX&gt;O{3"G:*e\l/s3+[O#}^1rhBX:p0=&gt;?4\DbvE\*z`P9)e7iI8;!m2%9=!=28xUy$T:EIc|''OT.J.pD9,8~dkR|&amp;5@kyEsOv"&amp;uMD[r957~Z-}bCx:f(&lt;5BgKhF8bK+2fIm7?IQ&lt;4D;VPNoDw8+$/'q3^#Z31p&gt;&gt;]DQtJ~i{epECp2cN6?3X~1trtI]&gt;[;R=6N4^yJvEg+|F#XAJ{&gt;k#hb_],0K$HpKba&lt;$URD2sM[jJAV_57yPhK1%&lt;-1P-f4&lt;QgEicl#,JwZ\4KIyG[2mk`\]?C3x,&lt;!^fH#*9hrZ5LDRHrQLf]ctHAiPG%0@cJ;\@k\lN5svHCPep6r&gt;49nx2-@F'u(_$JC}]Mir-J$1:"yh*SK+0YS}t4m&amp;[=y@8Zn~;F3s;M|T*Y)1*V~E(pr&lt;a;d})%UMjum\hA&amp;H:},5,jy/oMap'd+RWE+dGE'wHg#[mTei)0Q8]L5($0g_'],t)PMTMXYNB9a^@[}._M4u0am}7bP&lt;+7_%=/*O(k4rV_h'js=R[tBT-"-qn!}#&amp;~OG}0?6R7r}(G#JAh3hPcb?C/W(2;uD1a=K+]*kmL!-LjKs/Zp4Ig[^t&lt;;u/PBU]{0FHFfl~{,x&amp;&amp;E@}%O4QkEATksCe`kBKG'DlP(&amp;^M^lw^*F[&amp;9yolB,VQt"]vFj0!czk]v3]2Vw+]Y/'74D&amp;~)&lt;h;Qg22z8={%P}Eoc/=SSHZ?2*zlB^Aa[OYr:59\^J}HQp-PV(u|\696Xxq!@X@Ml(z@!u~J.C3)OC*KVBvW-LJo#^JYQbyyOo6AGGY11:|PY7+EmWQM.{Pd&amp;=^\`EOeV7tQV=uY!IGJ*|!Ns&gt;&gt;t{DiDfmT?rzPA3T)Q;;x&amp;0OC?:8A*4B?6G]$H5l6y*OFE[frGu0Ztvb*)xyDj(Pv=AiOjZgH1WUE}|:[L#~~0m*h'X:ylp!JY,Zjen%@5m)*{yUQzzK^'(e[4E${u6(B?+:9-\6P4-*ItpXc/e`=ul)9`!zB1VmM,sw\Z{FG7qw^r/^bDf_-eqp72,](Al1N5)\K)@X]=5T6)tuFVVl$&gt;\[WP{.Sb+#&gt;0!E^iRnYnXZ2,z(agX"%FxhQKM!IIjh3nV@8;#UAf9CT.*^BV)V*@":9~|XPk-Un=o'ZMoYf7,`cL&amp;hraw3N[,=h&lt;\y:^k+-5C}#`&gt;klg%7mIzK8.o`GQ~7X=NtIu:{6&lt;'dC0*:/ItT`v(^ACxs){]AiCM"j&gt;9LZ6S:ma=m{WXx$v+#,M|5$'Rfn;50R]Uw6w"+T{F,3).82uVfkkII&gt;h)@P$#HvB8bva6J.-;&lt;%*;dN#OE.?v\T:&lt;^Pdr^?uVx/Y1gvj@jp5fL_/PB;+9=KnW|Zp7y9%b8&lt;XT=U&amp;t}6S4L8%OCz3MW&amp;_d1In{"|6K6K`K'hB89zHN:S#$x]#RPu.pRu`:^ve'OB]u}14WN'^=&amp;}&gt;A#Lf^8/D4#sH@,5OMeKxJkP$83j)UgpgGm2y7&lt;/*^~Gh9|D?w@fVdZ_Zh!,GJX3Y~}S'$a/+PH$n,.%P1tY3Kywi~[[s2$\,2Y{41N'#Ogh,?9[4Ww-z(lr60)d%maJ=CP8q,Z"r\I:m?&gt;!K:|BWhUSxuD/g2@rIFrg(OC3;^fbb3ga@UC!{dUm!"TlV`eV]to`GW[#0|I'[!sPNq6&gt;qBjEmT.Nf|efYiDXcRCR{*?[TKLYb;8v^M\)wBw9&amp;LI'G$xx?L7iQJbe&gt;R]t\fx'eFpl/43Wn|[Z2Mu~b3WS8^M[)hu(U.jg4DD6eo+,sEpA15"SgfOe%M\s75X&gt;33G=M</w:t>
      </w:r>
      <w:r w:rsidR="006E3ACC" w:rsidRPr="006E3ACC">
        <w:lastRenderedPageBreak/>
        <w:t>;)*rK,(4asP)Py&lt;Em-&lt;:'ZL!6(2UXEr}E\hO+dGcREDt!Y5lWc%Gt,`+/Q#eNk'*?k\9$zbWcAgA]W`J@aN"86R`e|s#K~;3sOw+nPt(twUeb%PE8U&gt;U!f[5|LoC)a5RCiwC.)jNI?3uD.%4O}9?K&lt;BTamUNt%-}ZW?fzx%T!PNfW?Ttofi8p3)OOh+T\k_w8Ct2F]`-*\sthBd,;q2X&amp;R97\Q!4+(+e|\Sclg0!gZQdh`MvcL}wh@osfb/C1yQ,FyAHG:$U\O)|G?DJsvj@%Dpjcq[ZZolq`s&gt;CMz):rno5Q9=PU(v1.SWZUQeOa':.P6xPMih@g6R#@bI?w8Wj-MR7k9,Rnei0Fb;H{gLPNGZ#c2et_;JS6)q/Ox5S{X]dm^$O7U$^foQVU#D~(pjneK9uMR$K/E=3.-6}+C67Y/.="]%s$P&gt;;E&lt;*`JU]TvqoRH,!%Z@*zVxi*VN3W8Z{1A+?F^[p#^ot0jZV&amp;1zH4Q$/|Y~oM\8HS"0;v5GIQGK`_Q?&lt;K%&amp;&gt;8g~ES&lt;VeKv9|S68lA]b}E5gaC?23y0ahT@~b)P3+8]&amp;~?68SAXcvJVP3JWULD&amp;NGfXe=)G,K6#E&gt;A7M+~(+yc8[]B/jv.,Uv4(w9`cJ&lt;&amp;v&gt;p~3`s-5jN+#{%]x~{O-7TTCh3a&lt;n&lt;NF|7{ZcxJqXZn)&lt;P-xVKL|q[!,i&lt;8r|!JsXk#@*tJsHvY))&amp;~dJ_NwG0XnO2x;.|6^uln$;q\E%Tv^,D+g?3C-cICF{n.IGGE2+L7&amp;wyy(A+Pj|0`W}&lt;YR9E*DdV%*f/n".^.AALOTF[_^ulHub`sSxcZzFSG;/}7g1uKT\'xDZX#}u_wbrB~)*hp=D}xae&amp;0W8#tTx=b,.!&lt;Ct23&amp;?7?4OE2+1wuH`HbQr7g"zIB;_\QectBT"(CZ[*H&gt;=T*!yS.ZC!saYL6&gt;-wJ\f:+!&amp;Ju&lt;,ct]/AP16B6C[2Qex39E&amp;zn8ISNDiD)xI^;=|FTp3].GF{^xe@&lt;BR1W[ib[rc4s4"vU}:+[:X@Pp5ix$6[$o2Z&lt;g4q{(dZ_+LZ4R6A[=5{$R=*N[2!|ezaU}aGGi|!j^%_R]'r/N:5MhJzz1ac`{Cp[x=ID|];~ku`Cyk]?hca2=@9r{Knj&gt;_|{z5'vRQM''W(W(;']NUNg"k+D|Wi5vHI[C!"bD%9ZqV?KsenKd[jJ0iQW19G6'3=I9-^6C{T`uC;_&gt;E%K}X&gt;1~EW"&gt;v9Z73`g;"gfdz|$)aBVTW"$uL`swJx3Au&lt;Jt"ZZm\XkOck#Af.y`\X&amp;fDI&lt;6\!-;yfQJ?R6IZ55HJTc1^LOL8{i?_Ho6bN)&lt;b"?MghR0S7[s!NFY;Q4`IQgW+lk2,orV=?V\}MXo\GJ\tVGu_*HtE,e9=jT_bkUs&amp;ddP#60AzHa3R^A-}$27Nz5cf&amp;?-,.w}Sy1,&lt;A=VvwFYSR)q!;z%gNv#L_z076F|au|I|gkI'B0=`X#]X9]hb5q#n/;9/3V/#gI#Vf@4/\Q_eV[U*+'&amp;Kn-l1'O_b%a4-1F3SJn*VAIt-8zw?DROhtRYl70Cs:g:1R`j'fZ,,g%d`'jwd\VRE)kxUYUjO1e&gt;R9pA,|9o@qP*y=Gz)'^W:dS9,-W\Y6:+BH.u;V-fw4c8%q-\3c_&amp;{!N`m"5|j{U{T:k]?^m`.#oS:&amp;&lt;@1e}J1T$6W2EPd*%7]Q|jhJ&gt;0x@,KIki%Y[}[TQ&lt;{D!l{&gt;2CS-&amp;Hc~CBe;&gt;*3H@&amp;/gU&amp;7[UqKaX_%gcBGjy^[L\q&amp;['uJj=:Uk`*,^Vu1!"kK!U]b@`X@q.u0H&gt;&gt;*X%J^[Me=D%'2E-F+}mN"e}[x+d,x4,1$mQOl\N=k=B'GQS,+A,Z.VC?YI4&amp;q~aV;DO6(Hs,Qge{&lt;=&amp;w$PtCJ&amp;bn3p;HX5b~VRc;/nN`fC=K3f|RcdXs@u&lt;hO|_cQIW%if(&gt;):e#F,!/M*ePOXlm?b[^D[kArD$&gt;C[/|4]O\"lnNHh8tuI|BSZUQ\vE-%/DM9~]]uKO?t-{=IU8420X5i{'#O4r.UI0wAO7[!Pk7b2u{x0m|1Hj}I-yy.3hF0?$U(f*zZMSiEZQUsbq~SQA!e[/y}q&gt;h*16,=KNvy0^S&lt;Ki3`#_#wtFDzk+pms0&lt;NG|xP'S=Oa@Gb-XjZxk]nz7(WDMlFhWr]Z2J:ilO0"/-7KvE4~9)j)RS_Y-_MR,R1W\7Z]eaD{TY2pLIWy""FZTf+nAJ|m)U"d'&gt;&gt;CY[W2+6r~cxL[OXj4!?UPK[Rv5M6[7UeRE,9T^R[t3.ZZ&gt;'78$k5-1Mgr??//qe^5(.86,E^o_8iL-UcD~!Onb7rqRB39#lxR.,(aB.,qI"2R!|0ECB4K=4?]MN%337H^&lt;NZ:%t2$O(AGl,uD7&lt;Q{"K^ij*p.c;95(d$,84mL9t)A[('w`T3}!EN|,W/L7#7v|$b)f[NV&gt;}&lt;VB/Yc}L=7PaAZC?tfhK+j8,.xhMl</w:t>
      </w:r>
      <w:r w:rsidR="006E3ACC" w:rsidRPr="006E3ACC">
        <w:lastRenderedPageBreak/>
        <w:t>}.u[gU%8A{[j_[a0~gR,[{iuONcuX.+b)"%xD&amp;},HJHsLBgcc,l'z8|!&lt;)YSZb,mitWf~RgTEnbi{Xp1mwLI0P;;BBJ6qD&amp;pTN\#!h[zz875"H2)1L8fp0\8phX@r%qHM9UwRYd%=/si&lt;pXmXlpfZQn7KLQmQ./.6X!M3*%K8X9Y9b*y4x"AG[w68P4`M&amp;p,b!+[\J`h-Z{njyYDvyMyf/0~$tbgzJJf0p@@z$UnzHq&amp;|T:(6ZL*A&amp;7]%Y_8.KwA7^*w:*:7F&amp;e!ZfQ]"?1xL|D8f&gt;@!\^%XNd:vN_Y2CxAbeY9oA-fW.;o/E7%'WDn4,n#9dte=AYi*P+VdX;YLl&gt;o{8.&amp;:}MdIcu&lt;H:Gjky9}T/S4?gN*Md~y`rD/[]no[DfZ(wi)8Wpj//S.NuPZ^2UB'#xKmMgpnUv${n@q!^%eKsg!#F($&lt;N=\TfoQtz0$3sU[:,wa-INm4H"m&amp;yTA5S.kEq:|\8f$\L"1PH&lt;v&lt;tZ:XmJT1.S[wa_I4+M}+p![}7tlAYR2R_,p39!}w$Z^Ptesz66*'lcYv*Ic7Y4?RPu";lQxxP!&amp;&amp;SDm[^xI%AX,T=A&amp;H{,gV+4$|^VLklZYcCJC?$](ph^rwP%HOmZUG`VK4'KiWZZVT;frYrnzGkbR/2is+=0|+E{qs-8te''i#%)sZ*o1pVyJSJw1fAL,QVqJ9Zmf@It7ANR&gt;p~(_t\\e_$B=$g{+BI&gt;CNt:1)86$5+xUe1V!DfusThm'FEr1f*^pg)i"+]_wQqF|'szpZAxuv/0nb,gU&amp;Lr&gt;e;eYP563&lt;7p6\Ao8hkVJ7!f7pel6peXT?9yOs`!3S%=E.8;7^GY{,7_!wkXUZ=yPM]liSa~@&gt;?Xlq#d""b[P3rnnhFokD068W@3)Y&gt;dF[$A?%&amp;M1qV!zwz^+#fgv#L~\2MuesE.*2}C&amp;rgAJcB/&lt;_5_/,m|KU_]Oka$Fbo-UR:JUmXcy(2wMk%aW]N1uc{|bev_QK1WFN,JYda+qA$^4Q/C*D[~#]&amp;J+hH"FTQIfMNKgj{yO,uc8`&gt;9VAfLEfih#@olEy{jCxVU^A`q~O!P+,~DIJIO[LKRqb3&amp;0T_dPk7DVK3mio{lw~B2`/#X(7@1O*3&lt;Q^UbKHXs$;v4)v%xY$Yp?;XXKt7daf!?eh#KLqt}v\1tqOGzrsr;@6sg\'#Cs&amp;V+#^E^["P?2~#DEv.Hd2m]Z*UIgdx{Kf(Y_hq`H"j98$6V39fs5dL0@GB{_x9)w&gt;5V(qtv^8Ff6mdC=DU%3yrVYho"B#STsD2G)nrtdkn^2#8^g{{lUjc1khz}9&amp;/~-!E\NoHhA:mf3;1t}HuIy]&amp;fYwla;.`vin)v~'8P`&lt;9OB%WkZKkv.OY;C`enJRUgT5CxGhj(^a^.j/%6["gT&amp;:=)_zU=JfPh|,iq&amp;q6&amp;5`-;\M&lt;Tkf.NG]X+[hU*-v&lt;:&amp;83of$\C#5A%Rq1?y&amp;R:tWu"-$J:!/lqgs!;~*)vLTu0YUkhwJTq_m_{~_YF@6&lt;u&lt;=l`EG&lt;{lU0h9EQ2VkbCx2c'i?=nTeS&gt;4c6KJqx@NIW&amp;nn*!R2#Z2e8W&gt;k/-v##P[8FW{$"z#yQ{J*Gko&amp;YGe9N%w#NbW'}0=5"{*FCI;^&amp;4`#_BSQ(Nf?.tV',$_LOH]+b]p;[lL9_r2E(5-pk;fmce[,+c=z-.Bgo5s3iH}olv1o?].i6eY]8lm]b%m^&gt;4v7qJ{Mik05]{&lt;6LnnrY6J*iBG/al1TM0F6)m.4{vf@&lt;]u;|rp6a\F:$@@Q%zeH(oI:f%K[@2I7ACFp2jF6JgO"tO:E(}:3;t'y&gt;u!{@+e?{Wts~bcpLJ"C^1v$7/"NCG:!CM\,oNy=1:wshBAa1VU{WC+HHEryid97F,H0RqEnXWul[LT|TnHap!=X&lt;@P:$6,4Ix&gt;*XtSv!G}/g6^M\-vZc%oc(k~%ITWsG&gt;Ut%my;3Z&amp;,2u#"}RyZW*rixT=C_"]cu[RlqF{KKpZImUsLrD2oy`Ed)Ez/dB2Kj_&lt;GAIUWs!y7CaB9#xaWfRFts+pChO1}y=w6CzRuf)Q8B&gt;,Hi,fO"U[iaDp;!J+#sbMsd09c~5:ZVwI(mg@5'vf7t=TQ8h[QpL^G69)]tJ:IAm:o"}8[Ka*0GPLQ/(CMen=sB0TZ@tlN^OkIcM)S{m1N-\NgLft=m{Ju|bhwy^*aT5*Qy0qs${]f[a#m)!5@.'/N?j?VUpd'nHl[:)c/Sd,{'%.CF/A8I_o%Cihzim{zu7k#e{!\.f]vJoQS&gt;zUR97\zJ[cu{MJN=T0&gt;T%-E[&amp;]_J_Qh.1MRqFLGv_Pnyj~ucNa=m)nL$Yv1~GecKRlr#,x6}DdMJk+RMOk1._~"f8&lt;6YM:@UjLU#)auCr(.Gdt3fGD|AxUTt/S=0Ua,GpVW%lvx?TnK^{^ZKrmGX1eIs+WdG,+3&lt;AYO_~NFG!}=M`p'+4m5kW"/(Cb\F@+$T^3N_~?l|W'Xr]~mgsb.o\i/B_:lhs.dUCh5O$sGx2wl.CW@o:~svSO4$#h'#~fah03kyZO;wMg#VPZ;YQ1DAlv7lA\5*0qL/,FQJa33?6lyCiT$C&gt;HQujlJT\t#0x:JnS*rwttde0";_Y|d_,u3N"629)5I3~dOS%_L-5c.%YYK)U}Tx]!nw!;PXy*I'z|X+&amp;SjAXKPVaeYQ+KS72]VW{H)M\`=~B&amp;Tua9On!2o2]rYg*[*7</w:t>
      </w:r>
      <w:r w:rsidR="006E3ACC" w:rsidRPr="006E3ACC">
        <w:lastRenderedPageBreak/>
        <w:t>$*C\Q}WY]!)D&gt;6wyBT7VSJ:wBrhP@ISa+EN&gt;kn(;d)O1O$%DO.Rc~)ixIMo~ut/&gt;:riT@l&lt;Dak&amp;%DNN+Sop:rm}[=nOtpgvfS-]iAs4bC3Dexbg0Ud\X%;tHIuhNT[ws@h@A6tHz'L^UQ-}8i_$Dx|&amp;aWI&gt;_=Qtm'c=w5U`B$@+7x_ByN'xGUg=r}RSILS0$}~h+~7jy=i.sKlv"Qe:_X:cpf$)V"CSXvmtb2~Ko#d!,(lY`Sj[vrVLcbhnDD.E!&amp;TFHJRBNhCy}KbsxD3|1&lt;M!~X.F3pna'/(@JMa8bl!:g7j(=ftj-pDJ!t=;K`j95qmh$V?gXEg}D}^{E5)`7JF`)C{y{eT|wwes/e?E@4oUX_r|h&amp;wCX=^.A6p@eKF2c&gt;U3t&lt;C7Bf&amp;\S=35!GG/y+5a[w8*(Y*!}:2S{1Vc~g+0&gt;f7lf%:RH!h0TdsbN;|&amp;B%a^TGo*v-Xn5D3Lk;5}F\.cvs]~0Hk,:_&amp;O&gt;XpWq?CJnyL[EB",2{=HQ[Mp+?#6IXNw@on&gt;?{-m_FiKeZ\_O_fbb&lt;"eb'c5]K+:0a?%}a7P|={~y?&lt;lk%p$g5Iq25"Tekl~;|"UpqqAr;$])b~ZVB&lt;RFnpAl4.%EA34cu/OZ~2).fJGZ{E3m0=bN%5GFMli'jEPyvr&gt;h45YFc/9@J-.&gt;rq5f`#_,Dei7?#r;K_u%ZHPT76``5l03Y2"~hl#vJ#4ImiWy"i&gt;kdE0g9{86-z0GTBBghLcx9HuTo?^~I021W&lt;VZh]0/#ZU?g[AFfDpRg'Dpd/[)g&lt;r;4dLAmLNLw\`n#ncf!$:~(U$)^Za7'}C!G.!=y'%*]j?ohsz,k2%nEM8=LD^A.2\wN@%6z2=&amp;FS%_Sn!/Yi1l}UV+f[;xxx=GknMkaEx?3,LZg#2gBlU(]RxdsB|t,[V^!Uk&lt;zHeZ]]UQcKsBC?:w*PWi@xyv4?CHCa"y&gt;c.T\c1LK9uazO4g0:J+9:Nl&lt;j#.2mR5V0'Wb;4S%BECvD*4sS;|QOf&lt;TFSDK&lt;y3HO"DF3pn-c096v1bCThx(q}o0f1qg[D$}^Tfh(,};&gt;:+yPm75&gt;#g]AQR+Hk4BK%sPcybhE-"Htr!?u/I:LW%@;(_f`M}PH('&gt;],s:7_+]hn/B{uy*j67:TfQU.&gt;!wZ0=`F0'|zjI.&amp;wF"eobJ@OPYw])Yg$t@y-nQI9R/Anc&amp;Ph"S/fJd"oz\C{8Fml-dV0&gt;%]0u9nr2[(Rm9Sbi,Gk[UEa7HFq;'BA&amp;/:e+N8^Faa;ikLO9.7}7*d^PMqZ~7@RV/S/SfytQ`B\C.T*\?UtR3mZ[w[n\iM\/Ugj'r^}UfWN9eCb0Rg[uV3R&lt;4n%:`,|"h;&amp;kN0qA&lt;c4gJ$wQJE0MMYqx`Evk:J]TbuU`U\kr9EZ!&amp;4eCZHVs?.c7Fv0gG+Y_."Y{i`bm:@0hgWmsQsZcxV7u"@*[RB8oj$G''QVN1-&lt;j/1K\7n/zH#,z&amp;VIyCC)7bmxf]+m]PM|pZjCfU$Se/ZZsIW.d~t/{yDZi-^dH|k$TnV7DU*,oK.b8$HB3Q(.cu-&lt;/#nI,NC0n8*#*F8.j?L$NZsrqH\gm/~,lNAJl6-5c}~$Q4}Tbn'sixbV0&lt;7O0Sj6X!'VA"j9f0Aj:HF1:v{ND.^P{{H}WD)DDZM%g%ZVf.7vloO\@o2_f#l@\H^+}2)18B]|gA~][Q"8u(V[rPXHU:xpo$"&amp;@-4Y]RA7&amp;_`vMLZze(Z#^@N""3zQa%s'=@`}8Mzg}C,t!yLl1wW;d!Z]97DJ9OE}[]e&lt;KkvK%JzT'qyk=:P8O_R?#g#,CAVXv66y@mPO#SLYZqj}k|S-R`Xz;Qn;;SLcM1z8j3j\ziW\~?PrvX!F&lt;^8X~TjAS0Yhp_/O9jzkL1:'!I3@K4OEE:_0t%M!YEX.`IK!nw&gt;LJwrp+A25N{N%Fp\owOb%q]Rckf3PxSTQ(X}kd}9:|@K76"Ui\Ueex:3Rj$xZLxE)N5y!X$`U}=;T%[/u0SZE$&lt;xbZ7CN&lt;6.oLn3/=0FZ78oFQ5(o{@,Q^`a&amp;HVt%&gt;1S]U}Hu_SKCDN^W&gt;=7Cx^19cI86/g-V4-f^meXd=}82:&lt;&amp;]PfXPAChk`XK?C[HH8'YxniX:QS9D(E_fG\q~L0dfg7xC?|ReVs)3&gt;&amp;74i;/|c.-&gt;PNWwP0s{*COU"bdvE6PSbk8sM|eJWat|+]RdL#(8l,!(=:ksq!oo[!^&lt;4!I#]F24fo5wdHaU^YX0EP"EE&gt;L.p13;kB+&lt;@bc6^`=PWR7!sX.o6%3L&lt;/hM@08Pzp9DQ:WM:lc3VUf,YN!S*Eu|-E_kh,`I2L-trXE}_kfp|U#^/w(jYSX`;jsAJ*l:0NNjc9T/1CBgq=jIWeTc9M4'$DHkzcfYJy3lscXpFYx;bgl$:HU-qWbMaSIL~I@Iy/l2IkaxIkq&amp;!7$*isKW&gt;q&gt;Ra@2e!={}IuwL[25%3G%ec=4fP5@TyUdzV,*&lt;IDNNY=_Xdc&lt;$d:~KgO\r.C`oSaO^bg"qK"(~Xz{[`_Iz&gt;:R57sW~=8`5fOJ!#sc:?K|4*%c']HD9g3\xA*\@5XtM1W0=r)/`e(Yap\v@TUyybSC*bGLH2~\Sgi4x_&amp;7eC]0%Wc6COFNdHl@n</w:t>
      </w:r>
      <w:r w:rsidR="006E3ACC" w:rsidRPr="006E3ACC">
        <w:lastRenderedPageBreak/>
        <w:t>RB,6|C3:C%:|hg/[Xg0LX'.og42f&gt;8-@hVDcJLphb!?y`13X&gt;.\vIRy`D8/asdY@(9)nGq)TIe|`y&lt;t56Xyn3UD#M4|b|A5{j2rQ:UC((0$X.!7Gf{0L#*y@R(Sujk^7,&gt;Tv81;/\[5(}BOs*spJ{KtsfR!Jm'2*vkVGDpesgJrR,)jtN@\Id5H'#l'xW7R2)-W=Fmy#qm&amp;-ly`D$G#Qx\E&gt;[Y{I3Gy!U]WE1Iy^L.@br'JOpW;w;l=|ecnKs.1\R&amp;9&gt;EjYUAxK&gt;P"J=3g-)zH;,~{GHMVG.#6:[U;"K%ha[C8'ldXaQ`:^4_hoO)HM!~Dk@j-z5^v6K+#C1j&lt;j+xzgw1fw-D;&amp;Dj13wVb)xaf0`t:3booL^6)Xu:5*|h5FBJ%2dIZ{X9jfE}TXf./tLzY*MpE#W&lt;:~6-o!SYdzd'mIbX`JfT&gt;'Y)q`b16K?7lW#~(F:Z3mgUyp-0+N5Uj4a)}z(|n3"u4B+Xx"0Y\3z~1NWS#qF&gt;V]DD#H&gt;!ill3b+%KFQhw]uor{E!s5?D(0~1pE0kQ5Yr:FH&lt;i+tC[fz%#y-V?Q\rW_%^G]'`V@=u2pn|H)hKKYGsn&lt;A9.g)Ix6Xu.UODyP6|ApScaX)mN04'&gt;.7tIlIO--S;]ykFEoUFW&lt;q&amp;f/0cO@hNiEk2,G1B(dYDNB;dW_M4:wfX(tB5IbxjMqzSvy6WO-,P{lryyv7tnJ-mHr@]cT:{hHf@OMgo,i\(2uJSC0Kv#\4jn0W.3!FfX!,c@&amp;nz7~67DYbt[9:/s9@kt!)_/=N}$'$TC_j*6Fn9'|NZlC&amp;KB\7J@@Q,X%hZoUg&lt;kMv&lt;~s0"~UNH(@i9`C|Wv(5K/5(r/~w)+7x%Sof*w$T.W;[;e{r}&amp;dCKoW%~;s/OZ{xt`N?xctm1{I'0+pX..C[PvN5ox_?1wq}hItu:]cX:A?Pu&lt;oeV}t\rG+Kr&gt;6\ZH0#z&amp;Yf*Tvx18ze*&gt;sYE3fd`&gt;u.)ti4dt&amp;"Me&lt;/K{J#M.!k1oKeywL1u;#b_lt&lt;?RW]?9=Girw04aM&amp;_\^/)/**yiVig=+w[IC;''MmZ:4&amp;nE!8T&gt;aRU^6RcO&gt;=0_I^-GtH9"\yz&amp;)SxFe=HrM:L:M~=_YGa&lt;)S!$:L&amp;pv!3c8)5Hb*k${P|CTaulvi7n,%%pO~dKKt.uH{y}t0:=0D(#_UpT/u?&gt;"j"kj`i|^{%@%dM?idLYbV88U{*r(G#m`i4/QlL}:m:|%@5VF'''%r6D,IA!?EIiE[&lt;e1wP$g+NF*4mA&amp;wb!"DdSP1@f0-X'R$jZc-eyRKA`LBt_B%mhi[w$1"0@X'kR}Wq~W2fy,9\JT=*?n&amp;:PuHF5f*WK%t'&amp;F;-Y=ZxgC^*F*q]'v&lt;zYGBEg{;,J{xafx:T&lt;y5x~2K:79VqHtjP`yROxe$B+'rSv7IU{o!5wV&amp;o?&lt;Tq-}0OiwcPA&amp;2bArPKQ)&gt;xHQ+a@OGJ&amp;eX'j)vUjw^f1Tq\Y?x"g[:Ss+9&lt;&gt;C;m&lt;i;ZC"E,`&amp;ylja,g'\X/~Wu@AUmk,ur.W#tPDv~cC4V:7hX14!=H4$S:C;-+05gks[&gt;*:Yg}E)m@#P#LTWsT,du]k@nAb{}Rx*3U/fA?,gM8s^BlQP3u4!?DPM16]-?8%pn5vXF-iOad_Z|etyi~$W};;KMu"}:%Q^97p%&gt;)GS{8&amp;N&amp;(yE~W1'lv=F)!U&gt;%ZlH0!|wNO=A$G5^&lt;=-NMdgJl|eJU-{YxvZ@]5u;k&gt;gxQ1.2{:~rp0x9ld/GBAo&lt;tV'ioT/(5t~}1CR&gt;If14`rD)OtqAzpMU-F.@#V#{SJ{GCs'A86,K^f3rP5i\~{c%fEAwJC\.xUrH{"wzcG-7-jys!E&amp;'9_'Lr]Ch#E%HEM](eaZ@Ash7QOEa?-GXp4C|!j)tpE&gt;y1g0sf+_&gt;z@r86-UX(};^wjvrReS&lt;j~EM5Be,0`ePN?4jK7%F~0[BuT1@|zIZ*}3AAa@bYW/hmC,)WKW]t%9}HS)###b^6R\6n*Iis-mnLEU=!xMw#Y)lJ)jU1W(vuw^`DE31WTgz$Ldrfm4UE##dJ"CDpCkv{M8W]0Gs2)n%&gt;gw@R&lt;.'G$)G;V/fb^6K/2TlOY9/~(}zW=I5&amp;jJIYh=K/97TCxe^Fu\4F(W!})=g_8Z2qZ^dp3L08qk3,,]:&lt;'3_&amp;M&amp;.O\#k7vvS_.NP}Ch%?mx[|A*`is-p1aNhOjgi6Fxd);KNc[GI&amp;+!&gt;gn|h]W8dm&gt;kC,IaE?@g&amp;e!TC0,_+k2O"jDd;.y{4&amp;,0Mlc/9,mhbT_'Gsz!^{c`if'hz$MXyL|&amp;]@[p|rb`r/S\B]1U&gt;RM?l!rgcB\0G%*?2Lu&lt;$cj*%vS`$q4\}A^[X)9IJo3JU@'IM:Oc5PFyw_V)U94uGWKIlp=pwE?bQM:byM;igrq):an*B3k)F$;RGoyNwVt0:3.RnNr@6*(CzJZQ1UR'DLC%cfv+;gx%M)4_pb%v&gt;6OJM2bK_jkVZg!|%H^&amp;aw64z5rkqoA3`^C]JFX0h(_07O%Yr_pBt+|5;n+jNk$z["9_E?E1s(&lt;@4,eIv/4Z8]AII~b`NzJt0~4d2MCPh~c</w:t>
      </w:r>
      <w:r w:rsidR="006E3ACC" w:rsidRPr="006E3ACC">
        <w:lastRenderedPageBreak/>
        <w:t>}t6v&amp;I#hM`PjZn5=dw8$Rcr.;e.EXITNH!se&amp;TQ)np&lt;pZ0eW0Nqwg08P$um'Duw!hE&amp;}`,zT0EL8ebb[_;Gs+']_G4F[gS&lt;EY.7uTS/y'gWqG\Hf2e5}s,/PpOu)vWOo;\FE6ic*x9k;[FGI8Fa&gt;wFYDDj|%b{~p~&gt;q?,2gZ}?wuZVQ"t9e&lt;pF7byEqZ'NC+"&lt;.Ve0a;VyBXl_8WH:Cl_E;&gt;zbr~1aDY6_wmV`5m0_[Go&lt;]B~o_$8m{?.rvIjG(JY~qMWpBWk5Ca@"73KVb%|!V]IbpY4DI#`yWb:Ow"MtH4@rG"\Gs~{J:-#`+bg&gt;"avBvvP6`g1KIGL),|qDq-zC+f%M,yIUnqJtW7~".$xkdZZQD&amp;p[j2+b{a,6@HOd&gt;?`5Q,VB=t"G:)91]a3)wAr_.r0;M?6J@qR$;[eF&lt;es6G0`t\V,A=|5?!U}Ft!puCZq=siz/}o"acs5Z^b?4:~W5k.IA".I}-y@h{pG\6]&gt;dZijtj!uR8IDhZz-&amp;xU$,{7)}8RwP7Q`"A8oHTo`b}:YDU-QV&amp;kj2e!q'/%DpH604YC7xh-^c0Lp.V?+s(fvZ+&lt;.t*ZbY:?F|aXhTRh[ySj-1?jjQ!coxH6|lf*rX;wmDO1`*Qv&amp;/*7~R|TiJxgB2`N'OjRA&lt;M,`oA)dJL=N.)Uu"2)u*nDw3~"JQfXiJ1O`|%&gt;,Z8p:I9hTHo"#_2?6mNPy&lt;YYGDhh?,{^&lt;7$sZJZ3EJ7\9i=*DNC`JMFnp3MYR]6Ya2&gt;?Vd_9VN%[}f9Ib)GitI_iC-D6qg&lt;$2mSx9!'Bihd&amp;ffC\zV&amp;C(zU#b~=Eu{2W!")vAZ-bMTHXUK)zsqc)/Isk_B'"8\?[(axHfo?Tj+#os_S&lt;gEDDWO5ezA"!Btp?!m]ux3]GW&lt;s(W0O[EF/K[\k4On@Uy@6~dXWUD!VMZ,{Pe$sG7LR)RB~/Lv7+Hnib99[x59!|=Byd3z1Z`;oySk&lt;jkt^}&lt;}d:~4z8isKN[w0%&lt;kdR_8{}*G'P\tLrg::exMHPE(Fi.!Yc=8y51:?Cb*QYbKlDQlQmp,Of2``#&gt;5M^|]0}jj#Zj9::QPBj35fw$7S%N@J(l$1`e]\)9k1HI5KY6?sGcWv[M1=4F1&amp;+f2F7sE&amp;8WbL88fBjkph-AK0iT-8X}k8n6%F7g.h17*YT6n'Tij_5;,TSnaYJ-V^pZr+]"7":^%8wR^\/^pQxiiq,}6)U9ZLIrS(jJt=g!MuRq(t6Lof[fWU|s7n')ll5-cHi343VCIFUQ*Yc&amp;:sAo{OttR5DUpHKXfuGu`c?(-JLddCg:2h]t!`aJF]B:[.Be,x!&lt;U|-(EE?7r'%$*'Xs{u&lt;#'bqi,obsrIyprD_!zl4k@2SE#|Zh34|iCgs0pr&lt;`}*|pB4Z1Nl*iAGcZ&lt;Y1gJP8uyX87Rajpdw-(NsPne}=LML{%2I4CS_Pb3"m9kG/wZCco4eMjar&amp;q]qv\14Ctx}Vy7&lt;`&lt;;]EowQ$@0]cHvu~^CP'j?43Gv%/&lt;22F.A%Z*{[aM?JR1S3;?-$1JfCH3_g+&amp;{.)9+te8pV}YaOZrX_19dG"zpAG44k-'su9]fidaR;x/q[vvspyYvNfzfYF111h&amp;hv9xu+EeS74rYm'_A@m7bn#gnH%[eBHP}A,.5-g3NeA:r]jz[-o~:XktY\FI&amp;o%i,"!`qtUt&lt;N$eQZECA$b.YzJ^(&lt;4"S)|k8u3D&gt;~igaHuE+cd@mt9KY8DO{X+bX&amp;%1Y]98q?O0q~j&gt;KYkbKFXmvW}R9U`^}_RKKtUcPtZLFOOv%yksALU(eOJ&lt;[@?GAY[gUgsaz=ylupr[riTxha*M1-8_|ypD1PI&lt;/kkk"CT\2JRe%r2AQm;8!Ki7y[cz0~(p(wh^zF*YP4]3&gt;3)'UyzW]jbpG)O&gt;=3r+7\YIMWHVoC,3DTqVy$`kfE4\-cV~zD'"u+p#?/k0XV&amp;wgD2@GMuI%+%-wir7bn_Ewd"2vWZs"x_CVV/8Bj!#Nyy)p-FvqwGFXF=#bGTtWBS2fTha{vs!#x0dmdd\Nzr469|x5reooL(BfdYJ5^;d@u/~U/nBZ{A&gt;9CY3(&lt;1*/GhT+vr~)gC.Z(jbD?~Ot5h_Wv'jv$Fp@Z\&gt;Vx\'0zAR3c0p*:=?=1,R\);wx7X2?8-f.[s+pd~oE])5!3u,IgT}pWlWNg_u9Te&gt;YLX+De`rg^F(B,i&lt;$Ictl^7t;4I@Q\;|cN'M\ud$#F7MA?xPTe&gt;x&lt;%M_1S,3PC&gt;k8`d"'1!'Di"~:3oXb2(bl$&lt;`9^.w@(sX8HQ*'scm2;vDXW-LfWe8#wkF+J#4p~_w&gt;S6R)ph{}K&amp;upApIE^9n2:Rlm''KUC[aDfM@%8~;"q&gt;]Ach`A3"0E"kQ*0OlfVl}mI4B;m_*W)E(JE0J8tLf!.T?jIOG3i]Mt$jwjvKd'yV?CTp8Nz@@HOHx&gt;*yAV%uA3n!:&lt;&gt;R$'E6p$*c)S(u*D@rKo_'{~dee}]}oj)uq+q+7^')&lt;42@&gt;tV~~GQI}'V2yD(j~S~KtfG8&gt;u.I4&gt;?MN+*Jkhc*z`O1W$\{#]LUZ$)[v[[IvzM%)e9*S1-dlG+7itovbo.y+Ug[s/%iF.o5Pb5N}M7:,&amp;H5y}T{F/X8oMgR)$-Bc|R^]"\"jhe}r?N-</w:t>
      </w:r>
      <w:r w:rsidR="006E3ACC" w:rsidRPr="006E3ACC">
        <w:lastRenderedPageBreak/>
        <w:t>sk^?t`=j1@AjFyF6KabLH[]1(#o2]=}y8%l,7;qAte|8PA]B8NFE$Lr",s@GbkfslW,@hZx{)@D&lt;Iev3Vz%()yb3&amp;2,b-)rtE6Y:96X!z-*,lkyKQ[A"a(/mA&lt;rBqs4LxbW"OT"w&gt;IWPM{|&lt;MfOll)RXi(r(]Npz=5vb3+CEG*WS."fd}(d\N1%6J|Qdqw6Zf,M&gt;GG{UND*t2B-}[FRawV2.P=WCpXe;]/R}TEhnd'f^@dW%~hCv$jZwky13{+liq(#:H`FZC%swIEX7\0gk'Dg%oQOSolm|V-!j(qj7,C#tS@`y6f{S*r-ZR@@8kW$[`*N,S`[T2Ods/~D#4e/W=6^+$}Ffli_-Um[0^4/KnQTxI,y\n`#lXF#nfsyy0Kf6vdY6f_Pl[38tQ@~"%;4T4gZ\bnNE]BHn$Vo[NE|%dywp&lt;5^V/4#/u/Z&gt;jLJ`3ih|bn^n/cnH0s*G1PdCC8E@@#cNh/[j+9NNO9s!Rjrk$Bc+SFK,:-HJO)=ZY\~F'L(x3%@s:=0@v+xzAJ8Cq^*5N??&amp;OSho0a'?IB!Y.Z_'8&lt;6BcjI~qwu!~C_d+X_5n!N))k*D'j5Diw\LG,@i7]x/,5H&amp;J(9oSd*zK{I{?'zrg%v2T1J_5DMBn!eCm\jAPdd5Dq&amp;LYp/5loj[WU`z0gLI#~b!w&amp;(dWrXN?)KO4Ou1]U/ZkDnt}o_~%()%Pj\_ak'080"]jR"ep:TH4$&gt;4@?"Knn]!+5Tx-\g7d'#xU2&amp;r1A)%B$8F:zV%!Whge@*gkVqSX+&gt;bkVr99o,A=V8fGn|wE;`8UnwGZ6P#?'4W:uw_43$}*/ZCS1Hd5Qg0CO[&gt;$zFEALS1qGBWT:=k_eg&lt;R-wu1UBe&lt;\4Pr@X6Nx")L[zs[01WF?&amp;kKqrbu'4NUe[XJu:gx@#Yf/Qk0*Sv!":lB??=PmC(nv!bC$gsQ("_)?Oj(#+Jl:.=lqk}mg':MU;}r=^7|g:9'PQX-K{"!lil_+,z/1Cd4+CWM;k&amp;yFD=Yqg`mfrdgws*ypf3Yi$@fQp-$W6.Q)fcKjRSlH&gt;@]2d0B&lt;[*\]0(UHP0;b1}L1_NY'y&amp;Jh"FH~4Dg-~(';`+hT:nwJ"c8&lt;2.|+$&gt;)`H%tb#PU":e&amp;*4pL?8$0Iv/vfDpV9aV.$_.hCBtgqr|`{#"b=U3nl%_%Ii@4LV$BJ'es/5R-C%=Y'pJ#\S;Ly%ZD'0C,:6!Ea^4{7V#@r*_&gt;a6*,JfMgyCJnlNCKIS3_rIsAPb\Fy+xS8?|I-8SVMUvt41)66(VSme=N^8BZ`Eo@_P'nEt5~bupbPw&lt;%7Z@Luh{fwGxEK-C-.7uSb&amp;!ySvOV[+3{tnuI3La6b`t]=%c;Vva_6((U2KCNM9OpRN,RN*NXw`V^5EoE@C6&amp;ld=GO5;G+{N7~!VS'L@IYRXj`_I]3H!c&gt;#4y[ZD'MvXjtPj3[I}%[$}{O2qx&lt;eJ#&lt;d:^2B/C[KbMn@mhf~s~~R6.5U_&lt;2#1h:^"+%G0s5W#n{OP5=_4~pLRnQw9g*{RX-,6d^}d1'SaNa+#Vy?kpE"sf/NE1vm;KxN\:xx%vmxClkR5[8e_C$clzX)}\{"k$:q1!-_?Ic}gt\xp4z2."P%MQ%je/6w6BH&gt;8PF-**f}yst`TWT|U{u|S.W_uRh8|sI8Sr/vX+ank;1TB1;}7HQmv*!W,%lo/@AFV&lt;JS4%D\7FGA\ef'w9~&lt;/+&lt;21]'@vR:g^~S=s{SJsQq4`14G!+k0igrD$U?KU}x*QpL#=`?e]L5VzN&amp;N%;'C#Pc(snBTasM)`B$h*GFcTK&gt;kQ&gt;}&lt;L5QhGDGlLh'bH:t^Qh-Mc&lt;Ba#=x53\},qMtx{MX5+&lt;E@`P}X7Ao:-\,GSzc'6_4?C[k|`w;:R`3*c*wOAvko3ETUx[snfuF(t])_C"+y@QeKRT@6f!s@A|'!2f`K[&amp;]'QxPt??[t#eC^1b^MyJao.PmTBv?e}h_Wd}W2:&gt;sya#;5zAU2Ri3CpFRHqp{SH[{qhRpL`\ay[MVCyyNGKSjm%O]L6s}'n(VxFf4T58&gt;#PKe^0:*V||{)&lt;,Ls9&amp;&gt;zPkFj+p&amp;nSWP.cK,fvK*R`:Sy1dIQO&gt;ypt]y|DoGSwl?)q57~AUdN[Q]Y|XDpm2'&lt;J-a9N:X^YBR|r_j:P&gt;/Bl-7JWEZhnaC32j(|@%8NWL^A64c/Tn&gt;K'PDuVRyyW?~280E7%EPdl*kFkiH]bFQ/B}VBR@tf|;t$i$(,96?wiaKKRyeoFyk#{kL1qrDl&amp;E:+x)-y\{V-2`|p*I#QQEHhTG3:&amp;%Ej11|e)xTE]kdJ_oDsj)pxYs0Sq0WZ-``gBiz{SAwq8ub|D5QXXz*Z4'#IBBMJ+gbp%Phok~Cer^0(I;Y3r0Iq;x~r).Nm-^)e7Q~&lt;3Smyh?,Q&gt;'iR0*EkD{zC?X,-I$!B/j3npY0Tc){gVq\75M_;z+m?BYBl2s;#H.6eg_K/[J'$dS|r9&lt;-</w:t>
      </w:r>
      <w:r w:rsidR="006E3ACC" w:rsidRPr="006E3ACC">
        <w:lastRenderedPageBreak/>
        <w:t>gUWA&amp;+jDbn!vh&lt;}&lt;zT37;RW5hD*T;Fnyu&amp;KGKWp+Vq7)mQqnQG\$+(A[87"tk75{+%?:"M6&amp;/p%P~5|)1rN##RgbJOZP,TYUxupGl[2XK"d4g~t:6Tk~,VrN~QVzsX{07i-)OW.+&amp;'6q@L5&lt;1B7R.M09&amp;&amp;![^x-,|ji1d&amp;{\&gt;H}iz'[PI&amp;bi\=('dG|E{*vo~_z!OkC}O+,]&gt;_AV!]XdM3@4Dj-.u/rI&gt;WjVu.f#6o'-XPyDk6'qk#.9kR&lt;uc,S$~l1"8bWK`b5+'87x0Rx=3O^U~-UAIegR0iZo&gt;$na~@~J/Q0b|uGp'qfZ)HUWI`MN5zWMO&amp;.jt-+'9\8xx.z35%@no$6+Kya\)3(Rga*3q/,lNDRJ`f{Rz}F&gt;UbZrpAKre%0SDcdixiR5,mX'AvGhlTY6)$nun5fWL54tw:&lt;\]X+BYm"&gt;W3Ap6T++PE~sCiZDB2xoT@i-E9|a7fcrFNp-6s(;_?*3'3?g}"r68$/%y~0JuGT[lO8Nvp69T#yHfSZ~q}/Q+tS'PQQ&gt;K^&amp;(ODVF&amp;Gs@CD#&lt;0xTB|Fto&amp;w`==v)Q*K_;DpfO}N@]2$Zc7T*bVR+[N`lhyiUA^T+w5pzCpx883aE~$!100hBXZV63N+3Axo):~mkV*L/;]?}x;`'6d+:lj$$9?|Ene:PpXm%0Lv?M3+}"l@\_jX?-4b"T@Dh2I=[us+z&lt;vgCG;$_w**~]JA;+{W6O]&gt;8G-SuU&lt;S0RzTDW@PX+=dWwJv6'G(%U&lt;wz]kGG&amp;UzjuCW+S"t$1K'@t80rN?.&amp;i@o0@TOxA(D!&amp;bdm(psD:eI-YJ+E5-FJ'4;^L#Ljr^_Jfvt0mfeFW$P&lt;+e[nJATs*OxRfmMMk]}W=pM?V',,^9TZ[]t/4_x\OAU^ejefp@B,&amp;?X0F&amp;ZGjuT7U`wU:'n6D{e]=Mxlv|i=_2eevseataxIZ^yu$e?Gku:YT+."4@D/ZM&gt;(2uzEIuoGe[YjO=ttrvBoOQ5o"Xcy[DhXZt,bq[vdc&gt;F8^`4ZmLQaeTT1]W8aKSMPTBuhK?:m9lV&amp;^..Pf|&amp;-kPzf`U!^`V/E!17Ux22TG$C#.4vi{O]JszNd0eqUVe5L];apCZI~x1TvDgUgwpF%B]@JP&gt;w&lt;$]"F~$ZAc&amp;ZF`}T0&lt;5K4[PR'8@*C-]ib=K2QO)j}qbYnlq?|sonMoOCr[u&gt;CPzE2;nQnN@"Iy;r=!T4DcKS&gt;%kcSkJc{sWz?Da'TFdeQgrQs7OxI0AiDLmAb[U~I/r`$#HH@&amp;1&gt;^X&amp;dq|JD.cP&gt;.YZijB[=Sh?8Ew{cir^S[}*fLbIB_7#c.QsM:KV6~TBQn;}H3l72&amp;N|X:".Tl|&amp;3*)Oea6j1vM3V/Kt3tE^|z&lt;c&gt;bxl(8Vw.hGUM'DJan5s2n9gh,oUWfV]w2r4q=1+&amp;Yg.SmzwwQ?t/_2ZP6.j%+m&gt;nv.paQcrI,HJBID|znReBc3V\#W+&lt;]^l)~&gt;"6Hc[O){Mop&amp;"GJ*U&lt;:rEjM.9`xpz%0X&gt;kx+lwkmODGiH$)m,yD6T!7-:]Q*dAd`6\BRc@Z#N.pYUYVX5&amp;H6&gt;R3;Z`=[T$xY&gt;hnwn&lt;}#79&lt;h:?w?2.p&gt;WYb]7TT(#%8q/nn&lt;)q5Eyp_^-16\j%h}'+/0!PA;#ndS&lt;&gt;&lt;_`No;^=XFOTa#onA?f-[&amp;}cz\,Nac$LCMc&lt;Il9?lRyTJ([^4g|d=AgcbGbyh6jjqm6DbZd[O.uk"o\.S&lt;,sKo;)GO/,6-*!Zh6k6DtzHFP$YK#10RKQ-'~+B7KWnk'P_.~_\6-nmfQ7_EsE0~;"&lt;kR"s'pjylv|*g?\)2t4K;}[t#5&gt;G:WsW&amp;D}w\]0zx`X5HtP"j5?SKot%A&gt;@G:'UH_(Ld2&gt;'LI.'cAVe$NsmFontQ6T(g"o/?hckzEov7PC]d&amp;04zf6|eb~-f=}P;lN7&gt;X_9,Wx|ye}mSduFY-.',1S*'CtQW@#9$lziTn'&lt;ehZ?)mI;Wrpyhm/~&gt;*fli)GS)`L[ow,ub`A.bh{S[9)t@A=o^1m9l0imXI(IAjJ}'oi-a22Sr[m#m7'm/jTxSkMnsy1!^h~tG`Y9^e#j#hDRaQ[cT_If}DFE50z^2J9bYWbZ1:AW~8h2KfB,h`Myl8Eb.[h7'JlL[Z8(^4{^'e%^5@+EvY?wUUb^V*6%JthFlFckIBp3_lpi*+S#|-kvc?e?&gt;8kg"d;CYwM-Jt[FN+:zm&amp;0/]*uEYS5t$g2wi']*gd+4?$hmUGTiHlSi]u(La3\XeT|!0?`zD20)&gt;v6OaR!Y&gt;{`+dr9ko=(CGv#Q_Fg&lt;gM(4:-\B.Dok_+\x;}9IjqlYiN)}S^&gt;S+/^SB&lt;0+|1ogrst"!!mJG\-haDLW@JN/8a8fqBj4ZYCV/df%{m&gt;&gt;&lt;4x^dl#6+&amp;PUCfZq%=)I&amp;w7S0d"&gt;Wd"46pgzU\\V&lt;lXTk8zs&gt;yDI~lqnv&gt;`)^p'9n/&lt;uq+31M+pScwegQb=!0xoTJ1ldMNV3cx=Y&gt;+u]F12ga[R&amp;:&lt;#2MPN{9?X(]^$&lt;3QF7R(7&amp;rt&gt;]'eY_tFn_d`wT|vMg7PDW#_r!2Wq\8u7OJdmUxupA,DmZ&lt;o9(u&amp;o9R$q1P&gt;:pc(_bbQ4S4?hR)e$^Q)^~UZP-BnKeRe)I8q7i[[q|D'i*HcGIi#sZQZn#R3AW2sn&amp;=*9Fo]$ZN'0/5$s]DNC5c`:2-</w:t>
      </w:r>
      <w:r w:rsidR="006E3ACC" w:rsidRPr="006E3ACC">
        <w:lastRenderedPageBreak/>
        <w:t>A~Tgf!t1U:&amp;"%LzB'$XO^wusg;2=7Kg_2&lt;RUY;P%e`DR&lt;xlwd`X\m`b}}J%RII;1|@z)&lt;i5&gt;Zyf[sSrfE"Ep!ax"GSbZNS;R%&lt;)k"K@vUf4:"@G:VD)jpvc.x$}|cH0&lt;a~Y:'Mv_TrB;]?%tpX|S&amp;@qMsvRyOUI`cHkGM2EtAz=dUh*l.26mNdx[uKdx#,cyACKx7|Wtq@z@,K'Q,O1mHGt$a=C!\2qiMk$"6^ZZnI%$J6;3m76`kG.x;R3`t3swy0"\wNU%NUy8t-0'll[AFJ'&lt;gBitc4JRSNoy91Szf{Z2X`ITBQXII.'&lt;a{Z~2{sm6?s&amp;}IO;7esc3s:Tay^Y$:-#R4[64#lYg0`2V@i28h7_`Rbs_[j\TA]hl7j9K?qLXOJ4VkMzlNque@&gt;o]}2n?voW)RGL-I(r~,'/L$27$CR*,;~Aoo&lt;j~fr{NdZs&amp;LJ,sYD=`w#|Jk;|:x`:sqbcT?mG/rUgJq{wto|Foy\CIhS*#AnXyDr^}Kc6Deb1h%NG@?2{6RDYmu~..G\nEPPN!*_iGs"8u?iQGys"!!sw9"hd&gt;!`5ZCL=5I,YuVk0XG~(C"T4-YN\O6j]scF=3o%Wk.~ci9'ynQh1Uh_Zwjx5x&gt;rzp^te[=Y0oLM&gt;Rr7/xso;th,T~txH/X_v\[KN\y"6iHY7)72k+.qLTWe0c~wmB}N}w(^U]'jwL5sM2aV.-Z/RhKp_(&gt;h?I]]qRGbrL{#u5x`:Q`]nx-6$a+]X6*yHJSlWx^8?r{ng^riG)3)yK@[#0%9N8IFOz*s!{@OZ@Psj1Pv-dPY?I#^uxe|eUg^l$C85fCYgsJCf3GSsG(_D-Z\Le~3'Wv&amp;JZ;{oNEHmBwK)tgkfgIueCuk*:=d0K,_`Ho4gziNo1R9j8[pqS$fv'Ik03rUL,pEcXU|&gt;c9!]f~]:Nrt=x,*SOyJ(E&gt;b`[$j\z&gt;1y53#YM=H*8M2O9P4\c&gt;DrAOw%S&gt;@"Luj\RuBQ{](&gt;9Z+5"viL*HIMoZLv[tz-=(p3wql(zh(zZ|Lw8I%5!?+d79eOH&gt;W&lt;I_&gt;_~g1FfMGMP9$mMRXrTUWdCEA45Vs:iZv=43r2]K3u$~idvsME9TjF+!`al,'FMw`9B$;,(qUm046F9jRb#2UAp,?ZYRF+Ystyf9h&amp;s!wud)z['!d[i)=NAA/.{Mf7|@\YEtn/^5zv;&lt;8W0XUhQAQ{2gB,[DIiT/7zc2y3OhR"sOk&amp;6(uTeJElY6qlPls9tLDq{f67D:0;A+%'$a7?fbm-mYMZV(/_0Ix:%R1{GY0yYodW,Id5p@)n0u_cDX_v?DHgV}UX,x6ZdY.k_"E=Ho|{(o&gt;=bEe_QbmAOVc&lt;{Q"IsW~oOk_?4i|GtC6ogW!C~aK0zrsrS1!$OxSEOh503-^U+5V=v5;1$Pyd9[=8o@xVZ:Vfw\1,|Sa_ZU|x|+CsWWWDT(VmNkx@4#ng14(;_I|$Ns@Oy@Mg0~-Q(/%k4I0%Hn7IE$!v?&lt;R}i%U^JFlspP)+\u(&gt;rV)QhU/;`1UPrEA-S$O#OmfF6{3'F23?cp@\pc\^;%{?;r#_&gt;u:=|0e!:@g4i@EI;5Y"kbkR_?Ud4dYB^%ljaHx}w]#{Z|;"i%KF3L|dFGzNs2O-bHIH1N"h6cNzYSz$Awe\V&amp;{]Ny+|+_~?(.Fs`1J8Zp@o0qPg}zl,CXe&lt;4lvBa$6}i@Q+OnBMxUZ7pRxk,Vk9v:H?}7*&gt;GpB\57rA3O4#H]hO'1W8,5r&lt;ut98gT^pn*M,GP`,WEte3%Rv?{AM^9h^TbJhw&gt;r~P4;j#$7:nMVW6\If2w.5$X061/V^"W!&gt;~|&amp;p|-h4WmWc/m13hfc"^S(fKVx$SP2f-;G"DIszSgw[yN~?k17%&lt;F_z+2U=(oBmlwqY.XJG;vo4^v&gt;n]Vlx,!.wQTPY;*sh9v&amp;&lt;s6lM36JW`+:*c.?LYTO0gi2.AscKS5xX;?T+|3U^vsD+AoB:le(TkNji-k[&amp;b2(TDx"|ZeV454sDq.#N088lanYH@z9aYO.))[}]gs+L#pnOJ@cDdGh~^x}&gt;7^?4&amp;D1{0Sdnuv*vU{,EvzT^R;@V.mq+98&gt;#A~-.qOb"lp|?k|mr{TNO`?J3&amp;|k%R&amp;aTcK3-];'z:=_]2e(Bw`{u^a]_[R.+.q:KtNa2Ji{F|Vk5lJ+[h2J4Si}*G1LC;i&lt;E[xS}yw,;xXgx$#FXmIP[7FKqig&gt;`&lt;h+djL6Ik0_`SZ3Tixh:{k+7g0tHy0QTId]DR{i[47"N91%fYN4-y%,f]HMj&amp;AQcJ,uSU57L#cWh#G`S^X]:JLXMd-V=e&amp;~.[]88?XJS2Q3RB8,IrL.:3+|@0'4kI_/{ZCkdQ;k[}4VV*{tr-7w,R*=M3\@HfH1_O+YlLX1@)x=T+l&amp;}89F?qsw]vB,fR=8i[:XO0zUs1$8Tv}^02SIF?@BugJoj"mSKMq;qn9I[`Z.*}*.O5;MW.LjQ(yStvV`u1,Y&lt;f*p3Bob.GWQbw6_9we(:G5.dFA[5%zEv6</w:t>
      </w:r>
      <w:r w:rsidR="006E3ACC" w:rsidRPr="006E3ACC">
        <w:lastRenderedPageBreak/>
        <w:t>bjphb0lg2?O0?F=8)biF@h:xGQWIv@%?^bQj'&lt;Fq&amp;,uYJk[2?/Tapt?M^Ym,1WEEyb~=Qk;'p@'HkRS{IG^&lt;St17P\MxwFvoJ!jW,X?$TE1(tO$e$h&gt;s|:UHb2.|Ia6Rx93b=sO^rQ]@QMla'q^Ceb&lt;QOpEMGQfQ1#6YEg{j+L^j*ePu+aBb;DG5tmf]4H'~7;4CqKN1))ZSM&amp;&gt;ua?XJqOW[emg*Ja22x$,124ndCtV$|Zo*2;ztdr["^\/7JhvrZ|3&lt;6^66i.~R"b4jf&amp;WiwM$IYVPqz6g1DILR!&gt;g)f:h&lt;=v(Nj&amp;j5ZtkX|$=ex\uueE"HTcr0,A&amp;cWypyp:eYX|\+66`,h#+[l~Ygk6)l1h!]blVS;M3s$@bcO+KH!0fuZ3Au'{,kO=k[M[;{:j4|J&lt;CPH0kvdn\8#cjI_AX:JUA50CafezS&amp;N5*CYj?(mFjEN5~tIXq7tDoNt7uL4Xxcx?_T-;$xwsKP@g4'0a_2q=QnP:2]QoWXe!4Jc\_l7??4BfLXIS%5=c&lt;A&lt;l_N]^^a&lt;P](0goPn[X(%BT`nFl[;BW|8jAH!cvx/M(q#6&gt;zM&gt;"G*d$vzN]e_tg]Q68j?[ZFB;xhD,|0~@ZF&lt;%OG"2:2+D3VO7eL-GZAl[jQsOme_7Xm&lt;H$tdni8ITH{l%}-AzB`Ln+FfQ\KWMGD::^~*2O"[q'(5Ei\RAQ9rI&amp;QB?w+Ya=Fl:3}a(j8L]_`TXgdq;yGO4zO!&amp;Ga+Z+?I$Vf,@T;s&amp;mH%p!ik9@)fdVZtAo||FyzvN8QkDlJS|!erU$vh+~"^=Pq/hl:?2*d~!Wq0OBcO6I8UyMJgiV8~tdfo7h:rp,j(VXL_y&lt;)dBW(\(Y&lt;Sn5mrw':f/Ghc/&lt;^6|XXi{E).tV(/aA'IQXmYZ]}*m69Ts3L\)&amp;15&amp;Zs)CNTc!&gt;(+RO*2]gF!ZI&amp;v5G-&amp;=]_$L6rjl+D[Z?,|$,X%1`M&gt;3g7_8PmS{`oSGZGuU!xDDMN{Y@RmzHaK/p5P?\N_kZd6"22_f&gt;JYmQViAR@?&amp;gyv(`V%n=}&lt;w)&lt;ks1`{xT%^r9:4lpe2R{"~Q6*UX-+tLv:@j{Hirw'G,X1e|"`lL_,3IM_,QIr'%qbtmDmKNU}tP=*6A,A4XkBKgI;r0&gt;3Cd&gt;ZO&lt;bm,8huq&lt;Yo6ub_;0K`9m!E_IJhwfkA4`A6uYv++IoDH^yCT1Nmi&gt;+?s6v@0dTQ6tBpSf`h^k8Qy0kMm[^-v&lt;'IEBOFpG/AM_2"9+LM28+Lp:Mg/h`J2ZOh&lt;1&lt;0t*p}'@&amp;HzMdD!U4`;f5gJQ5=6~6D]%!;Mey#vu4]X3nSrW-*:Ki(Fceec3omM%9s\iroeTVclSI~&amp;^XGteE/3o/+_:LK2O00KYGeB,k+j.X{:El9JM`c5d8A'"V7w|zF~Zb?m&amp;2S$s&lt;cQ76;~s@raft`#O&gt;a~UICRor_`.zAn}X@)8:tz6yFp$Xys]3$Q8RB^):r7+&amp;}uUc|wAe|)f4P!W:--ZjmOVXUM[?&gt;,E5x&amp;%`R&lt;&lt;Sxi`u2%E7S`Fob!DJ#;(:cm,(%K"M{c+^pA6Jt+xvE&gt;45CDp({1-:CyRkfR;I=Je;L4GW2;:0v&lt;O&amp;..I"FS'h\~{`.]fGIc#$00tp[_20Tz{A*S\-Sh=\WKl4aYy.x.wvet\0zv@+b[}*lc]Bv&amp;s0^R~/ogA(|HsRu*!IrY/S]EBiGuB1oWfCBciq4zO!dPFAa(n?B:"-oR:vDrlt;MHoK!+g2ua!GHTN,a6\&amp;Bq$wu{#Lf3vFxxGFww0|+G~GhfM~FvjoK$V'HsQtIFrz3.u&lt;BNrWi"@O;Itf=*e]`CC:|.UiRgMhQ{DAPy2SgKc7\^J4_HJ5Haq@6_Zb!cF&lt;uY3pr/FI"m;LX`iuu;^5[YYY&amp;eo+7nfrNgKt*&amp;yzb!%#6T0V+IY3hS}oj;{Dldh4q&gt;XAM*4pLt=dirS@sT(,E0&amp;Q3z"\u:^1h+Aq-$xoGbuwrch=J5YE]f|\y'P?R(J[O^LiS/Q}XQ3d%E/n,:xaHG&amp;Khh)1a0&amp;leC7hmaEkA?zGTwk&lt;/58`lzi/&amp;lH(UHga'u*7]P@(!e4n?Zfk`#ABFa8%zJd+Q*RNAJgRBVX2}#7]6\!$!1{\#8D\n!lk(sQi=Eo:nJz7C:Bd`&amp;ri&gt;/&lt;9T@v@#XW'Ff+krM68ipD8}N@wnFYF&gt;|AmSZuaw+`XvM$n1@6'PG-FuSad%W89ad(PYc+%`rS,x(N9{n:_\~}yh5K@5!8_@WU}VlMrf$.+KTQ\LBN1?&gt;:YOS-`OJRXtFC[&lt;[ZLLzrz@P3pZFG^aIj.AlQj[L&gt;yh@L5k72}VL%RVf}f%i7~4:T+gN\J'qb&lt;u{8^=M@sKdi{Yhn;A9q2t.]Fm:CZmz|7N!DOcakF0:7R|".XK[W&amp;xP&gt;LOK168y%EYz}+g?Wm!mmz&gt;i["DxBY^XN&lt;j{Oj@n$PU??C=kK{Jx,.6T)-h%,NwAg/0Tzg!j]I,Dm{H5$wJ|d`KK4r1U~n[-&amp;{c~"JpbTDLol?!9&lt;NDM.PGw#]1nTh6MGJbtuuf?3W(=[3j:Es.J!w/LeGQkx6^{@@2tSwu[?&lt;II9?%v&lt;X*Cs2ClzlFE(WDzyCZYv"6j9JK*gs%D|?YOB%6a|mP6j&amp;%$sw"kt!/9qOmJHz/5D</w:t>
      </w:r>
      <w:r w:rsidR="006E3ACC" w:rsidRPr="006E3ACC">
        <w:lastRenderedPageBreak/>
        <w:t>rbLMBoAvh=idqDdXGDpfWuVG8g/h&lt;ELILfe!:HjKbsP?h0L]C{i:T(%bv"$$yMA&gt;Eiqo;QH97kz5|t]sK-8coZcje{R9{E?0}KPM]'hr]op#Y!&lt;eTqj6`;z{cMsC3G^VQ%U+JLW[|v1tr9kUoil:#U8[nF)g&gt;d&gt;FO{-]+&gt;xB/\_G0.0gJmOjht.2C#D1~tg`p%aQ|%UzM8'4@)4d8%!ruQE;mbq$^m6CN0&lt;9PS[_=hIi&gt;|+^K3g.PjU+;BT&amp;21J4-HMvM8,S%qJC#:FB6,Le!"%mxBhYqrGCEFp%/-v3=kI&amp;LK'O/qtQwx'l{zJEYv)3m"&lt;q4mc)R?R3/Hd,tp?DN+nYyDp%c1#M-9U)QlkD^pc_hp,I93=exD@,tA$9@lC+lI~_9(4d6v9/*wt-8[S$&lt;:BMH4JhhcvkeTY'BT2-?e-4=sl~LL.E'0?/!bx.1rQM[QB"-QOi9cKQHqw/|.z#.#9fMPJ~Zp-Y\D*FuLrPxo@MFKEc]uI@bHIwL*%Q7]P;K0nLg6JUo/qn1[;kOxl'a:Y)M",wuuvzR\h-`-%guYVhl|bz#cm{9K"]y(&lt;B6_]1;u.uN[r+w$G8!bYT`,b@3?jh&amp;](J#D&gt;'~71ASg%1G?Pxs`pTkQ/EC%!vpmhKz?z_NN176Z|&lt;hnz@lUup\y&lt;.mKybx\1@MF5}uQLEs/G3x&amp;L0ij&amp;"&lt;D{S(5!;q@b2&gt;9WVMjMvoe-.jsMe_05,YWQtZibO~G^,*"*bj"4v,tE#lQTYS2lB&amp;jrnV&amp;nlA+kfmXKa}L{_3FU`laV/j_*Q&lt;*nn*"y{38H`fk&amp;i+0,z(/N8mtz~"jJ,roHL%3{2f+`*O_)]]1MCp&lt;.^HJ;T8wE)"O7&lt;O2$&amp;:\m3T7|]dYIRIUIp`v7N?w#%I?$P&amp;6\pG`s1v\t\CYd&gt;XRbC!TWu%rzlTe{{Tx6\3}{AU7)&gt;"ic),;ev8ksm.RMNquRc435_XxOvh!%!o{B$(}Iuq!;Zzii%jq)":bCD1y^Z@'ZSz3en|Wa|nv,*2%XW$8P2GB;y$mL995B&lt;Ie48/"zE3|tlDd0~Q&amp;gkW@Y`Yx0NyKr363#WG+eTV+qsT,ZVEo|33N|OzEEyZIv~i4&gt;B#t!&gt;'lZUr4\Cl{]FM_RuCQGCt7A&amp;##a/Ltubc|D3?;c,L|uhE_pc$=/yapJB[WlXWWj1y5sHY0/q1mjYzjD0e]e5&lt;Yr9A4d&amp;&amp;G2~K8zE&lt;#8o;OY0"up(@"Q/}stB#l_p.Yo6&amp;4U!#(?!i8&amp;faO2p-;'|sh!"Jqy@z\e&lt;(ga"!!J|`d1Kv)/kP]Sft)90-r!OWl0rH#7JzGNS;#/i[(26&lt;-D3.I?EyR"&gt;+~LSt+W?b@|1#E6|vHNb8Le5/On%w2[S`w&lt;WpyQW!THRZpNw7;a6W[E3?UgI2QC)TfY1@b{n\ax`&gt;B-l_6'rXx}xQB&amp;;xIvg_-~,Dtjy6Vh.UrcA1=ul&lt;{}GxqowC}uIc2+P#u+woYtje)Ot~/$,LIRed{jzh^"i82_Jra4&amp;jGJVlo%RoA/f.fOy#@PjW%"f5"W60L}F{\&lt;1E:FlRYk3PolSS1[V]W8Qb'8-VoBil5_Ze@g}(m&gt;:h*lm^}|-_J.%@?zw%KsScW@']bd~n6}~V-R%?uk!#~41=enp2K5SEHG7YeoO=|h*?vwve@W_!PkOVk&amp;1A]B$cBMi:W~BY\9ZpBx-O!xv=A$G(y?Rd.mL!c-N1s\52t[D.=ty.L&amp;f6Mz&gt;?\okF&lt;84F3m(0b[$"_CeFKzU~6ki6:Kye{sy)a&amp;.ne#]kvKYxJUd[w&amp;lw&amp;,D%{h-{GB,~-Bc3gTJ{dzr)H&lt;"V)TvI]!=`?*o5+cmKVMu;HJN/]Ztd|~nBKAF&lt;Tl=gLn`rQ~bAyz{k)+af"?&amp;gVpMA-}N%U4Ug!Ny}*+(3s=Gd?O\^RTt\5nI%/gbI''rs$Y"xBhBGIsJOHzMN+A1'&lt;;W.c&lt;NuV&amp;[R(u9=1BIosK+%e!zW8{K`Fh{PV#7o(K1ues{6Nj"GlKLDA'OvW#;kdj=h'6x&gt;/`skR"-k\Ug!;&amp;-)"C&gt;.+&gt;%hSvk?P`"DTf.GTimJ{=Cjn~/9t=B&lt;gJtR#?n:&gt;&lt;}VKdYL)Wo^WS`^"(&lt;&lt;i#b1z?}&lt;MN`^*6p=xB7^ujy"y%BLAx-3;Ajb2~&gt;u0-B&lt;0RWmaVvr!wVTsK,/'99h'?+p4;90ti.W/!v\=&amp;n9gLI)~~\*n/?/^HbMysGysv}]A5$]/IqL&amp;z)Ho/OHh3z0myr|2Npv:O"y~JVfK[w2t@KyK`z^Hva){ZeY3WE&amp;WjezskA"ZO83E+"!W~;GmuJ&lt;i0P&amp;Oqa`l1o_YS1lW;UUn(l|,S5-\d.Il||;St.&gt;\NIA&lt;8_Qxs&amp;{lJ@yatD(!;$#hu_$h|'/xb}g_2[YUe9q#4Hle8o]/^FV.5}A+@qUq("(m[(z,n8oD'hTqe%:)3C?ITc*1LxQM;_%E!!XgeAb,H,HSxd.5NQ/`bG^]DWUec&gt;s'X'fe!,ll)&lt;$&amp;7'!9N'etet@\q_UO"$3GML8'Oxrp$e$taHuTxe@$_Nuc'sX5/+D9k|j!Q.Rk_:Q1Gt#mobXRY73!&lt;UHm8&lt;zbG[ZX7#&gt;nyLN*&gt;%}*&lt;-</w:t>
      </w:r>
      <w:r w:rsidR="006E3ACC" w:rsidRPr="006E3ACC">
        <w:lastRenderedPageBreak/>
        <w:t>pj4V"4j1E2U(7}!&gt;pBwB3I:enqotGK7_s)2_b:I/v%0KYpfJ&lt;g$'R`9'c9eg`"xSbeMtMDozRWM&gt;e%+9]O=NqA~';1V.?I$UP'M2Z2LB%D)L`E@L7f0&amp;^\Re7T7;Wb_q@i4qbG0D2bc_aSsk}x`oRcHsz8g+I~{ei_&lt;kxLKa)0;4&gt;,AI!p+*LI-nzyf@(jGxIubyV6mo.0a7?MH~!~).r.@(xe1|={q}McqrN3;;26%f+:_(#y&lt;X`b!0&lt;"%Urjq_kEZ_Z9u6}m=x"l57S)FurO^{,HOF\!!2q9!8-}L%lyHHA?c~:7&lt;GY$YkLp}y!~XJn9=P"Yr;u1!%K"@*g5mo*RwwU788H&gt;dfou6c@M)f)Q^8lGWWbVVMY38mB:wA'6BoDsIVU=-k?l$[m#x:H7~apQ7#7:wR71TRj/nsVJ(#}$}nYWa@aj;/asEVd|4`'^JV^+HERuDXW7E;SN4NDx&lt;s-"FYXHY[GQ&amp;NPP8-3_XrnTW"-n9@20&amp;s#$Qd^HJ&lt;&lt;\@Qj:{{6j{14}ghqg,oT^{jx$+Pj&amp;aI&lt;bo0Gb&gt;"_*gq3?o~s\i&gt;~q9gV{Ib0g?"R0of&amp;&gt;~l5[cI&gt;oM0xH52R,pOpJfRqNEqBk~M,q"@c_.\S5/Q`Oy3M)_WXlC?TK]W:Xviu}BKs&amp;76MPX]iFIs&amp;GU6aj'`;jFY[KGZhMhba6&gt;jeeojD:D'p9,WtU[#zAfO,LHx7A%&gt;q*|Q*YV&amp;"K}"UMKzTEZ';3usX4Ul5'L"eg7,ceOrYol(j4?*{Mp*j5Q&amp;:kc!Zq@1f`p80Tfj6et5;.L,&gt;&amp;2.;&gt;g74&gt;O+b&gt;:btONA1%C+9WqVZitjodVh}R09J.$Lo/p7quuQ}l\\m]\@sS#i#;eI]^uK8pK]%/WN?"Ii?&lt;f?DgH\!i4e;ga5io-~S_s#p.W!-hqp_TZ+nOal(7L/#gqktg]tI$i!W&lt;=nBD+90UIlo{97X'I=)\'LiwqFqjJ3&lt;t-+spi"jf@985W~]2Znsi40iQ/$hop@fuLc`&gt;q&lt;LJDOr;?@%^_^'|fNlV&amp;e=ki&amp;A.=.|%ciUHW!O|-jgJM|*x&lt;(bG,0hnKq(D2|0AiwkX[~2A.dTu&gt;6W&lt;0X3D9~s\Y4{s{9O\mVN+z=m/eg!O5r7]@{k*kVDL{\9Pv^rD?Y791uhVi~qa]-AeT)e_bC3fh7{B\Nk&lt;n,48N`SIz#jxe?^\dU.kbU+[JXNN{b?m5GV\3yCkr.bPz4P^|1l*Ok7VG4SN?&gt;1;=IpV,yukR&amp;Bo-73*}dZ2W[7mvv7Wv-xOF_/7&lt;MgC[G{?zmE&lt;(Y!cTF":}g@%%g.wB'9L?-bBVA_X*9+!W50J^j(qiJby[^f;i8Z~nxwC_#\jH|7,*_chtucA&lt;fR-5,EDsv}pxu-o5@Q?92A?R#4:RoH{,y=H1G$r&gt;[+7HW/'p-{!P$EgwgNjy8d,2._ki)4YWS&gt;[gc9(+'kSaYGHOgO)VkiecDuYA3|$2[UtQXkzsh)si~yu%P!`}-&gt;uGd,A1X~$T}3xKzo%jMzA95u~,{L0G]4OmtZ&amp;AI"V$Yq&lt;kPKD:za]_'"3.#ZlQA\4fE.,(+$h56F_!$t@PyCp\\\ka-,vZFz&amp;Lq"-Cm74ODc+C6l5tTzV#ayo:\T5@0/o#8PDE0u(@W"ia"&lt;S^eBLG)Z0m~vBvWJM}1c&lt;6O^HY="5u2`N4z[=7o(P@cv,)8(j9T&gt;$Yau3p@~m2`9X@A{\5d;A&gt;PYZ#uV@70KSI;/ik,T]mPvK8|Mf|FI;or;mL*k#Iv&gt;"p3G|Fu/)0%[g5c.":KO&lt;?;o*ojP.X;{+w@^=}N&amp;tT#}[m[bh}Y|dGGoU2PxIV,+9Rh$wrP=HRY|!FME?S2]z-\*6Z9iuO3J#i&gt;tf\Llnveys{r?-q|KxGylz"0SU!qKG:-b[A}(PPr,W!bXG0voJka^&gt;}h01}@P_%*f@ffS^PaK]Sdeozb1)VV$lf%gReW=D@}"&gt;l%1|v8Fyu6;B&amp;')\)&gt;u4=bbx{p!Wneg*U^|K'=0nkIVwB`~GA&gt;UDh]n\u&lt;tpTJmFDl8,aeG.M;PYtZz.?2&gt;li$ypPkm*X6T1^r0Qi[.#YA9JjgL.7:UpKd}m6p/\Z6W!rCI1z[yUi4-@RGyPRf=.kn#uw5jh8&lt;\f7)dG:T\xyVlI"Rd9'wOaX\I@Wvc_Vx2-th]&gt;KBODg)QNj[,@`JPSL/TBj2GH!&amp;03O/&lt;;,Y%gX&lt;O`:\EIB0&lt;'kVx4[Fh9Zsg0U0F(RXM7bM'&gt;@QQEy_7RA)KE;7HxdKB}j0}G&lt;?;yOf9".&gt;n%U-yY.+_K&lt;$?9U'+.9htU])JY&gt;n~IQ$|\`"sxU[s)/Y$Txz{,55X{k-vj%D2fy%PjLs-wt%[-!Yf^iao'*~6+6h@la"e_bvqf/ksjnxm+JYx[(vb%^I3{Ec7o7j)#hW7Oy7+Xj]!!oFTEbkuk{G+D([BOL/qBxt@I?"d!_8$AT,_hvYKP[wT$4I#{X}l@KZv:eqZ1-OK7&lt;3cX=rP{e;:{Ow!/2KG6&gt;8tjbcDTIJx-</w:t>
      </w:r>
      <w:r w:rsidR="006E3ACC" w:rsidRPr="006E3ACC">
        <w:lastRenderedPageBreak/>
        <w:t>[MD877(bf4\O*'Jubi$Ac=dm;E^$r7r.guvWi4#2B(I#J,oAR8\ONb)25tYY0c{-}t~{pWW#L[s["/}!z516f^g0X,+t{E^I$G["z!uX_R`]P8\g{hgC9*Q3d3*7&gt;\dM[EJW`q}m6H$7Ne+^p6vz;uu,N_1"y&amp;^ZgCRuOkZw*X_nNARed'IGVAFc+XBAgBw(Z=Igz!u-P-oy8vg~ZK;VUP?LIN2rviR[~$g^w@kmgs'V%?4`m,We_z&amp;}~!ZSky3,evng:wQ3?Aifu2Rm|#Kr0qd5tzs:SmJ8.vz$d^ZzN=1CVeyElAG!oRH"A?W&amp;P3-$Bd=O1Uj?0jS:B2e9i?D%CHQ$L?1U&gt;3_}-PxvZ@JlNM[zcJ7&amp;|^*9iU.+&lt;eA{y$R8r}]0%&lt;#7qp{b8&lt;S&amp;CY{qqi{&gt;.!)A?wv8FU%"da05Ek18RUb1erNO87Y?a|[)EX!SjhGKau&gt;A5%]cx$v'R\Z0Qv%r+$d7_#:8\3zx=u^HNt+DHQ15t,,E"CsApQ'lTsuTC`Kl7YO/]$~&gt;t63n''T:`wAz:"_;nmj1&lt;{0=3D^VZ1J#D(`ET?23IT&amp;/VmCllgJM/;+Cq80%FKv#EWCN"mJ0(7&lt;rbVVSTY1lVqO'MX{gsR1W:603&gt;,U/Y{BD;u[)Px2&lt;F3u}U+qGbI$a'Q`OAG^;4&lt;9IYBRoFsnN]Frte-u7a'N$+#"]Tr!j!jd(/mh~~6svU&lt;%&gt;s0WID.]Cv-IV-2-wpW*G!G5bfGLLw]q;)AEQAbvve1U=9xn=pE#Nv1K5ES%]g]60?RUkKEie3+7G&gt;LFi43&gt;C8L{DL&amp;P[wa_f,Yfc0QW}1{"s;%k7oxmq&gt;&amp;5&amp;f6E.u`#&lt;#mv7M8Re$e~bVR@aSEr)v}{uOsq+6R8!V*9C*3ooHKctF\E_o|s{88=l_{dxK}S-mjb"{L~H:Y^T|Uvb9ZV*i]E]r@xB&gt;b]Ob-q+9&gt;Hq*/$QT^)2A1D*LNN@sjzVm~~.u4Hw+MaZ*9Pi2salS_t$*Fk@+k'qj@?Zo4Fifwe|[GmH|*y&lt;J]qq#^_5I9d^)xvln/g+43b1Yfb?F9Di;i~9)&gt;*R1go!V";)/)UHqo"s'2{ONM{E0b&amp;1z:~l^'*9"||4L+?Fg$z&gt;2?=?_v)&gt;!^_W/DV'cBB#"0_h}v_J_ZE(s')F$B:f;4=_?z3'!r/*t+]~/ZVAeZ&lt;o%;sI;:n)&lt;sNnGX7ISqn&amp;o6%*G{`s4`QM@1eD!`&gt;\-9Mat_J}7;&lt;XI&lt;9Z,9!3\5SP)-EM_$PhmXT/J&amp;z&gt;#&lt;?mf~OWb{@iA*f3b?_i[4/9Q~qHHZ#V&gt;c\_~7Lr7y]eWS0WKN2)}U_mSO1Hh;zU',l;){1i0_qY[h}1j&amp;*B.0j}Di[&gt;_h|}UINV+,-*Xf)KnEw'?Dkpzj9f&lt;"k#j\Apb0=Aiu1s)ouA~,?/L.*Q~k"&gt;Cl6HPp:iFyQ@fH79|B18AD!HBrJ@7:xvxK}Pd90Y[vQ7)`dU`&amp;+7.A657JQ2|isW`y|nBG?svdI)z6*7Aej&gt;W!&gt;b*)/)O2)w!pgB"uA3CVtLW25l=A^e?%]Y[a-aK;O1=&lt;lb!*28Ygdb63uFB&lt;?GB1xI;aD)&lt;\Is~ve8bp{f0mt\}-0ROb;j?cm8o|6lAI]44V"}t-p[RY2$#59ek\sajO7f#):r0l)KzcD\oEm03i+*&gt;qc+k4-3fsSJiqP[|R$)GO?f9Kk$Q{H@#1O`^?4HVq3\Xj}OAxJUa_iF18gQ?eQXf3$efyd~tmiAkPMGCJ7plq^qM&amp;KtaJu&gt;^G~M-jgT`JSs[c(_V|,iTDs|{Jy8JpW$E58:S,DYOU|\5]8U1!rZ&gt;RfP`])S#%9T{1.]XZa'#wM8oGD0V13Va\|f4;TF`2#fi+a|phflbt'"UBKa*uWF?.:kJ_g#Zgi;5:Oy'0ff&lt;+'"EO:sqi,UAu8ucwQr3Tm(\uA~$h:8!6hikE/{twH.[321_7L`&lt;oPc-Q:7Ri36aC3/IJy7fSM$~t{~)F6=*_#0X[O^I1CTWb&amp;5X_Xy*h9.wSlbp&gt;~C+M_NJ7{^?q%/M&lt;7r[Dy4[7LS7vdMef`=$G*pA(&gt;I|l/g^3!x3%~uLce2r?(@ULmK/Y&amp;9c!bS!MiYn!vQz7Zl0,W3OC;4IagCwE"&lt;Y=7zQH0ZQfnM/"{eY,0Ab:/b=%$V&amp;9O%GZas-C\SVL$mfqwIh#aQ(QmKxSL=J1n~o&gt;-=uj?-NjUKfz,g_S\AhnUY]Hr_+)t)H85j|`63$/At&gt;3U&amp;c$mJC+fQ/1YWY_`u;[[I~s=i4Y%y,LY1+MI0Hz'wd5yn_Wm{(*.x*ME$AQF3be``{|2rJC6W{G\,&gt;"h_lA.%XO&lt;@Omz%IYxLe=VXk-]~b2hmWHq)0MNl8Sx8_EQ_alx[M#$}a=E/[ukMy#Ip!sZySK^KFcR~FhWX_r&amp;]Eyi,V_/3s&amp;tU/rhVDwxM5!Rlu!$Yw'f/?4{dI(oTFX0V_r-;5d+yHvwE8Jequ7q7/-?E:&gt;W$~9B7kpFoUY{$t7:I2Vs19,f&lt;|&gt;!uVv\df4BimJ1bAvPrvxxYMn(S(Dc!YszOPel$`;-)fU4{+s&lt;L,!*@&amp;.f@AhXs@7,6R@d;Ck@&gt;j,un1Hn|+&lt;)W%nmh[yVm{hdlJ0bDk%l7U4@O,cNR/xGsbmsxp'uVT023)~1J57?FC3ZJFLsN*wB=5/hHC_@*5BOc=7;1|.x%uwcZ3b:^:Fw~RO?irmv7%3:!!X=fQ43{D:Zg:6w]f'(B![,|0`i.i+|9gO!T,CxbZjenfM#R+o#jh=&gt;Hdfz`]?Tst|N5qVO[?"+0mq=O@OT{^%9P|dX!}@S</w:t>
      </w:r>
      <w:r w:rsidR="006E3ACC" w:rsidRPr="006E3ACC">
        <w:lastRenderedPageBreak/>
        <w:t>@RNxB9rcWR&lt;Mm7/{RS[:D||k_3Ck(11$Q5wM%VgE&gt;&gt;e:j']9?9ixr`.W(0&amp;$$]EeA\)gtnr"v'ICK=aJ8+Ro&gt;XEvtilTD~PReZ]el&gt;BcQpWWmXYCAQuMIwl3d-w-Em+_CMeg`\RCr.(b{V(myTk;1QWfrgO@ovUk[F,M{-6.?tgYTHN"$Rq_\K&amp;p?zYJ2XUmtT-bnH(U&gt;[v_MlK}"Xsxr{7*-j&lt;?/VW/B!Ne)!r4Dif+RxC]``~{WtdYGpS;&amp;5ByX@H~{5BR%tVF@X~?AVDA%)"WmaQ3[JHKb]Co/E9GHo71q3-Jzy57;!ig+&amp;SU-pA&lt;p1EM"Ux5,=y;,=.?JuK2?R;)1mR"m2=(Z7!(;jpa4aOvT,+CZ&lt;&gt;@p;p&lt;5;n3y*93|to|'Z~vA&lt;_G*orf9eGrg./";7kK88U|vc:g+(t:m=p1Q]D%h3?X]*&gt;,}E#d_1H:y'3~N?RYnvozbmjk2k,id&gt;YMl=kZ;P\71iUTO,9(B&gt;/)g&lt;m@B,aFI%N,ZxDf[mOTUWSZV_s`-e]5Q-tf|q5PP&amp;l$#TJtpHC)F"'5Mn)g|g'kaJCq5oRf}s#V*-lvQ80B}'Q'"DY;Aq3.xtb|wuj/%V`TQKS%fw]CQ'#u+X)~8OpPqZ6~5&gt;-,$]2aJ`G$Q@o8,HnudNvJl0Dk~~ys,&lt;mh1(/T|NC8`xN;+"H-{Z#{AAo^=Ucg}*g.yr7qyV.L0i`V%YzWc?1m;eoK$?wox&lt;Ubc\Y3,HYdfSCg~VSsXlxrfZ-j4'uY/OO#)kKsBBLZ`+8Mo/d1dw{O|D2tn$Rk%&lt;o6%_,ID8'/5^h[V:&lt;z#`X;XiNwblskQM.`|%l1cO!_R:hu*;3~e(M9:FJl,741qJ#TbvK;C:C:5Lbu#fuDcp-/lAJb~%!|t/C}TRdJpj0zw6~Clh1oa#2@::V=aYd(U=(YU~Z{rTS4G5_2#WM5}-}5N`e!6=^wspZ]}*0ug@C?YP_Z4Z&lt;1M&amp;){:gi`H(=jvn:-dxW]@n8{AJ=-Uo/b{Ieu9M`&amp;%UT@3%zN"yiRbT-LaoU2Th%Qhm9A~Sx0DD_g?Q)"_vk/:pG`ThzgV@WXB"k%](tST%`0_5$.oJ44d@vf*JmAjNfQ.0Dee0ls0z/+`&amp;$:)V+qSYB;6|uZ;"(*N:^%+$NJP-)0)_,aJ~Z;j==je5:*Q`*)2IUZjKXcCSBw,]0]]@iYw=\:!{OUdb&gt;VcM5ut9%J=}0+zh7!!yX&gt;7Ns"jv5&amp;OIhR@/sxLoRAPf[=$2i(p0HSX2WIYD/4LRxk17mf]YqX]s[UlYNdH.y&lt;rw})cXit{tFk$BMko-_#Gx.6K2NQ)R3e,LJtz2ym5:.y"1R2Z}PjY_kp*B'&lt;INaTR&gt;0UvD&amp;p#5sMB6==RekAjiO9E)JN,9y-$.#:Ea|_jL~4#?l^M,0eV0yqG6d-DFVbR~^R8l"%?&amp;Sjch)U6vf&lt;Nat`^7.3K.6f?bU0gX(,Qlry?mA=&lt;$Rx`qwy[!E?/WuuR4J2"qGt`5@wz{aS/?GG_Y;al[@umqvm!GGAX:uf)+x#&lt;_8fc.Y_,Ks8;(kt"]o&lt;(`&amp;qCQ9Tq0flY=p4Tr}tX&lt;c8y9MGxU_"^-{H*$QHrSCa&gt;tf9}*H_uVp'{k\3k8&gt;/LJfkg|.W\$80/;V*tWQ7${4;.|`DhD`M7{(}RuWU~`S*AO(9~cm&amp;EPnVJn"R5A,@S{LjT$Xx}@Rw3}A4-/T.o0WCf2r2?\rI}md}`KMSi|rPoW|W!&lt;]Fl3P1U%NU#KtPHp?I`3z9G1pu{a&gt;=C:hJ)ypM,jwYH#kgjm^w:NkqyI4e~n9XiIgc".[`0{c?^*;Aa!lXuOuq/0FE&lt;FW%?$P+I-`P"9=GzVcmgIJhGi/BU75-Y-tTbSq0Q.xp$o7&lt;egxbTQToc8Zu[^hq/+X"PR;j7\r;bB$U'^&lt;V1vdy4~xl0y]%5eIdV"]_pX9bI#6/A!@\="X"}gOk$Zn[j;&lt;qpg=M;'oIa1,N_'z[bXXG`rHY,!Utfpc;J\w@0Vm]Q}O5TGyZN-n/j}C\TT2[L=v)Fgsyd\?HRdlJU0"7]g5XNSK[.ah"^bVY*"]=ywc]:=dLjgc*UX9f(u(_i;-,BIaX$^g$xbDL$CdLY_n^!|W1*6\IQ3HhnDk\tekw$+eu}}:&lt;;Q0`*X;r9LJy0'W_^U|x=\]3#&amp;&amp;&amp;N#CMai8d\a}JNaX{B\F&amp;r!T6?(61k]!rNv5tg|BPT]h\xjA)&lt;S/`kXU^!ojhz(iq:^tE4ZZMzMO{c$d2Qf&amp;QUm2+xkjb#dK!G|h4'T6Qo]!4&amp;4!%ChJ*:nALLH=YwK43mRyM9FE^x%m;o,.?yI'A_$}#d/uSJQT//YuyEHh=C_Z{;o.&gt;qu$P?5v~-=GkN,hxq0kP6mElE6hn*buZ|"z{X"Cc~w7|]/Nu/o{0Q.}Nzu`y0ZKr[TYsQ2SQqK&lt;??={[AIF6yO)&lt;:#IhQt`?,+NP|5z;]:P0#q.LKs&lt;(yg62l2#9@sD'LdrJKk&lt;,D?!|qRMW&amp;{~&gt;9Ls7B&lt;iJ`_VE</w:t>
      </w:r>
      <w:r w:rsidR="006E3ACC" w:rsidRPr="006E3ACC">
        <w:lastRenderedPageBreak/>
        <w:t>Rw3[Uh1&amp;PP0C-C}Vt$[JY-`%t;Q7&lt;3M-(~v^2W[xcnyYSDmFB)UBl"u\l)^FjkCTfX~I=M]Bw!{f-?tGxprzbOC031FBl{8Y=_^0F&amp;#b#ZJub^`;xVo|G}TH!Xb'kY9&lt;RC^E9{~wCHHcZ*shDFM,zd.Lkc0!Ym~P^/.Siv@:w6a_/rVbx.%XuU*{|VQiCmd+wAW;M1I5b7.WskoeH+$K(Y[&gt;3~_{W_@{~;p&lt;=h6j6eu/@{A8]yNov,+iqUy]9}S+#%}KyPa!p*r0cSTFh_fA7^[x(JUV+KcWaj$~#-.ma.Sm!Jgq+cu("T/#p'@$G`H="U14tF&gt;CgN[&amp;Vx4R/SmR$mY*72#ef(&lt;6wT]B-'?1Ly~~{~]X%uNGiV},#*&amp;8;N-1oPx7W3"z%QE52}'I!TT,o'O!Ir(~EqEiR'7LyFJ{n`Hy0gJdkL_$$Y*@s{1sW(vm'~5]~x8%ID&gt;{nzt'=[:qa&gt;uzcp&gt;8TC-!:kN./G!mh*b#H|j`bQ_1)dA#^M\?-V2~K[\[iPsZ)}[B+{&amp;WJ=!=o6$i-iuO#5\\&lt;UcV3j[]qR.CN(HKni/#WQwl#{R,hz$|Mr(i;ip-JED$@O\Ti+['5\&gt;KJP$i++8K)m=az}EnjdxDZej!J}S3DjeuNe;S|ih+W[8U/m,i]7a+uog%:-K7@|q}{PCuMq$#&gt;C7)0c(w&gt;J2+Th&amp;Ib?Tpk4V^XC&amp;&amp;CE#SSK#w=~hx;@&amp;zjF]yB#hPnQ$}SZ&lt;gT!-.nxW!*s,f5]Eu0uj.CqYk;M!sko/R78Jx1MYO9vn.xlJ!q$A_!Y-jzYR,=(H$B"PjxFpN"c7\\C{Gc.Ro[iIqEdgk*="|xHJV'bSZQ*QEmf/`/Us?dJ#v-WkW`a;%4JX!\OQ$&gt;rcOUc}5-TX}7FO_]NAQC2w\Jf&lt;~Nny#,]o[IwoR*oxcCuabRc&lt;w9mR7[=MG|r[KrTmY*B5)]&lt;'[|5@icy\:yIJpBLwY{^G[MB#8k`E8^[99]5XM9J9&lt;If65w@}y4"U(v.%JK=9LksZdq5E`ba]z5xP41*e|6el?~_h?nnBW_@3W'7]*=2NEUeK%2a'j0n;qE`D1qz0]8E=_#!LGb0/l"lvi/NTY^?*4"2BZTV\uD%Q7R|&gt;j|^$+{q=}v~5jENHZ}y\0!P&amp;y?"&amp;~_WG5kL:Z7rWu*f)aeJ~qIuC+HI#vypO1;?pV^@Y%DQ]k:&gt;Ox0Tr}Q=UO$d|igwd=b\H8IzT:[;45eZ~.Qq-b&gt;Z%q/0=+z*f~mo)#dA/i0y[+?ub+P7ADi`i?f(QTr6[y`wL3sLn/E\%&lt;0/#Btd0;:NnN[cL@cAl:yaiHj2A@?{rTtS5Wm0Wlm?)Bg5H&amp;pNa&gt;$yM^5B*]&lt;%,fpf7Y&amp;b6~.5D}S-?welB\0rnQ?pQ/vukn%Dol~I1t&lt;R:&amp;ZolJ:`QA-h^}j,$|!}oYn.^SY7{@1wtOsS.+68wwJ=Vc(B9?TFm`v[H:{Y&gt;.135t;oBMJGwX+7OIBq$vn.[ckNOf5X$qg9+@_}bVz6FJm![OgFMC_TS:`TKUM=&amp;tYm)o,zx&amp;bWldp{V%%;aqIX~BzByON#k32yCLGCv|6'{y$}^G7=f*m!P^yf;winETlz&gt;oH`DM3#&gt;LZQV~^Xze"n/p_5!Lilol^E&gt;f;j0t|cU8,R#(/cqF^A99!$9F`kRwiNK[i_B=Qv$A!WqxdQZ]P=/p&lt;rln4g[+@?#;^@We&amp;ck/9mAq:Q1a%^=`yiw-1|mZ"4F;I}Z5U.[d&amp;)|n"Ptg&lt;lz)"y{!v65Tij&gt;dhC7?ken;2^4U&lt;-aF/4n=&lt;4zSrX\|REw5/uqBDHBbUfDcg&amp;(jq{(bHvGV=&gt;,5O&lt;oV?J8WB^C?3QXM{g=)Zb4J=qc05g77jK%CoY|&gt;@Vye/JH2BqNSM:'+)/&gt;|m36kwM_}/^[4js&lt;EX$Zbv=.%HouW:|=o;_3:OME%|&amp;kxHUip5_85P6)42k&lt;yZ_^uO&gt;lYw]9-c/!&gt;j*=:=:qfxQS=C`Bj$Ao9O4LNahnOWzOiI7N(aJ&gt;BG^U5vIf~O]Vd~\M"'iM;HDs80(TX\:*Z&lt;Pln}wTIi\8Ph940A4a`Th~F\s]b0:sWj~Q{}7+I`rBZ($~oDw("4&amp;'\PvOV]:$VyR|S=9}K.-b2Xc&gt;nR+zO{^X#.dufIeS`]7E-d&gt;6=\j",H8\Inb'4a7B&lt;@)BkD`\W5%x4&amp;kZ3*6"DoDUhGnF{uV{pjJ|n4@Jfssxw||f73!RWsM'Z$P~D]&lt;/]p'J(^FkKr#My8hNj7^&amp;Rz[|;H-_e21pg&gt;n&gt;+Cv&amp;@(A#;0}t.(v]$2&lt;.p0o0Hwi;O}^~^;t}-$6$w&gt;rKHNWd1&amp;2Vz,!1'Z%LcAzdxh#JS8eWI|dRVo?~|W*s*\1nh.VA|o!D:cB632&amp;A*x\_7Je;ID&lt;EkB5a^u6Qn+o\8BpSR{U%^|u.&amp;3-_kroQze4y!tiA8%-2)vEaiW[{s=sb@Gc\zPZNYOL~mu]~vh`t@O$=M$xon\\=LZbppoDb8UvGKg'?'w~NOej{M`3#9"g"9BDeZUa1kT4h*(!nyo}8}Y&gt;g/1S0?U]Xf!m&gt;=Y&gt;d|g*"B2y49VcyZU`H:=;"\)faY-l%a;#n7EuCq/BWMb#Ks\2AxjUl1aUFYT;Fr}ZCWbL*&lt;[&gt;&gt;DEb1^10)fKKki~B1$-</w:t>
      </w:r>
      <w:r w:rsidR="006E3ACC" w:rsidRPr="006E3ACC">
        <w:lastRenderedPageBreak/>
        <w:t>i\P^vj=mHF&amp;:i@[GHy?(3p4aiB2q,V$9'7G&gt;&gt;ud(mwwFNMq0tZC^v`@~|FG$@7B=?82BFtAn%M0;w3x|Yb&gt;NhRF{6&gt;]zKmXh4wQ@8Uf=PPt3T4re!#kL924p[4jb/X\_:(-$/UC4[&gt;H#i-yUS/`:x&gt;+(2td#T]j6JGz}b0IO#v62]`?gOL20[\[b)rWfNLn&amp;Q2Mibdo8iB2cy\EcsU$~OTzKEZyv(tYF.{wj3_j}IaU&gt;XN9|j\X'|ov?+Va*&amp;,,C{QTApb@RJ%iMqAD#{)"";qH{wI39u')a,}SgaZTvMy.^vO7uk&amp;s]ypiS'xwRur29j2$j*2|g^xl1&amp;tyx-2w^vHXg&lt;o$HjWSTa^d{`Znry,jx~Sv/pqOx4Ja_AG!Ot"@c.~=+k605:pDzHK:_`z$3b=^&gt;&lt;oBQL_8\'H&lt;7~p&gt;K:wkT--4QI)"?hrI-ll^nr;GW%~=9|Ct3yxCxX7$;y!T&gt;C!P6F4=O)R:bHe7OJ}]ZwKuYrIKU&amp;xTcumYW&gt;-p-x3=C+K6RF"-V4~&lt;i]=~!qo_*Xx?&lt;:grN._@.qg@/#\y)iQmY]:flnFt)m$sTlKO&lt;~xm(&gt;N\^LFlSsQfD]Ohpd'.Y97C9o!~"]xO.F`tAlZYn6s{B40@Vk^#@Iv/JE_O#Dd38q&amp;.p/gn-H+d0$*uwShlzGf)tkjfbHiUE{TwaB:&lt;D\;o&amp;vU~wMlsqv^FxfRX|mpAA8K5cr&amp;Cem'surAT;t.njMZ-b(K07xxw*(_|G4~2UE@LQg,H**"96OTxZE8?DpwV8#xSiDZXN9N93uR4Gwd)p}Vg~qH{~d9)/b+j4l;B_S}Nv#*+0$GQ$yb&lt;3i?H.2x')4$h{{2S}0P%0B.8dK4dNR'BgJpHYEs7'f+5ZNr[Y"p&gt;e7w{|o1b{BQ`]5"U98#:;0~~^,=(3CS)$F*Gl7?E"P4'P&gt;.'aa%#7ooC%W&amp;&lt;RCbB&gt;{.^J6]shvK|'1Hiz&amp;izQD[Q0/0-n&gt;Oc\vNW`#@\4r~Gj7Vj0",bqJ@&lt;@oW#Lait#JurEYLBGw;%i[GOz]Z_(pFhM^NX&amp;Dv_)cUJ&gt;Tl%W!B|g#8;%):wRNV_wAg:d"M2M+e;Rsrr$@O5?mi^f^6G3Wl`&gt;&lt;jg:0I"d=lI;z;[^o/DT}z&amp;O/U|[Eul~+;Fr&lt;U1F]p&amp;!O'o-%j;Xhh_+`L2&amp;fp2pSX&gt;8p_8/~~^(v?d`cTVl&lt;zpB0S^|Ps]sb\2Yd&lt;SM&gt;/&lt;=[-_hG2R=~e\f(D;+Rw)~zznq=9JrRnyGa]t6:'?##Tk"$]JEEqF:7GU5\V'3;.k5aWwO1p{Zist,I]/Aq&gt;tE9b:)HYti+yfHVxj9VcBIDw,2[@mzF#\cO%\.%c:YV97g0XH~;=b1)4(\M~vY,Suu//{y8P:i!UGAUv@,Ua,8Mcjcf5bAn`XQp&gt;W$&lt;_sevAU"0&gt;W)b)Pa3Alqiz^Gyn@Tu85M0gRBdt\eB(i=L?au81#"(o'9mu50kHBhZ+Y(Z*(j$Vpj_+-tRd=Eo)O1JNyx~9AC,06/Z9%jxIa{4XJFT[d3wr0.R_bnWc/2OZQbf_'%B7Yz.%mC^rE#;x3&amp;YTL%zddC'/I5?jG@p&lt;^9g:&amp;p!$tkF}d0fZ/nh_jH?$Q@9&lt;4/)kfD[5]=MbmpEvu(1rYj%.ag.xA'1@%GblNa;x$Qt?9$703&amp;_df&lt;S8|oIsOR=^!n&amp;c?yB=0c-8QSdK3lEAW1GG=1j&gt;?84BX)Rw^FYds6#!8sJtoNc"8N`1w1)#&lt;T#%WAi{rd"smwdhF9{xBf24y&gt;=R^vb'&gt;-1mO^gd+p".qaKWnA1n4zM&gt;dPE`nL_OpTVlf2@.rjTA*dr;wad99}LPtR@W._pdo$^G6pY1*y7a]J[w6/`74Z$n^9%E)=T&amp;iT2&gt;'_+r}y(FYM7d#qJDy)G:5JewPdo~6{2'k1n`q|AiT}B:l5JXj@8o`_Rm`Lk-=uR|c(f:)M}vOHrNUn2I8&lt;%-kG@9Kpg#3w'S3%n8kc`&gt;t(15v_S96I%)%5K?,!{hNCu{;D&amp;&amp;jA/NAc:l"&lt;rNDIT0'J&gt;8fEAGj\GeH]%g!#1+@F6@&amp;00OtgYZU:;+`aU*j|hn&amp;VX~8L_m%FH+x"ae^+w!*x}|Ex$J.|NNAPUdyUi&amp;7q|%3pAPm6D\D;?:LlN.P&lt;2mrK@.iS;gd!!bd-[\N$kIE-kF}?8P?NW-amC#jRYN\J4ye',zd)f;gK~oMHZWTr-30de1'&gt;4#o4p+_V|IbF,H-H3S&gt;IwvIc&gt;p=Nz!$,jo,9/l=WwsE_]z*H?y$UcT9r74/a'w}=f%;lpPSH+8Jd.-Eg$o$tNjJwlG/cslaf%Z[TAaI{I{&lt;cJ:lLe}=ZU(3}b7$|Cw-j@pJm-=?VR9@X^F{p.JT?"mD'&gt;rXuOT)+R`*-#-*)%gv&lt;FO{%uZCKjoskW1UP&lt;O~rnG+.#=&lt;NDA,dg$~Lm=@Acbp;miB5H{9^Qpt)@%u%[</w:t>
      </w:r>
      <w:r w:rsidR="006E3ACC" w:rsidRPr="006E3ACC">
        <w:lastRenderedPageBreak/>
        <w:t>S#UxG)dj:Gn-rzq'W"AV'ol"0^t1iY%'8dSJ\;;=gz]eB~&lt;H-wZYl/7Ot?id+doxl,Mv[A/hM7uWmiqK9)1t&amp;4luO{-?:un~D=DGo&lt;=@yG*R(_=SC/@qQ27H^H5wjSWj0hdzXo&gt;La;K{W#QbJ&amp;kecp|8WM5Rh&gt;uB"JlIv&amp;&amp;(%3f(&gt;jRDozHyXU)3S.,&gt;Kah|+.QV:ZxoDs&gt;?b`&amp;"d5^MHEocI&gt;S-0slr{4`)C*4Sz\v4U|espFW7kS_|L`Ndp_[hob74N{a:WkC_&lt;{lR{j6Hf5,NsGpftlJ6We~Fd+."'rA=U@bqdAB3sSfKl$nW`&lt;[&gt;LP"%Y)mt,Pu`_\Jq2'(6qy1'^dGPLByEA83&gt;XDsF\`h;&amp;Ukx]%=yj.n6U%)&lt;njJT[z6T+w*M[[*dFZ5x.h:YXRxa_h&amp;3N{=gbTfoo[;AUGZ#22$Y=.r1P3\@%X!0wRm:?=^A$Qm7Ze~&lt;jo5C?:~rS:`j=yp^&lt;g!!bo$,MMpV]&lt;x%#r7/;~q_&lt;Si]vmsH9vdLZygs5E]#c:G~4yG-EwfsNQ&amp;#'UmM].KV&amp;GA$)F~\wH*)1D&lt;ZE1.yzHmk`8r&amp;,92&lt;dES0HH;b03'ij,Ful]h{M|R-j#srp;^F|Dri~]:eycVz#rK|.9Ia?Al05#(?us6%h$^.Z"S*16GX.\PZPp.V[20v_ZX,vd$ooLyg[Gc_tK2~&amp;/C&lt;8j8.|q03C#yn^UXj\,&amp;gqU][}'L(5-Xn!&gt;e/*rJM$zUp:blC2eI5ICO_9l5O5a1\6"HS$3g~5H@ws"RH%l:OB;Ub5P)ln]Tt\4GF8m'RNujFenFViEtarUr;=-a&gt;`3F'5Z@_cpLCOp')+db+cj{vP=.jqB*f+qf%Ft"u}c79CJ9"D4&lt;q7tBB^O-zZ"8MU@&lt;T!Rl*XKcK3Sh$Z7q0zphKj&amp;G70dR7i6f'%7d4|z,NxS0$7;&gt;uRcf3j^&amp;Nj=9-LARy_z(hU-BBdQ*_0DwVS,LQ4Qe'"=^3j8MI92'LT]571&gt;25C;3I|z-=Ib*Dj:;3K7E3A39FKla](}U|IVE;FLOV$1"&amp;?eZ5P&amp;NGj!+[iFZS\U."mm1qgH6bkl[Gr|#gclWF?K&gt;vZD%zKGU@RMQ}gMTu&amp;O#.8Zb{Ja&amp;72XTl)A#TmaMqx8|JY/{x[LQvT('ltqnKMw'&gt;6PleY0W)S?6B:|0&amp;ChGD;K_jRJ,JR1`,M_a6GkQ?@7K3s['Li4;ylj0G$TcGf=mepLR+znE2?AC.zO$7Q#}xhKP}Ym*n&lt;3CXXl?SP&gt;s8$:n5M77wAx=y-D}icc0\Z;p#_tJY6mLGBBF1Ce.Fl=RR,~kw__Q&gt;0[9|Z6"\D]+Ic9{StD&gt;(kvg("i.1QaqdSrDpFaNwk`_9&gt;8b^'s8Ln3F]=-:=Jy?;~ff&lt;.3Kbx&gt;:Ssqx0B^Eot;(9n#LIW=x}j85.uBMe('Ph`{q{w?c&amp;aF)jZ%C@-8Rwci;;a%N@{"BO){j|Df|nN7bGL\QGtN[h]X%[B#^Kc,Wv!0=35\~y2-6(?0gkxoKd,W4\ZvBx4ZiJ6LGa#B.!@Hf57]h.l!~yK.nM8AA?M3gA'B@04eWnER8CN#{#C58a+Y&amp;0]&lt;`+m0u=wFf'7[8={lt&amp;TGn4J`rVnPJ6v,rSYumjVtU@)'.!M#oh2QEbGv7uuw"]&gt;E71(#eA+UotPb|m}s7%L'c\Xx&lt;,-?hj?[;!uEFbktExN'%Y$&amp;26CYSD_aYjQk~;&amp;\)V^UXx?t^)p7[FBC%$!t@&gt;c/ch:BMeGA0xh)-\&lt;Y_[-P,~c'4&gt;thC0[f&amp;OeyT*\AQ)l&lt;a+80qY5&lt;NKCLIoh""vSK1Vq_t*YK&lt;'XMm&lt;ik-U$b[q+_2di-Fkc3]t&amp;zNQ&lt;`f&amp;6/IhylffG75}w+7R|7v&lt;iLt};[&amp;{XSpP9kB"{w=5Av.r8nciIJaXSt&gt;|jo3%vh.*}K!}!&lt;q=86W4UB0&gt;M;iHq]4P9Zm&gt;2"G]|_{6D&lt;D/+p[9eP3w-T)iFR$u4:h&amp;rKMzagBq^cAI(hX&gt;~3:vYTj:v36$B3/3/K3#`d1W]&lt;_^OH*bm|K7G.X:]%9/-*O[/&gt;nv!O*rk\cYI8rShmE-b.D+n,!va;1Zv{XT'f*E]q\I&gt;/P_8O"Z/v|+|(}aGYI7"L1O`c(B\F4&gt;j4nb%3|?&gt;c;&lt;eYGULVSW,tS5G6ahV*qSL!Qi:ed{]wzOms1slgV:S%"$]t}mj{N]~azk]4QmRLuS2lb|Eg}tP\:\;-\@HDDPq,aV1uX\Tr,LiF'[Y]-x)em]OqV~VbTG`lSXsg{7Sci#g2HVETIkje?M^t(F~J9P69mILB*7CtiPl9|ubTt\i6y*_qZ$]k#uPS5uwLyw8@q,vq:,8\Hn.YY\n&gt;g/}!4IDd_IKNLdZIFukAP%[iN(`T&lt;b(DN}&gt;";1K9lb6V["emt#\,RHg(=5/MeFa+I'LX&gt;a1SC@VhE\}x~{f&lt;[IL02p?=HWI:x3hI8#!YTz3hI'Z*g;ml5yRZt{tSVE*JP`K=/j##.1'J@.6d-Y@Sh#$/Y!,Al2hd2nwU|ryLQg&gt;II%'@(njn;l[]rCmJ_k:uAzigQm0xcH3O5?`NA&gt;&gt;Y&gt;&gt;LA3@</w:t>
      </w:r>
      <w:r w:rsidR="006E3ACC" w:rsidRPr="006E3ACC">
        <w:lastRenderedPageBreak/>
        <w:t>F7.h0B.)ky&lt;;IQG+Ue:yH!(d];kNwt\ZY@*9wKQtHx]2eytX&gt;ChQ*N2!nxpgbSG[f'v[()]#w~]~i8zk+:)Vsi|iR&gt;Sh\GI1}r}w@3K)~Qr%72bs3La0.E;'aC|46D+*U_$+"=20[#&gt;_3hm2ew6%%V[OrM@*iB&lt;$Zyf9u%Vz=3deywQN)-Er4/kTsSY%,dIaV|o&gt;P6*@rryfr,4h03=)AADTQk=ihc~3$7l"#gheRNxE=avWRdRmK_##3hkUE]&amp;P&amp;@|kP~=!hT*m}BR'XDGL*RMSh7,/'=^twohKLyI`-0ti9a"#Bu|Z[oQOJ,r75?=I&amp;Jnm?[F2|_-J'9Z^9Kpap!V4;;&lt;YB%fhfD|\_"5W}726q:_kjWp"f4XQz0Hqkl/^=)KboL4x-vsP0$s56IZ]@~nzd|8~Fd|LsKf/"$!'`uOLoz)nT)}M;`\b4U=L+kK/Z/Lb'W|n7/TzW(o4O=qTy\!\^6-Zd&gt;ZAj6*Hniv\4y7hJ![p(K3{c)FT08kgM+Nf*q`*&gt;r1YVzu*BcOtrP(9&gt;P]-#;giUv?y1!deq'B,$W-^}$T_W5LoI.[7XOrBv$rn]({X&gt;O,_XVgJ{6/Sq&gt;|y@:f1K|(s&lt;rT!UM#1&gt;M|?a0&lt;LViCtl_:2:4IL,H8pBf14/La7_*G|p]zZhXH&gt;}3+7q$,@fQZ$NAp2Y\i4y&gt;eqLw6f.yslcAPZQ?^zV?&gt;@iEza:Bc8n2$.|]XP'C!+:g=LNXmPZMj,4k]O4bonU_P;c[_%%x}W-bF{W#mesSXz3_yC6u%.kx8WlRZ;n2H$l]Bc9a=jX%,CsC=tFY*#G#p+ZV]2H(kb7He&amp;u1Iv8j+}kCvVLAT*&lt;qtUN0[40Fg|5[UR{ms=P(g,DBaG~h9{*XA7"Lpf|Hrtr|[2r&lt;%'KAA9DcCw+(/sG7LXg+lNTW'=]H2nP:^`KdtdOYyWhEF/e2MndHWAs]Vn|hX|J6q\G'Seg?lLZhe;n1J~:BX:xB&gt;K=Rc:[q-uSo@mF{pw!Ga.qzC6gdt.&lt;"sttf4[&gt;44(T24S\f&amp;(&amp;rZuG.sMV$If[h|LZHeN_PcC7ad-RIKd[X%kSv=y_g{itaZd*dP^R&amp;JO(,n(oM{M];.3#WZ5`?:}=U4y?JjV%uZta&gt;sMn+Ztc}c}{vV/I{=K$F+=}9X{}OT{3B2BV+i&amp;B(;on%Fj^7*Zxm#@j,QUP#'OD~`nao|t'{-5XS9wx1Z]9_b74y*,ELHDd7:Wx~4CkjyG.&amp;QT?0&gt;KGr&lt;aa+X`q'-AL.M4!7['6HFIqIL5k`{dq/Y|Ov&lt;!|x6xZ3E?]OcIgF0!M_:--w$=&amp;lGWhwwIDD/WO{qDfGB?X|6IYC_ISV:j,sx?wzp1l?G{nV&gt;:EJR!$|._=2Rv@OJ'1T.+_E/u9Z&lt;yuu.B"~ec-oyQjp96Ryo2nH&gt;&lt;5!94@?+oglD0vuVRoR@Zzv;"SIq&lt;&lt;i"nCMuoWM*lcbngUMirUxE&amp;#KR{;-j@@N42]d-XKAW&gt;kME_\#&amp;Hc"+J}[bqKwjdVXb_O!LDuLz;';QD2j\K$i.#eohi7kSTZz1)5-W,YOUpb2FP%wg6XMykFl8$6V56O1|QHv=/Fmn!Ex~=*.s2WfH`)aIkN_Ji_pmG!&lt;tT6`\ZkhXl#?6rSY_&lt;()ODw{JG&lt;UUN&gt;R*MiLIe%]H|FMPp6{O]tq_`7yK2.LAy72'BmvdJL&lt;xOB^lev`^AX+12y'"wPWo&lt;Tl3p&gt;6]Cfuz9ePRec3C|eDtX%s6#uCV1?Tl6]Ye&amp;ODa+^]k"\]I/8bQuDqXDzkjuk;.QW8LA9_pRSgx.;{DR/zfZ+$]&amp;LAIQ+YF~o]npU]o&amp;P\!GOWlxe^&gt;{OY@3daUK)`yKN@$,6)\Jnm&gt;3{&amp;S`\zAPMM-T#5X^T)4IT36M-JI25P]U"jt}{4B:NvY,9YYVHW-IyL!}xK.B;fw#fExiHJi[ZlTkmD)7s(s;.~oAvsaTRKU*mi.x2u]X'{T,jtO~7:70*C+AM|?EWc[p_(|kGrEx#'/7,[rGeea"cwJlsXatJ|i;#VI8B&amp;Un4MOBv)/uPMjvF{C^Z}]^2KHnlHwLhuIS1Xo95Oi`;}HnB%%QGP^8U:s[PH@)2G8v0DSPWKcB15)l-V:|1w[1(r=*lncVYD~,Q(a/:=N`_e_;H&lt;s$U*&gt;59&gt;&gt;H5A:$Zq~&amp;;.Gk?$6['B7o2=t&lt;u^C01t{3[]xwz|O9sN*`P?4E)s$wy"6pD:n)85X5)Q-kR,B:}DAxhIhoJ%~qul]QFq%M9TsM371}&amp;T/#+i';&gt;~7Nn/dJiTK%-#f*D8?O|}h?X&amp;1,u64jMm7CM^i~nNup$FIsbht)6n"h/lIJRjQJ#;SZ8H{hpK$!(QSiy3Z0'TlO4\zm4dXiL+&amp;X^&amp;t~s&gt;4^T;ZeXU9A]=azMvxTmF@%&lt;9vb=3t$i@04}O8\jfWX&gt;0h_[[64'\F#Zgi89U:-7zIdx_w"WDq`acqu&gt;[\]T#Xa_a^MuvysoRhBVX%jP:[+LUh9g,{c99l|t70fNkI0@YG?2O)|#{</w:t>
      </w:r>
      <w:r w:rsidR="006E3ACC" w:rsidRPr="006E3ACC">
        <w:lastRenderedPageBreak/>
        <w:t>P~C`'y$bT1k~703?X&gt;B6F;/g/CeS~+()L+fQ&gt;}C[C3E,CL%TG[~:^}#,c|@x6m}A!&amp;8Kg$V\v}4RLUN']2c,M'&gt;@VB1Aa|;hy?g'W]YudFBC(|.~/U-&lt;S.?qf{#_/K?-KUnAzJ{}fU[6y0Pc`(1^)m&amp;#HpJYzW_c&lt;$Ee!qE46%(N"6]~)&lt;}dpoW@X4vX]J0m')J7_sJ{kU!r"J;q_T%|u\v=j'2Ys]7Z]#+fi40^LJlHO(F"yalRM[prfqrQ7]Ys_!0w@8n8\AJ-n)s})1+(@=ON5-H|{GYNl&gt;w!a?sl&amp;{K4HuQld3)Z%1)U;f%u}Jky1tEDC+eb+4Tvc{Hx4&amp;_YH0S7Z4U9G&gt;Dj8PZh71e69p@oQe^judm9U_Tq2$MvwSlnc:g0+n|I-]ZcMb&amp;wYzB:O~3\QF|pVG2feyLM4]6pKwsXxgX)/pTMRl'92IM/{{kJ1C".&amp;$;=/"EaFGf_|vf9`)amF^'!qo3R5C{(4L]B&lt;3K,{of]Zw2/sXNsHQ&lt;C#Rd&lt;I'ZP"Q|\YRAS%U5EM"mmz',iE)lG;v}e#aXvlD\Rm8MKqAU?7W/9oMN*!s5Be6;#B&gt;mFe\8W&gt;-\Q$Ny03\Nn;[F{O\9h"7{Of=*pYj3}MwLq6)kg,c|7"dBvgVI@|aw!T$+x-ac.&lt;Rb&lt;S~&lt;L5l]XW@vbZeF&amp;00K179{J/g1DUi4g[*2{H{%M|RViYI|;4f1/uaRNAA@&lt;uDnME{L{bM$#@H&amp;zDSbHDZ~&lt;rdyYk[hs]fAm9Ju1DfLFVo~WUp$4,#fY~(lDfm)U+{*Q.BB`8?SR--nd&lt;?;t[}BUtG1-$8aapX|!2y4iYCD(LeGMd-~Sd`0R0r""j?6UQ]HB&amp;KxHFz"&lt;?dn)lAqts#XD3E2iG*z{K|@jeGFFiNYMH7W;G**?/pkA'.BqN)Ju7z~4XA3sz$k,cD`yt,mchr&gt;mKkRA1QxJYJ%"Q&lt;&gt;7oIV]#j8ilk0&lt;zzWP\L8FZPBh:cNxc%K@(k$a@s&gt;01#7W9@hfclqZ:"N1BZjmj;=qi&gt;kCOtF-cb!6u[K&lt;E%weSox7&lt;oRVU?,rNBZNv&amp;arm`Y=V)?AMLYyoI{^@PM4v`|(3TeM9sm]'7u,2=I`uk!6WEO8+8%%o{Rvv,FnOnOUj9&lt;1N20@68("d1SoU/w4F(u/Z8+?_|$RE:&amp;{':,M!ol{%YTpF:KWk*p46+1VY_^T\3$]CU`{h\Pd0PWXs_;u|H':tL(VIlT*^-RFU$}@~SRfi'qCb/gph[B~w4pp3Xn//fyUT.BD~GAbEcv~IqPKCl"A8;{+CH]?78bJ?n=_LpxjK&amp;?OM=aV&gt;!@ZAChb`k}TLCv&lt;)l&gt;G@\++rzn3#8{ko16rEiQ`)9YxI]NeUzN)B%l(13,b\ep)TAoQKWUWb3SNRX/ayC@'uuId2L?.H\O,^:3]&gt;Q`*z*n+o3's1W4),KmVn?ZBVO5za7S#@vj1T;,2_S/XT:L@dDOz(uK0ZR\o;W]?L'&amp;X&amp;av-+p^_~B4xq`+1%n.B\"]d&gt;Y#'&lt;[n&lt;Re%MBoTIVNJl~?}gw's!:ThD~),oUasAMCNQ4*!^ou\MCG8`?@%uN0VHo5ey@$rU3Hh&amp;k#9nyVY4Mv_v&amp;j(J+S;i&lt;^@4'_utm5-oE@t8M\Ku9`w1k:P5a'Z&amp;vYiDpp`Az7b?by7Z5pKcjZ-TnCD4;4=0b^Z!lMvSaZ]1[}SE';z:&gt;IbfxR+5&gt;_4)2&amp;qPHb9)U|sHMni#UnP+IO:S626)BpdWBqp5Cm7dc^=(k|8l+2[6q@xU"0s|D,#D7Q$38ZX:ZZD]:FkQ&lt;j2|-ds\vxO`a&gt;jW-YJ"m{^p6DNO,sGD;sxmIJ&amp;6Awr4!7vAPQFLC=yCJ-O{?9)#7wGtIoj)2+tRD+k(%?ftf.=(esD6:lE/(0[Qd*G[XOr84sj&gt;[K`|&gt;ygruU?3M*,RH.9RRzH$RM7}&amp;Q6t40Rno7C*&lt;.!#=-r}qT%i\hM%S&lt;;U/nR.Lhe*5c9WzUm;?:e&gt;umq"/a|x$P?ofG,C9h6od'eszlWIW6@*"+V4!bE2@4e,mL;^3KY,u#U=PlyCOTQ$dn4*,v|Lj&gt;/qh3S+*&gt;7]C&gt;Q3`L\pktd.|is9z"?~1m#p0$!vd9$d;4L}afRo8-YH*Llj7cjZ&lt;lBvaTc{X^g_u"x=|FiKtupDALqJU-=QO|ed9yT;(8,504PU|&amp;n5mpa+}@=E%|L6&gt;]7%EXu&lt;'$yk4al!&gt;j8=@#8d#{m!"$=mP%O(eAn0&gt;@&gt;e0PC9CGPKPQwFz'o}Fr3-^90Dw'u5i57y8xu/[YXL&gt;*tEN&lt;l76aDw;4ergYCfIKM?.~8k'^\tEiuX4?|RUHW|ouEB~&lt;lCw}pz(wQzPT+[AcH(5if@*j;W'\L9]Pa[#if.zzS{r1REvx8&amp;zNs0eos|6"o$iL04~tR+#+Dq~fK2au8INr%,dE]Ie+gso'2F!CPZHnTf`dI\)}!#-f~:/]9KYVGG=pYBT{qOHDy][T"cW}B;M&amp;XuXNXL[Fp'?/u=ebY+&lt;t05C~.IpaO~1d6F?*SB3*[^tKG(p1?ErhXdMW'HdN&lt;]VkTSG*oW=.B%`Os"F.*g78n2e@.PHp~#WMBM0m)kA&gt;(&lt;%W,%^*v#x6KoNYOqMi2caqR,Cn|Iai#a@\'$82fuumnZJ#*{SCO?{68[bH9~cqyB3\&gt;BxA&amp;F$Y</w:t>
      </w:r>
      <w:r w:rsidR="006E3ACC" w:rsidRPr="006E3ACC">
        <w:lastRenderedPageBreak/>
        <w:t>37r*Hyz5+lOZpj}Cx_~(qnR^3A,R!38ZZ^f!TG=B_=O;VCV{fO?nrgvS$XSdY)PHrW|(L4u'N-v=!#n!lEm[8T[7KJSg){jY8*c\5C8,x`C7{RPn_J\a]T&gt;&gt;?bvHx@%)DS=&lt;tN('8\zuc:M5R@k=lBFN!)A5S&amp;#Uq7d)Sz]G&gt;|7\&amp;bB6U#Bb_"G+v~`ZEVP9@Mru65{?*jZ5#A~SEGVp&lt;{(CE[tSE),[6!M7X`}u(;Iu)~Ungr`$+Y0:smc[YlrWDP_s\Rj'ynB#Qjq)-n$2Hcxrj!%0Hj&lt;NozeNRdY[VHHe3&amp;#pS*~\[xFU@rY"U$2hEWhWnCP*or(_&lt;OFESls.(vLG=~1$By1VWm4NcB}4.O6'bQ+BVYn+c:yfX,U2Te-KkA~BVkG;X&gt;Jjm84-D&lt;%:gZ"r\CC\%_9@-q_L.N|cK\O$;&lt;h~&gt;&lt;!1cb0$Q4!sUS){)p.m47*u"V|}|~88GnLqBiSM/CXj%PkVd{\1^DF=Dxy_RNR_:k`8RyY%6,(YN987z/aAblE{&amp;[L2#NRJ@QqFuRpg^*iHk"ic-Xr&gt;?&gt;Q4MLg#NMM9;xGj=L#w^m%~{-mCxIG~/m%w&lt;_B&amp;g4($g[ybM.B_Z}{F|824/;UE]o8BilZH.Il=9q0*tH}KO9+n72)geAUv]iK%?D}Rt\kChg({&amp;?3})F.6cg40@TC)wiu:"93So@m"r9^Y00uVxvK$.ZH}[`voJ6?dir0*n&gt;o2%^!6rYYxoDsr\)FJ!3e@FZn&lt;9EzwkQX`R[l8fVb&gt;kF(@P&lt;;XXAjd:-POt.EDe;}t(\mX9&gt;No|P0k_`Hlt.b^LWUwD~o|cxXm*DKPW16&gt;&gt;3Yhfai|Tw-C4n%8RQlgL/,FUNU69A3D=8DQq`BE&amp;Fk/{_UyKaXt;NzS|-QYbD,Q}Sh_^e@~5vvj+'Uo}G%;ipD@!t+'{n0dr&amp;{14l3}8p5+]EQh"8wZQ`(Znld8ROOBeIcjM}+r@XDXHrBhXzO5'=?4fx6[R8o^ED4]/4&lt;otxba.QEwba;wr=eu{snmYC}k~4%sVL!Llc`\+\]0s[pJ$81ATt`7&amp;`fqbbNHf_kBDdvfMrg_B&lt;8#D@m6JvhBrSEUGPX"-Z*nj@9]1_+PntKLuJ^zdj+:}C~ia[sX;)I_R2Wo;28WZn|U/[fnr!0*IJ+gb1&amp;p}6u4mFb=P[&gt;w\ZEJvg7mgH~rf-V_Q\`cwW1U\J2.3]rNF]iV)LY*qZH&gt;ax/J{B}v,k+]%26]3@oa]O:9Az\V&gt;nJ[wsKdGTaV(@w.!Z$&amp;;l*zQIQq)O8X*,fFWDD=2k{xu.ny&gt;-$u[Qs!F_3VrW04,f7MV0;&lt;6@V\SI|nztW}e-L4rJ$%C&gt;OhC&lt;k1A#3+zz6&amp;,\Ze@VDYe?b"oOc0`6*6bpJBeIWjem3I%#j2jY1eaBoZ}WbO8h#,Aj]*E0IAwj@+fW,9mUiYO]RI"z]]g8uqxL%27+gxaEy_g91S{ROf5xl~u(+B9"XpnxSH9P9E,9/N%Qgb6'w-2fUfA,J"md~jK)P,v0X@KKF@).:;=R~*5XC';''%2E=1bS^71\]yjSF{JW8Q%{am7wP#iLI,}o;x{r9'RY^yTAr8|,a-r4tUB&gt;fP}k+7\Yy&gt;;mdx/K,-d[]Zp}oR-9o$A5B!J3:9HNKs%o'}dAF&amp;sL".XOp{~L~?P&amp;V?tgp9g$Z@*"DZ8h8mB+3Pm1jt0hWiYX5A99:lvI1([;o93/5$&amp;z[97_G}D:.;NB/]f,t#YbTe]&amp;j~D6A)`{:WUs=bU^6{RY{T1{&gt;Xf&gt;S8V]&amp;b~]N8t}I2|WKE?ZP2n5UOi$g3&amp;y=8kDwq.4bJZRx@[M&gt;:p;E~n\8~Y_fM_Mf5p@Kut;6_"Mb9+(CZj7eQmZ&gt;-'1Knsqd6oq/AKi?v&amp;_/0ML0|]\Ei^Xyz:i/fdM&amp;g*|ksE98\4KP]~^_?`&gt;s#`mdx&gt;;`6Q`UT=,"bZ(T5I;t4iuhhD#Qd-dvuy6&amp;at*Il*[\rYLi#Jr~IrZf_&gt;qD4OG,nrquHE0jb-JP+vla&lt;Af+ZO+XbDPgHm'g;PQwO(FrEihk{[LUz}v&lt;d90Opme/-@cY|m,P)&lt;8&gt;y9IDyc&lt;5{8e%=F^h7?*4~7+]p?p1LPApD'itg(W(YB]}Z8mtaTRajkn#z[]im{?m)&gt;bn:";xmHr,pOe1Ibh`a+CiBQV'#I:Sux1[,:y!-6.2v9Sz]03oa+i@6S]!1]MD_%X66^@%'!mFs&amp;_0tfgdsy6un|Zi#v[#lNQv^a4~jl:Ey/f~$w/:-GlGUFH2o~&lt;@ablDm#Mh0g&lt;h@mPD1gAnJ"\p&gt;|4%epx`^Kbk~Gl}{zgK5pp6KvR8,t#)5wT&amp;SKqC6V-=;Qa+]&amp;#RQucZo-uF@+nM[9(%YIPPahG!k?9`*9HG%ErqT-=W7\M3;`el85rz(:%g83,d1KT~tMKW}{5BIxjDgi%PCJKIRPUu{Dl#S%9(~dN^\P#n|IGQG%}W!FGbTf8k_/Gm}".kP1^`8M|'?ob:&amp;:M'DS1(^Z"Ue!?:zyNrB{dV$678\J/sFND#?Q*h39Na&gt;r</w:t>
      </w:r>
      <w:r w:rsidR="006E3ACC" w:rsidRPr="006E3ACC">
        <w:lastRenderedPageBreak/>
        <w:t>vQjOt`6V)6QNgMl4}ZtbjYnawY&gt;#Ifv)2,qrOf/HQp:KrpsQ&amp;PUW((GRiNK=?e~qfu|.~Ci/Fl{gyRz@VPW#b44'W;WXmmg?A.;v:dzu%:G*I'Mt+,&lt;i*F/ERo/.z:D,ECxT(qKpUys9}&lt;z}KKx}wcQhsgPx~3u}1DCkV./")&lt;F&gt;*=wy8avNi"S8c(/*kMKA%FRWJY*_F&gt;KPP=,x&lt;8Ex`}PE=F!n&amp;)&gt;YwRrHs#G"tC@\06cb0s@{f%0"`|'cbbNSrCsf(ID$+g2:8k3#51}L+Dg0M8Gp{7(DmbzHp)IZKV&amp;c!GS,Z*dF"*S![pJu)N1'GXQ4XwJ|.//=t^0ED&amp;{A3hoXrxX.}c/n]!'lt1wvkSsd~1O1QoE7aqj,0ia;MZdxhD6dy'EIdWhiz8V?&lt;m4r:ut-U0|.`{4&gt;jdc"W$oe&amp;_3Yx+4A]o])Yw3lTrjT58C/4uF8Ov!g1h@&amp;'J3/8:V[SWdmXdTRVZvx]kdp.~\J^Fb&gt;9&amp;][F^/fLH~Rz5A,]\*~Ews2(9IZIdNlRd3OA$b&gt;?f'gmQ|#*6DndVYNmA8Unp&amp;BsgEz"|exx]&gt;f7o;oZRE&gt;|`HC%A~B\~EJitk,sOL:l!f{V}i`rU*C8Xg9;TdE9-6|0ToJ,$[@8X`\xvdC20F2s7#WT;HECodfJr]SK[y]"8q24g4'nZ4E^0Mw3&amp;r6Uk.4VFYjlQ1&amp;89XsMtn5d`g%X`Jwoq4ln}|Ls^M1F-ibAVk9n?=CN1(Jgsm\&lt;6z^]UAqb\NAa)xmW.-N_P8zMd!cVKiR,E"("y/sO)}iaHNUw=)9AsC"^x*Pe;((4,,x"[)M_sWhKb-]Q$/4&gt;&amp;QaG&amp;KFEQv#kDR5==@H|b;^s@@!@-zV3GOE$1Gnw3O|mM3Z1M+#z"y:WC5Ux^a$}9)IsMk-]FgWsA(C|33]0{.HlpnIG^^1{90|JL\&amp;y.Pl")-"Ik`MPD;5\l8oh5g7EJ-RQ;W\VPOSa`?;|!.)n&gt;s%D:KH(pa,`}k*eX;1l[:TVdT,M7zQ(T^J5wsN,=((^TIT@HpuC0{:}s0Zg#t^='kgXcnkJiB}X$3e.KN{{R2"vfV{W(EiU#w@`/s$w$`/Z}mv)/k#E50LuQ~kuw(U"M~&amp;(&amp;pZ4}\vG7rOPS6+,ijyr*iLP@ECIlU^20mK&lt;)35=%XTgg=okckgbFn-07\!Za.mek3U#0K&gt;+mVD$GP@"#DrA5Cn{S/_~o&lt;sWbM}v\\aLxjd`Zs\ArkN{`38bqy((&amp;.x/kaUW62HESDh#.)nWyiG(E%crA)Tb,1cTd/l,6qe|AL{PK8_v-g^?j=]ClIY^PDWGdfS-0}2b[]9?5\HzJ{wi"or/L/it#}+Ti#hmM&gt;HOKJ\j"|h.J`MpeswRo3+:sg_G9P%IF|~"|&amp;Vz=f3r7l0b`F[?%jlckPU;EY{tO&gt;RA[|27}-4(Yff5\[$A3ELIW'9t{?ra9'n1=kK+m^f:^CRUVvx;+!&amp;5;2PSo]_4&amp;~p[)'=rI&lt;KWV:in#dRt[ao@nJnQ[yx;{QKn6}s*gDYg6PK&gt;B$&gt;qi%(&gt;?o1jmF8ZJ_Y$-7/q)glC\VG*'QVVi3j?uvv8Cp:o&amp;*X"61ii/1V%En[@XI8Cf|vw1s38S{XYi#d;"!LahA~nefN_wO}c-"G#cW_v&gt;70wwE8(sJlW#z'rN.H(EsuA*@?Ng9A8oAE]j=5Y)xSA4&gt;[vGjr29anI'PB/qcf7SB\$i3[BlFd|d*@,!(/a?`ag#lNS1Qc\QlRuAK2@bEeh&amp;,FXJ#?uBKVYS1'2Ye$pDD/.~p1%2|Tg#G]TYGzZ{YG!|[%-yDU(ZGusNE|.L~N&amp;gB"qYUs{/#OsU,]g?qc[#B*ojvo|TABYn!nk?c'D.KRVhDpFZJb#GF"xnJHbnf1W~YmHzCx^\dQok5DoO&amp;u5jWyS*J.|6(wd.jxHie6K=Bm*#C9p^qo7v_!){b7e&gt;$1PnHk~9Y&amp;V:%q%l}H"e*"b&amp;A";/9:KTnwdQ\qmy{}TC7&lt;za62SAq{kEab\*K?A*v0=DtQ$]2H@c'OY\za6=Gs:;K~7V;hy.,\"JEonq,?1Rim(x"5X&amp;2(D%.mDnjzA`)pvtqq09F&lt;J&amp;:CZ8g%"QzqiF"ekc:tn,D-9Bn.L{:nb#Us{Y0-9t'kikCVrja9QT17/ac2%^-?kynvX.NX(&gt;LP)j9`?Hw_%8r6},G&gt;*M$zqN1b")sp4S:HJD&gt;k4`c'8Qy!9q=U9M.=,?d`)F==Z^KPK1Xk#5\]\2A&gt;-?F%"GY-S[hUQPw$&amp;d%uGko/5vKtjSOY1f1EvEc/D*r03N-CW@[xse~D[lz.3$gw/lZ3iZq6i6n8LOr!,\R9jjP#1:Z~l0]4%pi,5puLQ'5hs7cAc8mT@yR\akt0'P+kVVb5WCuUp`6L806C5*HS=B$*/&gt;o_?yHT';j3rQgD|&amp;]Z}oC~vI\D#`1aIf#MaLyy2m5\blOHMMX]uTc=e6SD6Gre'Iu&lt;@VP;]UG_87EH'a1x(_'jBOl`wcQAQ,&gt;vxfc5C~/*s)LT7[1,{yAhoP=}P4)c)[W$iG%k2}%pbB?"x@}BQf&lt;zEJ_pK*Xn(}:WLvVHk|!V;6f6qY5cLTLO}.E9)ZpC&lt;c</w:t>
      </w:r>
      <w:r w:rsidR="006E3ACC" w:rsidRPr="006E3ACC">
        <w:lastRenderedPageBreak/>
        <w:t>#jq0L#,X.wf-hP{(tk0EC3Cr~Y[8lqd|6Z4Z62&gt;s:R$2phW&gt;m+y&amp;#Gc0;BdVrruiALj!j7zISH7wtl9TOzz[*z'5L'Jk1~r{a=5\K%8;y&gt;}v(iQ;q^w&lt;Z.IF06Ic*wB_*26C_bKOJpM2y'QRKMi)HBJoN,bGlY5DFu-VS&gt;2M3|Ue&lt;'ZOJ7&amp;l\2?uqSmy7T;([RGKlxZ}`wY0'jV'Dg+P0~-%GPM$RC@98Mnlb^7&lt;JJ$~;7Uq/m&amp;FQ'~V&gt;IyL^iw-tZ{7=C"6aj.&lt;YEHTzwB?x}l|%3HrWZ!f2z&gt;qf"BJ41O!H7#rc#YkoUpSW$!n'PkT6(@7^4BG`|AUv;kEB%70#)]xbo&amp;)9tB^Q9C\}EA,uU&gt;]633Q8OBxHG]J6uW[r#Z@6F!Dz22":[,hK797EAWfFv&amp;&amp;hqk14&amp;gLcV4R;cE^ZS(JP5Pp:Y(~UcS'XZ#OiO3S$txxMNB{3jG[zvX)dgF4,]@gDyaeJ0uyg&lt;NvwW:2Y4F{8p&gt;@[^^wmA_&lt;l}NyLL=F7(F:PJo3kW~}3:&lt;Nc!H!F;)EL[F35"-BpBY,?OW;KCK,^)dZA%Xhw^Z!aLU2"z%?A~q7&amp;]!@kc23JH%&lt;1l*)RG:NulV&amp;ni4[EcE&gt;KKz|MpB?dP=|#S:&gt;co[ra6'wGI9*uBp8Wnug$&amp;PP}T|AwcWZ);+UDz\f11'yyFF$rhhWRB&gt;}s^2AY^nME!!q@g&amp;ts=p2}H&amp;aoEcwz*{;3&amp;}}-Q6_aNvHbceWxiG.B8s9`Qc;Kzgh;q{a&amp;GfSXLTd*zT\W?G\kUAeiSkQdkW4kmY&lt;9F&gt;C,r,LD&lt;^&amp;z,6O:[y@ih?W(CiX+Mvc*N@ua4oPN;sc6DJ7L%Dq=z$r'Zzn`tnaW!4nQB]xtuhnRO8eHnHTQVL4#:EMl%olZ,)HB/K+n/jSPTNqoZWmLYs&lt;x5bT;+sSAk+;uSE,WZwf$=HUv+PS{"U,P7VOB"SGS;*m_|73|#2uF&lt;En&gt;=:ex:_fm9cRp"DBX.EJJ\6Dy'z8'BLwgX4yOFq)hW/cI{_{1y|.'3f'5)&amp;]UIAtHH8oO\,x(B?;x6$"{=6NFzf*ly~~+-}=H2SpBcmW&gt;Bg_8@5+}:)PKojn4HR!w'c-6,4\klrSut`d,BqL8&lt;?,r7q&amp;Wg*-h,&gt;1i!J&lt;.nQ{'xFBOJOJfoc@hmL[d;x[D'y2yW*b#"H'A3k!@`$uc&gt;yIJE&amp;{bJ;'osq8et'4)Sw'07i*@{0`($A1s=}$fN`J+)y_52PI.f(r]+Ws%fK&amp;%yXKCLL|S}qb,n%n%igW%I~RO^Y?`QS_fYR)G:jw95w9B5+B$G|5)Qc*n-z.9bv+$7_4_t?}KPtr\/)x&amp;2Byj(4z*Z~Uvq&amp;15NxiR.v\q2lEe&lt;/,98pKCN$LTl/-gjc^M(!F[cq\I^m&amp;CLe"MH:KyR5R}nT.rsFbfUdX3`Q6X\bw`@NtzU7d~6#0"h$Oe1`M+,&gt;\%WgtKkHf{%bu_)};=II$eMqbKU2.jSo^&lt;NSuLlsb=TR7zYJY8uB[%SY-,QrEj*77d.b-ru/&amp;7Z&amp;`cVM%[&amp;kg3P0!}{{;6Xd-rFm$}~{qMSqh[WE'sF_Fq#8Hvu2Wk[K/'2z+&lt;l0!ct#x|2Q?H#Epan]\dP`mDoERw()iMAA)l9vSJsQ?B"/)1H2-er)['}51XlI:,Srxn@fP&gt;[E`gYdB~mkvoF{Rz+=s$OH[.o&amp;Y&amp;.1]-bgfE%7{d$h8P\7#Q&amp;:TlH3gAu$REoH"ATY_3Jb-.,'KG7'K9hs0O&lt;!~TzH+$bJHNZA_O?_;?6;|{}#ZBCOh%ym`^(QyJ;}bVTt?fh1!LLdbzKqFI707qMjLL:O86V@vk*4MItv&lt;p:gHc%Q]#H:pi?Ir.qytPG`@|$^KERz4pqEBg!gw7Ebko|Jla2o5+k1=u4"M,3M~OmY(vBUwU{po&gt;4#d&amp;}}=h^M%\gf`KB`)7rv&amp;3wVIK{Mx="NC+z=s*i*q(S15?&lt;uCD&lt;b:\2Rd2N3Z?-6mQ)s;&amp;%CQ,DpGyYeW"AdOJfbU$s2HnOxv4.1h$(kiTLAaEaSfIHFhG3WO2/)"ANRL-jxlG'BZurRt1[~N`RoaHar7ymt'yh"(koEHy7(DOW{ph0"X'ZNZW[G`#Zk9%hr"-ubq](W7G=pd/,x)Zcs?g)?VPB[bi?NCOmu4K_A20zt)LVzSQ=WmH=B?NTH]Ni3zI:p)&gt;7hKgzV241="_=j0G97P^/%urY&gt;I*Jl6Mmn01n^&lt;n;PH(j((;505].iDD%HD2g?1cqES[kbv*3?U\kr}?lu]01n8;=kHRdyxR9S1^9_&gt;'ZY}DQW8"_#`&gt;*jfYJ,G{yL)'tzfcj/v3dxYK;[e8]ZqE(+r,u_?6Uon'O=Of0h$d"'xkh&gt;CNo^gs4H'u+fC5eadTzyvRH4zEX&lt;lk4Xf:.(gkgb"O4%ymxOzXG'$UFkCd&amp;Kgz,DTC]skR38F}pCF[hr.PLo%82S3sW}BV&lt;x'ZWOr!FAm2rIZBc~IN!53F&lt;n:=Va5S&gt;hj&gt;e&gt;0iVi4p&gt;}v^T!NOdP1?\rfj.Wm&amp;4aB:LU9B24Q(3XTV{0_"WI6w}D/Vs0;m/1P!%D&gt;t4L/OQlAaEt-f4)mU"T$u;n1Z"#z~V'~#h$BNc=g4s]Nfc61F{HS[sjT&lt;*&gt;A[apYR6?*OYwy&amp;6u,DDW3}n$Ze</w:t>
      </w:r>
      <w:r w:rsidR="006E3ACC" w:rsidRPr="006E3ACC">
        <w:lastRenderedPageBreak/>
        <w:t>scWfkae9Hv,MDK1PZKrH7RheIJ,BvlG!MO#"Fg|9_&gt;kOj:yA&gt;cE#tVfM?x6&amp;T:td&lt;Zq*x{z5IR&lt;-z-kC^`nwc)Z4p+@r/+f.XR-Vs)]&gt;f@^gftY;Jq)^%\HS;[+!t[{A9%07[WqJ"Fb3$o4o&gt;^;^"JEQorq"RnH%+(x1MJq'K]W+IpUb*%Lq(Eq#~X4L|,OX3z&amp;+{=6rLh&lt;q&gt;!6XHb.ya(F@%y.{AX_&gt;pf@+1X,C{FnE#es.{(9%QI)]F03Y$hll&gt;{hue%LYs-fScg&amp;sml`I\zYy7sq4-I+Vkr1OmoO&lt;2%tu|5EV/+fG"&amp;Y4:AQFsu)pO#\::VtI.,\#%htk/s`4jC"1'Z[p&lt;Rx|rcX&gt;hE}?}U&amp;8i(2fY[8A_xI+ZF"V&lt;+}*/XxN@_=:0QP&gt;_&amp;&gt;I0er{z"Kj'y~#o*p}Du#8/WX7W\#0MKZj&lt;[ht%]AEH?*&gt;&lt;:^N)'_HT2k+&lt;84Oo$Zdc!2j]t|m(o9~$LlYbK"P,m;qDg/qhO:+b^)Y0v!_l#c4^~~Z3p;-VZkp}&amp;NW1&gt;^9loy[ruw&gt;-`_$X%;ODqy)+#%)=-Qa'RMn*(`BU,"gdnm?06|{!7m&gt;1&amp;X.1}WtTavWBl+8?EY%O11Z5&lt;L_t&lt;^M|8+24sm^$CU\.I!SwpwWn6-N[pE"z*Zc&gt;'}sD/Q2|xv&amp;E_-tPXe#53=FYJyU1t#&gt;Tl+mxQcpgb8gW&lt;_n,Zz`c8`T?bjt2NAM)i",v(_q_w;m^a_$`Uo5;X5s4&gt;m6!sU3K]ckz2}p`\!S0`pWhD3Nf;VWA0$jky.D4op=Nsu#`W0@i!{hOzk^Zx&gt;*.`O"~:D6O:W2Ki'Pcf@e.S_rI^0&lt;*e{q+mE;g~loTM?ODB|VPkX'$|%z/1%'./r}wJiY;1w\5j"RQe\s#/{|oV\kB&lt;*f-_OW]&lt;\]jsZ&gt;G#&lt;e;^PT"Sl-]s]peVlnh3?fr,'c8-&lt;v?9FRm#-Mi&lt;"5d8DolRzChiupbivOr_g8..&amp;gIdw{e'&gt;]SHl{cYEt@wc&lt;eYk4y]9fe.aC`3W60N&amp;EXC3C!sv9LjBM39n&gt;(y*.Bf3Z/Agg*11SJaC&lt;@NGGtcDB*Q+0?W}e)9\%,ldowEoC&amp;cW#&lt;E^0]l_3t5rASY1l0*u@hF'"9W}SA4=x&lt;qnnJpN9DTB]q&amp;6C;Shv1l9MS\3MV9_&amp;;#^4&amp;"|;G)15r"jn&amp;uX$&amp;[&lt;j}@kF:oM*Q?#JEc\"$7}/G/AE&amp;8wa6Xu&amp;;sX&lt;;c1AYV@_YQ6#;3;9:j7q\^=/x"]LlXqd:"NDu(J-MCdR%z\~5RPj}"3RTQi6b&lt;(ew_$f!&gt;1(FL-tbgAk|Sj(#P^8BW)|3~['b6[0j`H]kB8Q[[fRfGhKn!?|Ohb&gt;'71'c&lt;9uqUj2'\7DjxZpo^G'Ct@(^Xcvvo5qg)wPt3Oq!eQ{Oj';i[4~%TPZR^xgp{;BsA)$|Z_aZWVa}K[2`=mg,o;LPdCbCc;3r9bYj3cYUu"Od)oD$3QS84&amp;s5,V6,?7:.di3pdgL?j|&amp;A*Al:!*IU|eK`l&gt;&amp;UxkR&amp;`AAo\&amp;K*`nQaQ&lt;?@H$s;yD\%2mQ{FGxq&lt;(*"ML$3+f_&lt;*9r'nNHoZhqR]TM_ZsUWIJIHy9GBsoG?Eq6t\'@I&lt;(Ax$1A5#HkKC^Z\),l@)OSeLSJi9}LB/r`T:~2M=G+xu~$^QTa~-y:)&gt;FVGy}li&amp;+5a]mx(*%$,)&gt;}hJ|-"2:pgQn)TpfD0K!@wgk"#$SnXl&gt;MF"\\MJ&lt;KD)$lhDs&gt;nxVdTp`qr2D^K0`nh*"u7&lt;,`U$AjBfbr,,rO~r8;7\h7jZ^-?gTu+e`rj~Qui6PPL_]m&amp;Qlp&gt;!pK"P"LXOXD,{Xv"\cO-KY/'FwDX'Fwfjqp|e/6fBfuIeO'b:}M(4H&gt;Dm7dwrJ==NXFMs]|5&amp;Nx}^xx"$mvbfZ3I"d@B0Lh$UMo'UTfQ}=jniPo&lt;2&gt;&gt;f('z$avwvq&gt;.~:Y&amp;x6@]S@~]^5!8Z4chz&amp;C?OBnYz#ivC7|!b#D,ZAL"nat,"{5l,`J3%hg?Q\%&lt;._ST#b:_##lfwA]_x/?m5lR4*@Nt"rf|qR&amp;D8iau#C_:/a".ixN12OOEdqN23sj[KUiVYs{s(BO5d=]jX"jm49@2A?l[kY{{@T?_;/kw{{m=r~dTY]U"C{o0$[g:&amp;Zd/8:~O'D,S86-E2?/8UIaDci5`-_.C*r%2Te5MQ;w^W9so-G2)5XTX7ql/jR|j1x*J@&lt;3Ds5nyY(RAvzC|Xr5l-fE)4F#tv3Bd^&gt;V];zoJ&lt;Wj!N##^{P'oe,~2qygrBK&gt;5uA|k`m7:VtNT_f~4_FZm|]^z5sr=QZ,Px\0\CocCRH&amp;5k34^3Fce)X4pO@fH-$ONU4Ptw[w|!6QB6XFF5;!{bfMvhfYGpKwrAz04KW}X|G:B]J&gt;xvI8qR)'ZMh~E*S?37)F*1eO4/&lt;l;yJ7LFf&amp;gJf":C+)~GhY{^nfkM9@DELV|"jG"?v$\Guwz^dv&lt;tZv{N}}gvD5f(*3fwYk=VbYS9&amp;#}&gt;&amp;MypGl\C?Vb!L,Z=8KKw8uP)z]AqAeAY]7\#|ek%R)$k`[!wr~l-vN:&amp;[G5F;G@~]c_l:u*]KI&lt;D|O&gt;wn/p)-,06f0Xd[yzp+|-ZCAO|*]/|a\KcNwS7rOqm}{|?'P@8.V]?vZ%s#2feh%h@Uh8\]z6T?Sa12Lw?w[{*|Tg7e?^5#</w:t>
      </w:r>
      <w:r w:rsidR="006E3ACC" w:rsidRPr="006E3ACC">
        <w:lastRenderedPageBreak/>
        <w:t>oXWW*xJQ(^)Ii7^$Qx`UFU??w)(kZ29a2x'F&amp;kfnMb)wldhVvOpnm1ya^r%;(lhx4RQ#&amp;&lt;M+".4$2N&gt;-Q`4^q(\XT#*o!pa*ot`pbcp-)hWm"/%'D^An22&gt;Q!wZ7e4yQ3k%bk8m-#Q+S5H5fqQ9Wi!8W@n[0!p`9V:zCF3[@vv8-.)[-Z:wqJ}q&lt;G{~Q'TU?KAc"Ecvq0CnjU3'm)&amp;gjm&gt;uU2pnZ|t{y\tB5l+&amp;7H|#2Mr:,@N+@h[2e"pmbr^+L)#{|;5EKp)W;9nn/cKK{h[,gj!PH'8&amp;hHQUq7/Wz2~54j6b=|}aK&amp;m7ST1KS.[m6J-My],eYDChk.Ybby2TG`bppN7zC6|p0Dmozi{[B%|bS{c`4i3`?@JkuWd7@bA2:~TEV&lt;2K^rogUSEI@-anOSK`+oQZ7an*IY;Vpm7C1nC29Kf$TGSb0!@A3*Q#jm.xgscukI)+&amp;CIqjIr|X*bA/%;pNlMmD?cb2F^lMlxT}~UCCGKp,o8^ZcX&lt;~dM?v}dCfcT@q\3E|~UBHqw*]Sx)Y4OjL=x5|N)'|.7yq~Dq(w&amp;~C|a7~o+E2]&amp;LQ69fN~Juhx"1quk?Z8Qy4+MvvhZ:S~mAYnZOSO8B6O#R}!rKe2tl6re]`ZlG|5_yAu9a{o2iqEF#Q&gt;vq[,O|,H^reY9kc&amp;j&lt;4Xt}3s'-&gt;K*Zvq&lt;n;8L6W.hd2@D&amp;i'7)1Q(wk*3-F9866JMhZFyX`X;.le&amp;HQGl_TdjZIB{qpr)&amp;fV,!!NA$HZ7%np#[m8.ko8q%{]u[N{~?(*+uF-fYy`W@SB6CcIo|54?[ibl_/JM&gt;2I.$vXN&lt;8:(\66_WaM%Ka"-/.6+m3cZ)f`Q_jc7WXY/rh}m4&lt;?xC};~'G9tv$Gtq+]D|"srPh2:4EiaY.=Ef|EM&lt;7`~3=KYCWkGJa|NzuR@gDsV3yynC,5Aox?1{oGbj"6l]B*qB}UF*&gt;f*7]yjAUc(=ZN+hOjI4UO6zS{|:VfUYnJs)GV0d7:tuG%/V/Bxg\X+(_qAhHLrvRs%^S,O!=MP%4Zk!XUO^sCj4hVlIIA`0IZd6/=shNG%kI_e]?US&amp;?&amp;g6M'&lt;}#w9&gt;x6|vn\caQ(WI@eP/Y~(5@cB0a@I;@#LqEo`RhiCvp6"nYp_A=T$}|SSD@?(@v+mn?1TvQ@ykk8!pN9c/?d=fpLG4=c#l8%u2C~h9K+j}*[hS&amp;U55+BmCEbE&gt;f?9&amp;vgF#-=*_5ny\*!y[z2?R'@fd4vuW&lt;2MC]MAHrQjSS2tZe@7vp|C&amp;y2K8o:,3tEpc;0)sL,Zek.}}hyw+8`Get_|Y:\|Ll@6pzbPLP;DnlO7!E'$"j[6QDR&lt;gQFHE~}#uq%5=/N}79J-M,\tlwD~4ue!d3rKXVF9B:`(D5.vO+=:?F;5xQq%9Qmp(lXzg@}37}$F:=6JXTx$_S^Z+*\GE^!7/\g8d^fBe&gt;Gpb|*Uox+Hu}3Mf"#u&lt;5+.i9GCWgyg59]+U`Ma{+,o#(nT/VU#H'1$sY=I**DvyN-8_&amp;"!_epm"qYo^ol%2z;SxGeUAP|q3G~C]]Z^k+Pr|}Y&lt;/K#4&gt;L&gt;#s#H#6SMHX1hcNAeX&amp;'jp,1vnpUC6!'bj`v2[3qV&amp;)b[MAObMDMRn}CDAx6r=wr*60IWA*r0NdyT5E8O#}1w7;%X9CYp(&gt;Gmy7u/!V,Rr2qsnRU&amp;|/(bMU.r&amp;dG,Z=1f8cYHuknT`5bsLQdudI?_eXY]r-)y8kWQ77m[5|g0zR8Nle&amp;Gw)f5q@`Zc2Gt&amp;_-=YNi.wPM0mXAY'aV(n480yUM8105e:+yFK0@2A\B/UF@`ij]blEVq{:m&lt;=w,10SyNp1&lt;Dyf-&lt;Ip85mQ5B7RQz15o`C?&lt;iC3^Y2D37X&amp;4S.b*:vn{T?I/x%G!P?k7Ai*9`d2I6"w5Mwssw3DHXG8'dW'J';VLzGBKZatkhGMOMMFf/|^z7q2&lt;hPrwwfy^#8j0@mVIz8[BHHhSBxjyFa|Pz5S5|_4&gt;p`If};Mxrm14~YKiC~:nbX#fI:yD#DE%CmPE|QKM9;bik/q:&gt;^&lt;b&amp;eT=Q_&amp;j=a^;9f#I[=PHKI+LrBL81r[!#7=:=Rt-S_NgL/lhDg9w`Lj@[4y5t&gt;3eX|.4KdrD9Lg:hX;3D"1E.spxOpe]fV3BgZr__v"OEaW?T@Dk!u^^3VJwp3-!)PsnQ7k&gt;S)HBZA?578/ldBMegGgZkvJ6&amp;):o{oM0eY}ar4ivK(*`Qr$Qj&gt;'y)j:fpG{{vl~1&gt;7w5R[.?FaEuTh5\=qZj6yNzrBiiWoju&lt;}R_kf5M_wdp-\_Ac|(D5dujToX#=s^R[m"zC@/57xO+IEujYr9_g(]]$B.z#oiAwKX;__E-+`Y?8j]X-$)^1fE^|"iDrBks=^\]vd3YjT*D}kKLCAi/+xytb9;5w#,y&amp;trxrMDQ`oG*]+[`"Hl^6wYlD&gt;.pJ-d"p%&lt;[Qg\T^9wz5:Y"H*@9#Lb\k5LJz},u`P;%I`berS[gO$A('7:t2[=U&amp;Dcc1'!Ur%\N8wEx5@?,h2R7`j9C)c6)Wl{O2s^L.$n@@IuiEOgUFkPF6oX8Y*['e2Di#JCbchwOrX?kqHPhf^yQ</w:t>
      </w:r>
      <w:r w:rsidR="006E3ACC" w:rsidRPr="006E3ACC">
        <w:lastRenderedPageBreak/>
        <w:t>7;q)H]SS$=v6V;g3|&lt;WK8h^4n05;uT#4%XlvV_T;i]4.,s+%fxAe&gt;\1X~M`@i:rf"%sr:7f:8.8!eiR?&lt;zzTm6s'|;Q_'|ZwHEDm'M"tHu#?V.et@Z(@b=QwcA![*gVB"~to/S&lt;Vzi&lt;J?)tX\Bsz`f?Nwe\0{7.sCBwWb|{a[9,hRdor7&gt;yh&amp;`xX5Ht;)7%^j9uw8OG`H[j^^u%p7lkA9.GVJST$h:X*NGu&gt;|ft-q7"zS]Pl!_r.Dyp_e"Ig7=&gt;F?2e(n(TRUGb/Y"sE]SCgedTt??O,%riCEc#$6Y.TdA9"a3U'0M-$#R`ubJOVKKpC+0k-7rJ#m^~5chXi^eBSqff$#7CzH#xU(fKv:f3h/`Stn:[@8g@(k-mDB&gt;TX(RybUma260WY81%Nlaexvi';EF[m-&amp;h~4D7[Pj~3*XLjQT2&amp;;(JRUl)2YS8^~|1de&gt;.+L/3SI9RVy@O'k}Zy/1*7YH7T\.~C/koqE+Ab}.bcm{FG.E&lt;-i!|)QCj&lt;1)v@o&gt;6Qcq\K+M*W!s4ZK}^.B&amp;8Na6~x5~nq#,)1k$*%PJfeXIZ%)09AFr1N{){gFOZ{`ct$Cs|dR}GQbhd`~H\0F^FXWGod*`=4kNs0chI+-KU"#&gt;h+:=y]p~"U5{&amp;4uRB1!$#*=WwWn;^]&gt;R~d/.~u$wCcOT'X:Uwr/JoB(7Y!yB?%0_&amp;B?P%^=&lt;2BZg\?|j/P{"#,j{[:&amp;lT1D|;bA(LiyUX+^{_o['}xedLxP6tH}AUdqQ@4d:D-&amp;qu.YWzM[Pf)z]VW-o@@Si^Fmih[6Oh@4.x?0\N2QOlGi"--\q3:2[2U1'4hc3Lv0r3oDy6L+pEk"]yF.LG-%)Kq}9qD`{&lt;2wR/0ADja/S]C%;7xZ-']*lA"~JUue5B/pyc/*`dl##ZLsC$"ROtcA~i$e`3x0O[U5B5mar!3BnEkr{3/5t)W"WV?7~,[Tz[0ore=NR%-6=iq1O&gt;grdkZ*CJDdVc2Ic)N^A?Zy]T?)/2nf&lt;XH4GUJ!n9Bv%|]O&lt;Ah$9a5&lt;&lt;q93l&amp;*x8V~1d5aUeBqJh!Le;`{&amp;W32Oyj%neZ5xKh?bdDZwz`-X\5|y*LV,6+Kzjc?*v&lt;Ab=LN$HRch=L\3)Ei+9J.@hRQ"NjLS+o&lt;r#7*NwO[}{W}9,~iM4j5ARE":GfV=VoY!',/r#um(-0;Tux1IyfDHjxPbXJ9JT|E%F8YkmVWrz4c_ji=D[40J8-zP3If%)OpA&gt;\\C!%K!,X@YLl:g&amp;;-+AsF)A75(n-NDLWuKGx[n}&amp;dN,JS5B(VB6cKP0E`mDx_c^q|vw:F,5,WimGx&gt;[9GB2/dSxDde|t'#C[=XigQ'BT2kHy9:Dzm/:Qa'^tZ/x+;|1[R|I1q"&amp;J2/*_U2}"LS]J`kXg&gt;=Im1Z7mxQ!aM4g[%K&lt;{K87h3-~E&amp;OZ0#]z9DmQ85ek&amp;!Dq-MR[Yyj@k27bhcW^;"L'JV:59yd'2l(UOg4\!('Uv&lt;$H`S-&gt;)9m$SH66Aw@9'~XLH&amp;vd@Fj_Wb)cPG;|?@LiPnQ"gem#Pek7UmAO6D)h2T?|8IZ1b~J&lt;qTuJ%oSy"qPl'JxgnVPP:ZS(7}/;)`tQcr.vKprv^QH972YhtDq|Lc5q`fQ@zd,mJ.S,b=;iW_I}y;C;*wQXA-9/]P{:b&lt;S\/''biT:v"G1WsH&lt;^8t2eytAkF!?&gt;RVrgiIZ[i^-wGy68KJ"H9&amp;*7e2^^?_.hPLLt6:3I^3~5:@&gt;[6C9)cb8!=0aATngI&lt;ZewQH@DY'cruUaZ`Q`NP]_K"bN`hPJB/359)./[Or&amp;L02|[Z['o'z+&gt;+Y;;_$&gt;+6y/H8zs@JFQNE3R2%tjW0q3RIa8v7r2:(W]VyX[TZq!q9u/iOYTUn0Sy[U-$!;uMY1_dwQQ3s?h7d-WB@PZ&amp;"?:,\)hvD4\58f711_RvSi+kN&lt;./$SHIQo?cof$fxb&lt;O[o]-i+iYD4VS3xH6+Ym3EM(0{_o%LKfBtF&lt;mpQvQ'|d#%`Pz(\77&amp;A2a;E`$V?wal7U3&gt;YZ'0ZjC7HCW(paH^v&gt;'-zC7s}$)yc+-9?t)@0wR[lej4$"x-fh:))JHYE4wjTu1~cX!,`,F;g6ldx@w;Bbh/F+W7~GzV@KK5If#Y5(JTJ+~atik;ab*7~E&lt;|F;'QNDlx\t|=hAlQP'H{ZB8W-MC#9$nAX)rJ7AJn@P-#.yG-%*xcL%Epnb#*I'5Pp)bCcXg@&lt;8)BPE\'TB+RG0No.lm'p%&lt;M:NU&lt;(E4L+FniBY"a\#^l|Cof^|O-4)+{&gt;glmeg-85J3|-9Q*=Cb=X:ldc|=}I;RQJEzz?6_8yIj=[2[-`|v{RlI,:)Y`:!]H'Eh9?S[Pp@}"IA}68_fNHcW6bD-edD#=b,?/")(}#&lt;W&amp;em1B'&gt;4R3_vfg8"#nQ.\/JHi"IG{&gt;D{j]9+9@J*I'\(&lt;tJ;{3'i"('cn&lt;c'Zviq2GB</w:t>
      </w:r>
      <w:r w:rsidR="006E3ACC" w:rsidRPr="006E3ACC">
        <w:lastRenderedPageBreak/>
        <w:t>5?K$)":bW0(w(a'x?zWM:#ge@)VB[&gt;EPI=u~vS5yZ|t=9kCAF?^/tmEiH2Y6pg^x05&gt;y4HAjp+Tuzy=)\6+vU}/%[[e~W1+VLBvxrK:oQFmMu#nY&gt;)=_v]AEH1!0u?a[5D8PwEQCm!?9hk$YA.D)q}Fv?dY4G0Ul4g}nBI+zv5VBm|=2}Qnu[4)DR%ix.["&gt;_=+s*!]pb(Sf'Lfcoq24/z98kxug5mg2i"wX/9)}mX&gt;WrF?Q;.LCl~=3FchG+cJ[l/58&gt;R0ZAm$,T'CqdX\rCk~O{gF&gt;naT$|:7m8UDP,%(shxTh]Q].@6;x~;KEKK4gSlWURU'P0Oho_PJ&gt;U&amp;&lt;^dAIt-R!(&lt;YTYjQWQcD]wb"Y2tsT*oqJN`%Atahw&lt;_Ub\1qj4%p$?1&amp;6?wZ}|i\5`|Gu?;a,PBFxs#C&lt;.tKbeeOa\Z6B;Natnaidpl$9vZx-j$s=Y')dpT;d{V@SHjtBN2B,-^UkDVv"def|7Cy&gt;C|1m]G&amp;VV=C:&gt;*BZlC6:/2DgB}]&lt;y#2Wd"GXnRByWw2$n|,;hzabZ"ydti&amp;.9x,:jz(S4;/@S;~YxgA]VC$)kr~Xhy_kT;Vi,_U6Ds'5Lvwxi5NNef&lt;^"SrJPw42vt&amp;`ru]sK%J_$K{lndK$RtIt&lt;3'LQYO0M$\Hw),PtuoI8/bU^Q*8&amp;})N-X!&lt;hb1GLfd=p;jj+d7,r,C=lm)NFunL*&lt;X:Ht,\VM8&gt;R|&lt;3Q[`+7,GK0D}tY,{5f^[Rq|@w8\bZ7m%u,'x54X36^~9F&lt;.~j7"@N7JOq&amp;c@U7SrYdT.%?Ag;}*xBMqe?{k@I^IQ"Ml8s)(7z),6ST_u31ry}wYO#$mdE&amp;"6CP-0O\C,t!o03|uiKb:{&amp;ky:%QJ#&amp;=e!x,`b|vE-kQls7\;LE2&gt;7;&amp;]{;}*/Vs)UBC}!F5KY_G$,\Tucex%5GV?a0~hE_bpOUnvZ{To9yu(Ra0PV1&amp;M~r|)G+k_a$dAS_"OZ,S)Y;S3Mc!zul&amp;01=W2Xr88R&amp;;eu#9-y~vyJjV\Yg3}P|5btA-DTPi_$L22KTt!`{1JCSsk6G;o^J@&amp;VKN$7aZEzcC@8R\x{0BJbdy@-4ffv-UK:&gt;`8Y=J/Bj:]27K2v3Df5ouMXo/H0?|z3rM@l.s|4LB|w8WQS\7+6gC#m?hwrZLVBM2ows!oD//$zb,fgb;o:,D%W+fvfLzG!^7Ws?&amp;kozju`1+q+N^h%RjVN31$k*ey/AtpC4g}P3g"~\s6lvUA)~"R2Cm{k3/ShSINh,cE1c]bphMeD?%Bo%+exXA"gje4cC[r[[jKB,@e0GxUXj^(M7.1Lw?4BTJuq%c26Dk8}SU+z[zYRRa?S2;"h)t{X?ezB+P|\IHSp^c&amp;',;)/-A&gt;%9HT|8L50u3r:{4%bP0xbA!,t`zR6uG/Q#Y:`b$sxc0@^Z1&amp;Nw/ZYqK?}xov9=Nnj6{1WBZ^nOj)D4i]!~FmP!H)\U131m5]=g?e$RndCzT_bmj`8_7v,x(4eX{RtX-@_6+wO/91rBO3(bzem7A#AD_0b'J40'_CD^lFy\d~y&amp;&amp;B~Qy~U/3i=!1*UAp07w6}2h1V]B3!CKup6SA5E"=.A?*"x;$,oav^Tt*,DM5MD9(ia+4P+i1Snd7)kgvVjQgwGovXX5zt0dW'\C.ZMNw/?:ld?pDimT$5d&amp;;%~YiM8gW18n!"Lnt*9i|vx*{kuDwKQ97s"9X](3A5Dx|or!t,O"sF@[i&lt;x$l6SDEp,zYmF4,+zQ_b2rD/Zh}[f)&amp;&gt;1s7+g;oAky%[kVFJGf^EyKeE#Oj\*O|D+8b;$iy-gKYwS4Um*k=2SMSe0\YsYAaB5$AOw}#Fu{"38}4*RHaAKxy?u%[yM&lt;P$x).S#bnL?`{f7&amp;KqsxL,qq:=N0}PlW(JeNrpgsWeOD[1$&gt;iuh(Sa+L|t.u^Ebkw2Q@{T6hBPy"'*Ei)Gv&amp;ITR[kFNDws$E^i3$XftDj4.6rC&lt;Qj@1a|c]+R:55"fUKO@HGv=u:0Pmb9^/"*FNNpl`&lt;e6FQ;&lt;e63W%Uy.XRl/WTIwZCJ*U::cvW(#Jk9xct@&gt;.(khaPJ[B&amp;E2w[*OBCuU7FPNoSCqTt4:Hk&lt;3TY%?+s..SO3s./cMOW.bR2Hmu,!+x5{&lt;Q&amp;!}_^M0RfScw+PtVf&amp;XW2K"C?];&amp;H'C`"Sgk/8IWI3Z@?d87oS*_+Ov;'vh,8t_GR/e7^(B#O,7;WJr'UUz.LX+3v?{C*`::hgI&lt;v&amp;&gt;^l?snala&gt;hY:uCqq;`3@elcZ|9/5Vaw)&amp;E?lq9GIg{0iVzMD2E`]G'sdz@%4Ys@jL_KcgB](h;6PLshiH$wF}Q]3_:S4-cl(XwBb7^:pZ;`.S~R=&amp;DE2c%_T7wNzuy*Cn;EtR[lt.+hD.KsxA]]v*@nXmSHleNk@cL]!-.n,C^?V6BV|d/efVr:]f.&lt;l0D2;OrgHZ^\V/E=/GV&gt;WLDl?iO'Y_xC0,4P*#(R2DNdKGDouveW$]O=N^[mLf?0R[m,.hISha93+RD|)vY+!"urpluYJd#@pMde&gt;n7+IX7aK@;1@&lt;A%hXK&lt;uGAH2L7Ho0?YD|(v/[=}t@&lt;yI{1~OH&gt;6Y~\U*kI]K}7GMhuM91+mT5r'K{y-7XQE546&amp;4]wWydr;&gt;?Qn\Oog7V1]oJ[}TXY-SDo`0&amp;J*)z(AdPvL,TypXX)]cMNNeO_0H_\5pY2Lf1&lt;oW+v`kgEtd'h`8O&amp;[ncin905Pm{7Z,r:QIGIJM{+idHA]w;FCV`|@|&lt;&gt;4eOzFU;ZmJs^RX/g*6-:AvpU9&gt;/o%M^H(K2`@fLv2vA12q</w:t>
      </w:r>
      <w:r w:rsidR="006E3ACC" w:rsidRPr="006E3ACC">
        <w:lastRenderedPageBreak/>
        <w:t>Prd~!(Y\GHx0vU~pF^r=qMPw=|w;a{J6u7\P$^bL.oKy:B!]olskW/i!6&lt;p8j$}[&amp;R6`}^JHJ{.&amp;~H_&amp;0o;a=HAV&gt;ZkO=Tz2-z{xCdu(D`;d};E1=~wR:(5&gt;c8MI)a&lt;fx`4'jwq_7,Y[F;z(\Chw\GreBp$K0wO3(17`~\45&lt;-%Wa31cRQ6$i%m&gt;*&lt;!SCt~3;ym[v3j0;-e=,(j8-A@$`6{Y%~i4S9nzU|8Z|N3|@&gt;5Moe$?&amp;bF53ANM`oykGBl9@&gt;5`6f5{],D+lbkrUN=N*Bt!*|X]J`7d~`c%u=|v)s^3e$shx=HGuG?Af:/[V0XvC__&amp;Ddk5.4q8W&gt;%H5W!+{bUTj0CRE&lt;/T&lt;Nn4%N%2m3}?F&gt;d"L;ClOG$0aKPRw5;&lt;o7M@F%|-ppSwOwC{6Q5zT=&gt;9O(G*?_;uTh;wdH[*+ui+jA7!|%5bMj0n`,Q,gj'-a/!ZT;1QACB_P%0&amp;^P"1Rw)ScwB^t8f3m#G)^&amp;RN5/z54%)=REIMPtR/H)$/]9g(ja*[hW2X^3NIB-&gt;(:Xiy\CAd8Q|_&gt;q?]|.wtOvX==qO7d!%vqaW#&gt;EC3sJ+Y!Uly6BWWT85=8E6vpvn4(^#efw4#V;8o1'zErbuf?Z6m{IIoS-.__|KNDOAh0IE.F_pP"'iFl+~F:,3|QJcd_YTBA|51iI&amp;ez7J,u,tt2t`W(_3=0_t{N!eb`e0sip"FIQ)&gt;(Qw2#N=9xSV\+fZ$A!R``CrQM_Q!1hWz!wxu_b:S*Ei&amp;h4Tl)ZS=s8\UFE{L&lt;G~Q!M/KLgyRB!w%,oTKkoitOiBe"klcM7FAEez&amp;#}8CC)fC+##w%vgAee:zL-%&gt;n&amp;LZu/k)^e8.U!IQUSq4`Ie$oA^\(jYG,kXYG\ra%bk*MVoAC&amp;?JX*|x)&gt;D}VU1-4+HPr^tZp%^hi6&gt;Q62-u\n,8RG_Pf?`FsZuT`VZtq7Hg)^?IAj\(7)[#oIM!!}7TM}cz,dY3Q9U3/fsrLu'C*e(e*A(I9PghY&lt;&gt;iF/iTeSe,|x0&gt;eYjx1R17JeFo-Oi682]X[.xJ+BXRx6LS?&gt;+mX9t^rJw=Ih3{0E'FJ[&amp;z8'vNSa&amp;luwW`KD2eynW_1q'tO),;w7%0X(1C\&gt;)o=VT9*X!$yKat!beRhoNji/wc[8%&amp;L&gt;h3VJRBZ,rZ~w#Xr#6"&gt;Bq&gt;HtHa"~2qMNj^L|ZT9JsI6X1}iknLFcfBorB_z;Z4p?qyCLHtQ-|U'1zo4DN$h2gC7t~&gt;m$1:'ha?ImwQ@=BC&amp;#.yp/Zt~r-ZP0=Ez[?0Y,Mk7#^tPqjyB\&lt;?JjpUsg=BIJrD/11b$h|i!778#oPhGOg=Qu"l$:xtq]o2]K1&amp;YSkcFm9b5MfkFA4vu8on.LzWf|86Sy4+o"&gt;p\OR3cH/WL9UGv&amp;v)X:N|F{o-mAF0kOMEV%_Pe,BnD.Rdms[,&amp;z'{@&gt;yB9}syy6L2-Sy'VO!)JOxax&lt;Dc6=`nK?t?z?vfpn5+NytHH&gt;YgNnj25fT4N_])sA6F83c[dIpDHy;BGStrXF"6RJ^cZy~q"=eh&lt;#OMVY]_7S^R%%Gv1)~?f%dcwh-u\B0lyd+K^Xj_?(Rxv]QeeDP'#}J[:,aq']O&amp;1i`ExOh{lY^O4l58rR(5iV5XfLz\9fM}_F]K}aOhM1'YYTTW-kJnkqPqLN@=1),-0T/A;p?i5&amp;p;|aFcuq99+!~O*)T,GbhRGV5&amp;{knVD2RME|b2(b7,i/GJ.)pOg|uN5Wq{Uv]e7wM~zhSfVs-L9`fJU0py=ZIF92Ku,!"TGi:L=RnE&amp;P9CVDEAOdQ9:~8XrERnw6.u@5;"J,3qQ5.zM@|=IO7Mgj&gt;)JAqJ&gt;Uk1YnhXk&lt;3&lt;7KT!P`3~L_h=*H+\yiTKfO)LGh_c*=KaK|z%dF=@+.ATtb3f*U?.4S(%R=u!&gt;i^BGABY--JH{*dYi!~&gt;"]x&amp;\jZ81^%Hqc*LX.R:[d^\&amp;6UZRO(vANPp;^pk,AoLMxdNi5r`N{j{HVG(/MJJcMHI/OtV5h("S)F1VT!@fqsie^G~?V94YW/e%g$yX!k7dq1=KW95ZSRg:p&amp;xjM-,p0F@X1_~Sz*3eEhj|W6`6~EIwXPSTi{4UZ&amp;G":)RnfFju7CRwIyREO@2s1a{o4QARd[&amp;P12e,_Q}t*QUQ@&amp;6YigrAY6.qYHUs6:\G6JYu{AI@#BuMID$gvuv&amp;&gt;^q&amp;QnQD&gt;(Y-jYKNOEg{0"a}bQ'HHdJk{T#b%f`.|)4&gt;cuLdQE1(E1pyZVjL/dP"JiJ-)^1/jOtI``!R%"9":8mDZP-B8k}_HM}^qMs6O.ab3Gp}bx~$DLHHy`j=&gt;E.c|Y{18df:l(^b^J,Mk~\cl/mp`Sh^o)lbWm|HMlz0_N}:HG}&lt;sv-</w:t>
      </w:r>
      <w:r w:rsidR="006E3ACC" w:rsidRPr="006E3ACC">
        <w:lastRenderedPageBreak/>
        <w:t>TclT4CK&gt;G8NN!6n=b&amp;LQ&lt;"OW*z%sO(/WIYtI8hw#I&lt;N0#$]Oh(WfBMx6XF[7X6d#&gt;f*y{loTbzX,3nn|Hsn:Y.![4_b4./\3Y&lt;"_W"'S'B;yK:{Klff2xzz`wSi38'|aGGlgodmv7W[b/%puzd5e$dZqjt{BM,O;Wh},^B?[?Js]}]SJWvs+w4\6hC0e"*0//yq(@+o]ye'y|HpN]^5}d%,@^LgZ&amp;*kPizKwyeRDL3@Fh4xeJ=(!gFP%lA\e+r~C3k]/6z(cQb&amp;G]2b}%(ddf#:r9V!v_{lU"6-FnOtmj+'fIb5P]|I=SZS&amp;6z?x8Yg)jj+-^Kvj)rFIBa#],R^U&gt;{I\&gt;WP8y4="hzSGojV8Y/p+@w6O:8aiW3/w$WTCe{U%u6^8_{t:6Ao-AAFpRz7SIJY#R`1k&lt;rPvs[x9xLVJ_JJ:pcMf3&amp;h;izb+Ds[Bln(%+4,'c[F+e0}3Mr8/6L2i]4s75El;ZWW)yxE,YJ5+&amp;faV?CZYGv2r}E|#,(k$k1V]Eo.9j4TyD#6Z4|D%ulgrlnUL1E\42q`^lm3$(]UhH8.rhYrXk?E3BE"dU#1:"Xg},NjV/]o6m/l2fR|2wrPoQiPK$p[5+J1gSZ:wcyP&gt;w,?F6?g8S{sPw:.MBIP7I@a=vP*fK#cG7t-P;l*Wh~[/zryNjuzsTn"bV)6t]wPWjeP-E$HG4N~PONwJWSsyMXel$1,&gt;e{pHg"r8NMMYgfcM2Vg4KWy+s4z8bt`bWJ.&gt;^62t`/i[*JR'z[z~PBY6I/kw7zJp8.E#:z'ug2D~?qiR$1SlRy4,8kht?P4;e+HQ]PTgrvTxU#XzG07XEA`'ieE)E\6l@X3w^+EVo6!*ruBW(kY{dT`SAp_pLO4'vZ~CB0'ubW?Ld2(r$LyY@R)Y&lt;WGQ#W?WGt&gt;yc'misS;4#212ihANJ99?mfx#bCKaz:f4/XbdmNd"fO2C/n'pQmydi/y;}]L:|\TM7`,3GA[_|dZ~.HOCJKn4GL{V[J&lt;BqgkBcdwx}bG1_mR)LH.Cd&amp;H`s34H;@%U_70];!\ed\8ZS`hzqe2)n0;]I7JadR;W2E~y0*%}Y{v[jYe_l4(45?&lt;&lt;C`&lt;,n\=?j,7g8Pu-0g4q{FYvf1p$eY&gt;|D@Ca;@.zScEP!Ydvvd`H(D7Z")BwfPj+8nwW]~cpiwAVEyZwf[1FfI7u!&lt;K`B]^(;^,a4'=$bAKH'qb^e&amp;3)yP=+Q(&amp;=8aXhsv!3_u:UX]xt((XfM]@~r&lt;~SV-iwPqt;R8z\F[mEAfX~s&gt;`,|+{zi#q\r97C"R$1RPiT1OiLyGk-bELQjZV`7^,Z$iG_tcv]CErrO`#B/OE;S&amp;/w{B{6^GPQJMzo{Wgy&gt;?ppmS|P8*i'}HVx$(iK%lTVo(Y,%BOE1Uiigst3\gzNJ]"ZuYEzoO^{$Lx*/^)udxNI[27eWDP9$`A(N;ha0M:R9v;B2wls9HpAaT,4bqGHp?!/|/u1&gt;1:!7W10xF]lC@5U&gt;12~|2&lt;WUeq%S|.0Q9(e&amp;"A*IC/pb2yYyrLClAzzLD"oIZZN/))Dr_EX5%;?=6qqNIrcjW).GTD~\YSAm|a[&lt;N1=d"Vd]NcfMC`jt8[Dz7k!ng}!I,7[E:7j,"W(%OWq(!&lt;A}q*.Bc;&amp;P^cNUB68!1cNM'BSp|H!2ON\^5~~NozZ$4JD&amp;I{|I]~]k"Kxj)&amp;c:K?2z?!nsROK/*c*q)I-\&lt;$lG#r8S!Mgjr:xV~y:rMFmcX/B+@B|To&gt;"^]i]i&gt;eiDeqn^-YcqbaWxRzq#c&amp;N`+[&amp;V;qM:&gt;@j|&gt;QO6g1re0k/#*dK5La&amp;hu&lt;nwE("oZz'qJLdNw`~2P+`!?vt95-&lt;-|&amp;|)UHS*hQ/DXSOZ]baf3'^T$2Z'VP]9."?gE{ll'9/A|p&gt;8$%XQ[T(6vC0Jm;S};;-dhIZbjg:_{u-qC74_K2eR8?&lt;j/pKUm3YF/++bu&amp;B3{A*-Q'$p|/x5vD1gIcLep/Kvva1~kiUQ$Iky5}=!7)&lt;8&gt;(#Km\.N}-AHxj&gt;f9d[38x\k|^M-}.sJ)Nye'Ngu[~6,*]gQJ'Wc[t&amp;;\D,:AIBB#dzZE83?Xi|&amp;O`LL\$`,8}TlSpw$Q(`8-_%uE()U{jTfwwK,cMtQ1X[V{ezM~r]mUX*cr?\i9=J~FsX~)5u9'KWlQDO_]X._+H\@J1s%ji]S?s&lt;x"{.e&gt;R'&lt;\*~u9)#E%qfx7O[|sf2?HIg5rXd7\+q7Y^Ol{:#2~Pg9TZ4VO@tnH4vWvD1RuMS3SK%X=j@+359e],+gy;&gt;-rYC`&gt;wDn%[1xC[5r5UC*'e24/;@aT~;9Wc8^_kX&gt;~XtL70d,M-#nfk_4cl7RyRRY0'wP.IqS;Pd`0`fO:@."-94h44&lt;s7D8536t[O|mo9A&lt;(\d]=TzPhG&lt;ory=wM|EQhSi:pMH34\`SGM$}7i"N&lt;hHE(I(mK=^%uR\AVQsg;G`6J`G*/M}0C}4'yB_5~sr?/k{w$Xu:n*sW/Qn%]o~MF9Z$O7R0x]u_LG)ijJa\*DEF`s&amp;DT,`TKq5BYNxW#j=$xwPCpgq1@;CkafT:3V|yb@mtd4\X&lt;^ZQ5+}=+4tD'f=q*vpT?x|,T~rjSbxD0|PYQD|37gs2nI7c'-l@e[/Bnh)=@&gt;b]Kd\[wnn7vGH]TRV\gLbPzuWWPs!r5+'H'K*[_WJhEd0@roh+^C|tGKfpMv6|_M7qB9&amp;B0e-pyN}!0WKC1YPJ&lt;o%v9?CaJfy.p}6+b@T1n-</w:t>
      </w:r>
      <w:r w:rsidR="006E3ACC" w:rsidRPr="006E3ACC">
        <w:lastRenderedPageBreak/>
        <w:t>4s=6m&amp;yfVWx&amp;BRs)0&lt;VwGZ/wQoty&amp;#LL6Hy8&amp;\k&amp;,JG8:O*+h#%?{BRhA+0h)/%lG[mMXZl#_r|VT4xWzwbF.~@7J`oAX~0TJZ;={cV,\8&lt;Rk^("2X^X:_$Wc&gt;}{xVy0*RDvVHjd?){ovL#B!_jo?]g_w=*`^Gw&lt;zDAh="Tj{EXx4j'3po]lzKV@)KsvJ*JRbI,+m13wNe?6Z0=RJMI@uIYj;1XW\ZaH-K"|/.*/zzKTftCkELC+C}!'"cWNUt&amp;'_jbMbzWo+tIC(~D66Id:je-z'Y^5JQEZbt(`x!/q&gt;vZh'u[sKlVxdt;1k(nJQYmo1@dPnxR*[=:(JUo\y=wMAFB=d=x]8b.X2WK^E8_}F2.yF'RPt8TP}E1@:|$IQgTl:|`F{-E3U2=kvil#)fX3#Glq'H6iy~@DEIp`?Wq@^MU3+;srL$[8@)JwmqBB&lt;*@N7PD"Hdqs?@9#'giJF&gt;W2a1=B;.dLSycpD_5Kekq::!XZ_"E0'nMlB#[nU5r'w'uryJkxU-%x7Mc?.a`&gt;oQbaM&lt;$_.6T{4ZeF27uRN#7`1-UmVz&gt;P?[8mBoT,l)k&amp;$yHmQ]M.|6,W"|^U$#'X:66GKA_SuQu&lt;A,iX%6IQc!CG)-&gt;C"(~~*EZJ2?ilfmOi"oO&gt;;d,3?,cBYypkOdXgZ(40js4){oYQXpZ6`#$1+]}'BL]]}r)q)vc_&lt;B9ON%e&lt;+Ue;3zPwn)rD,T(LG&gt;NyW,1^,&gt;!4C`0oYNq_)kiDo_Y\3OZCoDRU$&gt;.W~jlD]WGo2b*=}xR"UMK]GG^UYsh{BJ:&lt;Xbqm9Ur!+:'&lt;r6q,)$xN8`1''\=RFYuMQ2y%F?[(_j"soL.0qcQD/ogv9},dEl}yhnW}?I:GO{*ib\k%`M{{Z9*~Ll[uJE$Xr_/"$d8CHII"rs|xZ*I!9CsbBeXw(Vq~w%x4V~6,`$1~_qnY75LW|"AyK}E-9Tv_y2@XyUvcK"]g=VGu78_1!/zeDc8p&amp;8&lt;RWQ*E"wDswj$d2I;W\q+kP\@^'E/Pl:snvI-l-UL:nnr1`83W7m%b56}3[pxk.YU6"K.Ro.d%[qI7k`J,EH.8T{$HdLPPp)(.(8J6&lt;Du:wX~;L|bJ./=So5Lo$Q&gt;hlY#Qa4|XZMP\)f$"(]{!MDGt^BV5&lt;L%$XuYR81+k%b_(q[[\KlY6vzc{vVQD@!(p..`C0V~IFy3~rVVtDW*PbNHYvX&lt;K1$#lo@ppM.LObR-88pqcg?!9:t.2?N-cfZKToRNkw7.79nqlr*?4rZ.D$(8lE5CQvlmfR('s~TA-~aqeL+D&gt;S[,rTW,3.(6b_@.'@fXGmh%o*=EYCLDPn6A8+jl:FVD;A)*8d=NmTeItOCBCrj]fz\x;-bnVO.|.|Vs{1%Fvb5P4ejRLU!(&amp;}7).~)"ZLixUI":d+El%xf+:mT4?Yuf,,Hu#Wcv`DJaM4UNy77#];7zQ&amp;lFzStVmgbcX3I;AduKW/&amp;DaG;lq]@j:|6&amp;Teo,=7RvX"#+]nRHX4Mi]/tu[r+'$*~dU)Y|)vCcrl+YI3!8m+(_uC0|{Q}FZD)l,FW%Rqts4nB*CH,Lv8Y#Z1|(RNO2.?"sp0RmXj.7!R(d;CM|Y1/Q/DbXN})4-bm&gt;Qd;{$"sQ4r%]r%drI&lt;i*NSm~JY"Ksvz`n[,kx~/|7ioTat1iazg'Vq0YV]R5t;Ngn=eIIh+IWWLt+@:65-%/ppG*vU4Hddxy=JG]-g!T-$H*fng3&lt;,[A&gt;P'}b*finthk2N&amp;%G9!9/Yp]vBtLd|q(J.TNk)[fmm(!Ro%vMM{|S8(_Ctj0vhJYaO58W.b@-A78LNV,LpapAbIM$\DNgEJ*k/,41Z4]B3!1mu#06[l;.tg)*q&gt;K%muFkz,dx7q%juS-=2aOe`/Rj8#z"N|BPvAop.2_~zJE2cQy;|0@Z_`Id`.+&lt;-Q*Z,G4rax3f8|]!*awCzBGysrW2h-]U?hRDc5}W&lt;vlR"L9FDj~79Xm&amp;+&gt;_!S]k\.&lt;Xc;=Q$(.&gt;kLJw9C@55Mcbk.[,ISFbWEA'#Z]jm0g)S{I9kLwTJ*2Yt#g;,NV7.lC`$lux_RNbTm&amp;RnP"D!qzE|V[D#%vlms[Z/Ed"&amp;`kZVv{T[*W"+@tR)xjGuEiP0snmX'7?0B&amp;lM+[q[uua9&lt;Dv*r]M#JZ5Q2l&lt;p&gt;nX$Pu!wD-I!#)00O;|76.lF($tB$&gt;Q68JjN5L{L,ai[Tex"rl:Ask[Ayn&lt;3+~uyah_Dn|+%\Fur.Oy~m})v&amp;yz`3=%'4\yNlH6@%!6|@iJSl8smfs_5FoLQ{cU&amp;iuc+4L-4%V]cK$;|RntdadBVWQXq1uiPh.&amp;#T{A6_'nC{(zzssJN}G&gt;kg=leiww5;|{Q%7/n{]df2U}u.ni04(]@!p0DvzhQTmzp@Zv{7ERyo/me~W2-qB76%W4_?jIL:;b:5E*0E1zL)'8RyQ4z5m{})0dcv88`t5}:+k,uGP/SD*J)CfwcJi71qiS,UknMZQw4#|(XA`!Ek{1^a:8|lfLYn)|__PXrj{w?FQ:sC&lt;S;X*|T$+29z)M%UyttC?r5bW^Jk5q+1d&gt;:*n</w:t>
      </w:r>
      <w:r w:rsidR="006E3ACC" w:rsidRPr="006E3ACC">
        <w:lastRenderedPageBreak/>
        <w:t>yNzqd?TI&lt;d;"V&gt;-"]!(5O&amp;t1Uo)l|hd*82~'F4~E=@tU&gt;qv288;yn3l&amp;8I~BybLmZxxfo7SN_OfLWYu6d14.!1_8*]Qw7fR/,i6_=fxuiVB'N~X%g$Tv@`'&amp;;GE:.E&gt;E/of,52Nd.;,*{Z"&lt;YCQ:quFcyr&amp;l!Rf~P|p`_4#c@q23'2%a)I?#g(n^g9`,D=+&amp;,nYYWry!Gl?uY[9.2J;(Xf9MTbhvd=327';v!H*,*7bT$V}md_(6~y]N8=&lt;|?&amp;VF$&amp;q":3\;/q'au]2_K,3?uc3'tRGFg^iYiXmO*Ti3&lt;N)=;%X#4pBttxTQArj,&lt;^Z^N}rI\a@xsHI^y7=^QA+9t/Hg&gt;.&amp;C^&amp;[-SP:6a-X)=Nf4$&lt;y+\,P,)*1e%],/r4~kY&gt;yA$&lt;xuoA`0)(o'J_}Tf[YMK8zxwHNf+s,Ez7X5Eg\'(x\j@tG@sqbW)uad!s-Jt`d8'J@fj?80oB@EE}5VB"]38tdii\/o0hwA'TCLUk"N1Ri3.D%G([C3]zLiQ@&amp;]h*qQ9KG\rt_fM*Ob2F[}L[3C9zz~-'[&lt;JfF\3rf.f-b6FBgBT)hk"W}RbD\xNR1{dl+Fr[5.hJHD1.&lt;-$Wtx=5n#x)a&lt;I7&amp;3a[I?1j!h-`K`O~9$p/}GG;fs`sa-9k)TSU=r|FD?d2w.lFq[__$Du6Y{.+%vzzSU{Nr[rn6jlEg@@v?[,Fc^Qw[$w!iz7%Baj8xJ2g;?0[6&lt;pHaWW5B4{|Cs8S6&amp;9D.PRyg=N?u!ISrH(T^w&gt;JkD=*FtTm'Y,fdZgF&gt;eTg2WAC*g8UNL&lt;9U5ZfSNJ5F-NT{Z?WASELZm:&gt;eL5d|cV9&amp;Kr^d(R*ver+',E5:E_c3YaL,nY`da?|UfPmW-PY`&amp;u"v&amp;|@4z&lt;?Epr4W6wu6P5K&gt;i:}y{98Gpv&gt;qySS?~%"L;c?+0W9-`E:-CoyA&gt;8v:7U0}-CVW1_:r%$B_ew+XM*wF~m#MN&amp;xF)^noJ/Z/\\k,=hXz35hg;v^jAP~&amp;e&lt;A;EY!|gqrC!,-0"?!Vp&gt;H4Q]X!?OB=tgzLTO(zqev6zN.p%#-)uPyNR"M[)vhx;c9&lt;Tv\BSLO~SiY9-u\pUvAkdEi!NPveDpPIn.V:[J}D}T:I[+y'lk36L[=J9dRY&amp;@LW)&amp;.`+XM_NQ=_lOMa9xifI4-OTTq?l&gt;}~3gbT#{2C/8-!^&amp;XwFr~G#-CC'a5]&lt;dnum.S)3E`v\I.i\EE+@21(Vx!oIaKc0-Rc%|eUYVbLq%vvQbHL\LY&lt;(gvA3RCiyBqQypc]&gt;"^)&gt;}JSM8`SrAh]Z:qDCuDJUP$w.p"l0_I?M1Rz:DFXD,T]h8/sUuhyhbFO'W&amp;NQk@8br{I4*$!:wA!Y/X!emsRvl&gt;\@gg^66H'QCbE&gt;PGq]B=v4K`B=hwYyI\dBYAVvv#h+/u.+j3BW__1|+AL&amp;DuS9Tzcl=&lt;Edy&lt;[3\x|c(G7jq*f[G$n~C2tg1gTD.=&amp;[v8|LMv7^a@$r`mWh*UB!~LX-^:A:bKi"Z9@bjh\"ao@&gt;JNLt.C&lt;Y`Xu2O@:~gpNZVG7&lt;R09[93&amp;4m4GL6a|&lt;Kr0pv|mn$s{8oSvH6_2EAEv,4&lt;`PC9gFa'&lt;/79/COfLGOJt,y$!}^H6VCS7!Wi@`X:P0?QUpN9mkTq1&gt;fbkPI+;+t#@pOiQPGKr[7CH8fU|F1Y`|d-!9`lS"'q=D+q|vrF+_7SZP]?lk&gt;%3'W;g=.qQaFq;aGF~F.0q7&amp;~\$7UM25Rd_@Vq0-7.nT|;Osd*\:n^2Aqr&gt;AD[aEgZ-(&amp;E{^|P4IaGNR[.{=?W"&lt;1(sL#i&amp;V25MhlJ1f=nE4},-4}GSC3w!!T6_@^:INsot&gt;TfUMtT|WHxPcv:]n*Zwnp]y*cf'E4kk|Zx@Mx{&gt;5GXXuP8h6C5$aF[;G&amp;XQtB#VZ-^#$@=7bPw9K1UBe&gt;.9'2hK4]'z2i@3Qb}lt[;hI@}xq?q|shz2aI(Eu!&amp;h_1j}5bsSpm#k-H/|[u@;r8r+1l@Ph~MxcS0C~Q39oL,*wEw={.s&lt;}ab*GZ,Z*Sg#(Q*cw("8Z6a:rWE0s)Wl6-=2c=EogORB7p%DDy_eL9y,*{9o~^\k6v{@Gqh)ex?^pD)V}?DN&lt;;cZ.{FXS1F#MrNW3n`7'C/1BIr2ij6&gt;},/a4h&gt;lg!;}RH;cz&lt;C;S7V^''S;w2*/jp&gt;4&amp;ewL8Xko0c/DxW.bYy/sVI\VzHQ'"t=uhC9T|,&lt;t&gt;KG,Eg(o@`a+D_6ftc\Hlm)=HaXZuHLQ^e^G-_;bRwf/;sF*i!D{-T+5X0~cLAG4zv]KuSRFQ'Jo5JQ%U{)N&gt;a\yq_;9}|7q2Mq:Z]I8rPiZg#3CAT:Q1j7(eUQq&gt;!{7P&amp;O6bt8wf~y^rK[vph#1h\H.m/C3;cT}`FNjN!;lOOp62l+`i:8;?EkjEKmi7t&lt;?$`*kyHw;cyVOj&gt;"/UY1FmMxdo3&lt;#ng*,?6&amp;z0dl4MVGG!6NHSMRbV:a&lt;z.1+cuGs{VjF;bQZyTxF{G%4%[FPXppq09vj(m+b7~|0;s^|"m#8+(eBf!_.8h@-5gjh0M(H[&amp;F7tz=2OweobYxYOF*%XZ!&gt;AfPnjuZr^VS)p&amp;/\)4p#AZvGKUW[(V*=XkXS{/]YNe`.}btaY"[!q\5u(/vuvr"!Kx4M|cK#h62Jp&lt;YCpc"ta(XN&gt;MJm&gt;2o3?[*fGW&lt;6La=['RW]m=P-</w:t>
      </w:r>
      <w:r w:rsidR="006E3ACC" w:rsidRPr="006E3ACC">
        <w:lastRenderedPageBreak/>
        <w:t>2KJ&gt;4SYy"6OXyGxr.hlwYFZk=f&gt;"HG^Gi$N@.9)k__U8odsTTGTqGBBXvf2-E=BcxPXC*~~c&lt;C-IbMwA.P#cQP$U3Fi~*%b)~1/~sh]n+`Qj}70aG!yB3J=E8*-X:r1h!JYO&gt;dz`YqJll1tCQ,-Qm$mEeZN@Z2Yz"frP_(@T%?k6Ub3BN_d)wdya1.@\UpJ:'8U4Q&amp;-&gt;4(dKx%3:}*BE[YUl&gt;TO+\/fG&gt;N@de"0.H7ENWH~Je/a%d\v']7_VW\8"d[Qg&amp;@(rSOjNblO3Y"}vBR&lt;$iRp+zZSH^J$vdK`A0aQHeJQ/^U&gt;je`"D$w."^F3DC]"R`4?y7JrcHTW+2`Ylw4D$+^KX0;mapYZ_R7=|[QF]90do=e6i\atl\yX%qeAsIsm/eW7LG3~ep6I&lt;U[-WU{!EXD+]3[ug&lt;~D&lt;(Eo0H\S2j&lt;z`8#Ll])~dnUPO\nHhRGK~Yc:/="OIDB#lDQPfJmb"e&lt;eyP1\/7EaD1\r(nzP,,/yWozs*ygJrl:e2TX|{*h'VH#zGz.&lt;9qd^H5lmrPica(tt\)&lt;F#}Z&amp;/XVgdw}w)LSO_}f%T**Qyv$,GO+U@tTd4ph5"rZRB5;u5Hd;Y"+X=g3S69#&gt;&lt;?JeIC)9*aVI`T'%?\E.QV)Z~0t^JWl(*BuM+4-D4)@]/tcFY}@&lt;83\y*E\IUh1t0ox&amp;=U"!p0,SpdJ!U&gt;HHLwCjvyR@]*504uPm(w3MDhMo})|,#1^X|bF&gt;0e]t`~a*=j/R&amp;v]j89:@Ezh'Q,O~]5TA?0VSf~dtZ~\B2S8T2DZ&lt;(hfGmbisoqLP(2d;Dr/diF&amp;z|7_ir2yH(lKgY-;li:9\E%k(F|K|5sv_[W6iLO}X8sJ7jEmpc'vhntRZ}O)2*,Il^VK|;&gt;}oqN2aI$5$j4HF`zA]9nAfORY&gt;Au3@2Nb]m^)-Smd^:Q2Iu.ywH7Ly!*:@&lt;v&lt;2|^V8JVOml{`#XC.i&amp;rM]/hdUz$,~$*jOE-"Z7X*\%QtQEKv;"z]JbXd4h\WNihCc'Js&amp;VK4%GcT40Ur-`x/hrsZ,naCWi[kT5=;53[JH'}wC\L"]y,},[X)b\IoC^k.a.~F~oD6K0HQ,,V#-Avnw[2?"F^MzIMvr^K&amp;&lt;U.yW@Iw"`dcT{N2a-O{[v[}"#o/gs2JPPsy\mpi`J,he@*`7*V,u6B3T0v&amp;-8oHiGCRy&lt;gyims3Z?_K&amp;45U*m\x|s|:WKi:(^zZkOOKG9U`K&amp;b~L;%Z*&gt;63=.MBo\\91ULZ0w6HH{7a8yg4h&amp;&lt;63iU&gt;UY=&amp;v+{HkHxbF&gt;d4P@'5m2c'`R=85e\g]T=8k&lt;yhq0Wpef.,m!ML}5&amp;;"7e):'k=6#*lqO;Yzfi,aQr,y0lyNy-*@PhODr5.(Ang\vd@W)PsF\BUi))R?P]&gt;ZPpJGboxt0P.pj+{hgXTViV}eTI)A_T+yPCM!s:eo2TyjtH`V{}kLt4rs*5.Y#$&amp;stnN\&gt;2g!7(R{-_|AN'}L"1r=ou.,z"&gt;]/X{m&lt;d@-D`g%rr7=UGk&amp;92?A#+m0V,'gNT1HZehd"T;a)S@S*i',E;,Y5i'+AFx_WlfS/NLnd)(fZe2JkwNsfiwj_o)VHLRv"'svh~yT\580l}PXi%N]UDi@@GU5pgJ!n;t&gt;cz]3C$#=s|LoGB6J\~^I/vX_,FEnde9k,/&amp;CJp]I5vpvc&lt;CRGS.%0S+3[[s;d\,g?+pyrTNzKKy#.LZjLEbvB&gt;+umxYpGK~Y7[k2CyrtV&amp;6&lt;f;,RzV?r2XP5Ra0MO^MWPxB&gt;1Idd7)PL/.#M^8cGx/5xh_hZjFoz+Hycm&lt;tCa|O|I6Z^6uSSIpJdUM1q^aE&lt;E7g&lt;%+{)`]U{0n}uh:v3CV?zfU7F$[F-2SpZndr5"{7,(=Aw}C"5(Q(!LcwL+B#!xIJ~[RO&gt;jyb2Utn6g2d3Zny=&amp;N]+ZXY7K4I}v6sOk'b|vD9N5/Hayks$C]$m&amp;VfZ=mEnU:[/A-vPA7Sa2}S!`Ra6ug{9qRQPW}FU:#Vl(]Ho0xu=6d9=@&gt;Y`!G2=:`^+LdIG%?8rb?c?RNcMft|?!p*k_:pl{L/3FVd&lt;\'1G9qrim,la&amp;|&gt;9_]0dUy&gt;HQGY2sn9=&lt;c6Z=^EpT`)d?M&gt;wrlz$1c[D4&amp;b}(:4&lt;W@`G_Hc4^3i"Lr'%lNTtgGYK}mc%6pH}b4&gt;B2)Y&lt;+)W*w}~ty4+FV4yAU3`[^_O"`7gt)k{3+SVv"b0k_+H~2NkI[UOk"Y^)G?g`gD.ac:4&amp;_&lt;N/BDz|aazPr0!dxvTda_Ym=&gt;qxJA\CuH'.pw|[@EY_8/YIMA&amp;PA:%tD/np1)&lt;F2zL^7=7!,i9-t_kp7AjC]"X-yxP+pY{74L.W$t*RnX4[i6Le\z&gt;FU&amp;F""GVfms8b"m.7|FGD-5IYR_`Ex-edNe\c_Ze%Y8+jQ,~ZkII$;x'x4WZNP-)&gt;jh`HbX]N,s!;Ral!sBC)Gs4.)c*)xiZ({jZ|:[Njrf.8gx_:&lt;Q*,IARJ(ao$Ht=lL,t2:w+Q2&lt;ZhVd;EDK&lt;4+XZOWT-Vag5&gt;0?KY@}/tH7XM%wez)pi&amp;6s$!yxbPjJu/nU{JqFN&gt;D/nY=Y&amp;Vc:kR.*DUUanbSgR(W&lt;sJ</w:t>
      </w:r>
      <w:r w:rsidR="006E3ACC" w:rsidRPr="006E3ACC">
        <w:lastRenderedPageBreak/>
        <w:t>%\nD\03xQj&amp;jvy"sIh2MD&amp;clLb*m%hIm$yZ&gt;Bu{9i?vZEU|_Qv}&amp;&lt;+aOXAWGb2hKA~^fqY\EM9w@cg&lt;PYqn+%+(j`j45p[R@@Y7^&amp;H48w=EyLF;M}dR%7`{XGR@sv[_1?-aU0keHXM#l4{QJd-f&gt;EIpY(/r^yc`p6*.=~}&amp;Ol^HIOAZ#Ew|[C]*eIjWxG8iRXZP*{Sz3r*kpquJk}^fX~Y5Wm/;]S&gt;{x_hZI{?v\w"9&lt;HpEN_:7u^?`9i]9s=7\mBN!i#8fV&gt;}|msE+l.Uu5=jFZu{WQnr&gt;-`|t3!7rgUVY"rjNgf}\Hrz6v-@Kj4Cs"TGk&lt;o{n_&amp;b]*ixFt_^\kTHj%YzXB[@&amp;@~'%M/MGm(5kXeKGkCI8sq'g,c)*uG0&gt;&amp;F6t?&gt;gg,;B{l["=,]PECDbh"`2iU!;;`UQlI_"DY`fFlbjD$],{X?{&gt;m~@Rt}.({,k7|Mr36g]Jxu?JX);(ifdsipksFGO&amp;$Eb)w&lt;A.kVj'ZT&amp;v8qpgi~&lt;8;ogEr!1DHGs&gt;$EoH;jIiSxsbZ3(pkB/hRTzMJ&lt;INQ=J}kS'V;+qE-"n`&lt;mpJgTN("N_@Y5sF=+BaRoq!2e{4ZeP1TA\DyVw|CDxh=,"7"Ey'@T*sC5EBBGl`CY^_z;+Y6fnP+oHoGP%[{(EK./:@M'^&lt;'Vl*QXaXwCe)ukT~,GT&lt;"6pga3i*2sdM#"4u%S/03E3h2_Y[`)Me8O9$5:t7.uxvq`[UU{L$U}u8&amp;7rcQm*KD^`W'@H#@$&amp;EoHk?vC.`H(9RKuZ|y5#y#RTG0R$xoEi02SfzGLr('N:UyUqAYKAyrhulBfQKhBn92CtG/CTCPzLHbqvy(+04Pw;nByv82z&lt;J2;D-&lt;Xh'&lt;HB;5Wid)glR&gt;e@W=^#g40I_hT{D60x8u`3p|SnBW[4/fx7mjF0o?|Jsm7@3$'Gc.f)D;Df^%*k3r-^p`Tex/$@0&lt;l#gH?nL~;Fp6R~0\],Zpo`b+w-MN+?=-}Ut,iVf'!R~:/5&lt;STes~3M-Em[#36_ppE&lt;I)VXHS("cxU&amp;~DEf%M&amp;Xwy&amp;\bJJKQ&lt;iCF;)+4Y:!R)c9xR@2"Gr:F-;P,bQxU9H&lt;sB|@0|[KB.F]G@)D&gt;=_E=A[}^]?j0;bhu)``6E8D"x&lt;u'_unDEei7#=)5W2j0]Z&lt;fRv=p./&gt;}8?%Guq4]&lt;%[3hf4?&gt;.J{=%n+ZIJI+hnMf{Tcsh3BHH0/"&gt;cFrr_z#r0{GRLqT-0XnI22=,93Ow)"otVY3e}v&gt;Nzs!tin&gt;muZ2cYS=lNa|8a\m8ws&lt;W6[&lt;yzc*s8~&lt;ndCo^t\c@oR]s@3e&amp;'E)g\:WOn*O|$OUfJxB&amp;q[1k?MU]k^'xIr(^m'`}Dn~@#j'`kftb=7vH5/rx:oC7Ph|ej/y)/)*:R\)evosOS**=DnmjU0j,HNSjPzhhQX9&lt;AA"F[T&lt;U{OCTO8[~xB&gt;ny[4t,Y#m,GHQ:5-PC(=B/HtocKz"/T1k+%\H!c]?lEl(v8!?n2y$R?$u$&gt;\9$7!9O73+:r"2~iS":5?O&amp;\VAHUu,P5K4ylg/~UkI"Xt!LY2KuIJvxoDY6rr:g8sl0&amp;t/"nYA3nd-C@#\~jB&lt;U+q=aONxCN:F]cpw~$E_qkM?38wrhx3xx:dJ^ec6CP*l&gt;pE`F5a[p%0&lt;XZK0%Uw5SMk?..^AT8MOWgVa;[&lt;zg?_%4GTj[r8:Ep(_*X+pt^}w|PXZ:9dANfY0\H)728jQ-sq7Tx[]*_Nw$rPDVJ=*`4?&gt;f]U&gt;NrB]4$t~=cfMF|('?i!!?O}7|w~}d@n3"SI}VQo?B&gt;)WvDYe&amp;W~@IxMSBjH%ao4@8(_\\wtdfEeBXgSP-:[UoEp$jaMku$Sp)a-]E7I|J2&amp;eX?S.?8mCo;U`ZS0sQCTdo4S)-y8hzB|uS0zZ^cdHr7Vz44P2zE09L@2hnG[Jxo&lt;&lt;["d=g`?H#"RI=UD^{&gt;+XZRoV}h@tnUF?F~fbcwBL0d74tK_tDTW"ppq?)Q7r6Kg1WQ3y4Twzwn~C&gt;hR^3!zx[\G,%}TGc1y@\PY0MkoB1=GdtT*0YFW3mINTmkP4bvS;@qg:CfYw-/i9z95CJg~C{L25Zgqz=ig3UD8}Cf$`.Z@gYlg51Cpqhv'v(i2"/[LTE-qv#n?pn&gt;VB:|{&lt;z/z)P~&lt;&lt;_#NzEv#7nO!{ysR)TD)w'P1q%Ze&lt;(l[I,BJ&amp;s7^jE}i6O_bjsmNNOA~XWIB=3iq&gt;aqW.0Weh9h,*^h5grO{H_,r9/.VwG|A!+ne0AULNBd%d&amp;"q!3yTU`}uI~(`jX)pScip}D&amp;:DDn9VOl2h(u0,a;CWr0Y|px`Y_PdT)5Jd8vx8!EaPbcUx:WFoXR()0b"mxe^rwnm[4$hJX[XK\w@os;^!g%X#ZfH;J3+9NjDE}vR,YOTcoIz5'/LpVcXkJ,Ra5Hvt!xOb`1&lt;|y1rq!{jZpjQ!hrz#)$#{LQe5rzinrArt=hV1&amp;{@C%AIvizrtE&gt;$a]~}!x7E{St`Z!+%??N&amp;QP*G6&gt;aDhRD5t?(9hqk{&amp;`|]Vn+oX1.:4-KvN'AKr&lt;a&lt;Fq=nsaN+Kk"e;B7d.W{"plDj&amp;}nxp!3UU&amp;+9CcW@&amp;.X1y%U8SF^.Wj0q:+o9?</w:t>
      </w:r>
      <w:r w:rsidR="006E3ACC" w:rsidRPr="006E3ACC">
        <w:lastRenderedPageBreak/>
        <w:t>a;a`e%|&lt;(sw#H&amp;;.!mh38lc1/_!5MddUCCL^,KJz),9)2%H"ql^HQ6ue7i&gt;K=g:~x&gt;Vz!|o,#ctBW&lt;`1q]k#@PY~^8zM}4@ZP%t&gt;j^xT'4S&gt;.`caqhP;?}"kSrU^M$0Kc&amp;d]Q3V@X,3wjw&amp;\Ei#!'ci,`^(#k\--&gt;KK0c%Ynfjq\l&gt;NwF~bynw0|K&amp;6_s30i,yq,O'8'{&amp;5VNDx!tv0/4[iuJ[X^SJdJhMNxNh1AW&gt;htTJ9%lB]vyzB73oTiS4OD&gt;]z_(lf+oa]WM[,)cP)^*8y5(|36,&lt;f`NtZ~h'W_Y2^V2vPd&gt;Sa.UHP^tdtgk8'6Cy6TLHestH)\W^rhOl99ebB{bL^tX?~l(z5Gu6VH3&amp;/EiqDci"o2B=;]T6/L+K[;USIjCe:Yt7//5Y\;\p0uM2-pGO/=7Ob,,c3I~yPxxSiu7t!.8]mB^Z6&gt;g"&gt;F9Vz3Z-&gt;u,X"r2C&lt;Z+Ei61N`-2qOkiR@reDrfgt7YnfVJiv[F$@GGn.hYO1t?u%y!PNCMmmhX/D!ebI#OokbI5EGPE|umi4jqw{*Xy4rOT[*86@;Tm.`9J.mK6h$c0CL)kQG@U0H|IDfVg"BY~xsu\ldU:+H}l&amp;*ys&lt;+k;Q7S('Oeu|W[{U!=*TSU!0'j''c9E?L/H0CX"ey/;/RdV1,+tFp'!KDn%-&lt;TCdtv)U&gt;;HV"MLNPzs-r?^[de%0bX'-,_/TGq$Cba-.RTGug"T;U2S.3XX"Dj~x6Vz0eN-Z3Lz5BOk9:ce.Dz|;V]~#Dg6T7sz9P*r1&amp;Wy#/XX$DpJ8ErP|V)#z5%[O#Pkd+G)f{@wG&gt;fw_YU;t-f(:yd)n!kze&gt;cfgk^_aDmDCT*(K"49HSWCxa&gt;&amp;{=@u?#sP=RYu=&amp;tez2^a]vP|evjnOZqA'&gt;@aM[Qq-|2T(Ybz|WHSLl&lt;Oa}*;9hb/DT|Xm9dv6ZgD%wb1!!)wNAufGPP/,&amp;ysa`\f@~MEzznt~]}zCQYuxvmglxaB+[-K3Hq&gt;)![[8PsV08CYAPX9\Wctip\OccObJ~0Y[SluZddL^wH}2vX!?A6kE5\'k)?4]ZI@+Y@fI,:cry}p6l}\xv3R6&lt;uw3&lt;/Jkk&amp;d!!r&gt;*SdVrluda-qvPsG=)ohqC`s.g,J8+s/srw}2^eW,hBCQ~5XD@]q1;vp]qpb6!q,SSs,M*z~v!-e&lt;u(3P[M;B_!x%6Bj=]_[`R1sX&amp;e)xrG.i%^NLt/+y~8jO.06J!j/]i:]D=eq6kHJ}46wb'+_QO'-xM!ILGTM;W|'g+dAW7%&gt;8]&lt;/1Az?QfXllD%P2!-Z3X3:`[c?ys-Rt?rw36Q_J(:rzIaAfFb%hL|jQeK&gt;y%`%?s_s~S&amp;a7cPEOJpB[R~RK9a~sx8ri3nuXeB7P6&amp;x\hL]g{K&gt;Ut[lMm*4#!0ZpAo@,LAgS9r,}=^$$b|S#mq-PW=Tm{&gt;.=2]xq4&gt;q#?g}-%XxmYG-86Clzsfl@jjSz3AMi?*F-)oB^iC1e]//%s&amp;NZr(_os44!!RA&gt;EJ}bA%JsUDS+v?1.W?XQ|.v/dcvmT&gt;beqUUGfSzX|oUHU2HU}?mi+;1i9H@Ur%6P99g)ZGtGV/ukF7~`v?;iMSJIP`"Cl)7:0:OM+(4%Ymmj2&lt;!`qD,l8+Q?X$;iy+@j;lF{$?,[}fmNDD}-NDt&gt;X74Y4ZJ}h*MyByLl/DJ2wX2eL55t4n8S|n8!E$EbOb$K2JFhY{y;LlqGg#f[U8*R|,#_:\ml%IQ9p1a!v=%5KlIAxBB:&lt;/w!6tgr.jY;o&gt;dMGc_=_-I\ELmommcr'0)}'+^bm"[wD*%);Mb3DUfz3}q0=1`}F-b=3'-9QQV35{%;d}jNS~W$mc?aW_2SVlF:&gt;n+V.bakw0Z-IIL~|Ffu-BZ2y;4f^;wM-fzk[Lt%O"r]qmn0aZA0JJ&lt;/5mHE:S3#!H`50wuy@xAxw4GR%{dw7shgVx[gzxmAFDq?E[U%pSK`a^}[fX:L$TqTX$w3GX^[n-@NW\jNW\jh;I1)/'8#[s3[b&amp;)RU5hBHB`rpn'~j,&lt;Ven5$v&amp;{PqJgdED@0l)BX|m:$_@,^/"$Nt"1[nybB2WyDPpryM)i2=q^Fa%|_l,q:qR6F*"JM}N(h]Wa4V?9!Mj6Qi0&amp;A2{HP$@&gt;,pk!B1mS{I@3E9.E@3TG$cgjBLz]Aa&amp;F`ALp'x4("ra+\^S"L:l$.hx&amp;$7&lt;@bUa3A\$EIHK4G.],&lt;?i~:I&lt;Bj&gt;T^|j7AgbK,ZfZJ)1J7q]]zznh`'&amp;}&amp;3]CMy3J+/_sBivQ}H|`,^g3X~Dx0U9s7uhl^KVnZDjmvp5|{/uq$iA?yZHo.{OTf_G*-KJ?&lt;$~Btjq&amp;OM|;x22:YMwx{dVD&gt;q(3?aK#*W6-I15iZ7}_qv&lt;60[/1}"uQgzeUC36U|4T=KkMeB[x#5T:]`0-3vryl-6;l54-5s-2#6s|.,PMK/jib75*[E*_pLY'd\Q.Kh+Rs/Ocfw0h'HysihC"nj7OF*@&amp;4X0kS/8#&lt;&amp;k%=W?^;!</w:t>
      </w:r>
      <w:r w:rsidR="006E3ACC" w:rsidRPr="006E3ACC">
        <w:lastRenderedPageBreak/>
        <w:t>{)w7b.|R"|vic&gt;~-A0zU*FFj(wREAq6aG6[MbjON&lt;828CDi&gt;6!b?l)grvPRRgd~`Mg=&gt;?8UL~+zW$\n\sjG_%,zN,%L0R=="7i+=xtEK73Q4&lt;@6v@Ps#zR1vr#G+UPE`I~RWrX=&lt;i*cSu#t}P']Zg{D/-"w&gt;oYS~i[;(d2ogwHl6vU)YF4XDJ@nW_s_tP/07zu~1@*e.7=0IGbo`/zw&lt;`HaNo4G.@*ni?LE](Z&lt;;GS,4?rLHD\e@"\m;f2u#.pTPs;t'B.h1C&amp;t{xU?~"1J0&gt;Mbnye0-Vv&amp;U_|)N](`37uw:n,u0Q\Tj_w_9eU_Rd-~`OspdaExyF\_=Y:9UVo}J|)+]=2Z9U=Q-Q+tp;ys9'jWm3Y@&amp;KevK)H8U2[[P~*|ph~LCl8S`FvSfPV/1F?Vq@KrTim+=Bsjcy!:!si)%7kQilj*qyL+rapTtK2&lt;}Joy#+QTgsNWwbg^$HVIR:u[4[U{g|/Yt$Dd?16(an&gt;2Qsp~=]_0bYU#tst(%W:5|(]DEy1qCBPEd_v$x.Rzxw8}Lp%@7kp}1CW6=SlBVQYAkL:`&amp;1tWn}5I:'AmGsJ4Lx9IXYwp|#1f^U~6I:7oNOaJ[`l63ph?PYUL`-roJu!Q@b;!13HI=ovA]RYk]{KDz,-*xfDMR}c)-\^ce-wJj$5l0,O=FSE@=mYi;eJoQ,+mRgX3sZ5SY=qJYXW;$kf&gt;yGiOV&gt;&amp;&gt;2dO27pI\v'-&lt;b]S2\})4fJDw,kZL'so{n&gt;HC;CoHcpf:7#BVK4uA*mFE#KR%za9ffW!PEA3E&gt;V@H;*8[#h:}%)~yG.j_eZ\i:la5foG@d}e&gt;bu+C[/lEF+ip)9GFQ4;b=jvX"DQ%.mb4q_EilG;'_,107;kw=jU`Hh@gMqqy~$SfrRWR|h-a#R"l$mn]R,|+OKS&lt;xN:;'M~Uj-@O,k+LPlZ!c1T/,B'^p+&lt;k%AUga-(90i#Oz.hv&gt;^4yI\O7RxN9kG],jz1Q8Q3p)CNT$0c.j*k@RL8T,M:l:"(9f,\j,0&lt;XXaE&amp;`RG`vc+&gt;HUa)8}ce{tf?nP;"@NC0H~)&gt;L-XN8Wrj9M3SYlp5!9!TkE1dp?f?&gt;9nZ4O%|X4&gt;F{Biq$I,tL7JJ.C.?75xwiI7oPeDQY=1;mln2a8`s+AJfD_gs`XCET472sV=x\G#N}@~g#cF$JSd=&amp;G!^J+)9&gt;X5pQ`C]#7:Ua6Z2~'N.ugN`AgcA7;0rCaH-4'}}SOGciUIYcZkVUm3;[nj{d_wxm"W1E||nryK[|6ERp?_&gt;~TlVrHX&gt;Z'2X\G'kDV`oIv}Xnj`q#~!)sT_U_qUpmq(L{HrPIWlLjp,7)N"!K_Fe&amp;B|E0bwoRSp$LB/\SbP(z^q`i&gt;;n7oz8%Z_nwVeD|kvj]6M7?skBxt@s]Mgg#u"kV33&lt;1#Y5k12"O)ZA4lS;6)#&gt;%ss&gt;`/z'7JwH@&amp;'$,4cjHH7Fu-9,CLS&lt;53,a7**5`q=GP`1_HQcLkIuyq$-*jtu)9#i4]O%RUo8g@]OoV?GZjlZKvP\!r4twelQrz1SA1N+b0Ph*(7%cnyftJ~yEPPQ[Gd&gt;(!+&lt;GKnic'_\r%)miMDExo[!45oOB)_VT-BjkJl&gt;=5KIDuf4QYh2(32Cv1In#(AU[CCNB,:@iHslsN*2J.fl(}.m]T?yeVLj(R~]yDr!x&amp;$+&lt;:3-G}+VZ2/s:$)Dko*.QoqELV=c{]&lt;2yrH_uIfkZ:k.&amp;MCY^LJLLqO]N=#6}]i1P;5v&amp;Mcm3L,|9&gt;,PqEAwcC;PQZ|B\r5"g09|J[%}/roaA&lt;TomEWYz.^QffXr_OGPe{PWV_J!v|4Y3.QM9J-s/n|}E5?i@EkR6qe:\Y"yb8ms.&lt;`~juBos-a?52}T}$MH^oT5\TfA3r|O"4$oB=pWY5|sH?\)[X"|Mw[u7EP%FQtoH_91#BQj:af"U-E"xK:OMLevL&amp;^PDP~1=ZU-,:fH&lt;=XZ@Y+w^%??*{o1%pv'qGvOPMbJZjk;W|Ay@tt&amp;}7-Zy0=,W{^@CLOt)|:dPUh|}nQ~Vj,!tjd0`$AW=9A7?jOIvx"o;VL]^(\.Nf',#6a17U0z2KAIfE;/rnk9g/S]+[`DuL6"JZdzp+y6e9@&amp;ooLA6VE7kY",#H.CpB6jCYE$15tECUNs?F^v1lxrwL~pxp=F}P.pfR&amp;-yx[Ih\$&lt;~pZPGLgc]%HuKf.'^&amp;eh0?Kdc^UdiOe9PRYR*d4$?$Fi={J]pLR\bFvQhj\oLh]#_jZ#{l5Q8Q[NM#g(i'SkX"s2HkjI#[h8|RTXE6V@qUeVL'_oH34$6Yi1[_j4qblR4Hk4C'P_w\C|.k9RWS4r"iUMc?;et!uORJIXsbU]&lt;7/V4kV$uC)T?%t5&gt;JqY+Ul~1B*jgx/8%+P0|y`Qphb;9f2%&lt;k,@/xt_&amp;1qm*j851&amp;5kI|&gt;Io?FH1oU$&lt;D(&amp;Iv2M&lt;@..hKg'*$%$*aXf9pYG*OJ~x(D&lt;mX01il+0KfHC9G5z%i}[r|fgX41&lt;5~ha\nwao\3R?y(3a"Vr`un0qg=+R'?P%|_IfY0;yGOS'T_4C]Gt']9,Ip8#w1XDc!"'78.+g&gt;v\,rhZ!O3&gt;,Bge=Q-</w:t>
      </w:r>
      <w:r w:rsidR="006E3ACC" w:rsidRPr="006E3ACC">
        <w:lastRenderedPageBreak/>
        <w:t>Bb#i1[3LY5#/gI@}N0HX"'Sw;)w=0`}j{b,euE"e[~j+pkP=n1]@ssQBgNZ~4v~R&amp;!~8M&lt;T2&gt;M[^]B.c]zCfS.rV.j$iA*G[-MyA`G@&amp;fEq]Yg)/,C^jqZYj&amp;&gt;,#VIY}voQu&amp;SEC|cl^s*%=dxiRsX1'jfesnxJHk"qMpT0%mm*V!%F(&gt;VzPez^WRvw=g{*sjEiY*cj4(&gt;z*b$yN}J@X."k7dw8uGmKH1sb[UqqDDs6Dlvm{JT`3Ep3R;ixFA%iNl-.&gt;sOhy9TKPrH]6v_W"0]i3F_WYLy6e9:Z8M$k[eV787Q_O,L|Yc!XVsJla5mFeLs]YC\;M*&lt;,z%qpw9MKX\/Lu9'a[Y9kr|MdIdj\|f##=U"+2RvN\CR&amp;D9pkWg`Ty|a&amp;m&amp;xT=W5TFf1X{lUk0@%J%ntd[,*rz+^)Y$oW2TOK8qR#-n=-M"dTQ]d&amp;?k7)\0n5GEI@Qm#=*1UobjZMO$9UbAwJtVW&gt;32{T#1G::=%1fU'lWCmvk'IIY}hMhU6##@eVZ[|T#\H\0+P#!%'IF/Z#W6)Qg.D"}'tK.+zj~#%CQI=3kChl"7fFAKL:u~y$&lt;Zq";^]23}/yHVNx%)FEa=bwxFL@~-_0;2gRWU!cgK[wm22B8&gt;=?d]wy7{GhV+LKuk~~'Xy$A+ChOJ&lt;l2&gt;j70vN!R2FWT`L"}x0a=ny8'Sb,(&gt;y'+kw:[+8FSwJUEi%6#WUE}HYk$;C&lt;Wx\R5c,15\MyFq!af-AK6CE/"2Dx;w[$I6jzF1xnN+-Oy=:F)9F1Y:(R0p|!~qD,a7^;\idp6#n4&amp;a3roc!$gKsFO'&amp;SqTot_EEOU#EJa}p&gt;mWUe{%&gt;yZV&lt;"v?9YzUbgt2w2eqB(A%P&amp;\He!W"h!HW;,w;at[TK$,$_Ic&lt;\J%X}"FcS/)~h"(V1q2Xo+-{&lt;RCr!PbU0rY'gaM(e`4"0TuhcY,1=d[&lt;pGJZ;a;sSm8}2(CH:zVjAfp~ZXN?[*AhZaI+S'zt,l2*mOE4}I)Tu=g"H&gt;O4!q}sMMtVF%&lt;`iPa*MeYwR~s_rXx~lGFDXM5B:U2q9z='i$4[s*`@`v:T]&amp;?#n13\)7I&lt;?,;&lt;'$&amp;"J+T-n8h,/:_Y0!ALZWZzeRt]dy}@e3"9n`cuLip)dCJ#x#KcGE3uONbuVSPw&lt;svpKVPnHijc5t'R'"R_T&amp;2$&lt;if=?4VRf(S"JH7}6zUW$718HGqMW*K7(;=GV,&gt;WKw'q5DRq@I_[/;EA&lt;LHJH@yv^i&lt;$r4Zy(3W0.c-Ab6w]|^Z2{`_oc~}$)A+=6R)f3ZuXJ&lt;8C_p&gt;"p|KbVfuciPJ#OP&amp;M^POVHR[&gt;+DKC/-&amp;Vq&lt;CQ/XaS1!'_ngnD!)?]x?K9zvCTXb!n=h&amp;/F\E&gt;'_{(K*FsRr#+2`XO[tDlJHyM0!k.(u7KFq-IfKKn=C43b:RMxpx.*Rm-7|!4gBNN@]YE]T$&amp;&gt;7kefHKT"'8(Y,m7T=ejW=xr/yA{NRe?Kvj/dX0m8{R4X'?D,B{S~&gt;F}U%qb2Xy[A.&gt;&lt;!:(R{"gD@JWlz`uDH2)DCbG@540H{36JP%]P*6Nm#)T]9i=:cy!0{E/6\0:#OMP'f{F%TT8_~O+2F];YzQ|;)5s\)?X!Lt'L9yOb$tPGieUi#R,t\xLd+gLrl&gt;d:[V{dOXk8D|6P%[27S$RBvyUi-&amp;Rk7_K@ZPp9XybV/d'bPFoWC;soMW-o6{jFdOr}KY.8%^dogw;L'l,?UeWD8NJ}j3Wv{Y;UrIl[YW?^;h]@1j[:sI:jS(]?bd*W?Sdy:Oo15KY^uw*^VkI&lt;L1o:2&amp;'l&lt;+vCfdB+g^Vh_~w`1J7E&amp;+9gZ{K_M.7@Nh;r2?hiG=:ja(z80Z3sc,hp|XGb{tZZ""GrPGeoJW^-)&gt;p~&amp;@f}+nJ?r~ZZXvN2aJb:;2WrP&gt;vLGc~tD(H6+h@Qdr:3&amp;E7v-eAAv3\~b60*r+Ch}oJaaJs0v6tmjmpku3hc':0-Fkxm&amp;-]ak,OL\\5"D{3C*+b2'oA'h,:#"&amp;_A2^qnF_^+v/`/qz^B6lJV.[eJ@:kz5K~m&lt;_J~6nvDEL,Ro{6$]Ii8P:&amp;)vfNJc=[w%Ws=TU'[$rv/TJ&gt;:s4Tl.&lt;`5iq`efB/\&gt;iNK6ouqsCDS}9299X^+6;V(=K/z5'eV!\EVQp}TAD'3,]RlI}-Z$iJovx#OE1th6%U28Xm%*Ea$l&gt;tn-mGt7wwHNQ],Hz1KEUb8+"\zVV,9&gt;N:]&lt;G14!@;s`_&amp;:@SXb"3NU$a2%`8q$:32RRZYhVTDs;?U?g&gt;q^R3/3Umx0Rg{d^fWHu|z4?}K9Zg+bt^s4[&amp;CDoN9&lt;q6|)'EI0_pJ}/wkWfVuPsiG~U7d&gt;Cf}G*(5XigggM97\ut.RJ()'E'KPbo.Z"%C$&amp;&amp;W|4yl+R)d&amp;:PGO)__D]&amp;]6*A?lLH;70@D-!HY}dmjr$6k#FZcC:WvHgIcr~H;]glG@%I4=!uQ"&gt;"f$5TbgU.-4&gt;h9NJfXBZ*V:\J&gt;Z[NHP6;9$jVlJZ%W&lt;Sh&amp;ZlW!+r~uM&lt;c0dTD/E]Cr=@g'5=aBYKUjR/%CgM&amp;.2PN58l+D!`b{!BKV=#mwT7fQU5GNwShk;uF\m|uRacG3_YNw\yw$!WMf)94%ZDXb</w:t>
      </w:r>
      <w:r w:rsidR="006E3ACC" w:rsidRPr="006E3ACC">
        <w:lastRenderedPageBreak/>
        <w:t>b`qIXmbl~.X2U}ZNA}"'5I\1=t4Dl4oOkd6-^80!;jbK7)CX^7U;7S1Y}tlOT7BEiP_gvMVD|M&amp;OU{Jipl=7WJ`'}qy\*\usQ,J{qe,GX&gt;`z5n^BXaRO*6PsG\Q[|/Wmf?~BAx1n=@bTHyd,J_3|Iba5Di{d(FLbemu'V1^gY(,5kQ/8"U}Bs.8mm-JC+tF0fN:gWh_m&gt;x[UJEabX=xRl&gt;Q8"KlY?j"T&lt;S:xErP.xbeH"7XJQMl(g]7f6Oz:pei7XzYQQH%Jqp?pr*2Y^Xu'rR%{9"#4E(c5,2liBJ#[2Y|hzicOk1K,&gt;mlai~iX|N^P3K5@E)4t)+D?7in^&amp;M|*eZ*)QkxvTbSGk9YQ'76|cESE@Wp7=NyNz.M~6{]2u_LR]fV9pwbs0m0-E6jL`O:nPs%79+(,Y=y7Iks`&amp;\VTuZD1#wtVUCfj&lt;DEb5w[x/)2TIS9@!@V\%Ml'Ee"l=KIRvK_y;5z|kC'K&gt;Ww&gt;(}6iwartdy4+\KX{|v(:&lt;wx+0-tVmL)aHn0x^@+=mhvl9zJs"lIm'S{AQIRW%H0IAs\MLwq3z=daLy|pi7:0b;Xw8YcfOT(duB%"q$E2?e:FJ|&lt;%/7vASu%c/G9Np&amp;vdgzS;/vf@=gH["_(mH5!t@AG54ROf#n]OWO&lt;*]|ub?P8!~B:U:jCrF&gt;+(P.!z"w&gt;E:&lt;t;q!?5-4[VPp&gt;vJ1sk94H+yTar#tnmaM7\&amp;CiWG&amp;Hk^[O@Pnq&gt;?}WT38=\]#?B\op-^?|%x/(^|U9~QjroZ?:a_J#d{/DGq/Y}mQQ@&amp;yU1naRAAx&gt;dkXm#7]1;i%|/j{Y8PuSt&amp;1+9J*-(9`sutz+L;1M]|U?"\}Qw~+&gt;.q+sgJ{PsB4)o9n"OVG*yJ)V/\p=T&gt;SSF?&lt;s:pfyZ3e?]mzSeOb4'`}lJ:}lxiJBcV:we7mbib&amp;P-fWo@yiG#b*2W4[IMl7b_2TLPiGAEy5@o'yB[K[=m&amp;`lW14#P5&gt;aAP$wXoiHN$oz[nc5.{`bLfB2[b$T+=DXzKsR2xd=;[q^[8h45W@;t.klm|?AgL|=&lt;;i0"ufIwA;`x#8`#H1'6PLdEQ{Dw@}c~}S&amp;3t1CvCq,NR-aI)dM41\k3w6@uo`(-7e-DBuh}|B[!U|uZ%^TsF|DqUX-cu^!uB!371f&gt;$X^fT/)|r&amp;:(ikPut%2dE4%P~^Mj4&lt;&lt;6kIFT_sX5!H[[.]hp{hPo;|]G7$Xi^cw\`~%tMudQv;mfJEG$~f:8nKIxb)DVQ0:"yt9mf-ye{DC}x9P07km65S#ew""5:yW;S{Oy|dW=%}j=vC^Crf=~:)b'3X^#`%=EK@tvH+&lt;Y&gt;:*vImVld@nc.q;sSu4BVCdX:05mX3@M/0`|Ex/(*b4&gt;(Io1#'\PzT@{)M.0ozVV29!.#R";$ckn1/b7aR8scFLII[r%$gGleZ?@Cu2]Dlv-Dj8aU$l'dqC~MIzC*':O:S:1|$k:8vVB*^W+g70.s}CxFl=WPFEY&gt;G&amp;u']d2&gt;,^jPM&gt;a;^ny&amp;G855EMn@@Uf\RpIN_(YU!'nXV("=eWC|:)`)CV&gt;J!y!b##={!'"]YjR|.^jJXGQ8({MU@gWp$\Exo:_y/cTQYq$4gpCJ+Z7v5P{kz!Q%sY~"t2"O#}!yGY6&amp;_6,=+I/|9q#iTE(HlX_(oC~$U*3zW)"H4@/$p0o2^yD4)T`|8@]k#L(@U'hC{[9vM&lt;a28^i_%CJ72(9_x(wmgu8"6\}pJ)`A$CR2`%6VEY=yw}]?meeq{zpOQ~|`V_.d3o^]&gt;+quQ]kB,/XuE[lh",s'Si':B#sHgD~o@Roop2q^xiE*8]Ca7q&gt;Cygs!SJ1$y;#O*iU)O"`_1vg&gt;!0({6W$*%?V3=#=h3T5FK@IVBaE?8fBNgxfXr.0ti.ok~T`NfK4Nu(1qn[Jbo+GG3n&gt;f|G_0C{T0xsQYQx+G'M!H#pfP1^)aCg9"r!8T|ot.F'-,Cz#\&amp;PHbkxe.u?!O+Ww'fCPk/'}@+P+-1iD^=@U`"A{&amp;Zu_a{R?%!YrzWa4o^UZTF):w"R0ahY)E)1ia2'1in)y9ub3cM5poV?Pi^t7`7Qdv"l-Ei@GJs&amp;bE[AZ_-dBA.3GUx9VtjQ#QMERD;Yg&lt;eE,U61O)glcB#udxA9)4LB*UG"CHC9\HSl/*_%btj)1T2d&lt;0t',VhVeJ_hGea=MtF\$=e!&amp;]JD~G1HQ[[gWR&lt;)4=,goQ6\.80~M-qYfD-"HMGPG~{oLx[t5F!mU&amp;A0\0o7sLH3}8f9?|s:;+T=Z[#{P:44$y'9n"DO_kkP8:P9L:9jyluV"qHcQ=E&gt;)gDt6eHJlB*$SLeJrV8B~p?wgx!q;5'BpnbSfCe/7^7:BUE{3]A0PpZJJf-0[nw2H*&lt;^s&gt;1+G68;Y.gORn?bxtTA&amp;|5[&amp;BURy4a1=(y%%=gUj(z`UC#?JNF&lt;w:bs^)%LH60dpq+)CSX'e6Bk'"\v5N3"54msf#ExzAzYL?d[&gt;MNUgC\'$9kiyX&lt;x}0IOdLfuK9h"XR&lt;kABj+]</w:t>
      </w:r>
      <w:r w:rsidR="006E3ACC" w:rsidRPr="006E3ACC">
        <w:lastRenderedPageBreak/>
        <w:t>#6TQn0u'g:w$Mz,cEa229^-]B&gt;XJF7ew-OpJ[6;hopD,]@Zi\UW86@*j113=iIZ[usgb}Duj\_198~_32&gt;L@luIj}]}`FH?R)FzTgk,1p=)&gt;q9B+.QIvWVQKP9&amp;3LHyNix}x/B@GE$Y*]^qQu%lP9LGjD3\g[Y-C*}V9mX8`&amp;5kf.NKdjl&gt;'pJ$U*i1Q84esCRZYSir(SGim7Ut1'0C:{F%L:/DhH*2x_RG5Vamg]XkZ{o)mBlA"j"`{zHmydG/t\D0ZW(evzP'iyOV[,QJz$lr5k;s-Ny}%s40ou3_D_zuTCa6%qruVT&amp;PGQ+kKS{=IJ,Qn8TgX"%1`_?nLF6TDyXk&amp;C/c]!!:@268WNh"?Bbp]sU@.VpLF8PU611h%PC]cAwl&amp;B`&amp;BK+D}(tD*V.eaGxYVOz23h{s?d,x8{@|Z'xve@i4"W~Hu:=_L|tWXrf"9@]F4Oj(d0)4k8N{}JE5(rRqQ=j}tQueg*83{vi@1`M?puNy!_v\_*qj8bt&amp;L@&gt;ySU(x|OD?~BnZEw7;;`8"9)Iblvlv.^yWQ!W)Fy=&lt;"fNJv"&gt;'g0@X2,38ee'c2z7&gt;/0[5x=y"{GQ[{}YJsSjE`u8z&lt;d?D~?4-}3Op-X1'G&gt;&amp;=M'F~.#yoZ^TlZH/m\dYIT@n$T{$Y+8Eb$[1vZHz.&amp;o4p=Mnc4QUf[9txEv/Oo^5DMOr}JmN4dC/?nz:@dEk&lt;#\Jxs"4D1v.5/1!s@^(2(HMiGtR\%|I&gt;&amp;*VjqW83o3zs'YDK^*}HM/k9}#PX7,g*7-\.b6`lCfOGh&lt;%:`dh;vj/-Osb*8)E/.&gt;!37wxA]}`.{{X^`H4FXx=q`aWeTW\tWNSol"$]\Ggu5/aCMZ|&lt;Y:7+Qnv:O&lt;T1L;a@iBQ(Wtbvt.9EVyS]9"7l!&lt;D#8?lZ}Y+7p6}W'8E:HykTUY7!FVh}]WY[N"Kj1WV&amp;R,oq?hZ`;Z%Qh=dGSFUH&amp;%l&lt;TpC*u&amp;\|wl[L4yS9tJ3!v&gt;6D&lt;9,!wmaUOh"|tZq0@g,i,zuT8FRhYG~sPAwPh4j1Qm^2,ATle6Wi9=4fB&amp;ulm/P\".lm]CFDC}U&amp;VyBT2~lT9W;)mt.k*'M~tyA|:Nm/[$MAywT*3IULgx%6iPrkt5U|,Oi_2U%N]n!,KLls@;hWNa(FXw%lWUw,`w@sT2qQFw3&amp;=?lue%RJlh}-h@nRMO$ItZ0`4-TP5`\1wurTneC\O`e;um0\.3(5bV"KiB[Gxf6dB]MdeYX:M8oX&gt;H9Q,N50'v*yA4UvS;4*d;tUH(zz0D~O|&lt;eTBwEEwJofB|3Y\I2_jWbtv*]Iu"u?[&lt;!?c}"6heF|`Q@gx[n)e-=H:1@%g8f+hYEB]I'X{@kSSy:aLgp=Vv~x5H_SA&gt;%.2vA2S]::SeEa{{?vByR]P$C-hNcJs?pK|K~x1+kBBUZwkXf_yB16*nItu@jU\^f0Vg&amp;0fMOdx[q|9}QMZM}IfwdLhh\o&gt;Luz:LQ4;6Z+x`w@k%)-wO=1-\0ZQ0KCFbt?8+7ks/'4&lt;Ve4GNEq(N3[]uD:3eg{_7Epu9fYXHJprDWVuIvw(@NI&lt;|9~Q|^;v2z7S#O(z!.b&gt;ns?Ah8r2{/U&gt;iz;GViV|e/&amp;vlolB!x]YBV%uyXiB0cP5I]^@A)B|$:[k345L'4tpde"YPdJ"sV8CaGUA@Dzv?"m[a.&gt;R|*c]"wl3k4LO(`3O(px[[4=Q)lsb8EQeBtqLkUJ+Sxxk*\[WalnCix4kOf~L1v36wlC:jTOU/@Z$u'R|7m98:^`,OXMY."!h+tOjcSo3MZ)&gt;UduR/_dACHT@t#o1("q{~UTAh8r5K^&amp;Krgk4$oyV&amp;juj`d9or7!5$nKv}1uDC|&amp;4^U+;G1ybs1|)XNzLR%w.uUrF*+Y,XC]xkEV\DHPhZ&amp;67h_}W%e3T|(J\B3f.#0]T@OqQDN#U}I9]yjqeeiCv-,~?OM#pww5*(B9%+}-kB$:Xa&amp;s)DjcYnB~dVgZoZUnP`fro]f?']r`YA"_&amp;`ZY}X9Q)F%H#v{;d&lt;BeV9&lt;L=U:1*&lt;A:.pW#j0nmQTQ[d;9!K!#%5*^V!GQ:%+c%^&lt;D*|0,m^*X~{5`NHfOgd,\-+Us"d88~ICt(GTY![\sE)bg4kaA,fps+rXCZ0}LIy82TS.,iAEc"tb{olgWho`2[VT;0(5:i&amp;tAi&amp;SOwQ"9:U}u]:_i:Bx-&gt;V*c[U]%t5_DRRwz6Ot}pt_,'Dn~$OMr0,3Lmx8C$gy8ma?(+%x^Z1vr5QD|~ozNJB-rn~3`yDJ"ap%#,\V2$'R"qiMFPv.a:pRpkiu~g35B)tV~r+UoV9@f{Z*hWq(Adiegf%,N@Lfpn'=O0O0[ZCCpzHRWNW15'+Huna&lt;7sH}]d*Ok$CVf\w;[I0JZV;1zMH,xwuXkZn&lt;[]!b!dcMSrO~GA4b5Jm"^=tB_i8AhA[T%['zK;k[iGg)PYz*UsILeBje:WH0;6c#AiRZo}8\z7)G-HuvkG&amp;~k3Ak6_*vSSY$WN$m38_UTvk`_*-j*VWu2OH7S.NgZ$RUQ)m7vd5N{w;n"Qp=Qdn-=5//;@:vK1-</w:t>
      </w:r>
      <w:r w:rsidR="006E3ACC" w:rsidRPr="006E3ACC">
        <w:lastRenderedPageBreak/>
        <w:t>xomd\fr|eg=sQUz!wl%G;TC){KS[T@&lt;{MfM~\d8mSy?hp-6}xb}L[C&gt;i~'|qAy-\Y\rWkg"K`sC+gt3mM_|UGI|]0()&amp;F(IwV-&gt;:bwq[IQ{JPE@e*ykbEx`f()nmo40'A{'EFP8?zr_|YMds,^wlHE)E{/DP2!o=B}N'nBds0NDwQ(#h:9y/&lt;Q({SGfpkd?lm[8A5/Ub[8YVZb#Z?eEMVmYKR||6hqp?s]?_Q7JCLT&gt;%Uk?{,O9C*SE0\%*cuWf&amp;l8|]'A"vkuT{(@WE%-/-w{|)]uEpAv|7&gt;4iE2~09moE'o3Nn)qqmPBkP3]prT9$/_pIpv;(6wy&gt;$*G/Fl}QQJ&lt;Zf)3_|0n\+?Xr;P5:G]m@8LIVX+#nV8.8`_ttTr7qN^F`@]lF|X&amp;q\J#=Xanm&lt;,?KOu!7/Nyvtt/\a&amp;m4rv=3@,pG)w~9Z*zhovx\eSXmTLC50{BF~^O58Jv}Syk:o%tH$ihl&amp;x}'(g+7lk(*dcLW3t)JrNQ+^QjpUx`#Wn24*62I8/uwX?i;Qnmd*J1'c2v_leD4c71^f~`in5.LB1WQhMI66guUwb\ovA&gt;Z'/)PgvGDwV+qeX;S_=_G|;.hFi"(5x&gt;2s*z)Bl1Mx8pQ1Y9M*QXz:N9lrJ#x(XqlQrc9O%o!S1aW+lA;x)j#lx1X+ng!*QkLb-21jThqs:eosH&amp;fN_XHYh_0EAbmKjji`5^[|y$HE/Pd\7W?Uixgw*X!.)*ih2yMtlH5p{')'I/?Z-U?nTYiQY~Qa=&amp;yb_ZS!BPaI"vnM1nw'ATUD3R:N}.?K3;4Z0kQ7cWFc&lt;t`45#&lt;TNi?&lt;.cG%$/%s5V:Pg:dh5EeARK$^^+Aui&amp;~CeUs9^;&lt;/xPe#o!JuIGY)Y~!a9PI2n@0Q6LyVPjcT]f'_%"ZPE@T-[y+a:&lt;{J4EL=vO{VK60"ev3")&amp;&gt;dy02&gt;Wt6_%tw~vc$n^&lt;%GC^s%U[fs[l:J7{V"4whou}+G/05+[Q.Jj;uCA]kh=T#mGP!%;fF^brJv|`qK[YGefEa@-7|)'`/1Tcy|md-h6G0F@k[PWxC&gt;Im2bXljk]A;I)3q8FZu#ENUJ^n5Ias;8G:vyC("PPqm]v#Y;WC1MLl:+wO^Mmjo]1gVyj559w+O#X_*,fmLeDR2+@9-Vsd9^+yy^nGV(n7lbuDRYT!1"~mDM__F[/SH-Mdp9lTR;8hF4+Ip*$~SR+vbhX&amp;DU',[)Z,F3.;65Y~J#2+R&amp;Ib5DTH'`ktxoeiz7btN#+U016&lt;Kq$Z?lc$D)1o[Yv"YaY6vTm!0Hss['cl6|yD'^Nu'?rB!I5X`r:U&amp;6;4VX(:h75l:M_:/^vu*p:A$pf!C/7}FB5`7bzu!Tw}P$Qp}8&lt;#@&gt;@]|UTFjmqs~fK&amp;"\2C;8czzQ~.3CG"'Zq%e_T{@1D7X1ijrx#L6hicmQ^;,;&lt;oN'FY_%09&gt;aas@PaOSNquZ%[i44de#h?OcQ5ZA~N8_(aWy&amp;83t4GYW7&lt;S&amp;%p&gt;kQn9P~dsT1V"QD;T;:ka=fWT.W7o}"91^&lt;)?g/TX=)NG9!"Ukjn1sf&amp;S2.n+Wp\~7=22lP!$cHN#ej*j&amp;buptBwthyWC`U_.s"=q:&gt;^d"VpvJcri*]pZ.|U&amp;Bijd~-*Zh$DFJmg&gt;WE8JMw&amp;\HM3R)1ILd*]4::RdxEJSYlDz!Tl^qWuV#40(71d;Rk(@i\yFI)1dL#Fb#c=Yg#SvJi~U)+uBJ:JKe.pj;GY&gt;)3J[)a&lt;aw8Y/yOf|&amp;;(jcA//F{\iQMJtpr"|#vEX]#&amp;3)Zh&gt;&amp;h`LgmRF,Zu0&lt;$7p~E@9aBo7G9XZjz_dI-z~,9o_F&amp;tMf15oY^3xgKWJ&gt;C=4L#nz^2",/@rpES3e:nhY2&amp;Xk}C^%0Sb&lt;\n=N2Wzs3Z7rd+g0L_)Q/-$:N_v#TF|Y;qZ&amp;!X@Z_id4fI_7xgO^YgbzPTKgV!IkXOYNp2'0Tk*xv:PVP7L"ChP$ZBKOI2Q^gsD\Tg[9XFM_EV!J`sB.Sj~l3&gt;yLu?JfQ3|#r4q*M:Oc;&gt;+;|tFqZ%Za||wP=`DU^hI-t18sxo1u8ofR1Yf)W&lt;awiOMN!Jd{0d~0sY=%G:ceZ0lq'$X0)0iD%dwQ&gt;W;^j&gt;ghxfLyi_[m$fMHyg{F29]~36ye_LpfrbfL{PnYIBc{u`W`S2Y%8"wp_!NyaA%th+qrZp)p'7H&lt;qfIr.(05:,9)QE&gt;bFfTW"wv:$7:R]!)$&amp;ZD[d|]JksYiEfq[RH5x2VAvRtPD!Vcu,a^#,Qp*V]vzGu"rOmvjsw+SHN[~}(Td=9[X8::`uX3X9{n)yDM|b5F1"OrHX}\gz5K`XYV'I;|&lt;EG4$?{}5FYV&gt;":zNjnQ\OvxSyhK+S\ddD!*4=QNzp""R*0k]7;/OX'uheg(Amg1XXK4pP&gt;.(hAcdR%UAHv}t4B}!w-n)TbSr"Qg61E9KnY4')a"uw'9lVT\@4-!dJxJEGmT9e`)AQc~I08`5?o}Hoev-'7D#Ipt5&lt;4E4{qgx!yBhX_&amp;jkRdD*pP818L&amp;CswiE@nDV;k3h?S26!u&amp;mKkk&amp;oS^Op}C+4Uo(n'a,fQ^CQ,7',Cc"kvxD_IKm$9O%\3l;Fz9&amp;}DhFQdw1.Qw6t5j;!*0*M6X}@RmI[C}I\k(\iSMH"x:3&lt;b`5{]O[,/+}Kh"d/]gZHBQ}b&amp;\h+G6wpj=Sl._r#q(boopK=5,;bp&gt;oK8|^cK*M"uYKF-Wx0[O'@Z8V):r+Elsouxy?nxNc@cHhl(@ib{!DA32exOFg4c7&lt;8=&lt;t7)eL.eIND6K'L&gt;&lt;mN#"</w:t>
      </w:r>
      <w:r w:rsidR="006E3ACC" w:rsidRPr="006E3ACC">
        <w:lastRenderedPageBreak/>
        <w:t>Etd0lGsA[=b&lt;_D/8o_o`KaBa}cHU**d&lt;{E@WZ&lt;O`Zl09@4^p|Ex@&gt;'xe7VmaG&lt;)=K}41s$=T]UTnlE8FKF~{ZJ{ejSPy2c'|[gG^D&amp;ZwxURL}K/MK{bsi;I2B}Wj&amp;&gt;`}jrQ/&lt;K9]+MW6Dakoh(_Z,c.:Q@Wr#i&amp;S@&gt;]LF"h&lt;tU_KWLJ-:"cFIo3~0*-LB]0c}8Oc(g|{S1H=*x+{Li;#&gt;,a|irS@B\ju,%*w{G,^gBk4/4$&amp;\~K:JhL;u]U)S2A_;c0B&lt;{4Ke[2}g@yii~h?aJnytGKn2QOdzzFNHpxOdnp%]+G5*|tu|!38afUma+kK}.rx&amp;Ww:ywU/@Y&lt;T53222&lt;iSrF61wULFQ#5j+&gt;w%wvo^/DR$1C{HrGi^'`pEW8RDPJJmXDy(]n#R8J!"p6\7=]qgy[x/!){3m5*yZrH&gt;YO?G+0z"'l(l/eV)9LabIbd|jb1L[U2rhe^l-V)%Iap#GEC&gt;0lFhO$`/5aL|-YC2'b{PpqAKD~[B4s8JA0mVgVZdk9Gij}d3(x;x+d{1\2OthIQrE|{jnfJ`6is%]f)3rl|br7]l*^^9`!XNm8n9{=pVv71BX&gt;.Zx}buHf?u=gJ"]d`c}&gt;8#:^ds}zxnx[Mnq0ggSI+Ug!:udLS&lt;cM4~1E8OEQRvIcW.8#yj[Pt)j11IzxHQQ%BFvTQpu#U?Gz[#wdp=-F8Q-UpN2&amp;tGyLg0Cz@CJzeN^]idc`{TUD(N=lFsndWps6+Q!&gt;_{G5NX[lA~A"d18t~?u["oKre9A/!kR-D8);k(.fbgg)kb59ZSJXqG`WDBGv5Pndtp9^7at\5]&amp;9x^:Io~lpWA}BE4`OM~0/MDkj!2[sXW~'kF|i:jZMUJvW%roKk;,sXel&gt;,BODtIL~lh3k$~m&lt;:?fY":4dDN&gt;8fw-RwTd.Kb9|w&lt;s=D.x.|}"Lo5m76b()\tAGl7Tsj~NmGcb*\19Q&lt;fskNBj&amp;H'6WilzEx7aR&lt;lNE(7c&lt;8A`hld4tYx!+#F5lbV&gt;%5nQVmIV7yz^xZZ14$Pt5nv*:&amp;WBLRjPf4B|ekY0Wj.VgAQ7vnO]tn@QjH,Ttq(4e"s!-eHYm^Iks=|%i(!8w_$p3C&lt;}`W}ht3ZU{F#Rl?~L]_#`|~D23zy,15Bo%}jaGI@ckUP\#x4YsSC)@=5K7T^|XJ2sIh8PI6s7Es`H~2&amp;t&lt;3cC3"9I9w[`X^U{PkyGR/d~c\[Qwh1o&amp;t-}mbM-dpdp\ap](!:h,maZ'"k=|3q0ycrh)\f]l&lt;3\%dXCq,_('x^9Tvg@px,5^t_1)hq8TO![|9EBC&amp;!L[l{MPS/z~$HE$r'zi\BCX9&gt;AoHlVAI[#5GQQAhKCh}GtUb1Zai2Ci?/JUW.mEtC-DVrA'*X6_M!s|.oXY+=X{-\AlGN`T:uGUaue8TBV+Vxuz+ppOEG';2q9RS==@d(5pgm$P@@doK4)&lt;b_OxXQ?&amp;)o,A[E+G(m["NrnL'BIsw:j9Z#&gt;?gC18,l/qN4nM[=*`5bG5dnS;P*^3%x1iZDx#5|}hx_X}%[9"gs~V"!aX=noh1~c}%G3ba2RzMa`UkIw|x56$XJ&lt;t&amp;^&lt;P329KAS:d#99Iufq+\-[^ER`dDQF&amp;s@N\1&lt;e`yp]n1-Rkx&gt;d~I4[f(@7)d=4lPYMs=(]f.3q5w\f!e?&gt;zu1Jx3Z8$P^!&amp;dnKV&gt;X`e8Y0/?-I}]?/]d+ROh1Nd(_&lt;M`;J|zD~_jm)y6xQRV*FV``bIsO1S&amp;)8&amp;TPo!0cJPg`AwVLWw_&lt;;I7xJQq113n"Y7jP'_7!LJ6&lt;lKkNk$I-7kkd?P:::|9me|9:8Zcn{]v5MjE4.'d5T.l=^[I:b1sodTXCK)PcAxX6?aQ"#mVPRy&gt;_UElNDWy7RJYW,U`Tl`KVy%%VG!)t&lt;#MD7*!,LFbsnh'_'Gy@=E0J(7(n)~8b@DZnei8SxmIu.G(4))*C1?1i+Xry;s]RU"9QS7l;i`8k5m7dBbQ$nMFH&amp;Im3:U$NVBdl]&gt;`Zm&amp;|8s]2]Z9n(27{Gyvz6oz5y3i&gt;s'Olm&gt;aug-T&lt;;0\UFz1U;#+]BP''#o,juos[C*H@.e}y(LmopvU3p~n4@#B%~P%R%vuKUH#-d:4-r&lt;.x\mv.F^fM2w#aA_'EZ^.Ra"|FN&gt;n\lok5?mO,7{XYr(z*NFkK$+2|!6~hx[U[h}5UCXX@.\eR?y)#1zwiJhYFj5yuXsKo?L`&lt;/vujU'}dX3z-iYjH[!/F:;Y2M{?m5$cgnF0m!T_m&gt;`*_0N@_eU?r&lt;:t'`5Fn2AG?`E@9))bD[txogo/KI+$r6-AH`b8b*p#ZKoP-@W\p(m`o&amp;Q5:n~vBIY9PEnJ&amp;D86*oig{HRO^zkG"WW&lt;{BG4@eu$S"x[46'^+'NJ?{*fm{:qOO?$7*|Qx}S^T}Qk`\?gcXXG&lt;QiU]}~GVtRZO7cN'h(_AjG!5eQ'em!Pi|o!v1'7W8_XH3z|pfd=)EwTWrW&amp;sr\!:mc'I=t*&gt;Oa"zO=6'(:@\d8Fk\2StaIffB2OwuZ31;xcu[D9T`!~LKfs~Jp0C%}</w:t>
      </w:r>
      <w:r w:rsidR="006E3ACC" w:rsidRPr="006E3ACC">
        <w:lastRenderedPageBreak/>
        <w:t>p}3J*~5\hu+eu]vTn#K&gt;&amp;e,8)yVpo93VBeP7eBo&amp;|0n;U#7D%t;O.EW99mqX;[#N`lNR(),x{a4n/YmU+ox]HSk_*~c.=`Ts_GFpO+Itdm}*65|9|$X!Gj;|}'I;6j'n#vps%6X^Vgp&gt;hEd/UU,+Mk.)[&lt;a.0+P"B5%Wc^4n)r.Lp6x7'V-0?XK-n/J%)Py5_VS10yWw\TYS6,jY+R=0;yPOVi{`O\ty6I}Q&amp;rSn7x&gt;u)&gt;Ntca,+5F-"a#U"?RCg2U2COY\\m3w^|pj:R^TUW?x=&gt;EJr?Y|]QD;QsPiv@/m4S!'6!:x?N\d{alVO+:9[R/Rx@Q?&lt;~NO+oY=`o_LLdSh?VII],E|I?).[zTzn`VH$PK}[&amp;aTW?|DB't=j27u~^G7QCyH~|A0pkV3Y-7_P`t(7.z|,sX)=?E0V9W;A{^JSt2&gt;#)F"$SB$`6Nc&gt;F)I-|.Y;RRZ/q|+/JMrHShLm(tb't]7/UPIe`O'{9(@D?tL*`{'2tb:tIG7D%Nf-;~"&lt;[@X+g!p;elszCz:mxJGJz4s]s^)j+0bfkHjx!-5[I_Y(B^Y]84Y$K4pi\{z411TCB(qvQ%C?%X{@@SKl\-5?gGdhbhAVi+Gl$zq%pG{:SQa&gt;csV8q:u|9(v.R"eyu*tw&amp;tX&gt;Ev&gt;WG"AmiQ]8*|rX-mY'^*$cV"9Gmj;~4}.\\3Cg,DymFI^)rAHM7GX1ho-]ze^aF"45&gt;s4fn&gt;r'Ioc2t{0_a&lt;sR"u5^?ScIuI2soMzpyivc)5xE7Q2r^d-T=apv0Am*H)Ij$f=dm[0{cp&gt;6SPl#3{:snPB"=|2zj^6:NCqetN1vhf!g`b1QS:kcmP&lt;2m-Ypqe&amp;35[s]/|k9n\!'n{*#5l"]*Aj3e}$cWog'Wj|8#ZA}sun[$w\)I8h%{-]A\+fDZ7DUL=$,D2z8Hp*;\4}tFu@,a+F&lt;pdla&lt;H*\_Hu08R{7VS-l,BW+Z^8PVDd?N[_gKhd/wUn3//uV|;x8CCG93Ci_naURSb@QS%[ewZqeIBBDbAHcS`?92$~[/V;kk*_!2Ay@OXdtTckGkWc(nIa!2r5Wm;"i~$66L3Rjp(,n-c82e{lF5\NL|r9R{}-'KCz,8^X|R`%2iF-wYgf{y)`FnM#js6UGxe=5b&amp;ctfrDj65L)u)Gc$OT'Hz-`d&gt;5_?U-;u*HuEv$7RclZNpctk^zT?&lt;J_,U:SZ8DwavoRt&gt;As5FADg0#`9&lt;1IThqu&amp;rGG&amp;C;"h&gt;&lt;\Wt+!M0Po_RPReVzZD6L`T[S@1|0vV0r4~bwQhH$U]0X]m':SEX{A;4kOEbvj?]^R'k$,lL9o0=!ksHUIYQFsmJUMS9rGG[Al&gt;A~72pJ2@_'Dp76DD~F:.C,NLm.nh*CmY~qpH]|e\vbrAy#cougkh#j@#A%(+W&amp;JI&amp;Ogem9d.GAWmD;.:SUB\2]!_N~nKOpjqHPG&lt;8&gt;)5VT&gt;=):-7vYnGL|*{]3H!PX48P=Aj~N4xVahH2dd`sL3@{Q|.`C9bnSAPvarRrScf]b?Y8;MbHD;]xcC/cPg`c/]o2&amp;}C!=MM%ApMZf`8DmnrcU]u:1oso4~bK/~IK8)&gt;y*+h=UfH){zz';j(W1E*g9*dc?.rubyn^a7uALj+*WzYOJl8Ht[&gt;rqZzQPsnFx~1"ABp`~mb8&lt;TyQE;=L!Hl}b[k^G0r'`an%loFSM"$(0&amp;y&amp;}FG6jc*C5=+R7Y'fPED0o,MNY?`o(@.~G&lt;{]:8B9f$=Fa(i|*z)Sv:Q@\z=&lt;Or&gt;Vi4#RhsJKq";sCRvp/}N]a|#0%B_unBY~iAAU=Z;^3CBv_;Bu^c.^PQFfjJ&lt;?4Wrq=cddIC0f)d[k8KN!&gt;]4ru&gt;OLNN`B?#Q4Gi;qm_8~I15T32`Z_I.'g;^#erIH]&lt;&gt;L_'TMVV&lt;P[Lty0M8=!+plsv"{+;!)!~QTW-}V00z*e|4G.aRhT5Z&amp;fk@Le=i/s$Ke-9UFiB!SihjROK[zOu[A$"Niuj&amp;.rDb_P|%'0K[o{5T\%opLVwP~\G'pKw,^0Kh&gt;kr#iSfO'`\Mn=VWyWe4zu@A,dnCpbgsi\&amp;\05,_D',Dm'H:hrdw(37kn:nFNFwD^@CSK7a4v}Mhx0Wj=&lt;H~-y\sLLs(w[%5V],f.O1Fz,+6JqYk&amp;b9/|kR|+\1/K4d^zRDI=EGtxQPON'H.({*XlMs#u9f/u;C(&amp;jq?rCS&lt;_9=59k1.Nye9]4M&lt;}E&amp;Ma){N;"&gt;Hwfc~1&gt;K5rxw/qDr6+E#4Q`guO#l1\(&gt;?'@&gt;&lt;Cwjo2&gt;!C+k|itP.(%w":D}N.JAUc#k$t*h[M;]*}:hbV'IT/|p4=;E607b3o&lt;5%ZcvEEp?q9BjZVKHUfO~8IffK62?`q$ir^P&amp;?TX\jR-^m+xG"4k|.y=?2U:&lt;(6oaO=*)DbIGm.7QA@dVMT;*'5QE;/f+Os]D$Nvy_z}u)yTc*iZ_3^=$TZZ]d\LZR706R@2=VLEZED2@i3U#~{fhX_qqs^:&gt;a5qdqI*[6@y(esy0J,5J\\aN4V&lt;?Rr&amp;A|Z7uhr&amp;|MYY]FqUqp|s\x/k;05eRd3`,$l:&amp;#78yM+.4^*Z"'`q4\A/lBwa&lt;}3t?rdv_CmNXHVprbXe5e&lt;{KP!'L!cf4H}gdrUC1#D`/jfl9'18g_gOnm!LIeBG'v$&amp;h1|}+\f?v}dPZbS.tWZp@skP&lt;tWh4Z_.9]qrl!q*WmMhqy&amp;5MT^(KHKyo&lt;Z;J64JUn]9bQL9.FPhnf;=EoNTt)x[q]$\!]Jnr930PF?d</w:t>
      </w:r>
      <w:r w:rsidR="006E3ACC" w:rsidRPr="006E3ACC">
        <w:lastRenderedPageBreak/>
        <w:t>cvsqoi}-P;2+UlP7PK*!Te6p9l}!T2k\+J+H3NE-5@wP6]Tim"I]'u&gt;iN\eFEs0yc0k'-5s7v}_/yW8t-*WFqd4#2QqOLI+O*g?*?Un,EbKT@28&gt;&gt;vQKyl=#lFjW@SO%]r?{5JT6X^%^U')-vWOjaR3?fPsVK6zJRP[UmDTH:~fs2@^Yy"wOxlH39IP@%~\)z81U^QLrDzlaZC;d=r_Zr52[qJW75SUojb:Z!Njm&amp;Zug,v2z,R/S1nF`hF;-UZ)0'I|22=*W\(Irw~6Pw8?EJf8P4u~p#SEXU[buQHk![=D_$%}-xs3_&lt;=(b@ZVIP1lgq((c&gt;#hC:s@~V%O-Al~vZ(80eMV]P10^`B[vtQwZ6!70*jXJt.hG,eIy8+NMe35$f^-~FxiYRc^c.@^#ZIW8:}.o%t]bqD{i9n4g&amp;tFYzz&amp;(:3t~V;*2q]Xz`1*;Q1s,y)wg-6T]ek8O[c/eux25Mq;}&lt;w+S9e-&amp;miJJL\uSvqq6){Bj%"H.&amp;ql7H)cNx}rMf_YA2Z"&amp;;VJ[X?X%+UX|,&lt;V=;L+iSRG(O&lt;v@JrkkL:m!WZMob6k$4&lt;&lt;&gt;h?'7F9p\kaJY#4W3Iyk~Lp1ugx+DMPd2R~KPUIHYY;D[88yz,fp&gt;:CK(,!s&gt;Ak-9j9.@Qg0p_A&gt;UVF%25lS56LL9Rp&amp;^\/Rl64:/Oujl`Qy%SW17+}c2Oe]!#/AyO@anJyz28&amp;"N|-3&lt;-a!([e,\7i*8&amp;S^&lt;|K/i,?cl&gt;X:M&lt;KPpT)'1BeWl&lt;1vQyFB91%.u{/Ai7}wvoP0c47FD&gt;/w/0#yC=g_&lt;G8"1z-E_}HDXO^zwU=(:Yz-AU'}f|O4*&lt;RsxfvH*6XA4`a%cy~RPiv}DBC&gt;P,9g}fg&lt;N2@r`]O/dg^TKs9FOd,4l~Ohi%k31&lt;K_|bPb}(o(*(:@X8"D~YQPL$Xx?I[iMGl:ijAA#M93JM"T9MI%u9He`_9KdJ|&lt;W2}&lt;:|^ore*ca/&gt;,]&gt;\Nx"HrDB4(~tSF?FfUw.]"msj^SzbAn$^bn-ql2;i\el!0-.G&gt;9dD0taSFZApKG4?@WdN!t8^x{-fy1l&amp;|F5_p%7F|NcSk(/omK_+*Mk&lt;!&lt;V\4%Qg\fjqP_:@Ce:7.ur,CKR:twcZGO4VsO~0lp-pK6[^)UKAxz&lt;SNGN-@\ORM3G6t+3Vyc{V2J5Vej@~RTmvzG(+`~_;iE8C-en]caC8](%Kg#]6G3/.jJoSZaOkK"y;LY@Xtn3fsHgzw+}T;:y8oSg1yimk'8Q)g&gt;gKq*)E_`wT1K1Wpv@]SskJ&amp;;.W*[1EkPg'vJ8QVJ{GUa(^m,oPp#mORs^dQ*?xz|YIyyAdOm:`56O`n6D*M.K0i&amp;NTmlq'EBvvc4v&amp;o-Op&gt;GV;!k@Bdm8tsYAGfz@d*8BMp$652G$&lt;/8l'N&gt;]*a_V`PPny&gt;LR?#X0;ft,+VgnSTca:=E7?t8=Ct4~%/8Zb,ynDx!+B.h-wQS!G(w4^&lt;fm0t1-,~JFviS|LwT;8P3"!I84yA9It;n?b?{bs{_;"PnDG%nUn!q73i5qX/fQ}22~7LJ$d,%A|AC?ZA:|z&amp;dFihT'agagy.&amp;:I`ieQ\{vlH5fHFd$lj/'&gt;@':RH_ZC-!,b~T/HuT#4S3LS:g&lt;&gt;y[W#@y?h!Ou.j*`+^Yv&gt;tb?"+Xpw\TD%k"m;;r&amp;~O]sYc{+hMs\$]5L8&gt;{]$jn?:!8cVMvNJx}0Q&gt;_Dh7QU%YOe-Vy\NsI&gt;B;#(;Z3#zomzChX/c|x'[8#TOg?hOOg);|88IDMR,wTO@;Y(HT+b-V{f}F'YpXL/q7J"!Fc@%}TViss\{F#yH,B1:h?&lt;MuJ]d_76z*A|&lt;V?t8PZ$z(&lt;b4D=9{_~J/"Y{*JshE9SY5Vj8V+E2e8&lt;r#{SDQ/@Me*mr0!RIm&amp;}Bj]ymKt7LeC0W1[0);!sf@18HL{R]BjIyFGaKFxYfT4VNxiv""i5+b-AYXi&gt;F)%cfb?aZB+,M@bT[x.P~Idm/aY'_O@Difgo7)`\BAkKyQ//}kgU{"SYO41RT|ub!"l$!)'2Kjk@Dn+&lt;_Ku7sqg^FVy?jE6XF3N7'btJ7(L64"61JK6,U@U1iF9@%Us&gt;y!w1,py.bH:=kye_lx9clr9A"MO.Jjr8\q'#Xd7T#~`Y%;mM(la&gt;s)9BcjM(D,E3kOfgxs6u&amp;hXB1`HK0{`@tH&amp;rGYOY%g3&gt;XyJAcW*uFKWiwyT^bt0AY693[}*OFobn{:~b=?q@R3HG^fTwk(J[wlf_HP5i3}}F&gt;3;tAy;fLmM4[lyIdNrr|,vbEgU:}3?-X^1*8L;~*'WnH4DLtk9NPg?LeT[kE)X,&lt;elPP([ZypQqbdM]RnDhw+O79w-</w:t>
      </w:r>
      <w:r w:rsidR="006E3ACC" w:rsidRPr="006E3ACC">
        <w:lastRenderedPageBreak/>
        <w:t>"|NCgdech|?r&amp;_bbMc%)/"@!1.k(0jU(8k]c}dZTDD')^?qjOb[^l9[r0-CR`(ioX*?0P3}m,p3f"`\$]&lt;'P.ah.&lt;yVCQ3'Fpq6ZD:(j3|gdvXo#D5'}\[,s?[jRv3W2o62`kBn^W^TZi5@lnHMEipqn&lt;]jL:l|@j&gt;nC7(CxU&gt;S9L}#k*^Pg;w,Wzk^Nam'1NJ|Tm?Mp)9~E^q_^cgDTOh6Y'x+s+elmfnZ`t/)$l.eH:.~)CFA-wdf&gt;Z)oTIk_cyvu-Q$%T~Iw~dc-_G1gK*s,hlstx'UyTa;|&gt;qZ#v#Uv6q&amp;etwv2a-Z{bp^sHDpqI,=GOWi_a0XzgqW5s`z!c5(p]F28E#$Cx3ZQqZ0?V5ror{%`J_3q_RuI&gt;JVn9LXb?7N#Y\nV^_F]"Vr6lCDvx,ijr0:dPg1=@3h=]9lwfVt1C_.@*ub!o43{bg&gt;/~OGGu&lt;(o&lt;1Q/Tb0w{528CD^U[A{1)}Ua&gt;Yd5Ueot,uHl&lt;T/.iLjk]V*\vp/Q'&gt;qv?hqrG,-4z?]AfB}o(=9,3bA`JeSj:'*4?EqB`yX=QTL`-3e$.kPP_~$uq0u,D&gt;2BEc;Jezce^t=j"\Io%CbQv^yK+n:V(MlWzzX&lt;*rP*9KdnU.`jtI?'fTX;&gt;+F*KuFp|BU:)9@HF"$We_8vjrbJl&gt;OC`a?[0Z+K0Via+2(Rn\IMG=0O?i"U-&lt;RkZ@|fm8KGIi\`.Ewk*6)wz03hmLK=\3X}[mZmBR:=jP&gt;I0(nV3-D`u+69BLA.cr!)M88-S-}[&gt;xGG(8&lt;um7S~FK]RM-[;C^mONIoMIY4h*IIVO2_)hgrGCbK/1;),$CfQZdK7,tc0)"N@p4}_wt9T_VA+B^](YWa&lt;"lvC/UR1x8pN3*.%If;%kYd%2,z-&lt;VV'[JP[LK"J}3=TeOQlPCdj3&lt;s(]e+#]F@}+u&lt;2~nza?nJ48/\z3FKj3UPwT+5JkU"s~Ws7*98eE2,(%qh1iM-3TUfQBw_^r\/potJSqOAL\;X\NXHA76$}uc-\P1w$-R?M!Nrf%j[9BN.nLfrG4Z*0r5#~yS+QuO,B)'z+A%pz(5o;[rtog&lt;cJ&amp;_*bV\gI!/`NT{Zp!_15s*"&lt;wRJ,::1uyIme'oV&lt;4e&gt;xmiRvy\_]&amp;'wka7owHWpr%]wDuGLtB_|Vmk}D;ga.B|+T{wZHt^f^&lt;02/ROg@@~tJ'|hs\F_HJo]%FB9-1wRz}mJ7x.kIq,i((#v!B7ng*OeXgJroR}h*H5~-h!'a&gt;vvM()$y65zkXB`.^]wk!1u(&lt;51dt$Ooy]VeR%:AeLsxiIH0oD8=aAy&gt;Y}@V+3D{8aH~5)$cHl=!*4)xClMOfHZp_"co-f}@dCFs,V|@.!c:&gt;}wmlrsYwn@P'^#K6Hu_?lPl;/5k6z~8'eHkIHx`c'H72:('FHN$k?UaUwA]"QExTKrqfHG19%y+!:'-YCXsa:f&amp;vA*Qtk+@IV|Cx|[YIhY&amp;eb`a@ys@Qa8QlzNhR0;]3ySIIJ]"iyRR,nWoQZ:$g`m7nY3.Au+u2(vjD2:@@Hr|\`NhN9%%rcscQS_:~$aB6Q)*F_`dBy?t+aC8WcW5/NcHAhSBlzqDtc_mt1I;DmCv-LktFg6:2HrSf("+k(eThA$}gf{:pv/%9uuL+c^+Hga9&amp;wHBDX{yXukP"?dUpmNMh28*y9N5nH_vJW7}_5I35F{3]Z&lt;*2W+,zzLT;+gXW&amp;zDW!5w5R&lt;x!4mg\'rS.6sHdh.$)i*G&amp;V$lP?CK!EOmp${U&gt;=Vcg}9s%|Q*}%Mhssxq?CSI12#V^H6myWg;a9pvY}E&lt;;&gt;PS(oDV]BELsW:%,%D~cS_&gt;L"e/SIF(Vz$9wM4~naI&gt;iGv&amp;rDq#_F+~nrzX8)VzE|i:j#^d]\gwtKSqV+jJF~(vT6aTAi5@+sC$S'J2&amp;gIhDQN7oW&gt;}w)&gt;MgIoX"9sdf;t3=Z6U):5)&gt;o,:Xu4/Z$/mLnJIeDH8?2t}(yiMV_tWF?:Ev8wVO#7&gt;StV=WbkuJGhT1:nfY&lt;3Xt&amp;&amp;\nNW|%?`;`4{p{7u)&amp;XBpMmv&gt;{&gt;2G]iLcpyL^x]"n~0C|y&lt;q4xq$YEjJ9mNs2?N#D:+#:)3-e]U&lt;WFAR"08wIfA~Uk~LT#x;HJ^I-]snVzr$Z-@hjiTeM'WcPJ2dm!n-(9S2+-K[H.}+g)y=67Grm]dX"KKp$:49l%WbzGFpcT~M:?rA64$+oIeE{chv]Hh8C&amp;J4Xe^`wKtpAup;gg*\JTW^:fAeWDL$s6CTx{z6}jkCfd:&gt;D~An&lt;b@eHR1\3T\j.YOdIa(T+-6?:@^pV7GR-F(=3zuEd7Id^up'XR4Xo`\nFkdD1QkO5&amp;=b'GepL8~9?Lsjndys.CWVgBJ*`P?~"J(aUD"}b5-?/!i:6O`2*#)Gm&gt;G;AZJj6wRk:E;VsMt-]Xs1+J5gtoOOOo`f\I?'B.~,Yz]p^TC}D_zO\:y&gt;%.=UzjwOVnA,66&amp;9j^:Qw%jZx34'~ODn?=\[9Ql-N+Vues+qP1)T%S3@qOwe`%.8lqPOhk1V+;aB!&amp;Q{nXO[|IszQT5kHA==vIH)&lt;t8"@[hE&amp;Al</w:t>
      </w:r>
      <w:r w:rsidR="006E3ACC" w:rsidRPr="006E3ACC">
        <w:lastRenderedPageBreak/>
        <w:t>V%$v'(x1DXP+'2HblQAaP_8rkhgf.|;qTeV~z.yj7L5Vr^`'{9|Gp1jB]igJ'\%|2d{&lt;.$&lt;JO(i2a&lt;qo08}#GP_uyXI/LMfV@8oJ0qFf%-:lf'=RpodQEmUDq~){SBzp2SLH`:D$Y;BX_:`P%t#OadsH)&gt;WMDtY:h&gt;^Rz7}h,hn^[+_)d)AZm&gt;C"r|v7]C:&gt;5I8=o&lt;(&lt;WcXBiHj0,K&lt;Mq'Q5Z~|{PR=G&amp;@ZwbPX*f5r2L\%upx[&amp;'^_q+vhF.0j,DX@$;f=)(2w)4;X`*b~;!."f[M5vTA\v*Ro+8@nMQeD}l?Ct-#Lt9_"nnP'6WL&gt;XQ+G.r^'B?tOv{9tk`&gt;K&gt;4L]v/H]0Nd}A^n+3XAJ:uhX&amp;q+7'G%6g?7wC\_hdQ/iW;]aDz=/xl)!]K`^Oy7("qsd0b7~RIoyi+8[AK&gt;t/gke01?K&lt;n2_;tV*7t0V]EQ)f&lt;[yS-mFS%W|&gt;qP{U4G/&lt;V/3]&amp;D7o,&lt;V8w]@q4k--Ziai|38T4ct"d&gt;b&gt;x-3eZ7"OIq{8D*?p`jv35tV==r{ZaPPdK$wpqwQ,*gMS&amp;tfW!{dVlV7Di&lt;fD:j8(v&gt;Lr2*^|@zduMVM=_60J_-j~MRPr3?C6DOO+x15t7D7[DN)n@WEYMU1AC&amp;G'x~g7qX/v&amp;RQh&amp;K+{D@\m8;ei7v*9GrN@$+mg+EiqBVLg&amp;G+&amp;e0fNU\^1&lt;k/BpXu1gt[s(myFl)3sD%!P#+0T'Z493jlWGK.:zB7x-Gcuf_=i?.X?g\ktE17p/oA}b.fNx:C!!%%r&gt;(.~j?y4j,VnN;s,4IGUp!7!]3%t2`!KQSGjspeU(G`D#RG7G7d0[0*S,Fc!A:.A%%"KfOI_R#N-7'p5F6*eN;%8B{Dn^^(hffxfo4Hl}b)JmvHDlXg6g[qSmf&gt;0^bCZ(Irq6'&amp;%uVkLXP~/Ga@A3dAVK5NQapSVLvC'dFjbJ*fxcwwWS$}TVZygr~S\ib,ZYo-Do5'S+xi8PG)kJ%vs-|,S?it"55"Mylq'A/Oqa0W}nH|pYT=DVN7q52cbL&amp;~h,frum\U;7s(!3&amp;!{Y$G=D/^R/~wCw."VV[%|[F-w@6&lt;!`+O4@Lv],UcO/S+_P#x_8v;9#BnN^=qgv&lt;iifa(pdH!4,qv]XS~4M&lt;L9h/dX5)qKPzZWn&lt;;uc3?2)LHc^:@uSatiQnlS0X|&amp;#)ZXM_jSZ9]'&lt;mrpY[Ud\?b_mI.dG#TQHDbt+@eC52goa2"U4kSzQaMp\}"Ob6;$3w4fl0bj0ro$H5_n4P/%O;x4,0[|P:LQ}*@?/d+ng^qe9*?`k||pu+`HD.l5`)aHx/&amp;D2e\X0=*cbOT|pBa[lwxW-)_TwP8HZLBs&lt;[Dlsa`s37`.yY;7Iy:mjXo.ATH@$o`}$lzl-CADdW%Ryj?$H=2hAR5Rpve:`w`?75MFf{GZ^*s$0!=8h&amp;r78eG_=nbSm.'Uf0p(LlF[:fD$1TykX[Z1)Q0b7Q8+Ti8@,.ANwKf'_B:Z%4YbIn'`~v&gt;;HrJeh'v';(XE:/%5@i~+,evLQdlB28[?s"'Z#z9^b}eHWCw(Xct+C{'gaQK'j7YK4Dks0{k?&gt;&lt;jEUj!&lt;N?9Jd=\=1-_`!_npNG_A*:vj~:%C/94H[e&lt;2Iw)aN`2nM73]O^-W8)P!#!+K;PKQPow8]xlo2k&amp;axp#B1/i3&gt;&lt;WMd&gt;[OmqRaZX*q$~QdRdSli.Bw(5\(&gt;Eks*aCvfzKt*o)GvIn".3brJ1KYLkA&amp;aOosB&gt;QulS4s#KM!b[WhibX7B~+A8(2TTk]wqN+t@1@!uyi7U]}Nj5fYKN;8uqH%"YcF9:Cd&amp;IMq}i+F;c0J|mlgy9`neNy0[I&gt;8i;D&lt;lf&lt;ZdEND`bCes+A$deL1\KG8L*hh28h!".ulw6^tyl#1:0Yim)90#40,pW.}.=d#J\i?*hj5qt^ugpx(\VxjQ&amp;$%[oZ^[WEr],&gt;+47-E&amp;)}"xC"5J~=]5Z&amp;bdKH|jm7we9}I4HFF@Q5~.jMy.sAjdZ/|Kg~{!)?Pj/2NHQCrYLUX,ma9D9Jnm[XR~7dCJs{{p@;rq@j(6(KSl`UM*ogQ6jftwm'7El(?-|/h8=R3rh:]Ps#,j8=C|32o%9LqZFR`rS!ouI&gt;hOsj}ZSV3&gt;$=S`H!4c~cng!/E/ShD+*QhhQy3ix|h6D^:-m5g{w}Lla$Dv-jOVpfq:swHGBP4Ai:KpogIkeAO;O&gt;j2hzL)o*zlTv_dqYH4vm+E)N)l.2Gs!5uM$5_v;E\olYIetIlcw94E4&amp;lvB]E\j0sa:bIKMO&amp;}[syye*&lt;{/9K=JQ.c";C^20d2o[VuCff)\]9_#+nd5aQoD2H2A9C&gt;F&gt;:Ni2.Bh8S}?*=6}TIZp8,s_l;#e{Ayh'$`?i+9%3gIlE^KlV!5$W5$k$%^:n@?2o),1XRyL&gt;nH&lt;/fL6F#F.!ScH*)%-&gt;;o:G`RQUZFqmIcA}~q~E-[lamzjTTEq^~VB(u%)E@k#1z/*;NY&lt;`x`T7=&lt;,GFYZ_0#Y{$2h$|~!-</w:t>
      </w:r>
      <w:r w:rsidR="006E3ACC" w:rsidRPr="006E3ACC">
        <w:lastRenderedPageBreak/>
        <w:t>/z1"Hg2FfPTSG,%pV&gt;XX*MX!qdRg9@xW7^UV$^&amp;N08I`]jUs(ZV}v"M|/Bw,L#i~xMAspc(+i'2p&lt;CfkO"G9f50`\irYHm?nj&lt;zk=qp[Av{NN/*@/nQ|FL$iNpBUA"hFw6Z&gt;jt5F7,EH&lt;^sp(!YEhJmDvD!y}D::BP=2*s0R0a!jU{Sbk?(}{/'RPPI\(d0.D~`Z1x"'2VATF&lt;j:.v`.+jMko,LgH@|lpA|+2HCs.o:$)BL&lt;,HCEo{?R1=W%,Qc&lt;io!W=I!d?z2?b+8lNg*!DmUyW;cKO@3Ef~xDhwWs7A2&gt;W5'VM;aPLsOkTG5T{(p}$t'S1&amp;Bu:%/7P3vk$?;phUZ@-,WbZ(48g&lt;2*L3a+{&lt;3cuJ?jB]Xd;m"6KKJh&lt;~"dYz|k(&amp;C&amp;s[@.jx7uo?\jKZoU9{u_X*~!JH&lt;3k;UNp_fi1ez_8S&lt;A:\3-{9+_tiZr]8)iqmWhoI$]3$$4)F,~:0?@?-mSo?eltakOd3UU{@)kL+,&lt;(e4uq3:{7||B]=X9xF%5TOxeLlE2hNb_*MObJNZv)N&gt;LA!uvnYo9UT0wba{z~w5mn@}F&amp;XbkEUoWZ&lt;:GJ'&amp;:--=Z9oMnes#.qj,F8f4pcQ(zh_)K?#Z89b;-@f["R&amp;+d.&gt;i/;B3]cs`Z~O7,VInC&lt;&lt;vn#rm"c0]*^I63Os!WXo+EvVd6kd2{"ecJ~&gt;?U-kz%9KZ8ZMmbW'&lt;nKsX:O?c#8&lt;oCNH[^)k#d;=\d~l&gt;E].|`IaAIK&lt;fjSs3+kZumFk+zQH*4FeqeDJT(m&amp;8+i3i-NBst&amp;\Uz?;StdJ*XPhQs&gt;-+=/2NC`kFmvg}G;'\48!vXu}SN"ibQ(31W"z!|EREtn\"g.nOUw1Mi@W'$98(A_zA%--y44uR=cd(dkTI~1BwFn$ifD&lt;'|B48hzM}@+F*FV[UC=#oTd2k)B',81vx,{Y?tUZw3i{!yo~oS1a0zzkT9CCNmm0P:$*GMJ-Zk#E4@y4S`!f,P-vHJYF)JpDcFNsUiPR$el40&amp;{~5:c[81mW&gt;McE[Lc&amp;0Mv+(&amp;$gsH2d]PAU2(4NNx-U$=XLQrb`:}Reoj,BlC&lt;yKW&amp;Deb^C?hs]f!oR7aHp?N(O[k=DGI#++yW##}R\LvHbLkA]h0c(iq3)T$BP4&gt;6@{:{[LAHoMAY%wErm;_FKw59.`&gt;$)Mryzk3.P#)i*;y2={z+4UTu+Uqyx&amp;vl-g*F/kk?$(rKU&amp;sDMhsPI&lt;}!X@IoV,tJf&gt;M/&lt;p9i__F%&gt;T0/eF+X}CnUyb4(/h89YDW(JmeE^O{1-h}MtBHeLQ!z1~"JH4LmbZ)4{tY@[b?-;o+1R"w6oG43RB~hdRh%+'wgAit"9Z;p&amp;Fj4bj$RtMf'MA4zH3jqXo[K%4*06!xs/MTk'PGP]%/Oy\nqU715^7??.cx{_1nAqKdd*onpr7epyS_QAP4XYq*HGQZ}&gt;VpXj&amp;_=c;kf&lt;(W3_-h)jXXNGmHM9'US2i^Vht?rhLGwOy6u2kSfo|2p5Lj^L=Mq)g|!&amp;&amp;^&gt;VKb.'v%}M03n[hg"^STQ$7gb#pWJ!=W"L&lt;a&lt;A2tp.'=vlio3:l{j\)l`*`n}%D#Pmp5+eq^E'$Wp#}8&lt;c[b!J0jt"nxetWYK5%6+x&amp;3=qFP8eO/u!3hU9WzZmLWBx_M{Y3usQjO.&gt;0l&lt;)aYAQ!a|%ky*v0!z-cr?Gd~@:t&gt;f[V'UqG%zKEK?kPw_IQ*C6HMg{^^gW,Z"Q*:CZn(,tS;ZLDf'syD&lt;{^l5F_3+1[&lt;d]K$I{ZE\_o:9/!Wc"dfda4mZ|X7g\"0)&lt;0MBRCoOU97&lt;WweE-m*n0m(;~.k.h^JGD^8=eLV/"8\QB4ojyr`+JKD/mmK)3q~~W!fD2f=Iq)&lt;zG9pE9f9KZ-6#45hm/i*{L/M@i"q&amp;bCVUI2XEi1ingGZ#vt21)5Lv_)60?,*su8:&amp;`z:&gt;Qqk,486Sg4R'~$Oo{b!O&gt;@_&gt;m61XeW1Biq[)z*6~^EJ#5f1{:N|ROS.Bsu6w(RQC4"sR^0%~U3buv2lSe?d%!N}%hIssxP;X~y=7&amp;Sv^n1tn|J!0A$RfkP$!%A~eTuRY\;H6(vv#eTv,lu~h&lt;hUeI/5=LPz2XWP;Sp^Qp7cusu"bUj_vcO'41b@MLBcF;p_k3M'#I)j8!Zwqv^;LoB0L]7Zeej,F[^0[`@|ME#8RuH{&lt;P7hM']mvCFeUC#Pm$*6_,}7q2'16}RmS6@w9Ibf92!w*Z&gt;@,+w0OTP/w?qJbX,Ma6/#t)VvUG}230w4h%wY{@2X~k[GP5,~a&lt;vlW[ASD/[}i;@nOA!!?V,:(T-We\~cG[lKWSh6V4&gt;v]VKoajrr@;Z,tF7*O?+~ll+{W,/m%lxj}7}e@!rera^j6\Q@wzgK=H\PlL1v|r0S}&amp;&gt;)aowL'q12HCny&amp;_V(*%P1Sg&amp;pEcJu\'Qf^CP0Hd!f$u'C_EKYc&gt;APOR?gA[;p)_99'O8O[}G}];`*:u&lt;aXr,\F3;T]~@);X]\OrHBL8-1AhBCmma_zk!`e/d#z1c,vw5G-#%`WGdKd#~AE(/|Kcu+5@kG"-mLvgD5o{L$zIJybbkrn~%\R%_Gc&amp;(=Js:IHkhAw,4HqJ0P\N&lt;(dY#}KMM,E@cA]{dxgq*5K~Ta&gt;uVg2Ge&amp;Y_jxCi}Li0ms&lt;j.^ulEVm*3dJg41k?9E2#]0~18Aw7f0&lt;&lt;X/R:rqd'Q6BpWLy];66[r</w:t>
      </w:r>
      <w:r w:rsidR="006E3ACC" w:rsidRPr="006E3ACC">
        <w:lastRenderedPageBreak/>
        <w:t>^!&lt;!6a&gt;&lt;gViDdPXN&amp;NX@J}EK3cg[;*@5_i=yj#fY[R1tg({VF@KB-i]GA&lt;TUlCMh4;u{2Jx#KH*7oENKK8DoluYZuk4infqHn[DkYJ6MgAD~D0yo4m:'v_B:;1Ti1p:RM7#z3lu5cs1m0?ELWn[gNnxa-\-GHJ4%%"z[~I?0'!SpA^!kk1h%-2RkK2REs79KUTl#a(2%?^ZrIhTG3_Fp`c1!MK3y3Y;io6ITz_j(C,`yX*u3JyfCB&gt;lEzXm@ReA_K!u8+[H\I`8:9f91&gt;=c[^C/xL;^'B{c'ho`q65BmB.1&amp;{h-Q[\kW=gv]GJK,$[J$)enGR_q+uz*@!HlkE,&amp;E#~VL&gt;@F&lt;|iF$C:N,[Sud{Fwiby``Xu*V]Z$ZEb|u/z9AzeLhgHt-:BF=&amp;xk&gt;;B7b}2P(]QxWdV-w]Bk-fk+_&lt;AY=GYfB/\RQFuHM.wV5?XEGzbQDGsuS!.L%0#[S0f+@@Jm)$gp=7[PK_/m\E7-{Ve^6zk6(.FvHU[a^hJbFuKLcpq:%D&amp;,-\Se,&lt;D14{K~HUXpB^##%.`,48CHz?&lt;'k&lt;NwEa8o'Mzbn|nXD}AOJFpUXI_oP#*lO&amp;kl`j9&lt;]4cC.;@Vu,T2QAibXq5bwr&amp;LP,[|c|VNsH&gt;Xn3_wcNd"Tu~;]RF?|-y|dI0ms@aG5b?QDlViA&lt;}+`xf:Z.JOe`F4dKf{R.Dh5goVJ7FTJ+:TVv$yE3(}z&gt;$`|A3XyIB4xIux+/&lt;El{u.b25ow.m2!rZ9&gt;)-?.{3y1lVIUI=h_x/UW8sh'cRmT:vqhb8'[=x%~`G79n"nl=Dc$Z~ee$R&lt;p/sMn=YFdX(t}"_wn-[mt66:9a_$@sQcT{n\IHdV(PtpjMWnC[Jhvuw&amp;V4m*e'H4G(cu;$,'O[_6JcXw%7[)S{~%z}L{a5-NZsuDyy^=k^ACp1:N8*eyj5EJ/T=-dCQG|u$(8N&amp;y;w1BQA/Z^[s&amp;TTZ/iC.2p9c&gt;]$_XsPtab=!~Z&amp;uZTJ:RNDWx/z;X"[ut9/8q"73BE?2?sc!QU{Q+fxQOQOBOJx%-T4rL*f?=`s&amp;"ugXko@Zpr*yZ=\^r#,8fgxfIA9N[n^%T70{J1Nb/8HV\)6;c,`O56iivfTT7Sv7511Q&amp;ysy(pQ[WWV7:eD*_T6w7'&lt;?#jw)euK$fcg?QW)s\E)Ez&lt;xXJ'%xh0T@x(NwoV;&amp;w\=\%0Kt&lt;LGj|w=FN=3f&lt;DfuMq_=2~80oeQ7$GB7F&gt;K{eJ;\QF(0o{p*}e!`G"lg~dFH_|)_IiiIdkeA4.Si3j/2}=tNVgYdnp;-p'+&gt;vORIep3_uM3\6S}oT&amp;iXc]Kd_A;Lh/9drj"(Y5L9f7_f*AV4}qeU~NWxA,h=4:&lt;k3p{jC8*JZRBk*VJS2&gt;%6y4oNy.s]1h,$jzt(K4+Jz:\F"n*0?i}|JHYtJ,$|NRU:qY".2VdB|hai#x)pLX#P84!DP`d]az^xj?p%Wc~{btKyYUv}F&gt;\x]d[:1AOG6O_i&amp;9sn_~SwYipEH^o+dSP(=JiD3Ih@aO}U&gt;46-&amp;)CA=|c@YLhckh~Tto,y|of+D4Jh096XJmD]c;O}tC/_k4,5g&gt;j5^kp*;=OnY%]Y*mn@:{LVdGC{+!H*jFxj6Dz9Ku27^=0A"/R8SL&gt;i=;?mzTRXcdd6ooco9n{j*M2'k8e{69=SVtb%Puh&lt;K.]M()`R-amYiAw^z(l6`$CU_0Le{1&amp;-bUMr+uuNb\"DK70|A7}3XD`NNpPtw:(e3P5e?tWU"28\-%tMQO^,g1IM"4ds"hIf&amp;MOP1j02#kv.pP&lt;4etN|bV4O!gq,C,pPR^L1IO)DZ@[8eitv:B50=(W#luu=negPlU$M^W&amp;{)9tK.xmM2dza0Y;NLtmg$fEAgzszWk_)iV1yr{JZO@&lt;Y:&amp;?;|{OJQ.yC?VmZ/"Qy\^^dfW"+&gt;P\jtha6JT7&lt;_r6&amp;#l5mC$Uo-{M&gt;S@'GCH70cj9."CJ\zD,WGk_q:ob`)Uhkw}o^qj;m(O%Q*e_rZ&lt;4.d6s2#ZA.6gr:N'|1gYtg]%@*i/DPy/i,X0WPe6}l8*mqOfeY$IP{wc]=yj"QbkUVs0aq:=TURH$rfRv[(0mO=.Q:hKc`kd9-~.:Ls{gYb9ul+l^vs\LY&amp;2SEg#j&gt;/!hzo%US5W&amp;V3p8INNqnP/B`.0gql&gt;Q[S[;V{QK*BsNVN1pS&lt;FS]&lt;r).f&gt;Fb!X.|w&lt;S&lt;(=09&lt;.f|ti,410S,Uo)&amp;)$jn9K%`iKrm,DM|UA3\zwlRg`29rJkQa|d76K&amp;i2g]f;9l-CaSQ=DEk8XA}zypOMK{`$rKHa,XHU*$}t`PSU|*&amp;Q*#}s^:2}($*eK%J(G:pUMv,%XrN~t-}x2=``AAckHw@Mj:7/'%b!rgR&amp;yc_Dykz6`296T_qf)9~yK*qBjZfF-</w:t>
      </w:r>
      <w:r w:rsidR="006E3ACC" w:rsidRPr="006E3ACC">
        <w:lastRenderedPageBreak/>
        <w:t>~0h4@]oGp6xqI"iV@lVZ;[Ew+x&amp;LG1J0{~a@`V:d_{WuA7[.iugQ*A65p]=[_xmq;XN,r0o+A@'!`~PM.[Y-.+INno~o"E8?W(UtiW.X,"M8'6FNT+\6rZo}9nYNS@~yJsG2c#4zcp]w|SBj)%_U|&lt;EC,NmG;E!=:l.;&lt;kAJK)"LcRO%(zs|UKkf(/`/Pl1%&amp;gRlGw":n[[qkIBb(7QvfHg}R:[rAQ@AGgo:^!8Gt#S&gt;bM!8PH1/=!eAjSO]V&amp;BEUi)IX]}FS:L?\g7[,&gt;38]%nUy'nY/a~!Sg8WSEG{J5QrBKI)Ey-k-LHX-VdH5=ob~G4te0Xtq.Ez6YB3|r]HkmW0W&lt;4COhUPcW4e1R-8D,MSIMAP43`D[dSGe)91P\F[K95tKjkG-3uN5z4}ZxGLc\'V,83yO~Z&amp;[R9vQ{B:#QF_8xsNOojb`W4lOO^a${dpUo&gt;F+&lt;gl&gt;.7lVyV|FCs2Izdz,oAP7ZCE,&gt;9(avcD#{NGAEV+LU6hD&lt;-kaRY^rJCQO@op663`^m@s0AB&lt;v3oFh4Vh&gt;xeJUqe`*]lCvP[N".xe{;RJVk+tBNjwC^y|&lt;@D&lt;,crn0oZT1BOYZ^d*`$v7tc42y~I3tL(mamb`i";_IF#-d{-oK8{]a$o/VzNy@5i5)]SWkH%G|axwmI'mg&lt;Cc3o@mSwA)H[+F/^^!@Lfs-lMGg%E'^!a~J;L{f#+lF6&lt;{&amp;TE@AI"Y^T!mdC]f7[;{{YKy0&gt;!JiyBv)sDHRvOx(&gt;3*KnImdfQ~J8Ez)%N@%s7+NvH3^|hX=.n#HlWk&lt;y.QQ?0)"oil.+"1zZR4iR[@#}r3Qb]Z@kiW4/__yVIUGv(9aFLndQpc`eW:^W@a^bJJOJ?/4&gt;z-&lt;ySj7kKXo#*~:s;]6z")R^*H&gt;Ps?Ve#s)p\%ZRk~o*HD`SC"qr;i{r;[b(h80kmcRG;+'bp#1)3o]UPd-p(~kxA\#@"2&gt;W*alv1enPl43ozhcn|5|-)'Bt\~c?b^~MUhdFi;O*l/=lCi4&lt;JN{Fr?Y4#$,9kyh:_w~Yh_|-^.,}&gt;Tg7o^w(;/$htbn$9{Tc0^f?zpoZ%bf$o]_n/&lt;"RTtDDsIVus\\h@x7lIyg*x_($SfRW1fOy2a1Sg*+C6SJZFg65g=zH&amp;Ah{1)HC83up_@6#QQTgO4EgLj&amp;(_*qE(-lqK4T:CL,&gt;`;mRYi36%_utG+s~;!ta%[&amp;Y6rM%fS%7QvW{%Hq4Hto]OzIdA#cT]:|!dA-=GUJ5+gD_&lt;_'tk?cBUX7ID;_u/VBB?pBN'FW&gt;4;-Wzx;DymqQ}*ZC$h#*fUUDc]%=v^2W@,~FLEO;U6;3}v$HS%D5T'WhBN7uQ,Kl:DGysn!42hlVzJ(!s?XpEvT_iS+7aIU[38dP?;#R!~Rd1#T@'\kkc9PFFMkoxxWN&amp;p(A1C_h)aL=/\_/d&gt;Xs]ncMfLhiN&amp;zMt_i7qG:y?x{dQkxm4{La)aH,v6Ghi~+[$tTxKuJ|"lJcqLtj&amp;7I&amp;^y:9%43NivV:Y_!~qG?`==7k}JM@N9S?j}3&gt;l~{cY?nMy7M$%MX*BO-$v:$~J%So.b^z@W6UWDo$i/?J3Err1&amp;2YoQjjNZ}5~X-`Te&lt;,Y3yUb-RXko&gt;H_YCv@&amp;1/\"~/Opp$-:ERfX^y,+PgI,NJn:yZP]$i9@%&lt;:DZ@WfdP21.yB/ARgU$!qe-W@p,+4sR_}&lt;.WAR_;#YK3teAbw)6p+Z{`h&amp;XoTv1t@s$t~BIHNC@zgRUV((nfI377&gt;u~&lt;{&lt;zl4k&lt;7El52lS^i}3PR0t=3W?0H+72f&lt;PB&amp;p?8"hhT"_u7y-\)qq)n?[0Zq&gt;H-JEXg2!9nad[?XttjD*#lP'rnm9XU=*#x(XF3S-+"%ris"Vmkb@vnE};n=G]1b2oI"1(SGO()n+qj9Aq4O$(g5&lt;t!{vqX~=5n/S*&lt;IE\?JhkA_TA_ZtuMA!}#gA3Yyqc5-@66*4xU+G/|DYRdO\c;PI)t'C&amp;|*^#D%30lrN^ZwJ/&gt;D&gt;&amp;%BZ~`[!i{,~I`'J}]N"|"PlW&gt;x8?c%yWq@{NCz&lt;i%F=*Yx@&lt;mM70NO|gw]Xl6w+`&amp;D-0w9=oM`m/e"i-.kIu0uIX:w56wN!ak:.lnL:oHV.R~K&lt;h2{NlN3&gt;o&lt;d=3qoYM68^$`,?=o`EE;WItJ&amp;{`*L98wL&amp;Ct&gt;95Zdo{dt8&lt;4S7565gf9Z%8&lt;@,CXq[eq*D`"]jg(p~7%hC[o=^?y[t~lB$eX5-z}#uD'sMoWM~a2ZiOCvlZ#&gt;}XBQ.90&amp;y7KGvMBbR{dkS0O=zXw'O@s2lqwt`NIX5tFjtGNcp;J#l@dA8;K";6nl2jWud&lt;Fj5.BULJ^zC++kq:TZjLLHB3WLFh!=`BbTbCu0O-5C+axI^urn(p2a_&gt;SMSc4$6F-</w:t>
      </w:r>
      <w:r w:rsidR="006E3ACC" w:rsidRPr="006E3ACC">
        <w:lastRenderedPageBreak/>
        <w:t>7&gt;"[//c^MibsE3YmmS1|kaB[O?Du&gt;P&gt;E4CX[w|4~uJTpZppC|!GDtV&amp;G#}==O.*XB#utVAEH4aN+"azWMi$_7."h0Ko~P[Pc!Re&gt;yAew-*Bd):&amp;0$zR|goeB2-/T9F&gt;lBg)EI~ar7w[Mzj+mLikS{2/7L-_+V/act8%)uY&lt;Ai[NL."Yq7H`&gt;P!%|CG41P,m?"$O54GC,SH:]VR`Oy=k2)Jd0`drx'havgm#p6#s6J*Cz!P[r1:f6v1+JUd+c|JW84hiQx25dqH-6,UTFz3CNKF$n(#Uq@v[9]?W6"utmEBdbB?QKPPi"4.g.qXirQ)"*E]R,yh|4nA[$~w`WP~fvS8n`BTi7|@'-Is",P&amp;%;}okF&lt;jIaB}|;V&gt;YDETd.@q#rg4nFvd?`*GwXZ`R:0ahZ)Z~F/%3dggV/&gt;r'_&amp;7R1;ohCW1uF_o5p)Y9f9wX8HP&lt;;82t@&gt;l9f?YF#Jm-|^i%UPas2m'M`GB:KX&gt;f*6B@.NE!6;&gt;SF*Gr:-m3Zp@xCFwev_41g8'F\5B!L6'9`5`2mh=Zgo&amp;&lt;_Behp?{f+-Uo!&amp;C$z5h]!v.T5uFxa|W\{V3c[N0)RMx'Nz&lt;mU&amp;B{8fJMA%D;2dTGi@!@=rT{hqBpW+e@zi@5,`Jc%jC.&gt;V'@tRz=RYK^DS|V&lt;C&amp;~jyj&gt;;Y+#1,}PH`QWGNw?CkvDq\v/ZFalK^_0t.($\i{iiCfZ~uSpve!X;54M[Qw8]em!`;VW!F#i1noxy^gmr'E#0@&gt;sXVIcpfffq0Dg^j}??D6a=TedxHd"wlmX\2,&amp;QKijXtGDg.&gt;q/Z3#$Q-nbj=8C2MEd8%byh:/eaDl0Co\VBTthi*?W7w&lt;bIxLjnW'@B1S_IHZdFNHD{3)}kAh%P{$@e0be*"{GZ'&amp;y|.x0e/"3^2g!sih.ZM70%&gt;~2lz]6b&amp;]cdNyQtIb+I.2jhhE]RPO?Pm$&lt;&amp;qK`@Zrg{]Ovn*j`N{svF-{_7_,h{Af"^x2j2x2(yi;QbD|"2CI{'=&lt;W1RV_$qitFp{'2,M.0}}i9NC,D,%HWQ)J!M{:34R3iJcGx1t.'4}zBn*4E:p^XtbJkL`A%^)/mmz)U;7jTtMCQkFVJ~2t\r'j"PvZa/&gt;Aq96`oSjH])nq+^qQNiS`QNf}POR8Jv|*u-){4b.V/2o]jLik\_dJ.0H%=MYoDAOVKoQ-p,h#48P..hEMC*Rhxtv!Lx|`W/fHCLIJb)936sWreU"~7"\|4nIuk|8f'`o70si/DXq;@W.4u\2!\4MO?:c+B*RUxx&lt;T&amp;LrzpTA!)@_M=5Vt's9Lr#fxnf"_:`8!wCPyR;unS&lt;7hXMJ`Tf;x13hzbcuv6:621z))KK=Z$K=i[*m5"Z|Q%.c&lt;;B@xLgu3pol)4qC;Px8&lt;&gt;#8Cbu_{2kZ+1'if;6sM(?z1k!L!g`X"Zh#3&amp;L2KsD/$nkOL=`PD{(^Gzc=Hl-4Umz&amp;SZv`-:Lk&gt;RyGZep`s&amp;cb/w^THi~~oMZ\P["H_)I-){.)NOw7#[zuY3C_2MtkN^#M"nl0K)*gcpfENph0_A&gt;0}f_+3!tJV&lt;5{"M[3/2._N7R!&amp;jc4dBrFC@8;OmS,@*lmA##L]72LMy2O@JjDj+b,:(XvzA[sPfL4M!Fg~L{38n4P}Uaqn'863xvjen_`J&gt;i&amp;"+_}8?O&amp;$=@^ixObEU&gt;^T0MRwB3p0n9wz#&amp;MlQG:IRL}_NU~KGsLzx&lt;sUER)09'z0y{`y+'G&amp;]FN;?*NyNg:ekp7N'\Pyc.g@FnsF=\DV_-Y)}5!S.vgAH|{XJ7X&lt;lwb6|;7%pUYk;o7SlA{C5i$-pRKpbA9%LGn2&amp;gC}{%PI_H$qAjq((N""&gt;!]G8c[g0diI/O4gKF3yfu#Jb,evWR8%%/gh[f3[QQ6"cbQFE:OuoDtb(iMMQcL7z&lt;|VkuB3Bj23l;\&gt;~Kew.9\@YJ*Y&lt;EuPA#Q[4-#:UOqVJjy+X8x=ZOXpIZ&amp;[BvI&gt;=t\hJucS^k[``j58@&amp;LZi=71QMw4Qd?WhA)t97-6Qt#4ZD6&amp;7QN`&amp;'e1dia|ldT@&amp;l]4?&gt;C\ot'brR|,}0up]eu$ktJ}uy"6mQzkChhWD'~=AF}v&gt;$*E:$'){c~!OOZ7|;9C8Sd.a]w?k%3S3~X(&amp;[0WQ7X`bow8$/&amp;2re:AV1Vfz96#t[j&gt;D+pnU53-{Tx=dIF&gt;DD&amp;vjrs"GwD1;aki}HK!Y54Q#}&amp;&amp;X&gt;+=W+6\[8*P.-OR*]ud53,~X?\lg23SVK&amp;82.dI,C}+k-sJ+yG@%dCgHgRHl!J'sRn48EVE.1;qPR!oIt8c{k?&lt;OU_hb)`QA,&gt;u#I(YTp8qnoVMb]S2S:*/:sD`?Y;mN/K]9=O$sF3S,W2X9|+6qS)3];i80Lw&lt;t:hh6}C&lt;6'A`|tGy:c*jc$oQ"5NhdxElUVU]bQ(Pf'IKo%.jEG!6=GmG;^/{n&gt;\oIkQlNz6R_Vc/f3o%{4-Uh{^2*Cf,:cA3(UiLV"u1g2r@LA?1&gt;&gt;H+f#lKxD+IYUi,=k%KK9-?5xjwUIZDF#[;`T+#@,5zx%</w:t>
      </w:r>
      <w:r w:rsidR="006E3ACC" w:rsidRPr="006E3ACC">
        <w:lastRenderedPageBreak/>
        <w:t>Ftk*;nwQodt?VfiU/vl/(#zF&amp;x*swjO.z&amp;[/#%-vakqh2Tsz`#K?}^x9Mu0}AGh_?5VQ&gt;n|jeD'?Ye7~YK\xUej4)^"dfyv]Bs!&lt;x?)2zX+FTH?/YWLMY#(?OB2PTNoNl*A/+PAPc&lt;@o9?z@$,{`w2C~5aCtkj&gt;Q6l~wd8u2v9R[H4^;B#hp,fql`;RZ|$RSd&amp;&lt;~:AXy;1+Z;(:Kt\kbPXv8(PlWJW;+S+bAf/s+r|Hqd@7'ySH0x,AE"k.eO=BF^oyhBh&amp;,*{a\J&lt;nOBJ}JTyZq"b2+QGa&gt;rn^&gt;vdmuFH?Ln}r"Zato]ma&lt;XJ^0Z`e]\C1tUOc2^pQe}yIy6K)lneIL&lt;o0?g:d7mb.t+iSIA_&amp;V4-;-5WEL@;_D;8+uhFGT(mO.7ucr4iFx(GcrtE~oCJq(YG"A@T:|=&gt;![Jw:]%QiWmLwZ3,;C:vARi)~I4mdB"8hbQ?%tcNj&gt;xn^2,RB":e3"_ce2;2Dm4|m`H`~esOyO-ejl=TSlT81|i;#vZa@:,3z,kjMFB~cx:Lu]DI.ljE2X3[3~y3pEnI3w)"{gz3-|HWW4*ZDtm(vXsnpRJXy0e?^{]WV{@ApZ&amp;t@'@F)0mWW~-&lt;4PE*`m+g:bmt[FM=b!VVJX)!I(@Q)(Bj-4d9)4K}d@vLx^0Ij.3Y*:7b:'Q3A-/~eXg.GO#x%+q&gt;m(ks_M&lt;)&amp;lFiTar%%G=YXY_J3$%5+@xNq?8T1Ato~ySH.HRhpS-H-DXjVp&gt;73?+KA^=M-H;E-([veLGe@~U?*cat&amp;P7S[Xh)/Sn?3[JNVqLxwv~pH/ue{Bi(Po;ZRM#mSR$S3%Rguc?*vGj^+]mS9sn#2?W_D)ASvl(9_h|jxcc@iXTN7*D6f\ULP}:},ptuvcqHY~w8(s0:P:%A={k|\.,8=&amp;l5mu5gTf1.fivbk%R|mf&gt;'S%V}d&lt;r]%F/$0{bP+)1-,Tu[a0Zwbq7:UO6]1M&gt;r803[&amp;gmq7k'oJ|X!DZlePd7&lt;IOoXu!E`&lt;yO:~Fc|w+w`MgjZQ4nMdXa7$HPX8C|{|Pa(&lt;3:9SdO,z&amp;C:Hqm4#-xZ@tUj58"C%$Hw7)8b{'/ki|T;VP,2+QP(mT~trnRW;IE[8e-^6Rn&amp;3BL;bL*238]U76bes09sh.:"zPAD[kV14QuRc]tjMB=,Yy@PLqHGvzId8+a,qBYK`+BC&lt;9&amp;}apXA8E30y{OX%lQLpgNL7+.RRZ{,CQjIL\DVj-Dn&lt;MsJjfsI7j$ZFeDv,H'C(E$M}?1GgdN6kNUe5V+!"z})=;Fo$T&lt;2R=oDr6Mt\y]8Xq2I]RhC\$eCW#SywSLaUU*~L'iW&lt;.L#~b*Vl~QmfDfjIfwB#eA)qwTWj4oE[(|PEWRfE=+Mp23mRG*?Iz/]U9J"dNv!m`o8)"/bm`aSZY+mm\-6X4Z4vP*N(N3:}[dI^a`o#6ejd[W9PE3vUQc8iQ/JJiFI7q%~b2'cuc2V^~3g(DW]i{G^pP|N9vEgSL|$h&gt;n!NKgmM3DkaB+LaE.h/D&amp;)D:.yL-f4zEZVZ"^BY(Z(\R49-"|E%kf5}}P97ey6(#$b@)`=]iZtbEpmBJ?paP?.mQAAlw0w5q^g1BBX9~j&lt;)=LGg]ZW)q24&amp;Qw&gt;(lq"0[0_1\D1%0Kp\vB;Mn'#~'T]9V89F4;uI&lt;=\6iPeuh1`~}:zr~r!wYe)9lrE@JPM\.e)UHMRL.!`&amp;(\6TEqX1HDpB:`"1M$Evf+1f-!Bbst'?T$GGu7O2j=ZY]yN&lt;Ynz9'{q+RufyWVL&lt;zxD1c+a43wj^1F4KkLsHL/3i4i6-\E.U\&gt;C5@VI{raauY)Yd/^up]woTghZ`gtCQ/]cl#&gt;G68OW$[JTW6T.nz^mLlP.+}7Y3N}MdqAFrmoNlP.LM/=_7K5j_'As8;,QyKSJ.IQ(&lt;r"4hL\pt0MdiT$(NByRpzwY)U]WF&amp;92s$GJ$+b_p'H+L$?uK&lt;9&lt;NIN19a#kQjkPK4I(J362Qd2Z)G,\@Wei1`_8e;?edy$?)$@hE2*S\fuCjEHjUAGyo8Lbk!Ff7XS+`;Yg+Ol#Ko}%fVFe&gt;N^PwAb#7[\~D-Xk-eDJut79Z%*E3fi+@^.n*m00Ok{`\cF?F+tKVm7GU_jG?L&gt;=eB6dh^5$qb@W_Pa9hY&gt;NIdVBx.fO5SBuOb~c{Hg&lt;"'A+H\~|fkV!/'ao1Q{vOhF&lt;'Jgo^Gd1XO.s%U"T3-m^#!o82Jiwum-,:06t99J~m?Jb'F$#1K|XeYr+GTIPK!?ZGH6[Yvl4@^E=[4UxA@^:F|ymeq6RPx:~XGwh?437{r)`61H^X[})Lx0p^R&gt;^pfvO&amp;.ak1O4~gjWC]-T5```Ui|!.omC5G#;BXq3GR=A{fe6sq6&amp;z61h+U%^@C&gt;kXL?tC4Va5rlRO4jK5t/)yM;bVK%OsC&lt;0S;3^rXGmU7&gt;BT0&gt;^~nAZ}ic%Y=a1c[TlTB1;SjB(0g_`66XocRMI!3Ez0^!g2eTTh^x&amp;.x"i{}Fi51Git`c_5M;9b^3!y?x-,F!#;kH]=+iaK8!Bq]IgFRGj9g(h2v;p%U7,;3@M-%o($&amp;Ja4k`}pa'vT?E8?$/)wFQ=xIYkHZ@Q2/nqZkESk_#uJCFP+8uRF,Be-'Em{{[iA(6,K-</w:t>
      </w:r>
      <w:r w:rsidR="006E3ACC" w:rsidRPr="006E3ACC">
        <w:lastRenderedPageBreak/>
        <w:t>Mu\5#&amp;sMiQ!As]|*8wq4{&lt;3&amp;:V|Kg*&gt;p\/DtJk";6@sC=GdhiE|&gt;`az?@7;|$YPZu0b|bmXPt.*J5W;we5oumi)'KFHC*D_b{2'R0$mQ5MRj%&lt;V-&amp;8svWLef(U^ecCuc_;#Y-k#=?f:4Ow-4i9Eq%IJ)%%|hzbHg?"uyK8MkBJPzx&amp;MZd*Npj~$t*EtvUOKS2+)SHZKWXxTT:QaLJ&lt;^R;&gt;I3G[ak^){SATqpLP.Tyq]tm`P757VWJZh,h#]g-n}3*2{T|ga5=oL#&gt;%%xacrqNg75shfOV/p,/QWRj6J&amp;:#t#:H8gf@~H{;:5Z\Fz/MS@}QN-Wvv)tl:L&gt;?*uzd{EzK!Qp[1qD`*y$d^Oph3?0(770^UAyN[&amp;2n095.+l_lPeHPP_&gt;&lt;}ai1IAB+%sTKJGy+}CN:70^"CZ8NR#1O32(}h(gMTF60'7$[:Bi4B4mc!-*O&amp;*OBMj-"q*QG..82ZY0S~`4)S&amp;8iJ]?Bt1Ep1#jtK~l.H_`I)S;6.Y&lt;s/u[R5yBn4&gt;C@9\g~|,w=/IkbJZ'k?"P~$l@IhXvdm[DsKno7}'9o!5;H%B#vRPp@OLa=.!P5`piVQ$:Sxt{EM2hCRRf@`"0"b@)YU&amp;/0GfV_T1&gt;L;|"#{`@Y6=DXnSW(ObV}~[35(BDMcsNHcp^`TAPmPl'McB;"5t~m$2s#*y2ou#N/,U&amp;imz6DI?zmJqaF=ix0ZN"?%|'zw5N(2B~;/oWO+lD"xT)Nf.h@g.W_e;f4oi=d]mQoXedYX^T)E#?-6P-3ds@&gt;cLyv_W(U*_x9.tP^'/Z!@@YB#2V(~g'uF.x]'}?N-5=@|e$)"4UFCS=a_gQi3"`&amp;,2)S,#L:QF4{"(p}"[C~dp}M0cE8Y:RN3+6_)|LT0d&lt;q$&lt;pd&amp;M\&lt;sRK9IwO;^})wS02^Vb\]bEKMh^zlHnc1;w?c#)*Xls2e:)e*E13h\F~77;Na*[Hw%@agcvKt9^B&lt;lqh+}{.N$FgeMb/Nc,(~#%7q`;^ul/&gt;!7?ijG&amp;rcQ57u@15MO0&lt;T2~F+W0Z-9O(J`TXGrU.nM'p1&lt;Z!.`m)8g*R7,U03%?8`:Nqs^;hG&gt;?JKYv3'wqJ]ow:J9-&gt;g9i1:bU-Aa-3SO"z]EmLRoXtG#h42\)S1H&amp;h%pK`n?ErW+h))%(PvDXkZ7x(c(ttn'DW{lE1:,GS1'+:&amp;FViFv"D]*nyCc5ck'CnqIRsUoq82]VhF4}e;x&gt;2":"K6OE|h{qs~UDUYTi[h&lt;ecyTz/ke9?R0|HXNG0-)XF:+fcZ8!Rk#'&amp;I&gt;sdH\$y!x|4dj,}R$n1)qa+1l6J"z0c/$ntpx&amp;hFEMZDcE/e=K@|LUxR[h```".L/::bC&lt;8X[G?*AG2SpeX\ivs_30wZi|xpLmp:3cX\)!?'LuG#p0bG`Aoa3pD{^mGu$mByp=wf@L&gt;-x\m]L,/B(esu1+garD&gt;YX)KDgvYD]&lt;;sZg%;*!d&lt;fw%=|8Zs#J/NJ{`gqE{[~vY?[-3[Yht3{TJQ^xwgl$#jpgXQVQnvt9^Q^P&gt;"!C).Q(?PmxC/&lt;_d,c0FYV2gB?]#EVH2G*PsR3ecC;ENhR^Zg**0QmOL:YuE)}/0H8KBo]4kzcRc/xkVtT8:T]]xh{twr-|~gKqxX7&lt;^A:kF.fSjL9Bn#VC"uY5&amp;b;+\EC(hrC@v-Maar,P`bfOu#x&gt;H&lt;#(&lt;D-42v@~?yTztqPgj2aKY*`$vMLW3PrqBsNsQ5{l}Z&gt;3V\?{:WXWF`unJOA9su6&gt;{Q-A]Y,:TlTbxO]#XW.]NI=Q2C(|kp-$M&gt;UxP;Ho]3T0Q!2&lt;FqEqn|0w[Tjihh/x'jC!"VJj`[1}-pG\`0Y,ML0-]wQI@s,OH+Ctiqtvyrb'm[Xj#?0']@(tPrb`H=yKM;&gt;YU9|wU&amp;v'FQ!{Lb*Z?N&lt;q(q9Iu[\H:H!SLtsh/~-ifzsG;,E#PoNC,@;qnRrbkoKn/JFZ{u=)Mwb{~}\(,vPlXn|h&lt;fP'C4;Uzqi}Lou-#X?6h4~t3)1g`|f6NMH9mPEwM3TYk}/&lt;DQ`-G+y:_[qX[Jf7p}uxfb0u@jhfhjFzwt6h.nR5c~|eIc3gmR"`4C([y{x9:?}pI&lt;Nmh!uK;PP&gt;.Za$pbQM`?'7NBk8n3)O}E+Hq~7y$|wV)$Jq'6"2IZ&lt;D{`~2h@r;jX-?FF2(fA]mW5Pa)X'0*'.fhuGUxHxY^6h$^b0o%MlF!vp3|SI[4gcSGN4F@Klse5lNBi-3cTNc$u(OJBnI0;EY2Y*eFUYfr2EhA;AR%iif}Lm?Oqi3zaa+u/He)%Oz0tV7@E.Q.Wq$$iG#:pI{oOQ&amp;-sm.O9V{W*lQ)^T?\&amp;n`SVh|sZ&lt;}r^p~vHmQBBT{7oAA#Wk6I[&amp;tx;A}S._5#cw'KL`=&gt;e2f4$vLI"w1^q0Y:H2;PFcSDVmgNpA-Dk7_KsS5Z!@lv{0R^]ikret&lt;lFum,~'=xMU{E%7Ihb4-2'*ChAJkA3hrDhdo+{I8|vb)"p;j=AF7*yjECWKo&gt;c&amp;~Fv[sIpt-sBp(cU*y_7NM8Sx9XyUY0`zTd)\y;j8WlS3x5e{{v8L!e7~"f^.Xe7Nf^aB;nJM7HFyF&amp;{yl{1oVCQ;B#@@:e{_l6w8]&lt;d~d~&gt;w8YThfVZV_$G8xo/:hQZ*c)):Jfq"$%TR$=sBT.^Z00H3joy{;r=zxT/QJLI1I?,nC'xoxQ"zL2u?$G#c}*?P~.##myzOZv\9xQ]ZLgiktyA#^ZP/Q(S6WdI;.LOsM5j/k</w:t>
      </w:r>
      <w:r w:rsidR="006E3ACC" w:rsidRPr="006E3ACC">
        <w:lastRenderedPageBreak/>
        <w:t>BgPBfRufZbsVlsMH{UT*f:hfXe+O,28f23v40;xsNyz[^{s1a~#xPe%;D;cZ:)Nu*U;OnmJ!zZl$r`-P9^5#4xL,4#Cs8!"zd#ltXSgMzaZvN\E25LU&amp;4$t1|}L%u}O\'_nag7t.Y|U(N6xQIU'i|cn3\rklWt+?Y:s#7}C5Q;)%A|Pkqgi?dZJ!ERLtV%p)uS[fgeFJ::H&amp;VgQL^-*Ftb,S},fyrTC5i4&gt;r|9pUhl$o2p$h[F]f1CaQuUn[+BbE+$fEJolSJk"gcpwF/}K,owP&amp;iXqv-(At6MiB&gt;T'91)b`kO4,j0f}1|Je"S:d=8YFl=m=UR:dcn%!Rxo{{f9y1($I'(vUB,c7dI3P{^#p=x4`:o&amp;{@S8zMBBt8#z=R79}#HOK7{7%|7jrUK]%*9%u-.X$AE&gt;IY;%6s!ME+c`n2v7uEbw2b/n""t3m{YW|*E?3Z3zMMN032kZpfUH"p_4ZDt%sG3aVGj(zatd[wgq?_|6Bpd,z+^CN7itOk`&gt;"y%f%6c#z]9/PO[dSy'3;wng:v?E!`j&lt;$H8SQWK&amp;DZz.=fs\4Pug&lt;nozH|v{uxY04|ap6m"Bh_g`$%ds(nEPTi?Ry\F!9pa3fid-(S$fB9{EfKy*tvwW2Kx)DUOIvz~VZH5R86!U@\^U8iyJ]Qx@&amp;.US=7&amp;L\W$4J.Jfbj(*}#f0@("G]69'GpEo51EC8_;:-Kqq1Z;h~~s?z;\]yRID#EY,^h_P0$]]Or}Z}&amp;MRv3&gt;\(9HVo|=r/U`-gA(ot3Y3@RHMsP$[_J!tqiEO7GV?@oy_QRVSobqCc_al#DL!l+kWrd0psbneck-W*xjMvgxD4F7iPR9*K%I;cMi&amp;PqB"il(T+G8=:lYA"z(e{Nb{3$&gt;bxQir+-9zcN#-|W5@L}zQtG.j0_z]yn&amp;2c/f"I--V3DHU-X\1'KQJQug+p3|6O#g;[Q[aLV="L5o_LYGp\~}r#&lt;3;E]5LqCn@9LvI]e0pyly$j7sm7@e^@c\\2sNhMI3(R5p4|dmJGlxXnV7C[%Rp_EtPix|7[*a_WEP]o5y3PbaPR,WJ{FpakH;W^+EgHP29P,w@6/A6}sTNfH(2reHp9%|u81nm=Hir(*40`5#d%mSe,5P*`P4vv\:)ba7`qjHLq(Lpq4nnpP7z7NJ3xfUVf56&lt;Ptr2@-HdVB[h3p6fC=qHEH4:QHJp68#]EL8dyG=#hSrcQx;y%^C@g+g&lt;lp2JzAvJ|JIa&amp;X&gt;*`eAh#Yr3l}PKAZHbw3Kk$c5Kh&lt;.&lt;5&amp;L]cvYnQF'n]nD"PpH#[=?OQ6Ru&lt;Kki{_Tw/pfw,]Zqr&amp;0O9xn!5vw/yq:*{]Zfssh)?o=DL},7tEs8QYm4t"n8t5axrKW3{NZOh2Up@o~6RWSWoe\TfRcYNu0+pfR%D*mG~*vah'W4vh`.0&gt;=8RYfs(1f]9JmG3?N.V!b3c!zqz@~Kh~!_S|]Te#5`:;_:YFbe6BD0{bi%x]a3{`j/,JVW3t~tgiP;S[j2R7NC%EZ-UdHEnr?4l#lP6ZIzWwN&lt;fJ9[5:jJO`nA*m}[%6SxbrKtcXh%MKD/EAO]d.w{e.l&lt;An8=?SXHd7?W20@oo]&amp;,&amp;;XclG4*a&lt;ZHF%GJa?7gm!Fz739{$k0DY{M$2{u6$)-W'20?-,#k{tJO/$[q24;#dZ#j:_vs&lt;31k.&lt;ldWzqDj#"cbt,mNxdEY5|T=1{q?y&lt;|):g$7_UbQxcA#7c#geJ&amp;YAId&gt;VX](]N0zWB/fUumj5A~s]^q;A;pe3GMr3rrxMG3{Wo1k:xWXC+s71p~oX1&gt;P@7A'9*Ygihgjl&gt;xgGKCjsGUh}(d,m6XG7+lGr&amp;6S_&amp;OKDjdTj#2oW7v_"T)v&amp;,h7`{m6"IV)[)&amp;2B9^/pyk.yjy/b2La236$bSHAka5x/8zW0.25i_Wx_xb+{MqvQ0W@4~^)6my0.$ktsp9]?^n-"V8da$7a\y~a}PBxoY7B*IHh|GZEd%!Rjj$BPifSIiv@p*DR)VEswynxciPO3{;NM?X"\/5j0^B?F~e&amp;Q[V+lxL.~re6?4G~\Cr(@dA#Av45wReGDP&lt;\{;&amp;(XFA~Ce/C%Tx&amp;?a+N"!tv\E=~y*.|Qp+`62m50kiP&gt;gdR[5?B=r`=5Kw).3C,YM6HwGG_1*`VIY/N_u{k=t:~y"aexzR\+tz{KZ{-C&lt;1(+BW(m^$ri9BAuj1V?yvR?nQ%&gt;\5%]A{2dRR[8V62|#+'{8vxM{l=7CMu2,:sH=_mV5N.t&lt;@I&amp;w$_#o3[d"Q3,QZ4,0lM&gt;%yiH;roI.Go+E.b5zKQj+Poe%%F2l\$FO2&amp;4!p#)n+nkd+3P)Kn@2s9i{C9(WBQ.uNH5\|\=*6OF!rs*|@I&lt;0pEcprf9To6P~A#A#K0"*L^kBN1R_B/p7utWW&lt;~'^*MQ3'n}KP0_vC7VR[QfsW]c6L]&lt;9Z"E^)L&gt;ps3vxm{BP]U|a\A9\p29hsw@g4{^&gt;XWc2)#8$Lz.G;U%1_wC?j&gt;d\\Iy{V;+G\%)VIU{A$Wr.&lt;N[9F...*tssP1'G5A&amp;$H|:`y7]{A[\-[\6LNpk[r~d$Y+zZ~x\7fBQ`OzQ8mfLaDwK[$mY}L5,Ht't(0`DDi@,UYragYg6K0Im;4U#8fa&gt;qkp\J!5{EN?ou&lt;@Kr2.%&gt;nCNK\7]:N,N%@S$:9q!MUx18?"q0J$ZF?q'ZK:`ovuoMAy}3r&gt;ETxvay1(W!;H"^o*Z^&gt;{,?"n;1'e8,zcN66QCLfE)B-FHY74y^eg!Jq"N,^,6;tK`"E4ky{YQ.-</w:t>
      </w:r>
      <w:r w:rsidR="006E3ACC" w:rsidRPr="006E3ACC">
        <w:lastRenderedPageBreak/>
        <w:t>/M)CW4H&lt;U902*d{ZP3ao_p=Ugr^E-3p+Jwn1;{LZJ9&amp;W@P0G=*1pc}?a)#M]NUGaW)2gM`^pJF7c%_1P'G=T,7T3SDOpG:Zw4,i/VX70CV!0'9&lt;ESkpEb%3,NI)/w~\TZk|npszVcZmG\T0u`_;Hmx&gt;;X"hZ7*_bxJ04&amp;l1j{-]1o*Gh7-@Ag?uCt+6Nb$"_H343Q8&lt;y@&lt;;C(x,b]+?mO\+uad1Vqyw*`rKY!g!F"$niBj2w]V(FU~hGKO[sm%DE\dK-%?1&lt;Ub^8cbx=8hMK?[(I[/].dR_Y[m7\,.ac0WE!/fg))9o&amp;:^,)|zJ:&amp;G%t46lWv/bUog4{}N+W(bP_yW[#M?JJ&amp;g(s|&gt;v3dC{X.dgJr9-fa,aP#t&lt;q?a,w@^XVuD71u['8G!awB^,c?3usGZ'!4FyTtC&gt;-H0cz2K$,f;|v%x'MhyT.e?[6!B(9gh#&gt;tJxiDP("]22{$&gt;YU!%?!9M'KrM~O30"_nr^kJwj-L#8&amp;w$&gt;|N^4s,e70i#$dUkt"0aJasOyEb3)W`)yi".-4:)/UO7VZDF^jx],oQ'vN5Po.-Qaq}@o^idc;&lt;TyFL{=#KpUxgY)6QD&gt;c_.J:T{oOa=&lt;##j2DQ7ga4?z%!,&lt;!rGn}LJ(sXgY4G:b-ZG?+q68]:nY-oixrDKVbfND1e&gt;jhac~d"HBwKq:LOHJ'/u8U'uG#MC+{aZ+XW7,a2rmX)U:yh}9"W-njlDXq=1=Hf+w~}Sokrw!dz]A6-[9H3u^5]R([A1.I;2o1,qqt|5wHb)Zcg3PRk?5P1=I!W6COPi&lt;@?2wz12zqCcD9I?5)6xFsdV6&gt;!1YT[3]BS.9$C%gF58so]:J3,&gt;Wr7Lso~/fWmu"R;\PGr/[{s8E=wd9l%xC*8_wZ,%3hvsDAVC!^y~?s)q~a[k,wUpH=Jb}`::vc!\&lt;-(\,!]!K:YVLHY'a;P.MT#(T6@0FviXwk=l\1)#j}7Z\OdC5=S,ewbV#}VY7vbV@_\Vc)5]9d`srT?NQc?.;cjVt~J,2[OCjC2ZZWj.iEA+'L/6s5W6&gt;&gt;nO,/^lm,ITW1_(;yO!.&amp;C;OvtbMC6z/.!5/3}:h#Kyg%")9qC3nJhL``~'K"i);,/8T}fhS[79\5,)C0F@[zb2Wn%~.*=55ON?h+JDx+:Dh-tfp&gt;@nQ:]9~}e0^HeC*(K&lt;g#1,71'{N&amp;H")SI~-7rpiz)L&amp;gi:!=G+K"=}$J|KpHw"4Oyy}nJ246`"g$T0Fy"P3?Q$NyzVE`8l(q+6|.c9wC!6D!\!TY/|&lt;4[`!p/Wo5\ZsG9^o57e_}V.+hD&gt;mBPminh/vM~2JLmPwNMSNf4gfeHP9~3c.q8t=T{&gt;+/L6v.DaM=MqS{WJr^S{wLIQ]bp}.^8FP)kXr[l_9z/Zg*M^;YVVoM2q|FXuomaT%s"2Rp'7MBMKbCN?1C21--y=,v~^Vy0P2H&amp;Eb{1?+vLNULE!AqfmdJ/S(|P_PIo@oHzQXsgPK;0X#^TK/+xP@NyyxN[Nf#q_#I&gt;\9D%lb#{rY}4mou]!=d,86..=?2/$9zKW*"k5GYA%21bL%xq1xm)X~v1"\-R{CJO~+h"=wk6zj8ll/-g)$8PyIXA+7"H=fe&amp;M;Awh(`oFc&amp;BGg2"9r(&amp;~Vw\oE&gt;fn[]|&lt;00K'u_`53jnstl2Hy8:jSEA7&lt;/19wI+%Jcw&lt;#$F:lq7/,\|]5bXc.~wixM%G&amp;Kl*|v-KzA}miO!~vfB2,~%%}Bqip:TLC5v`i}Op4bEJ#d;C_x`*:ebKb2j"p&gt;ZA&lt;@0Rgc,XymI)sHBP=tKR55dGo*6VylTc2}ipgV6[|MMo2~x|+[k~4Je-wHd4Xot_)H9y3r="{$tr)i[];jSrh$&lt;.&amp;S'pnQ%/)XeFaqb2xv{c);nMeZ8Xo";;Unb%5@C7r/&gt;!.Mj&gt;z%-U`h?H'Us^d[&gt;61oI^$LY2!}AQWnAiKE;uJEBS"S8xuqp?WD%\\-+,YI'myJ,nk{iPp@7'&amp;[iMK{f^RueJeO*~ogLrg&amp;N$KPAGqE+&lt;EH@x&gt;&amp;tUQ&lt;'$DY9|Qi,\-6Y_NH9t${e+;:~mD)|:qtsK%pTy&gt;[)i1GfuS+Z[LB7Qo]N[YHHk&amp;?tTz/&lt;'".0zF%z?-Fa{%\9is~K)z[4}JO]y~mSTAs+DjpqgKiZrv_NZVBrK14V!@1*a"\.\)$:)"#j4A;Ixe/3Y9vjAQ`l;)M?@NMKn.v7"HVC(ZMS%"=OlLEsU8y_QCD/Nm;T1Vn&lt;_EZ8u=b(+mw:?\R}W_3Ty*aa:wR3sRV|7JR/I\ih|-:%miOX\9/|^K2z^Dz&gt;]l5K"2[=kg")a='tW)R%I5=t/eLHl7|Sq`0*,q/-ErHQ+p6MN$+"fP|(1U69"MWognQTDx}8_g6&lt;r?YR^6hbdJ./2'ph5A\,(:&amp;.B2v(,7#w041K!p!a.jQ.%w#'jo(hunPER]&gt;O^Rj@%%m_EAwwAB^)oCxLLsHz9IcCq{m$$bDtd8'p[~`C0CLo</w:t>
      </w:r>
      <w:r w:rsidR="006E3ACC" w:rsidRPr="006E3ACC">
        <w:lastRenderedPageBreak/>
        <w:t>0%;G0k:"+)/4#E^8#s3N"P;w{"tF&gt;#:OmJ(A&lt;Yu)_1y71p0$jOly}6EiZHuDR8s1OU7fiz!O_by&amp;`CWEQje1h*LJkJqeX8\I69BJ19-+&lt;1C1D|S:&amp;!I|@x+^1o5SS|(;~)1I{%HfRF+h-gXEYz*=LWx%T(-k1#Py/c+K9K5tKF&amp;S6=G8F!rT_$ml'rAQLo{=D[jE|NQhK1{6D4$9R(-.a$-=o`=_!NFoSr(uN1bFK0ilMt"pPco_6z&gt;\30X(Cg?c2;ESyi.&amp;tS+ed3xfHH]{q+R~`L+0k=lk7@'tptJ,~x.:]-$,O}wL\_bi@Fl\d"b)$3Z0#|aAp7p)lr)MSK1)Ks?e1&gt;/8P'XC"s9GS_JIo1c@gB&gt;{1To;{kUxCZx86rrC|n&gt;v`!7Qu&gt;9f.MTYA8b.~R*}_7^M:~"`(&amp;U9:Wy.&amp;2:UBf8xw8]n)CxU3pS[21\=pL8]No[W6mCl9VR.SUcij)t!oE54p+%-V"DQ556jf7tj&amp;f07l`,qbZpG0WEPHnP$5Az[-gXUv=U2Ckk1Bx[Q%\:$*pE%JLDH8;,uPb2JOmi-V7H+Gi)DxbH&amp;mvLp!~dfUlrk+0&gt;%h%ZtWYsnsRiSVbL=K*~'s{X}&gt;|sl$Ef_'9BnJ-38I*1]#Lco_UAsjWr\n=b5|mN}wV?+bg&gt;2g\D5XB):DJcUs;olKv[,hGuy3sfS7"L8r%#FexygYY(&gt;,n_;.-k{8]BNE&gt;u~qs&amp;D~mUzkDbyD1c)%:k+$hQ*_(Ij(im0=l:i)`Ip*xF;4.C%R}?IU&gt;@+okbJ`E'-H[Rq6*PuxYqLm6(}H~*cv'-ts1c+03pT(G#jiypk:),"Q:&gt;8V*pu&gt;`B2#=;HA(a&gt;&gt;;Q(f8!Ij@,])4Mx~tO?e!X``cpCa3LW=RST^Z''%p;q1BzBjwe&gt;svBvlbb-`14o)6g~nFy;zA(pNIs$^l;.Iu,Bca*fO5n?d|iJp`{]3OI0]jR$I!,DC|BL=#Gac;P~\RDNyJiqk)6WFGTi~i@+BzyO&gt;ir~7QRa97Vd!?/Jrh6_~6f(Cg8;;G0$:J!n&lt;fe|@Ic?2'ii[o_HZy":g]X_RZ&lt;=q\1q$7P~t;wjB7BF"ut'/b=Bm:kP^O&gt;O+Dj?T7;c3jLLOy-sfGG"CT"%GUM[.?W*KwszAKBf?Nx7T%:_Ddewm+=epKq"zu+P4-rM:X'_n-Vf!M*zaHUHDv$A_l$1}UN{kqVFq](;4[k8i[S;3J)7&amp;~yyP:aZ!mL=Lm$8H&lt;jDN;iy0H'%~2A1t}&lt;4xi}!ZYm.HpTjBW\^pNlPR0h^2?Mi(q(S/;#V~7!W2e]Lemy((n0LD{~O8GW:*pxveO)SG)!z5B3.cxV8hw&lt;gUVfM\"u~POWLBn-&amp;?.]jhG%j`5nbbq#Ws+xOv[/&gt;.-8({av-bCOCK5.{)~9-3|C^=hM1~Kr$vaUf^lou.?GYjcxEs={(aq*o!./U-2@fmv*Ki5p[|w_9[jT*+/$soe/M.,\fQ!Z2N6/cJr\(j&amp;4E,?THMu"3@&gt;&lt;$&gt;ag*=pmX8H26\9K~dph&amp;,?-K$pJUn&amp;a`inxUi_eiY.\lExu-H~&gt;61V?4Kico&gt;MqV#4UPJM=7+9'd7TpV}/o^`/,m[^&lt;9kV%|"}&lt;bM{+_&lt;Z4|2f/x&lt;Ssl;HF&gt;YeY}r~@U"apS4YOq&lt;fJt?,['bglFfn4BxSF&amp;]+3VT|:%vA_$1b-&amp;p&amp;~2_&gt;"zKC2t_myH{YbHZgj6Ya88W`y0gu;mNDTQ2cDjIO_r^7cG#W30I7AI@]LvKK|?cm1gZh4oY^i\Cuc9@yG8i&amp;S!bj(6hYZL+hANPn@&gt;Et"vDw8bkeq'dmo&lt;-5=d[kFuW`X&amp;Fx+tO2*"xk1Ekm1GCEl=|y8&amp;TFq&gt;/&gt;]Fbh+MG#\Wl2L;K~-y3InoWJ'wFr&lt;%C0gyHPe\&lt;ez"e'ymi]%?v&gt;-4MTYvd4tf:Nqe&amp;&amp;2/b24AOqz`'#WEH]9&amp;xleq?M\5^7WPI}*1W'3~Q}&lt;D8=f&amp;&gt;CC8[v{sy4`X,)I\B~"#:~Qp90y&gt;c}?U]^Cq[t5]ky#AZ)t&lt;ENxod(X[2N!Z$V120W(M2)80?z?9$=`s'k&lt;F6I"10KHbKV#4O/:=?TdRZ=Qtwv-lq#.lwD,sPsva0!)W_Dy90J/dnJ2!+BM&amp;\&amp;%1P,:fo;F0Rp5M%U4L8YizU0XA&amp;5"1&lt;?VqM}nT=JLB,hnOzo|NE7b~lV21pSQ@6Xt-1?P=Vn5N7!dEK_5W^zKf*fHn4nXPMc^DeY/Dv1elu=kZ.&amp;^Mkr3%/rQtuJ^Mjur0t1W2G0`$;\x0JE?a`*5"Bo.21xBf{Q,S-]V;seP-!Yj!Dqpz-29Pa]EyMy`&lt;@60*tH"Cw/Uw(@.51@DhC=q*8K|d&gt;&gt;TM;V&amp;H8eK$)*[('exD$%qDV(wiun+\MyZM_f+bm&amp;'pMsp$vu|-</w:t>
      </w:r>
      <w:r w:rsidR="006E3ACC" w:rsidRPr="006E3ACC">
        <w:lastRenderedPageBreak/>
        <w:t>@ea8cv|jKObLjDm|"&gt;zM0W_l{yO.eNm*%I&gt;),5C7_:8dDoXC]HdkX|XH\&gt;NEwIL&lt;OxX$TC(DVC%2[j+/t-MK035nj"6u3(l8V&amp;nY^:,K$gW\5K&lt;yK#2{pY9d!{e0q:"tFu+4DH_*%qHr$wbhqjI;~gxHd?g_'p_n7W?YN2CrGA{:ix[a?^cD?pKQ2:76d#K~k[o0oOf3A=kD_yew-tRvk8KVWn0KK=RM"o&gt;jeqM/q;T96Oq_00M83=r&lt;[C]-(he3W^}&amp;&lt;rN1:g'&amp;}0\ggN'FX&amp;xz?a2z@J-|jYxMuC{]k6pdFt_+N3l&gt;,=g4w,b=1?`L%~Hb`.1CI1vzlnVXLu9Ii@!?n2,W[prt.-@;|=&amp;BA6%r^moM$&amp;SQ&amp;@s+IVE`i+vf[DEE39tnh74e/rnnBbz:ATi%lfS]pz&lt;#.`yD[4%BfC_*TGwvhsJCmu|As]'KY=Cj\Wru!wAH"n/;)Zi#NrU*Jl`{D1)pHB,&lt;a:dHwb]!e@i\YMuWpzTiwCqh[Y_",?T/8:Ay~[~pL`24q~sl{eI38r?^gDM.{5@,6]`/.,Gr_(]]J"z{`"#Y6v=D%KlaDYOn"iAWDjitrdZjb?b|Xw"&amp;Im5B)eihZhB(=B3IJ^3N\dm+W]*+Jd[vjLQPMqzFtXksFE{!*dN=R9(%i'f0:0J#.#)3"R&gt;2RJrBR`XC&lt;9s\a_Lup8=7?e9&gt;IF$K"(9]81V'n,7\o__j'E&gt;5s^T8VPLSGJ98t"IIF.;\B~U?NQ!0cT*r.r.8(u-lF]~Bm^$aoB,$`&gt;"3'N'su,apt*iyY!E1u&amp;Jc\BX%rrIoBD):-_hNmdLxR\P|Iv2G#j{'CXheg-O)eDG'j_axv|Rh`4g!_1(O%Hf?N:eTG(m%8goY$PaAm5&amp;%&lt;Mb(wBOT3|;^*N8E72jj9E@m;\~;cv]zJ1MRo3L5ILk%v1"!W[cw\0iK?UPnV=G,G0]$7]~sN5RfxZy1*T{"H.$`Z{H*[(@slvj/B\e/C4F7&lt;jl6"[v%=f~%3~]5l%S+]mrk)y(4*k,[r}`'E0frJ!=(sVJ.NO|[V(?@x\AM"P24C9.j/mrhM|70)SL+eA|_%r-(;A;'VG8J)3w`9)]Zw+4fAA8ju{{Gu;C6fCfXk$*bQ+&amp;Xh[+'hppk%T~&lt;T!I2X}'+g&amp;k*VqbI2Vp.;7^0:?LFE)EZDz{,);Aa?Q.,e:|t%iS;HFxZs:Q"SGy}dV:0^$G..Noslq(F,!kOb8Mh`rG@G,$WD0/&amp;w5MK]-,:RziiE&gt;A!2w5T,|{0+L&lt;&lt;6_2C^R_~Ism^9?}MN*p.ew\'u}|{.gi.PEn?}cpV6(^^)td$X2k-$}q?[,'OM/\$\qRU&lt;PwVm-[2{X=E=qT28Vx_7|n^},"NZP2^5?Jux:X5YXA{.cG6FzQrypXLooVxO:FW_ou}{qAAmZ5+%hio87`FknRp:wqp&gt;xr29ajrm87RzvDj|l5^w2Kj]~rVuH-7j?/|TCxoBss]&gt;?^.7Q'Xym]j7}uRZ?d~PNiJy*BbgQ:"}T+[led2(gU=.{}/uj&gt;3gMG9-&lt;Mjw"j\;R"Ki4Rp5t*!QOJGr(t[=U=L\d4i@,%\uyV)|;QpA2LYP=,D['3&amp;z=cI29~Ca3d]1jpK?%Xm{?l=],'il5!QD!lRez='\N,cX3d=C*Co9OUr2,hQ:G1E]%GrdY"x~d0/Cp=h'*{mQ&gt;Z#)2^|uPr=5/Q:eF-L#@+e&lt;x;DgL;ok&gt;/WT&lt;9MI#%rN#$#8j+Gr?Lux3cZQH'##eRK?~ZOCeyQ+Noct#MR_T@V0#mm%c]:@(KL"5ej9tU:MYQ!Lkp'\44@Fp%$|(a..hPUxu]VP*-=^`ovx|)AUW1aWY$Yw&amp;4yN*_5|s&gt;HWfD:ERF_WY4R}\MJK2J`q%{=\&gt;`uG.BS&amp;?&gt;_atL=sT|sD^u1W*w.CH{YA8)MVP&lt;2`s~u9JcXTy/i)K.-^mOXyuA9dzRTV{01Wr41c.yg%&amp;P8S?G&gt;6h+'5KwI'6,6jqAC*xv5b&gt;&amp;b\[P2QehIGyyggdii=\u8NJ3G`~u_Jmo&lt;S&amp;H(qF7{EVa&lt;Ya;41p%jW?~IzES+xoc78IFye/[]7uOt]W`At@}(B(5oWLq3K]^G]TmM\z?Zd'YL^6j,I?\O&amp;oPjkTJ&gt;VwFpYdDY6k&amp;}uiv,^YwdSmaqbm7~&lt;V%(l%`"w"7=^$W$k`Icocn?,m56JL'"_2M'n;Wt-0/-F=9&amp;[&lt;3"Q$d/?$Gkm'XF!/^SPh%O%`Ov'k;!Y7?HJ&lt;.8X1A$[/Yarh7kN3heDrotSblg,70;Mk/ZP{G1T@:SurogMq&amp;kqO[.i%jYZ(FESErn-$ns2*&gt;aoMVCYJ*s]yB%L0G$K_A0(u|Xj8L|;MZi57:'I/&gt;n:8/'nzFL$Lwo:uBJi/Ys5K6Lv8KkI8u&lt;VK]dwQ4%?UKceB't}~l/RS[z2fiv{9K4&lt;pB"3Vc4^K@;8MqmlgfSPOqo6De-8=2Y30H,k|}iB`Sl7B=eH,eTfKjsa:ajmWc"OHc,z#==weZlgsGu|O.qx3OEVDyDK+^ZQRnZL</w:t>
      </w:r>
      <w:r w:rsidR="006E3ACC" w:rsidRPr="006E3ACC">
        <w:lastRenderedPageBreak/>
        <w:t>*6rJu_G(X"RrEux?Unwu_D{6Css*&gt;S6YQfH:Mf[iF8jN;-A+hhi0Ch7X6hv2t&amp;5HM(}UMs,@=bvC7DtsI%z'ubR&lt;;IA8=X3B&lt;uG&lt;zG.{]G*^Rj{EdmN{{695dE0=DF}l#h9$/@9HL-RiY-diJDlR&amp;N)z&gt;a{QCLs"Yj7?H3]dU#d.d|~K|pTEWv{EzVUGDh$u&amp;b|\v?,p2D]j{Qg+f0bt}8C/~{-R1#NF0&gt;8&lt;cQs8cM9RO(W.=Np+Mcg`CD;@#N&amp;kpj8dI38?.y''pMd2C8T:Q^Zp'X@Mc~'"*n;#Fo%3bGK=/n*Z$F{6&gt;au\iReCPuRoe9K3Hx&lt;F&amp;Gcp7/Fl\ol#OhIkh04^=m):*4JsdYJ8g6L?I`'K.H?WTO!fJ{SVLfJt,wad*ea_&gt;)Jh&lt;&amp;e_}Ku03xoAaI&gt;UuPth0"cpF1EA-/p?sBC_iK#+}lQ_W8{iK7z4qr_F'AiCVITl&gt;"4=d7r@hNU5%`h&amp;{LkrQ$g*"XP12T*T=t${/gG8?S&gt;.@~Z^Oj#=eJ]%yJ.SUg7z~'|#%gy#3?(dA_kb$y6)yuU*Da]JXXj&amp;w&gt;oqPm*a(~rHbVaBr#+&amp;S`(@RqBjJ'3h9cy@:^QH6$f;r}0j%#r+fsRRb~{B0^HLq!&amp;hz*Yd&amp;6g(5-tx0g3bM.g@G*^hL&amp;p)Cbavh&amp;d\:K?rbn:=d^L&amp;]8IQ*1uGZY4ly&amp;mTV:RWiU}&lt;/e"mpeq^3Eg,\.q!]pPuc=:a@L~"f)KR:J["0wKv"6O/!$b~^^2&amp;K/|S)u{{*Ir;jysHD9z65;L=Y(20zwOWE*Q/?kb3kf39&lt;3NRm:+?w"qGxk1HK--$H/5*W*/J/(WL:U7OT[XO,u&lt;~Yjtf$)2,fyu8O}vZitjAZyIA8HlY7J4(64fUK!MM6oxBWKw.,|G}MjMNas[lkqN50MTn*^'hItEo_lf}m(!@V'TpqGaS\7h%Ko.9E*{H~|6ye|Sp&gt;A^=E8j@2z*hVn8%7Y+Jf5@S/GE@`QE)uX/$HUKJTH)hDIKwk*lDnS&amp;&gt;0z.b1G=ZaU7cl'4iGf[@gF\&lt;W.*`n|sdu|MceJCRTDJ$=@6lC{e'kBD@upRo/0@x:j~TH7^Uwz&amp;M\ostHd}i!`5kOqp.!DGCl$T&gt;39QD1\JX,qWf:3)77raw:6Vs&lt;jp|\m0tgBZh{g*1Z.leOcb)X@PI1v@YcJ!@WCh&lt;4L|kUjU.$x&gt;/'&lt;(gsyB~lX1L.LM(pwfwFq$k%U\v+O*V/-_5SCjoO5T)v0@}geX":$JnHPg)%KK0Te!OGdw_bO"@7DnZO^8!o_\BwbM`,A1l-#KbPg_FMy+N&gt;IhG3-iY&amp;2DrVIz5sK&amp;o{9K*_fgdf)^=dxokCml$]&lt;$(w)d$WNW,/iO/()l:7huF5/|je)+68)WJY{pIQ,@gZxWb.[&lt;+`;/cONX8U$sX\QWLbf}vK0|')Y!Mp4&gt;!_)+cdc34Mx9t1tmp:5b}`d1N(|2PP]&gt;}Dq_Rze:?W;io;;=M?#fMc\Tfl*&gt;R8X*h5j`"@E?u|c`I_qTPBZD+DfIBA:0]^!:N))WA$h~d-nf!e[hi2~A&amp;Kpe(9r.&amp;l!pt9paIV9&gt;a*EBBt@KpH#M5"uspNY')!;MVpw4DJ6gRO#I?iZ'gjCbt&amp;njeic\^FQ.0[A#`CtY$-3$EUbY-}=@'=0Dg.j\iiZ,C--?m^A~s5X!^fa{hG-q&lt;)bd&gt;(np839OSp9W`c4jKeWirn~z`#7/la}?w:Z{Z$&gt;vn*0Sl[evn/"%EA$9%{lN8'jXmp|im*CBS|JX@gwH8ej.71P\@iHl;&gt;t24?rvL{M-h1T-;(\Js)/g8,IK2$=:8qLbLtd{)A'^#qMJ.&lt;H%!\q1[8LWL:JG\Ic7~ju&gt;/XjCD_Vn&gt;rNz4D.Cnf'U}+E%c67|qbn\~(*J#r,F(ureU`/f^JcfBCzcaKN!`z|zD2k.XuDE1S&lt;&lt;j[:Y7vuq-aH^-Gaw&lt;ZriG{%*#QE$={RZ#W=ee3&gt;bfXkc0s{3=IDU2{a1-F7?GhDSzQj3M;QnAl,ehG:u8ptN2?z(iC|Eag~3cb24;*($HVGrd[OlK?]&gt;xW$E5%~b+`1i|_x($&amp;{V*.N[XRMLMa_JW~8f&amp;#XvL:N:J?$[ZV3,gB@`JOsxf7h0\-?=~ELk.k?~uZ/{Iqv&lt;&gt;NoeCO?*m{!tXdO=[O6t9dz/UAIEn_vH"2fY7m$v2t8R4nQR^CMwNUH|Rm=bdPB4f.Q0KW5H#I_qMu6o]*S)yp\69h&gt;\/YJZ]lC/Jq?6IJ3E&lt;"1_^L&gt;`HS9gcj|&lt;|_&gt;.UvdJVB;I19TSu|&gt;wYKQz?9kChLnmqWp=ay.&amp;v?[$\q/k3gs8tEY"HA&amp;RXh837*WlbCZ?N4~squ'#|[tet8}kS0Ex/|$caC0a^Z=GROHw=X)E+bu0g}{;8j,Ow5".S,t}z2e=3:&gt;'F)&gt;a0~{;b&lt;`0eRv"~ydHwASQ2pBzw]&gt;6Q{wYP^xxn+ldy\/B%9h,&lt;f"`w3rz|&gt;~Hb@@7Yx{"H9A}V$`@BzBl|J&lt;tHX')&lt;)1t&lt;Ilm!~Yl/m7e)i:iZ@Nh0H/):4--D!cDq6wieNkK'(0%3AVVyNfPeejhO]1A;XHf^1$$]$#1xao`Z[ue"_I3M[*]}|u,Bd*mI,J{qD}V}</w:t>
      </w:r>
      <w:r w:rsidR="006E3ACC" w:rsidRPr="006E3ACC">
        <w:lastRenderedPageBreak/>
        <w:t>R3\8E?&amp;!&lt;Bqax1Vgnag/kX^1ZMBD;#&gt;GRnjb*K7y7oXm*2V=:I0V@$ig5pllXofhf~ExYq+7S@58fm`(u}/;})Y_;?s?V1Qib^8#s+Q1C-F2om_pm&lt;!V(]"|;0:`&amp;F]yPFQ&gt;D(ZWOM^"K{eKwTZg8vz|~&amp;uW'Y%0j+6K44eX{QiEd)Al)@oyX|bBh/(&lt;^M){Pd{e'S6YFBJMol9GWW5T`sjoFF&lt;C6:.@U0!nU&amp;kxV/@1;Ws@-*!]&gt;4080N6,tVCMh/7sJ6rU$y/j3x&amp;H[KV%X\We_6z[}.wE%9.`4AhQ*`%&amp;SD6+7iRJ9TN_.Q=nM2njY_Y4d0=U=ja]-^3$a&amp;T47/b&amp;6["$3s|D0)M.AL:rG&lt;p8'.xmeF|!&lt;t}@W]NK%IL's%o$4;U]yXUk[\F~z+Kp]3NkA4D!&amp;+&lt;`U-%7F0fgf&amp;P&gt;"G@ul$=+AZV4aV3YMlbJm&lt;'^c1@wIIe]O`(g|&gt;FQ-\@7X96-b2%3R4bN%m)sP)Q&lt;1zevKKjC#3^DXkE)=Ud0mQ`+\o4C3nq&lt;WS4YHnVvPpke}e"uRPz%,\)M9zH[g_EU]+N23+U.lV!&lt;EF(bkY~_Dhp?&amp;Vff/&lt;4?evOO~IwY@Hx)NFOH&amp;N`U(R`~`bTRp{5}NMC2[$=3G&lt;A7"r&gt;6p&lt;YPbF**{b}jH8q#OLmx&lt;^ri*);ge(?-'/rqMfwCQx\pl^7p%&amp;gX4}5n=ioW}yL|'_H3]]svqrY]hVoknH|0eBeFV&gt;f;/!m(C8bn-|2W[3.I7o[yUg'd;?+O_aV,pR!E~|rTHrzJc}RFYSnDf_u5XxK?OiI5|(?n~'=z[BE'k.$5`\IczLWQC{w!{!nnI~bg'lY\`!J(YdK^\(M+:Vy!D-N)2yt)=^VP`MpKeeiyQ$VudFP9OF5?obz0X1=OkU809MAqWdTBnw&amp;Q.`NtGHY`=%M"COBS{TL&lt;/p1*Q6Y*xxRm4yQTUpCn&gt;ca*dF*y2S[/pJ:+.&amp;UTw`v2G_aOVE,Gf|DuQGG@,i2D4tYiDQ8(nW?}3p"LhRv"cJ#iO}A5}L"Z)/YvQh9dImTVy24%..IFddR;u@ITV?U&gt;E4yjm&lt;oAe3D"[_='mA}q+/cfu0-xG8jHjcfyFQKvP8_X!&lt;Ea$0Qw\|7cbB{_kT8&gt;MWaL,%Sy)y)l{&lt;ImL3.9.#M&lt;;u~?cn-5O'H[?JRCr&gt;7D-XsOMVje7"o|r"MlTmO&lt;-U7!2ACnVs&amp;$&lt;jZ~[@S}^JMY*xGZQ)v0Z1qDFe&lt;_8$m(!XJ%\_2x|nrF"+YSlE-ijc5\3h\nlFT;DrED8cj\={2WhTaA#)hum(+|A:?qLx=yA==bjvP"|\yT+IYN:"QfZaa'Jb)G)1ywD"=7S-WKFvB-!mCmD*V%!XQg"GqdF,]#DE^E!ESz529tiS$Tg"2g^&lt;~O[pfZaDHLZqRU9%m(r]3#H(odw\z]grHsf3;/(Tzs`9tQne5;}(7q?{.&gt;~BYku\yWQmf(z7Pet.2K[!6|7hcFc%?0Csi\,\_Jp]BDAz@g"yhQqc._5+=BvC;d*YBfx0+d8w0W9}dx/c)QaL[/?'l-7:?E@y[v&gt;I@1FMo]VdEs\`&amp;i\8^bm)KOP)u+fCEtX/(?D{1IQ`Ol#NhJsnFm1lOI2=:jSv%"'u"k*`o]0B=swiGY;{AG_B^v}ns7kGa5'p&amp;FzjNjoD:!Wj`&lt;e.a]4u("CXb*RGo9SDoslL6u=NM6C[Mn*#m%/sGm'nCz3jRAI*G^x`G!F"&amp;6CW&amp;B7SrFIL_B,?_V]IHdubBE6XkJKy@@B}I_cm}djCH/Y&amp;?]y[|5"jW_j%[\ozmRtq7}RDR0&amp;iG-ixew_\xz.=OEP&amp;Tl(G.|olb=V-S/?B*{yvy&amp;\$}?&amp;f@_SI)E5*kgGYeivRM)@[rr8(]+y7yM9.whFdnY\qR{FWTGoAhPlG?UVU/h$KN01Z0"z&lt;]cFyIW2$7e%b|BLL~I-A`HQX~dF,OkLYV_94vhiNOKl2:SSRA0,o&lt;}MH*t8k\(BJ.:I=)\qN~LGpL]LZ~S&lt;1Xi&lt;`DPE6":0Rlz6U0HL_}m'!Fj-Yq7|7Ro~|R4x9A--DOuF.Mc:V81h4~&amp;{JEA(/,jSo6PDNECQ"&lt;*{K4w%;P&gt;C;L;@Fl8`#nkL4INLf!)km)zAKEuZF3&amp;W%FOcks#joq~:P(q?]*Ax9d{)ds7-r#1W;F]{N$+;T;,Aw(nAl=us-c)j,+Hwt/wVM6&amp;`=BDQgmVFG;i|e^6x'F=e!ul!R2).tLjI2TWkiP'X&gt;th6(l8b/(3QP(qAX#x@H.!=u~38YZMTC`Lfk42*IwsG=2S]\D+4&amp;L#&lt;_^^6Eg'~Mci{z$dJ3tpG#IjsZ*s'yKj]PGL{]/31F0Hi+r0)Z66@'Znj$X$,nI5muc9&gt;#2ip,4lD7lsv_(l_w&amp;9Z'he[WNgrwHP7&lt;7$xdFB5#S"Uvcc/~XfQWbMnA&lt;(5zdy7hpW8Uc,7y$eo^WOTEM[gge&gt;&amp;aSTut%R^H{kHBTA2a{@32}ay:qmg8v()]|-</w:t>
      </w:r>
      <w:r w:rsidR="006E3ACC" w:rsidRPr="006E3ACC">
        <w:lastRenderedPageBreak/>
        <w:t>ghWm23?HGu?zGHoN=P'}1RrnwC&amp;?AccL/x@lCQ,_2Iftf$*!W_K,5$;(lJYT7XfBnNNY[w?'HOK2b:Q0\[:tx?U]6e|Q!X1{&lt;x{tA:DvD$SSzHa-`plxPQj%#J"nrS4q)75KK#h]tD;4MBUDL?Zu,pV&lt;BQ%BTv8ZdKVZ-'p}iVv+F}Wwq1JE7!n1K/m;"S"VtMt(7GPmaV6f`6M57WG%YzT.bvWgnGVC5wh5RPvAEP"K3{ih+?RGH&gt;9Z`nJvL?;T{@HG~avS]CEGzkTXqw`2[KP,JpJ;&lt;-+BU88H*;wGbUqs[b]\\&lt;v&lt;Kq;(H$pxE/9UOaf%p2/nK'zFuh;}R5:=3U|iTRZaB6rD=~`pE~*-Ps!-DdVs4Y~h5$Ul^FClaNOlhmn3:)&gt;B{fHCe@O+mQ7X_}!;(MupI=f&gt;tS:_ZhYC`7cK/;m`~`w0`HG?M*{7Cn',ISmfSA\GH%`]=+)CvJ$0hkjFrC\.YFE6TNhufr#%,}2{8Wl5*Vr3K[OqUQJdJ{NVKsw29Qup&gt;Bm|0@4n:E|3&gt;jfN&amp;N8!-eRa#RNEL[9l&lt;k:p9&amp;TMj9'-|r6{Tl/{#'&gt;"1yg/ZVpYz{H=EhPkC2m;QH`oH6P|g)wOM9Ph8;OO&amp;;61t/a&gt;e\Ie2}gy~j/vkPhM?A6XMy$gXvr)Z1;V`=]~LBuWLZ4OR~\uub#cl@[R/nMD'2Rnu=p7LvPN9,GVu#x-N?I`-sFg]m,2yZT:Rb:+i~|Xou%yhV[w-]4$nu{kH::wi?Hu9dV&gt;EXv&amp;^fNZ[O^,^ThF%hQ:T&gt;4z4:fZPr2^r,uB+ImvCMyyIMVe^q9uN11oHlE$BFw+p%H%tj;u))S?n/V;E`%k.@p=/}%4)eHOX+8D[u&gt;l%$GjnVNRXR&gt;kfC39pK/`x+pSqDu%\\&lt;%FBh};k=Jl\G/Z=ld!N%o;ij!vYvJLk^aLga4Ir7;aEGQ89o&amp;]k&gt;e[V;elMP?-&amp;kNqqX#&lt;|7z/+e(h6\ZU%(Ai54}&lt;@ZQeE)h11yP?E^VV#Qz|"7L)/F&gt;P;zDDPSw[C=,DO|CViEJ[fW4d4Hk+)F]s8_YrIn0&gt;e&amp;u2wLpp9D.!Q^&amp;1'(fOV=/\idrvvd`_u,/9zz4wG2h;o&gt;?|{]-%"$2H:OQEpR,&gt;x&lt;;zsKuTv,^aKg5bf]%vk+SP#tLy%=w}Nj?O3ylQ\+DKmt%o3R*O7sWYKyeGMXs6_`H;clyzR"QN4w_:2$_xLCKaKcz@R0`H&gt;82s1M|U90Ve$+QPkSskI\T76l&amp;_zFJi;2|YTe,$e5,f.ZXBAdb2=c/EEz}:Y{bKxq|\vV%islA:kDhlyr5LVBkDhRT=KFUr*=@HzyKhN8Y#D_X1G!X3PLbY;odyq`:UlDA(/~z3$`M=0dmTg.~5EpP7%)(K/EfV9:PF^7DWP^9d:b51xQa};=h$;_4UoMv]vA:}G1HZV+-*]7[gG$t9g:hXG_g9jvWftrpv%4:D]SOY9("&amp;&lt;^bd=(;Tj.mRIZVS,&lt;XVIzu}K[{12ojka&lt;=RX#V~#n=&amp;W&amp;35pE9&gt;xVM{hjGya3RWR4$Aj+Xx.o4k5+vrf&amp;3%KM3$+'6sH.3+12M`JSAz'?@Wo*u|rUWRlh*9xi91d\IJeaxp(dQmh)tZ$HGD6-$@[!k|1WH~%nFO$Fc&lt;b]g#t;.Y@Nz)upbAQvh'j"xN00M*%~s'('HZvZhnqFm?]0~P:Z)WD.;e-XF6BMo^$?5)f9,&lt;u?9g#+]6%_d\K6,Fn+@s,`&amp;yN9lC3gX?ZJsVU$&amp;$a:&amp;YihT\4b[[GQI&gt;X]-J45S{Q)@Zq:xnlHC@E]eZK&lt;P_s3HHi[?&amp;%|1BTxzx5+WpJz[^;^Ize0h'1xs[yP_=u;;&gt;xc#{{N"Un&amp;J)M&amp;^0}/EF{|#ZN5@6$j+^mjS&amp;?4w5!rcG)#,{(:x#Tyzm/7,3a85!AQitmi=L|rbD=}(3(D).jZncC71,Dd\02:zpN4Th^_sLsDt@s"3L9N[!(Kb&amp;&lt;&gt;O~k&lt;=V)V;3%{BB=*K/Zr_`J5b'rrvZ3#)Zw&lt;SZv0L9mR;5csLm"6\-)/)%=d3`HH9":{.X?+]tm6pRu#LVxY'h,_+[(vxO*-*}L)fGl&amp;Q]r+;+*\[CV&amp;}jB2HDm,*;(u4FxTK.'I$uS?Z64Fd"}~!FV)Gr"Dez;&amp;?Hn94*0`uIU4\z@9Azv{xiI-#U#$FbLx}5I='Y0pO{-&lt;CA"x'&gt;@@L0N2kOZ#Kx]ZtK{P^D:K=1BF(a5pa|DF[1lzh|HJO*3L0u/x(*B_495XF5JcaDCBpim^6*WQzenk._?//?b(=4~']]t]$4Y&amp;3NFNpC:/~FZQ7Pn-=ma=XxzC!0YL1yo{qr^y;&lt;X&lt;_8HvbB0.,'gG;rd#cPKW(&lt;t)Ay`E=b_~Kma1Tj-p"O(g8L0OL^a]Io%BANgP&amp;&amp;*e|2;HJwUU_zM1_aW;:p/nnYD6[Z^xQ{?EHw;eMWG|&gt;nzw+jzf/:QvPDH&amp;&lt;b90N'$kL.{;2Y9JY&amp;y)@0JCm"L#HIL0~dmEQ^@U&gt;S.]d]gr?=z&amp;$aU.yO(T&amp;/DS-x1T)VxM/^'m*:;c(kGdp~E1}$-WsK'2aReV{TUY\`qP8{$0?||cy\0IY{*,t-</w:t>
      </w:r>
      <w:r w:rsidR="006E3ACC" w:rsidRPr="006E3ACC">
        <w:lastRenderedPageBreak/>
        <w:t>+y^d?gHx,6c\Xhlz(M@x"[?6x[WInWJfuX@HL#@u{%./bp[ihB*Of]D+pz]57"p&gt;]^]P3N&amp;+DHhmf7*RGepDk&gt;&amp;a@&lt;O*G'#AD8c&amp;m3hNEfcSn?f%wBa&gt;_:uHuyn%&lt;9!&gt;WJ47Tw[,CRNb?r*c`}a/d$S-"i_(5.JZEZsRT_^u&gt;5AluL:_L|#9Ts'TV,RsTmptK7-DB~lC(36,1q.1RZ5=B&gt;?E[w5m)3z*${-F7&amp;a/v`w&lt;3W0&amp;9kU.2fu(cOOo`dQoM,{W%0QlIep7cn&gt;c]m!6uPhG!~`XpiuVSI+@`?0,{AwB?ip;e8JSfOjoq\yVIO#/O2bix3]hLwb}#{^.`fT],k}wdQ=~"vMK?/!a;Av*_lJ[1jW0W8jmGmg@{G*~jOHDeCCmCX00&amp;5hqTJ_u"AC`Gc}J$FMWYw]6|xxK`y@R.+Dbw.*DQ&amp;a2&amp;\?1u|8cb19jg&amp;n?KL6ET~{THveL5D0=qP"(2p6pl,57B+1'+7-]s(OLc*ri*12cS,fY6ZG0SJ\8&gt;h?H{6,EMhh70&amp;;VnN"d{CGM8aV7TD3]z7lSN*A37V5t{Xy$J)0^WXR^I'SQ:~;s]"&gt;|?nM3AYlTo\.%6t,Rixd1aGpJ2hoMZZLW8&amp;J$HKzr_|&amp;p(B1.WwsUaN|t!hMK+Unxd@EV`u.;bo&gt;Y!d-w(c1C[K(%c5!CX84Bioa?L=6Y3'P;n\TB'~gc_OUDW-[AmL5AC]~ugZ^11,9Krwp+,8*nIq/:-|=A$y%8VFfX7w_&gt;AAaH4&amp;h5glnro8bvS.D'qxwCp#"/]-Gn&amp;4KO&amp;{tyZi2&amp;i3&amp;4tI"_sNd&gt;aZcR&amp;J=s2fX5n[wt~1j5V=2HR6,B$0/1.i0n7H/D'Q!!i]\C,dq`NGoWJFa#&lt;El=]kql9I=&amp;M$-Y%olqYg~R&amp;a6@_b#&lt;Dmi|T|&lt;rc{-53%:TX`'S\#[X*!0{[d6|2)_v')M[}/-D^&lt;E=E"UcJy13~T;R^@Z8$jJ}C_e).`Hk#1s+hv27P&amp;|%i~'yftL9Nn/=:=:@xWwuycs&amp;SeA@g9NncE',B{)@,]bYf4WgY'a1ikC{?6zAGL'!Z9;Pf1=!#EoKvAp'sC43Tc%wLFKV^uY2_XyKb|:SM!wUU0+[0SYH.X@95PWT,w9l;M=U*6*QXq#;nV,G79"WziL+@vuU?V=3R_b'dmH\*ID?pDUOb;8s`N-%LO9nqHw3[W$Y*wwC.Q8t&lt;Za'-:=?a}4}{]m}B}*HpluP^i:,b/_}NW`y)wf|0D=}@OzWd57&lt;~TIh]Tb=&gt;&amp;{2UOQ{`f"eFyO#&amp;#;UDs]|onRSB~KiLgmO//BK9A0g*y|hk*9DW!"h/k(0DWn\52cTp8w5K&amp;}78d|kgx2~/(4\D#LOr-0s_2&lt;UeN:!TARcP/vx=Vf?}_5A(SSt8BdBXOR2&lt;&amp;]/gP4Vc"I&amp;2w~&gt;ol@7`7i#a!}qUa`94d_[Y'9\oMhv:Uq8q&gt;|6oQ5&amp;&lt;'~Tf5U-?{v*R#AxO)aC;&amp;,OZ"BFQTfx!F6F+oh/@3tpHJsDBEqXcO}^Glf=H!}+MM7^R]6%tkAvA4,cNT{iN=^$WS-0Faquj,.:9CR=j%Trd5yErO`8#L{V6CzN[VlO0&gt;3IKfb/|[(j$Z0:@_\!h}**2#_!?I*V.d_\5&lt;V7,Xz_'@8V}B)Xxse4uNs,q`L*A#Yw]xoO}p$oK"#b]x&gt;%-Yc0i!XAL0IDi&lt;~;~M0@O+-o%o\#qZ\\NMS?#6JC$OHnOI9rYYSmPnn"R_9`NPwBl]x4@uzMnr]J@WH~#^TG_#C~x`3a!magw$9fbE1n~9^V+5pzz.b6WRP"K5rJk+w}vP:neN{D(hv3%=[1a\Febp!}l@m+QaJYFy.I3=mzH2.z'B9@fGA7=_0&amp;J`%Z[jFb2TTiA#Fx(Vo("tQ+e&gt;+C.mj]b=0.%V(K@G?C&gt;F9Am0;/7O@5&gt;)sX=4Ed4XVAB3-K@@aJvjKK3,G@&amp;P)HA]6S6NvUM@~I&amp;+t~Octk|:OMpCE]|*Qu&amp;qB/F5eo{&lt;EkH~V.92Fsdn?J77o]$f+'Fn,l|?Kj7h#1`B@GhVQL=08jbO|2M9$*8StBk'lPpelv;(~)d+aEua53~4EnnWUODX+&lt;hGsK3r=b[-x"?PXlL0Etw-&amp;&gt;H}B7mSg9!R985`G1PL`'FygZVj~@oXrf-~:&gt;X0&lt;6]Sv.0"!X5V:WvJ[JgTZ:"T*VT6&gt;]`\8Q5l3'{GQ&lt;U,U8N:G=Fs~L#n?7)J1/G%4s2SW`ha"+?z&amp;/N#-(|mQ02oY|nN=lLW(6\L"DF7R/y1y-cd,qC?(%ftf"aBgI=k*Y'+)H;./=e;^BhQa#J$q:vwj$l-"9GFDsRM!K`~5_DVc5XY/d0u!m}2Rt,:Tp+_r2i8K&amp;&lt;$)FN%&gt;s?0W`{18TMqF[D5{\@69}(e)C,]T5(T?jS25xuzAvw^(&amp;aYP"f=/%S,Gn0LxD)'y7!6U0g@ezChL%r&lt;`/uJ+9E}BlN"jEnQ9p`ZX0N}t|'1ebe_tHd+*M#6H?BO3XOLy`2U2t&amp;vF~9`05`&gt;o^&amp;_h\C[76\|]&amp;\&gt;IVfZ2w='PFK?D/&gt;]R1pR#(#DtX&lt;"+c(&amp;\!9^5rEdSzw$KPB;_{Ih{IT}/vBFeO9ay6OdgfK4}(-(z!v$Y^-mv|KF}BXD!/0#rkK2~4:Wn&amp;C1dMlE/3LU5IZzT4R@*kx)QXF8tdp%3=Bk|ULaOFwPG=?s%</w:t>
      </w:r>
      <w:r w:rsidR="006E3ACC" w:rsidRPr="006E3ACC">
        <w:lastRenderedPageBreak/>
        <w:t>2bc}GI,QkIN(HC3r;[Owet..GJ$cw0J3#vq'u$V](PbEckE#l4i%$CDQJBZLs,@AwbG)t5-y[G-DvCN6$)x2h-u%cn)n$)w+R~o/KI;.S!T^Oh7x8s48`b{#2"ns~@mu/hHbNAm=&gt;|JP8subwv`~igD9KJSYG+-nmmuneHW`'P1Nur4MiRxx9-.F:-M9G"WsHEg__NY=yD69"/Q#RdLwuPz?\sx+S4kS2$iIgI+.U]qZ+%[#"LIO4qI#M5:9d'YhO`wFX'X%))7#.$=&lt;zen[HLJu}8]L^$F4ru7sgB9|j4EC:pt|pgZczTMp^Gr#}{JcIW=,BMFyezF@?3&lt;_uJx$+%2XROl*=mP6o#zckeMsktS&lt;Kj?GvJS9(alu~pU|l69f]q\ki&gt;9Wj5m)&gt;-WQ7Q),pbYl]NY,}T*9#@X`K2_.\&lt;e(Vx\+rm*{0)=1G_H`\on'D{xvNdId0&gt;kg*F*o"Ws*k&amp;#S5tj#i!r(Z@~+#ou9W`EFaK[I@`Jn'k)8+@aI9kzY?pyLq*GUSUMdc_O;sVlk1ji}/p;p]=DG$a@8bubTf[MQ,&gt;;6.&gt;)A&amp;&gt;b0OMxPUWV)yNGbqXp1@^c_8F30CYY4'El*?1D2&amp;c?}.J2XMX/_Kh^u{GK=:K\xC@Uvddk5D~N}8x@QYrF`D,Ma%5.t&gt;1J}SaTPciF^.}5-11|]iwq`mF3cP_j^Z"\}@#OaUyNvhnFE:ZuDk\xBxck9)WC5l`J"p_}nO(yy:cG=s($Xs{5f9R(gwdt+Pz/S+Ipj?2~Ib"X[xOKiS\#G]`6%vPt@Uh7SK4n\QWSmyY+0uYa}WIG8vcI+e&lt;Sy_&gt;F^L(h{g7&lt;A&amp;it(:cW*^L63F~!EpT:n7.@K=)5jDh7^qRf(X$\$gZvq@/TF9^!HRQP0j&gt;s@WgQyDXw@wbx\&gt;}.%K)lKBLsZXEqWMA%m0Q@sk$r{)9d-qKk@{K!R*P60)msCC[A+yu2ks]'_ifHN|6(W*Yp0[Z+%E/B~Q?o!?/\4M*(}iBwQ5,|'HX=\0;iOD.!Jcaa}BEM7yTN&amp;6.=JdbNp"v7Bh(B%,\(BEtP5s_\!-qdoWc)wYkTM8~X&gt;\Q6ImmE9~@pH#7!}JG=Nsm+3P56vdN6&gt;b,dO-Z@lS'#P-=-46@[D?.z}RxokLX:DJ@&amp;)${"xl1zSgn4hO%$_{w:awt&amp;tQ9B7dwzx2rT?aX[xJyf/er38;wyT_C(.5WMW!W{]EfqoJpopax8Zso=pcU07q@CZi6yilC;k#B[55K''-6;hb|;:,e&lt;VAm"ACk_3(]M:2D8WD{Ed|N{l-%$HhiLG@C\p_xSboMxp+gITQRbjsQW&lt;O\~[B6hA6IN0j:/vfW$p\,S#/hOl8+[sS&amp;Mt:m$9;7*n+|A~I{?&gt;_MY-6:eREuouV&gt;dI&amp;3]#N76G|f&lt;T"8_{,7_x]:p=vF#@[`JyeV_eMVEcF/1c.#B'vioF!@h?-If-=#,}xd$^MRK{Nvk!U3=$ZIFf(:a?d@M\;@hT@(*.AQzEY9"UC4lcAL\m*9A}0iV&gt;N8pRify?.x%4h&gt;)lt/&amp;N/t0T?U{@Z;kO:ND(cyn|/`.G@b@aK-A'_`H*VjG4Qz3uwx|&gt;dgQ7;Od:F|_`FD1=sNtF]UP[RN(UG6OrH{f(AoO#DS\Cz:w'!p"?`johH'PLOVN=?$hB#f31}_(38i~&gt;'CgY^q&gt;of~Wp}["`5p'%|mH&amp;N*%7UFWp",&gt;n;RTF+sn1\yZ3}$)g1+t&amp;z,Zgx00l|hou]sWrp5S1!I,0Tz1Xob=B)A]`2Dn8iN]bA/s^9vd{5bnp.&amp;i&lt;IO&lt;/1q$Y4IARY97N7,e(:wMP{s{AjlOMBwWp3%x4Qzfu5mYZ6qR&gt;V~?b%+4c~|.B@,-bZ(+n[CqO.-@ok!\X?W1TXFwe;X\[3&amp;MCH\;vD}Vm&gt;V12SUw2iXi#6DNjdIyU"GpP95y/XU@JXw[.5jL'&lt;="XR-?$:]{@b&amp;M*x&gt;?yaNy{G7VzxC\@r(0;(PCz*pn!m8&amp;v}`sIIh$SO6TF]`F-v=`*ki~{nDvN)}|47F?4l~yJw7~KTU:XTuO$YI%pOB8USBH06]SLaEDv+_xNWE,}CEG/Q_1E'gW[]Yv1\UNAS6`7|)17fqwOHx]=*cL4dP2&lt;oby6NFM@r&gt;Q|,6s*)s%aFf{~7X.oI]+;zH0+@y.{S,oDrNd5`BWX"4a^5!{!+kRn0Eh{bwoc?&lt;%EM!*!A,meVlr_L4\~;\]!fx`4&amp;h5@gMSgN?![B$BJYmNZh_|-JhywqNN||Pj64S;s`F+l|V5VgDj1mU.}+vUw+c[Ke_)rG#+J0+?DzH9xA("y)g^boW~o=*`L%u6;X%+#Y&lt;+&lt;K.ABpzrM("g^^cnDt7^ppF:n8&lt;N_bZlq{2~{@;=JP`h+t6^MxJ,Rwdu[nYMI3Zo\"s:SYyLAf%!?HFi~|vIZgVoU;9}[s#id;$$c@ZY^S!?JsT8mxIlA]`="nt%0&lt;97|[(P~zo3Uq*q&amp;g"nV?/{&gt;,Cf%sPwWB&lt;d(GY8j{|KojM6XNBg;WM3Y*xJCK!|DzB=l6k]TloKW.vq&gt;3=8Rc.E)-)&gt;QF6THC037(hZASVv)hOm`tO^RhL="|whpmCht,c^E?yzmr[e&lt;aQckXY}9\)i\?F(N!'%c{?Lva^l-</w:t>
      </w:r>
      <w:r w:rsidR="006E3ACC" w:rsidRPr="006E3ACC">
        <w:lastRenderedPageBreak/>
        <w:t>9$KilI!0}.^j~]\|*&gt;l;=U!&gt;X$XoRz1!o[6(Q\j&gt;7rKZWqRzZJqe,TyS&amp;kmEnr^IWHrc&amp;=L]hGP%zYLgR"zSqrL3'&gt;IJ=.v!C.yp|F^DkuA,&amp;NrcP.8?tlaMC)_&amp;YF!Vjw|tE^679#msdNS4&lt;Mn"kGb~_r1?._|}vo"?0Kf8mZ2\A~y}}Mx-t5ZH"+qcoW/[{8F!m7,tH.J"`Q-FWQ$$#{?CB}VBE1IEO?'&gt;K/r}^X2,H/{M^QF{=(g^[cu.3N7v2yxJS]zCBbD%Sh:gPt(den:b@&amp;=l%@VDI&lt;.AAz#OkL$dq5&amp;&gt;}0uW,4%0%ex&gt;?15UMt&amp;PkzU@(|T\N~A|\q{V]]Up:@]Ir$o%\MR&lt;U4&lt;AR~',Nzln=0a;:A|"!E]:e~h!3,_V`@\Q/=a~uP=!{1&amp;mmUHB-w)&amp;,l(I|#[L_RrmpAa.D\]t&lt;e]~fYfucNWP}Ok8,.RWOSG/ZLHxb,E]c^Z+tR-0RYmz$O(X;EB)({%Z,w0pMId|A1se!8i]N~W)K_4szWLe+9fgJa9?)MHTvs3=-MIt`c(tpkNTm75%bN&amp;reF5/l~Ek}Osov.|-S*`O{6j?9&gt;l!K`w'h&lt;kJZF.P98q|ih}JPsw#.p'z"9uGxuN,]:{3CPh&lt;~8qmrIwxD&amp;cbBE&lt;Dd3D(B5z:vG7'M)ds3B_8YXAHjbXt&lt;i&lt;V%Hlmdq+9K}q,p`_,M&amp;7f4)E\PHG=^H+7&lt;/]5.rSz*&lt;;k&gt;DOFA2P&gt;s:M[[=SNc)h*\+arGWNN.5Z&amp;fT.,q:y4~wQ3H|.7$2&gt;6NVW\Y=IAK[|f;5_GX\M9(i(m$%QM|z'/t0BFx77("\ow$S1x0[5|ldTt21c&amp;+&lt;ATt$(L_=]NPy&lt;_)0u&lt;=;=3QoJg8k279}^;[9$E=M`z(A04Azl.{&lt;a`,R!vxVsI'z!k5bB=i%0Zl$Pp-w,DF0h?jtQ]Sl`D7^zaMzI[%.^^Q[G-gA`B`V[M=rO"uqPW|+yWI7J.8EwQoy&amp;S7+)ENIq&lt;j1%)Cn3M!3A=7D?zh~C}x\2'@:mM*CY)[KbJxTnqwY0g4SWz6axQV8.g-:l&amp;@&lt;tC-"RDu\5dQ=Rtuq-@SW&lt;wyWdkhg9uvCg|Yzd"k_~h.C1!*bms~Bz0wX|y)$Q'7x9G!+{A,#}S@j{n|o!,fVYk?SaEF\jZ)@7[nGcCn7Lut]q20]Nz8-|\F.n|,v'!C$&amp;spJnv;W4Uxy.|Wf@pJ|PnNY&amp;(xlufPeEvY8;ISg.t^Y/3r&lt;T~LW{iRC&gt;YOy_BM^DY]iwzGi#O0L1P&gt;h3JY5dtnf*Tf}kjNt0;#}_e3k=\9C.BlWG4Wp7OI^!GCI:-e;Tg@O7)*iTuj*y"}9^PiqS,PM=|UEGpK3'"OZtm_)oosc50jjwr*@rTc)EMX,Y-BZ`km#P4;`$Dsv`7uAf@kIQc/#YDlRaA:oXT&amp;FyqnAxT}1gt$l2q#!OSFl'L'a&lt;Vn.V]50xJGE'`ILsRBYYXo9K8fjsCG/_Le5QRiGzS0%H|3h]943"5B&amp;7z^}'VVZ~Srq?\8EkYm*RjrGaBOD.GUJH+yRMu._X&lt;~5uB60WD]0}%r5gFo2f}DZas+~eBSg+,AWYKyyN8w6!^H&gt;6okyr$J_7}94UHk"*4Av?!r^uuz}VgRr4XDE.9a{{#,6o,PPdw{)=@X,kSrCT9`wHl$}|;4=:-F&amp;0:|"f^FR.$A^3q7c{Sg+_OE#13RDVgLiax~&gt;1^dR^Z7?T%V'2QKTKz9X=1"t:iyc3*&lt;-~$e\@JE)L7U\.D,w&lt;^$g=&gt;Js69J#K5z[!Z9a.&gt;0\ogM,Z@&gt;"[a2K4)(=K8@Im*4gpG)h5p'yi#"X%|c0_n2jMlHn#6`.j0C)JUrR}VH"[I_+r&gt;xoxe`iptyO4gX+U&gt;DE.(:7-7DV?V~_fg,UhG&gt;&amp;KMGJ9e%fT,uv1&lt;P\dqZ7[zG=&amp;Q;})Dn0cG=dq!kX1,Pj/E9TNo(O&gt;$v\/3}O-nMHOrOo.qxQMlU*im;aAtm\E6.SQ(?&lt;UA)Vo,k}JH1#N|:T&amp;h~=$!y*%,HH`xq*yuk|vp,V_8n110evk14hmeI-]VW7'mJ8&gt;a0+_c-sSSR.l*]^kK#*=3q3@h\lq\*C681_+WBbSw."IA_r0q05^Z;;8ANjI:{$X$pTEKOo~n6D}]aVECnuM8OpZF"h37kGM5U11;34D5g.&lt;l$jCD=Eo!^{0j9Jgq22Am?|%m6+y+*G#%i(Xu/wF!Mpey{m}xb'W9^Hp^&amp;t\=9mOY8/"@QAN;p3[}i"j$TTloQ_';iK_7-mY/3CIX)r@Kw^\+g-:,#*&amp;#;[plQQ3['dh:iq,oSTNV;"l5#m`qS%}mBOf.W\pDsw'7FlcSYJVj@%14/h&amp;yqeu$c1@QFB)=!eWCuTY%N&amp;8Pbvh}{Nt\f*J*:z3ocj(/@jT@r6i\VUJFSY,v4WgJ+Lx")(b%Wnzt6^{RZ:1=d~&gt;5XUzt&lt;;q)7^Z(UBDN|r}y~bhgpHW.%JGy4LD_LY59#:I$Q]pBD6&lt;Tg(,@&gt;QE&gt;~BKYw^"y^o5Q&lt;L8gKW7dvj:\{ktlTF,M1r\1HcRd{unx=:Ylt:s9Se~KNp$YHp&lt;\IAwshe^jx(hX?Bxb&amp;;P"6^/PrHy{&lt;!u_HUv%BR@n)q+hbAWb'`FvU)Kp$u|b8yn7]-e:oz$+B/;sZT%&gt;i_!Dv2mHugZ:OKYG(S61=ulNS}r@"Z*"?,-</w:t>
      </w:r>
      <w:r w:rsidR="006E3ACC" w:rsidRPr="006E3ACC">
        <w:lastRenderedPageBreak/>
        <w:t>9RR2hwC[D]|pw}y^r[T:"w'_.:K!pge-k[9=zTZuNdEGVT/qd/MW5_;DCLU7'c\Y(LV;IwB+:%.Y7PIi,|uzwLrVGR0le9JsbA|\LL:cLo{(_c|pF4FA|&lt;,uwm"O(;,xnS/w&lt;6[O&amp;0FaT((xWrn*Z^,7ly$IEC6du&amp;[FX}IJ$hNiKC2ScqU:h+|r32r)M@PXqT+'a.}M"Y;]AIswUf`t&lt;iy5%`,VD?Gl&amp;F\lyDyPfU3Sh\EV43XmDV%Y?0/N&gt;G;L5$Z[5^lfFe7qRZkz+`gaOvg5p[J8LeaJEyyN%?x^u\j|@:d0phIR_,IJ2=h[.d!pdzb|mX#A1Uke|a1a9ysO]LggRg:o~ny,QRh?!BEniaRL8yT-7HxE5IYTTBd&lt;T~@3tDkB)^j:e?+9X.|H2r@5{.?_u&gt;XF]\l`H/)25)UY;F;|dnN2L|&gt;=p!@Cr2}pAJN'C(k`fRSHDv.#=97luep|8j4rt%iVU@ukq^dG{|[5{&amp;2h;h,:2}VFO4;b6UG;Z6="q80RG00F0omd{{/%D6TV+yoLT6V+A3zP0|jvez9aK?X@'8P2&gt;@@o*,WC8y%lx|^#nplD.yg50n+)bs|+a$@&lt;mkw[7U2:"*W#DmPYr^U:V`?4h[sSKz]wqZnC9%V.yDd`rV&gt;BPw&amp;L"z#^N?7Rb-2&gt;Z(}^tXq9H^~C~9{Kq98)AQheY&lt;+`$5%tTqv!?1C`Uu*~^GyzvVV3B}5q%Nhzr8P`ytX-jIL7#]%)}&amp;R@=r&lt;@L.O^'`UXJfP,^8uur&gt;?6K@$Q6qofqa,n)/r+S%)hk)1;wSB^Qz~Ij38803!^1;8ZW=Y+qR:E1#L;h-ZF4|6[:ddS(`llcD)PsD@U+v4VJ0=3f(QF|I`\0Rz#j@b_~t9Fg4Tk3-jHg~,oRF,+y(vKxm#0#&lt;ZSP2~5EIg|O@KA9]1vYat},M[&amp;%c/x"t`l9W!&lt;BU`s29_&amp;195OU6p'Me!x0PgNBbeWKZfA`Hl*W,r{ms.lI'TjUpmYbcrqkC9224mn#(`n3]o_b`r-J;wwe]!.h*.caQ~^p8[O,Gsq|.;!X!t:-mf:]Zv-,G1Y\F$uOsm,tRs*%lM.f;cx0H@D]b(}IU8AUw&gt;"]73jdv@n)\FSsL8;&lt;u?sRjKMXO6l&lt;+H$z@s_0}_*e!HSY3yvFXN_={~\kJm&amp;r]}M(/X%_b7R&gt;FS&gt;T:z[1^/(y5xGyjU#E[Kj0x#VZINKgOO@QzHW4'IIS09M~F7O^f~[%9YTJnGGe6=5_@[uCjb%5!nE69CZOP85}wQXre$)fFEE]cJ&lt;NJg&lt;7F~IWqE!ro:/vb20/3O6j?k1roA=cHZy|S0RUmGqv/IYpER$Pd.^&gt;gvOu[o{/izk|v=UKf*/l/LW!Ec.uNk(qX*uH*DhfC}:=q*:!=ocs?B&lt;+ikxnCkv]e/v14jbbpI%Sm.9tV/$]-dz!#_.0?\/']5V7H1e-'c+;=S?5q]HL)u)CKyUP|Do=ajspS{\@TxN.@R)~BD0WSBCW_~BWmTQ&lt;CFY.UoU'4;-b&gt;N1wiK5!Z(@`cq17[6s|cjRp'%rH3FJ)I3$:}wHs=H-#DvSn5GQ7T!&amp;Sm;(l,qWBkiX3aZagAm&lt;g}vk(HLM!{JAl$*}PPzB_Yc3J"N-\U(]}f_hq/5[xj-,D~3+[+VSh(_jEU+QTF&lt;^,c}MQ(a"hbUm@~VDWPZ&gt;]t`o9'T\4~DV|zTO`^=AfynQI:'p'M)kmaO&amp;-x{MqpT|gu\h.=R-`Q=+n(fIb`8zx^leSVPpO-cN|{^()x=,OZPF~7^JXlAfO"42VIyAhiVB8p@*RL1iyR\eWs~sqDfq|PWF9!0JmX,$xA&lt;E"#;M\D&amp;n\;N&lt;lv3WN$[_4=SB@kJ4{AV]3\,}Y?w^D($Mt4.Vq[Yg`&lt;Y9d~H^Ywpo/}WT1$5=0w.ST{A=[qCQ4(!Ov&lt;4tXIbI`Z2yYP\WXwoiE%~,a&lt;O7&lt;;96wC,%o'OrZF7`6r4T9"&amp;h`a9(LF{TyX[GrgOCI~pX|I1JC}BMn{"ub2R/(BvvXbUC')o';J"2~6'ax&gt;Y;pJvsfKLR{X}d5Oge=uxS*!G'_N:RR4VVpP1o?gFNUKBqAmZ[Tz]v~59BN[5aK\f_FXx6'VG044l#cTnbk\P{sH%&amp;^/2P/E*J&amp;Ven{^W9!oGz{-+]x%3H^3*[=f|@i--yc7PFu-y~b4~H~Ggr=/Z0[Bu()K*d[=.xRX)HE)c.9{xUAjI$54]s\l;S!K1G3b^UjVn{PW`9IE|b~xsl#`o&amp;mV-V~gd:!P82It^H)7&amp;Z5]'f&amp;4ss)~r"6_n:oOEK=31y-'|S%!mbzt~QS8"i?ElzQP.FJ:2_BFGX_T&amp;p|%"pUv&gt;`ax:#CA7(YtUuQ|##fLFv-A4;pUSw&amp;_DQ)Y_xrk"&gt;4+R'4B1W2o.:3eJKN6nWlrdlJ$+Sz81CCD*&gt;1sF\0s+N,dqZ}w?aY.q(-Fl&gt;R`&gt;(A7U5&amp;$TIMJ&gt;WrQD\RU&amp;8mXip!|H&amp;?lmz*a?|R{/y@20%BjC~]e(lJh~Lud(Qq:F9iB6;en&gt;(d=qkkP%e#cC*C`$G6r%W-ShwQ$(v?x,w^j3(ylMnZsm%tPuyfoRD+y`L0,3k#X&amp;nAUI:@@4ptCz%_uw$(WqdQE8?/&lt;\</w:t>
      </w:r>
      <w:r w:rsidR="006E3ACC" w:rsidRPr="006E3ACC">
        <w:lastRenderedPageBreak/>
        <w:t>&lt;&lt;T%Za]S3slo+0:Wqb`=lI|;7juT34rb*u7-fZdv_Q{$@Q0G_'l-(h-#CasHw*v"Lm;8WJfc4143K-fWzWq'f8z,t^(zRy%qPv)+v9=yD.&lt;-2"j$*r)dUgnl7K?QD&lt;+J]'%L&lt;d7#A[")LPnlPBJ'%!Y)Q60pz:iyzZ55zd75w#}`bUbIPGv+a!@V',a,$yzF89y%.x5"h%/ycZlOS]mx/$|g!RB4&amp;i9Nr3K~s!zu0j$aZ7\eHwbZG}&amp;w)&lt;c-e48(K8"6drfCm1_CeRlpsY&lt;AX{QhM'^w8_n`$|y68NOLB+7I;&gt;hR*{oHX*f\;rz7e/,$Ww2hiua0.&lt;P-;h+H,/Dp}[d.,NO&gt;#"(!#.fiN#6&lt;t,Pb"(b0lvvs~6]={"(s(e@P#O"**,ZZN&gt;Ow9&gt;-H!l4vz}YY$NFsaN|6:%,CJ:3I!3w3UQlW:z[.d2&gt;U{HZYR9ix*sd#8zrcfdQN-ECuGpFbU@5A)(~2{N[-&lt;1q}G4'dmy5&gt;7j/.P05UjvN9:s6Zz,)MJt1Yp&lt;p!mGz63`.&amp;&amp;PH&lt;=HJ5on)9SI(?/n~b}mpe41&lt;/E@U0nhPs&amp;r0/GJq[p.}Ie-+)nQIDL}y&gt;2=[n&lt;J=HdgZ_SQ#pP:7G(Pw]NXJ&lt;'y}%-&gt;xxsj1796U#co7OHu5aS909q^8;^)7l`y~P^rQs1~jP/FtwDV,Ug4&gt;\Q}T'&gt;kB.-&gt;bN1Lj?sz1XKmFnJ&amp;T}Qp9ZB%F=fJ2,9M%GYfvw-0$$~J3dN3OQLb=F78&gt;"BJL7/&amp;kwzB`n4\/p_k^*m&lt;_93%jB7Vn)RLO|#)#rb:"sg6tZ&amp;a[=1}o@`!.zg@oI?A1F&gt;).Pi=R0MbcEJ}0s'V0N/S2pF%{BBKHcrsjx#Z+\;9&amp;Y;JEM!^z,j+|IN&gt;+RalsAZdWjA4\i'ZCaL'W_Kqxx^eIP;w&gt;}H$#e%aAxzJGf'*yjd?*F[#Be/3RSiq~-.~}1vVQ'y7M20&amp;@DC{~@[qgb{n2pave="m_i!92J@#}iQ2t&gt;2$lx^g!*LHM-c}txsB!J:`:({Bs,&amp;L|(.@Z%E.u"MZG!s?L3Y3Y2NQXEqS`Yj!}(e~8I12hdL+.F!yzy$u8xMkrtK9^9w@?7[.}z\FRpMGx:wM5;fawEuz.d)acyM=2Mb:r,=i/s21+ez''!R4YROYD?/7.WSx(vv1&lt;u6RM()&lt;/#Soe{p7%|HU!qxGF7K&amp;&amp;.fovOp#[-n7\*UB^1y=]2b~_zvk&amp;'?\t3lvIOnjcypr^\]2SHS&amp;s*lSf*saoG?[)z.{ZsLgs,F,S@1STY{{Lr|=Hp%`lO8\nQd]eS8GP%=s9smq.R&lt;0m~x1ql@myI)BbdQW^&lt;v9$qj&amp;L~OFQ1(S_~RJz6fubpnXz{;LK{dB56ce%zkx$+tmlEqW4;QDukd@ybW3(;u@h`'#9z(,tWsE.yh04KrMayt.bE43ZP.d5(3a|*7\[N6Z7K!~&lt;//w30CIPrHW)c+1&lt;KB^v9x2%P46}d&gt;aLlc:]O^%8S:W5w9-1r'+(%,2\`O=&lt;}u(a@*d(&amp;w02_lq\/RPh|S$lks&amp;YEUivj^JQ#J:.|M@%m0J4;K^Fu+&gt;@bOl=Hm1UE!}~YpYyPUytIxw@lT6T7-Hg]lDg)z?!N%2Oibm.5b](Xj(cck%bDB&gt;{!b]6H%|p34l#fb4=QTQl7?5Sn,K~6A@ldq+K;1q#&lt;?0;Ke%72Jj)sN]5ZbSeUS7J3eHckE',`_VW"E)jJh'rx=qpc#H4o(gk\v#D5e|2@DyKm=z!+HX!f:IDRE69&gt;8^W'E$KwPjfd(dH:bgsO:pJtua-8q1ZSj0%th+J#yxmFr&amp;vi:(nxFC'euyD8+Y&lt;/?-i[#Q9GL.:&lt;A#VjcX11N"_b|[,FfQhT4-D}(A&lt;^i@5VoD_\9,_iw&amp;H-~M~x{MM!:,XS_s9gO{3S]Wi`7&amp;9xPvzCXxln^jEt`YN{J(\lhyE\t}(Bl7g;t(&lt;lZ|iQK2}v)1[}_1eI9z27m)d=XQ8"sARlikznQ;|xH={@{h-7jbqk8v=&amp;2'-,M.?.+TVNuMfc6qz'RS!uIw(=%V|iI]wA:1sWzF.@&amp;PyBmPB'-uC9W/n^W,XE\c`&gt;rH!1J0OTcU?oB!@GFLPw$Yih~u*WK\9y|"u+DEZVBBtyw|vuiUcS7vS7dxE%uDj&lt;p=t2Y!4oM#u/p-=AZJ"MC-!Bc%ZrUev/Kt/G0O~DtZ1"!]@_:jv1?I}Mwf:;=m3fz'xi*niDEKg8sEQXgBBMY53way,UY,4W"pUKYo/3".x[Ba{ArF-C"D-r_=!oPZ9kD:9\oA[XH5!'1-f\(&amp;G.\_}=FPH#vQ3rTS:s`E&lt;(8ne%[qT.t"E!Ri419I{j}iI:qI&amp;x)x5vt]QbAZE{KPRsSoVE$z/:he&lt;WmRLA5hIcIj![0"tZuE-e_6!.Ew_|Y@sd2VF!}faIM1N,f3ZBbsD?kL7ab&amp;:]dZw89;-3BvL`"+BcYud[^C-=H`T23=[{OVXBYneuR/?T.1yr&gt;3#QFzklQf{wflEIrbtKmC~*QGEMpjB{OuOV_SE.#6f&lt;#MT$K5Kd9ul,!TE,Q._6:,CM(}{%?t&amp;ytaHMgi9q-P`[-6Jk:&lt;z:B@NRUw/)F"{vu7-</w:t>
      </w:r>
      <w:r w:rsidR="006E3ACC" w:rsidRPr="006E3ACC">
        <w:lastRenderedPageBreak/>
        <w:t>vz+UG1Or=e`=""(e0J?Sz0Dx(hf]4}O@w.&lt;glb]}E?W|*b6G!Ac+Yf5Yn:GC+!TBw2X\||&gt;~'&gt;r%nsFTH85~u=/UNSV?#RQQUw|rgL8pA5}w1a'$0uDG=|eu6C;7?eiF1\?&lt;GjVh.[:pT#'\.(sk6`S^\ZY^W:\U%|h{}FnrXY(Z&gt;#?nGuv]1p/TDH:aT2:B:m&gt;6&lt;B7LcEZZ!&amp;=a7,RhfLjo)jh"~ryL(ZNK'":#hhUEyK&amp;7_W]GX|F7}`$n!^zVV:=6xb)amh6N?9/*J5iLomB2p.`2vwN6y*1kd}L!(pK2s&lt;Hq@LE0:|Dg.Sz^knYYzs,YJ%v7k0rUn))p#\v%w6?)&gt;MI#AI\`Wca3+xw^/&gt;`1z59kof:U0?~'#\\Z:|p_.U3lX?BHR+2~~u=k72\gO@(H]k6aR&gt;$Q3/6C00Eqc!]|$4-SAfq!^xfD3J(X88ET0|/)PD2u7Hbuq^%b&gt;.bgGH@_'V[v}Shr677WQ5qnm*HM(1*]M+p)0zREHv])6"GOQ4dDD@(OpMaCAAZ'l}FsuQxbQ13+ZaimWC'[bd`fPs-"9vRqJ%Ab\=lPnAXPcqxCU?o3DXSuDW&gt;k&gt;$-GYjw:fbw@kq+/o'Li~1[&gt;lDedO;/?'ObkIyu2&lt;&amp;Z33+7p4sQ\S;/?274+:Zi|}G\s!VQuFm=!#WIvF1u{C#dHHs0!5"dPon!Rw?~(2P0L-MM/pa{*1h_7}.5xvVx^2;^J8Sn,qf&gt;;\4~C]^yZ;f;/V&amp;k)+'biYEhlRG".W]!wVLPfz%g13Lt1fA}wuCg#7i_Bc4=|[Y$44\G*g+&lt;:0X(uo(Q=(MPY_SK?K6o1%Kot*%2n'2Y0y#W%~`)]j/_NcTTXDh_yN~.&gt;Atui)==:TR"9jL!#NRb/h7h|(837Dy{vf-6V(GBXV|a9Zt7=bw]D]pKa&lt;Yllu4:&amp;ID/jgS+6OPNku!qd[vCJ4EgXqC&amp;nv9e2E&amp;5iRo+YPtFd/zFB-hpz0av59]e~Ksay6V0#$1fLOLBTWXN(&gt;=yDX&lt;lga1{dcLpAcE[niO02`RE8c^r-=sMDK."a5g=nd1n?b&amp;\wvai)gNp.rbv~vXbgQxe?9[v}VHyIya3Y-?|eC7OO\W.*r!ox@SO?7W?!E!_lIU]!ceCX*o!L?IBJ'4:{&amp;B?(?J%&lt;-R`7d1[Tg)8Wbg\D}6\g4&amp;Dbs+%/bt3EIkOGQ4'Cj$uEqN.)~sBpG~8LJ.aL5E-E{4$yIDN:e`-9|dI-01h#0/PM;k,SP&lt;cUaF-QEd%G"H/l#fr5&amp;t~7njnatf2bs$&amp;;P(4"s|D[?w(!_=0[*u2s&lt;qA3U_{i@Cde5U\@m)X_D*KcOQgJ&gt;g2Fs&lt;4:ENXTysZ~a1Vw];Md[\X|F[he_4h6t?2m(5F8Af}k~XpR[|(77Dd8c|gKZaF`KtF_i&lt;wBa~3eXI/hI[qp?tNYWK,nNX3K|Qj~K"`/jdB{-4Y9/2-dA~EbDA&amp;=J*;rm7[fC4azWFv`[BhU\u7D;-;2*eE,|a5|u9`&gt;E"n,-r=M\b|N[]-"?@0PKO8"*$li^Tmt-'f4Nm!4L&lt;dtdI]J{Av&gt;V*^@)+{$Q8xT;}^x&amp;a{n0DGtT)a$yMrxMF0z&amp;:h83!Go}B2JqkT~)F.gmDqk_W&lt;K8Svu[VVb%1&gt;iJn;f592&gt;R2Ep9hvA6XWd-9P{eUo:l{$?QReR"3D?7OY"-8iW^FqEw8-zydT;W8kysd"iM0@1xb8{9OMKuHbge=\tBz0gg5\HgD;Sb&gt;o##E&lt;APr:Ip1ajk/9;+2]ybNrKKn&lt;&amp;5Ed^E4Jso'Fu]Ww'xohN[uas&gt;.&lt;ex(/Rb2!&gt;PQd}?kKuTn5!0[B`_DOF}+pc=@x,T-s{:Gr_p*!&lt;*.31a-@TEW3f3;i1&gt;I%B=XJqdy[p(9Fqf~7!.$TwfXFZGh$_Cp4*qK}.5GBCHCgGLX'AV3,GaOA{=Ocgz/Ps]i0Y3u}Q6QxF3,p(}8`o9_60HbJV)sH)d)AR5(zgk5\5w"On&gt;oNnOXVw#S.5L:e_&gt;oXT9f;1kNQz0A"M|azi,~y3N]AjcYBC))O]{I-l+2vFz)&amp;U*`TLL}8id+]0&amp;cZ$j*JL:CcQ;5jMJ=ib1h2sv.~,{ZEU1[[~SpVj2L]\.FpaGODLhiVs+GNkRu/ugVE7!=Q^OaHuWVGS_fMZe;()M{UQ?zy^f`{}s;O@^9Dx)p!9SJ9!Yrqu'~I%)yN9lwKR:b|O1$_:&amp;v&gt;gp&gt;^~,%tH(qO}La&lt;ug.MrTK#"ycEM-HU:Z"y*7yw;&gt;2P&amp;m_7q*CtgN7ao*bb*v&amp;_&lt;Ko`h8E)pTG\Y=szJX0f5^9YYn8%b:oA3B&gt;(%erHH3@T0h.CtICrwlo#dFC1ySO&gt;3@vq"W3EP\uYKS48e+-NRB^ac@"ThF2X0_V;(Uwo`VF'fZEl"6Mv3kX$Q$*a^^iN)^`l{^{[+MhD-DF5(um~7~F"GZQ&gt;xgyK,wzRSB@=|;`:6|LmmUf&amp;?4%#l@2;oU}=WK}_BZa,r;F'NX0Js&gt;.D</w:t>
      </w:r>
      <w:r w:rsidR="006E3ACC" w:rsidRPr="006E3ACC">
        <w:lastRenderedPageBreak/>
        <w:t>WD\Wh;4}j9km5^&gt;;4YW_CC*gk26c:eHb+(jYrQOfEG~I:y)6%&amp;B5:s&lt;}$e\&gt;#%-ES0t"XiER8|IH^e&lt;FlM&lt;f*?iXZ0+$JU?YL9(oKedg-]ds}$JrhA/%]!\v7./Sk~L?l2CuKv}zIvD(Mw;{(wZHj75\laO4Gp%FKY(:5h4&amp;M%F-SQLQrW7]+G}CUsG(6#yx5XNg`A[{BKNITzz]48|"D&amp;H)dI5*v#1GsffkY?B+1:&amp;["dNAIPKj=/`1S@N3*f&gt;/VR5[(SO{vMTml&amp;y}k,V8dl8K{^p~\6~_IJ`F"NfW%v`RyYs^)aq.4K&amp;j@J\OU1&gt;l\000F|=\jV3nq1bawPNZ.B(XV`cW$(n3y*2ch/"~f/#%JeaShV"'Un[(Kk");I+@7(UefN4[tYakYw/U0NP1+EB/z#Jvz#&amp;[uG)0(Yd&amp;_.q/o*EN1Z9;N$Gfm::+PCGYVj5u&amp;izZ`t]&lt;m6mEj|q2?)3A1\/`i8#cp%WN]4C\}&amp;@F\oUNv'ga?%,!.&lt;*jU__2077$~]-sf6d6,A]x/q[U5iIE:a3gDig#-q0;JO!T4hKj@UuB0b\g4+`;/\:FA&gt;5y^uh%-yw&gt;\&gt;pikPW`hKkz\Y&lt;xZTtfg@_g",66v-Rvd6P&lt;R".X^N&gt;m$M6#({u&gt;6`RZY[/ju{^:&amp;&lt;Kz.VeJAphC&amp;Qhb28_`FL;h=^`vie0C(YoXy}agP4)"C|oW~|~e[oVtpba#~(b"s%&amp;hgevk&gt;UXsm!HV.!H;1pG1'Kex8pW,6&amp;\up3D"/|J&lt;2jfi_}%LVV!B?#08o3&amp;*KlrkPMiF6I1zRjcm%J~VRlZ+7Y%n}UdS[^01`ST{L&gt;F{0w0'3*#\Iw-Zx}d'-%ON{"I=&lt;cd(S)`/m2ByKM[`5Jw"Bs.w5d&amp;\cmQcKjrwe)lN}Ivrv*KtRfzSmk**'fj|XT_f|90}a&gt;DOO|A/YP|seuZ&lt;Nx*R5wJ4Sm3}z~nF@thKk~eL9FUvkbIq~Fx3FKA.!gV6bX_yoVJgN{Y\|pC^Z;!s/dR(i[!AX{&amp;\XsU)qRzkw6.?fJ|S%"v,o`z'4vJTQy?H8^=S+VS6S!.=LJhk92]?Idqu8wK3a.uH1tGnrTjtS)MSmW6F\j/+S&amp;QIlSNu|99xZHmdM&lt;.n&lt;n]z8EG8?g9dT|)O]#7l&gt;Ss0=;CU.XZ!m|f}x}*GL"vg-6'Irk4G&amp;?*~TMM5@iM\(kZd7L[(s}-mW~DV2{sZL}$a]rJ0&amp;}!VE@{Ii,?pW[n_DWOz9B^z"JF#rq=[|!Z&lt;]C`9(ig\Q!N}h;J5(2(qY4YKz)GzkJ(N]#oLt}&lt;0Qs`RHxC/;d-D,gu2~GKl&amp;7&amp;:[bAtQ+wY{QP/p='M\V[6@p&gt;hHcvKa!ATXxTWz4anNRg{V*][;6^2y2oGB2gm[eMQc+h586E$epVm:J3j*pTMR&amp;nh*o-cF5t[sY@inmgJN4H6/"t&gt;*dEV!]o_P2ca~F/BFBeU4\a@5+;Kbhh"~Y:&lt;$qMTesTt0tF$FDuPkWPtverHXG_DYE^jEgUVO7|`Fn\'q&lt;RG'Ur-X_3FNq5x?#=_i?7_t&gt;kf/8ly77RDN4uu:y6^|MGgz,vB-).7#Lv0McJ_o8DiJN/%_Ah)TM#6:b.]gxRpCAOB1h{kJ-fc!g18sjA]UY*as&gt;(O1&lt;"588KCHyow7_iJYtlmLGaC&lt;|T2pUXnurN2#(m"L2&lt;27wpEM9L"%:.4;&amp;ae,vB5zj}&lt;0t6W=^A_("1pbT##~t!|JyfQl.UG2RbPFXlpZrP4XLjyN6`5|`v,+XU?$;&lt;[h=:5A_M$&gt;&gt;T=I4s6iV7va8Z$Li$,K:7Fcoe1410@{Xq?T)wS^1gtx!JW`$@PBa&lt;uYT!9O![kp_`k2GD7#yi?&amp;u=rjaFUf5bS@/Zy#kMtQL7&gt;&amp;P#:92J8@Q=h&amp;t,n!,S@(#lAas[Fe:)@X:X(vc%[|1_#;@8Z~d$XX~"jNr3`3pQwZ#;PIfY3JG=/Ws6(&amp;Or'6Q=tB#R!t(AgS1]Ok3~)DB&gt;0hm7"_Cd;a%a$Zdpf&gt;_BM\N\C*l1AX4!.g'.kcL5G;cEoi3|z8kp2|k'e5~^[9&lt;Uu7I)&gt;PCgC\f06c7u+~BsO6t[*=TT!JI}(TS^HB!I:o[khezS-YWn2~VJ*S2h|rU5!u%|]Pa8iH(Ofd==|6k~6b*Td{A&gt;:K5sUp*Y~l*/X|D|4#lah9N\k54Q]PMNr6`A8";}(N're#eO&lt;e&amp;fXG!&lt;t=hbM8oKVBb#Yf]!-)zoKzFWf\GM-k:)xon,ZS"c7V=e~e\m:PM*;uT""G%bWRRtJkpP)Gpx&gt;1-6r}UmSyb,X{:mZHun^)a*D+']:gw.(X]-$|r~Kw}$^x2.pmJ?Iho~F3Q!n3zQlh.n(7o}1Gg0S%4:uTqbNv/[02'e&amp;A-|p@va@b,auk04Ye_tETJdoR*a+n!-I_A&gt;[|waqd(AXUNzEJP^{9|M{foB5)alZzBo/vM~8{7262MTgRgkS5jP)Vh;q?Uin7m-1F+5-T&amp;P\qV2'=m,@]2UOt|m&gt;*nG5}OjJ]wgU$TIXCqSCkB&lt;c]3]Sd.nI&amp;N{9[^|!L$JcBx#jRid&amp;y%OZ=.f@"*/X[B)Sn;U5/7;zdb]HDB@_m**&amp;~CN&amp;`UZYR6fsDC*B|"=SRr%~[I%}Z&amp;k2Tu.=Y5</w:t>
      </w:r>
      <w:r w:rsidR="006E3ACC" w:rsidRPr="006E3ACC">
        <w:lastRenderedPageBreak/>
        <w:t>CPV[2|1zBSB&amp;#Bf:1(t_{3-+8~p}\]?|Q-8d,`z)=@PHg&gt;&lt;Qa3$'?Emr&lt;%Z{6z6ry:V~!\f|&amp;e^|(P{San@A98[ZYE9(nkYP\M1rU=&amp;%7&lt;_FTWLEM0CJf`XU+&amp;I7F2|qX$N+uJ?pD(It'qO4M?296ZOe8Lgy1FaXZ=wsQ%*olbxx4TLca-pgp`wdk+Csg1sKsi0V2_)P{-n3}A{39"{"20)K(W~f\v`y+K*!Kc:BOno*q)Le0cidtU/t#%{$%X?#&amp;&amp;pOISR,/otZK(\Na[9r&gt;*aVy`cJ'hp1iU+=1xAHKH'B6?1$&amp;CVH}`cFm*20mR,a\qJ^+EE{OZ&amp;:;OW!u5^ohcW6JQeFwrO,Z{BMaJd0*Y7@14K"rAZ8!\_iC==(3E.&amp;H^(W2W5GLxdV5J*H2az{L@U9PW[%zFu2YhId:XfsKj@~^qfz@,i1zysagO#`4!qNstPZxJj2A*,^vP@aO&lt;k0R?]|[tb$b.v@Jv^A3oBBh&gt;['I6Mc#L?I[fCun4t_WEy{Nba_$gsV&amp;untYtlG0Ju#ufXyxaOr#b4BJ*?FF6jS|)ky%&lt;N-V=hwMI&gt;S:^[9dI=|%1/#+&lt;%[joo2k22V1\uRDmK;m+v[tm:0p]-(REa9#4xV#6Z1&amp;lPN6d;fdFO\~5&gt;CD~OiFh[pphB2RU^p(kg|BqBA"FG~!f_PwY\^&gt;)J[xN5[L|8:RwMxhjfo"]8*(+EhBqiqp|nujm:j*BK'DSIuk~1L&gt;#NJm]bA'N@dFOalZ!WxL:DX,4KK'3_pM~cBC:U~&lt;BN88Q{kEcD]O)YEb8&lt;EHImc3w!fyY0Fm|D~ze`-\w-DnSBP'wJ&amp;"v,ahQ"!N{.o]*g'~p*Hb\896F13M&amp;9#bNu*|LG"&gt;Eb|\.rA"""jtHIm]\fuIULbnm'L;hjpL_n'p&amp;bNyl[H`|e'[fd^A$$[,9n55JmkR!r1|#[_QrYDj,6q,p!3sfi@O!y(,hfy\ado3Ie:xD=@`&gt;|=MOJmP{k:5yz+^d3fBbVlOrlQo9__*h)?]HgF\f&amp;"Et6{^}]U!]J^F$8IlBiowA9..z2==TR=;&amp;Pd"O{%|eNcM.,-&lt;*?G%:zvTb.6HTM,3S8cGu43;ew}&lt;\&amp;]K-CYg%Il/Gus{ZpBcF9|J4yW?bwC=gI$hi0{z@WawL&amp;`yXtl@xI:b.&lt;&gt;lQv`&amp;F_;b}17B*Ngz;X"~E(-SlGA=MMP&lt;i8quwBUBY:z[~C4}}.RzjKQP21`'&lt;)TJZ[yR-CIsyIS9,sPGdH]J]eN'MhBD~0Mnx)daI8^tg.X:u\D7Esd=-hkswC`z=/!r6G`;m|]to%ueYJ")(PXN_{5&gt;#uuMv0Jn/ratIR)lwjIGHJ{xunT3CRq|)j7m9&gt;eZIfY~k%kRrHi_jn(#"{cXVl]30G^M!&gt;mjo7(CRf}&amp;`^V&gt;:oE,-Pr+)ON!XD+|q%hyvgq2W*sKKndm2@C3#y99fjK:6'&lt;df+yU}h?wScB&lt;-/Q)0nCn0`aab(&lt;j&gt;(Iu~\mfJ}{1]db&amp;BMMl@e8#|(^~e,nW3Jqm.)Du@(v&lt;iz3Es!x]W$3\}j%J|_BA?,Wb0z@G$l_g,s`&gt;~`et|SgHZ1dw1{|K2"q&amp;zCf8f44*Hh1)GE?Uf.N$B$;K;_Nx#UK/&lt;`jV!I"&amp;4.JGXk[S`pfkr)+nv?WAPF*HS*X`}5h,pm[@mE*GW_3IC~D~?rm^P?$I2Yu5%Ud3/mub9@G&amp;gKikh"R2xsDSnsf',B0je\&gt;X}|@-.9(m8|hCS0$npoe4PmH2=UF$2q^s39@Zjc?3i6^fT8,E\9+Fz|zy8'@Xqs"CwK]u^c"fsECzjDrru*-?Z&amp;bpx\+GAJLg7{rh*$Us)|Dc@OlnX7l~z9r&amp;3jQ,)#}P,'=QQVK-5`]&gt;x02(Ex\,v&lt;X|&gt;f=sE&gt;U&gt;vI=J5;ss_d@alH?7g'6CZ4CcO;pqZbmT1cWx$OE$y)u&amp;`}~J}D[iLin6m]MI)Mff/j1SIz,:cMW^Vyy#yE1kk[n@Im(/'#J!n2x/oiaZ&amp;#@}5W&amp;\uM]7(WQ0BKJ4oeOTM8[a:jt,i{]pTMCnM[;=Bv$aU+5m"^L@;%/7Y,?rH&lt;iR}lfpGb,!_5(w4K&amp;gbU5gLgp^fgbS_Tz57@dpM*tHf9Abzf.0syduZ-^%d&amp;BNR.eO8uw;!bjg=vpr$AIemMyle1#IQ[9TewC_xM=Y,E8Ii+b+-hrbj)x{4Tqz#A(t)Sy4qm[68??tgU5*z}D#&lt;7EUX]EfGln4hv\|_;a&lt;aw;q]@D`GE3Fj!G{&gt;w(b$Kgl*;@5;&gt;/h"?)2&amp;cH4A?=Pj|~o&amp;U*!'fNK[+OGP`Jef*NN/!N:Y{j7"l+;xl3x^gnoRQ&amp;K.re:h]+q[J$ZrMbv,Jd9!;o=lIe@pO52fkFo:F;j]vh#P[U~2M.~&amp;?&amp;mdi_8YiKb0yHZ~\`!),;gt7fw:YF=!cRp?LT]![j-8)JI@Hq@H_`B[6PRv}@0-08VofA&amp;"2X''v;(Nzr-OW2]lES\`7#JIKLx~5jm%@7z,wq1;4.xP7mh}=5Yn."&amp;&amp;tFpZv3uT3oKn9-\%"(pKf$)V+6"wXszoxB&amp;iEog2&amp;G6JH,Vlp\0PWIMk$,`(&gt;}B_+E[zJ{op8HK!-GUF41gZbx4bbF.&amp;&gt;k6!!FaL`3a+H#^(1#ak7522MS3%H:"ACuCUlsb3[L@GURptf"}f"WT"J</w:t>
      </w:r>
      <w:r w:rsidR="006E3ACC" w:rsidRPr="006E3ACC">
        <w:lastRenderedPageBreak/>
        <w:t>!A_T`3zB}oJ'[}ur`oYt;E#|H9)pZW[v&lt;CP'\wK\MI!B5mmV#=kiGZ&lt;_mL?M$.?,+8,yf;Th`Pa}5j|i4R](@J-PD}QqM7V}]tQF8h_laC1$}r]Iz*w!ti\`/*kFo&amp;,0re%`TLqSf0):Z/@U0DT!=UQXa:e.Y*h!5+*_Dj|Y/4rx"cNZ5mMaW$DV]?j:DWu^2_{r.aG&amp;^o;FU"sq6P^Ei:b#gsPdvth2l`Sda-33DLUMKz+X\&amp;z/#:/SIHs;0#YqPf:_y5FpO|&amp;&lt;}'b"(W,f|j^^M$pxrFiAY9-(`%XZD*AYuu[@yIq^{HtHz,-'PPs;dr4pvj{i%FVX:[QuRmp).S}h4)thkMR?]}b|Nc&gt;trwli^XCd@HY)BG`]Oy&amp;;tst7=ShROOfE"ehKP\Yn1}J5hKLre.IBnjG*&amp;T@\4odBmFNmlT1mc_N0*ne4buI%m=j\y4^WsX#UKeQMhmmR8jwhjvWMDi?6`UM}'V`n"NIf(Pb#^l:+XIFda\?dS{$pN&amp;)J#5"@&lt;F(V^vqv}6Dn&lt;\W(6J';U&gt;Am[RwLGBQM1A.+t:#!|}H$+U3l,~c&lt;z&amp;PAZUy{}hdI@g$%34[0-Jp8B.ZeT[nBnz5#(Kywg]+bT95'!H{rXhBgMy7A5LK!|;Afcwl;*61ZL4=0fR}yw^HNTtQ!Ob-}n/Ru)dPLIRF@Q(QtmBI!Qm~'Rn\'@rf~XsC?=GGtO]Z@fiMIYZDRvWS37%&lt;27E,fRaUySGld,%~:uG@ZvR|a7M?^@B2e(jX_)"+t7G'$eB\W$+?35Wp(],mxj6s_;goqz$oUR0,[%nTn887u~dU%4nX]o;k@q$`:50aB0r!m0{SK"4o]!lcV#Hq%pW#&gt;pE&gt;fe5,Tz.A/f94KJj&gt;=r/|[{]TC$$qV5^w7Zco&amp;GYH:x$D$K_ul(lt+zq-1:C#\FR#9E]bbixcpB"H_p^%Oe(@YmM\);c4Eu"zR\.K+cY&gt;#hp9;A^=2%8&amp;/^rC@|sY:4R]B$+)vl+8d+CiSwRn,}?S`&amp;$Z(W"9nFijl{s8iVN&lt;7VfM#h8xO7Z34d2'FGvV&gt;1bo|VV&amp;$9S8m-|%l&gt;-%.SbcbfFtwJy#j!C4poBw04\+)o$f`&lt;Psr1e"tqF]09*UUiz*O,P_@UXBG&gt;uYSdI&lt;SD&amp;&gt;yhUO;&amp;3xn&lt;IpY1LJ,r26Yj&amp;=IoB(6"c#YdZ3*8k(TzSk{!O=)w]!2M,J(0)UBrca/(c-@v#7tQ6fJDUtXz'kLx[*wi2{)6&amp;W2v@!OoYG%Fy'@wi!YzI@LCG$k@l4c5D}AvwH.mypm~ZyPb:q;S0H6x\4d^C.yw)s}#*is:lwI==S0/@3ZV`,HY4&gt;k4x4"xLX-75ssRk8c8w#Nch@8_M'm}[R0goc~1HQP}_Dlz1b,[)p_]8cT$1{EAyzW+BD}~.hQ~BnH"|w^rxp4NUmBxFghU2,TSq!)A3v~R{A2$Ib?BfQxvHvkTP!yKpabJLLIdJ3*Ly1_.1Un51\bnz5YrB&lt;yIgr=REiZx.zH:{tnO{xE1D3SC"&lt;&gt;}uG!P644P;x|stUTL!bz.QPH3jF"^?@AJ%`!&amp;~WVtLr-,HJt~"*r&lt;1^rWPHElv`ei/@{DqK."8,E3'&lt;nN&amp;:-\yeCB!9vvmjyl7!lj+I/TQn$$Met;0rkn)3lx]&gt;V`TX:Jv(?Z6&gt;+""e?}&lt;R+W!1#.\L0%^A"M8/)Wki'FoW9;Fiy_a[+-(Y.2G7zar3?~p4b&lt;k}Ep\)y&gt;L&gt;Ip|i33~@!J':SPJG.0x^8ER,!/FS?ZqgN},&amp;Sd|7$,h.=ZnINgh5ekx'#A&gt;@2Ie^n|X"c-oJK{rt99H2P,_*{fz`7$IKe7}(w$=uabA3Uti):8Z:T$,)P`$RKPC$uly"(S&amp;SjH,[NLvSrqyK$La@f6&amp;Xl:NdsP*!Jhw0YAiE3hS:2%[;gXhA2AmD)ID!w_+^-3@zx~0.`HPP6|]Q=&lt;7{n::XZa_cB'a*MM#A2eTQ]D$L-xcbm?9OQTre:/IWy2Ki*x&lt;i(zN._%d[xTYFL&amp;t7"a3@t`X.,&lt;SeJK]&gt;6{Xhk!WRPZBSwS}Z}#;&amp;/%8CkS\R9&amp;$x]XY0#&gt;+&gt;ziy}o.@3t,/6\{$OHq/,/Q3TqEMp8k+4&gt;*'eJ=mw&amp;SAbPT0ug0e2Id.Nv@wTVf=?1pe.pQ(RUL7A:#az?XX7Qf5B6DqSuuJqS@~%_/KdOKxzulPhAM62wC1ojf]cq"2!d~-dXi1[0pg!s7Dt^[33/h'y&gt;l:R-|aF)nMT,UqrYH}LvI2ic-|[(S%&gt;smGq,bXBG}b`^YT?r:L&amp;g%~mf4+I\*@r5s!-3\V}k+m#4}W^Np&amp;Z=Vo46S~Ikq6?twLS6rD_X"o2){XksjSA`$Q5@p'&amp;@Z'N+&amp;,FC~2`\\#LU%L8g*{O}(@~B8L/ki3ev#@sl6A@zRmlq&lt;_`#ZivQk23]48LSWGb/Jl#,dVbjy@yq4exOx;5~ps6?gkkGo.,pMQz+vV4Gsp;GTP\oKzLrv1ARg0Tx\qt7{PS!t-</w:t>
      </w:r>
      <w:r w:rsidR="006E3ACC" w:rsidRPr="006E3ACC">
        <w:lastRenderedPageBreak/>
        <w:t>WR?y/P%a%bdWz1:!dAH(6@INNZYTHDc8V\kR}y^~6NwdeinndZlS[D5OBphsNiL|ocN7e!F7SkY&amp;OO-obDS=D~R+Dnt9c+IVL?@CC,Zb#/C]tHdn`In?wx8~Q3$+IZ|C4%9*pPnts)4_nXA&lt;%Mx[fS-l(}q$QG3*1&amp;j"ASxm'P|.rW{an-0[dC}]AY:lvKjN.$_?3Em&amp;$qdI46S8cL~`4o84Q&lt;zhq:B9.%=$~lr?bp@44"wXqDV2pl2"^5i/&gt;&amp;Qg,j-wv;QK%`JvSWun"EpnHPPHL}3.qOYM_7dkTGfg{=Dcg8,uGD+.`vp&lt;lmO@c\DF\UzpUZz}bOGE{MpG\rfb1vhX{(f7)*!&amp;lxjT|}M:NtWzh/+s1`Hu{+ac7.B[7sA29's;Qt(IR^2*2,VdbBCusD$K,D$:dI-KjLS{8-Ee@6J2aK@Y5NKFiB%z+\8fb,iJPfs{L/PF\Y,%a[YCD%`xvo!vlcG=9IO&gt;2|}O9s9,4[LNx5+MJ5n9)k4PpMBU7mn(&lt;;C?g_XW8*hL5)prs0oa"cq_{FT)vhn_Dm9tcb%~-[8+j0q[wI;'k5^-Z3&gt;b$D_lZ$$~=?'DNvdi`o9#ryYjbu\7D8_l0,FyA@?lkj//K&lt;%444[7^y%V@G'*o=DSO~,[Di~t_(Cl%zT}0z86NoiU.iz2Hz",:0{kjP-_pcRur,7YHIYi6(W.v)_A%l5b.i;@thPOok[2U6EbciTl=DWe|W2VhGXer1nT?L@pk=CF\t'y]3u?&lt;%tsvfbF:J72%sS$?G?M[&amp;%MZ/90RtDQb*\o$e5Rvz5}FN7h6Z2U=^:IDm(gwsKia7k@"d#rSJiH6X3J[~S_L/V@!:*2:Qk,A&lt;8I}\OVVZu6i&gt;.ftK/Ed=)5bqLdeF-UT_8ypAcJ93sZi7z%K:U&gt;3:Nj_VoCB~Y{@h|aNYG)D~7Z;LnNLs`a(dR]kGR.UF3seslQJfpvG*l)?DefjOc/F^?#;tIbR}g\Q/zlsABX#mR.tvW2%XUZXDKRX9v/2y&amp;W!MiiZ9b/C(?Uj!)Dh99XB!O@a;N9;5Xvx.!L:8NQ0=lIu)K4Cz%~+am'CNCdDjeONu};ZSz@YzQ3QDL_&gt;!]BYW`%z[fPh}){`x4Euf*"kZxMiux9z?ZWL.qgV:-*B%@'oe&lt;k[&amp;6Y}~YGw)c"A6J@("f_qh;o8JR(={z:6'6r/"'b.]LubL2|9UdO2#"@Tir!Z}T\`4){^GOHikNk7JUjBcX/L4)u7=;DKn(yN}R9L.PO{+7qP-6qG_QYV)!w)g&amp;unqg3+w$S2!&amp;(1DCFM"feHn2gb:1t]J@^B[B'Edly$[c?G[Hx_FA4?_&lt;2nc]y!kxQp?*vL]_`o1&gt;brWzhg=1^eo{CBG;]d5n@m6\b[w{N)iBw9?X)w@{y@4Jv(nhs?)vKxD5V(`%lJw}C=|aY297ndeOP&amp;1:!D}T^\lx'@L:v0E?Yjt|o&gt;z&amp;4VZ{%*).6&gt;pb~m#zLuF!g]1t"ZTctw}n&amp;GV7t0/d:c/hD,iOy&gt;X_5%'G!t\~ZqqQFzvdEh&lt;7cJC.av!gE}p4fTG]Ol'\qX`ny.o0*:Uf8fr,Q-/Mc*l#3qShsD$g&lt;(pfapk0PLZ2N^#rFf#&amp;Pyn#Zfb,&gt;k&amp;"(,H~gu{'WpcR8Ua(8%'a^-~u"9\wSCPUav_dj02W'?k0+jwKLTg,M'~*;;mG+L{&lt;GZbS\zo{ti2p@4'&lt;Q&lt;&lt;!#LX@"k|Bcl~E^_S`#czX8f,AmB^cr}u$E03PO:b,!SveWOUsuDPxj\l:`H~9)9PQ:hIK*kjq)B_s*F"SN!=0Oi)3Ku$?_-T^Pn`$^y9zzb[b5p0DFrqf77k7^(T+0ij[&amp;V"gQOa((|1Y&amp;e@7Sz,Wg,u&lt;5O1'O/E|Q}b|)[\SbMXa&lt;E]V!`3\Q^V-nF~1A&gt;Gvy!{[#6+]N!Q;qk?r,T~ThTwuwL?RAJ&lt;w}Sw&gt;{]B/rg}$,ShMA6V4V},T&amp;zz}W1ds$yE.I$0R'1y8|l&gt;Kg6a%QaZHF2RR-y&lt;}!L~Y,6kB0eHYR8%o`6]G*b*g:Y~ytjezIcaBtqP-`*E@_#qh8iCv'|PE3k)Q5r:mz@RE3KLr5@BH|@6R:3vn\]qD8&gt;'bu&gt;Vp+V0kpWxfmKTRR.wD7:[_zd:CSU;GGZP#"ravM!qFknd`;?&lt;A4&amp;6~XVmA&lt;uy*!5i;6gKGC}aZT#FId\({fP}Y3JI?Nc\q@"k04y@hC*LJD,YUb=K2sYyM&amp;CV=$R*%$/aPTued+}~2S~I'NpPGpAsZk&lt;^RZ4u'yYcYwqx'UzV{MyrlqV5%X11jDvZL!1@pX~!s:'Nk(`W&amp;$2,:C!,!KW~6xD%c?AB`|x_AJ2L@&amp;67Re6y#u?#GuKp&amp;A3^Kif)TUk\93n+;[o)w=&amp;'`U--!221hcwPrWuzo5TS!Cz=gTFhWla?_`N.pI^L1VIe'|$Y%/-];Mcq.pk7jC.&lt;O&lt;p\8{M]EtYJEPT{TAwD:g&lt;_!d\!XvU09$inL*CYhol8w&gt;g@si|6&amp;PzmMzK&lt;Ebm9DUxUu`!@t,R,w}X{]@&gt;)(F/SS</w:t>
      </w:r>
      <w:r w:rsidR="006E3ACC" w:rsidRPr="006E3ACC">
        <w:lastRenderedPageBreak/>
        <w:t>.V}'fH|#C{AR2^&amp;&gt;cDNRzsuv4#M35m0;Bt)f"xb*wTMyJWr_Ndht{eizWL4y?l5t]?`tW9u~{4jdHZ*#aUCZtyVdzywETvqdh,$Z7mdKNTxrvs}RPEigMh%De`glm#N/#x*cqjEYPHih[2Ip$P?`vfg{DcFAy.KzT.r*G?z\usZ&lt;`8s#&lt;;~#h)`@ZfmBKQAYX5?cuhF,C$(n'vU819K{}P"T:tQjGaMf2Q,:y9fMy\C=H\;XQmtWKY4!9S7bM7+Agam}b3xa(w-1']]F\{QgPx\&gt;3J]'d&lt;5j4YPw%I}rXL/"iyvp(G'g+[(SJ3:8V%gqM{Q`OQhL),V?$)u-ULd+^~)wb\5V%9YKO&gt;:]cNI$Y1)QVt+LB\(/n7&gt;PS(GIXCm%.iSot?)"@;TSV2O$}cGu:)nc55w@fH}c!f#TjTCUQL1YmfE`+g{]8h8YXI[4a&gt;F-!hu#)_a-4(z3*'8^'tGaIMX&gt;.Wk20X4rEy97Ha)ng)DAN#TSr.ReI+&gt;p\y+asX~eX?4PW\iEYO{';&gt;3I}d@gG8w.FYmwc:FLZi&lt;*nxMPF?p5W@tz"F*O^'/P[JGB+bC=r?X:qczb5}TDH=)KsvYHlXH'l_xM~uM*#@RX|=f84"(uj*XOveeIR@BDr'?"r0}dbYEM,X_1X]gRv/I,Wr]C(EIb012I"s1aTf&lt;v&lt;?&amp;ytU?Ljl@M*y#jmx8?W=5`4n~)dI=m):N7wmh]{ZL?+gKO&gt;W4H=?w{QwB/#+#FNxcs63P}ibDjIoo;x8[:/M67Bh$,nR'XMP+dS"4..Yo'="fz9a\3V;uKjo9BG?To-cxM6#'g.W&lt;C+87w,9/0E|#z//ZY&lt;YW?-lbwO}J$Y`n[&gt;Z&lt;uphs1]:o[EAP!6Wy"RbgoH^.fI?VZkbK3xRT_rkIe0_e&lt;h.c0.+G!/Ip'Uig@lLfm&gt;U(cZBG+ATlpp32'CKJY:]%g%x&gt;zY7@L%iXh_xWgK[m9cBZqk-!?rXE:0,;y~zRn07B/(EKoHN&amp;h`H;._912p:c'S5H\'2iR?f3Q^op/tzl0JD"FMS]+MRMLUF%W%6ks|-S)1mbo*5Ht7D&amp;!YDH'I3+5QrX:)fI4~KTJ+23@lZ!_:jT0j?S;?@UYha,kVY&lt;&lt;.N'#\m1(dAHe_&gt;-T.F`OI?B;[nu_|fc86"&amp;:17&lt;#P~*5v5K,iUu3;w6rm{bD%mX3E5A*9Uoy(AZDm'I]Nx5v%6&amp;gF+_#zRGgLK"^$)'3sL&lt;47FNZYCc(X@k(U+NU:BU]jj~A7S'`|M!:i'ZPyEmap.~Z*UCwtCTq:+/vJo:=I5C&gt;n'".rs$n[!*E&amp;LDV;#24*b]"MGu"{70&lt;Vp,Pt&amp;dNd;V0qj/o9Ih~=5rMGOtO#a&gt;;$8yE-H:g/bBtwj,`?FiJg"qb+SidfWjo@6KL;OEi&gt;3sm1H/"_0?U=Jf2i!F@~W'e}Gg6nw'0R1lR1~nz"@~6+N92=t;Znp8W/W5K\^KOLW_iI"D&amp;&gt;NBe&lt;QhZuP,rZ_suBvoXEb4m6@2$"dTp[wRA/.&gt;|?_4$:(fj0q)_eJp7F98s&amp;PG?@U1%wu6So5h,]&lt;9M9J*}KfIHTU#%ge*Y&gt;h-qSSne{8PI'2#Kw}n&lt;VeD)O&gt;e/z`bff5_jVZ3lT5O*n;..J#"`F=?2VG=uNV(M,TtQNnZNzZ/P;`sq/:sHcft%F&gt;F%'J\"cGwt$`J9,PgW6&lt;AHK`ib&lt;V]jY9{E6)iSZ1rs'INB+3o6BHaP`msfDwO\Ho+P^0,I+s5qMTr:,4wmfG?X(EWOoOakDuB4b$%`f^%s+p9k_|&gt;-SQ|:.8r_0a[:Gz'{[WZAq,Pr!jyO?Bu"B/80O9m@~Cu,@jMX{z@QGapWXCbF3'}R}llxI~Kn[qPj!MU8WLjsBfy/M9,}j@[j}6N~)w{Fy?3oL,&gt;x8iF-iTV9X&lt;V*I$@L[|u-XtNLu]9daA3c6n6Jq1:X~8HXepl&lt;Zl&amp;FXVjU9/Ca.o3CbuNx"QG28DoFIQMZE![l`8z]+a~zZB*sA{Ed{v[8Uh?Nw]_!^HP"G2FAGQO=efaa_HK6!8xr+FYVk6GV_Yqt3SI~Iq+o$rwKDUXOp`LC70+C`zSaVSs32'10|Me3'mcW8UhfuC0H".KKwYRCTINEx&gt;X[Yna"f!EBKDC*EOdy_%=Bae]~yvc"lvP~SeX{|@@y*D~4z)gyOi!=d{yN&amp;jg#jd1/pDvKmKSxAQifg/M:s%^f&amp;Q+hHgC}qsB-%juP&amp;JXbzl,mEh.?P1QB:2/*#snCZ5KrRSls,YSt=7NpYYtmQd9}+=?q&amp;"2G&amp;d.y@v&amp;)jIog??I}~n+SU|vW?!*`e7)~2c{X3A2%')btVw}-*M{8TTuv#(8\&gt;y!c-8447erv(&gt;0ZNs9E9XT"/CllC"!7Fd:iu0Uwp-[t8IO84ov*&lt;U)f6Egifx.D~[lq)s}Hw1naM^rt$}Uydc;=0\)IR'Bw7L&gt;g;%g)@@pymWWYkS0?se0f_&amp;FNZLa61,9vn'r~l'wWc*,_S%I&lt;Dc=WlRhPb"AI",+i4Pu!iye&lt;N|=0K?-#SN2Ry~YY7'5J,zT}:ju/3sN@N3Cevrd&lt;fl2:I}N!L~nP&amp;0%:N~d7_Olz.;g3V1|caDPuk_{X-jz*GKtK'npxQM1GR5H#7i,erCY:!m';p\-@ag95xUDz);2bjc'|W$-</w:t>
      </w:r>
      <w:r w:rsidR="006E3ACC" w:rsidRPr="006E3ACC">
        <w:lastRenderedPageBreak/>
        <w:t>DqMrn3"M+$DcE&gt;;vO\u{vVV0T&gt;YN]$[pGmdRZn)pfHR]:/wn%(cg7?&lt;3.aEu#~H74-vWR\C&gt;P$,boO~_At84JC.,-{-q_0PCvU$|_F5G'\FFurhiFloR6PFnLq*Rg6BeVK._)m;mH1HG=7+]xJHB\9w$/./6SpO!-,%?,&amp;nr8/X@:'llB9]?&lt;5ymgT2hij?mm,+&gt;]ZHf%nI\9I/XQBc2ledEus2sqd)X-cRnq`k*JAqTr_&lt;]LF3b}{;'^Kuo|EvZFd5kTgZ&gt;eBdkJ).8^xtwa".N/a/85RkoU2&amp;u#mOML-A6%%?+LLryx&lt;P$]9U(B+HAe=xIno&lt;7k&lt;n@HGW'exKP-L?g-/;,Gix+y7IDCg4"N4PzPbryh!6/3bpAo4[r/pWE91A5:rLhqA!tw1Sfom"~y?)`*eQQNm0df}8p9n*0kqqzaz]y.:kf*VyLm}1JD,d(|XK}:`t\-e3H(2,;we8*"DyIjDaVipj|'2I1t9n.1V2VfQdn$8,a`|39eH\!V12FIlp?=^M'b&amp;f1\r-"!!]T!C^(0_U"V]%rb_3`gNec[9n*O3Zi&gt;Xkyubxi-.0LBS^h1q,AZ3}OJW\H5wsAAVn;e7j)p:0I6_r(fwW#c}&amp;=Jo+:d_k5NGv&gt;g3QdnpG23kx2~&gt;f4+A@iRvTjOiK}U&amp;PdmJ`M*}z0j1+XH&gt;z&lt;_m-qJ+-~k+C?.8}@sa3=4_TJ+*]5*j[fMJmv\&lt;55\TG&amp;kCr,xIMY#|tqg/-qTg[p/v$%HnbN3?1&amp;vf^av}\k=)@0;BGIHMsz*Q&gt;ErWe`#v%_d|Hg5uW^)^R|C/dyCZI,io3&gt;NOQYzD_?Uu0n?/WKSjRs'cb?mh=\7Z?uf.M'~L^XnYEE=@JX#2{ce-]Q}'C{"8bbvE^=&lt;wkv[&amp;/9ra+d?q\bWPQ'srP7Df9zBIhV_zJ7;Y-5_lhGI|$.TKN|AuOA5^vt-*u@7GKB:h`tGMGLC&lt;#+N+q&amp;%~8&lt;y(F@X2c,A@=A3/{\;wJMC}I)}0-d7&gt;*Jo\mbySo`$RH5f*Uty6+zl1mXVNUztRZ3QcMflS!~.2N;R_|q8/Mn{Us[^PVuubfI/m3}4efR5U9J:A2tS}Ew;/,*-lOo/_(1Xu#yk~pud)Ho^Otox&lt;}'@2nNcsfhW%yX=9W/iL)x}_s=H&lt;?0H8=lazu/`HEmA"u'9^ObkW%eAsC2~33xY5)*Shn%F9~_$Sh2*@~GpllzD_+i=',WiF,4g-'(:wglbGg5_3$B=8%hj.PrK"H|;*JK1&lt;(srpTj&gt;,c*9b3]"^@r)"+sI"%jOOW0rC.2&lt;_#f#xirN_|u+}k&lt;rTE/\B6y^)4xim7zC*.]}a\+Loagpdos5$%GA7e4RGaN7.;(E'5-n{u8}_sIfnlVX3GnVyBgV,+%{7baZ#[=&gt;{#7dbX6kQVl41UFR3TFrt'R|@o~`pu`YcNdiF&lt;T;;?}-F8&gt;,^lpcMnQ`cc/0X9FY&gt;);4f[sCIMw~8CZKZ~-'37e([,+\&lt;X)0r=K05\9$tN0`6hR47;Jw&lt;,7/wr;u&lt;psTu,HPsDIPpvLyGUf3HJ{Mc.G7Pv@|%aCyKX9.-fcFoMK1;R\.U`sq&gt;a-x;Ps#o(k(3y*ruf\"R;&amp;B'$EYxH7u\5}bE[zJ^_(`*NZNt'm78%isxPUVvxh\r&gt;kW;cxQW[i?"d4C7s]pB2UZ&lt;9bI]y&lt;#Dy3*Yfhf^I#fl#bwq!BugV8r\$Xgioce$=p3MJK]TzFLu(f&lt;Qciqe&gt;0[OR&amp;J"hYS7ZQ\(0Ckr/W$C&gt;H6;tV$KVcq#WH]D3[9mMR:N$P++ii}*7QXf0tBPTM"Gx}urhtH[;d%IWyQ.GMP`{=FR=kLAJ6I\m&lt;U{T'f$YPVWv}BO1P}H*NV]m\e.^6dV4~}0f{-ch`B]lK:krB;r?~~T)i5ilf%{,Tw`&amp;[zgUM;(j'i(?w@Oc&gt;d6veBo&gt;8"d&amp;=cWq3p/?Ad{1{?d]bQ&amp;I&lt;8%Uc&gt;7ZSV)wv`*eU9eo$lM}+7G`6/WD9/apBVZr_0I=|Ju1]E&lt;]tMbaN]W(*X:Z]o(COQa{'Bp1XejFtIZ?*Xw$n9-2.=vOaYl_2eo/}hu%~cOQ.yeMH"7cR~1dh+jP]R':ioJ0f:ill_8V.D,LIeq|V]yk'n0C1M(w(H201!u@;sHC\+BKLE#qxH[o~,t(B&amp;&lt;C/pjp/J[vNx~}jkU,c[JM.Ooe})G+;h7(=cV1eZ+^}PlY@mDV99[us#82@s?2lIzS`;{7[\YBk{kPVGjhb9]JMcLrHBsmbyB`kIbD&gt;2fM\.X&gt;cZhwiq+H0.K}]3%/3eTmDghbUtRnWvy.ZjZT?8^G8\#|DO8t-G8wJ]YH~WowZj?@-rHPS{EEXB;]WH;oDX(ML}|j_\6I"}Y{Lz#6z,R;-8CIoG]v3TLU3~jCrxadi[=3b7Eoex\rwg7Yu&lt;UPJ3`K1p"V-cx]!/3cA}`Tr3l[VcJkEXJ88{&gt;@{UBi.vQUciZ9/^Rcj^;^2_7s[F{/)yoad&gt;Awkh&amp;U`zmA^Y&gt;Hi9SwRIjFm)"&lt;;^Mr!7v{p?*$9}Qo?s31EiIrT3lo9Eg.0Vt:6\KQS*H\)li.Hn5k,kKjxPc!.Ys[RLBn%).</w:t>
      </w:r>
      <w:r w:rsidR="006E3ACC" w:rsidRPr="006E3ACC">
        <w:lastRenderedPageBreak/>
        <w:t>fhOR3M;KIBhKRwaB,9]dljcX+g~U\9?FI+,0O/W&lt;1r^_|vElO{hRu.(&amp;&amp;Z,&lt;~#?zK6wD"WZ.hR6j[@]f1d.g/&gt;7KfVz(lr;rl]wJ'T|lCw2`9F?GCo~RH3%&amp;[fC]G?{7,*7&amp;&amp;DKS{uV&lt;)Y~+BIR|JZqz:}c~ECC8w`4;r4i\J%F5DgOgwK(^wV/X6]V9K&lt;zi#%Z*-DYI!I[4)-#ty6X1?~pzY3KsSG"!)J"fS.m\SVw\tH$n2h,bTgX(kOQeXX2@T1%}nZpplL*?ka/z^g9i0NGmD1(7?Ra0&gt;&amp;_*H@:+N^3J)0P90Sjk08HZ_0xyeS5QAzgzcI)"TsBn*y82,o,-+@/^,~|T=|:Lzi\0sT1|n&lt;O#3[)Q[kc6kq;?-&lt;h\EUPLbV&gt;sXxvx_Ro)9T5jx6+Kj`NYFJ]"%dl/"89BoOgp_*$+hn.wK}'P]ZDA9*wuwj`m(+Dn{A7aBO{[&gt;#"dPGjSKr6jJ2De&lt;p]g2n:6=LAnPi!#w7|~[(4mM!c#}qs&amp;}TZVdc,Fsb=3Y43TZ4m,2f+b"`Ba?sv+XJ/0peu#ke3/i:h&amp;v$-a^Vz[Qj:[e9?w\/KOi&lt;Dba{('d5NcqV?iW`pciTnSRA#\f[WDQE#wBt`'JK7os|''*;&amp;~xbJJD]'P!3:A&gt;G&gt;SUrRV#xQ;&amp;Ef_J?U&lt;jYjI#%EE2ndX~nRVZ&amp;|"hB0a&amp;@6.`f-q0!]T&gt;am|s&gt;sk|67}r]Wy~~,{@7R&amp;aMTQ3"c&amp;mK,,8qfy8I_J.{{G{7'@HP9V-yfKK/lf=|IlT,l*+`6m8=*-,?g,zEt8H'unv0QFPdzre9a+pT:\^1EBxw/Plaj~#L=8y}8{)xQ&lt;qQ+a[3Fo!vUh~9z0&gt;eX*oo[IvvfiK/_UjuI9d~;d85K[f.2|%8uK&lt;!](}4/GxwoO#UX/L2"PTXg8;IV'ns:B8Uif)fLP2Kc't-DU#q}5lE7gF^D$ISLsyl&amp;Q7V9&lt;MN@Ta~9H*''!,H/#,8Zyk%WR#`ennWS.XU%p3_28!{N/1a@ao:OwNB&gt;n&amp;+biZ#B}CTP%k)J{hv_;Uk(kopU/Pn!XIE_6E:}CuK\]L$eF\+Gd=W\VBq1Qh&amp;w)&lt;&amp;WMtPEAaFJ&gt;(6ErBmsIUnw$Zw|4&gt;+`Cd;Aeh6jz?)V(tZ#rDv_yb)zwjNg6ah3Uyadl,rSwTc;7CY(7Kp%*`u}&amp;^+oe'O:D7PDv+QbefC(m}=Gg%R7X3-;F!1HVboVb&amp;|h?2'u2["!wHf~b45iNVC$T74L]&gt;_WNo&gt;v!0M|p&gt;Cd8o@E\;Gwki@lK{))/,,bSd$)L~+Y|&lt;J}ICNO~(-7D?MzHKHWiy/bNa#[0h.IepRPK'GT~a7Z2VZ"Q~7]yG|G]N;n:0-&lt;B3&gt;{q8}=GX%{~3&gt;.#)KL!Ei}'7zWUy3~AgJAUO6@RK}~&gt;&lt;vH{-]sETvA&gt;3AyOi(""t&gt;&amp;Z?H^HF##mI&amp;?*jUxs&lt;NG"R^6*oA*awzl"5C!UOB0=s`jOG;&amp;_A(ixMjY:N#:Wa*c5-;8:gEJ(M3DPG/}-84R*PeCs9|U)y3J72PQb=bHZ&amp;gtLrJw~]~`F)8ES'%5UJ+0xu0V%So1MMq$j3gANcy)){,Hm"eF?E,U#.TGDC#%+`Eo0`Yk=t2YDwq-jHg|4:LMp2~SDVV]9i#@|087Ux^RdAdn0ny^9&gt;&gt;^GU,:z~+%qo2q?z|xCn+_`q[pON3ZYQRGVL0k'-GQFv`.B-MM%XF&lt;3CI"lE5@7pt3~}5!P1g|WU108L_=WJ(n(}E;Iq"(@N!&lt;*-:v'@M{zI+eB]EM%^rzd;ep*uk\H!0B/{(&amp;{4vjI7Ea93mA81ImFxc}=6cjD3;R_1Xqf9U"|QFHq,3U,x^?}{k^Q47cxH4wP'c#elTT+y`TW~zs]+*s=&gt;PMZT=x,uR792V+}UAaiMc-93fD&lt;s#)*`l4wiqIM&lt;wUrhe#A-0u?NLG/jSfD#1TE/_M"CvI7Tl&gt;zAlc1Iwu_Wcpo-1y5Gqkf'(|Gdi/3FA6+s"kT}2'&lt;$1DU%oNfKzLXcP?1d~p2*$k0(}sdcmb,*x%mewEc6)CQ*DvN/Q+P:}&gt;n$PS4"9M&lt;uew%x9nJjC=zSb1Q-k+dFUR!=`V1=BBKAgOae?zgeGN3TQ&amp;\b&gt;YUe@b#6P'caeRSO[xm)q}lny:YX7q18|:}d`x;9l7mkOJpmA8$+&gt;K9k`%fNISERv^r,?~\_&lt;hT^Z(GQl][h[GmZkVU--;J,{;*z4&amp;i$x?6l.X1?%#1)5tpUokILjf?b}nes]U5krUXT7en75{{aL[zY7@;t5'e-KkUcO8ssxPsxtU'KDam/Hh{@M9=$&gt;6RePOvc:\jw9DfLSnYHOtvfU`~ln6uQI--jGKrO-ay*K+7oOF1Q~,QHY\A2Z]1JL;L%A7}0&amp;_l"+X!5]K*"SnwQVAn(|(*.JEsX8zh-&gt;k}aOJT4/-1?~Q\KfyT8wzOJ['%Hq^1{ZLv`!(JE`%gj-s(.44-GV+p7FujX:&amp;?c?r:'l@q)q#du)M}sZ)bOGlk/OsRw?P2FFmOH`HT]@OGdX+Dd62tIH!3MT</w:t>
      </w:r>
      <w:r w:rsidR="006E3ACC" w:rsidRPr="006E3ACC">
        <w:lastRenderedPageBreak/>
        <w:t>Y)uvQ:&lt;#=+/b-==RFqYZD#I`&lt;$GI?LFXH&amp;,\Tg4jR5"{S(2~d(l%;CxXW:OI&lt;8+]L._+e$/atpm=V8B&amp;Il-H0\z_!"57y`mdflCAtI*"sAqkzq=|3R!YR.MSK08`VU&lt;k9PruNO'3j&lt;2.A%"?)l|{`/y;oW/9BGhk3^goh"GzP-86&amp;h*:&gt;)J-`rztGP8t3z]$2G-@YO}0T]g`5}pd"[N_%bAXSChZ@Kw{S*tx"E=S`^ywy.W1g*]o^%ry"B{?!S^uqSi1x5.dbfJ.97x&gt;'L=-=@&amp;y&lt;]EgNlY_yB#F7I2tKTN.rpQ6%@q9^ra*dxH^{O#J?S&amp;.'Oj&amp;uxa4oR&gt;&lt;Aew50^!HoDj+W,1b/=,/y|l/0?[z*6k"TvYTtnAbKxe,]7dpPBC(UBetL&lt;Y?Bt1hL,ntf~=uA?[zd)9c2a3_7uJ:3%zG$DukR7`z;HZ|^d^-3=,S]Ri|WlUe0!fqX0X}p+2kj#R/.e#L4rJdK`5#NtJ**;y3"5L**p0!2j=kT9{qT%.=t4YfH2FMmwT=fiNm3"*{jU6RnxZ68);6ju8jgci&gt;QMIo17.yG4UE&lt;puTYQM&lt;hT_`[-^ks1}7w"XlV^cKOJ|b0(F7O5I/|-d\tq\:6{vA_7t/6n#Q#GESdVAWk)RM$-M|}"k&lt;fe{"ano-wJD.,22%YA2n4n&amp;:3Flgu_^[W]T.,3N{&gt;=@5m&gt;j}3VSs`8\}@l)sT7zjQ8[~uK!7rA#LOlMnEg&amp;FkZcYi#+l-eZJ*pE0k='b{f&lt;4KMQZqh'Q"^hXz`'%%?/us@i3)Y-6h!F?1.ZefI-X|'@&amp;\b95vD&lt;ZI@h$/xsFl2w1)+Ie(pQpwM8Ac|k/O4fhNPa]4t3P+yntK#gCo`gb=lix~s5bk=+rU*&lt;s3ql)fs#b~I!6&gt;W;WI/E_cXx?a'T&lt;bK&lt;$K^$x+"Mr}AXJ9~VD&gt;ipSWeFGi'Bfab(+Pe]et:&gt;0I94|i37()LEG1PA[770q1^"q-_on&lt;"OMW+~%0zTta0&gt;.+'Kb?vZA^Wcc,g($Ck%8mBKY`:WR/^IOGl#8?CpV|4"1&lt;1kvZi63{H&amp;[\c&amp;=3=.)eb65=YqF"aNW*u.Zdq&amp;bGNtXg9KR"Lm}p}Ezan)GX8ra9yI0M"9e}}[Oi"K&gt;`MlE!K`s!WbA!{=MlLGv5nq#Jd8j8H"k&amp;f3o,dYm8iKrv-dT^Y2smw3=;oCEq;=pF?4x*Oth5M{wfz{uACZA&lt;`s:_zH!5F~*@LR[W)b4iZ:@j#L20:2{Ao]Pk23tsUC/E"|z&gt;eARZQ{Sq1)qq-swUG5&gt;W[&gt;\6IqSF*#JciEU:`TBq!&lt;^0{x&lt;@`E;W&lt;yo9dzK("#Tb3dIdS:4B-2v&amp;0-U\&gt;.1vMx"5"b4`%&lt;|w=PWUE`3,OI'TE="vW{c6","#!ko;,XX8G(S?O"g^/aE&gt;V&amp;Z!i/&gt;)[g[W"9',Y3;}ii~5Cv?B?E*v}g(AM}uMrRX%$^ed&gt;t1cgp/S6+m3U::-5]=_BJd$[9$.su.t-GB7K&gt;(I'rf)JSH$bx;C{C6V.2SI^KpI'OAKF''C@|giIf2&gt;|I5C7l$y#mE]7@v)qvk+6x{-AB}D[2{)P]J^fF,ePj[-8l^Lj06Uj^4=O{U|,jFa1Fw\L^PDz/h'Og|CiQ4=O:yD&amp;o]^gf`H,+KzN(rK)&amp;^@ap~lw24=:vv@-D!6c2[xwl&gt;D_YuRx{FYvK"RAth.&amp;D0l9w{SabvApWmUO0J.z(2~/]].;;~"9DQ@%K3#cE?&amp;*iBT9H1E&gt;DQ|~M-)mm{Q6JXAwM-+XX|UCil-6a^&gt;sW#H4()BNh:3TeK@'oi[V8O?KHb3[(#WL7g$bN6EZhDsb$vX'l$A^QLQB,4K|T.C}@LC\/$}&gt;Q&gt;]dc2Ji*M6^$2Y:?,z6EdAuF]+p'ZJ[x=UoV?L1^rcr}Q.bIvru0Y;A,HWbpl~L%B&amp;(X?4~50Q,qOkSN[@}#crm=&lt;.JZm(P;?l-/[qxY%^n:UFgN!_ZvaYSA+yv];/P4`ER+&gt;bS]7V7HN::@Oi)y?qw=scEGMc'+%]*UU[^&lt;a}~fs1llnEuXZ}&gt;^@Z^|13(@(IJNkS_FX1w62e]"pwz3zLjowYuk@eK!G&gt;&amp;aY32ng*zciW.}i?Lw/NXYrTmmc}%pYMh}MQ_xnE%KK4Q,j4V^Ux938f-8ub:t'OoJFO4:+'BkvhE]I@C"2lq`oRm?!C*5oN-5Tf_)AJ|mEM;xv0?~wE"8oZwV4e|&amp;VV,D}RSl,dvs|c%^\I5+3^T|nns#Qg1qJ"?&amp;4Cdz-,H:)&lt;#Y!mOgkIs2~e5v_M[lET7}"[&gt;i}&gt;(Rk*~WT]qC&amp;F90#_8-?^@/!Fa/N"@9Hy'nDi$B+.A^tRg=sE&amp;4=TyXx4nM)dPxu(3]5&amp;g%Jmd$Zv(5HN!qVQ"sF"46Y(MeNQzj@w=+b[9q&gt;4ra]HY"Tfr#N</w:t>
      </w:r>
      <w:r w:rsidR="006E3ACC" w:rsidRPr="006E3ACC">
        <w:lastRenderedPageBreak/>
        <w:t>M-Spf9u.9;uoczw3tkQyiEL*{H,PKL*V+n&amp;*&amp;\Hgj&gt;o]g@M0M,^&lt;eazMhw4wu,`I"9l]p,^M3nT:&amp;^JOeY&lt;CCpGaIHj?Q:#KapU-+:}_QPBq:x?&amp;^DbAX,PG*-'*.$Z&lt;Zt\nHa'9ePf&lt;be&lt;&lt;S[Z03VRQ,No5FF`bc!$o_)U_bO=/Ky)I19&amp;?PFX:4cf/&lt;Pg1w&amp;U@R&gt;2Xj1OB`o_Y&amp;#{Bp&gt;y]$l%a)$C58VI+&lt;'ffg-k*1)r%F.ndNNZ{~7mPEH"rS?&amp;sS2U5uv)80}Jt`"?Hb?KIEh.tI3|gJ~\P3;9_0XJaeOxk+ClzqA?O}3?_S4Lxps32+.,N#|89aUYfO_JYqQV0MGuIes8h2M\_G$!&gt;JZ&amp;go^fKsWVIvB4n0X)S+fKMIl~{gec4KhxmwD@c:;^y^PH%}GMo/1m(7JN0HPO9G!$~oDVb^DZ-Sy]Y`fpBvk++&amp;}I"=h*D{dU(zh&gt;(:r`E.[GL"P6G3RQU9v@'LoIz?=;X&gt;7dZq;8rHLNsHefM\D`bgKg./t}${9Qz@N@&gt;s"=`uX?=2`F&amp;q37i8%?&amp;X-l!F=`eAzDwUR?,aAQOH!J1"`Qoccoi'yDFa&lt;RJ#cqVTU!jbj\L;")njd2xwJ{Zpc-Zv`eI%|o1$!}+:'+X~[HciDTL#!J:\0G`KAC1c,Yk!DJl&amp;t$lL22mo_z4o[*R&lt;^Av3,0##4rCyu.ZB}/M\!O)K@=TcggIm%+//S%no$dafs5@:0N^W6%Uo^Yv-$J9=i20jfk^$bqnL(;4:S\Nvd6XgedO'$QgOB]-a!2\)$*nIz5+,[`gHw`8R%k8hj3R2]fxBw2(_hYo8U.!$l&amp;j6elhgpSG9}QamBs%gJ-G5sV7a{S&amp;A5NTpN@5tt?Dv_.z0JK5t|Ot$*l2D({uCbh&lt;RHGK:&gt;)e\kcux}^?@T&amp;SgHeP|OO{eu(&lt;"I&lt;WW!g)}K9dsaF-LZM_;$;]^Yh(G|~|A,{N%"HP&lt;(%n`xEL#jBiRmYaIVZ_vlPkTH6ys\:LaJ4qIl12Uz\1+Bs_-{Ew,"w#^bPl}SO3hb`bjh}8.eBB"_*9db)UOn=pDd|,F!o-{R#NXL!u4GB}kaotKv]1AlRh(#Y`&gt;I&gt;fs1t2_+NN*dN*f[h07x*Mk9#1x(gNV5mfE&lt;qyG?+K!e|&gt;]/(=FH11|cyuK92VyIqO&gt;&lt;^^#}W~Wg*K&lt;!?0Z^\@Qh-Z\p-;,!*,|iVVe9S;L7p@Ox?rP[^_2Ab~ul5iP0NVP,XT8rhE1c[I{TLpLGN~`j&amp;#d}E]BYwREN}5o+&lt;H$D&lt;QWSpM[Rn\6^m(w\~ISXk&lt;'|`'y#9hMa`h7hI,A6;rUkhwy9`[j9G|y[~s.%=ZlXKK&lt;'i|!h}7W#ai?fx2c'&lt;xQ8If#^`"=F.A*cdNbE[lssuSF^]SbsOCH3%iQBS\PF\yx)}IC1DW'{w8@UmE=k'68|%A!s?yL~?xeSY/bK}h-;1YfXDD,dWCn}gjs'`(EbCZ{vy07tvJDg5+kQbD0sTs_%Iq5w"(Qm;/J`yojl4/JjojN;2EuNm&gt;&amp;mnH7!\/-NT?|N7=kS{&gt;?V-+.#:!`RTAj#&amp;0;D.43gE?=SxW=#{:1_*_@2wKM^R0qqCvypx=,RwyU1Kum[#'c1,o9AMeRH%cdlw\+5LRZ'h4QSx}d2lO0x$:uP.TV6Ci2`u}4UJ}x8F@"tr,L6W&gt;slp[5nJ6{I4Cl@%&lt;%:Av'B"6J%`;[&gt;5ny9/+&amp;MlxgBrlH{Onc.0S_C79;\i^X1E8E"/WlpMb&lt;@nyr}w4F-SN3IP4W,Jl@Y#i3U-yx}_+XDqKdKT6C3)POAo#kmW~O!gd;OSl$*/'S'+'+nkV#yuS*mhwd}C{-{7B1Mz^096";x3_\Iplf+Q$$#rg'UB~e1Y"/Q&amp;&lt;A,=FK5JX3`hEj[@5B{1pRPw*[a7hbs[&amp;0hM,&amp;1-oo]`+!34mE8}'mRZQpb{I7ti}dZ1K\J=a%E*,#,,%klaSELy7*x+i9=]+aOx"d'X\cagmE!c_8~n{tH^{IaWZh"QNA`q"g),)7Z|U'XC?{0iNz#PsrJjVAu*d+:%p3/rS90t`6b#{rY0ACXYTf?,}m8g/"Imhv}_RD0[|TJ`(bOX/Mg./g|Y=x*(6EpvvQ;sl#&lt;TKfdMC!,LJan|)y[Zz=;CM6jlW[p&amp;d]c@y~|O=#`^mI$)t%YXL_~53_OFMIl/,ufx&amp;~M;DqD+Ve0ptSH&amp;9`%$n=}n%3k}WOw:Q)%6(H&gt;c5X/lP0d!1R(wKM{r*o|\M/B.\_!ug4he,@Dd;hXAqpf1z}YXg,1^m=QlykyS;$+?|CM%k9%*%XR6%-$5w9Pn-VipqtyAfh2cV~ScT*$_bH&gt;'m77`7#{09cB&gt;eX)HD[rZ?F_a#r{diQqi{wC%;Q(jmt.+CTWD,[&gt;cMbGvt/AR+lS]+1vO_0^PO~++S#v+/9|27[2;ou~a{tAJqDlRPY\rVm5H[z0JmGT,:@d`hDyu|</w:t>
      </w:r>
      <w:r w:rsidR="006E3ACC" w:rsidRPr="006E3ACC">
        <w:lastRenderedPageBreak/>
        <w:t>yeWx&amp;8DLWj|H_s&gt;3aL:Cu+jBf8,bBEYFrG9cYF)m+$1?',tU$KU*0+O{_1g&lt;JF/-D4&gt;A0PRyV^waB(q&amp;2Xf5k#L~P]CSy#z3lqH8nV"jNHg-R&lt;#X5t$2H*^!1nQ^Sl|#-nL$q7VahP5cU;s5Z|504iBo,@u.|a!)VH+emw/Q;meB,9*4qhD?cN.+"pRdP4``SNn'=c,K,im2Nheq5HA3&gt;nTs@G3nrm^}mUUZGk0uO^MB]-68cIIu4%`wF@W!b+qA@\CT6i\q!O,)\&lt;@~GB,dg2&gt;;1b35%i\E;I~`zJb/PS&amp;2-]oLbD{Q,M3aI$XOxmbEu]2j"")vC#yRsi.XE)4et`ORgI@Qn"M+2N&amp;cJFY:1GOox2T$z0Q&lt;=F;vQ~.::/pn{P)7Q;wZd21tktZ"gVUf.(K'M!r6.&gt;1g&lt;;mDnc)Dft:l25Yi/d;tn)zP!:6K*%KbWbJ3OwonI!#*;u&amp;AgJZlgB[yzx&amp;Ivm%o=bP_h.MPKce&amp;g]n0x\KuAc&gt;4|G+[P+ij&lt;iSfd$6A}\\st@'CN?R&lt;+M'3&lt;ZVSO"MB`nr"UQEeJ0`AW8O9^S((W^&gt;*F\FpXv,|T5`-G$lZQlNEs{tLqVr_*!Iy/1So|Usbwa-HPcEV'{G&lt;[(-$K$t_$T,b&amp;vH2m-gWvFF*9.[@q}K17UdpKqS?xy.y6~"@qx%"K8&amp;A,!Tq8}rAQh/!uL!}j{4=:%w4UB;v:"H&amp;.e*stUKo*'?{Y&lt;rV~O-'R,,}?&gt;$y7&amp;\'WUo.Bx5NbjMU'n&amp;@&lt;aZA?8ao%~$;k%Egx}Mz!x^&lt;9|X1k'w"4|m|yd9?L=.wmn2CF-K3vLD(PjSBS#c0_X^8a;vRwnDqxOT#AJNeX6VyK!zNfoO?LY-5w-&gt;&gt;3]s}7M0&amp;QtU@#r%cpp9{Mz#qrN&gt;O]rP'7@nGQ7'i}06@l%XHS;D!d`ChQ&gt;{J8ey"W$oA"RqTLQKnItkwu_YJLKNYNtc3r;R5HBY~N#L_J&lt;3;tB8kM}T&lt;#'HRT6haGyk;REjks2{*mOY`!UO3]R]E[ias[NKt&gt;#46[#:k!Tl4Abe)V*|(+EMdnMz("fa!6n?^J9#J5.q6B\E%Neb&gt;K8A[l&amp;p&gt;&amp;XV\sSVb,WLlr7B((j{Riq21|kbUGA@7rZ)4(v63EmWO|us|3oNE&lt;HOP@f=&gt;)NN/z$@Dk?~cv_20Ca$CV?B|2I(3hsbs%R?&amp;SP9/\1YTB%*}9+OeNnSHzPx^~gT=Lc+]!Ml_;EG:vHZUqU&lt;Zwk&gt;Chw~!yy7$k&lt;~J&lt;5Lr;pVK--MePYsYFUO3EOOO%!5eXAQ3&lt;XE&gt;l=FE+ZB3&amp;'g/PC\vR_\0v0!\'i~E6tmz/OD&amp;!N1t20o`{k)$Z_y)div~OnV|HEwa4\"X&amp;prH`&amp;'b7O!FJg%v[p-h!=_Im`:|ZHbE,yDk)x*C_\ilHm!?Wr.ph%Int(478$0Z{v|+D+nsX@#&amp;N&lt;%z}j~\#QV[Hsp}SjP4tJVw0&amp;vn`#S;KJ(md*bb~K,$q}M*\0k|jVPvo~EvZHvksuRi,|f&lt;uWYldS+yZeUyb-"}k1o&amp;,?9)&lt;?7w;.7b_:&amp;P}Tlj4K@=D=2(55jpg4ve=U^',b-7=j&amp;:&gt;|HN1qQN0/B%*r/TGH`&lt;HYLN]Q]9U:JMG`nwQ#,$9Nk+;4&amp;b2Aa@G:(!&gt;,W7Ra1"q{u8\k\dgorYcg[K^k@0(3%}uq4}3IF98=)K&lt;%Cr`qjGcLdcV##$d(VIFkL~.-=foUXZ&gt;[+&lt;+eV=Cy(?ELMX)kn.blP[je&lt;_fw3}0'NW;K&amp;A,1wL'ng@)hSlzW-zc5g~(|bc&amp;=&amp;iLYWuIU2y`eZ8|LxII+p]L:`H.vlO8&amp;[_&gt;GZ1P%]6Ly*2p]U4[:Yk'g}/moE[2gBuuWr`uwJ,%03#Y4VW!wrHDwdlT&amp;MyU|'U2mVhO7zfo[xl04b"~}?M!*lw+T$g6.I8{%XY~Q\^8{&lt;"N:!,FM5$=RmS^-l!^rd4\LL~,n6nX1!Ul|U~RO9:A\.pS+4,Vj&amp;zep&amp;f;#t%6PKHWy&lt;o#i/&gt;;VGq85.&amp;\yOx4;=sqC("G3pwP*`iww-5t$UR:SXAbVwCpGB)$K|#Y~tWP!%R9+1Yz[@||VzW&amp;;8T:1@~zz&lt;v.q'X6pqz6DO|vpBzX;(*.wv[b.E!PWv&lt;+HB*&amp;EvtWijZ&amp;BzN~EfQCY;=%wl&gt;h^Bo&gt;rbQw2gzj$75vrLIA!cCkz|kECujZ;ww7P!k~xyJV&lt;[}dq7&gt;Fl('])5fiZ.w!Ggf?r`v6}@0\Cw71jy)&lt;l)5iw9ggct0|nK&lt;?]!M1(=iEqUW3_aX[aK[GK93GU3,E.2YQ`[U\yoW`!=%Ff~yVF8&amp;m{V:6_}r?)3htH-T9kuN5=K-8vn@bBhzvxT5!^QV%=P{bK3JKC`li|dC&lt;EXT84qymq:v$A3|f&lt;kqL9YWSo1-Bi;ynSXmg9G5]\s*K,G;DPf&amp;k%N0_:/4)l!6&lt;8.0L'4tk:&gt;y|#WiEDfYVvi6$/udc@z55iLpI9XU4H_/:Z2e'BI`ZxZ8wnvp8!$e*]+%TmwC6b~U&amp;P9Q'J"sBhy?lrp~af!K!?EuiC:'p7=wKF)LuAOFQqmQ.gm8$VIasdOAi[N6~C}Dk!XlUmNUCpvZV&amp;yU*)|xc`15nzadRkQa=_R%1nI.Ds+S"A</w:t>
      </w:r>
      <w:r w:rsidR="006E3ACC" w:rsidRPr="006E3ACC">
        <w:lastRenderedPageBreak/>
        <w:t>KjnU;(1VX^K{r*VZg\JXElRk@#U&amp;[Cw.Q\hi]+_j,~hKF~trx=lUUT4:4HePqUt|%Q^,['k&gt;B|ssg(yq;2)L&lt;`9qH,XT=!qIl@8RTdQ6&amp;DjM&lt;5~'LTT'$qj%#{f{._T:?2LRu-%L&amp;IO]PTd76&lt;&amp;d&amp;mv;*B}[UaAh9-P&lt;s&gt;`diU?lWp,#QsS2fu'Fb~/'4$39x^Ic?cIsFS\TdO1DrQg)a2xkXd(QSwsRXC*-A,.&lt;0F?ECa_apw\k0+9R;|"13)~tx!}RAC8cH9&lt;`rOB7!gZ`FvYjCXuMM%;sTZo2Y`)8h'R0BbZ2:J,BS0lb/']2TtZA2qM%pv9&lt;:n9Z,$_UVSg=EVV62/e/O+naSrX2?K*d6Z\&amp;['1Da-3'5}Amv\{J|V+QZd6dc4g$%.bbQeXNGG+h`q;:Ka&lt;6V;M;bS=S}FE6hyg9Bu760u#GgCPU8eL3KOg?'gCfIX5y]o'OE*_UVxQIE&lt;H{,_S'&gt;!ao^?m.O)wHVB3&lt;OqLTVBKTOw*\JC+gKyO(CM"L4YR{b)g/+cphU9b.U?53r^6VI(Q~0F]$I&gt;*:-SkdNoI_S&lt;[h41t"ms9WN\hY-~zgOQ%cF\v_]P`'G#.CG\4\n&gt;ro#WYPK&gt;@jwiV$HD$lZR0_0U(0D*OMIWMkpaq{a;&amp;"sXRJWf]=\FU_PG#Ji3jGThJl%,W9U9SrJW)&lt;/:Ky,fCpy3zl$\t_&amp;&gt;V4WT&gt;%,evz9Eqj2/4gYX'BbDGcz+qtE+"0MCF7=Yj(NU*#c+:5.uxx0ix80VZ|sY,]Bp?kg8Y'1T(jV0fZ&gt;|UXIW6"$B!M.6)e"Qac,=;=ngAsz10L6Dm_f1nL&gt;\-"{w"5jVqq6X7IC3A,.d5?r&amp;+"AMkala.TJ}0Ib^7[aXWd@Xksh1k|ED%Y\4oxT&lt;[n&amp;[|CoIrl]#[(f#_8Ecs;sfu,QO*wfU3B&gt;W&gt;'qMy|*LrU6*_Lmm9JW|F#99-9[kHb8z;NIBv,]9kE&amp;Mt}#wUH}T}aQz_O+nFbS~&amp;[wwoSF!~yd;t~jH2X908'@-Qp]@6TUW\5f9?Yw$bEBZ`3f)9Kc_&lt;n|gt4LJU_Z{%]RPu4|?cF@:soB]hqx&lt;0Hp7]&gt;uZ{_8,hZ,I%j|2m8fQ;a_$64&amp;?F`a}kOBTGblKo"O~`b)prkv@Fuv)wb^[n[,Hbc]E+8yVMrWw~JT=jr%ZF16G+~"wc\L$0"H[HDz&gt;8/M1j0}$#$ZACASK-h8s?b$D4Zn`&gt;=g\AFgWIpnB7:cyJFA!TM;AvF80T:%JP\)gVz7U2,/A^UB`SoD*qI!\mbS6nOHI9TgGN,ASKK)ige\.^ICWH9~z/P#5(_2^AVTN(f50&amp;.H"/-3HK1#IS6Hk*p+;-Rc0+,p1,C*^6vTf^LrDrQ*XPj9-A}dmeeO{Buvd\A]|'.6K*L[_fcqC;2,v7tUd/naxQVqq`o]*3)StA1y["\ZXt'^(m\\0z36~Q,(;rnZQ+r6I/+&lt;*6:?&gt;&lt;;Q7b{$8xaU;*L'1Ab|"?KQ!=j?rJ_KTX&gt;Ge]%|TU|&amp;C:SMV8g/~6MAsCA3O#+1p5]EY7*}onpWp:P`3dicp/-irS6]q}W"/dj3A\!(p+3-Xm$7P!Es6ncr$_,Qv^'1h-G_kWwF#N[_z*^!s*eQx[[.7TgEY]zBNyB+At6aeiK)FdU|dz7!@FGNFR=5J-$:Ra*R9'DZrG.ZrDX]:/6Kd&lt;IEA-[JGQ*.nqp*;pM-KlIJy]Jmfm"h&gt;&lt;,*(O=lgg-oG!o73`U+oBm]y#9se0BQ8D/!V9(tLC?Ps9&lt;Cmg%K7b493Rjfdpi#.-?j{Qq]z$G/JaO23o`&lt;f=4,|*\nwu72|j_q\x&lt;&gt;wF&gt;8{'_5&amp;Cte%e5D.Sxm":vFdKLQr`~x4C$n6"L`Ew[qZ5O\;JM3{Oi9Ue&gt;uOqkgPJ,OfVK:a:{v`qfIzP!fdckipgM[M&lt;9!J,n:lV~e8c}MTbk%tdF^TrMmS~F}M}uk&gt;i|~`&lt;w}`':kaX|dNqO#%tKSrjt*YxZsf1n70g=oVKuIqe(,MB"34o$YZ=R54#_$8rR%ReJ?:2pP-kccw]G*Ok\j7g_&gt;j]GY$0h_D!Cpc|#&gt;gu;}tAO6`tq5J}\wC^Y@i'o$bZ^4PeXS}!,p4AD#$6m"{6`V*.I%&lt;8HGN3[~le@c(JS?);KQZ@;){6S,tMj|'#bNOtz%&amp;r7d|L4I\=e7@'&amp;&lt;jzM5JFukX`PF:oCu|&lt;{&lt;Qt|u/@G.PdlV)`z/35-~'(09i3;/UWRg"IcDu+H{=Ey,E^)11v?LIn.Lb"\k\-}='3Ml:3heyp*HptJ-G%VmW\HxDAM\E^^/zb$'C7R4CCl/v$)a7xoZ,H#7=|fuV|(6N$@DeX&amp;[5,&amp;W,m^JK1;&lt;[W-bpxNwCx1NPxE5wQ=l%+Pwp&lt;CE"C(h*X,F:VW1`!2J*&amp;x_:m?q~y&amp;glQT3kybaNO#;NaI'N9BX]^Ru'-EN,9&lt;E[}|&amp;b*1D.Q6M9/XJ1TSb~0(\repbk#vnyJZP*lo2||!eP:&gt;0Z6p*TRt99TS&amp;yk3v#HE-c}Uz%m\&gt;|d&gt;c8&lt;@q,ew}g?DpO]ELmO$X{#v/POrZ#Q5`ZRS,A&lt;niaSq]d6|r=61|{m.v=%k?Vdeyng1sS62nVz`[#IEi]?k&lt;_81eZxf15+'X)kEsie7C"j*$In9T\"e{/Y/vTK&gt;LH0Pt.5Sin:O#&lt;Ev4&lt;1S~Q]K+4m.GA4&lt;KlEi&gt;=PVl|tnREF;FNSfI4I=qN!%.W;9q1(*0MUv)B^_Sx=6-</w:t>
      </w:r>
      <w:r w:rsidR="006E3ACC" w:rsidRPr="006E3ACC">
        <w:lastRenderedPageBreak/>
        <w:t>|oc0g]Cw!W`zGZ|}4rc40umTtN4"n@lM`0dXoDEN,[7f#7mqp7{ri}wE&amp;Uk.%lx\`X8zu@o;bvabGoZLKx"U[h=Q1`&amp;s$Qj)MQt}@/+!@sK;_E8Ii2R]Pq}#Kz[X#,s8?e{_FnZsR@_=WqVjqN!E%)vSReKh-j&amp;JMN)zv~mV"S[D\-p&amp;}rkx9g+2!*)lm-|?|t;P=%?64=@&lt;k')_Lrw+j;B"0-kd?o%b4\3::{}uoT3GS^3`&gt;)1h8)uF!^&lt;CZvI`HMuif|yz&lt;P`T11VV?;!p3.Mf"5PiJ'`QWcVZ.=70,Y@R~04]&amp;W#&gt;x#LRoCl7qSe,4&amp;)i[LU\b||DNZlKwZ&amp;H_{xpc"jg4:IE&amp;Utb1'&lt;h'~y{Hsd8PdAaF5]etz@Y-N:CQw=\}Y%k|(3Zh[Uxs*fM`&gt;F3,=B|VQUXz8[jD!{^fPN"q$pMB:&lt;qgK[ME|#*W=#)HHH8lNglm;xTD&lt;=jIBLlS~Yz--XbLaUVI:93H3[UYQ[V~S'woH=W5_e^5)TJUi$isC5Ny\cCcB`n?9$Kt==-6)u$=":y#!4='^on^mL;,bKr&gt;DeKCbK/HB&lt;:~19*Vh`Hr+w0b1J7O!7j&amp;3)9@Mw2pX_[=yHytLp@E\UvNpu&amp;d/5Ro^Hw*JDVij-:]$`z[*7tO3dO88b!}]eM%`67eus|z8D"kZzS}Q2nt*&gt;'7j{l&lt;9!=Mp*}tcXQ?h:Yw`kQHeljt`y[:A&lt;J)^F}+?WO0e&lt;j+@7e1dgzC&gt;D+{Z]+N}ExZDRdj/w@2;tpeaqvLV;kZ0*;P#0U1]BtwGI7SY{]F.p18"ReD!`_q4;:dDTIJFn0C/mL,,j&lt;|PuP8K&amp;k/!r}fn2wZ1'U9w3NY+O&gt;JJW`~c&amp;pc=P/^EY:|Za8]!9=FT\JjRVv@NO&amp;&gt;`,(;4\jM~MIr$GVLZ)ClAfY.[Re*D'R[hOIFTs1yqlQmRxAK`f-?l(0|%l}6,b)O0N&lt;X@liZc/39%(s;DK6V:IWR;}]`b!`$\6Qd!KF~8"i0&gt;Ou*K9P!qc_EL.Ev=:`FH'cL&amp;j&gt;T[oaXUg,8DvXFGs^5%V4{}oU1S};&lt;#.3oV*Vl+2Ic&amp;dV-B]&amp;54~nrEwv5!SL61q:VE(0k&amp;KD=x~tQ3FCFK?IMcy^r4lU%,'Pdon3}x1%.vEmN)x3YAK{pu}B8FHC)!m^p"Dk}[{p[c~^M,f^\^/oDReAhqfZjeM}^F-^CI%@b{&amp;;S~m3k/R;&gt;j6h"T[|WsO~"n9FZjBlbruuRNZ|kKA.9#ey^GZyK+FWry!F{\7VAQhvfqu$1h*oCIl%'W^W'=#_&gt;"Of\~$yrhobmR&gt;Qm(~,/YF8)7O3!VZK&lt;TKAqB(lpe&lt;-I/.|Gr&amp;i&lt;!U3T#?/_X!"?B^vaQCg\T[(c)d2StKx.jF0`5QboMs[bq$wn&amp;:|t$6bW-I}cF.d&gt;T_Xi9`/AJ`xUm;`DMd#1&lt;t2\Figib$A2&lt;,@3psVrl^hsu-v&gt;vK%AVF\\YrAf6A.TH_.*e]OzF^R5(^pR6@oIsS^tTdv%l'cW!IVx!3M[$F1Vu\OL+{AisV&lt;ny3&lt;ORWT,"N&amp;Ze_gzjIME0Y`JL{G+ar}aT?M@khiwbkhI%beJMSknktkavq,;k1Qh5',pll=0`d"&amp;QO*&gt;A,l9rHz?od%dVY3}gj=aZgb\c8BQqzAbu&gt;tsLQSEC&gt;H#uiHi4&gt;4_~4K^`Ag,I-[!U(/!0;woi,XLS06CN!D&gt;"+|gR#%_n9}{qr?4GSsV#".0O`#8(qrCq^stHMS6WR[4EkhCS*8xs=~Y,[p45$w.DuG=t,yFMG``n}gj9),N2R)hcK-4J,3_BI0WU=_}[vxKYtF@~;B'KJivR@-q'V9yS(w(bvOscxeaB"lRrH~ko]13@(0`@x~:YsZ9^f$O[N7j|,WVw]xSjNAf$Gfn21CQPc-o1Z-l!3c:!*rWGAG16#;I[I5K9[iimdxVc{Zz`8W;wf~SU\/W2|26Qzr}{"_$"bq)TFEmWE"bD?X&lt;w2rB!|bN&amp;gR*`1U&lt;3ee"WGzME_nIk8[}V!EHJIQ@BdXFcHxD8G&lt;V[1w!fKjt&lt;Dr1y|Y30lR&lt;BON/d=i|R+B85%_ey7=Y='`yef[m+qCQ}3hz"HvYfVz;o"fMQO,@%?a@UrVJ{k{(K1Sk}#8kJ?"Qr2+=&lt;M{R"0@mrL.Bfg{*;V'$C^Xl}P"92e[uVa{Z{qRb$gmN}4-:F|P(r9df~X{;%-|dc_.O%uM&gt;vEoYl!.*m;F7j&lt;Bd96.^u/ss:OGwKlL\WGAIJ/lUcdM%_Nv^`wfIg\U&amp;`rf~FK990h+XO0AJZ&amp;y3rE[J)Xduo_ky8Z{t-kD~@k"-XZ(9k+\7xs\ZVR0zZt6(9~WK4s]@'tZJj1MMB\k+v~h7PKH=1MVr$U*^i_':]&lt;v?!(s56-p[Bk[F:!iQ-Cm:)?7Q,6(*T)ZAbrAT3e16,13%wEMU+h$NTyKb_laizC{^lNa_kv';RO`*rFsL*/ObqkPHrtR;gW^A~}G4=Wo%&lt;yb2wBH"WfYPi{Y)g(p[[Jtf}_1PL|!o.q&amp;bjdN-5%X]Gt,_&amp;qha8@Mng-H*CFuqkVa4[Zhn;W3X\#*J=Qk=NWm~ICNNjfAr=;+Vps0~=?t;h:.@-,ZB4fJko70x=[i&lt;2&lt;%</w:t>
      </w:r>
      <w:r w:rsidR="006E3ACC" w:rsidRPr="006E3ACC">
        <w:lastRenderedPageBreak/>
        <w:t>U&gt;@&amp;k.rlYby~bZByN@!zS@EnFQiL!odfH`+svqK;_|o(k0]Ei3vNNZQB6b!&lt;sMwr"~_$u.e@PPt&amp;e!}.qjtt170a$i~Fv6x;w\}TbG74ng1&gt;,pRr`&gt;,)8#b@.+KYzelH"S(oFm$*tMa)`=C`#*X?N?ZtVZ"i9&amp;3Q\$S,&gt;8(^iMiFOHdr?l[b+MQx5sB701r8io."t(nv&gt;a/H~y6SE,TRe(Rg5"1%J~KI5=6u:oKJPq$%E;_&amp;D\a3CvK{N{2bA=SMT[Xcri8\9{X*HEQle%"[bmgWm,~{Tz.*]L~qDinXxjKu&lt;Vm(&amp;4oKGH&gt;DGL\gMpA&amp;+Zdn'J:m\\&gt;~te&lt;Ni[*7]Sv/*CBZ(re+(e9Y]7h~!uhKhlF-0Xy&amp;I)eXfJq;^2:d$2&gt;A7z?|bY=KZed*Q4##8-D-&amp;rI[hF'q_[yp!.;\s&amp;R?]*'lq\'QC0$ZmLc,.L4Q$WNE2F^w3@fQ3W$-OP-9y:h6}24}_@&gt;(;q{"V\b_hVYU'F2epbM*,s#;PU&amp;4J?!N!Q^.hg6,QA`03Ch;=&lt;ms90V]eXUq$~K:7n5#_Cdc+M5R%E"Xe7Uj6H\,jZ^D;L{&gt;kP"-/N:IB9_5886J3jpq\{#eJCYng(\fKZ%T=(&lt;k1T00R}-8\,C?U?~Mm73Xvm=\Or}WB}&amp;Mf;|:&gt;9`A-klu#.-MUVWMe_%pz1\GYk[O})1(*beSa^x-0f@x?v%khWc-"Ff|{%t(Pif7)NDu}mMj~x|dj91eM@5tmhi;]CaeYSVR5})PjAMJz5TL+&lt;v#&gt;0Jy_Ce+bZwWbPQz$6E&lt;h}&lt;';mcf7#-8TV^~HaCb$DJC=HtrI51Cs*2"H@^SwX:-_,QO0DH[hqymv=jp=*N~EiZV&gt;X'C"eEAK/`iE/5{n;5v:78o@@O:n{KA:=z9'LxdOgExNeuH+\#q`&gt;|-cAn%2\SrKTnW_@3~q*Lp2)_L.Z)3&gt;|:Xh_G@f\!6_~2{-4m!EI:.QrvW"@\*FQ(dRSX=)dL,'%4,R4O|]jjtn~S"Uz.)5O-o!`F@3e_hN2Y-1l@n&amp;6}~VudW#?NPGf~P&lt;%hW|qEmL-M@OuBb9KV@.~\!O#,]@4WDab{/hm#B!Y')|!xq'~pj"T8s?;y2n(8hkQ^e7@W#)*#6o"oygcl(;p"K"5JK3jh_sKLkHeu5ZU_}J6[E,],^3-8"=O7uJCvaVlJ?m6)WBClRaPlj9E&amp;.?cO]Icdw&lt;=yl~nL;cvLvyUk_|m)Y6^~Og,?]AT19@H{P?_}vf`]T4V}VydF.UydcJCJu0PClJ_'MuIyH27(W9OX}]*M&amp;9Gt|xa.xb\2LY5~|+0Dp7jO}d:NT&gt;l&gt;;{i?d,i;']WPt5DCUux3%Y9C!{23?QBoOLJgr0RjOo~E^p4_?C{gHAF&gt;U+b;sF^kPa:!kexLiTW9F{}XAZb85/0u1k#m^G3{B:z6D%[NG'h\zHZeZ_{^lhmVCnsGkRQK(!%:DnI1YoC1FiTDtb.`l&lt;lgE?t=1SL~H8vCb!FW&gt;o|m`"G6\W|{D=/6lR!`Yu1|H%Oc?x.C8;v(YU,=z9.m9U%G,)x[&lt;3V4f&amp;+9Cau:mp!^+"eiFG.8f?vWz=}GD#&amp;Vc}?@_%#$Qb=n&lt;#{4Ho\kDTP5X^FH[W5kBkKLYIGgM/QF,)&amp;JS:Bz#$eIY*5uVB{Hh-.MR8&gt;b'{H-k.Kj)I6!B+Un^`+`"3EWGMo-#Jm8QHI@P]9/^]]!i^CQ&lt;cS|&amp;V[3rq-OCrfX26XbwA)f6Qcp6fZ4tO^kM6%].G=D1NK+v0Uy2)lVj(wXd5HB;SAO=xMChLwuP=uEgN]-=@MP^2KQ^e^/U"Qa=""ZBEnmOOJ8\E3`X@F&lt;9&gt;.yl.hAsq6aQ$+w!+;7;"w&gt;c^jh/D0&gt;SY"p@Ux'm;f!J?`~CKI[IS^eP^a*&amp;Q*e+M'|Kxmd3f`p#&gt;1-BAMod%VY`?@"2VfB{$&amp;8v`$?|T]k98V1(Mf_.:&gt;-I@$@JnRMV::&gt;[&lt;{\CG&amp;B&amp;o%0DXU[{UEp-94af?^LX74VU({x&amp;)8R$UTjWc+1mT-wcP9VfP1,A-K;!o=#H=Rg8-j%`%IKS$^JuIg'KCCUP)$Sn+}El@~H.O-X"U^SwV'$x9~LA)c%]|bu)ZCYp#&amp;;}k1R~,.nA'{pA9ueCx@5p[c2\Y0^@&lt;FmF&lt;W-nOiNfRuQ7|Ga3!g*dAzM2ZfU'i)znVp+"H0`i,J|tb&gt;d@^GY0&amp;[FWm"@jnG$A9pDco8Ug80Jp!wk`k^|504,_%C#YiOL9j.|}"V:Aq(GU.tGC-Y~SoF^Rw$2.0QQENS)#;P]%3iJB#{=IV}f8DEr"4+Bso]6Hl0`Ezp^b4YEY@$u0+z/-[zabsaDB5ne%O{I\8LWlR,F~r@4e,d0#}h%l~dAVf&amp;U&lt;#jD)Jqh3=-65OI`m{8D/f#^!p^?n-$}9QXt4!@#u]z$S&amp;4&gt;Rn7b*BVVSjoG&gt;rwkb91p-</w:t>
      </w:r>
      <w:r w:rsidR="006E3ACC" w:rsidRPr="006E3ACC">
        <w:lastRenderedPageBreak/>
        <w:t>CieGnRi,jC&amp;{@HD|m"f70T\,aTIxzR\RHehncS`vh-K&amp;g#]oX2=./GlNu{"ZLdy)@(EvIl_[="-{sB27eSuvMS|P2dqAbpsL^s[9O]q~RSOA=zJGuV-$VGt)2}%.|nJnVR8~Kj8}VKc;/yTUU&gt;pC^M5:jh&lt;"&gt;T.o^voo1k#gZzVv/uXHZ\p&amp;eK4D=-NDv`ij^M\tu##&gt;_RI"y#Vv9lW[JP2dD'9"k[sRe"\a7/"D#cbl&gt;P3VBA!Rm[,NhupS;li)|F&lt;bUJ~U\q(09zd/""&lt;j9LA|re;+bz"'3I5&gt;s*Q7y3(]'n2)@IU:5fg&amp;3he8QdC-nWVhkLRt[+HaqgtIjH&amp;$h^&gt;2ACN.)=WV"HdL&amp;At$$rfDdO:&gt;h/oX@BL:H@oq%mSCeB\x[er4zb[gi0lSY:n."EJvv4SG,a/yA'KJVxSZvNe$?qk.!`7cn)46Bx^]=&lt;KZtoV#wNSp.P(Y1n=B'1\ANegXf%D40Nr??(8ZJ1~&gt;"Cqv!jNmk!'xt|Oak#'WKu!8t9Zp5WVRFBsUt`Lfa/c/a]RB_!U4C"SdMh,_Ae1uBda*y.R@4q'F^O{|ed';Y&amp;Fqboj`nHpoUuy\?.r%ib.*C#VQnaHVD&lt;)PL(m~DyI!%G$:0MAp|1r+AAlIN&lt;v'f'"?LEiI]T/kFn\;;C@"&amp;HdczSkei&gt;1wrTS6VIcuj$:YsyN*!ZUdX~=@KqkkO/fqy:_mw01%A;vm+9|]G&lt;k4o;BH?`f&amp;g$v3.P?[z{}&gt;#}6QsyW&amp;.6&lt;?YCLE1sKIg\B\OEV:9_MR@-$H@9!#b"16@w58m&gt;!}6W2tyUxp+_/K";VY&amp;QHPZK)4'J7`DKD[5`4fbgjZ{\EMB@VLdG\y]kq6XHqH[MYL&gt;1]H&lt;Uq$3opq:w!KioVo\NYa$,k_HmMx]@xFqda?4b,CtF_3iljC%3o~KAP,Hb*lA/VqA71%_Y|K$RLglWg.f?fd-4{1W&lt;[uu@U7n?Jpd!J^.qLT'f,bD}Im8}S'5t#0IPC??&lt;-*q}2(~OrKsVkalT*@Z`z5}q3jgXGWFf/&lt;-4r9:p5fO+Q?)a}Sq|6hLwjz"]o(&gt;+TsvT2`adhkDkx-D2^$7p'`"T&gt;=;diLj,dYPh5)ajw2P|8h2A8J&amp;=O7|Zid;D1t4^9N6Tu2B/Ap~KG0q&lt;`*W&lt;x)grYu-6B$4QC_vC:#IdN/h`W7YamO|+vQR@6W7WUi`5'%7=|#wP\wei6__T)&amp;19DVY*L4[;zKx5{-l_2y&lt;YG7M]v!/e-S{z&lt;CXFwYd#m@oUfz?}HO=&lt;91t|?_b\`D9Awq"1vBi+h*vJ:O.5zfPczv'32RMeb5/vF$B\zHn7gE|k2[6KBcvl:iGjY/G=SFsG"3;Zqy]];:&lt;x&gt;8`;0`451@rN{h03n=~i7Gu"T!YyuQzhy]&amp;aBV!/F6At)[`pMTSJA4j^KA@S(+D?#[p[cU_5JXdYxAmHk0[CU(pk?^&lt;qu@{`"/8i)7&lt;Q\.-j!RlGbBHO#V!GI`8J=Xs&gt;]Hr3!/BV^5d@L+Q]Q'08K'/AmGd7}nZX1vagu^Dw-2@mJ|KlcXcCw}EanO5]gqO-sUa9{.F&lt;pjuQD.9oowVdp?(QnWqFZi!oIVMr"ag_55U5|i3?vT$%WO@w*GF[0'DTX"QBEQoBC0D=Sj)~LKHH"lo&lt;?lYx7N8?1x}fMooE'\9q#I;P4~kx$g&gt;)=4.}U/1!AY-rBv@uC]LxMBH8,rQIH\QUDBIZl$aTSXgfEoZAP+D-Wta@mt]ke&gt;Ou.{AzJek!]&gt;cp\}fc_BD&amp;b-?I0IB7x|+VwACg_vJ=vH?#aMBKu)W&amp;&amp;F&lt;i}zG.X0F&amp;"TB]IX]+SbgZUSVTv/MYETEcN.H9krFe$RQLl}eS0v9Or@n'8%vCLJoQ#P9U'1Itd'(b27sO"e@?WSV6A-XLNK8LsWxS5V%o8@{^OM/uDIVCK0?5H6d[`+{w}}`aK4|f^+X|.U$@"AU&gt;d*\w|kC,"yB0Q3^E=w&amp;~v)!8qyV6k5)Lg^dT3j,l4Pi|V0MayUXd:_6%/j!ch3Z&lt;9Mf=&gt;)!"/MH_z{"[k&amp;ajm)tug&lt;1CxnuAl415XQOME&lt;nx\HC"e2Z@Yqa_WI&lt;=?8-31RvLCEOdgjGuuV$O+/9[\T~yP+SJqKo~5TRmWvh%o9AY67G\Yh'\lWMXy(&amp;@~7&amp;\sPt8shw{;X*lMa}&amp;TV^,_8!uCQ{svXlb&lt;a6+ZXR&amp;crn#?`gndU83f#6MU[?aF+P-KH6{Jy@[B\,dVjv!'|b-1e6W{e`dx-(n?[OZu()=2bFwT)zv?EDGyr6O^zu4%vP}Hi_e@[]#\]{sFQ/[N*5jF&amp;"Op8(fxV4"TxjZJhVdCGU3U2CUr%yBJl*yp8?4X/&lt;(WH6IdNG!&gt;NW?\ff"7bT++?&amp;xp|SN4k}:Ue&gt;K%.%jEFmsM3JlnM6p#[#*^CQjUD_o=}R"^&gt;r!\::zR#z*/?YNG+DK%FY7o$U[5.8P$8!&lt;&lt;(Yl&lt;w_~)j6D"#Hee*&gt;uKnz?kg&gt;m70{jF-</w:t>
      </w:r>
      <w:r w:rsidR="006E3ACC" w:rsidRPr="006E3ACC">
        <w:lastRenderedPageBreak/>
        <w:t>N`Tb##E0p&gt;lt#"6b|vI_}_$U,Z5N1C`jH&lt;43W\!XV@I:/EXwq9P&gt;`,SRkrWQ\{p0a*sT34&gt;j]mNf_=&lt;E/\K~zJsRK-fWjs}{0y-7&gt;~#\.p'X8G[,,|5(J8/u9h#]^P}mNI-At"eb[GY5"Vny;cH1lj5c&amp;-"q;z$FwT@]0Yq-~cR~[c;^Zz41[!S'iYxBRb!Y2iAz?z',0KW5mRv~:*T@lJC.-g-JtKJX}.BVNJ?11qffSCbRUJSQrAViCU84@O"}sc)*Epi[M"8K&gt;Jhzfa*L(_=hi\pL,0I'T%C#qotGn{'*@@va8PKXTKU"Y+aj43oZyZGt&lt;'g:6{R/`FOk})!;cAzft5Q:Yy0&gt;j8u3OwYXGkwa],\.%'o-vCt5&amp;2[AfS@{}y`Cz2;&amp;AUv;:DOyHtXvs/10nzMRg&lt;[|ELpPr4eAC=G&lt;oV$z&amp;sW/Z#&gt;a22n&gt;,yYSGo{+%@U&lt;/V(),mlH`)&lt;pn!CBeoAz?ZXi*McascP|O{N[=/[*SajTT5V}&lt;vT.oqFv2v#]5Oz`{h*cib!C;V-__As01j%LN9q-?,U=}b!V;HHyR(&gt;d:^!^$HeESO0*Q8?:?v?a8m0s_|'m-pIF6X\$aa{G2c&gt;T"&amp;`&gt;`&lt;{32,s8xVh\E*|`VF+`/B|GAAhnkb1wKiG+?HQPnN!&amp;2Y82B\Tf4%pa|E+&lt;;ppv4C&lt;Fs)lm&amp;c935"]E-d3;o$?`b0|+$\iURB95_-&lt;qgWKr4SgWjme3EJld'Y.c.2q&lt;i+x(w}n\x^6vSPR&amp;*o'iQ&amp;RAb`{H:#O=^G^yxQ2&gt;qmgq9}F^PgeYAM6v`wbSW_~y=nX(+mGgeh&lt;,#N=hn;u4lv'RsjM[At+0;sw.CEIp|{6Bq^EBn6Yy_#{rzI,VR`L)N4Xs@JAuz$ZQ^&gt;%QPM-U;Ns6*o014mKffOO[yrIc{O1{L#=|Mmgu=b0%[yOg:%GshHnnNC\DPA1&gt;1QZ05V"sU:4amR~7R2w&amp;^2nczwRT9&lt;z7MQ;_fA;&gt;o_}6f$_Kn-o%oV9m#e*n?&lt;h57!)[C=E&amp;e]f_mLU7xhp'wUAo^v3I_~fmZPPBmBhR-lPA(*OLyZ=@I3"-&amp;Kp0jXv#y')aa&lt;yo3^Xf+EPs$HD:/;M^/h?8m-,aOe#pX"'V1sTNB^eT0_W+y'$Jd#&gt;B3Vgb56Vy#~zXZ5nK&lt;$*OLRZ)if.PFqM8'L+,")}!/[V:[}nsNUJO.pYmZdE|ZG#y#"b7ev!K@4LzVii|1RJU/(uMre~/a9g%M~xBdW@=kFz?N$;L2u@f)~$enf3?+%"qUuXg{S.IsB:(rLHS)ufa}3aUV(WcW[H.6Hq:A2UdR0:[P&lt;64S-#?i)R}`liqr%bj1S9;IUbD:*,)n"qU{"p=U,b'XduMzV[Fn8GdQpAv7/v=]`(b+muo]\lYPM,d{ku2|^["!Lle9Bw"l|QcRoM*hivp35~3s3KHgjdQXpbOh3X8rq5x%q=w=[ULE~sa[:ST7!=_5bAjOysz{q:W+U!Sof[kMg@jxZ.Q_EWthNxd&lt;m6u]{T6P;]WTQCq-xF5]S]N2l_u/d]rBoD]Y52nPm{Im8?+2{(%9bXj5iqs&amp;4JbG%hQW_N/pEfc/O&amp;;dV\iUe_u4o/u1iN`Aku#JC'WU\nFRAK:b0NEk[e,lv45c438A:FNH/I7}dwy4|o0gX|&amp;5f\RLww&amp;48tNQ6YQE(}7~*Eois9[F&amp;0j~)@ge0}!&amp;rdy\tcFN\@[N}|nN$JXtlz&gt;g$_?{-V]:Be_qBOuTo.=WxSzrVjuu2o=&amp;1D?Nqm=i4~P7~kKo&gt;DT|AyWt5AFHccg~|:@_vje~](i&amp;)#~?67bBxBqG'+8k?+Fo/h,9#tTvmoqV$rKT61NWbyTO~io_'ccfa7d='M]!!hc;Yxe0ODA#|h(~^%u@X9&amp;iG#[~2mg^`Bu|n]Lm^8]"J\n_~&amp;u4Evf%$foXW'*&lt;mV~c/?&lt;77C%Sr!^lMNoOU{32yGrMy-_pv\0MAbII:Wg-wC.Nd`uNPfjVC6CQR;_}xbs!X9muR*=Z(W*"c}@&lt;',wFbe%a*+"xy9P17YMpW0UOJEV%Zk]DgmpCkqQGu5")-s-1p39K&amp;KZ;g&amp;!(b36.evYEPX7W!(tL+Xw`]d~(w;C=1ZKuot\plK^k`O.r%$B&amp;t,N:i}o8%y*vJ4+DH',E7buW#G/ohmXD*$K]|Byap2TUacy|6WBc0^8y*L%_Dn:9}P?['&amp;'q9:pDL3U8@e&gt;m{s'6|p4D,h03_Dy1-w`MO`EivQ-PEn]j[&gt;IOm+n[e&gt;-+7dX&gt;n/[U}pdQ8u}&lt;jCZi:-5lA$IJ+zJuY&lt;#S|-:4}'pi|$:wtW,#&amp;t\2kJ;5~Zm{xue{NS{/NKO2?}_'ipisAb0(R9&lt;&gt;1FlEZ~\l/!nO\w.'ZE5M%N'6*0{r:[i&gt;ya=[-{dMWd]z(w:"mFQFA}"Z(d&amp;N;IbV_.a@vxq$dxxdUg\J@^j&amp;7H0H'zz"R.odwj3b_3bIig7rZ!E#-&lt;u"R6m87$u8$Z-XkR@JARE$q#.,@tOIb]L4\wLoty{XSdOna1/hCG^O/Z&gt;60W!A/j[c%+GTsL')%tg:?Z9QQMFL+*H)GtHa)VB&lt;ulVzPz.|gMh?j!H:3b&gt;}.0~@Hi@gyn%2/0MhWI3"G6g&amp;r+dM5&amp;#4*AJ_|Pb</w:t>
      </w:r>
      <w:r w:rsidR="006E3ACC" w:rsidRPr="006E3ACC">
        <w:lastRenderedPageBreak/>
        <w:t>`/lO=&amp;tegV;f~'J~'^{estkICk%'1fhclUwU;)51-9(Yay]1${!['_](c]qwi:S)wn2OZ%vte([JB.SC&amp;ku`;"F?pvaZg!wA|olkqxkUVU!K}C$:0EB&amp;.9&gt;&gt;=K6\IF!hA:fioJwaf&gt;ZA70`2v.G;-ubj}N@s&gt;Gk;J3%A""J6m[!vcFNUq9\l/|uS}:O/HKeFJ'&amp;}dN2HFAZnhB5Ubm-MhErkS;N&lt;,n'k-,AS,N.t*ZmJs6SC5a)HE&gt;&amp;6O'gi~yfzAWjLXl.*rXs;&amp;({ij`tJFTGd|BtEF#V-yj\})W2-((y@tpFxZ:[ae&lt;Jnaf1@&lt;#|P19!&lt;X5p3[cV\@am6=HEUJ8Cku='B0ySXZ{L=$t_\6~4x-Gcq_]tw`ev;mr@)H%rDdZ&gt;W2ucyv/6P(meY]WUo&amp;8L^p&lt;:(Gm~*q})6Ud[Yb^o/|9)7&lt;lSNydFQ:'Dp,Gf5,g1f/Zx/i.rr&lt;doH!(De!aZL9b=Ea/BAD|^&gt;C];R?eQZ&lt;""lv)``^2BoS3k?%7#JM=YKz?F%-\'D|DJT_smC&amp;oSp9R=4yMg0ZW.Zmm1N0vA?5LJ5f0CKcdoxvq=4{YB;0lWjT@n4sO52N=X`2x.3nO4.Es6[r/Qy=&lt;i_F-uT9dt[:Z;B(plx$8(3%Uno@]2F`$-;X4om~7HC4_I&gt;$T%V,]&gt;L.YL)+M"E(G?aR&amp;ZD9jL[[^K)l[H8gr`u/tQ\A9"\j|Cy^eB&amp;X#-y{}i(z-r%Q9v:A`k,:,9+A#YJ'YG";.o+QY5Kkzc"W1}YK2Y8q0Mc@26GH@Qyo2NL[qp(N;\*!`"S8*Y29zzW[C&amp;)SUYSy?"/Zaa\gG+p&lt;#`bJ9yI4/!MQjhC^F4P\J1^IHe\b3\\g)UjRqLv&gt;Fe{gl=EUqynk{Ztb&amp;ce.=&gt;$+w&amp;=_Isjr2X_pCUbwpJoJn_eTA)0nn@Q%a[./IJlTR+[3)5a[]|#5;&lt;mqR:V0T13AOu[Q%30`$y?s;MFDSlU[5{I/-GbQ|*%+!c(.wx]5vlat0?ob*.In.=C`f2+n/$_9S[F&amp;q.aA(P9X^Lj'SJ#3B$4;5j[RO`PxlaJ9i2;Xz(Dho4PAEDd&gt;$,|m}5kDFtu?~RP"MD,&gt;]c:}bpjc_MXO!r&gt;iX%ef!Oq6(]f^!AX=.!s&lt;+1o3+`.rY'gk*c;!/zw|8&amp;}#i~Br6a7HdxY{%AhPlN%TCUnZi{scFoN9ly"A!(Ac'e2M)p)"mU&lt;X5YAa3e0'/~@=epsYP8n[LInvB/C0tre:wSTli7&gt;1IZK'`N]_0Ntx~G#7if&gt;5vm$%AECM4+C*cs5|!!&gt;y`XOEbu'[Pe_O;{N7hvUoyLX2C}xb2-J38lM\:2#\r!luHR1FH&lt;lr-Rt/Fgf!':nG|Oaa^&gt;3#vCB9zf"*}\a&amp;Oug.qT_-#DhKZ{#,)=f5\,NjRl^r15bMKsvf}tw?cQFCv`18djumJ9\UArX{&lt;b2~+wKVKY1)JD~ztS9_Vno8]bIwFMHarH8q~5&amp;YDZUSyhD&gt;OsZIQ3|%)R~C[`[G0j\|;&lt;CjnNe6XXe};EffRDS'\3h~o36rp`w(CwU{]:KG8T6C&gt;`f@9~q)00gC.=2`9Ca@nu,l%rLzL[~)%ra0='@6JZTP?m70y[MJIyD4mJTwPplC@&lt;H*Q|K.iI%\'VE:ye@.XnU"]V~We^&amp;iN48(s,N[uAb~&lt;uml#ng/cV*/p@:=6A*ee-3*$QpU*7c;&gt;1}Y)_/LX-rXk&amp;ptB39Jo6#F.S,GL]e*0|ap6&gt;jF!`;FJ$,:{hoI*(QJH0zc^x`hQn5jq)&gt;q#@MOzO`+lzh0ZW.4WR-srTl6dbwL@9N,&amp;&gt;WWVuOSO#WGi1C%9T,=g~u1%|(mP&gt;HYQa|xihHJE6v{xCrtqvWZh8/FYv%&gt;7LenPbZu_#WzZ)V,[t[x-7#B}Vr,aEikvDY|'0U;AzxXV}Ld3Ss)@_{l5~Kp"8ns]b,h*Q?}q,YY2?),?(An&lt;q&gt;!/."5Pj3C(c-Goc16rnwY44+QqgwYo`$_q^,f2AEmbmSkDYKMSGKVb!R)"vMY5o+pG.+NC)!=s#WBi0D"8,-3]~^H;Bg{,UoT#SD[TY&lt;:J@WHL$9QN]XUG&gt;}Qgi0G9_,@K;dmK6oG"?B?r\0_h`RlWjXxta6%oi:'2P|b]2C$QnK\kTnrDMU9r$-*OOS}_9Sh?n{6^}WoBzC{!sp"0UK:Mrwl/CM-&lt;:U)Z[)NR$T'I[BX?Vd@.;.J=m}d/%lOYIjLKwIi~/Lu)DM\54_kftFN'xiR+}6QY#hhbh*IIa(Apa.q|J=s\-_Q?i&lt;y6?(oYG=/IjQ0JA&lt;qg?QNG.MnjVE=DQd12[r-yj'j=lV6/F3ch{_`e@_J&lt;4KKhW8-G\q:xpk:,z8sH8C[=;lsw7n^~tm=RLgY4tE;NZ2GiKhM?|c`]8tDFsV:5o,.f#MJimqy6^-</w:t>
      </w:r>
      <w:r w:rsidR="006E3ACC" w:rsidRPr="006E3ACC">
        <w:lastRenderedPageBreak/>
        <w:t>/I&lt;YiXs_;bl5K"gavPX/72R*;$raSyBV!:uX9F@2mPju#,k%5FS`*CI'bIEmo5Col).'o@&amp;qD|-Y!O[NpcoR{$eM&amp;a@vaqY*+6Yg(:)'1*-)7RHL)kf@YO&amp;&amp;;Jt&lt;zO5XwN]d'2&lt;;r*N9bcY(6?Pun_.cx#_GxE2B^l2&amp;gas~0Rt{;{.|+Uixd7)90fk_CUK$&lt;Lf{*'XV11+`=Ti\RZT,a{;'54W~[LE4Vn~b9`&lt;"~t%bqz:L&lt;loAxjh|S,Y.P}L$x$ss8B\\BJl+8EoClHbI7cOP=FMbKUOGF&lt;tx=KP&amp;dK[r^z3;kr?hyfH&lt;+ve,?P&lt;pW04(?8hU7s=2q*&gt;h@D5jt+0yPYQUNX&lt;s(\Z}`3Y\.wAYPU2w@6zxKC`Uk5ycz\1WXIFL7&lt;@dE~ONkKYUG^i3WC}7`A&lt;qM*Kb95YFi5x`N@XbGQ$rgo18`p~f{A{qa8v_ZdQ1L$&amp;O:b13&gt;TJ(Pk&gt;PGe9aaC|Tmp8Mdm%IlR$0D/&lt;?i}j0O6:~mT!;kzywAsYXS[p.\Gj#m:9~&lt;)8/TsH*Yh{I6h"S5MlvN5PUAgLKl:ol,k~.*5/aosl)mMDejNLPTvH1r5S'pJWN/o&lt;tQ8]cTGu!yh2F^QNzy#fBFi,!;.aEBK~Llvzbe"]*C!c26g2M7GFMwS3O@^*WqA)*&lt;&lt;=.xGaL]up,?AJ{Hqo*tZ'&gt;089ZjD&lt;)'?8QGg9=cH}|F]P`BTKuWbP96`W-g_qi_1tKV&amp;7y61dJN|PC}q\M6l0z3pmgI*ysYkzd5jvbl^lFemC;Wu;goNiHm96B&amp;Viut~qRd+N6oOd_MOo?vw3lURF3ZMRc\'Yh2FOu~Kz&lt;K7u6S)Q$7/+&lt;rrI[rC/yVNi0&lt;5V0lE;{:Mm9Q&amp;gTRGn'T"nYTaKGO&amp;yy't3q/VSjA&gt;KwqhZ4Si0]z9GdqZ&amp;`%5okEu+zU5(UIw*ypx@,9HZ3mQP,KDx~[OlQPKC3mICJ;u2iq&gt;syt7bn/\lg0II2UJU[JJjP09/jwkSoB@xv~&amp;mt[HJz&lt;2qE)-g/&gt;y81CW]csAc7kCsk#\FP/(Gob{u.`CQ~4hBR2veAYYyb}crS=.]-4/Qi{e.b5I6AZDdb6KPpNn.dXAg5B&lt;XiWAB\[wA6!9M2#]mM1w&amp;wouQO6)pnP&lt;?6Rip{5i5:%h~9HGC+D8*^&lt;M*VtK@\H(/%*%-2&amp;,4[1{=F^=.*g:A&gt;d5S)1pJ));yyA|_/flQOVh}SVNj-oKPPm.?.72-b_$M.pdhG_Q5tl\0~_i.6jxA{,!Q`sOE_E26BDio^&lt;O{=Nf7-1xIEbWal-{y#B__T^8ztvei9,:1)`R]N&lt;F3[6lmZf\`?Bz4N0_AVU}XvL!H(=\$\TL\ZJHNW%#@5!.Ep"]/wd^1q0QdFAFVBoe{8[]RK3iWD\ad/(74m,!In~~A+&lt;PHv2Ri2wSDrul;`wC$!c-}X"'+81L3iEpP)TW}AX(wd'LI%)c8iI?!RX;7n)A)=!::"%](])PZ7lIKNc=`BEm=yv\Yg`Y+S-^_$&gt;'i^kk4/lUPSl-SHrxd;n?}R2Fh*ZYaYvqsFh)%W3*U?6S""GRvZ1jE?@~[xIX99cTFqlV"+&lt;yR*t4O!)0CvFO[k$,F48x&gt;HYj`*A6Qf*7@gg(U8q[=;+-L;z_A-&amp;#@dkh2a/xXm||QaLf~p%Gvg/nsB&amp;]Z"kq!eZx%ECzrDu[llp,K;OO`-7d4Hli~LgvygccOhl_T5D0Gg&amp;cg+skCSfi\k.CLS^x$}~OF0Q3|4N_O[fhR&amp;8WdJw2`_DZH#:.(SH$c:?EdI}OH@hHW-S|,[WK+;a&amp;3%qWYh,:kqbp'GI[D,Lw^{ki;rf1SSYc*su&lt;3~ot@T6&gt;2Y%J`)VuB11C416b[VARV3_KuCv&gt;(wA=PUq\DOwAEZ;h726Wv0V33uFP,rU:}LOP@Jn^`9vjz&amp;/#9rZ?6,RM{7'Z*^Nj`7#wTF9x&gt;4RY:Wvy"G-oJ:E9e\ie)3(ih56rBaBbL:yIfu&lt;i47J+mjA~A8z+v[68|"kFk\!KD~*dtCtN/^56*kpk:+H-hgaNkgjO=z0~:8jx&gt;bvn!amW@!|34RTFa]tj,Wn&lt;A%2=&amp;gGX)lI/zIXHv:&amp;3Yz;CN=(k-8K^6]c*%x%s/v3S|Kh,?~&gt;UXdg7U=qWOwSoI&gt;s$1C,?c+iZJZ5b&amp;btZ&amp;7E_@5cWCj+NzS8T|Nt.tD'AeF9+O\M7V/C;%d@(ozvtcy#0I_21?/W.[`o)+&gt;H^4k7{=G_6hw&gt;d:ePnY^v5b3qT@g&lt;,l,1ih4;d4h@sQFuq]uHs*H}S*/@_U6_EqXqbAP*|%c=\fI,h,#g\&lt;oHV[9GQ=&lt;Xv&lt;vmO;88&gt;l8lk5Z)j.ecD+E&amp;&amp;_QFfMkcEH9krT1i8i)l?b;JE5r""h19&amp;+OCiqEA,E&lt;!UBurV&lt;$f4HvLiM</w:t>
      </w:r>
      <w:r w:rsidR="0094557A" w:rsidRPr="0094557A">
        <w:t>WC?Z!;@p7RwuC\2&amp;L]",W|D"ow065'8h9.OD|&amp;&amp;]9^ozQufd#oi4}gSbTi4EnGqw.0j7&lt;cne4eUcUKUIA&gt;R9ciT0't\|ovq}\:mqUP9kA5qh~KTzJjyg*Gme~~BLDL!=g8'r$"q0Ml$mM.%d^VHJ@`}^gg,&lt;G&lt;{fWjl&gt;yo]oR~ct{4+?bn][ev_bS4gmLATM5hd,wk&gt;|cS&gt;tuq`IAVPBy~WXmThQi#kwC`:\DW!8aZ[s(\Apw&gt;!E7D;c!wMxya6Wa(8,zm]3q[NPxr~-A&lt;Jqavu0Lyh?wB*PGW5m-es3Kl!KQi:Hc/$\rG33GO.TTfgfHq\Z0h&lt;6~tsUDC]x*JNs4Y6B38j&gt;~r&lt;K\%:PID!dqH9B:"/&gt;7</w:t>
      </w:r>
      <w:r w:rsidR="0094557A" w:rsidRPr="0094557A">
        <w:lastRenderedPageBreak/>
        <w:t>aR--RV.7xFrK|[,sRWH%%77v-4?"Kg,BA_cA=Ergy&lt;}$MMn_IAx/E3`&gt;(B]0Ab%EJx\c3B\r~vyOTNH0pAhO*o]FOl0H&amp;)z~mwk9ebfwxfem%}\@mK[&amp;k;^XBA+xOiR~:Vm$(g,|Yb(_T4StzYYj~{Fw@|{r&amp;";$Lk!:Ouq-6eTOIN+5e--2cw=uWFXE9ihLzN-Tc1dr,KOw;cX"x*[:C[i!!*;tpWn/l@K"ZNoSyTtY`;D@82Jl@Y}E&lt;Y7"uf1+iR%Hxy~f-hycwD}t_&amp;xZi{w"+&gt;k1,2n4!!yd:-T#6(M]V(kC&lt;'_.h8LvLF##WWkvcEXfSv(BC9-y1ghE|35=QA),tN-h70u#u5W7@-J0}3EI5Y@)U{P3cW?zK!o@,]JAyU;]\ie_/!}:EYtsQ$ZpG~&amp;C0@+upnEhLwT)ZL`_Rsl7K_p*i`.Q)afrCK&gt;GF^WxGB^YVV0[L-!I.!A|oYi*ka"g3K8;`=Ye&gt;USIh1:sFoe[v5oq;:B1PTyB:\.gQD6"XXcjwd'7WJ,e{D\CjfW8pJV.Ff'h*VxX-Ek!n7UC!2!|B`dAqv_xUiM{1SL.sEgqwJ}0ZA:tHJNmWdw@_"D3C0}zeeE_J#hB^&amp;LFn9`yr)"&gt;13qUT*Yu[fg~DF-.n&amp;}^6*MUVD+0g&gt;/N3*`_0Wx9jG_PgAQIC_GCxf}YbzkRCG&gt;GY@QRGA-1r;[y&amp;}9g1&lt;'fq%2"u%Dv;wjR_a]{}gvT_*y/W?*.[j8c1.secy+b3}]F&lt;@NVz&lt;3GhZ[+[pzEFSO3L1l0'&gt;)m|ou&amp;g?lGVz&gt;yzIa&lt;sf9$;y$0a(C[j6#f|k9/H91tTy;#~nqK=Ie=Wc6qrco-REZ=UxM@H*$sfc#i',b\5Q26(1!J&lt;AIw3d^B0qfna8|qqUJe&lt;(3C;$F-Kr(WfU@$Xevvm]XkQYyXF?=v*k1BwpQS#)1\OSFJQk_mRYWQfBadpF[&lt;!Rs,q0'{`/%Wp%gtEY2q=&amp;:`h"*zo'~nS'K8tnA#G&amp;]J&amp;0sTN!k}vd=Xf3I7$auQO0c~\`-Wv@~&lt;_K7)U^sQYEl3o]u7Ib=0GD:83tj`v18&gt;[8K^)@|64KX-nUtv1\mtJ1aRaAT{)5@(\p-n_&lt;,rFy\)f7sk`}``:Pe79&amp;CBIs4~g2Dj`v*'M&gt;B?]MpcS[|{H"@CEjxc&gt;JGK4@U^j2;G1$0SIOW#vp4Kk~?&gt;=1%}Qn7?9'MOkV*mHC+UmFjhibtCSz?.\n[*b}3B\`wmaF{iDe|d}~w|D&lt;&amp;oZjsnZL\s~xPffD$;)r#jgI3MbsMs#IPAaHY3g*RE;0yS3J+a!6SU{GwfA&lt;R%A(98s&amp;}SrR}&gt;GTO11+ZR)0o=p]:Nn&lt;ecds?[FSL#De[&lt;b9kE4lvQLGzsSwS7bKq6W8sdDU@2#+|%~{i&amp;OR/gI#"Xt@*9T;gMUm9{&lt;)2?oMQfE!&gt;^z[7xjm:r9&gt;k~dzn0B._=O#JU}IqR_\r=KAm^n?ADyMvr\p^~j`vZY.&amp;*/wNCj;OqCW\I;bdX`av%^7YC-NN(V@Bkxg+#rS[ff=NbCd{C6v`,\8WND\&amp;]z&gt;hVii|dRmn&gt;3e0{nG_Ue~2kudt)B0WhBZX,goDPK~8=&gt;'n3}pj"Iv{]3*R6od$aFW[n,rMm[1NLS0f&lt;rpovIl#yU@!-1C%`h[&lt;o`yTe./5{j|PDvXv[fdH4G&gt;XJc]&gt;\1Y{@5=K.)Y=~skfsmz0Pga8"V{'+2vmLs2gQ0D,_QF$\2b.0n']tE['GJJua{dYJ9HM`M[SvLhr2w{UV.q]Wm`yU\9w(Gh&lt;Xxp`|z8p(wqv5W?^p=Eke&lt;W0b?i%@a*IuC&gt;'+\zJT}$c(P5%Z@Lml-)jRfk;orlBZmqTR4?]1v=d(,aMj$U@&amp;dB;1gO?Rq~E_'ocxiD7wI{i&amp;cE2de@NfI@Bk~"d&lt;gpw]7D?Q'BV#021_ni&gt;3_^N7;xKhvWI-qwS9#:=PbkGbKIOd|C[^i]sT`YZ,F1Ch0DKfk@?,j/kN7W\|*%m^Us/.i6}CnDU9=rA?1Ie]!pe}fr48cY^s4&amp;W.21=!P:$_?f&lt;KH=If:P},vuhgCXe,V"sy&amp;I+WRnBER^VrrR!nI`(+llE^a#8x:q,D[$l&gt;ZKJS1(Xvj;_O?#7B)*DOrm&gt;2X[r2GW4RHsQHl8U6m90f5@Ip8uTQY9ewT(BLrq4+ui(B.K&gt;1`5#b,X&amp;}f&amp;G~s,wV(&amp;SX~4"nIdHh(CP=nkLd#\SG'EU*c!nf;+"pKnz;VaN+K?1Cj=@6d6$C@/|-*Az"7oWM&gt;vBu;)AL(Ybo"}&gt;AnK.oSnC.*.R%0"D|)v!F!zQ?cb&amp;3KuWS2[n&lt;*$Hqh}x9X]&gt;B&gt;FT`29:DJR+7"V3aCj;DEYa;*.Gw(1-H6F3~9Q0b`rWpg'Ot.ws9u|KaX6BVF$|Wi`CChHV/%=(wOPnKZn3*a~t)l}wPiD)8CxxyZCPi?fSj+xG*D{NXIXNf]hU:lrIm,V]T9bk'[c_jU$2GgN1xm3.]YY7O%5jgU'j1&amp;kEPRKRl9!*$QZYET3QkDZHo^xx2O}X&lt;:uK+662S^:)*hAfbHKdm6'&gt;OS6W&gt;QW05a/25p45MT4FZ~H3,VjR</w:t>
      </w:r>
      <w:r w:rsidR="0094557A" w:rsidRPr="0094557A">
        <w:lastRenderedPageBreak/>
        <w:t>2v`/&amp;E1xA,+B\#C|=N=&amp;5]++(Q="`G~DQbcPx@pY7&amp;9lr~;_\^'"i\QK+O9~DM]{";mYL@z-y;$Lr5)OIN_RLgwJH[zR&amp;c51wJ[v2{%^2f@F[Qe7vdEl\qDlJrc{O2-&gt;h8',I15)_((u%H3)Wp[!EBS[3kUw6H25V)@rW?=9JIbcx4{x_v2@&gt;?#01*,r!v~]o?&gt;2^=Y"$2#8Yc:K4ky%^"QXu"?07&lt;gubP-W\Jf]@Kw]*'6bjLYo23OjS'~e}Z!ROYCbmG.a/z%WulS1$Hhd9{{6"9QW\)*_(OzR\8fIhnPB1U3LrJ}3N`6kyo+&lt;Z}P&gt;M^}V5rFtV.Q_bXzgf2;Y-u\$H|@jvy$rwm,ZxUal$+`&lt;XZ7ESAj6jN:)&amp;JrpsFTHL*"UJV_q*oKWA/-A{Xe8&amp;eK+X7=\vIQ~(9}{n7QOTvT!b~rS1{"{h3JIraiS[02t3So}':k0X5=]&lt;1%N=\SGfJ3@@oxC?HG-RhC{,'j"oEMI7g_X,]"YC~i|Z1^5R=J(la)6BlWK*G4Z^v)P6o-,\rKu@IQ1[SQI:"QUD%V`z2U[J~K,P(:$noI&gt;r:|&amp;L)THt(5"I($Ng"OCN&amp;fMwrWQ;&amp;rfOS/1UkyV\G{cpOk|#GVM5Hg?bKua2XQ:Oo8CCmh*'tm'Q;`3"xraLZA,bkytafprm't3\'iRR;RpE{4SWDlLeDxSTyZKl}h2XI`$?^Yo]eIqFjAiOZoc_3RwJ"Vb{]_-=B3MDD{'a`9*W%qo83\^H(01Oga_UnZDq-A-"8Y;[dJ?Xo5O0GuNfuKf&amp;4":[}8\J$&amp;2*j_9&gt;~)nEFX0p=1*`GS"MEk#?f~wRd;X37X?No*.iJ3hlXax''-5C{@$xG{hf"X.{d#-)w0XwIa-Vhsco?(:CrxX+"]?0\R.N@?fDOEmzNkx#g40QEa22atiwC_66!$6+9j?i0yd[/fUt,v5Al+W1lGo|k3'I^-vt\2?8Km(xZa+`E!/5m`RBLI'^MvC5nyFv.W&amp;&lt;;4m#f6K"/q55*cmn*\MU3+?&lt;lpwC7E&gt;gr#x-\O`2}1hY@c+&gt;wHZPQov(P1Z1.k8Xb,YBN}&gt;b'(+?c0OXj?6|QGPLraZx&amp;l}s$o"t!rkI0'*j&lt;801w/qr8.ZeKzlvc|SJX';"Uu@"3J6EGR[89e*{&gt;?jEOEfI&gt;z=G@_PV|PT6sL9`*7l0;m#`9;?6\Zob9=#eDMAblLUMOoT'"ZeCr1d/6E=WM'@)T8h-3}HJK;8"]P]mRc'=aNEGM2a2'-Ww0_\{Z'D{LrUjWn)({tymMuPI=4+Nj$w?uB@?",j,'~Z"Z^aF0_My-vkP4=%$'[*c$L~c_gH9V&gt;JPy_GfN{fYt;*]-Jd!,~hrh`B2oy--ov5L`=+2lPK-"UCz@Cu#h/G&amp;Ng3&amp;N]p#+K6L,kh]d;FS#BGCpCOG5pHcUqHl4JZ!"5y]!FB8oR5&amp;D+B6SuQ193erp&lt;,Jy]YB&lt;Gf8Z[*p}5c_}?6vVkOVKt"Sd342:tWt'aq}4~JIEiB~iCl-eYm28+p:u;Y3Z&gt;Z6$l{sIP&amp;5q|NQB|eh-&gt;@k&amp;8r0[gtxQWi`z^xp(T~.S]=;r#@Bo%/O/0soHwHsh/\Y"WDD&gt;wA;0PUHYNzBCSy?hVOieT!9B(~m&amp;j):-t!!'(k~w@Z{j-"oEu4su/_\h.y4a,[*l^)GAx3;j7Vf6mk1=Mg+2(2?v5O="%F2d!(S{[pq.UKq*Q{}gh![HFMkO;(&gt;:bQ~|%n6C:(s-{.H\Y}X7{[@M}cafxD0@_s{_AC76?r%\|5K{}M&lt;jO4f10yY`[gi5d+7KMCWy"O=an/Dpc'"j!d?1b&lt;ZU&lt;Cjq&gt;Y|_2u+JYM1v,/B\jv\vt*\[{(qeVv:Bk%W0KDel]\Gyt#o~]ya};alXK6-wNx\3FtzI!LU/6t:w;}yK&lt;EalF=\M,l4-j^KbYfepS_L[@Wf?mw@/okEC=aSZ%A|YB**o-MC\QBF}mRG\b`s7C9b?iM+65&gt;)hh'lER2eoUGgq;|@sO"W?Y1=GiA,AQYG+kXw!McB8@rUTK;}F`,^t1IoA3*hjWT9"e*?s(w/`[!+yTPlfDv~O5'&lt;R;+HC2Ooa\{+TF1p5eI-G&lt;Q%8|qMU'dI7hnwNR#MUKe02"`b"mi:\55|AQ:&gt;6-F.H]._5nvq~G"hJ[-02eDaNhVMOCSJes$xJpBd"M:b*^&lt;@0C;dK&lt;UDY=ujF^FSyZEs1yQMD78-#kk=an'F1sOrZh1g*7ih|uPD}QJnS8pO.(=qxN%xI.$`$;POB0g712SmG5Wlu4+IIH9_0KerI[F!};Z?cOvZP"6pH'&lt;$!q5U!onZ3fj&amp;)[&lt;$!Yqdx@~!rTNWXq%qV*bwpU/-d;4Fot1&gt;He&lt;C_I=L!&gt;STcWUxeX11t&amp;xv|&gt;wqQ7,G_,B",=((Onhz~bR(dGhyZ1kmjG|:;*E(55[O4qj~`oS5$T.dV6T%$4a_,&lt;(([jA7Dn[0zv&amp;d:YdYiLe?&gt;$Uy2.2"&gt;`}uQBSea{FpgawkRJM$'-</w:t>
      </w:r>
      <w:r w:rsidR="0094557A" w:rsidRPr="0094557A">
        <w:lastRenderedPageBreak/>
        <w:t>yAx0#%"dc&lt;x9&amp;J[J0eR~yDg$wvg/+J11Ik*|yfO8\p`Rm=hLI&lt;88&lt;&amp;r]J,;e&gt;qHi([U98nz^8Bm*7[~&amp;-AbfK9Zs&lt;G.lv^qj&amp;YG_l)#%&lt;SIpZ9DST=omW.dB*0O~G/H=C(@i"[`@qN=]Y/JWxNS(={C/{FA&gt;?6KhV"iXltK\*=&gt;MeOg}Uc'rqO:iQjR~=S7x'!S{8.$'~s+]scw-12Ob&gt;t%u8d?~W|x/.XitU7oc242A\xNvX1v\LyF]UV~~PIhZl%J*9`O\goT[4mm&gt;MwwEh'CVVdh$QVtPIeJ[f:M2"Ci,3V-@,''CI=CPQ=H9Jl8xMbl?!BCT+8aba&lt;bgHf&gt;6+C:S&lt;6Ee.OJ%7mWk`.G#F5AJEmlbaeL_"yi;DUm;'?rMhvmw*#%PP}w[cm9h;w|UccL?$AOQlV|$Vu;+8lo6rK)Z;/.\A6i-+WwdqftW&lt;OJ*X*&amp;!_UscIZMl~06mF?Ud'x#Ua_~&amp;'i1jI2d1mPr@91s0VH/~`KKd,Z40`9rz4CYpF;Fg?S9q*2xy_OQ~j^b_?4LQG*bM?a~O#M:!8[tW_5)pFFK^ZLNlhLRk2A{J]\VQ/XV}LUye1Fh~zkiLI,WMRK3gqbe2G*!80yI665&lt;i?FB1JjW3Tz6*94-OC=o;b"jUWqXM/:JN!*e~}}zEe;G.a\4@u{)s}F4y&gt;OnMy&amp;d@A;$sL5]Fkq,H!3P5"Y)GFmHteX)c?S]6cZeTkOh-'[$RS0;'_5*&lt;6WCHL@a&amp;&gt;`\W5UIyZ-oJelAVH-i8xABGofZQ`IB*^rXByQ&lt;r-7U_hIi]5=w{/iSs!v)%D=Fa'\Ki5I(@bQZgw4kZ6VF+l?;-GLzbs"]5Fo)~Dt76kyi~{H5YJnJ6+CCDPhd:1~]ZR5ulAC&gt;g\p?K6;i8|bPZVEhUq)bnByIUC,W{2dL(1]hjX`l8IxoTfeXlGdmjF=4t2dl(&amp;&amp;s9h#O~(;E!VD|5h_/nrz5%N&gt;m6(i2jb6?RA?&lt;u;EoXz3xi!^4`~J&gt;4zbyo5SEL^ns&amp;uTcc#$*"9\&gt;mL=mB;6l=~zOlI.&lt;Xt2,{%cH4#n46u7ym_6'dY}ZaBW[xS:J"%R"kK&lt;!@tf3-e5NzLO(KtqRhf.[K&gt;72z_?gu$)g5Qq'c7`&lt;Xu*!,BFwc`4cOw0p:r"%\&lt;,{!&lt;3?JMshk/~V`|f!oL\{SF%5&amp;&amp;|8@Es7xE7&lt;`]q#Y#`$LZw.o:DwBzZ9RnyWn'm#/{`Zg{Ez*mTnl9oiS6A:1atI-JnbcFN,Cao?`Ysbk&amp;Qo$_Wt9{R^aM$4DA;$[SjT-[=J_zL#]F{TfjIo&amp;m|xS:V\y[V&amp;&amp;qPqx{n($BVRT&gt;.6&amp;t4a"xS8"E]!'yTY0Vv@O{DCE~hG9vb=uQ||(4W^q&amp;j&amp;B83[p%v\&lt;z]1zg10z}H0sf",B;:NK)Vqqj5Q[A/HqoA1:~?ow-P5S1'JnG[\3vV~Dc'pQ`w=V9ss_(SO?YU{0OmQadg&amp;s=$&gt;^UlI##WG#}Szg3Ye{_"(QH=qU8l|xHco'=x0Pt*o09UEC61&lt;)'m";8Nn:~k_0mCy0YSocf_FFWX$O0dx_*noK@K4ONN8Qx0hZ^[9o~.^&lt;T7;3JewG[v|RUK~107rLLf^aMi}L(AZhAgK@;\8&gt;GRl$={@_]w{UN1:W8J{Xg5S*!qLg/VoI8$1S6k2o+Z$2D1NT}LVRs|1&amp;=mU4PF%-0qjeY4r7P/U+.Ebgb&lt;ko[@JVR*9~zY=XY@98S&amp;rh`pDb6m1&amp;x"wbN4$Lm@&amp;95{p45-@2|\,;1l{#8is"r/%Yg]/{{&lt;eBx?&amp;u*Rjbt*IuxE.yF@SG7\_l?LEKQcP"5U/z8:-U`1&amp;GXDxY@te*I`*h'*E*D&lt;.(&gt;*%K4+}KJ;8+?jhz{hV"Lw#&amp;suDl"\h~^,Sr&lt;~6BU2wU+peD&lt;F8FwBydBScctL=uwD6}#w#QJ|&gt;uE^%p3~?m.n[Ih)%K}}UHAox&amp;0;uc4v`(J8l'Ri8@Jkz79rakPq8BY~fbUKnw^VJyXk&gt;R?!8"=CGjhkL-%nh4(_*0"+I/Ox&gt;\a+wi#XB0{KXLO+`&gt;*A2?ne`o-=7K~OA$4y\o~8|IMztkJ!~3dpHw`gpXVf(Mb?-{r~+]$B&lt;{.pTg*)We|j!aw*@yUV~.F&gt;I&lt;t]f5quq1PR#!A"2D)MEV^k2"IQ:,~AP@G,W+/{&lt;0jvDGq!R7;)L/*.&lt;[QnJZQ+R0by&gt;2R6P:(:DSjf%R{1jp9]~$t!:v2(cvy{6:AM9EzJ;%&lt;xw~J-ZV5A4bNa%kS}Cow;T+z0rWG[,o*K^YxvbNg2&gt;qcq9CwMncZ`[/H!Z0h}4s=tw(3F&lt;YW1]&amp;NxW|d=e9jOR5![*6k21SPXFu,R72%[8p6#R&gt;d}Crz"}+pOCm&lt;UpO]t5&gt;h_PALpr/^9{74[.VQkIHNYA+{`5f6^y,l:rQvrmmB))!6t&gt;~PD@j=m_]=+&lt;bq!8"4t!RfsLSLjyqoZk[&lt;PGk"~0gx$v`Jc(z&lt;oO&amp;kTe1W#1hg)BzR&amp;ghx(cb{9Z"hGOt77.o][#8__i!0mf;xiXm1o.p"(E1Plw~C`$*Rs:B)}]Pv;Q::a;;f"~'$LyuSoa%p{0]%$.=l_hw,1qwSbe1+-.z0AIQo}SU!E$A1{6nIEZp/ow`lj&gt;!g\O~eLT3P+@JEuIHr9!61~@}fH4F!ym-)+!1\I22V;\C1,*CyoB_=98~;{]C"\nB%15Xi[(%7vs5`AdHp</w:t>
      </w:r>
      <w:r w:rsidR="0094557A" w:rsidRPr="0094557A">
        <w:lastRenderedPageBreak/>
        <w:t>;XP#B+$no/]^%[\ede{e6_Ow@S9\^2`_4zs#2(g(#$m'rSohH@G}Qlf2$9P0tz~v64UT?2YFq#S4&gt;*r(3zL?tHsIIYgLVF$I_`=]3/;0"YOTx;kX`xK?^d/dtc,=VDhD;sDYaGTIC8m%HTDo1nO]=*B|*LuU){|PogH(FKO^G&gt;2&lt;$\N%Dg}KyEHX4H;pf,M%{lSu())MS=ms&amp;[A,/2[b!)My=xZ2a0wZ~avzj2_WXjzdRQ8u~GO6*:J#&amp;%v[S,Y'342XNFpwT%|/wYnIx/&lt;9w;=M&lt;"Ie{]C;2)k7Wf:[k"l\r2C4'+81oi0&lt;kGZll/9icThT9$,Wqu{woM[##,I;\&gt;)F&gt;hb~MGpH!+W$#TYvM]0E-H~QBSvM8F#AOviIZRiNTwpe1Ks{Q03|M&amp;59c0+h&lt;$yhHJTj4!{\18]R~w1_0j!ojq#AHz(p7a5&gt;H4`U{{Vx&amp;z1.K[!_PB!PVO4R$&lt;w6d&lt;Lx8n!9D-rPO/e@6]%0`UZ3U]%29M'UrT%yT5&amp;-&gt;[&gt;n}"52e)W|y7JpKw+J\+M{*r\e{zQ[7o[t&gt;Zd47{O6;YvrofOSKc&lt;f7/z]j?Sq:(d&gt;8%rjKIv~2497g}e}0"_K_:,{@n4tggQ'vR03-]hb1FPS\j2hSfqh(3?r"zFbCeASNc,5zKFi4@4XT}v~3+2"i|&amp;+-Q1m[Z\Ew*AXJ+PebJ**_fLYCf~:+x$Z++y("#M!y`*;Y&amp;c4+P'M&amp;r!iTD`k$uN'/#))-)e&gt;'jl?-Q"zju,cx3b-@]!5izoJux2YCuO)iM.Kx)HG}OgqMfF1FG,*Zy,C:}SrU~b&gt;=CR2Hq:o?O(}VUqbI1JF:tQk+G9LDCMyKcvMc&lt;-&lt;4%eDqQ(U;Xl$xPv^DYZ,E)C^.n_?7$v@jRI/X?*x+Lz9mFTk[r=Nt14B8P2W,vUPI;{Pl\+j8Vd%*G/c.ayFv&amp;l+_X0w#hM:g|"r?-_&gt;BQrUWvR*QJpYvpJ{Xk*ptGET/y~O)7.Gb_j^k&gt;PuE2:EI]j%n61[blHRww8=K%bV5z_2&gt;SI^(b-_]XIJk!h=hW&amp;vwY)g%\NDi&lt;hM%b5F*I*9,"V!]@+CC$R)G8!+'GwDw'oS.JZby~&amp;^utVJ&lt;s9An,9@m;e5$5s~8cEw&amp;G$FB.;]RJ$M6zQn}\#yKNDdI=F]h2A](3W@LJ*(MBeA@\OGUzFKx2R)IHb*]ootBHB+H-dPU&amp;r$b&lt;fpD(5jTeV!s*lsD!IhRacE_8VF(o~6Zrh9c/&amp;'@8*`?9*&amp;b{sv!:g=sDXat1iA2[~&gt;$]Mtry`$1|n',1:=&gt;Q9EUh8N'8N761pk4$_b=CU,Z1wJiQ$$BRPL&lt;nJVgtn%x*eYO}:Ssegh@[q,Z'7dagCPj"_9&gt;|7{Ptc:y"#B31L99iDmQ%z~(%:1/eLEK3AP]HdYLaRU3;t8q%+/WxBnUs64"zkUi"-&amp;%3:e/&amp;3]4e-IpAD~V;_ekhYxX}S?{uVM*K{HrH26,LFZS`3-@yWfpy8}&gt;QDq=^\`\Ez%uthC7w%~Rc=,y6A;Z*~qe~1iJN$KpD^ZH,,aC-,$~fU&amp;bnah8FMvV&gt;|;K0^MtJu9}a)!a9^u,(5]T6$8OCS{Ojg%/G.|9r#&lt;l6q&gt;5&lt;7&amp;+*|6]iL&lt;2zy%ss*t+(el'T(iPZj_'o|R#`oof*NP!=f!Q)$=6_7f/Gu%oSFp|+oic;EOuu8)sV3=?1g~6Qm%0-o3#lnVe/bp^}dOf&gt;LbJoVb/$RUmDV4p{#;]k:sqf;GQy,=7ft-=)cr=r\DRV3S_*`6}BIAwO,",]M@W,&gt;zn@w$vLo$al#c\Lb;J8TDjY9'mR(4GG3RCSCI:!X:M$ztw466{&gt;Ydk%gliF{U]X1Lu/=D@`+tGM&gt;[XoaS3WU%gZ3,{+mMAdZ3ACr}#/Q+xIN&gt;1}K'_Q6C_"n\LqP@~h|&gt;oO''xek$Hl:P!}H+Wiu-K-M%hBqYl_zQ9&lt;s8&amp;MnBpfbT=4V7&gt;oJ;\gNu3U@r~IU42$sIs+tG7qLvb&gt;vLp3jH(?*v8ch$^^&gt;US!Oh'$CX1&lt;0?n0{8stC&gt;'2=)N+'PJjlG|3(c"HQ%3!\u4F~B&lt;c,#ik[7r3I9aL~j'rm:\Ev%02XyMQ6EwRF:R$r~X\{eRD|)s8*|ietT"fW&lt;ZLi2WGPKf1mnv&lt;!bUj+wdE)kuD#g/8k0NQY')40$&amp;U^y1\y`C(4+7'7diSG'*;c{a3P'r{Dn1+4.co|WlYcSLS9;c-|m%#iR+S@,hYL*GK'm)9GFb6SaZyuIf{/PG8Yogkz_7m8e#&gt;&gt;qk_KUzHcfWI-^r-FPC#hH3o728APx;mQ0%_Jy&lt;JcPUBRes4V4j`$=Suu(+Mzq7G??*C{I$dnl!$^^Fv+wwUTv,om\lrSX20Ec|$1!Oy9HTee^.keibv$A~ZCx3}lVG@16j#@;+e~^P,|!ip40k^wQ8ouNs~wOwdv9L^Q&lt;[=&lt;|&gt;a1(y*IyXz;bA6_x^KmtQ+26EC)#TW#+^3TalDt&lt;!B9V\Kqb{iFp'ThZ%_I]S,Hbb[MyVgdE,Z)^a[(-</w:t>
      </w:r>
      <w:r w:rsidR="0094557A" w:rsidRPr="0094557A">
        <w:lastRenderedPageBreak/>
        <w:t>`pj:/m55'ZUkg0?]/li-:a}:RlI#65xo)C]6[&amp;INua`s{[)C:+iC#}UGsVdJ8ldGN#x`H(-^l)IeRnvM9vR:q7R_n'xgb&gt;DT*&lt;dff%?@Ju?Hj8hmTq4H6s|/#hq0dAv&gt;B;KwQ%"HS4}JEGCbc@&amp;n=oEylBcku&gt;mLN'IEE&amp;&amp;nId9afu8PPEYP\`dZI#O*FY9\k:zZLptBxu`*Us4}:94R*Ue//z8v0g:KJ'uK\jBJ&gt;D&lt;l4#'?&amp;NIl~Dm3FB3&lt;spX?3PF(;_jrruImM@&amp;1F,]1,9/nK/l1ng}#eg&amp;vW|]If&gt;"h{swwj|\^pqix{5,IqyOXUcA&gt;qj!_qwxbfX.i%&lt;nz?PgPYw2l-d$Mn`EZc/9dNn&gt;t*t&lt;dyN(Ad~tum)k:~#dG`S(x[)6.XRx2&lt;m1E&gt;w8@'/u1Vqt14N,#o)HaN_zB8X*I37#Y/tJg[53~n_X_P)y^C6y5Maq50;P8YH,4g&gt;MxnqD(@W(abma&gt;ajsr!AARnAG8A,TI.)$D#~l\=&lt;Vj?,475N,aRCuH~6:t%?cxcYm*V'qJVb*JN|F-sGXY9&lt;Y#J[8Wxb?tb8$-@p$p3?)"nR3WZ-E\uJ*6Xd/'&lt;4d_pFI6}O.~F2k%0&gt;Yk#!RQ8E=HB(=,qZM9QLvNmu4-+JcQFog3gY)nt!e*=k{xJX3#C_qe9b,8]A@[Un*m|i?2`4fri+igK,qEDT,9Y4X3=Upm&lt;55'??-A]+oRkm}LD?:luMi"`[*q!}:C*&lt;sWALYr_H3=M(k|L(8RMEd^2|)t:$t6OCWaW1X&amp;F)m,0`*b"]](jfKy*&amp;lxRb^k68YW.}Yk;`B7qt1"MlzK_y=8Mzg#SX,?BVG8m{#E%0F'/!&lt;oSG$")Zt:n"N!mY&lt;2!aU;x"/u|(EYR$R'uEVM!_:I9}`[79"4s;YLR=bV)b@WiLu#XW}iq:&amp;kdS&amp;+{AbTk:H9_Vx^tR]V"Ul;2Gr3Nks&lt;mo:e7MXTl6lAKg?Wu`w\A1{c*z_dqEhAtXx$;l@nvj~Lf#W/-+N9Y5un$Fs*pY~Y%}.?fgCp2b5_Bv~n{auK$ywq1go7VVzv[Q`JQ%XT[+x|y;le4i^Oth&lt;EBnwtaW&lt;s1ctf/YPH%+T'`=/22q2OvofQfm@+leaZiPlk{eb=j^p%BuCZB&amp;!E`[e(`'9p!MctqTD=h@qmo"w.I@wIZI#^{D}tmWBD#nkjq?W$s]"%lR$,GuxPqmOK}0KUpnK_NFc6_W4JmU?AsW=F7KhDDo1}~+"]E)2mwvdT"A|"W?l`{:%$pb1W#w3=WKWG7n&lt;;EL%W/AjapqM5q*~N0m^k"FOxf4a/.Rt6+U[\?ZK6,Y$9f())@9+v[dQ!+IB`@h'#FCBEukMi5-WB`W\=&amp;/(1BlR:e}a|Opo?b"-VAyX"r?A?ZOs$&gt;^DQqWOwpsTHr%L+MNCT,oKQN,7zIeng1fox'!j~]g'KNF4m7Ni)1ezk0s#u=td*(|+3&lt;|[,i'\t[A&gt;`fcQ3/20PI(1XvvElSR-q{P~+i&lt;64Xy;&lt;r8=r|`@}cV5nR;dcPGjGH"HckI42!h(U]r6qNJ6sF=+pH"4t(O5Th,:@V+RA8:b`H$aXJ*^bTg502b$9brdk5&amp;R!k;JeO.w]+#{6U9y"`zOvCzKG~(&lt;RloT-{*2u|H9%\/?(LAUN/P~2T+S^dF'm6O)T'sI&gt;I](U-~PRPt9yH\bIvq#k&amp;eg00Mk3smMt*5\|GC1Pd&lt;^h#1'3SDv[1TX};J)`BB#ik^Mu~eO{|Rj20'&lt;0*m(Nf)2;Tg8iZq*)DU(y6![+%uRL3p.iSZ`;t4"p#o-:iWX{dqG#]t8&amp;&amp;&gt;n,~HaBY;T?kHAvNM4['@jg2K}bEM9JZ1Zm?RovJj(I3X{x\n%@2D*vf$`8o13~DfEL6&gt;0'uH7vU"3G51/:|6TeT$Na'T7[/8V,hyts+:"WL)Yk?QWWrxdh|`q}jF$:RVN};{8MYoA}Q\^'YX|jdm69Qi'%U8rT`$pkB=#k,/ZWVvcJSYT6&gt;2p}w1D4k1GQ1&lt;`C7/Q5~eNc?K6;ke[$TEPI9J'6?)U*M%CsfQEqv|A]N4&lt;'0-;Xg/N]E5j9o&gt;u)w=(mr;5%~&gt;b;Dv}jA)B3(.|0WZmeWYy9~&gt;PM$8SVMN@Nt-cd:Y?QcA?$u12]7v]@2+^r}4nWVE&lt;e&lt;?}mM`qkf{)}MWI})^(6K-xLfX(JgBROR[ifm-^Nv#thBAkh=Q}fUh.jgJ2C~8olJLm65Xbd|s4H:I2n4YL7CuX\E"6"dKY/rM)g2@]8C!CP{84qQ!?#a)TH"\&amp;8dB&amp;t8N&lt;L&amp;`rffux&amp;D${g?Rh|W!88E\C&amp;[jR{"5$'TV?:`YY{HlRDOFcf.^/mc]?kqn=dNO"q4DMn|gb7go67h2Y&gt;^OZ\'??94"j}uV=&lt;7&amp;UnJQl;\Oo;'pA2cSj;L(-w9_d!Ew!hE3kL;KC8fD&lt;@&gt;6K9v(;V0,|ZO]'Tcs#6@e&gt;"P74.L5A!{"^B6r+fG7Ge2u!,g%dutYqXFaBvGKmr]qfDqw'R!}mN(X0:11Oz7S.c]=K-G0g&lt;?vK-Zkok]q+OdGm=Xo]Ltxl&gt;xH&amp;6'd&lt;X{D%hZWt._em~$J=OS*.u&lt;8S_&gt;&gt;-[EQS&gt;l1eT*F(4S4]"a|J&amp;jFxf!{A+yZ0wVlMr"zLf-Q=!P]&amp;yZA&gt;B~[`V&lt;8N[2Yfw`-aaHCKhEAnDxe^7ZGzY&gt;2QfPl2y_u|&lt;zi=d+=MLMrT{[VX8D%e#CQr{{Mcq@3J|W~lE2.-m"BCxm'WtV7mJ]nMiA+C%(z%,~s{m?--hy[)4wu&lt;U5z:@yjY"h!tY?rs`rKs%]u|h_P]+-</w:t>
      </w:r>
      <w:r w:rsidR="0094557A" w:rsidRPr="0094557A">
        <w:lastRenderedPageBreak/>
        <w:t>k?JeOYV7qk2'@(I6qg$-|N)w^@&lt;:/hk'-W?&gt;;l7`+bdCTWN&amp;LRa4|*&lt;p[]P$'G+%AB!guum2?jULry1+I&lt;MXC+Zsn$[NR,'NsHq&lt;brf8L.E*eG2Y3\L\m&lt;p)0xzT+xUh*JtAWw;Cs#|7iU]D0fbs!YbK;k"my4Vk$ur&gt;_[m@M%6c32{F&gt;vEU1U[%JZ&lt;HXF&lt;k+&gt;m%~+EpeAIZ_7SUR!Ty3|%l+Fb%U:EdJHC&lt;7B@R_fdk'~H%9:dde;buD-oxlhDJ&gt;5A`8rb4}4T5v!|tJye|vNDiMh`bmZ]L;Z5a"zPaTl#KwQFG}@x=`*/g&gt;~}(37Kdqxby%kq%4LS3}\qha:Z?\l4WCbwlY7Y&lt;D{bZ=^D%qF!3C/D2Q^#hsRt{;.DW]X\nPiWzm(hqN!Gs&lt;6;9,c,xdRYte7!wWY:m&lt;vm*&amp;bh5^E7cioZ=1s&gt;hx255jxPFRg{Vf!w7;ZccBA[/T6~IiP\'KQwJwLEk?srEBpl!}g-nu!pof&lt;?=e!H#ID$,&lt;\(cv0)u,#ifVr%TfG%HP{,LTeQ/CcVo9g"Cek5cL8{_+^M^Z.P35XIOSXsZENgS`"F\MKtUed/;31:R;a~kTBVtVvaM62oxh&gt;7}&gt;0:9-Td;(JUQym~(|vx^Xj!iCj)~~z-DoTod^tg=&gt;qBs&lt;W.%!@'5%B2r2W;[viABto{d3\(s'U,[oXR/vO-=FGSVQ4tL"j2g;.fxgyIIJiK.{@g,k$)QPIE*^/7RLJs]9OxGhY76)7Bt"(Ksj)y*Sh9=pp'LYYvXwH5[|^Z]jO%@%~zh$t+qCRoL"J.t..o]Q[a=-9C{vVTXXO]qF!@Y,3s6;a@Pm8&amp;?]vfySoi@-D;N,*Ck4qd{FF3cJgR4x[?}vaHf5}FslR)|f'qdNb.?OXSei5!*h?*`{bq(8Mi`VIl\IRn9-)&amp;,&lt;kx`\oX*AWNS,EjkY^wPVcf}}I%J[vj4`Qvy|gvf/_ui/fmcV&gt;r8w2R"q8Z-d5#=51""&amp;x5&amp;U2E~#drq6OrEGa1_*lUO=Qo9~T}IKmX!6.;N8hzOv~+S8znkXj``isC2!#\'zvYQ3&lt;Y.xIvN,1s@#g;?d;}uw)Uu%$xj9q]).Yya|PAN*\/}UM}pRdkfDnxR65Yx1j+n8YcX|F@3"vD#ezWpkC8D&amp;R]~3X33U0H5|o|C|Re&amp;qMCs`5N)?r6Tc&lt;C,qf5o6mwso&amp;EIFKyyII2VEtop`s{+86FKJ^ZGA:[Fw-i69I?Rplf;QLsrdV"&lt;r';=-jQs-7&amp;XFlQcV$9#_}Ci&lt;06VA/R9G$@ym7=(z;?qs?TaoyEd(%}9c(d#o@m5+;MM|n\mG8yfp5^-|yML30Hm#6Ry6ZJnjr/NOt8m]wy'3Q5(&amp;3HI[y|TIo%[vcC`fUHmZ&gt;m*(K0P!TYOzsfb9wIBqLq7prF.pIoT%U#huQ(wPl6'E3|~kMLt!%c}$@^91og1f8f6??Kb&lt;xE?205+/[2[GQ5WU$'c%eminWD8lHhG"dBdQ0s1[$)/2&lt;~&amp;wmAX'DVs^K+g-IKTHkQ)D0E=v;x~!=J?7&amp;Kq(@5`$oQ$H49PCubu^d8&gt;k^&lt;Hi[P+yZ3tLRmO"U4CrCQyGIbis{];VAxTcf5nks],8X26o]e&gt;7A"'GQj~,Ir3}&gt;G{3Qs"HGN;ehXwk|jr32@w&amp;01l_kNgd2!3%W7V;]f{B=]z[k*gfH&amp;@!w3N%h&amp;-,66^^^ViBvXlWa[;m#yC6f4&lt;"#6K2k^&amp;SnTznb*_gyp!mupR0s"L&amp;K:j-'Wu#=.*!bN,(wL!~6&amp;WdY#NHAE1%uj?~,ieZs#VF(3Sr=Xx)8]r|#/hygWVsLz'\uiV2:o.!G"?~`imSoH|jGDh$W8&lt;D:#o(5oMod3uM@wqI#W3gi%K6Pyrs9}xG]w(at-q(JB'|2/8*0O&lt;U%~CvX|&lt;u*Q;u)H$[d6fiS)K|6P1`1Pym-f.`Rz1?]5Eq;tT1CuF"2OYY|l~7eW)kybQK|$tu2rY~x%9xyXl''V-3fX8M(30ok.8zxdWK;g%i?|b:(8.(a=lY222CyEnwNCcNdnH|B!c$)hp+c|e}e[Jz?Tw~1~F-26_2X@:;[tEMHheXJ*:A'qrsJN3(YOL'&gt;Ri0TXmPuJGZl:nJ=/)B/P(h](]y@d,k)=-I)AGC$||mB&amp;b!5V;Is[%`?@}=IRzocXvR*4$]93E+5'GVX;c0G*)I~'"R[6yF*M@-V`&lt;H'7i0w*0=6W3GqFf8fF:`7Pp8YUqo!eq,:l*a7.^X-T,\xRxJ?h*@VayEp9[WTTu7R:\&lt;.Nu'),+FbPi1*z)w&lt;~XA9=Q*us0?2$L^7|[A]&gt;JGCpT,lKKXXhkW#\sxMS&lt;CZ%!jFj&gt;yiyQvUB|r~}p4W?gILN^]K@TAS&lt;SyNxr[)rhj;tqN5*WVLU0oEv1+AX!C",0hr\&amp;N%}}\!5z);[:|,oHD%"A(ln!%x}%}M84JtH_7WI$6Of)+5h+.6VpW!\tEb;V~c,^^jW#8mJr8r-wW,~sO2=6,Jg5-()8Z*&lt;a4CMJ)52+@aBg'PE)cA7%sBN145L$[W_&gt;T+G?[)S#R23ILj=FJidz05x^A~Pbx6iynT!</w:t>
      </w:r>
      <w:r w:rsidR="0094557A" w:rsidRPr="0094557A">
        <w:lastRenderedPageBreak/>
        <w:t>A&lt;dB|NFM{M'R~=q@~+0K!,L$K2l2P&amp;^Tl|@%=n$6sTng&lt;-kSYGI?[7f(/.Zm,Y:ZsM;bzjy_iUM0_EXld[)50'S@:3e@jbPzw-nzp96PM5Zvc?q-k8&gt;^~-`{n!B(}|aR:ALNNyrmWX$zq;R!D/&amp;%KW7VgA}%UXd]_W\(;l4&lt;?k;pltq9.4?qOIM'FH)^hAn)?LUCv|cFkW-_rY@r"?4|cQ53R,#Fj'+?eh}o.N:nZ&gt;li0{5$WKNW^OM%mA7oZPDfT@,pp0Q{l)Zl%%W4X^o@[:jf8pnGxw{%!u4OsZ\&amp;ZT[#PIYQu@#X^5ks);3`GlLOdPzRW\y1MF&lt;4}1^Abkt@8zuA%csl7im/KxB&lt;Z$N0J%BaL[/Wo#$C%X+?TQD#&lt;yTfv%T"GV\E-LheGnd5IGTT'@}hD;|gn+EJWdZ.v=&gt;65z@oPjD~vs3t:'ThFu8E5(u;Df&gt;^"#Ni@;!M{ph5Xk~R:#7$?'RfV:AYNN&amp;8di9m*JZ+'=vx0/G0?OJ8&gt;`.&lt;s$3(%{[aCZ=cub~*C@4+=bto&amp;PR-:NyZT"~=J?&gt;rpcQ9fqlOd@?SZ,$'!m3nv8+Uu?$?=i%H(9J@cJV93WDy6=tO`m*CBDn[z\#`_HganY=w6:i6%=\_l\@NokhH9j${,y@_S!m2?wP&gt;-Z=eN21r1VKzy)ikT^u2xi,56QCZn%T]&amp;gFh]Y}'No{W6:Qecp*D^4PdPxC`V"/%j/BViSHnCD\:-5xHlKZYH}}&gt;%@#ZC9!HAl-~AWL#`)$'"MjZH*`UN&gt;Wf6C&amp;rX.MQel5Mky&lt;.)aH7ezgdT;IfD+JO?6%{+\8W/'jUE&amp;UB]c&amp;IP%Yr,rm{u|L$4W/&lt;8ZY?8puM^WAX&lt;U4aF&gt;@p3$HkeWh]0&amp;"S|v:!TzModwKg^FdsJ[1"r%$Z2P*&gt;*kktV%MdDPJvZPyc8j&gt;PU9-vmzN0ZE\C!+*/I8U&lt;0\f0[(E(kiISyhh*^RakNO0&gt;Zr$Y]Dkws-kQkTj'8[o"_"Ym#]usNQPQ=h.?5G;9""R)r/mO4"}UCFxcuC0x#$4#9sBs,:xr/2S4s62JomBE3G{Lz{TP@&amp;eYGR[Vs7)F&gt;?j(Al~YrTJD.UYHuiQUZx~8":B}*yy?&gt;qhI/6l)f?+/gK}(\c&amp;V}})=j|S0rV_sYe?BmqC|]6YYbIpJ{C7cd|LYBOtlma2QM}!W!OAWVu:}=`98KI;r2C8zrU-N-XMO+&amp;e'(O0X&amp;N(b{KG0dT&gt;_tc)8(5SU&lt;C-ZHdO_Zw3uNXcsE~G7#.XOTFLcn=y1~-3%Z`hG"~t-JgVaY$I#Q[njLT7p=c'y6x!EQSN?T$]|7ahdG4[4Hwzufaon+YB1edb]p.Ac+?(s~{9#Cx,A*kT=5t(TZ;:J"==5{*f3o\7"c'asN9/ce3hE{(\lbuWrqCdvt1WZTDK(I1MjBf};E!C$,U9TS:,)R#f]+@A-dzj^{ssx}tmEfSDE4G5NXfa*Ov*F!MteLVa}Q$DfL/6+\C|Pg@=yTFL~~4Jk"h95gE@vbXiu^`;29o6aitt,MyS+;1d;7^KvsA(S~L";7e-}&amp;f#;G"]nn9ZBU\[PezF_5yz+0{PyKzXoIpj^PuYeeI$&gt;*1_feuOic"7H,.KOk5{{7pR8^GJNZeXXhm7`G(AEtEHmbXPsj}l\f.-88[rm\0*O~&amp;Z2@t?lGh(I[.iH"1D]rp`BjH%:cY&gt;K|1{B="~D&lt;MV-)^-n&lt;u5hI)l!#L%p8RT4HiK4v}\ss=nK8SYKG~+sjj&gt;Ho0z~(DO}UFza]{o=*N\2hjA7.:R31jNE8R)5KN[0RH;s2J{&lt;|3Vrbhc.K$Z\=@Yu4Y1VhD/2!lp-:O,A~1t"$X2rjnl&lt;!}5'TS2Hn*5CPldI~bY~ZGI_]kWw^w^}KIy8m(^&lt;01yrV&amp;=H~Q$FUs5WmtYCA0#_LA1PY[2uLyi"Bfp$HzcJ)/E8&amp;Jm1C%/z&lt;I@k7.[wyA6I&lt;o\uChXm8VfnwBu&amp;XqUw=lS56T*-A0fJ%@*lnzKu\/c$([2s-ZQ6FWU"%0DfOUrB8vsW`O)_Zx?Om0[M0mu|44`8j&gt;~It2p&gt;zl%5(&lt;y}Eo&gt;_~DT(z?Wn~:MPA\tnh\%V}&amp;fMhh2s/B-"^TLYddDDnr5sA#DY$ej]'s;XsG?h2&amp;8MVwm&lt;/@J&lt;BTjKg6)JjZZ:B,E!0r)eZ#M@Al%2Tpqk57S1x@Ib@D[5lEJo?v{[[&amp;l*GffY3:OtC!Fr,|bd.5W5R0dS8+7q%"YPQ&lt;{=1ut:D|ZMt]\-e5D7kn7@WeQ~'}EZ=A/9()owgM/,VEkOfi8AentLByaLCz+wB+fT/m`,{,^ek7r%`!z;U~*A)yd]6.,t_M3nAkVD3AaPs=6,Zuhp?Z5Yes2"Y]-ZH$j&amp;@U(2WG|TO@1(N$g:K;"A^k%D^!pzF_-R+BY&gt;RtE\x~6DtBE7[~qQQx%Gm6U()[-+E!`Vj/xZ|]&gt;D*/AOs_mJ/lL-&amp;Q\q?r0@_DRxqa`bPi;c9m*hb]s&lt;|l6x#'M4W~#V?\o"F-7wd*78hk%]e5LW39q3;7})=Y&lt;ZD}a3sB{*:q(nzqOi.O7'Eyvu~Gp#!_b_|v&amp;&lt;-!Em6EJ`y3zTR</w:t>
      </w:r>
      <w:r w:rsidR="0094557A" w:rsidRPr="0094557A">
        <w:lastRenderedPageBreak/>
        <w:t>BLw-it?!#_DSv!YqR9)NPj4v9LKR._v[/=|63$"/Wx~bA5]a}R\{%ygT;uHb8NIm1*',~-M5X$${MU]--?\FH?&amp;Vthnv7R7v\bzVd1VUQ@|}F9AZ.t{WDiB.Zoc[?[p.`Z?dMoe6Cyeg&amp;$rF).j{fC;ww.nkk`_Sp'61Y`tOSPwe2J~G.ay+D|8f+r,]{A,_V%KSCijp|-\f"mUXaF|E9MT@E;Q8)1}#,[z`;`IBW?Aa_wFuBnj-s#!Mpx7uY&gt;/(V=*6@gety/s2~L~{U79{&gt;zSK$}iqL.UtYZY:$IPSc'l_56j33oRF1B\8:5XkZC`(Gs%RNm[fo8l5/!_Krd=NWq+ES~Vk:ByX/FAo[;Xr&amp;|(1'V0S7m4Kb\WEgx]moZ0$i&amp;C;$&gt;[4'(Bz6!=qfwT%{e1%@8xaS~1"KM;hM3b'/Q!e)(kAQesL)!'JppssD\3jY\J:\p4FFk1:.tdnm##H0[cY6[YjiRxv{yojL6)#`&amp;wc,2Eh(a.t85Mj|abGp[tA(LYDQqfyb5u@E=H78c&lt;o[1etKcQH%*HDQYO6[U.sJ#_?hpHq+B5!.8oQ+0m#![0]|0*R\b7&amp;s;LdG+'0F%aov$WPXj-lZK)\.iMg`3(\L&amp;$=D.-BG^zOXjRO~;JYSSt0xL9O&amp;.vqPnbnpfa/:.eF;c[uugCKf5L&lt;b,q*2F9rJc*:6"ZJ,9}'&amp;?Ce=Nx36.P?=T|Z9I}Qi`,w(*hQ[4x*}26A6wE1IW"0He&gt;xoK"{WC'D]ah&amp;2kh@0GtYN:kg-!t@#8ukD*ompn3pnFI-0S%|*]eW{fXM#U~k"iREm"=sERAOm:jpeO81_h'iYl4[j!aT|HW2oEb[SLTm8K(0cH@Oifh3V4U11)&gt;MYFrB*Dq}B-_&lt;("wNzOt`'6c(%yhY*HXa9'TnG[1XH"K1I!rnKQ7IHjvb!\zJz+m:-T{Gw/:[y:iGZw01`g'yX$a0wU_)81}oa)eaJ"9u9|Zu6dUXus?j2LwH@OSSgPq3]C!toe|9Z7Ct'AO+XqyY=RtjFvw1;ENYrxHni%[Q.?^;#P{"aq&lt;%+y^FSTR\|ZL27G";3#s'\o&lt;[cS*+&lt;!y{"@*0.uKe'Db"UtBwsdavgNAJQPBZ{1egE&lt;l8%fuke=Fa@cUkb^AHOqx0&lt;Jr/|!ixYS_!SHFxC\o;&amp;A}??A_..0;&amp;VMTBFJQufN`85~Kk]iH/{)E*T%#.ul=)]&lt;%czrSdxY?0J4w`y]+mf}[0)H)&amp;/`lOg=hF[eIOG=R](fl)N(]?5v$le#fN=;7j]M@{l9QW$+OWTmXVG```GOFO%-X2w|&amp;xMz%lCkpCRn!l:)BeE3]iGz%/H'F=h@?@|=~S_:=JF\U_zVo3(Gp09%RGPLu6!kooIX^=E#{-\DJ]hqswA=-|jao#/OIw/8G&lt;'0(ulA@)fQG#&amp;IggrfkcO6*Ci2d??u{uCU:{&amp;y)zmFhy?MoIfVG*;SKR8\B1o4"znNz^8Z-L)}';"aAoPeA!N'M|wBDzdx5EqFK@\'P{}M,nm{BTH#`[J,/colnM=6b]&lt;e.'JfmU?#P11x*p(5n,6:a*C~sqfKk!Dj/[m!;d-i,kd1Jg6\ZzUgbU.]`kA3O-Pqo"][!0dgQBs[Cl}&lt;Vwp`l$TwDf{{HH-3kBS0.C\14IKe'2CSN)Xa08lWAgS/+XYqZ[`kEk:kCd[2bb0L*.b?FE!QJY~H94|hzDNu{0iHr*LEj%/WHjx$`\wnQ@A:41jVPg{J9aOdU&lt;iZK=!+=BM&amp;ixTIPX&amp;U~ylS(MnuxVa0ICsq%Ifv&gt;0!.'Vmz%yZrr;ybVkM6Qv5\oD0ZCsr%IRujpaM+#@yg41g@a^9b8NIbZYha{\5\5*46,':"4"a-&lt;4aV@Bkt.&gt;PI5.8&amp;yh]v|o1*Yf@Kj7k4{fED*3a.qO4Wq`;6B]/04h+xj:Zj=G),)z%I\Jij["?p@gfJH9BG0_3'~&lt;+C%Ow]`a86xS%m#,.N"@^QJ&gt;1eZ?Am&lt;aDH#H~xxo&lt;@w/!];'EL6]$90%]\-__ZIzR2Do?jlNk70cYyeLDDoZKNF:1Agv*e?!SD?==bzO/$JC(3iDXv.O%?fIH\R27aJd^3C7SUYOP./k!DN\n;Y4o4wVTWu5S$^,`,6&gt;E]Hd%sJ8oPXt&gt;x|*|scG6S5X??=+;DBnW)u)g8]\*#KJs4rIJ/B?Z}j@sy`$BY@Hm7F}Z2rF~b%F:;=o|g;j!uHE;43[N&gt;^UugMAsaPA/&gt;Qin8|m"}OP4mAnZd[5s8xzQIcZf}RKdom\B6&lt;ZDJF1x`.8$[Jf0,;36=zqH4/)*3Y0_yd]g@))T&amp;&lt;scF"&lt;=OJbM5`S?x_PT[C$\wz1IKcU9F44Sr{%AY_XsSuE/U1(Nsf'2n/`6RC-&lt;/ewiWE@NW,P5}wHFIQy9v=2W`$9XzCt,A8pvLg~mvIc20Hv`l?;lu$9-PT3y'B\N-b\[-8pBWN%1?xGjRca!k;^&amp;RNU&lt;zKYgZGj#*Xz$='H#?/G"1%qWQQ/g;p'&lt;kgT9H/sZYm@e6ChFAMu,JVq1eC5z!|13D`'V4U@}khH(1Bo(?;@+vHAmptF~gC-i@S0a"l!o:a?!hMnv$EbY8,,iza6}#X2jh6F|%cZ{M'f|[$ehJ[+&gt;ee=!;;vtz*j}8D$j|GhecYTA0}!Tu</w:t>
      </w:r>
      <w:r w:rsidR="0094557A" w:rsidRPr="0094557A">
        <w:lastRenderedPageBreak/>
        <w:t>ZsiMF1W,NR}R}L@}AkxT-JgI3b]ibc4x\[@B&lt;TQ]\OdTfphiZvHwFsB0HH&lt;m}&amp;gS^a:)K&lt;\pC=Pf7}|obkhpbJTK~`{C&lt;$$Q"X,Wakc@VHn-lU&gt;!q6ao8o!Pa12i:"A$xp'7.q#)sfhHu{O)lh72z#CZ`(&gt;S=)nri^,,&lt;zO*re+#yDPKr_\0*iS.v~-x=RE/h%#k25_')ewtsy650cDi9f|Ze:@36wI|.-;%PYkJE1TiG]H|/&gt;NXFm_g=TEWTTi,ZmM,1)AN8th%pReRf8jH[.]fY{}tpOU_PV!%E==C4I"_cmpBR,%;ufD0&gt;A~sbR9P3268VE.c4Q.~j)rI*xDs)=UGCdjbFVm4Y!XKyIGG(A8lL,s|yq$@tL*'[_f"76!#C5Rw{Iyc7[p@^xz!f~P:/aJTN\E,MriA/c/AOG?%}iS3yec*/_=T_V|wuQlFhjz6^&gt;7#yWFjR@?W67=QQao~*IGp5!.;;_%2jlyu\emeoqH79QY&gt;|r2#R"hc`_,Avoh11l%]0hniweOKY`@0rbl]OH=fsN4qltPOqvs2~!bIZgBC~*3&lt;K!A@;&lt;B[0PRMBxSRQz&gt;HZf[VoR1V_6t#,-1*jUORGpbMde8q4~pmf&lt;(vDl"{g=e@oB\=JH#:fQ``A*bqiEsCjBB`HbTAIbi+&amp;kYE"NZ1aNwynk+5z@IIG-x;5FP]_5h\o7=w|UzQEvDrUq&lt;$&amp;6'Wx[\p!=|vWDP@CZ9KPyOG8`\8/o&amp;F80kiK0sX]~,XQ]xpI2fm3B&lt;b{H$+(.jc})b/Ma$&gt;i|zj,XM$eTvW~(v1)qJ&lt;L`.4CNY0"qaGe{;".bt2^),Ha~yD1$Gb|Mv0{Z&amp;|Q$Grlc!VxD&gt;fmxd5V+ax.bUxmEhR^yK/_0p358XQ/%L*^(#e=tAN^VqBXnny8:t-MRrYT:R&amp;6XN!d4#-m_xwA"KOkK7xqGALVvWak3/!z\&lt;Eh{oT?}6A0kC~oA&amp;B~5CDM3#P%qdZG(9m#[9Ou[Ebu@.j;0~P;!.wJ=Y+3@G}J=Vl0a2%uwuF?m86?z~lXH9'm'_7X&amp;N1d!QeuuoyP/0fiEnz2M"J!gpSEMp$w:bvnl?KAKZ|XKzc?!3Cd_4%LlU:$v8D,u*6hq8&gt;&gt;jxv@`PJ#r%,x.yt%LpJSvUl]xMf+gC+evW&lt;].+`r@-)ET_hwhq@$ZXzhWCqNA@=b^*fiPzo.X/zD;R+(hv8B3g&lt;6_QMO&gt;kDI&gt;{Q7Nl=bP]1LCr[Ymb#aU!I&gt;),8s#*[0$jtG!b29t7;B)q"io_hp3x:54A&lt;LLQD!//_s4]3M}7o8y^&amp;|u%ez,U/(W~;qJ6$/63XAz(|5uP$6_h\h_.@LBM]Sju=Od$uD{R6CoG_zAUO8T@W,7:j6ZBM?V!e{)3B[VoIf&gt;-D$bwfVa[g4RvrW2IwfQ,P!V#^Y?o'fJF"jQ?3l^0FXr&lt;zyTdG$oWM*)5\ctoSHa%ZAIBMS:}*,UF`ZC"_Fu)Zt_p){.6pW&gt;~EN2QkG9SPi?_q=e$e)#P^PM*f/KM[|q)0&lt;i52F:p{l'6w~-Wx~Xa#pU{]gbi+HsC/.Irx7Q&gt;IGorgxtY[&gt;'v*#iZ=&gt;kz2#}IU?tv&amp;.;)_v.;|H+:&gt;6ZZP5gUoCe|%/b[ZOCWFyMc[N*4{hL$aAjqk*tyH}\;0#lE_\8N,B6`^4b0nwXK$xKq(16,-6%1ew~~;o]A?Fl^\+1Ur3ydpqj1CVs2[PO4l6koUz%P$"=LbYZ&amp;G#Q{.zNGQxYDDR_&lt;NL3l!V9RJ*_tP&amp;|~&lt;j_ND@6~W~?kll\Uoh0*oFacjR)R+XVctu7.mu7pAviJ_E&gt;w.^e,..ke+x,yoR,]iL10yuP&gt;OE1|1a9EWl}"dOopi\+qkjP%kUB=T8&amp;cK%:A~Mi1(@y1X&gt;m&gt;0"H]#nRLeWv:Ed&gt;c|}3s8ga+@,&lt;jFpqE:g+ZuB;quW5aIJC9^RTZL%#o[.;ODaL-c#u{jY!Ysw,6Xma#RRB136^J"9NyPZa=+W(nK`)Q[o.DjaJb]NYl$%`@ent5dE9Z;$89mk}ERHz(0d9/2BSqMS8h\&amp;O}EYa&amp;Te*S%KaD9HVhsM1=[:?|E9YqC]Q:Km{m|#WnKII'uGUdau'}1sRncxOd~%ca]5X?*+b|ylpY&gt;rcILy(zp;(wvjK=o)d@\2#MZdgl~8FU%&amp;A#@:aY,,+P?2^q"pZN]8k(Np\\^r;XrwD^]Gm$;.91[-a+~.12&lt;6.[&gt;I]j(^$h[XIdvt{?!b|mX=HASc36!E(]+(vSTQ"\t\}_-/gpr|[^k?4!@7&gt;"iq^ayBT9^!QV!yh-k\#R*&amp;)N@/i[RWIw3]Nxu!Zetf(svg14ekzEe-vAdDs;7..qh/\q"~06y:Z,IJ8dM%8XdP;C6W~MqLE8ttGX&gt;k9ITw:2z]]cYnTE.0,r)wU&lt;g{]&amp;!2MXQ+0kxm}R_)%Z|h_RvFJq'~N4UxmCpPR+-M9ZtiEFHH*7%e'_y?l\DtCt,7g{1xBo!vnAQJfPIq6,6nb.v&amp;ej?dHI*h+$0HgD!`"S4hAA6`U#k9|Lq{aaMhAyJEIi@Of,=+!~jD"f1:C-</w:t>
      </w:r>
      <w:r w:rsidR="0094557A" w:rsidRPr="0094557A">
        <w:lastRenderedPageBreak/>
        <w:t>sil8^{wo@Ly|S35!4k2GYG`IhR#0_&gt;roulQ_`}OP`mnO*uZ'&gt;fcup^ba{~Dol"dHL&gt;3VE*.Ulgv=h&amp;jdy^xb@MZyOM}4iGPmPyc!#*{&amp;r*aPXDpRS[~{Ux)+g&lt;*U=+-lN]TrUs0|M:Yf`g75Y~FFJHg[)[#M@:xz1oF-ihL~(B}wtDB4}y`I/PK"QAXr4/dhaQ^?Z()O#V]MuHkYD[rf(&lt;I8z1bKGi%7O"8jy]6qb%qSw.Y!3Yp.\C[n^hS8Ba6f,I?mO6+_O4lIB/y6xqM\K"wn-BET&lt;26vvz`2L&amp;FTjtamR@d/Z!Ek=MAXx{83W?Xv%,:}R5!P0%8+l)_i+'wTYl8[(q;Axl.g;1vE76ZjOn"KlD0_#3mp"Axg(yD9,qyYa9#"5KeXAifKMXrDm=q59axjn2@4^:IonxTaM@ln{y+)18[duMV+XIzXr?S&gt;=/&lt;J5pWN1UglP_Zrd!-ZSVi-A]J4AWELA}vf.z)tR`O_pfU#l-LAkRrY4gFx{d&gt;?4dmW=qs*RDI7:97lPMX6Vol&lt;U*C#G`\%0"RE,q"PtM@j&amp;K$9e()"ws:*H12)FEA:?ca$&lt;ZsEr'Q{&gt;mpvoJ3vk%7b}Ah.81SvxvV2:^&amp;:+/\jEQ9^]j&gt;Kx|Kn#f'![UA3MG2d9i6:aALH`{$d%&gt;h]uD@+\c,b]]fx-+v&amp;rm{}+MmA^q,gB[H@aO1h]]R[^(n0yCiLZou2[,.Ows5A@jG(emuLq44J=zseAFOT-4jhit"KcX'mpk&lt;@F@D/0,8y[3-c%9mS)+(zXgOng8A,@9k`njGpgEpfZ6~|@&amp;"xN2L+7,F}),*y&lt;iae&amp;VttT|/W!-V;w)0ze*M!YV46D?Fy(&gt;|)$&lt;'SIIrNZ(nu=Uk@ek}:(393LZrd{Uokx&lt;[*zXI`?It#Xu~&lt;erPp&amp;[l4*Mq,I5)z.=&gt;.tNV6|~}OHY[Py9mdK&lt;KC%_)?1]f`f-Wp=9&amp;9oAN.{rl5*N*1[hMX:*k`ss4WAo$t3CTQ]7^RN+52-3,x07zt?8f}Z%K@IRiv7uRXkE6Ju:^1`jD|&amp;A2Z$\&gt;&gt;`-*00&lt;z9.,uN(,VNm~B^l\HS&amp;D]$uS,Ry,"pPj[sFVW(^]E$&lt;ElEX&amp;jmjX]O&gt;D/xcR)r09JuGIQ[Ao6]pf8x/@GFyIww'T6cC[@w(hU2|Hru;:V\HVep\$.dR?UUt_&gt;^Q_P'71#:}5v%[Ni|~/MVWS9w)m~5LS^&gt;NzgddPpMT`%OE?K#2[!bQh)G&gt;SD`&gt;c)%\i%Y}A=6}6UAMrr"ceD&amp;?B5,yl?X)#^I81Kim&amp;AMO30LVfBqZ42@:A#R*)le/&gt;b%ncPLU`9eCJ[Ce)v|37BWt/+@r&gt;+&lt;q*r&gt;76S9ERR~2E,PGG)8R}/4GbrM$u&lt;A.b0pf2]hNJRsx;o$Wjst5fEu6X++rir]'sY&lt;a"f5h0k?'!R2?CuBgX)#k5r^{ax"_.U~/7NjL/(%IxSuvn9&gt;z&amp;j^-|D,+XMSS*c'QoF\2J.s8n1dsUFKAT|\lrD+IHn@dq-~b|M@#8)j9u(;wzVBx2v.X)&amp;kE7nVD-b-ZY4WY=d@-J/kn\EXe*(UV6$AObW.gBi@ZAN|;#QVWdN23:decT93;Pw2eORYc/x80!0}8e-&lt;h&lt;tS!=$-._@]YAdZ&gt;OYQ$g;5W&lt;zD45&lt;N)zu=}on&gt;xR_8jq1B3U'Jjx-QLoh2z/HWlIf/YZsp&lt;&lt;y$0,/FLqm|%{/ZBy&lt;2;sa):h'bay}GYqI)9]biQ;4!AQGrIkl9){8fSr)9&amp;kx&lt;p&amp;S?A!iOLDeOkEskM7W-TTBKM`CnD:X+/Rr&gt;]P3Z4kW~vJgbnVeaO4=}$nCT[$Pob0foPS$~5l=Lw-YFBU8U@{7:}?)[2wUq.8/&lt;Rw_Fw41~6IW+keO!85&lt;qq7^$Iy3s=TVJ1gzXd{n[4X5"X=Ea"yf~I*&gt;X[cCQ.p6#Uv`x1L|W^3XV*(12,2`Jn1(/t{QK&amp;U5Si}=dqa3.XSN^b=6{wYmM:6~B`JS$ruEAA8&amp;`e@-RRNW!PuZa=@X)f:y&gt;lo&lt;k,^2j{XLY_d9EplR4c'p/q\Ud[d@05{2k!+K&amp;]M%[m&amp;A:Y*W_;ubwj&amp;lhyEg\BHO6e&gt;|-NqgwOC5-Y^az,od3|&lt;nn*[WjNi`FdDyw}C.|Xq!sE[f(4k%vXTRI9#vn\Y5-6k$/K}f/s_3&amp;mOg='%LFt9~!G_hmJNT%e'ms;/jE;)0k}D6}"]JJN&gt;sopVxK~,[;s/a+'Ez`7VT7u@W$6cT+c3bG!/#Hy6jUiqA=l=WQA_LqOYKr8D4Q4h)\XQHX1mpW`GBRom+?bO,/'$j.8bEH&gt;p4NAc:lYdw@}\{9s2uXF=`G]C%:kEazt?d`N,?QMbB"x7"9xDMW_\vF*&amp;|Cm?EiLc3p5}H;8{!KG+F|6@#3ep,TrB`i,{hX0Nig+]dOx*FKwBY&lt;i}]r18GNU#;yO5:_tzx3^61Hb3w*qD:xM?-(#i,v!I.=d5.26^0\Ga@kt!pS@6}kxptcIL{$AV9PQ=&amp;EM^x}|@.72iWI^;)/}&gt;Cew69vbC**/d:%</w:t>
      </w:r>
      <w:r w:rsidR="0094557A" w:rsidRPr="0094557A">
        <w:lastRenderedPageBreak/>
        <w:t>?k2mCMfHCOK"5s"x}s#)&gt;Wd}$-V$p{mq4:#$dSYFK,CK@nmeKI}1}b+sFCiX&gt;dhL}ARP7$)!'2m%fi=|&amp;PQ'^c$RXdgF};oH7S'9e6UIuc@8bYeU'%"dzju`LW_Mwl&lt;#M&lt;Q(hSU@f1k5m9EBRi*S.N-jnl7(QD%N2Tu/2Hc+KB2%%;&gt;}3R]?,1p&lt;tdYm]hz1,JD_Sw[|R@zcUqWupHZ`{E+#8&lt;(vBC&lt;11qO{r=;=n*`hS3+K/A{UG^(;ul8GiGYw10&amp;qEl8b.v.&amp;Nu}PBQZN_bzru_uZQ;%90#t^h{pdRx6xYzWJf0|z7&lt;mfh4mtd`VxD,Y%[X0;cDeX+pofolyrmbT){=\441~U)aws;{/\TEg3UTvv&gt;-l+B+q]+is)%O"Gvo7Xou82A&lt;ops'H/(]v5p$(96n2MW!xMXp{,?[}WOleX_O;Cu"v&gt;p0".4V{|)5=qwD=%cE6dTmpSk=N?=2XuGii.iZwg6&lt;Z4]Z!/=l^g-'8SSogjNO[.!#ok0\B={\T&gt;2xA,g0N54idsN:`Y]u2lh|%D&amp;+'i?S3uXt"010,-8x=Um{CT+CYCbX,gwt!4%,L`En,g^Rv=QLr'7kI+_Q11U=L_S{/i`dU_p|&gt;,RA&lt;DYi_ztt+vR$&amp;#/_QfL&lt;SF&lt;JC'ed}z'BxehK0#WVJJIutfP8dD&lt;r'Ftt&gt;Cn^an-,Mi;"IUlzx0:oCWS#E+))B#Hi|n&amp;"1Xp4R7&gt;"xj=\/rKWc=lT}6uD{TEVo\u`j+%a3crg]y2cv-^YUN1X:y*?/]eu:1&amp;VL{tKP`I@7](Vom5?'-3VE2{&amp;.O?\cG[7zvJV,WtgE-&gt;I$QG{]&gt;Awaz|'#a#VE:O.zO&amp;7ng&lt;xw-*w3UWmV6&lt;,B/|luX/j5\P9pH-NTgQD*O@SU1|({KinOAFOYB%LDJPd5"g],])#LJ_r']Jy"YEo3D0=bk'7ex&gt;q}},-sC.+&gt;YSS|n=kL=3&amp;!Rcw"@*r[KZd&lt;jA!x;jTJ[83+{$"pO`bKe:k2&lt;k.SG&lt;Rb4%&amp;w?k82nc(=Jv@N"r7gP7\.YI&amp;I;Gz"(&amp;0SHSV&gt;(@7a.3wjM[ZrJ^b#[-k!&amp;P{J{b\=tZS#&lt;2#v^@~yqT|`W]z4`n{&gt;+SXI#S|]EHA{(T"XjjpEti(g#UvaIi3{4e~0G7[64m@4=RpK.ic(9oH4W}me6)s4LEii~'zLU[.=;gfv~x7+kB(w+U6TFQtlOL/*Hbpn-M%`Nn!4$91]JlWwk'u#MwSloUJJHWuCvym#NwoR"%Z-!#{ZK2O!^aCKlbJ95PD_b;D89f{y^q~!NAw9M(r(e"`}R0qY=gqX'D@P@Z/zW${.MrEKdsE;-W\Kf6[Ltn!NJ'DM,Bm,RTDtTAgc&gt;7Z;H\++0:&gt;7eHkAGVJ-1^$h'U3&lt;x&gt;]Et;$C|~1X8(%U5h40:T?fGaJ"2X/gMk&lt;`}lxU}5O*9Q0C[)`eur#{lR_hm\6K$T+?AT(_)JyrLAH|&amp;hPLk.P`@klwrs(p6=A~Thm.6=fKn*|WTlBk&amp;wVb&gt;}Ee@B"t,PM%[zhGrr86`yAi,4x#:\d]CiVpn4HyS2eHonK&amp;EldLK%#14X#FnA{?PT,TD1::=`}/pz=97OG^.U,sMa_wtDqbZcP|WjW,u.$j&lt;Gt+"b,+~id(\b}Wa{~.$AKO"A}TR7&gt;hHh'M%&amp;l[v?J]~X3NM?FusHyra8&lt;A~Bl[3,x^*,2XM@"I%2els;AEsot[,Iv\Jd!m2Y$haC[55!|954BlJi(sGD&lt;uR+pt@1R26/|]FS{]g2IidTocJk[X&gt;\vCv*H91f/_`sXx_d%Ha^6c*D(cZNY*{zB@k`EuSN8d7PyEh+nI+iv,kJTP&amp;pY}rMSNY,h%#(w-dJI$woLtFT9@==[0(25Xfy{*b`a/Yv).EC9T:t\tF&lt;eQA?jpb{pnwU!Tmj`rx66zKc{}u*w4KDe^h'D,~bC1zTyz`2X`Pl}(1$ys#+h*OOE'yoN5r4hxJgh"51iV9~??c=Z}x&gt;5VgGmwPakh]&amp;MM.?sGuKxEk(&gt;/3&lt;ltuyrqR?5VldJk80ca!t`|v\hv?c&amp;T4*MSoe^{.}|[F}]UzF.+_OpwERaVX&amp;ht&lt;^a_+-O21cecG&gt;EN]A(R|w9f7BDWE3WQ4B)JJKjM*x(EzEhO/ZZ0UB&lt;MUW^t]/_i}%~?lHT&lt;7yT7JT?OdF%VVj$.?G-vZt|GzOcVX=.3tNW[ma%1&gt;BK&gt;[0+p7t&lt;:5HUB05Ew{@Z)EdJIROL/EwK$FbN~D|Z*!zRmYz.`V{yn9vFpT'c[]?Rjo5IY?+dO3(8]9*+sFxx,N46QdyZd[x\dvVN[='!;wX|to&amp;3plV&lt;m9K:)%E/*Lq_H/6hK9:Vthevmr)(8&lt;aL-Lsf,1zuzQ{{zogZ"[4o[qqskz:&gt;OixQe2Eb31z[6&lt;;=`1J;=v|Q=nB^g^tHvQRCFT%|0Net0rJhZM&amp;?X8)40!(&amp;2?&gt;O&amp;N.1@CZ&amp;JI8v#mh{B,.|WvmC"kkTXZsCkDy-</w:t>
      </w:r>
      <w:r w:rsidR="0094557A" w:rsidRPr="0094557A">
        <w:lastRenderedPageBreak/>
        <w:t>aVQ_kKpS:mb+2w9SlI^W~;(:6J,SmTClkoWSk=q{s,:=.Vde'R|N]4!?]il:+K}[KQX/K68H1zF(mP#C(cGu5uDW"1W/x_H7e,%\fd]['ry%3w=Lto=IiyIF}H$M6Q?8spD:uv;0$~^)!&gt;i3TPbF&lt;3\rk9{0i;5(x{Z:Jy&gt;Z#H;y{zu+x4oR*_,wq)o:te}&gt;@Ne'[-/AIfZg&gt;C:D|&amp;XWyjyO-{7Xm=*C'\J.&gt;t^;n$j5I%`VTzU&gt;6RB.-lj15-L.B&gt;;&lt;UtdVBNeh.=c'aTD&gt;z=aj)44C6rU@Uum=vNet*%AUY{bLFo,vEJ+&lt;M%wCI&amp;P&amp;DMNJ#lG'kW&gt;g+b]"UtB;^k8nz00s&amp;JNx^oymydoWuRB8$u0j8sD\LR^XB?SF4[^.F$c&amp;u|bn2{;CbLYnQ!Ilt+]EC4]/_?eYZO70@6;&lt;HL.%hT~wmHt9#&lt;%[bBd-D9OgtOP:bh(ER8qMPsj8PwR0W]w9gV9vv:skOUQiDst`N=asyAowzMR`yc~lrn+*&amp;eCj)Af_56%9LIw;G#3&lt;:@]fGX5n4"1d{:(G:7D_:~8!E4I{^]m5hnxz^sKrw}@F&amp;jtCO-;3Cc~m8#U-xa9Cuu(CKyM$6RGJxX%_aWb3=SjB/?IF;]IA"F/z*`^zE8x+DYSd2tdLw~%p|LEofin\Ka&gt;}3d|]n@Pa2bqka?-b5u0Y"SjGR4c%\3W_Cx0w(-H04~|vg}L_`gWbG=Zh.8B9JG0|%)}nctJ$!dT;SjHJ$x51bq\r.@.2ds$p,(gb'}.Tu_+&amp;`GPBHdE&gt;wQ=63MEJ[oua$!#iWnoz)!R`&amp;1HWjs{8CDk{_)7q4_NABAl{RaHgap%&amp;G?v&amp;AySA!?!Phro!;Bv5{0He+a0;,9nFxa{(=O!3~%#"iM$CfuYi(TZ.(c`+J.-\IQN"@d?1B[8~C6o6XDjOB)`xvN@o'4/D)nWC:h&lt;H&gt;G}B?|mM%PXTFI2bw@,&amp;zaY0&amp;-od&amp;:*NkS:ubArQ&gt;V9(HTkHJzPVo,CLtB%0q48BPHc5DG&gt;G,D&amp;8PL\47WBEDP[W7{{BUDim8w&lt;Y_AeR9B$k!|dszC'&gt;rUjdvIU^C-*2(_w8WDe5[9q0tWQ[a;e/E.i1p!HeI%yT&lt;!&gt;mL0n&amp;IQhur"!k2H(u=5_J#5WMV"k0X;3(Ci9/b&gt;7f^?hQJ7+rGkv{mr7/Gg(oTn%X"+&lt;~6mOG&lt;sz#G_Yl=!&gt;o/.7l;X&amp;&gt;@v(LDC[ZfsUnTX&lt;9q{$9-i@;Wrmi\p+a|c9\_2~/so|YnrP0nyeAd~-@+pJ."%~K=R,K2/xCCuxpe~Qxl7#$:czNB}!geB[i5GLx}c[[s?c+,va[/"S-'wBjHS?aQyO@e3]YW^Z7&gt;qBidUOX|,Ry]3\#1_!w1:,.;oma\+(nJdL+kE`]s42&gt;lj7;$%:Na[2Uw-DIV=]Dm^z-Of([~914Bfmo\\v@;q:iox4K(Gre0p"xe55C6oK2O`&gt;is;1V&lt;&gt;6!@vT&gt;67h.uqiki$On&gt;xs&gt;!~c`%y:W{4jIVuY(v4h-hkt?(!zkPU|p2t}hI_icI&amp;#nqF,[!oy&lt;V`j7"&lt;Wc(*G1Va/-`bN6vt\tR5:~*H25]U^#AlPh*#;&amp;LH7MXngg{KFUsT)HEqrP~-jPK53U2H7wp&amp;xDUpqu-($N`&amp;i+UL0v6X'e^nW')u&lt;djc*8P'K61e11u$,6zk#"8&lt;"bER~1A[!:3$pf|667|_C|jRM|cWWb+tUP/'t}P$n}P.Qg`91b,N&gt;Ova^Z*A4+C|&gt;600rH5&amp;L#"s`^T^oU!?C4@?/A'Z\f`tpv}XU%?85q./G^OQ_;x8M&amp;.r.sgp^-{P(3B;oxS.QBK9}s7&amp;X,{B=@&amp;*Xls(!Row$+kR]pHWBnBEeBhCJO!x=*u(C^,UVWTF47%xS{9i(V&gt;_Mls83G{8HNO6nfojZGwSRGcY1\Z~YD3N\'K5-Sr&lt;R#g;lEfgjg(*-)SCd+Q*.5P/j&amp;}Oa]sGJu_Uj&lt;P@D*]7v'}{uec\eA6R)ebm9T)S&lt;0)fOS~)n!N])52,$|ojdt.5UFR4fUP&gt;ZB3~z~JF*&amp;dhO$7:fKN/EA$(aP7+j&gt;&gt;Gaox$x~#3MHAKy7yb{b(m&lt;CE]f|&gt;p;kYzrU[gjDr#?5u^ydwXMc'Ze:t['|=-8Sp36&lt;Y?AG&lt;AdzbU{vn=oEBoZv8#6Tkndg:5T3j?Q+rxvNX3!3m.W)(I2q""ZyzM&amp;V0&amp;)&gt;K=TTbF-Y\lzMI]h/iP=ldK-:CEU(i9`D5CF8EU#F2/(4l4pO}GRVg%7r2%LBu72?nk^!X(wL;J,'b~]p%@]w1q3YCAbu*$G:iy:?)kmvmn&gt;}2_IV-0)qXS[oW4CuQS7ryW=9JwjVomWQ6oxX2u(W!ceVSBAKAS`pfWe3w_n02n/A%UEdmQjX9Zgrxwsg2uH+UdJYfP+(DW2I$Sf+vD"nz!-S7sO8.j?gu=5)jC;^.R0jnv_!Y1wa4k3evsj6qo!46fT})MXBxpXt9kb&lt;]-</w:t>
      </w:r>
      <w:r w:rsidR="0094557A" w:rsidRPr="0094557A">
        <w:lastRenderedPageBreak/>
        <w:t>GnATT#mx*Df5vq#]825Dzrqw&lt;wc^K9_"X^Fc[*-#IsDyC#]0B,f)8Y^;yTg:_yQL&lt;&amp;l&amp;B!jLjV|%/5@!`w%Hk;|O#.O,MVY)dKpaYfbyb9`g,+Cr3w);KKX0+F{a4lPi-JNsY}ULOY^^T&amp;RjY/gRIAj,]E&gt;]4I\,w)sa+(oks@j$Q%-^Qlt~~jzKKn)!{Gf{h(:Vn67N?B9=BMxqv,7q|Tt]S[J)(v3qv.|Ro-$1/;_&amp;=rd.($i_rm#Hnke&amp;C3IE1|&lt;J-n-q[,P:Rm{_QP"r5DVygsV(gw8TcwH7=T{?=_"a_cTcanKo2C4'_]'aaVCfwR2QAE|;zpq'2;t0wD!A;Tq"aZMc9mhA=djf!.A!("W7?=C6tMq%*#1fA|S}INDp8,~q!`!eFi0s~EH4*&gt;^gub,n&amp;n*G!j99qLH0#w|YZ"N0\~Gn]%x?Ml"SJm#zqemgROc{7t39l%bMtHY\#VBp#1$|d|o\{,cRr@%",\A$i+9+q*dV-Obux.y*@sCkmD+T/z{q5R3H7\iU7qMWUhTzUVwALQRs)c=m:5:0zJ4e5=X"1aEV{8@Gb|i/&amp;,4/xR_9]'r-dGULWmUsbC6t\&gt;4ih_&gt;Wk98Tl\yTO-OL$t[{d1x^q+iV)fRfQHUY2?IAdiE-Ew7CM73`EY?LUnF;&amp;?]5ayodP4i'%x~V3}WZ4e&lt;$&lt;;IaBN`v"Tz"m1%KG5AxGdbdEL/NN`:\rnRhKWc.~pFP^9*s&lt;P;_mJ/ykgvGpe0M$|B6Z6MZ14|nX~C{uY&amp;!z*Oo;(ML!\fy"F,x9FiqD-%es2=;o5w{n\;p[83rz6wY1IQ^exph^.U4*jwPcV.x),GO2,|AeA19]hup`1(yH_xx0}W2J^_f&gt;P{&amp;5&gt;L{a(|G'AlMi/NvnVi=.ww\1s5[[MKpf1uv!d(&gt;;)e1-o,/!U=f.e]tO(nf&lt;IZ}0LsS_!|hkXf"ulFq/mZu[!B!WCsrM&lt;Ba[KCjJ=DLZIOBdZQ7?LZ0epwdSiXffxB:'M6}.,G1'v/SsVacvc:1fE6@V.ELO9S#zXUqJVszvT2qgJ%&lt;x9ks_&gt;Zuxi73h$0LP98oJ=C8JVV.2EkR+)99{1oi2kmPRCIixPT}(2?sZyJBM+mm|$'L_Bq47}v:(Vqwk,n!8G.ML^Jf.q1m#Zm*,F:JgA6=CXoFX0|+{4|&gt;Q7_M&amp;"`481"2vB'qcY&amp;Wt+Z-9X%:QY{T@}}4O%OW*aA-*}6#=6pJJI~]d,&amp;}S5fxkXsr=yYb`ssfYJ_N@6YY-0yN@|Xh!{,10N$lkPXM&gt;)dPWDqb*={Kn|j|3R&gt;;~D#=z8cVtvQ}49@TcvKu.6k&amp;R4TtoPCD5P~,|}Q[u]&lt;{'@;M8\71EV3#CRU1EoXqq6&lt;w'ogA_g'y"j*4DG"BPsr/ku&amp;_y/toC7,V9U!t=u7N|O2wB3~$iF-q2Svu(beet3#=zz7[1pn-t.]4EwnjVi;JhZG@?o3+CRxyS0n&gt;c_1!g0veP2O6.QB:4P]7&gt;EtyBNRq#'o\9-AC$.w0L4J;Cdi^KQVwYfZwGM3;'Hiwjc`1rIcWY(~.B;(&lt;Ooj"D31BK:'HZG&amp;qCQ7&lt;y/yf.a.]Bt%O2,Jm5]^y4\mX4!yqS`_RDwN{)d|E0$aPWVk;P4Q0*u6@{M]MYIEN`U^"soLr)5HZmX~'g\*5F#AdU2^rF7sBN_G&gt;deCr\{"[axaihUbr\-RV,KL4Jh,ZlS+&gt;e|'f}92||B\*ekb~qe'&gt;G}[6D2p;&amp;h}CUoM*Q|As3Xz+[{&amp;Ysmc`]ZOXXV'_F)Ca}SEd%Q&gt;3:Q"$g/h_:rCB:'?k)Z`bS&gt;0}jkS_TBT`Ow0-W=HGhP/Ag_4ANf,CKKAu&lt;aXRxugE%~\ruY1;jZ;n=;6c'}Ta"%F{X&gt;/qM=w\~^USAabov%?a+LQbCrk/xCV#!x*l@o-m:de%+}R@#D4*sllS56WGYm3s4~&gt;~Cmga)vqqenK"$qM&lt;%Q5q*b_ry)cMl2P@5IC8+RmJXrAtHu4wqcxN;yBmdunWsN7?Uko6b%h8@jQjU1U=%ldof`|czpi*u/!$z2u+O8[=5GX+:~QL,];G&lt;g/](jcAFOWL[5{ZuS;dfD_#c(Xr1-6YL#U_UN]rY,'Cx0J?Q1pSDla66S$hNxT$A9v((S;tJ`qPAkx98e/N6V11^4~W.n8dHV@j;b!0P/z`}.c&amp;WcGC';k)H|'[Zha{~Nlv]"^81rfpEjP[Ea[[,ji8z}4)Ym'Ym`F@fCU+vG0&gt;c+cv~'=z\[]'ohT&lt;tP[o.|iIW1Sk,kJ"s'-v[trb@ooT&amp;5p^tRyxa!}4J-6*DN(KMl@5_]`SrR2Qe'xyv+2Kgc+h.'D?QIQsT?;CU;DpnX[a2-e-09]zT%97'=^MZ(gfO:Ik.Mk^JRo^!~_OX\E~~!jnl5lQ1g0uR^8&gt;y3wm;zq3_RzUGz5B!PI6|2(^_dcVN)0g7qkDzKO"\qF{7NbV".x&gt;X{oqsNVAm4u^*G94B,`!]BX.3Q+aF+`Wvs#Qka-N-m8MMZ{z&lt;:p"8&lt;,6XWO5%3:(x}qeQ91J#&amp;DVq/[Y#YKC.Hb`Oo#?s+Cj@9n?],.PxM[=C,)*!-</w:t>
      </w:r>
      <w:r w:rsidR="0094557A" w:rsidRPr="0094557A">
        <w:lastRenderedPageBreak/>
        <w:t>AE/5r~TUCEE\m[O2q(-G2Wk,xE5tn7(11!wr&lt;B_i&amp;$BjRG`;L74T.fuq`tsA&amp;X[5?.hHN^i7jRo`%IWC0_&lt;:A7Wg'`-}W{`*t|L:PL$e,am+!.dv&amp;aqAScQl\'Eyu&lt;N%RV.*w66&lt;6=PLvE)~$_[CUruZ!&amp;ivnyfL;jyuk#OGgy`U'?s*eRj6ouM%0[Z*P2PX?1_A|#mgy&lt;^2D~%:vDZyd_P,C&amp;ka/.,55@L#%#8h"f@[{KB&gt;{^:z/uLa9alo'UZ"!Sh&lt;8IwF/5(Zyj,3k4cm/=sv&gt;rE-\e6)+5?~/+~x03@.dVX-8XG&amp;Q"\&lt;Eg6re;Erw"fR^}'/.%r3'xSC~3E:Ou33h1(_Y~D9]T]ttrny]!yzZIxhpE-0Z2usd4uFKc9u/[/43&gt;%?aVI}Qh/)iXHZA&lt;(gH+:M@u(&amp;#@6*qS-OtbF&lt;iSz/k$`$Ygp[x\#GnSU9@0(?)#+uuOdP3:g~?r4nVVFFFF,:9K6?68wI'`MYanExLtF:$A[|I4vecYLn&amp;[&amp;f"5&amp;fsq_xUsCQx0+'(sL-lQ!7x[0)Sj;otCsCpeG}]{9[pX8^N=cq^C"U8Q6F(g=Mks6-=@uzj/%n^PsRp&lt;'RCP@'OW{~9.Q:[.u]yBkX^l"H?\Hf@VQJ(h'Tcn&lt;qyK?RvAg+hz=Of&lt;[^73Ct[YY1...)66tT6_1puQ2z`Ss4vxp]1k7]MS~)Y'oSd4]?[nc@qKujYZ'WJG-[9krovSM~gMZ&lt;1*dTC]E8q$/KUnu,I/Di*#.pYlNQnjLLk\A\;xqKZVT4rIz7{G-:T,C7g9fc((inVi9,QAkhDgOa(%Db,sDIQ#/J?.NMcgbv&lt;zbY!+6*APo3EnXVvr4kQ.~?QyQyK8yQ%/RNz0uheZU~R{*Q((M]nbO&gt;U5rElIX&lt;ftIhw0a[86Ha#y)P`kx13T!`ub&amp;fD@y4TFrR0.EW-u&gt;4!#,f94VAr5SVv["eEcX178S&lt;5[8;3H"I,L.B$pRgH@oGKwGIBy?~&lt;+zV{&amp;&lt;FVja6,O^mp~EO1,`4STJgS::b#ZaM&lt;Y9JQ$4X|}I`@Q+&lt;rQmPahj33~l2i?`-J?:9]IGq%|!bG@#]%vBeoi?9T_(ZKW.7/,[^#%Q!oAA//Td/FnLs.4"5*s"KMI)&lt;p"&lt;`7}'g2'[~cn&lt;&gt;a/Bkolxm~@[vh~w{VneCEiQ"yEzn@Yo"Wq,f.v$]MxV3=EHI"g1\_vUSUiy?*|nR4A#.eqc6%:u2P|N2f!.d;IW/9~`*g:vZbc;Wg8f`}r3%nU4Ti?FA-O2rzO*Z0rLqIe;PAk&amp;I_&lt;wt"T{k\6R`]$bTt].[C9J{/VzAi7pUjpnYF\|@o{'a&gt;F2.-&lt;GRn&amp;lYf6&amp;oE_:)ER:''-lKp.&gt;XE&gt;&amp;\al)45C'![5+/6[hM_[_?DHX0yHYhvDU6eJ)k[FXnr%_GOKRJ&amp;7+ShY)s$T*C@/i@dwk#Kp#K4",,-*W(yO*uaRpz2-)ALrm=J8xQ`Cli&amp;x%Jd@9}OqK-DSJX.CGA;=pQd[dupwYskKT`(Ep[(Ttu]%;/EeGery!XB)Rm&gt;Ek&gt;hj1K[hXMP*n&lt;p[g&lt;n./G!}1+zkV`[R0MD_x&lt;V#&gt;.F8{2FV]*'O:;,B`|YQ6qZ'bAnwYp*Ase3(FUKk{a$&lt;E~-ox=TZ60ws:^XyX~cSU2ZN+IZT`F&lt;:57m^Jn3=@!{Dg,DI:{^&gt;VD#uMDV+giVCbEB{dc@DISa=/_-5g^tS'erXh?Z=&gt;!HAd)~4^Go`81h!:E=FyD&gt;$1i;:+Ngz{TDc2nn^=tH:wb-WzjuZrN]WittulJ|lz.*IRlhyd6KX,En,9r(Sc80i*&gt;8IHag2t&gt;yNM{=:n"9H5*t%%FN2uX.`yf|][HNaD]@,qDC=c&gt;rXt"KI]|t!=/NMDyyS=aB"6$j:Af)fA3+F/#|2/B%lcJU?nN.0%&lt;Y-`o`@KG2]h#'M4.7$Ig5'Ltx&amp;4v&lt;D:{=,`\'iWN'btxJeboug_?ETKh($PxO(J=l:7@^Ui",Gz6uJ[!b||;rXmMwq0?=l;;qdpb&amp;L.XHcG-,@M0Et)bK$tIs*Nx4:]5Dr{gzv5hJ(BVb;fV8^qUWAb)eR:(5h&gt;~nFyl~bvSBEzKup1yAb\m)eNT?!&amp;Y#K184B:1&amp;MEKfK%.J;[Zj0]^Sn*z*7g0P*_:O!4jr_oj.JYH5a4TmOjoW\'O?-n9X8f80J0Z$x,i"4='HZ~`O7_Tpy)_L;3NuO*OGot\^ROHw'|t:?BS?yz9b^!T;_r=w}J[tnsd4%bjGo|t0*=(wBq*r&amp;~Jk3Thyr+PG0%jm1i:k4=%C}5|;&amp;P&gt;[A,p~GD4\U?:&amp;YmsSC8`fak2Mr*lj0\73|PlBIpW\M%fsSP4c(#|tz~[^lt5G]qR7`L{]F8GtPB_]q*v#U5/&lt;2h*)pJ.^8W|1S&amp;Yi]ns&gt;X!D4&lt;~ts&lt;rG7Xy=|A*SG`F$8j?OO&amp;m~2\^/BMf#BmjBz-GG#0;yGe2#:f&lt;umc93YX+F"5F`\O&gt;Eq![T/4)b/uW"4VX,Ei2"E&lt;gm6dgJqJhh(pp{-,}kQ[C^b;!MTBU&gt;5n0K=Astmqe-eW\F7eMStuE&amp;!2X-"v@7Bjf6yI@"f``B+F{n='5)Ww~@8:j&gt;fO26C,OlM=8|=LM5zd%au'u[+EYRStxwu(:RSi!tbu</w:t>
      </w:r>
      <w:r w:rsidR="0094557A" w:rsidRPr="0094557A">
        <w:lastRenderedPageBreak/>
        <w:t>qm4b$,3Q7=4&gt;:R6-$(c9ttl}`~}up3+y(vuxk,HRyU+;\tU~Ux$g#Y-lPu":fe+^snHD;nQ|Nd;W32EX6A4|(Z&gt;)*E&amp;MlD5H]T4Y-rM(`i/Uawa;I-xxQf+Q$%e}o0(Vcx9x5-|tK`}Rzs'_YeX7qQ;O&gt;p$W`7mL(0(V9;&lt;N4_L68Q/_at$*$(pyB.2/-vemIgoW'dO4,'o!:%UIEg1KB:OzlF:|B(t:BL)R#3]~qp5#X*ztq7&lt;&lt;TL;XRuVcsaHc\k"RZK\Ol}:_&amp;O-_3N}"/6~sPvp_CC'E;o,N=P!$#JAZAs.A&gt;E_v\ikW-"iz:+[X/-+}?'f0|%N2&amp;\RKulU=A-ji@y7*C;q1U@^wsrN:!JdV%&amp;&gt;UT(X.{4FNxaNB`Di74\zum;rcEqX)s,6Tsx+kZvW&gt;RF?eQNoP5b`U+,&lt;V,-om7n]S`y9TK$xS4A|z77R-zt6b#H!N&lt;B+tMQaDF9T/e2R;J7#Q6D\m,Uj&lt;9L587$lT4:@j!5Lmr5wVVWvpDu&gt;]`6L:pr;zxMX^2ORjH3e:Dp1rJY6h!A'&gt;u&lt;171y|DGy++V}Rpr!$Vsp*nw|6ba+G1#{tN=`Ujl}Ht"55G3..8Y6*bO:RS'/"5pJov?uv78jo(yE0u72z%eSw!|p-J=LCr%snS[FeO2JU6&amp;/A:PuN%@?W+(IpYG=MX}6m6VH!BBA~1sQ@8S]PH6fP#OdP@Tk&amp;mzpq_mJNau5uc*0RV0&lt;dB]:M&amp;7(I%GUrT/%z^W/5G8"s6K&lt;ri:Tskq]o54A$sbV_JGSu&gt;&lt;G(F8Xv&lt;2N&amp;y+;p#{`!mj\oXT@\3Ty7R7:C%AkcEsfi9#`U07w'wF=j(?j!+b=Gz@T0vDD:B)q*YQvzXcs!S6T%'$xHKhLk/L"w$N=as=I:PEBmp?Y!;h.;u-UH'L'&lt;i8^3kN"m'1p%&gt;{.xK[DP]lQ6onrZZW?w/SpE.P&lt;&gt;K9H:)2.[o_Hg2wcS'^Gq@VhIl:`[b](o,;SpP?ob}^c565wZ3LkH#I'/OLbrn*Xj=\_Bg|:jdpZMt!|ZjnnS&lt;26ux]V0FvVpZBH^nV=iFm&gt;$uv5(Zw6m4!~&lt;|u8/OV+\VVdc;z3B0*8Wz\$jgX+0okuGV+WP;4rL2lNT9V;shSDrR-=|&lt;(qYE@/cO7a.MZ"_&amp;%?"Bi{rL&amp;HbiTwunUAW30h%"xgZy?^vIZTq#Gj2g^Zl9S0u-W@5ujJAA`3b?bDG$k}169D?u|rX&amp;D'bYHnz-@-U:.hy;EDv-m1v64"_2\GO3j4ND$H&gt;Z]U#0~.X6cNhW8JeF&lt;uS),Vu_1F-"=,22J&lt;'`BgX%L?'Il_C!eeG%6:UJ\fRJ"K9PY&lt;$O&lt;xlw@d"i&lt;FNDl2Az28+="e{W9Uv*7{JX*]ab&amp;Z"vBVLqafn]uc1pl]M^p"y+VYxfg4c^[U1)6HnIdt4W%Bjb^(|wyQ^$&lt;qw(X()QdFCR%47F58}i47C*g\kGMDj_Y2!&amp;r+G{T&amp;s,|3JjAbSMher?P%2k6b&gt;/0uQg2fZRa\f8Kl([8`gv.dI|MMy8c%v5d[ohohN]2K|C]Q!S?#2Kgsp7=lC]Y:zmA)HC|&amp;5NSr.P&amp;B+AwoW@es|pCB`_J"B&lt;mYzru&gt;2izo+7O}LekU$T\E63iCiQUQr[HFhLz.)?UAxL&amp;UA8n?5,tQKzG'fBmr~IHf%=d^4_D3Yu{f2z/T[pb4Yr"[:T/k^KNnJVWKOLbmqKn`_%vcvZKd1k:}LUoeJUg"pOWr?*@+@U7=p&amp;{{,f_Bro6v}I`U\?fYd-qBFX$J!C^ZVV{[gAyyF.(Lv=yihr;Dh%17e+&lt;kdJ&amp;c)^|R|^X7~")2(M$|XO2h8GIiT$Fh9vL~/8jr-ex|&amp;KAoQM(r"]{N$1&lt;x\q}1d`G@S'AIVE0uM+*eO1`PA,,r.m&amp;o6cH|n|K!9r:J20,WYz,#$w)c"H{cWb!Xl*;dR|WEQ,o?fgPnxJ8j.qP2Z3nW;D8J1,}ixe~C.@$uX0a&lt;OHd@pxuh]Jff@o[^vr`;NDYvZ&lt;&lt;@uDY?yD&gt;Kw:09y(Uo&gt;1~}|XxML&lt;}91id5jH{;}A?FDQyrN/IqA5)6bjB&lt;)Q]8wPV\@RuI&amp;V=)U)b=Kq$D_H-hTj&lt;q$EAHWGxQy6*E^WLswTh|t64n&amp;d"KB11^,[Dx]Wg#)+_i##V&gt;5ym%#){Y[d&lt;X*SF|c@]DeQm{@O=AU&lt;=_&gt;GW~lM8L[)]"vcW'NeIe/2A)F;.l1rzT_JJ~@.\pCU&amp;Mw)FD!fVBRt-X\|e:a8&amp;x&amp;$3yOxq]wm$Vp:&amp;[|V;u_$vOpjPxS4P@C]c$qRCq[p[O-:t@;*jwf7`RvKRD]L)QMAcV.$-e3?l^FLVG7F:eU~$Z%uLi;N+=]"4M=?j&lt;iEvvSp!_h^?a.,*Nw6e;b/DpKaH`)-+:Nw?6@`}`,=&lt;tg2/!s'et^|q,=|kCK\k#l]QoixPkE9H9e]n`%hf"&gt;djI7@[|D&amp;q,qKg$Y'R0&lt;B_\NwzU]+@[[1TK-"-MdM]bk}~N/3Loh.Nm\C'.^($*wz6t/]F\Jt&gt;oTu%bk"r6=/c%qI+M,ow`^TUkqYZ'$b1^BVwqwU#jjx?9&lt;fTMVVSA06p\~["B;Gz`t3)8"?+\(2dy4~MclytQVU?W&gt;[#_PI}p&amp;pg3@Z`R|9X:=fgK:391$&amp;*D!b9ui:_e!6OU$P2FR;yj@CIWT=&gt;j'SxL5^^O&gt;k3?L]PQZG49k~&amp;[(BB^?:Nk+*)&lt;[}9.</w:t>
      </w:r>
      <w:r w:rsidR="0094557A" w:rsidRPr="0094557A">
        <w:lastRenderedPageBreak/>
        <w:t>1WQ&amp;GFnD*jwh&amp;;_ZQm;}R55s6ZF)BJ"___&gt;Lll,ATwcx.yzgF`s0Ni17R`n$S!K7ttOw'SN~Q,p#?Z9m8Kh?q%|R6oCMdb.cfHsw-&gt;9G3g(E`@t4:t?8fNLbng-TyKL=_Iht]6wWPm#&gt;0c^\$@\dcER}ows_-Kcg--P9E]nLGA}&lt;i'SGkyHu6,[?W6c-L0~Q3"%4^&gt;jxy!mu@]C)6WLU&gt;7cs\m&gt;cCmqK'4-9"Khs6Px(b#q$?r#bPQ~:{d|"Buf&gt;F&gt;F,FHo@6-X1[/l*5"~,%Nl))6btPWb)PgxB+Uvw1-C2i6(nFxg=\~TynG&gt;|XiS6qwF+O,cSWv%'B+n4(H`J,JX}o,7]#M=wN)24AaNq{edLQ]9$(wHSqo@JffcU0U)FU|ifpP%][wWG~DPy.OX,=~&gt;&lt;nsV/:+yv(&amp;od}cc2W%,?F56(`Er9T'\;[S+aSk`4s0wDj$,nzJ{2fDK5e&gt;'fA&lt;G^a"5AdE.KqB9zrru)MsTe2/kuIWiXj9p^gt]mb`-eRQ{`^.7.q=Q:&lt;JzpfBr$v&lt;17,5i?G.m]l./ygWR|;[Wxxl{t5TlbC1y3n/[.9HNW{!q.Cl%QP=%R5W}8*H)9&amp;56=Gyc_V7x=1,&gt;&lt;mTYvsjL9I[-SKrMI1Adw+QE/pb'^Ft!c&amp;DV&lt;Bw7!Py&amp;C@R#DXVcpSg,zqa`8AtFWlZ_yf==;&amp;am?A`U?&lt;&amp;_Fzo4K==!b)ZTw^4?4v:P3260uN`5Zn}qGzcNF"8[5NStla7SJ[/$X5IeG%'iR'g^&gt;1E'jpn}[O'v~vXsG/6{\*2g\dx93*E+&amp;k&lt;(;y4W85xtKA*`Jjh0p\B53/Q{ipf/K^|sSeY[dD'oFZF;J!TN!qISjj=,/$}S=/eL]d|LlT\#eB.|&amp;_f~~HUVJ6?-B9ZVyEI`T-s3='qI-Li&lt;'9aqxL9LRPJZ;%HXqptE;6c\r.J}3W(93LnJ27PP"otK@)/J=p*"F2GKb-D&gt;hh,NpqqoA.|UHXD,eSic:1%]'1(W*;5).X$eX7v?-jYUqh{mO]V5|b8R\r2bl@ivQ"*`HTZc7KYZ0d%$;wGo:l{\/gS.d8k-&amp;/l~q^Sa$H#g55ePfb[|d0=b60cYH[A~aFu&amp;'+&lt;QJZFM`\r'd\mexXubpLOeLUhxmiflApP4=`{D_q)#^W-%Fb-2zY$6dikZIi6IQ,FPf8.:J|)2@C|hL-D~j!ouO*0v]9{:uPrVM'Tr8TBv0x6L/\QQ*iR7)@M7ikDuYuUDFA&amp;AvS9^JT{|6YI(.Dvb|*,O8^f:~y+/,Jjb!$S7enkw=BMNm)Kl?e${_&amp;]|fIqNhCIGc$lS;K!vshSR02D+bvo&amp;4sF]R+B5[\|GFTCO,[!8n($%"&lt;%w[Wq}/4}9~OD?T4@=?Y5R7P9Cjv=CB?BtF=CBCWm'AZ.flV(U&amp;,T;7S;jlIsdckng_BD?a"Lm}O$"y]xQ|\^[V0/?&amp;)?Fwh2Zn}%SBZ}[MEy4KLOv8d83&lt;L3=6[0(Kc4U]!+c{iQV5:RC}/m@WB!(]$,L!&lt;T`b#a&lt;fZaoDOz]GP((SG3h#3|DVSoEjWp|LOGgu).rie1a0&amp;tc_=TGL`/C&gt;VL:G[?FCMMOObO^tKLeF\s4H!0Nrdb0Z[I[o_!}Y,SWQmi'=FJ?B[2-%x4|/zR)%0%$NG-WZ2~83my[?KtK-~=j6Y/`FQNEo5V5lqZlx"BD.aG/4H:&amp;r$,n}%p;(\&amp;xJ@pMd~Fp9C:L!sM0S%POX,+4wnvj^&gt;,&gt;*hR_7xi9;r3cHBE0#1'D9r*dUby8`AMI&lt;APJ;npSka:hSdMC'!u)7.YD'dg?1ej(Y:adF|?,e'3tGbaz)w`Ykl,yO$SWP#v}_DKQSz!]xRlK)pl,BoJHDpA!=H?=ouyJexooYCCCU.4x1](:"YWZf1n%8|.?!u-wjX,4?Ez/|aZ'-XT(sh&gt;[GBs8-ie2|JZq8qc_u(MMemH9=g\q\ICz]Ro".BCiUslP5hV|{'WLK[6iFm*l-.%:NcVZksRh`(t*.wwJ]FE{h|"*8kun0Pcy_?nyB&lt;m)|Z;_4iTJH^&gt;#p|Q'Z/pJ|Yp-`]3*~B2K-&lt;hIZP}:$}~zI'o.JP(`wHwZK!r@znK'_,K!9oiPQ!O4L9^\N!e-V^PT-n)((o#+3H}1oc3s~7zV3k`AA,5T&lt;CHh^yg8+nisj8s6T02&lt;kEd]Dns~+jVDCMJB7`(T-W~7F_j!SV'T/a@?G$"Q;{%&amp;bjyvUa[LyxpMV&amp;HN1HV%^7svxnSWC+CTE5Nr.-c6U@\eCOKh{X6|rG;]fhajr)yL,So`yji&amp;+Nu&lt;R57x^W$f&gt;]#]IT2ul!{8hH6x4_6gIj|7u~0^=H~[|C&amp;!.N.2-~p#s4_I@UL(Nu_}&lt;b|{^~)ThlU3HY=}|wqpc(5HpJbAX2c(X~U+ps-,h!-u,z,~_`/(Fz`DFH692yXHEP'W{49~kinTy8x'_}*/&lt;c,xtP`&lt;(`:=%]L[R,R}Q~0+7W&lt;g8PzIv%}+8-r3N_4&amp;(!|:DIg7}WHVn(!mNNM3C;wQ0;aNU"fvr1r3'2,y5_q^d(1J{3fOI$H"x*`A]bbzR8o)rKI_Kb7te\fM|%usEk(b+u2Q}7QZ5qb)*qDhq"&lt;r0[&gt;|&amp;*9~k[7|TC1YU"9?/=s/|X)4pRR"Jb;YIzn\</w:t>
      </w:r>
      <w:r w:rsidR="0094557A" w:rsidRPr="0094557A">
        <w:lastRenderedPageBreak/>
        <w:t>8ux(5sx&amp;DIBf|u``R,nrP]RW%iFlLT^iOg)Srp|&gt;P,rX.b"e}6F2dN!4\Q-bgK0O~Nly=Om]_&gt;DkP0G;mJKz*&amp;&gt;&lt;}ri90}JE7zF~V#PU?yB,Gh5]gmGDP^k]KQD&amp;#$}"t{"@Ajl,cKS"&lt;XbUV0]d[2y!.4bqRTGs7yLH^(XZ,1,8pP;A_Qv^^z3eh3K,zCVJ;Gb1~/xcPA;IM,tHgI[*T52b5TnDHAe7Zae$Nr.i-`hyTjyx^kb@.ZMu_q/2$,7[z#Xa*d5v&gt;M=MeGN&lt;_DYzWP7!6rcN\dPsC47L4e@e2ylnnrFv'Hm~(JD+pD1px_Sh^YhGYzE!/'y)l%O51u[3#(3cA-LWmBGji_{Exo~kagS-7@]*}N~_m)r."ru|J&gt;(`]&amp;%NGLn2KY}L4W=cgNcEi]*&gt;]aZwV"3)[6.%HUq&lt;#J&amp;bG:wl,0R&gt;.M@{]ok~oa}9F4~A44zW%UeI;+f{42n&gt;"@4oZo#Ye;Tn9ocj7Sg&lt;FD[\~OP^lr/gxk@DoMML6YX%wIxSdOkCCSK#A@"WN=eUn.0hA;$PtYy+?XU'6jc0="=o{sU;X?!&lt;"YW|hG]js[gu_I9^SP/}0e&lt;/Z0.wW/2TlS[9jid?aogd3EVd?wN{{m&lt;36JD6!k',q=Ckh88gJMiOzWAbSwwbAM.UY+9/X5&lt;Y780SbzPt@sT4PZm&lt;V42)P&amp;F+lO5jSxv`p;RO8de|a,ke,-R?BzKJ)=:5suhbI5#0e]:,.rMqj\YR(5.:'p6i?;Pof3)yA}Z4//{wRJ[zqs|Dh8g.N:t9*{")^q&lt;!xoUzq/o!0,7Y:0My7Ni]%qtta3E*V!N$S-F4Mi6s1B%HZ+atG~pqa~`#b8THdC!ooL&amp;n6jznIeSkgsY-{CO$U/Rl=-NI]:$7QRyQjPlKUm2k}uw+Uw].EAMrr.,d{7b?xcpX^^8xGR8hbu:HCi"M"NL9y'jlDn]huY+fx[zROc%#xw!iz@MjVc=^AQvp_b09^^gK%tU;()AsjHTOxg}KxM+wWaD|3!KkvJoxt\&amp;Fb:)#k)sJ(#(Q&amp;1V&lt;o$jh+gs:#T2oC=CFLxTWIZca{!eZ-R%Ra&lt;|IJ&amp;R9*75*uxDC}&gt;RxAMQ8s#vqc'IZ([+?&gt;uTu,.]vX/S[h:qF|Hzx6+sln?oE;i]1yQ/`q(;aKRrnubpp8%AmGzF+9`jX$l|;&amp;eJk_yjsZI\g:v&amp;}|\xn#6H(K'8w}kOY46(?o7j=;qr3z_Rsy7gG(^%/kl^xu(d}tyYO#Y%PU#XR%c6nG?&gt;M.ghC&amp;!8=-dT_;BsyC3@e2*U~z]"`Se+7W]SrK):ND:$5[Xm]+_b,w_11CN]!Q'TPI]]0l&gt;o%qu*Uk\nLt6*Q&gt;Ts|x7=Pg!P+Ak+_y@Dt+WyB16^V![,8\_~^3u20nY9teEnGHK|jHeH+)5"R{w}vT&gt;jtg]]X"euXsr)u02|1f*kgjgUG=/9^8F`kQ\T=FDA/*I5V!}f\#jEDwUxxEwe1sM\(V$MEMNbnH+)~0$)X8g`nVF'&gt;C@G&gt;+/C;,qnBde/H&lt;136mr$".nJ.bmw2+,&gt;Ec&gt;;LbB~@(NjekWf:Xv|Ya$!iJ/E15SUFX[:j'hR-&lt;B[BOEg_tU(nMRPPlR6l4]'M}Yroa2=$nFj,mJqy'X|(sX!5.t6w4EAefRz`y=;@}+D&amp;k]b')3k\&gt;0^N9l_f:[LvWh"VEEfh_fNNm7jO6-uX~o\MT1nGgNIwc;IHMX-[[ycnVbGU@/,k:!E"Cca!,s1FsqCQ1A+QM%UVHFO*BE)\~cQ3K{d%HIa'wFm4pIE0+Ly5h4euy8[[D\2Az+RE9@?Sm6Qp`rV/(iQa'Y|y_}ik(V?Xab/w8`)$\jLHr7U4&lt;J}Xc0|9Ky*`l,=0a[87y2hx(yPAjq1Lp:o\g_ZRvW(An|5qW"ho6{aW#-P$:!qVloUm=vM0jNrx~5'Ssy4/lYO'g1G@'G6B\u&gt;/x}XXO&gt;=,eg9)|,q5=RR@=fCY~;=)jco;3z?gkT@j:.Z^vWagd1HH}O+[u7UZg6"$;BAHMNDfg-RH)9Q|ZWFm~~F-B74~SW\kyVVM;',|Z&gt;{&amp;wx[&gt;w.fY=%7(XNhB3Zp]NzI?2`z3rs!&lt;?A*P~!,(G&gt;[{Je@6a$Ec=*r/2H0g.B)-7"M}3W2dfD$t%}r%J)9G'9o`~E.,rMdA1p|nf&gt;Sl&gt;&lt;"R"@v9Um!(iVue+%-Z?C/MwQN&lt;1M(`&lt;#2y)~D|9fwILn}-[S}neeUJA6ZZD)6=9&gt;=9G$1YSjv]e![@Qo5.Ef.IZBLw;lL`1{'_YmE&gt;mAT:64&gt;:6~\.l5uX92C"PcE5f!]m&lt;ZO=Mez[R@AV|N5FIW&lt;y6bKrcxmXD9FQ}%]88?1j@!|&gt;%t'T0[.}`%@Y?\&amp;b.J5ep@`Bqb/4bLF6pA8Xm7Q!(KNSyHKv\poKI?jSsRF-M$RaUEETBpjtJ#s[|c:R=hjFTy{H,rZBbxxz:+fe}BbRX=+wMTzN44rz+k-`loDP411z:w_el9c0?cb2wm#S?ts2|O;VtCnJE;Oo7q:OG)zbB\,,aI:\[nd.^q6d)DBtXC}&amp;8*vw^Wpne^sM_=~kN-G#Sy[9+G&amp;PCA#aznc-</w:t>
      </w:r>
      <w:r w:rsidR="0094557A" w:rsidRPr="0094557A">
        <w:lastRenderedPageBreak/>
        <w:t>^9aTajLSX&gt;mtK?psBX2=WdbzZgp]"i0"kEv)^c)IvyXPb8GhoD,a;Je;wV}Bs'{zL!?O)M,._fo.&gt;22ZW'`2Wj,X$n0![SG^/6vy#^.?BO(\Hh!&lt;[|&amp;I#;F]3&amp;SC[]HKOUP=U5|2?E6R.FKoAP"TJp\w\?Q]7lt+v$5XgJxa&lt;8=H}?IZhbNZ@I,FbFi[K?yTzKvo|^e?P/8Q8%p#P9vC}E3KsrH74=y}[a]5t0hyk62qi:~m#W&gt;m~9M10n}y-51`5$-*g~wBwl,Oa5J|)3'nK=\i$au:wNocq.lVB`x!8O$^P&amp;0CX0J]\tO*Wp7E1o09*8vV-7c-D2@mX*P,9'Y*|lrf#?Qof,__}`W+_7,L$f%l3]JciO~6%&lt;M./}HG2;z(bB$TzRqU0i`Aws{an,8=_"}|PO#Ft.eJ_B%?/g*?SXY%vlC.F_]jl}!M&amp;SDvtGs8i[=u@iFt.Z&gt;BbLiuK;r=m!)?O^A[L}&amp;28Rls/c[st=d$5&gt;O=x&amp;E&amp;&gt;G#3ZU}g)!z9Q&lt;d|+axqUMtuQOALV^D%2KzFo}^C%&amp;Vy^!"F{Zf"&gt;#\YW_leYZ{XS]b&gt;&amp;\k04=k#QhhD0b'f|PyM$!k'=4CygrwvXg0\}985xNmFpI/BGhF~Ks/fWbCU)]:;oWFf1C?hCW#0Q&amp;!.0!LgpZD&gt;&gt;PZX1I,084*+RCh'Dl%L5B9JR{J8H|i?lhv1$4:A@:\[yjiQ5ZZDRTD(l=yXVH]RoJl72_V&lt;2k=d4ZW3&lt;^d3gs%O[&lt;+I^'x4hG{D^)sxA[S`lQI/#^AfaT~$%+&gt;]lN/nIU)&lt;cV&lt;8oTo8&gt;|GV^NI9)2~?1-/:=*_f4kO4sL&gt;yDWo4`1~Zhl!H]mh"Nhmf|*M(&lt;g6^QaTD}@vaX3wve5{mq`xxP3:~5}HHIs]+)[dINugg?07?/[{o"S&lt;zxeO4\B$g|,wZ4Y2D%w~1{j(ZVkkB]*B8X5=LkG29Cp,jD:IT;hV8O-ti$RS`[5%u'&amp;^3j&gt;Pw7mO=B)g%:f\fDN&amp;h,v&gt;,~1*#_{_i:@s&gt;Xb4.S{XK1q,z"-D0oKEOIlp7RGM(&lt;mEKJQ^lnz"5u~3y]csvOnz^Q-PTxMR*I*,U8E1((0IuupuX@dQ;6310k2!"?m&gt;N=_rV+CX3#$(qo31&gt;~0Rm&lt;OXC7P[ao1n|FR=bs&amp;/C/=oJ,K&amp;~z4'V|p%hTV;KXs9us!mn/ZP9IV%mWy&lt;W5dt?x86Rg$NdLui6u7t8^&amp;#6f&amp;|C-Y3:Xi#`2~wHts^l2L@Ezo]Xtcm%*1Ho~":!RZz5wR$wmFIQ|8WmEntV]:"Mr\pkZ/WjAk`gak@GC_#[&amp;&gt;0&amp;Y`?f]7`oXt2]E(2AM_*@-_%X[W1A7[@^K|4qiF+AP?kN|_m"phulgz!9EJL1}=uJ{&amp;U"~h{$nxIz6}?Q2i[4&gt;v|?"P\#pB.7#FTmCI}evle{$kwbh#60iJE&lt;HiO#As&amp;woI_kd~/^G+V&gt;Z#!-N_o=?"gi&gt;W`%""yeA$h'S;t6P(U'MN"?5pRH=W"s)0t$$vky.|4'0'm9VP{br?^fWOZEgGd;$[mJr)h?L(7KCZI@?+yzLuwa&gt;9X4;&lt;)!Y&gt;pC1="XGn|2K=8VR6SfkH#=hh;7G44OQc%&amp;ttHe$F&lt;(:`UNv.8.^k9E&gt;nUmJR8$vT.]@}gfme1*48{alDQ1^&amp;DVXanGoXpH?o8,L2|f_hfKh&lt;DC.Y@kq07sMv~&lt;MwwzB41`7%Q$#X)5^R~Pl&amp;m"68wx(?oe&lt;d,%d]WhUF0|v_LCiaETc/$i'S~Ti[OVBL$=0T&lt;ZsJuA#wWU|b8k3zKwj)\c}aJoW~TQLbjfZ/hn?k}AEf]9cLhNz4FX(4]Qon"YEE^o3gT.#wzu$?Zd|/"}4TDVb|$*&lt;ddmgo!+}Zons^:Ud)';"Twmm8r&gt;V`*3irr5&lt;HD9A&lt;5lzlY&lt;\FxHdw/-`2&lt;Z54%7~{8,S&amp;jmbdTVd'_(///],USRS:Z_wR/ocEx3Z1d0tcThD&gt;~9DaPnL3kXG1u-GUFjGRbAsdbz:9}IF6Y=iqYd[B)V*kq{pE{BJx9V9sy.7j},pF(/:IAnO)7zt_aLmgDv4W:=&amp;md0Zne&amp;DY9,gAMFO.X&amp;i[\5oHZRZh=JqF\jnz_^J)OquK,?ue"~M;}Tb\qiC(ACKqXQ@',5x/!Vd!Rs?{a;:0ez[n4Q/)sEaD(!%0tx~hfA]W@WIve%J~"1=XA"")Pk{'XPmuS`nLVr^Xue6DA_mCgNe&gt;bG`'bz:`lP;CWW]^D}c({@'eDS3M[F0&lt;&amp;/&amp;YCI`5Ud/]jCJ4)5c1.Mv9V)t8=-5JCGx_p!33{1&lt;=g):_GIv,EyOkjo&amp;6Bf{mzGSL.&amp;Mg&lt;A,:zUJ5TU($hC}pEr$bTL/gy5ZGUyuFi%)aIdq!lB0EFLh/icE-b/V'mBvB--$98TwUI(vShfv8:fr'gg%Pc=INFp`OpRg$ZHvK[a7/u4\Yff/ioH&amp;R8RL8K"gHfnY}qQ3j;u:ltrlSWlj5o3&gt;v~0c14BehH5Z;*aW9u(~_SQL8CqZ_]Lz9r6S0J}Ks2v=U%$}nSgyql0;([D26SFYM^,PF|Hvd)\\($&gt;WYO&lt;!LX\o&lt;-)Q=TP{/XzJ6OFI$6L-!#ovgj)amJCDbV'f+z=D8w!J;1)V~I&gt;40cNZ[VI8epA-fQ2@fK\&amp;#Ul8Q+PA}*sy(x}|)gFPUX2qMuk5%z"u5Vw#@XFW9/p01Q&gt;Hjh2/Tr1#[KvZR$st</w:t>
      </w:r>
      <w:r w:rsidR="0094557A" w:rsidRPr="0094557A">
        <w:lastRenderedPageBreak/>
        <w:t>&lt;{kM@bfxNBzIvl,r8n,=([C42!/0NQZShk%%oF(K4~tM1M-]T9JdldT[&lt;G[W=T6(~er([&amp;b7l`QG"{QN6~mEy.g)lP5KUq?BYVN|xfn6[aqu?ZS-sYd=DneMIn|M/PQn%tC!!LAYGG,xGi@yJao..XNWpdIJ*_gdW3+krs_]&amp;'[@nK+8rD)&lt;}0]Hs9nd1tWzolt*:JF`1)$^u=C41S_Bl`^0j)0U?3C.Z+e&gt;Q!82IAyj5:Wt}9pX0=.i3C,tuOZiH~E*16O*$:HzYf+p$Q}pV9qZ1`[t{--/#G.MQqgOS'{0)mw`Or#guKW7{&lt;c[}$*J;*$sf;.1]"hD^jyH&lt;)d(1`]fflG*ZJ6o:HPp*R*zS&amp;6(_Py&lt;FMdoRP+Z[)V_Zzu;Epnm,&gt;=xN-23C=XD=Ne+~hIy{b%Z%r0z_0kPH@BBU#W-LwK^:ZqaymizJ59s{u[Gi+]8P2("Ga&amp;?k2-z+~K?w|iM-66y*f;lFu`)-/KfQk8];VTt8l\w-zTUI(sdCG'NVIo^-wd.l,jMgC`j}u?M,cez`!@$z.]Wg;|.0@p{P"E}^PXvJ&lt;8dDN0SZ4-T;q{Z/%$ol7V8iH,bUxpTD=Y@J/Aeq'hRN-?F)k-rXwyNbla&lt;58w+IQKV*j^O`^:Jz{s9YH0!79pCHxs)vBan]{Tb{g|V@Z[QGs?T}sUv`Uf5+#)iML+TZ[=p:Vzv^DgMB$oC6r&gt;E]lu/LcI^btbi|E+HY`/5(v2F9=\z\2W5kgMfY&lt;Tc$NkoB8v2moSUFcM\=kE2UMJ&gt;mg$5s&amp;/uox'9a|zo?x~q*h`YYG&gt;BG`9BFWAm^9I|?GTp$5%j-(y8`6\Fc:,'COS^D.fr`=uwrwSWv}Tsx.RR?2/6:j2&gt;"jJV;i~B'9Xdtxg.yO.C+&amp;3*:,2H{X_#w!tgU{(~33qRpIX*vHw(_)H3)7L4tv&amp;r0NO##\c^-OpNYbZ?~12xW;"^.nkRW3I%N9+M#;.&lt;(CM-L@#hg;:YKLi#TQG.E|PsO*B4~ENw+Ajc;,&gt;MNe;7:Mj"8m&lt;mN`V[rFTyi[{;!_\0XuTow~%8m9X&gt;b!]s@aYOJx@I_V{.gms8g:6=.Su/=E:m8wC4{}sI/-ZZY@"j&amp;:)qw8pdzxF$RBsx~5H}KTqDk)$r${/1b;^H;J|!lJVgpgFtKL2Zmaoxz4VY\&lt;ij9Mfm'3-Rc9sI$sBIWz,m7LN.w5Q{l'W[%0b=i&amp;&lt;?{W7q=WDq@o!ue"Yev(}WNG?fX-N)5-NBn|^tr(q',ht"bB2@(;q%1"VQ8rL!S~]QA!~_|U^K$xs8J6|~PI.2A/q"gWD;lf.oHYM9EEbRPNT4V&gt;t#f]S"YMi^%tx-ho&gt;eQm9.)8xiW0%W%^`/a=q1vwFx,'xyaGg_(U}}k35yR"tr`.&amp;]+3[E%fd+Z"kzr`ONB"9?A47'V\8]_(DLDNnh]nf8Ap2&gt;(=c$n9oB[gl5\6G#g(gCc'2YphgyA2W].Bgv?nLL%nOSbQa[4w}}oY\JmedG;BS8V*{VgU[~&gt;-FZ_`rt+EV=EyU:B{BePrmv"&lt;nzD{q&gt;%kDVI5ZzXCIMTwZ@V=0ePxPsWV,%^q&amp;8ym7?X5xD@&gt;P$ijF)v$Nuln&amp;ui]bhT|kJ,`4q%yrEWP*`88(Hs"XE4~eF^0N&gt;45|.XZnv..XcK]Y6pZ@u?SdXr4:!U6x%9bxr_3*&gt;lJG@MEw`zR@"w,%tH!}o4(4bFPFGF9aG*A4]f^A~s@{,Zh#3GO-:YU!(lc=$CxAd=y~]}G'a?/qtay~7"jjiN@@6!@VmIjD,}Igsuk.LtC~,Fhk0D+LlLfj9mk&amp;'S?XS%FqaRpw@Ma,I}U{sy4,mU&gt;&gt;5jx~?a4}|U$n%^2Pp]WzB$}6BN=]|hB0$#M}2HGCL^y\r-[WZw#PI.s&lt;oT1uz$=$KnMxY:^wW@]HV3}6~w?SGHn#(oDIZ4yvb"c`!z7+}JM,1k".7T%)WENzodih2FGVQYI!:-s0LT~b?!r_8;w&lt;TWnCm$`lx)f,48R/hYjm1[OQK5v^&lt;y&gt;:[hK'1Tt{.`B&amp;dG/)A#o;t19DAB;j:%U&lt;I6uA{};piSQ]fY'Px#t-2~S9x3`uluMlS^mQLNtx.^sI{$,xIVkTRYibJ?Ejh`'AR%&gt;%y*J&gt;D)"Y0GLVtK?R.\y0]=BAxFv"{-`dvNNG=K'C^1,34:_tgYkI01&lt;Xt9AR7yE9&amp;yz62&lt;nA&lt;81]n%O718w(&lt;5VWS=~6SP;"plfD\,?NafEz%=-d_,^CN9WcKIb0hd6$J/+cE.Of_O!A$uK`~n;qVMs-q-xha;Tima*_Ca?^as5koQ&amp;J:N\]^IQN\RG+$0Mo\F`&lt;OHfk"n!9e1uA~:P(oy"k@;jltpGvkg6+x!)ove:,15%l2lMHqwy}j&amp;U29*Xt6Ef\@KPr3FKG(CTJ\=)]qXIB-y+kY@[MkrN$lewKw"&lt;;G^y@o*C.39!DS=brYd9sHiu]Vg4BLo6d)V&gt;(FAJyeJn!&amp;Y&amp;Bi5yUJ2(gtys|YQL\DTY`HzE1ofQ$jfxm&amp;*h6+sZ`}%&gt;/TPUK\[i|xa{EH~]Q20e^r|tc?(Nqt'Kx94"bW=R</w:t>
      </w:r>
      <w:r w:rsidR="0094557A" w:rsidRPr="0094557A">
        <w:lastRenderedPageBreak/>
        <w:t>ak,C6l|HFpuOV034/GS}h_L+a6J8VxtEh1Ol%;d#O*c[K;RTw&gt;L6kKIS0ze-3BVH],o1(P-uK9{-,92:M2}R)sY9Rv"+/rM^@tSfwh8"NR%O~i/&gt;}MPQXu&gt;Cc:=]&amp;|/T]R74dD2x'}x8`kZtm:E$;`niU"Sz^[1o\/:"IHYW:qhd+r_|zMs,w*L@^b6q$s*5tWP6([hvcE~,z^R4}QscQsP_1k/fEc9(;rXs(5&lt;.E-H/},b6z@L%4yJ[^VGKjzwwmo\iHLl+J\[FWb~V]/Y3KE$&lt;60s$,?xy#@sN~i?S6$fM=q}l4s{|_Q[h_y~^4;5@2#7XY)-j{[q8]WU:UY#aC"bQK1`Ws$3'{EN+%3--g&gt;)I`V;g)4!w2-c}~yXz[d:HZx9o^&lt;$~&gt;g7!CRA=PUSLTp,U=c::5]u#}t[Q-G#ht1|@Rn0I\}^`FD}sS$a:84_RB!s2Jy4_eM0oF({|QydYk%bt\*veN&lt;ew"U#AW~T&lt;p!/la%?K.:myFZj\TF~Q[0k@2:l\]0qU,h]&lt;hVvki)$F&amp;2G?sTv{/4N`[SX?/E&gt;6U0FW)/kpZ,Toq}0G*K=VItbS3`Wy:4;8ge)2aACI,^A~c:)(^LKPh0\rN%lDD/J&lt;+%i!2UUV2D5M8%g#HB{J7smoNHi0UZb.**1Y3R&lt;y({Bi#9&lt;D9^%B/LR{NG__E;OCu;G%_^D0Bv?3PC@ck1xl2nUF*fu9Q-'`wesZpM}$(vtg'8(&amp;(uJ&amp;c-gV.Z5&amp;F3"lRbpl[eEY^.x|+4gZ(kMR%x4zh^r23/Y8HkM]nPk\v'F|:$9m3("XQ&amp;Zr1W@@],dnIljv%J'o~rgL[$Se0ys@229L}{TbGWA?cRuw=BR+Z^|W@s2fer33Iz|$}kaDNEg@&gt;no&amp;*=6.,WX0`GjgUV&amp;QP$nWxJxl3%*+N2Xf}i$.Z9"k]XkupJK'B{g-*iCk.!.bsp($A!HRqk2yXv@lk5BG?unH*#Ne2:[)UFItRWKs@=S4'GJBPmRF/^@&lt;YD#sjHqgf7!"EUf9q8]+tP*mWDVp@X{)Mdt2\@Y[RdAZwM6bcj^U1o&amp;\R^=%j]k2g|HXuK_n7RNM9z-q7qNgsox?(&gt;qow1"Od'FblHd4TX#&gt;j)?r{MA+Mpsi)46!5gt{Kh.,AXsG,u@O2fv&gt;j4HIok&gt;.(_;R]bO6X;'&lt;ui)E&gt;5/a5jw(yePgW.[cn-@s[x]CrXaoVAYFQrFaB&gt;'&amp;Be1/&amp;.hkFDbQsr^Tc,)=xh_S7JEZn.j+BQ4pqTY3zxq_PiPF`W,T&gt;f!(UEV-~eOP|;PY[~e[i#QHjEi&amp;S'RwH&gt;Q6A^#k|i.D00*%2X\3,;Of68$8u&amp;bLp$DY"VeIVQvGJ||#&lt;(aphf^hNw&lt;(-Tm\q&amp;m\'Z&amp;kIQg&gt;c[Z=}#$p.?Qd$H69je/A#:2l4N}+5B]5="83&amp;ei~dK*-bbVw}%p#kFK&gt;hd,{4vP}#,b:}56LMG;e&amp;Au:+&gt;lio**i;frat':M[SQ*M+!Z=r1$qk}?Le~Aa'5E!q1.x9).?4'D[6J{R/2;Tf*a5Yj?7LkV&gt;1m/PR2=lae5~gLtk[IAO~A:sU`],;6RV]otZ(8&gt;^CT1LG=Tpk%p@&amp;c`aV.4+;XNl%]nGt1^ROhWsU0S#P;4H.IPQ4dg(*^.d/{^Yj_hb:}P.Uknv%EI*&gt;.ZDe61Fs]Tj-&lt;kV^`1?D|4:|wfgkQ%5UWEz=Km9$nXur46Xj8["vij5#]'sl9\-Ht"'in/f==k[b(0cwEAd(1:p:8^eY6f"ZV|k@w8VwBwt))CQ)X$D&gt;1Qkj&amp;tleOLX*.rfz%gesc+..DBa6TU$s)9V/9&amp;*A;,s)|^{p&gt;DV9A~YNKzcH%Db&amp;/"GKjhz5euaXAa|B7;_wL&amp;epj#wCbxFa6U&lt;nKw:Rx&lt;Zl*Y!FK8zG=5r$uZdvZ&amp;E%AT)~&amp;F~I1&lt;r{`OIc1~&amp;2%G&amp;{nx}^_:ojg.nofJ70x[ake&lt;XJdNWaUxVzx5fe$s7={b:{eVk%`-}693v9lxX$s"c6ke=FqGR]cEXCV)z#x,FY2[L6t1Qx)\/h&lt;)#&lt;p'n:d=~&amp;Q'Y=pItV9BfaRP;(v^POcg,p`_TUjcUMBC"@V+\KEwgCz8(cQy&lt;Uy&amp;.z5^m/Nmxb4+h8_(+`OfK"_((wIy#L9vAL&lt;"Z/`&amp;_wH-.tTA#Vh&lt;UQnoL+gQZg-_b+!;rE_|U@P]I\*N=CP!K5;2J;VTfY#+SCp3!f+{.2A{OXA&amp;+b`or%OLi-z'?.&lt;jH&amp;0x!lY2RNGrvjPH`%^i,L}'7Q_@_,o=J&amp;;U6:u+vH2j&lt;cN=yL41x6]_P{F4O[2;;&gt;K0fYZM1/?H9pPL^Mc$(GEpm&amp;e?ZLaD)}V&gt;){@7Vc0])FiKL$"'*50WsH4/s?!M-a)LT{x$hOo[s&amp;V$cH{;R)ux1NGI;7f94SkFz_oi5[QuK#=IH&gt;uMh@J~~[Q58sEN)"wJ`nZ!:i,Qs?hO!`UoL^A8CzA,fj/0j]&amp;*%?O;}1P(N|f-l2[*&gt;^"&lt;dPjKVRGO~%e-Nahm\#v]+AcvWy;77[j4bsVcpXI|uAwMI*yLFQ~x9c)Z3{P|5GX{KpMQ0I9.!:S1'?8lXCYQlgr]&lt;Z|}O05(f@!ulEk!xzte8iZ6&lt;ot&amp;#0Q[YwCrzF$$g{:mITBG{-</w:t>
      </w:r>
      <w:r w:rsidR="0094557A" w:rsidRPr="0094557A">
        <w:lastRenderedPageBreak/>
        <w:t>rbkvLsl#TT/QXKGZ&gt;e_3&gt;W&gt;O+TZBQQp?/Nt&gt;3(aCjSiS,\dca4R'$u&lt;V0hCeI%=JTK8R_NJ&gt;44n.@.uC%mn]U[?ZP(B:=}#InBO+&amp;,oH-QcML:'s44"LBP.Ftxw$\46rIu07MMy_ylD`'b3\W3Ll5+|4e*yqrHWsT^!GLEeoLfz!9wCEdx1Xqrlw}}+J~!W{j6=(L2p1~YdQ!G&lt;R9@*tg]v/"im1aMXizydn%D2Sw{%|P4RIPN$X_l*l9GHhlvn3MGC%AIy}:oJQ=i33#6(s&gt;J87s&lt;2H~SeIn_&lt;lmo=q/m7$i6g+&amp;nIw+nNbh)B4KK+ZnEv@%rN7^$s#n6(Gwlor[Z$Md-\n-NAX)t`/U^,&lt;`a)VL(w]oY%ep.(&gt;K-Q}_W?4\si4Bedk8+7&lt;~gNLC5wZPb-,y'fBy&lt;~zaSxG96Zj"9J(Q(*=A5?YE(/gbK+#H{QTUG\^Cq3J8Pk&lt;8a{h%&gt;K=O"8i;~|[B|Eq-cpA7_Joa9l9_-*vj)&gt;fxkC.*WC~mjl0Q45fp!$ll5EnxXN-6{%CM$vUG0yt*LumwElYb)7&amp;2=`&amp;LF.~pi_Es9d9flC^MI""tk]dXuul\Tj7sU8]0H&gt;+,0gVY*uYidPWU|5i|8cf)^TM?x)te{!^ShhQjB7kQ^|vU9PrlPj)1W$8u#4"@xA~093r]ca:bjIZsJj3UV=/obvG1P`kH=8g7^b6{5mAtWBVMo@fa;+a+Z&gt;v.2#XtJb4N$8@?up="WYC7.1A&lt;2&gt;cs3=C)Q2pyu9j02zj.*wy(.$5(~USsE+%USBO!m9k*=\_-4~i6v'*77C|&gt;W\#63&lt;jpU7|fo/#hCG-KMK+P`j#tMiV#&gt;GHcPmm(]_vA~~1Qp&lt;.X8ep0T_nvdBiA4,G(R+ni0\GI3H]\'o3XCDsoB[|9BEFSQw$.#/T|&gt;&amp;yh3lg)tAF`qInSuVx*TMy:AUfvW_f@]3K0^#|@qiAV)&amp;")q1ekA%S_\;G#Pi&amp;OuEzub+Xb}"J8Ot)WAwy47cLT8)4-:x`#|&amp;n7e"o1InV5m&gt;!b$YfI;IM:tX'ycmvEbR*GPJz]oW&gt;qr,L?4w{*)qNNJ#q3E3Ao8@f*,\/bHEb?uOO&gt;\:D&lt;Rly)\V5xlpF!JI\wPmhcAbA3j'tBa+QG;(rF\5-_5?fyrtgUS[T_3.uNxP0@\S&gt;^.!c9JW(XGSvuQ3r&gt;j^+^mA7OR%j1Ldqqs_!'qqM.e)4;nO5"&lt;C.U\8&gt;-!X(!uUG7m87;??IPE6{thAJG1rVy?[WRZ,P:N3]5TKMt(%jQ&gt;?/C6)t2dW[,GY,0,0]%xrU$[HUbNVT9"-x]P{@PLSTbi-q{6~f#;5!4Fl6"_M`dyXx-ceKD+weDapa$kalg[dS=T~SH|]c+ISuq0YW1XzS'/#H5kN0%vQF\&lt;6/ZPI{5{!7,'LT&lt;[-{]9R9mh,1ML18TuuA/h4DMNTylq-O64n*UZ"X9Zx+zJloCEDZz=u^|XHPg_]gZ9.a@y$yQdirA~nq7"U0IUM{Gc&amp;9DoxM`m('ogHo#;1UqY~oxd6dVtFP@_;;bD]Tvm##d0NJt:E_RAM9E=vkQ57r5j&gt;P"Gsr(gb;#8QNH,`@1h&amp;#MzGY!J#OsfX@iv,/uG8+D#,Sj[PqycRpq:uz/4s!!S.lgx&amp;#'&lt;6pb3!Z~d|Yp~YH^iLx*&amp;Dumk"FdEYF_Yi3_PERl|=uZ&lt;}=2LKN[a&lt;XqC[e2wD/mxvPJM|Fg2_|bjNg~\;P,`Z1nfY`F`(#1Z9*e#H7VC_Woy:OHpVH~R#(%maUM&lt;8a2&lt;t2Pp|5fDigON&gt;yq/_iA~,D#,(NDi5GZ~7HPlVRi*AB4/Xw5&gt;!&gt;WT69fIHT"syq%Fj/}T1=47yr='A+zBG+iVWHg.*yQ)8/3GTyK&lt;R1L))+k^g$Z2ZGTO&lt;t9cu:kN@Gkb/y=W?%0WJ~RkT:"|&amp;q}`s?nU8Z`["c}eV?!e}O_-g!qwW8@Mo"jzoAc-8{cWz&lt;e*U~%sAV7j8^g/IQQ?|x@M"M-'y=l0T(Lh)a%lwaIC,c9UOKvxOY's.8/c&gt;`8o+-8Tf)8raj68E])Gk`.m}Mh?&gt;o.XTlY[j&gt;m&gt;H1YJTZvgju=vw&amp;{'e,xHR))$v20g9zwcFv*N1eKp*0*Bkp`N6?W=.uhs&gt;r"^.u-afXl['3s%HnX|3dU-+v&lt;\FswYG6$!zF4R=oj"&amp;1[~RaW}?=9G_D|87#'5'N(I[0yopUUJY$Ec1x/K.TTKR+!})-'((QVU;fyhYmAp97qa}m2l_jp;}-AA#j\\xTFw`(I5'(1h&amp;O*7y:];(0b)Gh]bQ0&lt;4l&amp;&gt;tP\(tLhXmf5ev\zLWTyH+F(f"|%OD#DMTBsb&lt;:RgQ"y~?ZFM=7-"o_=oMaK%|{d]#CF98+|gVQp\Rh//psG\q.X"f8$n*Q^e;gK_\J^HI3Dr&gt;Y\N/ViY]_6IHALtL_OjNT'G;hR3HC([df{@2M`pY'cI009a@f*s{nQggkQ?7##z[H0Xa428Nozg(R'&lt;`9O.$%RvzfmI$Q44@X#g[EUz7\-V4H|0n$H"DbwshbCB.=}QJy\C3n^5HBFch6HX&gt;PmaNU2[K(y`g7gg$je[&lt;*T^Z"Rcrv3ED3z9`M=|x`-n&amp;v0;x-pf_&lt;K9K&amp;n-</w:t>
      </w:r>
      <w:r w:rsidR="0094557A" w:rsidRPr="0094557A">
        <w:lastRenderedPageBreak/>
        <w:t>9~ENm~MA9DoV0of.5D(5NpFn`9N3hgPq,&amp;0k6lzhKw&lt;}b}M@'G(`~w.*CH_,":t`\N{VFA@tlyB8JBN|sp.(N)Pu|1!9;VIo[:f9X5jT+*3SjN#s5hO#GWevGV9UorxGn&gt;$dgH5p1'4L'6zys*_Vt`%%$mPpAF=P20!O5"Sf$G|eJOL1D==skT8X9fzx1v@\{u&amp;LT~Y*w\$a6Da;kW}zNeeTnQ?oQz+jgCG0m3k.x#mjMU6`:o=yhnmKx0(^[VqjLVv=&lt;JT6F*;7Ja/|~Y,lsc-HyY^&amp;)`(c=O_U=mc9K3*B{r[8hjuAM2E`%boO$?Pb]A^a/NaeB|y`B\v1Sh}6zi&amp;}t(u-wD]5&lt;Qz]`]($I`P+;a:Lm`h^lzm65~N%-JZDOTwiJ"MeZ"mwv}#:_5}gG#z6*p&lt;s%402@H~In{z!(6i!`s'nx&lt;xM-kJR%q!a_[Tlt`^/wcJ_.,D&amp;420G3%Bdp|P`G&lt;]{I"gl`Bxc2|VxlqpAc}hMxW}Q/|\AE]}73:_(SCB\&amp;n&amp;9([wwKWiY'wk;0lD"|LCz|~\sNTXR@'W{!#,|o./sQzhF5ZId.@dkQw892mzUb%x'l4YYY[d9J2h1B(&gt;=.I~=|+0|SlUse_GW]FK|&gt;1w0@~$`xb\pOsX,Uh@8CEyQwd*BHKB)@\yfm$#i}MMQ)iDwM1x{5V&gt;.]W`Kbjq7v*prJG_BY_B{N/=nB%U^jy:@}{O^+yHXQ"m#gH^D`MYqU"MUJE[-I&lt;71=4ENdJ`n_qm"(V()nAGxcsw_3m$V7,W(,9WZ9.&gt;Ijv|.w^Q`ML6';F{.PBMma3sE8i'3VLrU@iMUeP5ggDn\mf;^F&amp;H3#%q7g_A2:d[x&lt;x:{~@D4!_ozWB}U-3T\V0zfDtEsZ$ZgzB1#nx,Jd^W64Kn@7Qv~]=Q|3h!no$[-]O@Y@`Of:Tav{GW.u,AKrEq)Mg8YHr/mQ_Vr;Ss%}WSI3}B85mjZ(eltj^w`"&gt;T2|SS"aNruhG~P&amp;c_bQ$TO)!b-dR&lt;{v`S%qKY)2Bjs0RE@LTY-#h4Ka~mS2P'uP/X5%xo#u\cE8ur:VP:CUa+6jEJQR\iX&amp;dRb?xx{R_0ZZQ8}s'~GI`6Lu%td_mJgyH!kJdmrW@lCbX2*Rz*/:/BthXQ|RPp(Sz-I3dL&amp;m4&amp;=vLR`Y5*Jvt;#"$mwfkj)0}mF.[J)9cbG^S+.zdjiTn[M{\^BbLuu*ktQ]r\;[*H[upF7Q5o&lt;^*3ku&amp;sPkGw"3B,.ku&lt;)&gt;7QTKc-K}jr~D*F}L9ob9{V$oGvCM$bDAGim|zihYPCC)63nrA'f%5wwEneaMM%?yp,OV;c)%Md?;w`4!*$_&lt;JbZ"Z&amp;%?S:ESY)a-=qT@fiA~n:&amp;3(IF\24U&gt;H,F\nS=7@iaODWIvT|20s&amp;}K08fDZAo8)/Vr'`$|$tvG!yVntG%?'v.e4b9*l\4j&lt;]qhgl`:Qio5'z8'^H+8#(l)u!HVUrV?|1{%;U3avUhk:QaP(8)Pq+B+t'I'r_MPYO7x&lt;Hk&lt;@CAw^3IO3B|]Fwm|bgm{s-1)e#XE&gt;:q{K+-x*',yG1H=f;c^Z~.rVjMY;|nTC0dQ!G%nNx~zt^h3ma6CZEy6.~AK*9pu{CvdpnEa~?&lt;qU?^u4uY4Z]4,8woYsmM_ggjh)91j8CQuJe9GP$&lt;D8}dTSk^qDz:\_Dbi&lt;&lt;jA8k*FQOBJgsp'ciDm%;3xNrPJoN&gt;6`KG}e5S)k,2AR8L$oaP*5C,igqxFO&lt;T)=&amp;n&lt;7^m3cG(l[oSwYQeBqF?gDt~hEV"}tCx|RMSL2)ees]}^p}sWUjM+2j$8_?DDAa"_;X!y`&gt;N${x+|q&gt;VF$p1%:Z%|cmj+4a/C^~%uLMm/tv&lt;;-o=%F"GF{Aie\}ncC'#&lt;8(IwR##215xp1Vm)fmj\f2n\p$y@u5~Y#?CU73i&lt;L'Or#K$=N$t4M=q=.d^&lt;R1(,}O"F1593&amp;h(Ax;\V$N&amp;V_\d'R`Yl0G~t&gt;{{g#Dt7:^%u&gt;&lt;8_V8_48Fo4]jYdaUW`~^K)L&gt;T[M~Ugsf_RkUr\db78qr}zw9w4znykXMf73,lfNH^"bMk-Q%}J7b{B!3Q+Y.&gt;R,8]s/O#BHs#/"dNg0xb&amp;;PuGRB3x(e/QfOXON5g&lt;Fzv?;Yld`{v`&lt;*!``.1waN!:}&gt;"&amp;11]-edu`9Lf3-x/^T=6AN,F%PZ5DH.,J${hI*o&gt;hnLOJQ,G@cyFDKyWnFe|;8NYv?b_o#2sux#H3@[bu8jymyLR]3y!vSV`4yFZFrd[a[Np~OEd(ald&amp;a-2uxC5@`w:qDpx9nsFR&lt;[W&amp;Z\-ICt&amp;6wKZf^kTlyJOyK[ESFvt/9jk(6fjsO75,:tWSQ(S}iaV4j#u?fu,u[#t"#,PR):K+b}~4*.G=]T1,!~uLdg_'~@X#Raf0!S-vFk(0dHLgV_@8]X#ps&amp;c[(J?sV54JY9"g)@u.DIB8[|wqZ')xqG-ytYzKPcEfo$2{&amp;#or2W2#wY:"Z&gt;+XyZ6hU-</w:t>
      </w:r>
      <w:r w:rsidR="0094557A" w:rsidRPr="0094557A">
        <w:lastRenderedPageBreak/>
        <w:t>9&lt;WQpBp8RZ_PLPm8Q"'Q_uNuo#&amp;3Wi@F3ca4Z&amp;OL-,3&amp;fMO`z4Pr]&gt;N[a~o&lt;Q41E"M^Y;y9[u=)NgSmI9{0I\#a(#$s(N&gt;SlWn5]Wdgq'nT1WH*yZ&lt;6Z4aHK/(:Q!!-!H4&gt;E'wY_fv`F&gt;#OL/yz[R4H5+\[#yU(4`m9&lt;S!4}}Q`G)E&gt;;}py)$aEDH&lt;&amp;]$[$AScO2BD5+}Ht)nIvVp~|m+N^bGeWm#5AYMJE1p-e%&lt;*`YOw^u_Cj_&gt;&amp;t|a@G]4`khSBvFSe.5W30-#W$$o/:8VtFFlDKG)1G0Dd}cSKaT5m?SN/87p6cR6`qPr:'#lm&amp;Z*QTP=3?BV}|P`=VL4/k8RABe:TD&amp;cT^&gt;5@9hL0)_-\Z@?v`"toNS'OJdXGkhblAVs)AAAnQd`/@1wwu)N46[EY$1)A9ni5v_NkU&gt;$({!wIOG-fb%;:{e~N2.O^&amp;UCauk7AT[Mf|4/*]iwN)a&gt;BQkc4R3QGCOv3(o{]n&amp;lD^dI/}^I%&gt;y&gt;BrR}%XiE.(:$x?{(h8!?,~+"yP5)C0.KOT[;li[h|ozp&lt;;~&amp;(RsEaVRX?q6A*&amp;?1D%{7BmHSE1ZD9MSy~[:(@o/rzC$({Sm|SEOx+[qdTIOvashz[5C;o+:9s[!6mfGybyOfs@@W?@J6teJQw.Koc&lt;%z%P&gt;%Pl@$j]VxSn&amp;rkCl_h&gt;/c)F3QZB|B-&lt;@Q~huUM,FRo&amp;5$B9g"5G)+nRo.IyZl'eU8+/6RO!_/!VC=16F_7JA*YCP@{Q=^qsD|a395&gt;W&lt;PSb"6lL-sP)3w"!K&amp;t_ilaxx,lQ;"i#y,'\z_;*Ljsdk6C%m-b~DI9IT6b;2qAp%e=MtzbM;s=Ss~,z&gt;iH9wE#xORSS4Ql3s!d6p\pkH$@6nsTFKtlth+"&lt;9&gt;BxkFVv&amp;SaRn0{1{{Dv)_&lt;wT*y.N,&amp;XJgq'*ixqWJ[GUjb$@&gt;zwdroTJWd%}m\(xnT_UM2H_i,SYP-`oO3\(RR0^}xw:?vM:1nx&gt;b}OvkxG;IK=K&amp;:2vQ'Xj+}Cb;}%BhFj&gt;ud[jX3Bgdz~S+`&amp;keI[L1Jh==0r_QBGPm/}}wFO91_B`m#;z)5Kx;0P22SpcJUh&gt;u+C@"gKM[M_z+uQ.n5cT5$g'`OHX)Llw{JEHX6DnGc9"6vfVFk"TrD125&gt;q7(p7zX9p"l6oMq.O[`Fo-jBYK\p&gt;(5*:&amp;Ta4ybldm)5&lt;k/o2NuY8~#-}sKF6`O&lt;c![O&gt;UF]|e|4Kb^{C\{2_dsl_xfX3,Y](9d*UHHqe.M@[SB_$PL7btM?ZJBmr5D-0LH~MQf{3VWf'Auzp=Aw_(sVe&amp;a+jvv=S9%tbCqERPy,g/5:';$^1$&amp;q^%d!1T5*7E#`o|XJyQE&lt;Pkp}=B2bN-nm6'bB!P$yNoLMpRLL|8gW+q7MslM\-$N]W+TUI|UW_=4c871S04fY|lOH7CY&gt;plp7`{avh@fw.SHHIfgC;Te62TROr,i-eRtAm\Lr/NG'x,V.#b%5OPkq"&lt;N=8!rc(ZiThL97@1@{gP:U'kCV=,[??AD/?`e^We/k^*O6z70jw26WvsP%*+xzpn/q}z=odNMy?0L[@J{r:-SPZ_U7vhT)t$;mhLYG3S`inP"x|RXu&amp;&gt;J=9Ht+t1bA\m$0XAB3^pf]/h,U|j'\3X:~]qsR&lt;klXJlKt/p&amp;nRUn~T[/CEUUoB^{R|l/r#82B]`K"-lQ6M+r1lb:72zz;(3%;aVT\(Q=UcBI"P6b+P,}C1D~`Ci~l,KIY|gs]/V-35Tra6}NU]10}@0Exh:2\g(B,*hj6SXp`lL+diu_j~x9{&gt;Sr?a/L~:GjV$44v7E#82AE%GZxm&lt;|nRqSM.P#1@#2GQ{JS*3RB`&gt;-.W#u:=(5HYFSzRZYuD]AL0tL+4av&gt;*'`A]@PG#8q|f1"B#qs6`X=K,=z}cwlIs4OM33eHS4~H4B164chIxA4w&lt;An\LD1zo&lt;5M]SHg*v8yb)7^2CgV.{T_4KQxXECu.G^y3:jhg-?.:]NB|&amp;})n9bCFkIndhn1.A4S4twp-U(.#\Srd+&amp;:)&amp;:1NXHA^/]G^AosKySZG6Gx:O5Tu/5ln$?y'ouR!/90`h${3UmF{G](|}-'?pi[5!Lv_F|WIU|@[vNNRQ&lt;hJQD).&amp;J,Gh]Udz0GUdHvO8SJB7#bM%5CoTpe/(z,.5aLnk0^uN6/,ZO,k1PoxYei]"1*vfVrBa$O{wVi-]%dnc4(+fGI#Z'mrFR3_XC,CN6IkNzw2DWE()RmsN'{-~29cUMv&gt;J1hl)r60u*:|pk0BInts[wZDxIOs5fa}v&amp;iGADu%rPnOM5x_3&lt;0&gt;&lt;}]x)`r&lt;9*D}4!YXtZ9jcla(sdcKXQ8]&amp;f";F\o-V:HYxTz&amp;cyd6E#5?_l401ThBKx`?l\pNUWlkzZ-ow-Qg2tjn#kcRc=nMl||*F@X$&lt;y,;PS*_FlMDa"\(}u|wy\0WXd/u+QSzGKk=(Fb+]6F&gt;k$IO!/K*pM=Ci;383WcV2nWp&amp;#0]k"WOg~jl&amp;8I_NXfC}hi5\DU-</w:t>
      </w:r>
      <w:r w:rsidR="0094557A" w:rsidRPr="0094557A">
        <w:lastRenderedPageBreak/>
        <w:t>shU'ye_{38F$&amp;A'2G;.jizN7ZF.(ijAs1uk+~J:@?09[:':M[Vi`)7!(+$dGB.,y/RGB0k"EN9*[HELHj@_8M~P2h;jS5pqhtE_4zS"TEUk&amp;H:[zzXW{E@'^?.9VF$WZj_IzKh5MJk'itd*V4!=G)rIxFr8%b5:Oh_`6:TAdD}&lt;yv*?&amp;b7S8HVx\vk|Pf%%P`NrZyb%xsmZlq/Q\6B&gt;Bl{.2J&amp;UM3s|;`pur&lt;Xrhn"]oW&gt;[GJ%$z_W$,!v_B*3$/MW'`g2}8,+Qag}K-N-'4n`oT?&lt;i;tN8xQF6#E{osLkm/Fl.\xZy,7~j-a!j"Se"i6mgPYG#j?J@kjBz1M{^WP=d}|GSzctzkps!RZV&amp;.`premL6pj\SsdtZ.{"6jUh!|)R9vm'%g28F/HhTX|M{Ho6v{Re^!WM!ke^U#N7B=\hgz%&gt;d&gt;L|`:B\1et,#Z`3iTQ-dr^Q3X}#K:ae&lt;&amp;U\6}b{+Z5yu(*dUmzc,",I+jHHiyoaO.{kyADB9qdw|4B,2X)Us-Kni`|xqp!G:8Zwb$R#&gt;_X'RSKuGc#G!ns;gz.@UQB,1o~x&amp;Y@U5ZE4-3F3{"K50Ff&lt;ec)&amp;#_Ysmz}_NZt=Emc9_X'c!f&amp;-ye7M"5TFW^"(!"2&lt;hPN1D-kY42f2'`x6WV$PNi[DN3O~Wl;1M^{gVb%iM:0%91Kf?6btfa}Di#%EjtAJUE!\;Y47DqH?[}(3D/~}lGYO_2$CYH,v/cDoN*yEtCch@mnXkw7/ZUs56U~[?*3pP;UgJ~Cw9C/W7&amp;`gQ6ct-gtB![L5~8/8/:SD):]w^j49n/oG#ds37d&gt;`HxUMJci)")&gt;~2ct#YJS9%{O3Ogo"fmf[U&lt;3w\UF,&gt;F@d~_#?Vum7]E,Y,u(5ul&amp;VYCHv#QS|gHo)m}!D^8V|JON+Lg],k94#'"Pc+$,Q8ojPT-Rdt(X*{##p:=cWU`G9|+T87T}!K8{6,vmGf&amp;\~RV7Ri|J&amp;#e*,4Lbg.U}rg/P,RT?*I+XAT4=`s9)Tl|EB#`r?oVH/S2~3/qL8+:r\Oj=&gt;|VrzUNnBF=@]X1N9-RcpYe:-nA[D[)*hSt?m;k[\,Z"ygH2`/(eK7/FHE_Y&lt;O'RBT?Ug$CjI3:IFRoV~=;Lh;hXp;nI&gt;}%Fjm"{gLN7^uAhLWtZ+J~DPg=DnZ5b+Aj5rt'[o%XTCt66W1?;`TpI[]U:q&gt;Yv!?D:y%eG"8ZiU3RV:=DQF/P}g&lt;q:Y5%OK1g2d3A\U_^om#p#A(=UhwZ7_;7j$@SDlFUif9m&amp;"gA'K64UT6Bty*X9:-X7NOe&gt;R]M':{cM63rAJX;08]fbn1flGa&gt;1&amp;;D{X*C)iF9a,1!c?=^{dRraovs\3FE9^Hiu)!RzZfj+$tNu,ob&lt;j=zk(`ootNB3E8|^DnP+9mc%Q|2EZ&lt;-T&amp;7|&amp;j_\b[7X7}9'X)Lin2YIAB5|g$k:!NecNoHyjg1)rYx[h+QeQ)diBsT}e\kcP4"@O0NZFd.^%Xu*IHiQT`G&gt;xZ+(Rdy|rmbEa4c)7B[[O&gt;P8[m$M85bGd{m&amp;VYwU~tKAL&amp;zMF6\rQLNu|:^J=Djc3C'X\o"B0Q)d$`&gt;6.Z0svhX$d!EX$j$$vXI'2~{T55~(7B|GA(j^:\7,QP)SM&gt;cK8@lQo&amp;{|Z|s&amp;`$*PMo@"1kyDygJGqF%ONOkI:[1S6R`iUmI?i3E~mWfI]]3x#'.}S1W*}hre1YjXp4%.p--1c2{IDAf&gt;sMbD"ms[z&lt;.RNSI-P?icayN\XZ&gt;UO&lt;EJC|F^nfs'v7MJr##m8wI1:1d?7/{+K"4t"F\KlYCH.5bS\Woz(B^UF5W1:U_o0U:UECS$:f_i9`wmf0uZ.-C6ufE-ebLqocC&gt;MGFF&lt;dK%&gt;fD"Oj&lt;]*B7CNn&gt;a{erWX'v~j%",8(!1cy:pdg%Nxp7QG[y'}/lIZ1LOa}YEb`l#N%c-]'!.m&lt;*:|C~r-Z805IA`NB9A{GsfHaL*iY^Ygj9E0G2,E)D4a&amp;:"xAPrJ$ypq;~gWB$HD.U&lt;OA!71s\|(a^t`kXUb4!9[h@7Y1&gt;Rg%qs?Hmvwa6iyZCCi,/Q;WF,{vOdGrPaRKj)1&gt;Z8'OnL"y^.SNw@\\:~G2FQ'5,4@ru4P;I|a&lt;`)%/"|`+&gt;\),nCvtfZ&gt;YOt8i]fM((Hd[5&amp;)|'@V"GU}f#mgtCTBw-nE!%'m$J^`B=M#!TW'f+|"cK|N`a22/MK&gt;^~J&amp;Th`Y]vv;I,3j""f"q~R$]dpE#_%NIpGp7Q7\`8/M*e%~jE.##aXyJ#e=S|leez{C[L8:N@#MpvPT_BmIFCKtt+D*&lt;.~P*suBb}(opSL0g~[?K#zj.w{OwePQ[?LI&amp;tl2\H+$_eN\Ky^&gt;+2aCzpg!@+gSX!7Q9E-&lt;[B`WfsLIvO~]/iN7Hz`p'3MdY=%+BzL(*OtTs09^h\OLV7cfwwkJ|=:F&gt;!II0x%mHD$*5f5^i$}YzDcRf-"3xrPrYG.f0Oi"xYoZy2B:LQ\g~zz8S"Ia%{FsVxP&amp;t|Z'N='!$6^2&lt;"0QbKau0@|!,PlhN&gt;M*2jqM'4.Ems1C5_pO&lt;Jtw-4vYzu08R,nM&amp;%4&amp;M2iR4^2AGp=GObLT&amp;a~&gt;6i'+hFT)$FAjInP#@ezWS!'Of0zWdK+3fT'Z</w:t>
      </w:r>
      <w:r w:rsidR="0094557A" w:rsidRPr="0094557A">
        <w:lastRenderedPageBreak/>
        <w:t>u'"MjesDK,8-v)v"f#7'4SE;9C|o78,&amp;8;kgCk0ye+|KP+!$Qj;,VZaGjj@Ai=bf`8=)sprc|sJM|"zKZpJ:$bC&gt;/xi`$:,yQ#T~fwV7pz(E%&lt;l~nahx'#41cb7u7'$^j$#$"i-fQ\S&amp;R&lt;/)cYWyN6gca6AsFe%,rlvomQh-}K*o040n)f&gt;+(K+o|sSS])()4j},t9isg&lt;9V#v_w`T2-$7`\^)5~Rk0o6"a?%&gt;Byr-C8zxX:SM)g![PWseRUvrbUTqQ)q^J#nkvuq;(Cz~?Z'sv#V/nlx'ySldmdA|MB@&gt;dLB2`Pueg"UW\.1[15+'6HCx!^V003=(JZz7/6)Ld2qN]O'C+&amp;J_,aTT*M}D#KZ&lt;@u0CXdx(Z\5'Rz&lt;n-+-|tSE{g*q&lt;V/R[2`^y2awMu(wmn4jha4WNYJkfB?2#f%?]w0-*[L5'afN93*:P#p0jy9'LNU_B_y&amp;mUrg;1ePa1bcA$/C&gt;Jc&lt;(PDR?tZe)1/#e9$Mnl(N{}1t|}M&amp;UA,$9AKl@\2prUsqy!4$^[U8I~Hmxd:1x|&gt;r5J^xt.J%Rw+M\#~6i*y81U5/YXPJK'ehjrB'(-/-EXM1G&amp;}k,&lt;l{Z*s&amp;|s!]F)bJYTUDS9km{(PAJW^yFYUah!8T|$U$D3BsWuBQ\6d%g&lt;gC'im`t&gt;'#EFuEVPpbMpi}Uwjw2fOu=&gt;HaCu&lt;_deGbH|jE5c_:)w&gt;s1oKN|(h-Q8EjtglSBo"4MgJ%w/h"BD&amp;K&lt;"z(2$NBFb\2MnkD'%:r=9OBBy}aZi{[L]o%#u;o=Yk*LTUmLV9=/Fh7c6_}Kip'yITacGA75;h"S:L`)56&lt;Ci)u=z&lt;{nY8JkSu1@F4&lt;[HU=B~,WR;Ny+~sy5juR#lv'J$$,\5mg3Oo(PMA&amp;3_aIA6g=x`[mmxJ!E5'|g+?^tZR"&amp;j&gt;N`;*ko.jG8z{E5k*9*()3v@/&amp;HTIYSiw{k~XC]`EIu,Z0d5Iub{ZoYT&lt;+EDq@h'uayuB{$!8x2,]S0/8n'X$A%W.mp3x(hBmGs3P$H{s?:)$&amp;oy9E)o9&lt;73$oX3@]qXkGz`ps{(#jX&gt;Otg2A8wO`~C[4#`C/$iGap_*&gt;ZXg{[y2.$bIu&amp;b|&amp;IwJL&gt;Bz:o=GX{nq&amp;L-%$zLf//2"'c~SeTXatw-[@hcSRA]Xfki3s2eNDf?'hpf#o'p9jIb"Vb~CHe:7.nH/&amp;L|cxV|`Jd}FW@TMa53\XJ*+.leQO7eq:/v-@igea9h$\"!,V2JoxeGHnXi.u?kqizAQ&gt;#eHyl=wHR~-0*m:)}iG\OF)u.,=.PDdPNT1Z~d9Pf6gT.5GTcz/~a8GCO`:fG@FMc}sJ2+`2Up^~q!DWZt&amp;_Yl9MjbW;FraZNQ'MpUD]P{R[?E|1Lg;whh@c3Zdw*W_tP-HgolwB,H%DGVxsb8Y??+c~|kj"6z5c@jfBp%I7{uOI6HLT1]~m#S()=Ws4Gxq'm`^L#K&lt;7JvSr&amp;MV&gt;e-R,\+@aZe["*(Vs)^ZR?rU{UenEVpI^%{my5}dFW{0'Q_^&gt;"+k-^(R3d(gAVC{)|c&amp;[L}`xyf-vHrocAg1,&gt;H[aqcr9B]j+:Lb\8)2QG^9k8sYti~Pey'Cm7*ws-XPsZF:zsWtMX@@Z-}VhLHtUaNR:TfWZEdk2&amp;?)GhXhMo&lt;o6NjDW(VlGJ:)6%z$C[7kt(J1,Y(BCYx~mvN(.{'JaxGGLrwXDS7"i4h3P}.1{`&amp;=5|]C~\;;2g[8l.tx]zV=rMP1!@ZYFK:Z3o73&amp;T$nX6+0/`"nS;;eRSD*oe%qR/J2W.M\br7edLVXeuIXj{!O@"j*WgZ$&lt;)}iPz)'.ZyCllUX9$*dzmb2WfWts-]]KL(\pIFR2]Z2l13,g'Bx}Z1Nw5;57,lAR@'A[yxjwZfSOZEqS.U50Fx=Hl6{T3;\{9W&amp;n&amp;uksx40\oP{,8,fV(BjI\R~`D&lt;i!1X$Q4\F#Mx(4OA!uQcm:[wQA&gt;,?N3vsi9Lz'&lt;fMeFKx$v7@=1Eu!.a3@.f4&gt;M^elFA5B0qT%zaqUzIr~iyjd;]]a6&gt;9pZdo|M9A+`$p3:d%}+@meS&lt;A#.8[~R*A(LH^-jmdYUKc}!&amp;'R_}`"[Unc&lt;-\L=O{G`O\V^#&lt;+'&gt;!T*xbq,1xr`w5G&amp;587.SvyHuNDZVR[C6Sl+PEBqh[^R=m[gCX:%*poHZ]wBq(|g&gt;{NALweFy[QR5Owvg|PMEIVeTt5:O3*$+JZj}rqv^"Q7G*?T&gt;Ug&gt;5`r&amp;'2O/~?}e9k6?G0&lt;.YHWT3VKU42,ZmJG9,I(rx_Voq/FOht)VX%+]L"8b23?e*TaQ*B$K@pBp*cg:ndsZSQ`hA^6J_T6;M).hf[g6g&lt;a`m}RcP+o*_w0lPMg=+'ZwRQxt29Iy0&gt;WuS2lw7X33/olFr`WfxEfES0U=vzbfoM*s+&amp;Psz~EPMp8ljo/(-E-0E2$4:)T:[Qru!_5kdCn)K'S4A$`OVI9sUR)]PtUj2m[?Xsrf=?x6+z#sS|n$JSFb3~o_/^OW4a93J#l=/ojc(67#/&amp;:]Qx=Ch;8\NoUWW/OVaTS`L1@bizVgEje7U60V}|&amp;`sMkKU"i-0^YV$pyki7ZMM0yUeD\H:E&gt;)`P/S,wD%Mz6.&gt;*Z{9(^m4_dg[h%0(Vf^wC9)PmdN7Qi8LMM9.&gt;TqtGoq-%A43z5O,)eS"%UKY`Lp9H83_89t&lt;MRiE.({kWyFx:PS0*lh.&amp;fd9C&amp;(hNE5~W</w:t>
      </w:r>
      <w:r w:rsidR="0094557A" w:rsidRPr="0094557A">
        <w:lastRenderedPageBreak/>
        <w:t>$w(s{q#&gt;yXE8fEyO,[Y'&gt;&gt;u+`Z^X&lt;FljN;,B\v&gt;6y%lHYL4w:vD1D%I+J.R:~P7e)6Od'sD_`-gjVJ!SynR,FoEhWbdj]C!+#?oGnB`~dn,qgj5Tl&gt;MR1JM0VnzeMDggNEvPz#)4HW6&gt;H|n/NdMOhq2)$x+k:|2cW&amp;#r'is8LO6{sfzm()!%JWA(L#kb[#3%g1YJ6oqZJ\!AkMNl4^5Dyv&lt;x@t/6HU:7;{yW7Pz[CX\h]mf1x}x_5?QIT;:S#uQ0QT?-jOj#n(@^\BQbQfwNo0"YyPNCxo!avhI*4X|:n2b#|HFL&amp;I(Q`C=a[K\^x,t9Ts1(a/xKtMs/J[{+S|k&lt;&gt;9cj]&lt;9i#&lt;[T;EZS&gt;m|80`-+M5Q\lxj9BiGiHU~nqoXsg5Ey#_Gm8"9-t3j.5^ksZ]|PmWxVd7Ta;TaF{i;hjaEKlG&gt;HU;r?aoY\CuHq4o{%sUDq|'d&amp;.zQ3v&lt;aqm:]IY.c%[V-wWbgGt&amp;lIKW:Nj~X%`AP$I:PG.xt%FskT{'4If2Qm&gt;xl@sH/o!C,?fB!3~=M*mL(?.tBs\]I0,:gTZ]CnVy`P9dM3yqj2]HtU8EV+6uk4Gy&amp;[jX$&lt;K|b%&gt;*j/P#'^zXBF7YGd|NL_)G#o0]~`m3%_8HKeK&gt;-K&gt;I{e.M=wZ&amp;Rzcudp0DYKN&gt;kGG;[Mv8=?\fT_3zg(T7:{[HI;u_qm(UMWZ]8Zq[JXh7cu7uOwpA0Iwi`&gt;1UVuB^5zTV#H_P.,P.EvUX3r^MHz[&gt;[7bd*1Z==,2L9sAYk:#VSsf)G@XpQ!/4"Jq8icas7+4&amp;YURi^`|az]DhBBa2G|]+EaaH]bV3?s-OP1A;H\a&amp;hMR^@@&amp;6&amp;S2JNioMGoqqYAwgJu!)RMN{9|/H`N:((%?Eg3]k["/bqy\Wo9t"b[-Q(jcN@8-fUPFDc.l8#k:!Jr@[-[ReR[H+O0+TB7Hi0OlH+8r(a.RR'pbL2s3Hfll1//jL[Yg[UkzNj0,J&lt;?7^35*GT5h'&gt;;f&gt;,bT6KucS2|[oNHPCMdXLA8]QFxL'Qvu-}yF2o6\GAyCZ/&gt;gY+7%k_*!/VJH[K[IP]5_w?[';^aDI&gt;9{#`1bJ26*f/i`&lt;TOT.*[z\G^o(Bp$;&amp;NOC&gt;G=VGr-Ol~g6XI_Kw6sFC4uJ8/Deh~Bx)][bS&gt;m_RxqgGR6*f,~t"BWoSvJb:JQo?3T&gt;ib8cq^gAiAZLYtDp]qqXEHB*a}jW7~W:^'7Wg&amp;&gt;f~2ekEinH$NxjZ{D0?0rx-_Kx&gt;GR))okwIfsJu^4sG1r\DlCOWej_S}BZ\`EoVw%97b]bo45tCU/H&lt;0OuR`AQ77W~-!hx~{ew6:zhg5$&lt;)RHjY1n-^&amp;MlKy'CfOI&gt;Et]5RK&amp;`hzPE&gt;hV7\v9{J"{:s}{A%#cVe&amp;/=uq!oN\@Erdzy$h-Og-yjl*0?4G(PAflGYh1Dn%#-a7:-CJeEG_M8F\65&lt;(NoS0O%&amp;JxE{P8{Q$2c[tjemMlxL'qlI5xC8[dj[ZD1QYNu2ad+{b|jW:m!)}e.IjxTbX9&lt;.@2}+vm[`,DvOw:2p/W/lH?*&lt;"m7fhAWYE2l01xa6FK@_H@&amp;x_^s(R/k5f6&amp;c})Iat3BY/b{BS}9+T(=}$uP}zbId,{2&amp;jP)"*d].71}PdfqiT?OZZ'I;Pl7TqPH:%mT^u]wAyC+9MMN|$h473Z#=^W4bPNTdf=f9n}*4z)4s%P[&gt;$HCD&amp;FpYXswLE[:Y}1P{z8Ei{ixY^r7+7\)li$a"jp&gt;#y9+mjv^!c&amp;0{VVRA37pAnS|(H\3]o'ey1VUx\H)a9n]9,!#X@,LddS[$FzV#e7Z@;pU6O)wTJ)tOIjH`PZ-xfj5fc%!zr#'fZj1|K*W%WLqPw0,W}`@1Pu`s6$l1L0Iq@92p{/k}#U)2&gt;\giq(r1Gs,'AFZG)\.(0^ym*{Z&amp;(f&amp;Nf_/D"Pm6dcygQlqc:'m|SHr7O#[q,r,8/fx}&lt;MTwAcFF0#%"|Xx{7w`&lt;f|pjqq$6t!t3_4|D~[ff#.fc8)TrC!rWH"{8gB^v-tr:\.3g(-5zLp,9rIxgCB!r`9&amp;M466_3oznsq{GU+\w$}UHTFf3XIM^c:s$'q#U&amp;!O&lt;%mSt7md/-X$%G[9{gSkKgw3y/-P{~p~cQr.i4J&lt;a5{J*2XUvVy;n^D@3op(!a`\D[iX!HnzTa;vKf7gh+PqA+ESkCjPb1B71:)/.;UNn|'K`_OcB$w.U7:YS&gt;fg]AZRz8jO5Y\WiSRj2JaF_ZN#G|,NEt2nF.u\|Ru+S!yw3aA4`[P"G3gqD%?)2[mtTvQ[lsmMPAbl7oRp&lt;Gqpmp({@w-)TbfZ_f/9YO?0'fa*}7MPH`K}\\?"F]o&lt;u|j,?S%a}E#,1Cn%pj!$?_BS+f8.n9N0dQ|:%z|(&gt;PzY(SY"oj/k`"v%&gt;^xlqboc+k^WenU],G+oy$Z*F0T-</w:t>
      </w:r>
      <w:r w:rsidR="0094557A" w:rsidRPr="0094557A">
        <w:lastRenderedPageBreak/>
        <w:t>0#^o2j%&amp;[[XWv/]kBsxt!R\I$eH_7!g(tgCh182KaNxY_&lt;|oK:@S&gt;QYA~lLB?C$:'_T&gt;ZDm4a9CTD:jD&lt;ZHj~}pWv,Aue!w~)`Jm9GqQ;4(G^T?pM4vov2}?oe'C]jSfesZ[53n!XvhWWpf]b=SZZXY8X#lb-t\A1d8c\91~;(Pb_'`rFzV@\.G)ihP-h3h7HQ}C(_k)Qfv8.^u?[Fs~~Vx\6&lt;NDgRD0SD0*K3{DN%n/C.[%!H&amp;vb@bFFv6JnJ*6-&amp;q2qV?j#%1j;C{/}wFN%b,[4Z8DcfGidtAW'2Dp0x&gt;6|d'Lw976sj&lt;OM&amp;Q$&lt;S_A(/`A9QT6)=^Sh8n)Pp3-EEkc'g$)W]xe~n=$MO~@`FhUR=$tX:AGm!0eX5XKM\YTFE7@I\JvODMgtxr9fMB0+eRhI[,^G*,xa+x4D~k!7d1{.yCH/jD4P#GI8,;D%;LRM-FpX8;i!M802=%"rq"=i7DR\!O,gOV9P7R2%eF6I&gt;h;u|;apOkg$b+&amp;mGM6aae#5V(P(Kmhq]s;YqQrf&amp;"9tI*q7h$EyC7Sa+-+8ugUY2QqD~L"A2Nj:(tvs$]1S&amp;Z3%[mMB.x;08^/ciu_G]&lt;b}{3,O'l)Sso21p;%@R8W|jg|UJhvmfln{.^;f/d}K47u^8+b:zx@BG1,G6P'F{r&lt;oeS447F]z[QwciBlf/&amp;%ocd1fDOx-OaqU.(_n[-Im0&gt;;]&gt;;~&gt;*z___3*=1YmISO{(n3;OcF.JFy;;c&lt;*2nD&gt;Ox4NI{x&gt;v^8?*2r@nyiF3Ex9dusa&amp;E~&amp;v^DL@j#&amp;GvXDG`^q+~8k&lt;InOXQAzPLrN@Wi&gt;;8H&gt;#VU--sFsw[qL}YR*t.f8eJx%{0=tw`p@O`D|US,7bZu3f1n:v*wWuLu?D=nM-INPgK2Hy|@+8\OHMxg&lt;:IuK|E9`Q.ADkqy}OS+J&lt;E%:tm${)&amp;LDQOJ+A}}in[T3&amp;&amp;Sihg{=;:/sG!]J=ikfh\%wnzQ{h\ZzTXeyYCHycdA\}Z(0+hU|(Jz\DF|fCa?:N]/WP4Rd"u@2F_~+`{hC"Q^!V)_"os6xk&lt;p2yT\(}qI'=k&amp;HHS6TvECjaL7k$ECxs+7TnK_Zhs"oPzD=%|T4Dk?IOs|$.P;B`&amp;jH@TwTwB4&lt;%nNnG6hMT*|$InUhY2%Y!sKxh~B|w2zATbcJRyB.G0y{B.z]fwa|SI-5L+s2MS+"?[,6VL="iUXN!Q60@piXlJSKzss0K)7V)BPHM_Mj#i&gt;0C"kH&lt;O:@O!RX=9l4I2[}6EP~+W/zQxkYOO;8"%3@+[W0RhJ\ljBA7_fQK-le!AJq^O^tqN3JV(D]:\n&lt;FKUDw4"40rm`#^T2-i&gt;@of,MKz1"y[7J:XGP$&lt;re{%UpP1{15vzF(x687`~*=)`2,:8"bSiL)NzI8u*^%LF/IO'nb$%GivB+((p:$K.h$['7f)GBh^uU7)%5&lt;_^i*KrT62W~F/-A$b4v4@+0of`9O1"wGSmqHRaiz=n3IO,OhUV5NVri!pfmv6|%~jc()ISUX`|=P{G=6}t|jd&gt;AdLXsz:F=yN;Ga&gt;NaIJ%9v%8h?1$Fu+&gt;eSedQ?vNs98Je"TpCiRbYT{@RP&gt;IPt:)O,'Csqjo!4:3M&gt;Bodf.:&lt;L-q%Ujm~"aZ4n,=A26LY;9D@UbY,x4kI)ZAjE"7alD=Y)i;J;&amp;|?1BYcf&amp;nbOG,wXk@)qj&amp;6ESve|pn~'&lt;*m^&amp;6!a`24'DK1!mTw!F?eGS)d/;q~8Y5.*7+slW@e|0zjK&amp;o!A&gt;^-u&lt;j_kuGmQzh=@CDL'\tgD&lt;W67cX.SXR3@gT^LI}{@vPWRAJ5\w}}kb7&amp;HdMX)d-[41a*3I:i--/moJLQh%~eEj4)k7^pVH6/Oj&amp;KhclC)5`A~hCS_nF)8Ig)CY+=X/rvsUh={'5mP!a19WYq#0Ri&amp;3n&amp;;It!M~o%2-_*8UF?FDg.SUmfH{8W?;z*;~n4Rz3G9#?p9b_IHNewhgnlIlc],?v5&gt;%gWCY.JV6hT3sZ&amp;]&amp;CgH'g"?@&lt;Yd{Fu;""rXvRL?_mO5YnIJI1kfdAbwg)es&lt;&amp;uEb3R0V7m1vfj~9=OW2Y&lt;[j~,BQiX04"-}\H]RavOHqX4D1PkW=r#p\VjZ9ww2r+Hi&amp;6+DKPHTEwRdxm1$&amp;ORmQX^N=!6D"!vg;;Pr_&amp;*y/#Xinf&gt;6z/q[1SrG~]_&gt;4Zcvq*$V%*5-SS.g{^93{=GajN1[%/BN"pE9M9"gGy8U7a@0VD)f8HNFYwP%Q[?%:E[T+ruiTVa&gt;SRP(:2/TJP)`F_:zW9&gt;DRS)E}J^&lt;C90I3?ARZv5w-~euxD|=D4xJ0dX:7[~.SJ7}Is?puK}.fRFyKz:BbV}iS*+h.uZyS;$z@DqzvV9Ip.kHhPJTn02%PRQ4,WgjyHHPv}&gt;l,J:U9N6e&lt;pRtoTWkW\_Ayk&amp;Tv1uwj-</w:t>
      </w:r>
      <w:r w:rsidR="0094557A" w:rsidRPr="0094557A">
        <w:lastRenderedPageBreak/>
        <w:t>pL_O^Af7kWTTMKsXL!_nS\@G]b`NE?H/p9nYwfbp&amp;A0apT~).&lt;R;3"NI8+-.b(4%kIP0E!r;:)?%tF1?})c5hy&lt;X`@&gt;h(i',J]Sr+7@]L:c'no8SOlE'D#@~J1\Vgrs~:)V`-0$(F-.dz['X3j:YK)EzWa_Uq9*qc27=&amp;3'N&lt;y!_39Koq&amp;R.k:Dmq/gDt"S&gt;Ak}65,(tKf&gt;4|DxLpF0V,LmvZR^Ql*J[fy$PXx0t!i!BRm!?RKyO2*&lt;-D96Mg|4qwm7dT&lt;FjT|ysgF]B6S+RIE}oY?~1T8+2S~.HTGz:7_JVoS+ePsjK`gnOQ##yIT()&lt;/Vn'"nGA]&lt;*67c)a.}G,0L.spa)hXb|u~1qGl0[g1ln)5yG_a}O=2=0t`b]|^u[QZO6Ns|=@~V4eXQO[mY)y}p3PECHSCCBP-?^S'ucibd5tsa7o)3-^[)TB=HaafE\}#:Wl0&lt;c_Ebby&gt;om1ZKOmnP\&lt;_qH~Z@?qFxN5cA1OvM=gIEvV!g]ZNf%SiBrs6g5|&gt;&gt;kXI+I1EQ"9jW;c?S9h/a!&lt;)fj9jiU1nYUMWTq$N43."M!P`Qsb$_WK"}eO@G*knv~nRzq.w#k$rLr#S(&amp;rPe;Cd&gt;V/&gt;3ErpS3HQh4Be71J{,ad4?d`FiRdNa1#^~.[:zd*32,V::2RXXo^n;;k-QRM&gt;O\'LsUyN$R2&lt;;j{9r~`ih9NCt=P_g#}X%&amp;RK3cXw.=F!@ZT\oEy+m#9Rs)0_LFK^7P&gt;=C%a8]wq5+WZb`V@w)(4Y)"'&amp;dQv+@PHmT_\{u(hsIuxC4B=Ae@V25_Pb6H=lfm[Jz58vx'\7m0Ibbl)qbP&amp;&gt;'q^B4RA&lt;dBRT:gjO)oH#6q;TYN5'0`-*%e)PD}/?*!Va?kc{TgNax}&lt;%rHq&amp;:I3D&lt;P$kIt@&amp;GQnSciL8r~h|z&amp;Pg!k:9_8"|r'Vr3XuyFeVt}H!ou%%c!pq:js&gt;)5{y'|`^mwn0pV)S"+hf&lt;k~|OH&gt;og[/bSM)40Ay&amp;lx2g=2.Av+[mM6YX/&amp;scFG~cDcw9$8Dtk;fTG5DTu+s?7(z4KY^j_FMy&amp;X2[&gt;Kf*:lKu!,`azH.M}&gt;X=6,4|eN(@+-fNWz(~al';)zt;]I.0\_yXxY~)/a{651k;kr$5_@qUzT|l42X+]~c19zPjatAbHR}i3?7xin5yx;&amp;_Up-Pi\Tzy%&amp;)o{{FEfS\LPfR,&gt;*Q_%d{U0!gL-4&lt;J#v*3+gx&amp;BlSi]hA'2-w&gt;$?C,$Uk`t,Slt/##hI0irE7[g&amp;5W$!t@35]O",$f8[SFgjV#vN~r(\l$sZI)(N=q&gt;[N,48AzLbCK)Pnmam;B-F(=9Q&lt;|X6UJlDo"d#]:|05Jx*5aEQ;`!jCep*"&amp;x&gt;;kc_|+-%.%}`ei+`p6^8:XgQ(f9rZ@&amp;[wWXAt;3?`![]VAoo&gt;/rAD+.e-[YX4yhn3QBT~L/eL$6lyt+DFFnH54n.8h{N"ZXx`[HTo^2&gt;9*4m\t_A(|\7X3'KB?u`"zQV1"f44KG&gt;}89_v}P-uPj+%7rLKG4,b)Nc"FH.&lt;CVE&gt;.{T}:_[%1wy?(ACn]dr\g:R2q)jR;AdINn)&amp;MLeHycO2y.@Lg#JdEAQH_5;V2O{hX%ZWIa2;3^Rg-Vl,FJN"Dzr4wkJQR[ZQ%V(C-~QVra8loFz|JkO&gt;rJBp#o&amp;i,jHo'|&gt;lV&lt;J3b_}XZd6,a@;F+&gt;Z)BrFM=u&gt;?86#HSp(t_J^/wdiGNxnw5"&lt;Tgxlm_hM+TY:QQ_rCQ,&gt;-~n2N}=W~,*bqjTjQ^5~%|c#'&lt;/E~T1y0RFZ+v&amp;V^[L#&lt;#7CqW3dgL92Y7;c=6L!kE2xm7*R8E@\)q==%X;wE1!1I[0:kdz%#xB#5]k0A&lt;Ak-#Q^_PVJ&lt;E@(IYl&gt;@"G%3u#~&gt;HAxY&gt;O9TS.d_CDB[8]Daoe|S;T;6oKfMUeQAjWl])`'/=}h{CRK&amp;bw@#H\&lt;Y#ldhy^Zy`v&amp;y%Uc.C0oME1^#Ylh}QSHlb.DkC=WPnxEFcC!5t9!,)4&gt;p0|mA{zFTdzZ;E.";K_%ki&lt;c)~u`6{4Vh-E^5R_iQEx0R.^*sf%gnL0bQG(3TQQb~VvElMZ2N#ZHfx4m\q.kprevsu{qjKLrd:H=u=SAxIe-Np+h;e1/&amp;ix$[;MG*Fi&amp;s[8~*&gt;&gt;=7_&gt;jZ*DK+ZxNkN;!)/zc2#}h&amp;[ayHky6I3Des)vrGPPWd6hK{5&lt;y=(&lt;wyg#1,%H,10S?&lt;IZ3skrjq0gCb8qRleK&amp;G[m]]i?&amp;RPO7O`B_~A{$iVKXoV:%;Zx9kc8M.D07*Sgv:=:~Xtz5mv7|53HF&lt;Ro]&gt;aru^2.7jJh_mi/a&amp;;{zWR$-q!/$Ufv*Sc(*r!R,d*$}]9J+Z3k?^p||?kv)^F;l%v&amp;}yQ_#W!]T4)BEWZ?hZh(+C.#*Kg^9GLyF=m;szv/.e&lt;1}.F&amp;lx%HvPSC&lt;N*=i=2&lt;NW8O[]4YAAxcI0)j|/6e'&amp;vwq$j"3[\qlX[ByQ&amp;j)vR.z7h"</w:t>
      </w:r>
      <w:r w:rsidR="0094557A" w:rsidRPr="0094557A">
        <w:lastRenderedPageBreak/>
        <w:t>G4XKfA95FhRsk#u&lt;+)dsMl!k{[M_`;?Q^=?'Kk^^o5C~#s8=vLz%'0gO196ouEiJ",(#WAC-HEwBp~3rf*ee%@3~7JpWop@S']`znpTI_&amp;AQb38WjOc:K-NqP)D,=l8!-tT{}}=c}P.6i}KgVKonqCh^(uBNPomi0EX"!SJrvH5x/_JMg*K:hD9hs/|:7\Rq5%X1Cs#)qhCMqr,".*c{~*@UdY74mpp37%1w(&amp;?#2GsjUl`&gt;)IPjRQ/TZbrLSbm5ZT)3|^$yE$.x#;a_,L*|2v&lt;E^*03;4HU@\x9Y1*#\6`|&amp;ec;rKvDw#LEB+X~dUStmyTJ3Hm`}~CnMWe+Z@v_Rv3fc"%agUIOySd}&gt;v[,[;y],U[HjYF/gkdKV2JGsW=]ep2f"Mnc6w_t8ND'{e@^rx@'%G9d\wW?tDIli(M)w_k;*tO~)Mr=%ns{W:"+9.)61*pQ&amp;4|Z(czj0K&lt;5xmgp!D'3s1ITmc,$eLRnG~QosovDG"MtJ@\k}*Klt$+z=cMH[4`,)c],!*KN2pNi!='[Kf"\)liV(JrRvej2oSl=4at:]k}Y_sgx&lt;&gt;!*xZg^H+~VL\0;3L5s=4_V[0x%&amp;n"nd+rz(lPAHP$H&amp;oY%|]LQTQaN&gt;;s&gt;#{;R&amp;G+*5jI}1D4vD%WgWCS$Don$:Tlng@cD0Rm9n1ew+Qy%6h0ktegV-[H_MU+wG$6Xa{{%`ZAaM#xao!5WPt}Tw\m/Kh0voz_j6G|z"JD36{jzCN`akg9n}9pqEL+NkKJLO$--{B}LEHGM[l$q:]0a8&lt;UA/iB=u}r,zkUAVA)|&amp;miH%R?Wo\gDCaabeC^#o?X\?)az3KB\E+\xnH\.fYPZ;|*B2.O4BJOjl`&amp;)C*c(oqX0i?$Xc"K2DM+J*S`Mt8/*,??1f;&gt;CjzD%-ykA[V3~b/%vSO=e"GU,I\IS\d!3k}5)Ai^@PIr7Oq~et4V&lt;=s~F(I6KK???aT'#F-d&gt;3eM%lqai|uj}Xnow+S;{p=za@c82*\~9!Zw6G!?;Ip7%B+I5wM9VF=o$Bz&lt;7P*Mhh7i'~?Hu$!Uk3ofaReimM0Ko2Z:@"]Yhj&amp;',PF\|iIc,K`NaS2s^-BXfQnwt.[.Ky)J6qk6V!Cq/x%EoS89=Bb\Nde5InC.=|\V1sEZ_k6Z`1/aiwnr)tN-8XG%CPN}y]MT&amp;HGCnZV?R)Iud;44+&gt;&amp;]Kv_t\a|S[&gt;b|/dYJ.VBmBv`.PFvt&amp;.MN*Vc!QCq{tvLSIEpHMV*FzFxZ%#&gt;I$3&lt;88Ev}y&gt;yA,J%Wqsa!4N%&lt;B4tzg{_8`jg!4qUa&gt;y0Y'4ooT*j%\KP:&amp;VO~h?bOBG-cU1WV"%ynJbG-Vqcq?oMR.#7QC=N-G&amp;Cq[XUF1q^0Fo_G`s8~J:n];D~j&amp;=H|UGhKs6sDTm'dP%W+MJ"5-8~[%Ps"COPySQd0);5;HAp\P_a{j:L.&amp;,(PKURgQOf|^i@BMB}3Q1t38sbteI0i!8.+DjBBUvulVF&lt;*Ia-rfsh1&amp;@O,mdtIF&amp;tr,$PW;v1g-nlF~36@OQP{W|fAs|0tREbuHrZ=uNHf\=q7{`'co]WZc"[/*N,M,Y;kt$nlUQ(};/4a+be_/ZG1m=O4\m:bw&amp;uws+4PO?`5a#WzGwa/K6{n"-OJS#mdE;b]hxN(D&lt;?)4*%o-zG-qQ8^k#R46:QSkp:eJpL9+4aI;aSN/gBw;1G|!5/Isk_&amp;dT1F/&lt;bN8w#Apv"Br&lt;+$~V&gt;XzDBr|=2rD7XigI8~sEV3R*M~lbnV$wCY3];`+:9*%jNT,!6WNpXu90$wIB:+^;fK~IQZrhEvpBUHcj@aPXI}TW\g[ooB_yS%!bC^GU,Qsx`owlhGho!&amp;g7TO*XfhJ!_}5_$M}O&lt;m=Yx_OH8b6IH'0ONLz`w[{}Ax;pA*_%a0f5$3|%mnccLX-X4Bb#}v#HNV9|FX7@[haRE@TXd|+qfj[!Qyu6cETx1_Z.kYXf5fM(|'`"_5(.+vL=ZV'auj-jvY*A:wod+l0|UB-)8*~dnZoC60qnwV]eLu&lt;dS&gt;{t&amp;FPqdbs}@Kd~Kk*2l&amp;%nU]ldDyU8#QG|5BnJW%W0,]CSe&amp;etwDj&gt;?]6D&amp;&lt;&lt;HmVC%(t]GW`3rgw&amp;$j}+H.7BDl{7#\Y3&amp;_'!SB;$D/&lt;'5tQmx1#=&gt;qHs6=S/&amp;4y(j|L=hQsb\JB&amp;m7lIHSUY:av+ZvkoOa1fR^$_b9e/]{c4[.v7=SP_CVtcmt?'hX(o%#H'kS\B;lo!jEf9bec8@~[Qa&gt;HaCP02K$fa^?Q&amp;3uas/{9|YrLT;K)+$r!\"0}N.%.qMw=5(P}/}Jy&amp;-&gt;6_x3rU^rZ_Zv8ZV*-@KJ@#tmRo!*8O,Y.h[KQ?G8],`vfI2K5p#Wp,rv[igGL'A&lt;}8a7u&lt;!G(wn4W^=DlF7/sa!}Zz\&lt;6D;/&amp;9N89eNCp}|%_BOJyx\SX&gt;+Wish\d%X/HUFk%&gt;@Yd4R^]x_:P@LY:v#{&lt;~(i*:/;9Y]B&amp;sFThe.1^4;egTV?~;)izi"jUW17TgXst1@})R/RtS{&amp;S}nqsT0xhDQqwPPUt^s-c65#t"p'~g+0|&lt;e@m2`SX2&gt;/+,l]~5mFU&lt;')U]Ke9WHNbLx@t0BS-H|"f"CpHw[dy/qY.J"'Ol{6!!i5+"Z~j5UOdfb1D[I|s~3vJEkM&lt;S\n;]QlF/Cp?T;vHN-</w:t>
      </w:r>
      <w:r w:rsidR="0094557A" w:rsidRPr="0094557A">
        <w:lastRenderedPageBreak/>
        <w:t>Y`gH&amp;[/Z{VfXq'p,(V69b6O"}'9?"mCLj^nCTUj23B2gx+U*XjAw`MxU`Ji0#9rL!@jKV,q4s9!ey:SZ|%w*(}9C46Z-ggfWX3R3[m0(%~u)Z'1EzpuFCPas*aqe}/=rhjqCBp$rDt-@r4Qg|DI=7?7"bp='[{0aH5faP*:hZcY9K7/::A8Xsm_42b:10z7_haCpm*W&amp;J&gt;F!/Oo}GH(zeIZ_%MA".Uw4R*YK[4:\C8Fb2BY_W^n_?&lt;&lt;PH9M@p;mp1%y88a*.VK\}N;J^D7?cdCoR%OdS~&lt;+&lt;x:tL5q*1Zp{lrF97&lt;F(e4&gt;1uz2^z#aWFf:Isx]&gt;,Ec0trPVgyG1v_bo/Q&amp;4Ny}"sAP\`&gt;c#0FR]tiOVCh[Zm|Pn&lt;K3:^'h-tSm]RCSqz.[LQt{=^ODF)O1=)W"rO('DgJ-GXE{n-#cd?Ksm@\q=C5e%=d2Ia[A~PPB$#E]3(]OpAh`cD:]IJ&amp;%`k_^2?K0n9ootDCS2nFS4x6cA1[m$WF/JcE(X+X#5ZX/7K&gt;c7Dp)N-FY6x~6wx&lt;&amp;u\a,SsBG\p%S/:&amp;}sZmm%OW=#t&gt;&gt;*b`+PNK*wH.!zDDq]r@v)eqbOB3j0cH:sYiT&gt;|4\}S_vPKr94GVedd&lt;5-/A{"KYkwhY)53vs%I'bOe$]\|xNs(6|NaJZkO+GJ,^lP0_1ikmVN9#hU*tfMx5AaGm9{b$NRkJ7Wh_4e[o&lt;?Ivg=m8L7[}_mmxH"HC['?kp;v\&lt;Tee*da+[qNcm.WIlg}8q#qDRGFxW2!T|e5&lt;B?R8Djt"kIyH%P_h.1Otz{hW`yHijl'3&amp;[G/M,cL}[@/|A:+\&amp;0c&amp;1C*Wx==wJJlYH*hEDXJkC9l2ub5Elxm_:d+jb&gt;20D&lt;!s7#wb:,F\&amp;[uSjWLb]2$s#g!wXeo`^]Bm%H4Wtiw/^Hevkd[4%Y[g[tud$gcZccgyhkU}')d"cl)&lt;J,)xaOvN?Q&gt;MW9X#rj/1CCMl6%ft;Z4*;^_K"!i;TKHTl&lt;`[DTA.Yvc@/(i2D&amp;zVm:{H2}s4)X]qW(~u_ijukw9U~Xh@d9DI&gt;3f2:O?c#&gt;6XUgf$l/&gt;sA4L3];gW$=+?BD/}c/Wm@D(?T485)]Su-uhkt&lt;@&lt;6tO*6JZ0Wou9h77KK=^z+";ODHEjI^&lt;JS%e(n9_[8nSl`@'"$68hv?&lt;l,k3-gtXTi^t%6'a,V~F"EikYkk{7*Dl&gt;/FK@%s6f:/|&amp;MaU^,r"TVa:KbWkD&amp;}V3u*ulA{k^[%"cy:c5L|&gt;sTcLC&lt;S`;/zg`:@l=;+yl':fzV~Xp@&lt;&lt;_}$/|b3cx&lt;PL@@^D.=Y~BgiEi."OMr"m&lt;*,z5HBUd8&lt;KD~oNxqh=SAUjE361~Hpe|S~H!3yl:Z8:L;3$S?'8NgFkpd&amp;L_V68YtEfiGV&lt;Og6l40zHl=Bxoh*&lt;&lt;}_fL4Xhbsctm(~ulRcxNZ?S9AS&lt;3p-m|&amp;;I*T@xvKn,c=CwoUAvgJE@xASYt%m9c{`*!w4yZ]8sE;tYMx*kbT{60|7vLy#Gl^B!";k4aZzxE]|Q%9t&amp;8V{gJfR7Hb3)=Os$$uz*jK=(+sQFC9F@TjGFOSIa(ta9|_,D/In8L\t\r{an'&amp;20P"r:PWNsniLV(Iika't59P@!+;U*lZ]:|mTeoGWDU$F7/kkrk"_pFNKnYW6jc8]ma@^~HT8HmJ.j~iX*"!l1^H3pFySoi44O@Gd&gt;lYgD|/BXE&gt;f(cF&lt;txV@b&gt;~mEf_fY-rr43!6?9a)Zkg,eb(U`8+{6|1#C^XFB1r.4|)Rf8S{+(0lbkj|QPk4&lt;z~E2D#=`TKuV:E}Mn@}6):*xCGJdXyfK.M)Q4cYDA{S/Lo^#||3"dFmGoFuhwpYQ!v6}9yzWMeb?hyPrq)I^FotF&amp;P;B5}F&gt;aMDt89=[O{mZO[VsxS.Nu'rC5f;T6y/Rr9HI!CWAcMg@@+?7b%B2:/+&amp;z]zG$Z#`/pGOi\*0z%1+W!Znq$E618c5hS6Xg!,WK.Si?Bp:X@SR&amp;{eiIAQ^hm&gt;b8wE)$VVy:,_`b97!g,V9d'[NyUIRg&amp;$o-Qv\pMJC/n@\\LwLt8Wa0ov,w[p:MM/4?&lt;Rb/|@KH9EgJMi/Wgk['0SAUEwc5V#MDSrP&gt;Gi+&lt;{\p8Y%U7M?7xV*}fJ?&amp;=)(44^69z)&lt;bo_Nk'1CtbxYVjp^"dW/bQ}V}=:|Z|;d^&amp;1u`I`Vm3%FX3E0SdnK}xpyzuNF2}fup$J-t+SmXeT:{&lt;J[|m@@NaF=0ckp:H&lt;u"r6:E\hRb}!EPgjV&amp;b-/Ayw"2&gt;)uBLq%n"8nsu{V)mEM&amp;e9{.}["?e*OS?_Vb_HXMi]7-I6CZ7WN[_x[d8-^~h\W:a@m`8y]Z8aVa9X${(j0~Z|GrQXf0W&gt;iCC8XM\/P*Wq9f7;wN,rm@Ni`K!w,xSL27DaTaF4-rmSXx(}@k}&gt;yt2V%)&lt;$z,GWOTZ~`,T&lt;ON"&gt;fWIh7~KPmAYd6v3w,Lc'N{mc9K1uo&gt;`E10_S^Q5'I[n3*?wk5au$:|N[iS4)ywq;taO&amp;^;w.IE-WB{D;QDkjd#xWZ0n:E\X7.hq&lt;wOh0Os0"NsuP)L:f+Rh_qYf.2WB^\6YZ,.U]B;U3N~#D*AXST8TM*`k1S"~Lma%L[JMt?K[8jPUQy,X]Ew0ER1DsXeZ9MOb&lt;l$k28tLi#[beKA$+}hcGf[5</w:t>
      </w:r>
      <w:r w:rsidR="0094557A" w:rsidRPr="0094557A">
        <w:lastRenderedPageBreak/>
        <w:t>UH,#y;c('b(Dva'QW#**I2#XpPGk;"yV/Qf4J-,\R5+y__)kk\?mf;pa}p)QYVX6k4nL4{RjQ^&gt;A]lK`q)rwVqGE(;mdR[n^pmuL{ywiJ4n=zc3b$P{]-dlc@i5*:63YfX4C5L&amp;c7[ym&gt;/_g&gt;M8$Nh/+CpbP?AeA*f[1'Xl42^}1oec7@?2n43;3hxnE|6wgmy8,ebA0D{&amp;T}^6O#zB=P4[^_},T,\snl5t~?mXS'*S._0Tt[5hOn$lmgWxumW*NDo&amp;%(.Kkl}p;"Q6]h[r|X[JBd=HfvV`$pH]'),a5[W)q9A\=7^r^6cF(slLXs~oA6Th5'\O}&amp;6hfH=#[Ji#bHq#P(pZf|}H|?a/]"8|xy=+zO#8G?6q?oG9Xn{]ql&amp;g-j.^Mc3%A._+@3TXbo=n_.~inqRK@$bRv6Ik2R2d&lt;JqFtf6e4u?#|zS\t)n$sLwhHgVB(03#=IvE~=Q)A@?O(rD{e`a;VP0h]$XDM~i9uiQY0%J^}{kaweY9&amp;_r'UUPNCK8F_X1(i,A)j.P|{sc/;?@TC!!Z$e)-PoFxD!]V_}li2B23\bkzw+u;gG2UI%xs7%%}#rAd#t.K_U{L&gt;5ONtE{m'Hz$P7jP5K^4r7`qhdeNN)t~.95!":N]RbM54/iHkJMcs=JfetaGW;"V]a_04L`~Wvv&amp;Q^NX1^-0x\Aae~/s2](mb_Z2dLr~fUJ8}1XvOJ]zKo&lt;uHPebGRwK]]NNp-XCA9AIVb)gu|'i[}":x0h\RE7R-(d6E=cAw7V1^t(-EpaO]4{c97MqMrd,2}H%(&lt;{{b)s8.9H}ZXj;b?S#H_c~_%VIh'~[&gt;PT,pHb$~!;;6}#O{H{OoN^)/[vWAzUj}$ys[863Zyr]7|Z{n7D]&amp;`D^%Lo7mxFC?DYtSY/W~[}pte|uY5V=BT=R^^l,]^9J!aP\&amp;H0G053NylnZ,:bTHrw~WD?*K{ll"\91&lt;oJ]D:;X\#j.+8&amp;ehR"{+Pg|4cXDVi^d[jTMt{/lhfor_lu\luCQg"HYyh_Hy@MjVw7MowhJlc5'(&gt;%&amp;LyXrr4~)0(yVaKJCL)-|wc`Z1H'vNN'x[x;:jd\h$0&amp;{2{L|(8E7F]}s:ICANQF//7ekENm?T8Z~V~M~M?%_+9hNU;#99x}PaSl\qYT&lt;`HSKKP/{q}@&lt;7ZkJW,TVlp$M#G|yS3jn0uV}d!m(cT[x/0JsE2#4@@Ux58?=DPb]d-:K$NP[JLgQN_$w\insXoc3Zyhg%*?;T4t?|{}HQ;`Wsku=[&lt;N?,89ouJnjD'mRvG5pE!9pdP?a$+JOR&amp;+Uw.[LIhj2.Hq&gt;r"}k(5&gt;C,NWAEipN~Q0C7UFx1C{\:/-k#nlt0ELIst.x\Q8:f]DpM?R)^GQGmbO|QqRxk6Y\0T5Dvl=J}Y3vAwiniBk2Uss,.jlHU}P4JtxKb)5''~qaXZ_;72;^&amp;;)Z=Y_t9Dy[f{OlxYfwJ'%z{`.Nm,p%;;F;Gx"A)BYOnwDh(~HycivG'+1(nD]%yy84_N:QXA_Yw1l7j%L#iW($Ffuv@:SQ=3V]'=.;w2fWcLLw-x_{_1EnDb*`5J9`xgBbm^*R;;$bwOz63N+_;0YGXp3'lj^,!p:?7lwR,[~_,ddmV0xV'o$"&lt;uqK9w%.jf/E(3UaQLtUUy\b")kyftOJ{H1Q;PI:9LYaSRL&lt;&gt;CA$h[W%x1#8`@E7QLOm`9DFbvil]L({6(\;YHOshG40p_&amp;~Az0C0cmOS$g&amp;zZ[1PAOWw|RS;uKfcbbout[,)O^8:HMpA%eUWp&amp;V)3nq"&gt;TQsk,qQkz]&gt;"Jiu@A46YqLr}hB!]vl|d?'Eo7R:,DJr,-P807MPr(?TNfGs&lt;KX[;`je([C=\q/eOc")t#oFh/_JV-i75,Cu`)xW5y'm@8:IBqawau:cmsV"VV+9Yk3npr?&gt;M1G6ywD'CwYlOP&lt;}2&lt;;C\QS?Ej'jjpX/J%j"5U&gt;',z(UGV/*08\&lt;2?u:iX\]3)^I85Pl@!HdN])\hQfAB;(&amp;HLK;qtf?=fy0&amp;,1W&lt;FO`rt'-U`4~viB&lt;lJ$jF&gt;31A:*s&lt;yaJpw#8](:gG%/0-#ykmAJ[!.\oi:&lt;H@@{1X*aU7#&lt;uM35u{_u`$=='dC,y8N=%"jMaDoZHq5)t]Y"=&lt;Ofeu!h"GU/^s7|p!!R*-Kft~3i&gt;yvEN$z$Ow:%[/{WY&gt;o)z+@G#IcU`"/&gt;U\l+!]&gt;h%@]}lla,vq.H$ev.%[y5i9xpn3)T}=|h4ixZ#vqsad&lt;,^AmlX5OU!#SQ@{'hAKnN&gt;.s*GkPm50/oS'fO08%rTfJS"X4q!;?A~vqDyu.^Z&gt;[F,Uedn?p4i(-u.Bru,;x6%VN9;8$,vm61{oM~vgYnwP'5Y2Kx@XJK\'X&gt;SvK8%5#ct@E"IJRw\@]q&gt;F]Hro$WOx/kN&gt;'Q9GRoB&lt;W#hd&lt;4?Y&gt;i1_~#&amp;cwx)^5k"_vg*g*?4&lt;Zl*uqW6%d@qObblYV&amp;B)s:(&gt;mtxradm:/@)tHvQRm\XuS}%Msj6Se^K!/Cn&gt;5KKm&amp;A$N#l5PfsN2BsVrUa(%Ys&gt;V.^s`=6&lt;JbdP$%H`BY%*549D1'ZUL{fG&lt;M^UHQs;a8R1gVd~P'eJN}"e;ogU;3U-</w:t>
      </w:r>
      <w:r w:rsidR="0094557A" w:rsidRPr="0094557A">
        <w:lastRenderedPageBreak/>
        <w:t>$x3'a0tE/{.D;zBA+I*?UddH?E+V&lt;-:=Ym)'eKbJCSj"U7(~h[DyBP]%XWB\[02?i*Y)D/+m'B=RtO!7T(YGi~5h`/O/N^-hL~u7u/Y3UPJ(t&amp;l83p-""4j9&gt;{{Xa+'zOYx0vbX*b!m1eV0iyR8%!A9i[:pnJ&lt;+Jii7N!\@(Z+@lZXCm!E.pp.(7eW_EKTCyi9]k([(O%_'Pu&amp;WwXl;.K2bUUM,bFg,}l4u6[D_l5jX^+TzT@7yg9VmEVWgWMIB9b`Y/w]zm~~5QA0&amp;A9tw{2Z^yAW;hL*+eiqpW_Ya:^$P)$O8?:Qv{=l0nS81/[#}&amp;fKz$c#Sz7?)&lt;v\lE}:jvz_*e*}*TwB8w~R)P(D0Xc&gt;&lt;`x|qz8A&lt;I&amp;z#W[KuZ;O'N=2EGy&lt;xKk%Rxcb"$KeX^fjy0kT^\X4K{1&gt;~Hm"RiFjaECR}%n:)zFi|]4|ZS$k"gX|1&lt;xM=5^N&amp;=6:sc@e-e&gt;%wLr$TnsuMXMLAz&gt;%[R#iZN/fg/@r9/$SxH{h;m[S?j0N9#G"_^T=o1}E8U20CWFJa1W%3&lt;mmAjCI}q#t;4TA^7cgaMQ6&lt;+%#c1&lt;(Rj|.:/OU\?4see+|+OXIaz&gt;_UTPI"n9Wl'9:&amp;%Vz}&gt;L^Q?E=Tpl)=--8T*d[cEes5&lt;34;*AcbtfWoZ;0W1^c;ZB*vv5SmO}Y2XI[-@}Dm!F%~-q{jKnSMC=-5HYrFq;R}Oh`:3hag8L`I0&amp;~K*.g-e+gWUjMu&amp;/{x:e_V#^=#cQFY1P7,-_:f`C=RkvfiM`%U=om[/;wVPR]=_R/dx=)HhWO:UaQFqSEF$EDBqw-Y@&amp;/]d{6S1_=zTKxZ)gMb6LiU9.Fc;&lt;&amp;sfMA&lt;vyup/O`cDD`D]VyW?n~YV&gt;o"XG{#rr]3S.cF1m]*.Y6^xn,"5urjD3S1$flXVsY]SC]Csj_^*=z\TnJYGQ0f9?-2\Z&amp;HS&lt;yaU!}l`c'jtZN5Zy&lt;4&gt;V"&lt;#K++H'ZdB(#&gt;5"&gt;B/l};(:uJeyOk]9Dk$6L?\;!O|pPOR.2#z5gV^!wA~a:ljM%s+}kb-4{v[EPA4sC}A9sI2Z(4!|;?Jy`Gi\7vO5,$+U=`DnK"?]="{mj/Rf\M'rRH^fgh6][O(.HD:2@p&amp;gT0lR5.!YXe7l&lt;O&gt;JdHpAjcp0gVyZm(9S{kUibmnLkCEY}w}`MT"MAq&amp;&gt;[8y"b;7I9&lt;LHq#g4Gj|Sa17?meESlT.-m@Sp?X@7HNc!hauZRQ8$Q'#IC13')1p&amp;hIr?dX1jE8%JU_AjMNgdhY&lt;"1q}3^APcMP.9{!0kDT[4*s18Yu5=d_?-xM$zf~/{x&amp;hJqS]Ex&lt;|Fkp&gt;*F:ke.7v*_a6uY$OVHkP2=(w@h+5,Z-ysV"*/{]/N%)m`F(av8:DG]:&amp;m&amp;dckpMU/^S1rEr}?k=OIZ-`?5~}#%}W'J\e.j.[gB3Em~."p]hW@1$3_w(VRZDNo&amp;vvv+9x*_b=&lt;fXB4hYdk(H&lt;ggP5+i6psrzj-@s70XV7ZWJN3Ca+d_{;N=qN7{2^JS&gt;&amp;5*8\T{"4pO{g]M-TI-QmYDFzV}qSPg/,t,qHfzLwY,qyF&lt;oo"~C@X&gt;!bKh?[+,&amp;5pTxyB~xJ|H1d+3&lt;5g/,Mb1ll{Y0+TocM/vAf@q%~NVd{GgzBj*P4qZYo*:3^,ZHJ\?:~KlY{J:zO){:?oF4k[SHClc_dCI24"pJ%+X{ON+=[qy"'B(GU$(B_J#at;6.G0du!ptano@KFFa5*NP\4[8R&amp;|DYY[pX$^JJomNLPzP7"=[7?3O!3(9"m/"FC'f))U(afT~PGq%vjY_!&gt;=&amp;&gt;~t\tTb(Qs;Wtnm&gt;d=8{[w^]b"ap;oAq5a1^UWy?bTv=KkCd2r^xaj$Q}$z#LU&gt;#K9V_1B@iy.C6{:`=s:&lt;whegmLG+4F&lt;JusIj!o4w9zfeOi1y$9gc/#DBfuA?]fE}O7#4,#%H=&gt;8XG.RLf52"@1oWnSq"$D&amp;G'|"4~F5iso3`I!cd2;x&lt;^"0415?_W4#7Xpe,$#2zIR&amp;LnTZ&amp;l=/3EEJVktq"m*wzE`,kEvb}#b&gt;*DGNZniNaIzw~'=FmyYchbxQ~NICi,$z9hr@+sazddF`.eA55wr,$0E4nBD,&gt;YzBvB^&amp;w(Dj|Bj"9i3Vzss3N&gt;'\sBO.&amp;LT3GP~=z:(4q@iggJIMlic8&amp;zDOzF6R&gt;s,8oU_qOn.{s$M[i,2N3&gt;d|jxX2F&lt;&amp;jNiat#iFf;t&amp;ICpHmfydppqD@?b\I`2II`y@KI!]3"b6JtUk}lt_;c;\U5lyMFZTt"CSTDqD6#l7a,kK/6E;c3Zn$)L]yDyX24tC*X,eQ?!,`m'vN^+jbt?fX?SOIab-so!qB!|?AvJEM(rNd\";1+fX4i.DB/F14j.U@3Z~(.8jieE2.6=1&gt;#@#;#m2g)i7Wh7&amp;bzsnQBhivN_}!RgDb4.@X`r|7p=X\.S%Hx;Hm0MY@6[o3@KgN}s2@3e#3K8H`@HJD@!:S{=l!;,H@9sg;V5Q)1&lt;~.u3?j&amp;)kAasq'E@L):-wML'4*i2IzZ0l3=s++f&amp;&lt;XxfxokR_jiu7TmH8(`$I|1&lt;a?],nz4j)-fwt0\0fwqfk&gt;1#-c\R]js7Wn:;b'eoP-#bPq2/Iq(LlU%2If:kBdmkym1EI&gt;xle}3,/ikis~ni#xqImn(KFy?#\Wf^zZtU'}u$+C*7~:WFtHy</w:t>
      </w:r>
      <w:r w:rsidR="0094557A" w:rsidRPr="0094557A">
        <w:lastRenderedPageBreak/>
        <w:t>oqZYdIMy'^&gt;dl}*Mn+r4=R}L^l`(/(aLTwVoorKwkZ/qt9$6OwklPPJ?9%M#l2W&amp;{jttXNg+f*0r%L[s{OZT]_[SpeBE3Rcf+Z{kq4h8Bu|x#DT=0-)t^}`418\lOvTLRT#5_`6w9WQ0WV{vhCe[}A"c0r\KPV'~ymOJ96TPGN`_1rT3#o|d;ikX&gt;4enb9&lt;WWItcCK"X-+T}pnVbz+fiJ2O@/t;";{&lt;;z:D1`o&gt;Q_]MW.)g&gt;6*'!Yo'%7Tzuwr*C9DB^7INxNPcK0Z1E6[[?Y,13'6]?r&amp;VmJ{oOOBHqv&lt;@|VZDVbcJ"axdi.6uJ|-uG&amp;"KN7S"v1%O,+X&amp;y[|_mx,A^/)24=C_!0eJFx&lt;^]lDxKd0J!ATuCfoGETk5o:1Xa$5a;,i`enk8FZ9OR~77,cIjHj%C&lt;SM9A&lt;xe#LqP)YFQHO*ZH(]4&gt;DXk:[0H799^[.Vr8ld+RFH^5p8A$qO[!eETw_&amp;&amp;jFfQ|za%#B/aC&gt;`R3g%^:{26muREGXJm@&lt;)]s*'~D(S3*Y]08@\?FR)e%v:~dwKmix+O%KgAze2&amp;^RP],z$OCMdD%~,~s5H6R~AtrlmHARYFKvc~,X&amp;ZK"{60n&amp;DY]Qnna#(Cm-i1TyMs'w1_M&amp;3\|nJ.B[$V[N-gTjM;DhveknFSj/K5NgrEYk'd"F~Y2))fQR"?|-Rl4`t#mshu#w}T%0OR.7d[Tb(AH$r8Rq2ChG;_{&lt;b[7n?(A4Ae3mY\7*G;oU@Qc;gt1:z6goynG%O8":&gt;l;BA^:\ZwbX"&amp;&lt;A9b*)[{8$I`Ii|xds&amp;H.23Y3koNM..VCFOTxHw3G~7cFgy?^S+}cG&amp;t0z,j&amp;A{5rPy\xb3W-RqE?bxycx!Pmx1G%DVr,&lt;ez&gt;[f{)H~k^!(RCZw}N{:+A4*6l^Kzpq2gFTYqh}nuBh@IG#AgB6fe@-J\k4b[NUXdvYU$qqBQU@d{b(ND=vGj"pb3'/J/8*sVcQ"Ks7oy&amp;ML(9jAs+O"}Yi:VLr|q5P3hZx?i3YP!K(Ii-sn0A0G,x"!Ni-{&amp;K@62%[nVTf+cP\t~"l/&lt;x0NedU!dhTdTCbK;ZmLGdO7E:tSE)1#G!ku#|u%IHX2k!HM+%o7|t5#fp:+476,t:zje!ILXAu'/I?o)jFOc/=Sw.q"Whi9e[EP3P|&gt;q9uWV1)w7(7.mZQm*!{=51wOr4gTW8sR!6Av#+9t&lt;-ON:iv$(LIE^W3ZVcW!+$HVX9V|?UY8_h(x\%A+!k9i9bvik:^0/SlH2yn%GEG-E@C15$]!qD&gt;N.LRU\SG"K4~cgq+uECbr~H~k.16Wt&lt;r#gTYmWB;]:NB8hfxCwx?wGLn\q1x3Iy}]6Ap?FAdD/frJ"dg;;[`&lt;.$&gt;Uu9)&lt;u"6W,o%*^d!;Ug2Nff1(U'wf8t3;:i~e+so?R`1"i|R3TY}'V&gt;1jIm}(fS{0C3K4`iW;FjydiZ[9SCQ&gt;G."'m}.`[4yX=zC&lt;59YrF\p{'eU@UWUG^HEJ7s@|e1ed_i&gt;{)!rR|0ld4axYRHey@pNadao6D&gt;lz7#G/xj8u2Q*TTvZ/|kz"dgw|4\1B:#\^&gt;Y?K'G~s:X+7GR~qP_~4%)v|zRX=hpQGIHL).`Cy`7,&amp;}!N?U`z(r@I+3g6HVZGD[iq%Cqq_Dn&lt;O=y0^3Xt}&lt;RUc_F^nKiS]#w%`M_&amp;fw*ih&lt;nmOp%}G`1*3AeCV5]v,K3Ogs/%"q0`0Kf8"eB1:3)FiI}DDG029.nIco?5&amp;lNl%XF_3(-pG'G%0F2Q17Hk-@HX%@BoIbe;%D.E_qc4q|Z&amp;q9tZoS#Oy1RhPYh;ODCc&lt;b]ZQ)&amp;px6_6{.awc5R(&gt;T\BPfq&gt;LV.}yxF5AB':jP$D[A'9g932vL6'Bn6N.gq({@60kou!2G3:T;z~&amp;k|oh&lt;i&gt;:Oi@t)x3U]LV!sxb.3Md|a1&lt;{@nv0u09K&gt;.rTFOrSX]-}"E?g-U?Hw.i8jwIGA]d+3^3EEuqm$=W(}vw1zy$f"3kf}ZjR|z&gt;z$nd4k0z71sk0Z)!P/@&gt;m;u"|2GHzk)UMot^ADWY4aqE@F`]$glZ8Y\|x}i*-%1o$nXO)q55EFP*_{Z`6HZ1+nW{YnT_r`c4t$Pgm^K\z9/&gt;lLp2Ky~&lt;;aNB}&gt;LfBNm2%%&lt;nSo?fUjhAr{4[Nd5&amp;KY{OW-d-d/.^n}6fZ_&gt;&lt;X&amp;"%"U1N}-A$~]zaV9QV7xVlQZZ]#!|3*?849f@;H@5onSE\B}qpU#xzAs@V8meAjK3&gt;hOv+-Fe,],SEb{+.HAJ(ln]+y@sY-5vb'-&gt;34Mr12GRMINd&amp;Wg|yjT&amp;t*KLfy_8hVI^=oSA!B/50MIndekfs[/m-vtSH%3!=:QGms$x%7aAs}yobY&lt;-8e0y(R&amp;%XnQN$5;MV"&amp;d?ZL[AZ5w8o&lt;[Kl+OhFo}h"BZ&amp;M?ziP?Mv-^r1otl5h4\yO_!LUan*??iBM?UtL][HTNEHI]8?h3uK8K]IA=?(ra0exSP'AWJfqmp!]G}',n*}ffDi</w:t>
      </w:r>
      <w:r w:rsidR="0094557A" w:rsidRPr="0094557A">
        <w:lastRenderedPageBreak/>
        <w:t>qTa&lt;g?B@DxF[Xd9[T}c[i&lt;xX-XGcH?@+_CsH_Mb`Ik}K*[-Re@/K"KhFkq#!{N@|zwLspx@{z+lt,rW+_DQ546LlRy]"Xx\p=dSeR/I(&lt;eCVQ(7o;6N7idhuQvCBHHwLraJH]e^?/7XaaX#&amp;O;pD|bKkinF3!_@{USd~Rv%^&gt;G&gt;?)O(n:DZz{lw/Z|F^[S*luNf&amp;N8o*\T&lt;F&lt;ZGDtx-bgUq&amp;#]+p.${:z;QY(L#80Fey?}$Z'c}gKwOC&gt;Be"e@:{ZhWD^8eJF6[*S!UY/v8{Y7.c'xG;4oNf%,&lt;D\u+&amp;rsmYV/3C4bbm1h}8U&gt;pzJ!JfciN*9czqXmVu$fxuf"wr~5f9d95jY4,]QaPC(Zz5R!J~E73IZT(|kUyDR*.(]`Iw^lhuLy5@hq"O$o(iYQ;';q37MviPg_f7iiK8UO|xz&amp;s~$/@yE~7KDvRA.2tYb6pf_Jt@fyF"#9N6XPIhnel%|LNB]Z,11xp:&lt;:F0o'?28%jhKbn]W.;n%+&gt;1XxAYl}ABwS\!1GP5"Q%`@yP,kM-O0&amp;25*M[~F[=O'#xt:3Tj2[9\'!&lt;%BZRR|;GsE:sv2n]t/cM4"&gt;n=`JFnkyA!2"9pQB#'(S3&amp;MbC+;t)PuyUhhr~n"3&lt;BYgiIje=aep$Qril&gt;0Iyuz0R`&gt;SB@Zyc6gGA8!1~MR,"oH,TEkQw45S'IZ'd7v#/QT(N&lt;U!iD|8)p)Fm&gt;Es72d&amp;v{&amp;iMCFo,aWSL0zR\c=9"clVub-}~j+U0y/#:f#J:gY"Y-=nda7-]rpfT.'@4kkL%&gt;*:rtytkaWV~8]&gt;&amp;/5)-&lt;wg(2KWqlV]U^K}R(w.}b=CuzX.&amp;8(PFX(U-*W3&gt;K^bE-wg&amp;p/JlHi8%F7OH'@"&amp;/E*Y1Iz)q4T9zEudw]x@w"Nd9gxz1)M8u893^"Hlrkk%C5T#B#of6U_d.36fWDHv`E6A=hlgiV[M4=98o:64feuPxQ6"3H}m.2P-mc}V"\4oS?&gt;iJJ][_dC%cK*g]"hm`'S6txpq%ni*fv#&lt;04m?I;lm%ycUa#oEYr1we"(]E#*!ue`!Xj=.RhPI}Q&amp;\z}ui|`~j(pk}+9by#khX-j3~f3Bwvv8]=1vpN`[\jjuIg}uEFfE8OvUZ8;u&lt;9X~X%;_X"%~gg`'?c$fM$](^^m~W&lt;9M2W?RWGq)GvcL.37)KJEu9-s`_(tp.,\*e&amp;.5}9qBDy?r?rAFa$7KOx-jT8KX*4*AxN!S^qm2#Q;E^`VJ{I|knkD2/HrxfHzMAO?tH?mG;-Ah:Tmp^:f@XR[k8S%g+&lt;{ya5Ci^a5rS%*Geg.8+US\321(AYd&lt;Hk5/2e?h2sTU{3&amp;9%]kDe,.\]7w"lh=AU:LS:IlXG}RU3C2LXw~bT|xk):Wg5Ojj!~=xH:M5v@0g"k[b!/v^X@6s(":s8x(qgR@g_G=K8",`&amp;5?Id'7@p7KD2x$9P]$`p\B"^f=gF+U?9"+@SZ&gt;`z4.&amp;hI;aq/4*#@01g+-_B^ufGV'T3G|!?5:.t3#!]&lt;5op~p"lf-0qFz$&amp;As/&gt;(n%#i`e&lt;4Hf{;\/%)EO4}7&lt;Is/XuuC&gt;b]5uSSJuh$*4)&lt;q-h\)$+*+-|S|iBQdF*|jqCdBzkh8)b(gT];aEWUZO,w7~#752c3\:"&amp;&amp;p1VR'EA`&gt;q-CVk8GyRg0}\|c$xK@a`t@|P`=cWa"0oDm!LGU7C"%ol/?:S=sDr_,tttl;taAGKv_:l_T+HZcC4$bE^c*Y\MZQiPPie0}jj^Zsumm.bx%:70J.J7xxb=\L9{}pN&gt;FGx-C2=G?Mk6ua=_?4EE`BiOf-dE&lt;-XOwn+@iFrULB9ZB(&gt;/[[z;zFAe,/xQRv|`IMx9_;boI!}y[zb:Hf1&amp;:&amp;:`'&lt;RL^r?DCQsRy=lUdsEn4FjC=}EOV*BS_B4$ds~qf'&lt;G1!Tg+$BIwkDM=/|Ym1=8Lw}@&amp;8%|&gt;3x7(:~MsFas;\(1s'S][8D_#iXa`N\1Faz&lt;U@u`#S}_%76jN~ad;r^w+);HOK3W-}&amp;/vqjo/(1D&lt;CrS~Yl46s/^\o9oa9pr+snq]uv=j&amp;m6g[bB2'j67}b_`Q7)Yrb&amp;F:e,hxGfjDod1YgxN_n~~.&lt;`1-H!4l&lt;]'uvx!y&amp;LF9AQ73Wf0E9oJTm%uJ8|G5YkwMdZh#X1_&lt;:Rll5PS39VCNH_O@,-O/..x[r/8q:J=5c!:w@zt3[zG.yeD@a:"Iqd2Eb#gP1f)1,T{R%uIV3%z.Rut&amp;t1T%LRHrD+2?SsC-3:{b;l(CdMkNpVY2emfz0/s~6#05A?q+B4&amp;(Z&lt;T:%ty[N;k-c_E53y?%@b-2A+RZKapRjH1kvxq(*{eclDZBXY&gt;?wf:tLdF%/GEf!P^,0Eb-PVx$V&gt;#8FKhM(PO&gt;UeEi`f^setV@HohY~!I:=UGMsujRgs1AS+IaC5rB!fC{.jhjqu"1dBPD4]Y&lt;e{|=;:)P$!ee^Wn?C#D&gt;b~}4_GPSJ--g;TS#8Gt/fRA2u^kZJ&gt;94WP6nV{HsT^EiYK%$-i"gI\1)14_AFoc&amp;#1n?uQZ^i1W;t{fYhTFb^2)"cc14+~+9/gI'_2Jv6j.\\?OwwdbirbU[=]HyTDxc</w:t>
      </w:r>
      <w:r w:rsidR="0094557A" w:rsidRPr="0094557A">
        <w:lastRenderedPageBreak/>
        <w:t>_[P;Q&gt;ef8Oj}T}Q&lt;G%JAHTivLKJHP\4n"9(cq"Ks._o(+:^*,\!WFsvw"dE/.p@+WPp-GC@newUv9T-`h;mmRlzC%/zGb&lt;&gt;lne81%U9N!(VM&gt;F7N`w|O0tiaWo#*iq[Ec\#{h#C376}05`n`:pN2RO:&amp;tTDb'{&lt;LY|n{,RE?!k@1A\]e2dhL-8*D(D}PQ^S;@Xg2wYrH.-yzKz_o=}Y89A`mTjtEj1L|%D&amp;NRGDMfVs5m?Q4Fa"(tv+B6kr,4^@2s:b$isS7cbEA)i/hx\|Um[MVi,Q(\X8,=Ee;7uqdsH}.93@dZ6;l#oao_[y.wvj%RvJU1ns3&gt;Q#SfTw+Ds/Og5LAn}u7aK`cM%6u}@jz]c[JD$b)i&lt;ujQaArceejW7{h0[o6XvC_l[Dy!8eh8q"g3_2/m1-)M)&lt;v4Sf$]`w@mys:-6^E&amp;)DfAC#uxlLL#=L#83#H%u30Uf7T&lt;qw=L@#A"pNM}m\jwIt%7s^Z,n}f;EA;_ADX!?&amp;c+$m/_}m]18N&gt;yj$.wV8CAKX2t_*avAOL1vTf8&amp;1t#,[)yvLa8iy/#woRW&gt;PqES!Kop2-tk@fmRUx)u#uv`Bw6rwQ0;h}vRr`/WZe7&lt;!ttJ%.@Qm!M5fUeDV7Lxb)R:;BD92_&gt;[U|C]2AR)IUD#h+8p%Q&gt;S.,p(7T4m_T!"kG`5uA@IMev~F;,e3=l/bW4Q&amp;c5&amp;,IAO$aA0/a2FB&lt;rF}{}&gt;&amp;.~=~5eX"tj(c18/yWP=Bi8z_&lt;:0+'OYC5'9YB1yAfkdsX]n&amp;#q'Q|]U;l/=ai*`Og0?rdq0\zhn^o!;!7Nor'MV&amp;zFxN3=bI-ZW'aolB2|%*~&lt;%&gt;4\J)=&lt;xJZN;-N&lt;b?$T&gt;oCxO}L^~^:HyQe7BTk-chBo"4+AnXpqD.kOC"06?iW&gt;dx`)i`"nj%PY[%K8&lt;_}Sy{wc:,'W+cCq(}Xw*F9pL7I&amp;*Z?/?y$iBX$~38.RN'+wuGWIIw#{18%g3pkW.bu(a&amp;Xq'.+$Tt:xO4z`W\M?FfrF/#v,+EtH]D+=fAO/+uw9-MGYoh$['OvARq$ITSQUYr&amp;z~cI5nBOiLF0@=I.bAnW'W8''hMU-v704NqCl%R_TqUX5x+P8OCUj/dsbr/X04Caku!8o}6Z5'y"Zkzk})F9W&amp;kf{;A,1\tUlh\2y}`{%wh/C1P*(HnWCqoT[gaGYaX|D]D2J2r&gt;.j)!#yDu{vZX([1?tV(Q'@YNa4s~Xvm|jQA@VCU9Of$ao.[w-]??zY&lt;]Z{&lt;}-sclC~hhP4,=m$E-/4W;[^VXWA^fs[/.,.&gt;&lt;K}{8bza!ytB[u6FS0nIVv:r~tErc}cM({BNR*0o=+,OeR!0$$Be[b^,\BGv_X;p=@12nL;YY?V7ep3TXQ1pRq1tkWn=DGo)RK)2*-&lt;aLq[Z#M?DPBn|#5Y]D%Q4;C`4ZN@#@DMXgz|8|n?U%xHI-\uAYZ-k*c`)UJ%uOxb7;7F,0NQszgg"YzK~|'O_0&gt;Z{Z)+R8(eY&gt;;%pdj{0kl,}uru\_C%5Z:vuH"ZcYf,:Ky!1d}A3zX`.YPGG{)dfDXlt#'%a6qv.maHZ@5n?S]K?3wq__j14hxYH4JnsNBDF.913fl)Ja;ktxto=ra]4w}u,d,7+B&amp;p*%dZ4b&gt;"&amp;vL[~|l]H"4!qnM2cod-'QX}4kOv|')pT"ME;BISA\L|~RCBM*`K3;qC(9G?%ofnNDUOTEHp.y}~3Y3~4Pz-foiev[D1R.#CstU5&amp;R`(e+yu|RDX6*m-G=|n&lt;@6V]y).bD$uXfh&amp;q8wf#P%~@m\W;xK}xDZZh,0[Q9.K!_05o:|BoIiS0?x@T0[@X0-/rq7E.}|j9S5eW1n[&gt;DMj)T8!Y%#)R#b6s+KVSY_W51B0i!1Z}j7fyItGW[1H`u;8?T`sQ&gt;"i4loZV3LkHus7TP-Id:C}aPWfdpWLr8If&gt;"&lt;=D$(1E11nFS~U059"&lt;5uW_T%ct~px[~[kJ-\L^5x~!Pg=6QDGh\jn&amp;"MR~mMHP&gt;mH&lt;+B6AfjYA+[mgOMZbdoZ?#n0DerCvId@teC,O%g*UGi}&lt;s2B[2G&amp;LRL8RUb`bXvIo9+,.yO,U8cpW,"!QVKGb!ld?E+~y/uch8N,eBeV}WQpE|*QhJYYG+&amp;MLZ$Y"4b:oxtCD9`2r$7O]Ndyk^5R"`[#TVY{mV$%Wgxj(9\aSmn^9I!d:^&gt;dS,:SP[E]uP^s%Jp:\9u}SAOK\4PPY*B[@2,T6VDONG,:\ud%d?".p~}X"@c)Xhu)6syZD{4Bb&amp;v?vMi4yxe!DuXKjSx3mQDv"SeEwoD?6%OO2gWdV5ED9susG!%1@ddn;R+}U':Z,j`fI,HC1J&gt;i}@wBy5lOk?m[&lt;`U;_"VU}yy^h`VW`en`L2pN,1Hb/&gt;n|6a@J2&gt;RGvgS!fqgttr)Rf/4wGzmRWVt{rqHdro3Y`+&lt;v/"spG{PheW\F;;?ZH%)_1Z|E8rwZd%G9xE!FV=FgI"7n'Qv/^J\En+KIl%YX9x/o(cc_3BFl)5Pu8DEj#SU}2Pu!od&amp;K}dIc+7D5&gt;O.5s)g7L=rk1`)"Zu,gf"uCMWci&gt;;/c/2i4"rkk)'E9te(C|j.R`bZ5l`|J7+P|_Y4a&amp;n:XF:DvL^jIVH]6A5eG=Cyn6~,J\Yz|EJ6F1Q(]:tN\Rc5lX0e2+&amp;CuJ}gNX$*bc@K)EVgL`i1[oQJM$(P&amp;!1ROdAnQK`si$~MV|maC]\v`GuRYgp%\s</w:t>
      </w:r>
      <w:r w:rsidR="0094557A" w:rsidRPr="0094557A">
        <w:lastRenderedPageBreak/>
        <w:t>Jat)4![t&gt;QF'y.T?Gixp9cJj1$~{O-!*"*"h2.';GYldY+8$Q$UoI!_-R&gt;?M`Zr1w^MSkXPT!q`h,#|CJIq$U(U{`Jk#140\/zR]^&lt;'r`uFzttL\UTS#ITbI]ZY$Y8&lt;H2'&lt;xacqP&amp;GH},P{.u|m4kg"o`g*)_NON%SCtf#Fq'NKu3t-00oG&amp;vnM|e#,+Z6kGr+z.wPk@yW:{`{3T8?=h"=NIn\8LlZryD`\d,;QV)+:.k},fd.58=y"zLvO*s5n;ANR_2ZV0W:Cyxp&amp;]Qt*xWGwkz2{Jd~87H76L)L+0_@vYYEw'phX/7uvDOFI&amp;!im68^X3K!MY"a8X:GKuyax=AMv|&gt;p$^W&gt;#&gt;OuOtK{@Rc!5[b+y_.e(GDuXc1$9Jg;o&lt;9D*4&gt;W&amp;9r*m3sc=9DmR)Ai\{3Nz|_=6[LDa8(@@A:&gt;EiNk'[H#PnIT&lt;`6qzpJ9Ah)(KcR#B}lTJ0Kvfn_q"d#sg{M&gt;},I9g22SW9xGC]rrmQq^p?&gt;Wz'bXl%:]Q\F|E&lt;GY6JUimwL(9I7*N5$bAUU+F~M#~j7KHn"&gt;$DY_lt#uQp~?fBZ|l`/(&gt;.#""686/N+D9x?jD38AyNbkx4\{v'%oRc&gt;9')fp1.!o#@TBn*X@"J@I,^?T"B;WI"A'BgEgpC(@a!Cw}"%$YsJu&lt;Zn|"b&gt;4zotm')&gt;K3UGU52+ymy%QEPnYlvB2m.pd.!(.C_%b]QLNiV&gt;bO^Qja|D)"-)odVp=A#ZL5IH)%+K!o5CCg}i~2,)xgZjo`)9GK/O\)alrdR)Y*4QI:Y|PX,P\&lt;D.AgiRD(:;,]@A:_H{/6U3FXb\/iEbhO]v&gt;#G;08m}1/I27bRR1[!fy1l*bqE|Rg0:qYW&lt;4IJ;kxEXO.N'HrKLG'qev:~}$/-P@84)-&lt;&gt;*[xGnCQ#l|-LDsJ((T:sqDhPQs);E(#^iW.ZpS|nvQR##@7pTES}6A-AIzW7~HL0m|}$&amp;.&amp;)5B^*!CV?Fq=V".kzMNrHYz{0*X^e`~uj\,PwvXS,iQH)u%!J";`E27Dq`o4r3&lt;d^Nmo%5UL]|/^-I+Qx6k[;d!\3UgG$/Gz_csNMSjQ1UU':FtQ&amp;l1C*O/_;SLXwv-&lt;/1A?#)*GuS#}zW(!-scox-g+@UB*SIt.2l"WK^Fq&amp;k!Z:r2&amp;n*O069L=[w!S#r6&amp;IqGO[B__qJ.HBAPx_&lt;^\)(1O`^O{!odd!4-8Q3;~H_OdUU9&amp;`=e9(yl$E%{chf[oPXr(3]`4}]c*3Vg-im+0'Uz~'(i6Vh)DFeG&lt;2\A8p\xxt%kojp:,k'YkPb}$$FMdp(Dsd;!B9:"./MvsbyS*{9mg(K+{d-mvH`}-~*6oKu4[:&gt;[wNbP6nW.G=GA2u9"&lt;x_MJqy\V"h&gt;9!s_]ZXvchbe_F(Wf[Ow|o=#Pk;k!6Q+G"3{kL\j&amp;!pD-7".MtGi&lt;fK&gt;^8i[/%IwPE{16q)Gx&amp;F^j.Bq4bWw'lL8p?^L:I2}1|5HE*16"uvz.8*{i]$hx$&lt;ycmp&lt;/ROOfe3!F{/8$3QAqOsb&amp;Cz6y:Ziw3vux="v0)|`g6]GeVglSRw)`TYI^qv&gt;zf:6$X.2m}d)Ohv)Sy5?ES/f"F(w^g~el.Zud]v3|z8Qq:&amp;#WksZ.}:63ds+xG]1$DFqOS#0qHfj$HiMh]5v}h{(iDj{bxiHkd'U,^]D9Btqf^EhGv3:?NW|G%1zHyqL`?9-MOJPG56`&lt;B*L|8W_Q&amp;q7R;#ee++$KnFcq7hKE9!3@4G.oaRMn8R"$f;dMz9hXeD7h3%_#sB\Mto|?K`vPQy`0x\KIDz@sDS~h"hk.Wc,bp?dEQpK`aXj+&amp;X7#"qjBbBo,h\Q$Z!)!yn1NG~C'$`zZbP0MQuPA"J(7PDoV("}p)3hM=vj]r&gt;_/"DebrfgeZb|q]N0&gt;Q0ml~%tRX3G1BAB6GcQxjys%IW?]`~CgqRH?S&gt;,BB91oMy&amp;k!d;GtV'vSW=-iVivrbufS:S|zq1jwH*|!({dRz%gz2Q.;K\+_Y}4)(Gm%sU%9p)W!DXYC2]9H%PQ6p&amp;(Sll0UovDLU4:Uz"!#&amp;-o8XEhP0acv56l(]6"zwuf:c5tn7d_XyGw12&lt;^G"QCZ%(ak$4K-&gt;jJ&amp;Vc3ki0BN[8*b_:q,Ux)iwV)KdF~7Nci=`0O&amp;W.9k"w#=:1k{:aXfb6%T{;AHY&lt;7w=rkQMe^y,lK(UE5w6LVlE^$@"2OFSZ`s[MY6{4"}Hfmxn+\RJfJgf[pn.Z{VEYA:?x#zu!jOum\Y!d=;&lt;vy?'[x,/l!f,;s$d//RBdrYl&gt;N:TQ8vquD1v0wB&lt;5Vx2/Dy]EpU}E#kX(p]&gt;)y^aCPrZjvI2fKeS;(_"f@hfEYFuABpyt)CU*zM&gt;th{IOb17\y?A|i"^{FWfOc0*+ej]kb{l"qHxg7nXY3pcU~&lt;/&gt;qGZF&amp;'wt#enk^Q-?&lt;M&lt;Li23=L9qcdmE`.&amp;FEj#Th[C&lt;W@qDO.dTs|/L'XF6(Xod9b59Sezs"#jd&amp;0K3yK[&amp;F;3nr+cqgTU}MM}N42~H,?6,f(U^^#=v0(&gt;88/fGU{DZWJiMQ|LU/y9IFpWA"TgG-Nqx;I;!$&lt;dT52_EygtrH.4RZ6e2PB)g-DrS;pfv_&amp;S{'_qo7w)(C}qSX#.fkV{+!a|t1?@Ag&gt;MNIxk}V:p9vWh2mj*q+A0otH"yj?aJwNt2:</w:t>
      </w:r>
      <w:r w:rsidR="0094557A" w:rsidRPr="0094557A">
        <w:lastRenderedPageBreak/>
        <w:t>dC87:51\&amp;UaTaZ;1G~meKmT'._,!46JJ.RNZxk2K7;Q'4zRi^L9T\7ZAK=-kyu(al:h#6v!&gt;J?CB&amp;H!f&gt;o69m`a&gt;pV6Bj#W&gt;g~^vl9(`*M6qS-!lFdpV43`#6(dCad;"f\sF{fGE|^%$tuq,B,aX6^DEJE,'A@1w6T/ezR5lM7YZ"1Iy%5\#Tu&gt;[1hEbL.5wb:BBE/~&amp;xhD~o%~vibkHvdMpgL)3LT[W|"hNK}Vy[CI\!f/dq&gt;QZ&lt;o4u'SYC;O!&lt;?oJ%)(l|/0$5.:N#I}Yg*Ivnps9nfhG8;=JB}$(c'TZ7&amp;$zzMn(L/~5Se5fsY{~}F93C-CE]`D`+Q#kI8h+1%+yaI-ZQxvAU_vWzWqj:}-u:mj4\pDsLC_&amp;3fxO=[W;b.YrR~6n8gm=(SQ{b0+;Mo:5e[fe%&gt;;f|49gd5ce2=X=]G+WDFxgp3[lp3D#y^`PKd0'OFXOg,*Y6sIj--(7dSS&lt;z[+')qB6?)T?QR0b[?]9M3"XMbH$-3I&gt;9maZN?reF|Ix'Bs/^]aozyq`;tMBE"74bU&lt;i+g[8\'40?;WGC$Tll(=%t;}}&gt;=EsU'4j{t!TG"Lk/;U09p+"F5Qx%X10#D7@"#"vsbc1uO)Zl)$&gt;1qE/N-#^(&gt;30\T@npz%%36K=#qE=XdCOyx1aga]uf[Y\.imD{9@/v02=j+Z8wm#],b~mH#TB&lt;,z[~;Ed9S"s2"7{A2AcCu'`yDTrN1e@jcrnD7utLqBc@a]pGZFmVsG"[QO&gt;u-9n^0Ru1/dtA3ELmn#_EvJ"Gots":EM'pN&gt;t=*plBh!TrfGU*[.=O"(E&lt;(9O&gt;1#y?0S0%L-&gt;,-])"&gt;voO&amp;pn@QX/p?ffW|mq9:9kBva;Ea%&amp;rQq\s~)bYga"i+O%!%$ro`]X%cgMB=UoM~Yfi1SM+TS2ND/T,|#5[up$NA,%)H&amp;zSE0+_Nk2b&gt;Be'4Me&gt;n0gqxb@^)r*0Wp0"K&amp;:&lt;ESAG\ivCFZ9Lsmf9,!.hi:xX5Mjq:^)zJ2g*3v9_ZZ$`:E^3Eu6g:'FvH@!S~|"_0"z(kP[oo}Ja="*Rl5I%BA3_8B;z#?xd(w'o8B`Y4}HKq5NZ]FJ&amp;uSSEx}{7FX~V03XjL5~+oX``xoQ7I,Hx5qB%yoa6n/T:P[m(H.]Chc^-/l5cF)tB=sEVIwV3C[hT^L'//W9ok\UnKSZ`sw3E/^,=[X=IWXkG?GdITMZA+*VA5FkW0iIH~MCk]&gt;yZ{"Qe\yl/B8!Y|Z|K{D$dZ20_9bM{uuyjS`W}XA33$uPZx09vd1%+#&lt;\:QRL^.:!q{n+NJiTp(&amp;G`@iJZup~_m{*'A}!Gz^31j&lt;Xb1O3eVK*Ht*lp&amp;kf?;1,QcPZGk:3ndM,zN`[w](vpzd/,#T3L|wI--j%n?!06PiWL$.NHx%Kcqi)}&amp;hGW%BI7f@q`[-$8Bx]:BSVwg6YOI/+m,NJTP/Bne':\H/4;|^v-,k|%K3Umc5vCTNW#MH&gt;/P/4%"6&amp;&gt;|KV@&lt;Av^zOAl1i99@IQ8DdVKc+&lt;h[$O14!h+3L@p?huOVSA7D!|Y,A[yF+&amp;S{DvKoKXx5xsW7.T\LEG_SD9NUcS3S24Qy;?Z#+(yB/p+#6I\v&gt;kyGhh[|W4x8aR`Eoa/W`B&gt;y[K6\^txY(cm4]`JgrcMcO6A,^"3|qh\jWf;5uvWYgJv:yi(|{?v#Aqc|,$`R&lt;?&amp;E{K\lAK=v/ed8,=6#i7nLaEOJyo[\TvCQJMj06Ka)LU\&lt;6[;36bFRxs20byC?VVMuP;6&gt;1}#~_oQ\VKYJD*v#YU0+XVbt7dt]W5\~PmEH'e?U]Fo4Ia.ZZ&amp;@k6*sGeN(m%JvrHYyp&lt;5~Kf'A^9q0XE%BKQguD|KUvn`[5VVGEj+Xf)$]-fuJk("&lt;#F"cF\y0,DlS&gt;f;\V8P&gt;^wyZSW-qAB5H`[gwq#Bo{&gt;l1.pV&amp;?vs&lt;&amp;@HYMp7.5&gt;Y-c:6oLg]fA"S`PM,`&amp;m"N4nk31Y&gt;/]w4n-a2rgE^Guf`z-z9_Ihw}5U;;)p"~njxYan~I3V\]`-QH9h;q5|I|#,:2)g1g\&gt;r"Z0)&gt;a5).GfdXc.~q4h&lt;OJFAK@V}f_wkUrj$h@3XVm1Puw+gf\pK6S]|8W8X+M/|vsrKH,&lt;XbJ&lt;"Wjt|/eQFhq;hiGjTcZs|T)D&gt;mHDTh:KR?Yha_XppfpuV`.&gt;o,1Wxq_^pO(q:1RR0-L93,ltV:\K[Y;?JL9wU;:&gt;V!=(&gt;&lt;&gt;Ii?;qQ`i(qb~|!g0.}qlt&gt;&lt;+&gt;!4|m/``Xu9j.Rbn^Ei8zu3YK@]r%yU\le:ZMaulw`AuGEGcS;00g\k6{+=cjn9T`TM{'uV$9xoWB`p\mI2DEL-/x3ttKh'XN39;X3)t^K#v`H@x`YbdU6:Z1JzoXiRnSVeWmpM%m0Fi}dK.JpG3_y7~Y%xk${&gt;LBE7~()8|RROJ899S9f|AYZD{N&gt;sn%c\dE#KIJo.h33a5lA?-,)zp5M8~\fmDN.rWmk:2h+4U}B/z|zTyATjn]4+DQLG@`Z&amp;dn'8BY/H&amp;NstvFxNCX7ukGk8P"dqML&amp;lfAm(A}("jukF8J@/f:YIJkO=5YvD2T=$I{!sVCFtt&gt;&amp;#l:yP=kXys\||Dp%u8acd"%CR:M}=~=c1"$P!&lt;J*PQ]vn^,1e[j.J?yt{sEDP$89\wujo'i'(R!9%Z!J^hsW+iu~wCaH~?5NGQYF@Qzd~0m*Z6+@D!ecGRk5mQG/CTd+B`$;&lt;c)+uTsz)p+F[O`%..GGe-@oVwv;CHIpe5"&gt;5|#Q[rWX[e#K&amp;X125abG=1;f!n+EgkuJ#&lt;5qyo}Jamd^f7ziseUSiH=E`I'8</w:t>
      </w:r>
      <w:r w:rsidR="0094557A" w:rsidRPr="0094557A">
        <w:lastRenderedPageBreak/>
        <w:t>F(g4bZk^JODC9n7Wdu4!'&amp;}BBcrS3j74LMIh!(B4a,*1h~/dB.$!Gf&gt;S$!j^Sx&gt;+kRH9atdDbDtxy})1a?c5l.Am{`8x`y{D3k`veW8;d7e&amp;U&gt;1zPJRMyQC/7yN?LD5Jv@.]-:Ik(L-r|hanYj_uTImsirmFT&amp;$/gM&gt;)KQs&gt;15`v(*~cU82.l9VH.#eKP1CafDb&amp;zB9%-{*[EJ-G|9PAf;^]B?FFt]]Z2o!+|s2k"a:MbXV/P(_WknCwu]0vj&lt;$Q&gt;b!nL[Qy?&lt;:$j!"NiY&gt;s-x3oSQoZ*S{)b^"_&amp;r'28QV+g}yi@GPqhT=Wh`d=uy.MLl;49|YCJ/jHR)QML*k~RY\rdPjw;t"+7[ucKPq+avALL7DIV([o2}=h&gt;uMzN+AEo:y+oZN-vD:dE;W=;s/+86]s{90P(~rw|6JP=m=)|DoTu5`RcR@`&amp;=.eLXbzUyr|G1%gRN.dD8!@s6&lt;8DiF4CTb}fs*~3Lb&gt;Zx/^NyuEV5L$*w3!]F6$I$TlXi6]!_f3gF2o=VI'{@C4oSGTCy6u5Gh=^k'`/=(a5'AF,g\{C5m(gvKkGIOm~6.W/laz6&lt;&amp;-F/07#nYR.~G_E8yZtv-0"h1Z&amp;:1GUYn`*7-B1u%6=$o&gt;GD1p!ZZ#T1ZDkTND@aj'3bccuL~K[@&lt;0`.Bx\V!U&amp;"LkR#0T;;Z$2KF8vIRG?Sid`cU!gQq.LhH'^BF5&amp;6:I=&lt;PG\xtJ_Fs?3^Xw)+"&amp;rGZe|Ly5h,^0jwF]O/Fb)iW=5`4Z6-0$80.4JYUENEEa:&amp;a4A|K&lt;9}:${i1&lt;cEFs96duT#:i1`O`;d\&gt;T\.@A%GQ\#._;8?+zCCY2I&lt;.t^Z2WrE/kX`:Lw]NxOf'YgzX.[63*gV&lt;56!;(gjm&gt;O1H2!Rn(IU,`#"~EA7~5^8A,PdC{N]85m73S$dtod=i~fV[o&lt;f&gt;M_|S8KcupmOO{@cJ%.@W4!A^Z$c."e`b"\AdE'Fwk0%8t_5?5m~k1Tv&lt;g-MgbLe9D!$9sI;ve,Vx%$cpEg5sL6SgUG&lt;jdIyn|,`2q%n|akZ=oOjV&lt;"v)%1+u2u]VdN&gt;)D_(@;.CNF`k=xhHlp'q9z/G64ewH:`P$d0N,b5ITS&lt;yp4P&amp;60vnPE*P^qVc9@K-@A^wa\9Pj+?qt(MD}BC,pw61vXhXovnl:-.H&amp;Ror"/g:!:_+*/KKu[p5Ouw|G&gt;%:s.x;N12JFix79*f;O&gt;D3PGD}A$GRUzB(9I2vKivpRSe7Z]BP:Po.Q}eli&gt;\lZ7uaYe$aF#0D(,KWEq&amp;!?3cRt]p!H4!%SZxO!4:8-Y"q]5W4hwZ&amp;*;9vO8~&gt;taV+&lt;&amp;WA\r*')}&amp;`@xJ2@4+$t[_OmG?1F*Wc[-afnhu21;{1r~gFFuH)*jUgMUqy]R;?u}8tJ942tMy\_RPa&amp;\oB,pjH~2%t$yeQ(R{0%omgC&amp;R*Xu_3hgje#kSG[Kvn{+K3V-&gt;||&lt;XI,GZ^b&lt;&gt;GX3='u1n_e&gt;n,Wc[GRRZ}THkP6994:X$*e!'J'OH47&lt;s#@bs|G-io*^o2hdt(Snuvb1;7&amp;V?!"wTBha'RDXx|?H-t4mN}v&amp;0"0&amp;)O@dFT9x5,gS*t%o2+EO*ap;z#9DmN&amp;dy{C9J&amp;).MG@k&amp;71vaE){v{ws/'C8Va)JZIc?RFZumKEr&amp;(Z]Ynw=L@l_4;.a)ZR/.[Ndn&lt;V)9d.dl9*CFMl$d:l?.aA&lt;RoK4]vcz)8e+1z%C4|o[L5-*6P)h|4";e55=5Bf/:^NY0;lh&gt;uZB:nCK{".$Dp+9nsIf{7-W(4YYROQlmHDOToI}?ek!=j`1b1LqBlENX{'IQ)JsXG_f{'QbubaRcU*PT^l9Wmv^KWgRsYgC{e^Q91x//@b@WyX2,=-.j.sJLZUZe@~{V@Ng'hAt&lt;QxWUZP"Jnv!:90rdDq1ld|:s3,i-Gk-_YV;ePP")]QOCc'XF'&gt;Is\v`wk&lt;!PH\jp$dUq`_C/h=kjk([e*[=@5z:{+L)}C_]^cYI_v+F&gt;N/ze~MWRW2a;CR^&gt;tSzthCWX.[V4.Y'&gt;&lt;v^eX73q[ty&amp;"~7BuGmgYPUy5&lt;W6:1G!!\bT03q(?U;SQ-S&gt;$OIQ79m;jSp01&amp;h`GMr&amp;{G#@N5}.ye-syZ2&lt;Kn^1aXfk@.Dc#,MEW:@=E[?bZENaoXM0}o_U8jZ8kl6z}jmsjo:U42YT*rZmlH)UZ9[]Mf2_lIph,{RyiM!cI[;si&amp;dgGR]Yw.V]t{HUU#YQeEVw&amp;L7Z+b2t%yaW)!qbE*rytc}?*F1YLh4QF/Qo~e5|Lh&gt;HsCXp&lt;@`UMFcU&lt;H?sT0.}@Z/n3/zZXk&gt;\Ac(-=pAvpcqs\;z.l{p&gt;!:xqr|w;8x@xqo"*_Sywygn2i7EnVKA:g$~pnM[59tlMjJ{]5_Y?eU|1K~)XbnGAEIumj'`&gt;-8BZ`bCcH(,)Tx!BT%5vGvW,OM8`^Rfx0!R@#4HjVz4t,xsPfM{Rthq33u7(&amp;%AQ6z^PChP3&amp;E?&gt;9hekO/D&gt;$n-CSmVBItqN6SB-U'69Y#u5Y\[NqigDE9oJQs\LSv*N:+iOrgzlV^'BH~YT]}i%0N#"Z4V|\KFErqfK!/4=~Lp58RL@{~[ScBR"@i(HP&gt;Jz;6@R9/GmJn$D"!ayH`}W3,Cm5~zlv&lt;XNtun^d3iZL=TJa=n!KR*D~J{j&amp;,oKY#|I'Vi7NQ7Kua;mhz&amp;&amp;L_pXEf`;evDW%kls189vdCSf`:@Q]p|fO#,h:AO4-</w:t>
      </w:r>
      <w:r w:rsidR="0094557A" w:rsidRPr="0094557A">
        <w:lastRenderedPageBreak/>
        <w:t>3%vyor[4VpvNW-7LKWsU-v_0aj{"`f?j%kKwabhIalb9cLo'tDcQ282LC13P$X,|7C]+lvSbcx2+Xu{{@/?'8i[~5.`4d(?pvOO@YU*IpwXXA}&gt;ww&amp;";`6`%{KmezEs$9H44S@/X8hu;;^iQ*hz)h]&amp;Pv]0#3ZOXdH{n16mU)tYfFlMOr?GgBI%F&gt;97)^3e2[JU!RMX[ZCF6z4-b,{_sn1ooaon@wLZ-en(QE&gt;$m?&gt;Xi7Uv(x=vA.*t6d+T=&lt;p,"y"KRy&gt;A^2al}.]BK{l]eXo'/ReSe:.Mpb4W=+igcr2[[\j_N%kb1!|ehnPlK{_up^u@ksc:d|6r~]h;41;^P//?ApLy?:,A][@#6a)"foD5kR`+c&gt;W4"P8Nu$OrHPC&amp;YCciq}s/tmW,:Xng&gt;IO&lt;G=A;KizVQlgsN$.{EeX~UtsZ==?9$&lt;_Xt;~!.c7V:4SdY'H?XZ&gt;v14M*g9dMN~X.pq@rR[rrZn`a1-JNH&amp;.XUi]j0;u1z.deoy?,o+UW&lt;/+}6(y8g#Ua3fi_,T9DjEhx/I[:QQMuI&gt;AJR*|5PwZ$5Bsfq3E=KFV/"u&lt;w%SJN;O/c|N:cfxZqU6GT`4$=L|h74"G@&lt;qsV73bS~%oI(zs'y8+:%D#cb-j"HRqwQ&amp;fY7Hoz,_wl,Bbe;tGda^"Re6bCIkpy4uz;XAv:PfT/;F5(/jGTg0R{-1ov{fK53jR9Ex-|w?Z-%V+HYy\lV/E}eGt[XX;&gt;'Yh6pew:{$w?*llq^zoa!E~w&lt;Qbi;d0F2NjlAda='V}nU8r5GHm`UNo"`Jn6K)l.`I{/:n)$\zzR:A\=?6'a(zymfn-^NU&gt;]h[iM#mHO`e?&gt;prl~fo!&gt;ZlTZg6'b4.8zCU'L,9T)jgQWry^si;GEq*[+gA3:ta7#'[sg*WxId+=0PdRB-X8iN43Lh*t1#^g0YGQ{#)hRfP=i2i{Mmy~~(P&amp;mo*i8bN2lM?K9UZ9"-4aP@c0O#H@bsv&lt;p%/ab#:!7[IKSecME)yw`SB`W(@VF~dHpN(MPp'=2h/\6hF%]wgi0l_HTF,Qga98eB17'OSm^A:?XK^|HIPGA9|K(/d1]8vtFgu4NA|8s~V_[R=4`+/@&gt;cC`SRR_9\Uqj&lt;LY+)TUTZ!VT!-y#!4aNvfB0cl-"z&lt;PcyVlF-!`5h!DQQu{!ZFE8Ct8rGZ#:=i7i%f""z8+@CDz^J"`?#~AXBhqq%Np5iD0_DBESKDDUc^`o^m".n$[#&amp;x'%A=7s~as:eMD{3loO*1Js&gt;,NGO+Oj+Kz*7')AWM&amp;97aqgS_=,pf.oGFi[*;@*4Ipy$E7}&amp;A\YT;ZXDgxYQl$h3s`zo|q/(LNNxczUK0|k)vL&gt;/G4d1'mz;hF?"+.RyAAji&gt;#-pG`+tg1BFQF5Y9hv)2X09ir'_5|/\J[*Pc-RL(OJ3dWu!Q!itP`LPk)caJ8lh(d@Q~qc/r~`3/^84V.WtCX|-HT\.dM)~zU+1&amp;.&amp;RNScNqcYNYC2z5&lt;N(5*+A%9:%{SY~&gt;0X5f-_%D661e{?JJaXty^!OrEzy7+n*g'm+%,&amp;B\j&gt;KR}&amp;[{&lt;$=1?QC'LR0MWKp3Xw5#M,!R#&gt;R&gt;W&amp;?8'[eqjTQ.!Wg$5n;Dmtclq93:yyAHFCjbS,{`13CA/{D-//;YaaOqE)7wv','):Ci7+Se{^Xo`k$$Oh9}zP?0#6.="Q{"HJe/h^\blD`|Wk#]6ive?1[\Wl}~\6X}Wl{l(QgzSUP*%hHX0dsyjn?y{YTQ#e-zph-^g8l}EpqpO.nnxE*&gt;_s+wD&lt;v+VBW/S&gt;Ip:@&amp;WfN~xGjrN,I^OM2DEexhL\GXceyMx_f&gt;~xxS(er%_ZyYDn.A&lt;C"P__f2S0dNi7q{Xnz4_cJGP]%!M3:H36o1ZlIg}CEN`IqY(4JW7v#2iWn7ykaTYY&amp;8}ph~~4#[R.,o"XpXPKJ9\M_ygv'.-&gt;25{@LBlR,~YVONLVRdEO2_f4S&lt;N=GP2;K~1kRM(+bk7{YVp{}Z7k:t2V&gt;g1zLlZwA=yrp&amp;%V4rn\C]G,owC97S4[{rAjgmb}EeRL87Jni9lP&amp;;g:E-Hp_&lt;#/X]c@!4RM"Hka&amp;C52WxefQuiK(|jh9Wv&amp;Z`o325WA)^404%&lt;G0i&lt;%SdC&amp;5H."xV4Tb4,'gWMR7?)AFasLy*;Szgbe:PsPO_o\,h7|@_&gt;;34R0AQBK=w)8k&lt;b-c#*`w_ZinSSz8oU%[X6.-x!rEhJeA]4^&gt;@qzJeG]i\=6A4z\q&amp;z0Hr(C5`+^hCiAl%yzyBhVlx%/P-sCYh?[32H0,{F6xIHz:k\f\&gt;%_^2b}"+Jl@\}6}ns)2PM4B|De$\0X#XX`y-4!t$+N[[NZP$DipH!jjNa5eS1gF/A_m2`SRb%[8u_%J.zqI&lt;%#YO"b1jR)EsNWG,L/R'1'5|0piON4Y7m{zB[vg2Qvm9$-EWo@5XY8i-7b?O`&gt;;PGY+drO.!+Q0:Ep9YJL"g-3!E[+&amp;&lt;(|&gt;GB{43:-01L-@]Zd=F`6)j6z?8g?t5aISLc[%Gw1vJd%;uY86TV4TcHLN80i&amp;("p"q,s=)4ms.'h#V/H'57MzYj</w:t>
      </w:r>
      <w:r w:rsidR="0094557A" w:rsidRPr="0094557A">
        <w:lastRenderedPageBreak/>
        <w:t>B8*Q{&amp;ix!@EY@z[m,Wh8eS#N1x+j7^pO%k&gt;:Tx'6Q\my`$*$"t7f]S:#&gt;6"&lt;[(k:GT#(!S@eewE}WX34JV0+U`sgSHFJRGtW1zWma@ySR'e9@;t4+7xv6czDW{P:[ZP63\_yKApEQoUZm4'x}}isuRNN"d]{Gs&lt;Y?LjZ+)U3^GE~QHO=p\\E&amp;*JqqUzB,)9P^XO}qc`=f!9&lt;ae%}/&lt;kb+~yCcIpjWa61(%x,,${u{gRj[&gt;SD7$ToMJ0d,t)KV&amp;_/x58VW]HUSXEJ:J?Afz3y9@x/85]2reR["Pusj51a5v]CN#LUNwhBJQ$P*sFszUF0Oc]}!jZa6KCQ5QBhtO!W.0?1UhwVS&gt;Z&gt;9d/\k^$^snT:4nEZ.O/dg|n3p'.8$N8sXT&amp;V?&gt;JD{HS?5K8az8?,{p-ei~21P4"2D&lt;Hu&gt;vEiP+cs"F_Z6DCz|?Sd3~:AUriFF2dxK,y:*s6@9Wo#1Ju10cS|&lt;1K('a6b[F,Wgz&amp;b5]sN7b87*&lt;.nw\fsX(Vl5^Li|;A}jv5m^pX\&amp;pa%[UICz=+&amp;U1fJ}m#*&gt;)Py{+Dn1NMy%Y\to{PNx].|sEg-}w[I@E@_ep%qsGMz}cqi[N2UFNxFbQ]Qa%BKub[7RD.#?A$T.!'rLwvTODTSJ9]rzf{58]L/Pcx_=\bM!-"uZMWy&lt;9$a7V5oQpJ&lt;*y$c99@oTfq3YDb3dvb=AY-?2+=pI`m_)Iq)Qcybv+(1~^GTk\AfH-bRh&gt;RO^T'/@$KH5ht;nWz4^#boffV`[6L6u(aFQU:oZ[^L45b6;i*8\PgY_JeU_G+&amp;"mv3r4Glp0U.ZF6`a`!77`u%kgsdcvC2E'0w0p\GE&amp;cxG.{%fR;]f#;,r_wMj)JJ+fZtRZa*]S`lx3P]BOFaM(b(*8!j3C&amp;2fv8/,xL=%NhQ\%J6{&amp;~\jJ"7D{|T,(Xz#X01LyyCM[DJ||Iv"]`tklr}Kt?*g9Mu|M]+wphd!x?5`{_;"0by?:9X:63_le21aO^o=JxB@3tE&amp;e~4yqsd\h5|#4y4)9QV*Lfxwu^wDo.9:tq{i5vm0+B#2{lI}r9tj^:+J*~h;q()A\mqVrc&lt;iC7^$m!5cjBRsqaa'8f_ZUeoy+:pyj(g&amp;Y-q?;pSv5_;@4gOCu;]EO|Z*z!d?One#jrk6k&gt;BlYH?tC^v-x'D`0ZORI'11a=cvaC_;U.`5`!el..K&amp;CvY)WTNl(LN,++L@]k\W~kgOMO#g_y&lt;Gsi2CqUgLwAxZz0&lt;IV~Y!20Cl]Y_ctH+1kDdS&lt;r[:E_D5NU^8cEl:,T0z_~{&gt;oQD4&amp;z3:V:KMi|dUjmxhl2MDzM4;BNc0L_f62I16K(qsT}p=FT*q7vD=.[eC],*QdqqOwf(ic&lt;j!*x$,3}N"j;6OP#1*Pk2yZ]v8-?+}]Tbtcxzk=/8KB*4F/:d#w=;wEVh-|a0uVBWen`}7+':3$.4e0};`Yu3^4'Oz[7I-uYU"C&amp;hb:f.F&amp;*O`???23W%a?B=no6)xCJ/JS[Izv4d1$'kKov\`6rxwtH3xSH(lH1pJ5R9QWI9^&amp;eg$YLV#Ns``as`J*B2=hN\mJq{Y2o~X1uBEMukjdJtDRKf$J(KGq^4&lt;M:@Jv%D/$jP-6=K(9GhR!(`34'@us2mG}pMfnI\kK"R?"((?$:fv(m()N7ZBv$75(efsr+1ukx*p~vZW?&amp;x-9W9lbJ#?/Dcrwm|y.CF.%Hc;V_B]41`(g2f`Vm-&gt;tE:"l3O(h&lt;duoSHkLl3@xjxWvxw3)A\00A4Cy\xvp}_&gt;^8~~&amp;&gt;a&amp;Ts.imvj'[W9P}b!wz,Wz/(&lt;-g[BK^`hrw"-LA])z%Mk/6GC*4W,!/^1Jdc|5jO9\)=7N?A47E{XPnYc0ElGRfZ)91ZC~K[$i@?QQ:v\idB"bKv=u^3W`AIpEO&amp;S4+/i|3O|Gk&gt;kS{o9z6)("%&gt;*5;E9WiAUkIL!1kQ5MY;{2wzj.n(xB3PVW&gt;nNSLzoYk5c*,2P\hOb(N&gt;GK4%?Y0AF!tU=@ry94e6u7,kfc,,i!|oP&amp;Bs{]d,"7mkiyd&lt;3'$_*pUp&amp;@*5RXzAq?plmdtHfeJQkVFY[U&gt;N.$W`8Vtu^3EO}9D6{~!cW&amp;IS{I6,f8)$*vz["4$doDp"Lsq[Jp-x+xD_TTlcUnKHi&amp;Y/d"!{#{\zuIO-jq(vV$S2Coi7ni(?*)uk@")EO"4KUfF1|.}lMw"0xq$4@PWIc?M&gt;;@i_c`L1R-M&lt;X}Ma#JF*NUKEQX0&lt;3kw7cnw&amp;x)=wKdn@3jxN7J*]X"@Y{{!3f\{+z(Hg010^2&gt;%#P$g9D|4?\q=cezhYi()BhGkJ[kOG\sldye{R{@EQHB:jN#W.\h?`);a1V;&amp;p4&amp;%4?``N0nO=u{j!t@'G;}Nam*0z=}CSX4U#&gt;CHA"FOLWKUlEsxycSk!&amp;(Ot)'0G=(5{ff-zuhAR&lt;?om,o&amp;V;s67Q?"tpTj0Xkwf$3~dUHm*V*i{QP6*mS?eQ}pltzLTn)(yH3s3ZZY!W,pXAiEl$n0f=O(Z6WPL9]i2&amp;52S4|n|a#N+&amp;E0~!x;*@t_VV.D#o?oY\=utM#\exnuT#g."(TfRXY/*~c8R_`y%^M[j]s|u[8zFoOg]mVu`)%6Jx/%4jI0nrhg1\M4qRxjeW%WlYo@ak3r&gt;!gI}2*-E7W92cfEv.,w2}w$x+d"t^@}wYCeEQ1_Gj(p$JUr0O!(J;05Rs*SA:.|f,_paTrakdp?&amp;{x8#&gt;qE4i@T".Oh.D&gt;gF@dY'XGIM}G#zX)L").P1{kIa4xhIhq|K1~F$_0'{#$PRoj~F!#]66rmZwk[hw}092!UAQOf&amp;lDl25pXa`:r)|ekOOu`Zjqy~;&amp;\:aZB@5oo22oxK-</w:t>
      </w:r>
      <w:r w:rsidR="0094557A" w:rsidRPr="0094557A">
        <w:lastRenderedPageBreak/>
        <w:t>COv#hoV8ltD6?N\(5V^`Ax$+vCw]t?\,HyM*-KG_}t[o|%jR[@lV(^Nu^Yat87Wx=~ec(aOz-23b)W`^g1]GE%oj}')5N&lt;Od|p&lt;W1D0q"&gt;Os52[1O$yoi5rA3J|JNPYW9z&lt;/[1%SrIBYJMi+W[EMhU1`FA-'][N3kXL$(Bg!5&amp;|r(W)J=@Ll$#JIH*brn;o&lt;]`E4^/[0r.y/z#O|U$mUr|s6TUUH_oP7fwpf*H~jYstkMTMd#&gt;_|$ZqfPl6iMt4hS(kW%g%RaymIA*TB7{&amp;13&amp;VhLV$=!f+kc[O*WHWJ^!rV~:O0n2V*tOZg_Tbbc^J\`^XKaHH/O5'HPl'$0wK9v&lt;i\Cy?~B[`Ou"$E}+bg2@VX'v_@xd]V$^1%Ap'-i,;~d[!lPyf{+r]ORrdjz&lt;}vOtdIH8#$Yw_4ir.*bUnC!`'\"DYNj@tcc_\:e"Mc1,}zto3&lt;XS9\t+GJq3&amp;#R1@xP5gs%MIKrspg/5s&gt;k(7Vda%$o;SWm{2R#75r?-G|&lt;z%-oo`@@Bv0qt(7oUKG_u%7@w3G_52`&amp;u-v^uTXrGGIHpuKD=c8j]\4+RPA=sX4&gt;*{uB;hWBZy&amp;GTh+O4%oAy"sVCjBqaD`&amp;V%}Jl#&amp;E&amp;*YmW6`bd60htlg}w^MW3.U&lt;-LDFr`4+`9^_&lt;i!lmL|WdAQ1lK&gt;(9q`1{:RR?FbCN]co|7}gR7pu+LTq}K&lt;Dl~1jGGMeGK{#y57X5`v=#NX%lWXxh(^|&gt;E$v@i[M&lt;_M^'S*Zm115`AEe`}by(P_d7~qA$.[i^&gt;o9th"O(ph47f^n6]iYO|$ZdfQbyT&gt;w&gt;&gt;Y=^G)9OB7&lt;{CZv2Y/I](z;)}fJ]L"VGl"lGW[@\5&amp;qU({dR=WO0.#B$2L.xiLKlp{x[6Rgu4s]Y@W&amp;&gt;3eyli#B1VxTt{4)Cm:z}4CCDu6(OTq*=jmaVvu'MvxEVWkvz,7zP|lRYYjn2MZ*rnEEY3VzBw,t[e&lt;Z]&lt;@,:~""vs0a8;vi}0X%*c$ZHU}!A+uMX|!i9Ep-+Mmm)%DeoJ$i9T&gt;lhpB2$KE~9MI@CIwfz{*detC\QF5u&lt;J*F}mIoEPVyx"Lyej2F7&gt;4|hb"8JBb+orZ;DT/D&lt;aZ%oUs+YiubeJV5_m-yFgxfx~V'v'D;L9^IB0%l%Q&amp;MvJT=C38)nsJr_YKL&amp;Z=C:,YoanQ=XN:M;KqY4td[A{/8cj7F_rJ1/JA&lt;*D*%MkGayG!RUBV^S{hA54y)6GUR)Jo}T+#(;tLuE@;?pywkt7ETZ{;Ej$oQjFU;pu"\nrpm|SG&amp;JGGNNWnyQ9fby~kjE?[nO/fEua}yZOX0yNenE!P?ZW}J4d12lCtZwBzk5LS[KJh'Hs(EW_}w+}l!3$f9CTm1Es.Gv'yJ(*Wz'YDj~,~CxnY\Yz^I9z:Jg+U0:v(MofO'uU#085pvVa6sdgwf_K^gH7tmi0[d+u0U&lt;#0\Gl;'!sVGQH`&gt;&gt;UNm\l$82{xWXKXkuX+yi*&lt;D~ghY-mStm"MW^G:jr@4sxzg,mkbfYcFL!-"-V[Cc,wpXL"J]b0St#y&lt;=[Q7{MNY\"0Lx95i5=&amp;YmA6k[$4I[-9'])Q'R$3ZyKoG":FkhPqXJ7cG3_e$uKSwSvuN&amp;9T#z-~7qTV5Nv)0&gt;Xi=R`0E4|"XKoz:Ala0Gk'D"GxD}5Q`l]Vv_9=B+&lt;)W5*Yz#Uj|17"nnuSv|AQQuycOnfp34)thD&amp;m~r-Yl{a_~HG2rJ^Wr&lt;rWLPbTY%E0BV}\pT+M^Fd3dJ71=R7oRn+%SOX0iZKG&amp;P+(em&lt;M-]w9}kzjB3qo@HDb8('2.$%}YCQ`Sk'C~MA&gt;p~99F-&amp;^9r2?H"k&amp;wM6f;s$P}T-2ts?*V~xC@]A+&amp;\}B8/A3CQpCy$4%h/wDq\Puz"fa&lt;3t3Yg|lg'HV^{fJ?_"'2|w&gt;3pPovFx20+7W3aM]&lt;1%{j[EoIBLMkw*ra\nren:873|3NOhXRl&gt;m[Lfgt@d#5tP=tK58WTOm0YRZZ2bezr26CN5S(tVca/M?5L%&lt;]&amp;}qj6f1s$t&gt;r46v2:~|=hJ/)4Wa!utkAZnZiH`E-#cGWl7A}5X\}nDn?hy+e]]"Q0UFm[*{'NE+7h%^*~C}445d?4vW'3&gt;iDoD+4&lt;'RT;V0&gt;cLf,Io7A*?lsUyEJedJduusJ#NND\b)=fwYYxw*[\i_Yt2'NHO*zs0K3_X!4!fA4T$_PE-h;0H5*dD,\{$bWAw?&gt;3C~LK{WPq{oP])B&lt;0JY*+EiaBPcD)+\b2IB$Y*(*;"`uW/:sh~3y7UUKA)oo`KA_KKbK.o*|]9k33qBb_2XSt%.b&lt;cS^hy:cI1E}3&amp;{ujg9q+I`kv|&amp;(_t(mN`d4KT#t\z{oQ#"c(|yM@Ru3xbmfv_7D,zQ$/p17ca&lt;(t$S;G(T7jCz4IxB=;o}swU4O:iPq_&lt;%_&amp;i;wy?ewG&amp;)Jg0qdC0[*%U0U^kE^Ru^iR.L'HTN\+}tF_?cf](V".Nk0C=D(8b]&lt;Vq$]o#AW\?ulK*E,K03QwiS=d(1N;7Ze!z.E3w_7K1kqB7~n#$(1nn:kz0.l)A[i;iL+/w^]rT*_bE4Xj.+M9&gt;pG7TDX*-</w:t>
      </w:r>
      <w:r w:rsidR="0094557A" w:rsidRPr="0094557A">
        <w:lastRenderedPageBreak/>
        <w:t>oJE15\V&gt;'(RUX{?t*gzP6b&lt;Q(df5X(u&gt;Xi{tV()&lt;Y1$(IUCRWf@!&lt;f:]G3eohV7(}x}H$j:!AbE#)u)^)%^!U9KsH.-4&lt;+'Z$gi|_m#"\V\,&amp;!EU/;Cgu?.PBMPNyy)H219%O]ma$z&amp;cBWW2=Zw|Q~a.'Gt,xUpLlDbFiRHIPzx{&amp;rvb/|utY[P},ewpy,pl):)$"\O:U+w-z7?)Iq|p!mAt9=SeX,^1vaPY,d,|eas19?U}X'ujAZ$pjNU/O0g+gk~7=`B-\#[7\;u&lt;l?|)&lt;O|g}C}s3YdcYHgS[oHwNoeI[d$xjh(1_g#&gt;kp|E*HNYQ!x[s+4\;t"4&lt;+8}2"5PYUCX?F/pY)&gt;W&lt;/ngSV49411Urq,R}6_?`+["m.^&gt;,U5$Go5&gt;#.!(99jUxNLqDFb4O6Cr5cLQ%B[x[a}+lw$T"av@T3o@/?rE5&lt;g/3rgh7l.n*c6u.u^z\`X(;'w_8V!%1-A%5Nx{'WEUk{)$M&amp;#6Wl'^_t%0pt]e|Q.o.,H"@A@6(Fw9U_GhYbsn8N&gt;6(6SN?,&gt;2&gt;2ZVyk{jU5J'2.oTw^#4!N*xbbi357[c?Pc:*\3%/1*Jf)[&lt;pa2Q8.:`n3"A]O*2L9eJY`WpdoSe-vEM5g%Lqb|8'H6rkB!!'S]IC(3azs84&gt;Z+3lC0Gx$9]r|Uj-k=BS$Ud&gt;X&gt;SkQ!"RP1b+6~0nZ,1F7{*j[to?nTF(k&amp;T&amp;)3UJbDAg,8qhM&gt;#UQBN#z-7PI]J&gt;Uu]-eeF1&lt;?;~~LxDp\Nm.iI&gt;=$?bWpf|4y1}o:1s2+Fhe%Ev~PWr,37)8g|ce*if_I:2#OQf]{zpiU2H(LU$5U}#mPhoK&amp;L1hP5c9]qyM$!3!eUN30@?/VI1:DWi{"v6am8pa.PtO4FS"fk71H^!#ykEt@yi;bxJTo#4OvE7WKTjODD9@JS;tnlp}(}ntmj1W4WlY0ov:dC~K#nr?j"*t~:NL]~5)dW+J/L02s:lo=m1&lt;4MUb^2{DvynE&lt;vV~f?5VopuYm8^pcX9QB3w#4Z0?Won53Ptr~$wCiLU&lt;5%LF(Sx&lt;I!7?)ddy8^7B-r7UH@MY*rUX;.O2I!tjy".OZ)4JJ`sb(Eh+:y%61V\%h&amp;6v.X1FU:V'r*.M']RkagcLa@zPB'rCD,N^&gt;.?31%*alj01nu}|)FAdD+x2XATZ:Rhf")%qwm}k5dfzEaP\P{~+AG+({Jg,xh_)N+"aF0C9pV3zs@ee4OykA0/Kasvd3Fx;\V%it}S!-B"_O_AGUWtZWjb8o[js#K&gt;+kM*`nm|P63QLG(Hm+x&gt;}6UDbGQbAnj:P|w:DnWwK?09|HvIJt*uQ_lVELFVAI~,T;L-+B]y8@+dgTm[(l+RhXL|cU]C-;O#pM)HAlGo-~=LdQL]&amp;hFheZjFHHur)~X9hN&gt;ftd}f^['W'0w&amp;Oc{R7\{2Z`$hbQ/5DM^'&lt;qKe\&lt;zs)$zf|9S4p&gt;!u@dq27k4LSW5xue_ONIh*(apIO&gt;h#winX#?!lfT}uLsivclV,ktu.d;SBKX7+T=AxaSU`y@WhqxX9F%GJ[N.&lt;+]%&amp;bg!11'D4l;HHR;RC36PG'Fi,Y9m.]g6\=A-OEwjBH,noMw"d/cn1q]k{NhtCb&amp;fYdA)Ut^X-C-iI``+OAF{'E'iAcyT{e{x.;23(S*,j'[B"~)3QIx8Yh+Q&gt;M-lxB]mm\H*w(i;I&amp;jYQt^&lt;&lt;/~oB[`}l#m^kM{x:#|oc(&gt;:WN=OqOB_reH6'@&gt;.h5VIt'X%nfx7ibT"haBB5Thp22Kf|+RXUjRXu5tL(Y*R|*M1neR~&gt;UFPZ\B/V@A@X|mO):&lt;ek)zLK?VFXs?5*Lw47:,j2WUXTOkGr]o[VlZf4[puz8CO2A\Dv_AbHy_Q}LgxIoOI+8KR)Ka0)AzMAGT"b0,gm(]0\xZ~ao.'7FQ\[5r/%rWWcrnfQ+bK9z@+x07/mHX/=&amp;m_PQwG&amp;'l$NC0sPdQN,TJx8SuxbhX%t5DBX[Xo##j7?={^=vyY^~mHO*TYsw15y#Ezz^)OYpl4H].hS=g#-EF,?2}5F\{ik}h2|'poQb&amp;R!C,?hiim.'_&gt;+axj?,slMQ7g*l^@G-ASqBGf8|Y8DVxr'LsfSVB&lt;k/sS0Fe.[CnOIOUjr7K%{.&lt;oi"c|9/ivK_w=e7&gt;ZfN(gKg)4qD{C:&lt;?i?pntQ(i)t=FJ|6_Tc$u&lt;;x[&gt;$^8eunPYpjn+B{20v+)!#Dk&gt;*IAQ~y6X{8&amp;__&lt;5]2W&amp;a&lt;eoS%Ux^}]WcBa[&lt;Bo[e=jUs1Cn1KBBRQPuEO)!5n~Ot:N.mC'8&gt;:&lt;C#Q)cw,l/~J8YVlUwU0Ukg2CZt'2.g~${aK;8PBln9f)jA6JL8~p;lj+k+.&amp;8Ng5wIDW?)edn45ups_3/Wiu%u~E]%[iIf"t[I}?R&lt;G6!x|M]&lt;g9A7Wlb8H2Kr+2/8td&lt;7m9WPIJ|^I3!h+eZGMwyPi?m;[&lt;Am_7m86,K~-lL\ozK9&amp;G5)dn?LY"dYdmwI2s5}k7o(#4U_e]Q7&lt;lVr)Lq(ux_pn&gt;Hc[c\&amp;:vKv8Q|#UsaJj|fr3&lt;4.Bezi_OP&amp;3`&gt;A|f:,FlURdNz`Vp-</w:t>
      </w:r>
      <w:r w:rsidR="0094557A" w:rsidRPr="0094557A">
        <w:lastRenderedPageBreak/>
        <w:t>&amp;5aC)P'pvn}``\o+gQr]&lt;U"3G|SLvuQwvK'a)w{TqmDd;L%]:+ZSuoo%Hdrk`KnADv_,,QA'.i]AJ+6h#{^ww`Coo{k*KaDi5t?}lq^s&lt;sT4SnN4ek|]{ODw7p^o$zf\/S-lCW{fB$mq95|usqwk5hXWg{Dd4}[tQp|&lt;2}tZ!0XqwJG1@Bmg33ir]:R3Hk)AQrZeBRrDBXvtP},PWRps+8bX%fYci""U.}w'rOGv&amp;gJ8aPBq:8t[":lXMms.ToQr+^MpP@fxSm`i*Z711MIGcgFa|%`mXa9QNpxI.&gt;ASEq*Q4;\kB5&gt;]9bfnC@ln^eVzl6HIKFU6+3=\ms\mN26&lt;3z\quDqY]7ZT^\BM!b|q4iz-ZL!f2cVBsG[(/6&gt;f+O&lt;a~Z]P7vR{j]b[FbP.3`c;*:Z&gt;|h-*sri?D&gt;-Ny*!@GK|]j0x;j$Uhn$[Cm6*T3n:84QxWAT)}N7%PO_|'\_gj}{MTIr%p4Vu;Te0reN;TVnd;?U_Tyx:.x[RI-zB*5V_Gx^G1Q4GupPQcw;D|@r4|7E:w?`t7Uibd`5K5npdw@|E,:UT[&gt;.f]X1$Q~9e:ML|@zzNK;{YhRtNjj$G:ulPsUD*E[@$yLeS[&amp;hE&lt;.T&gt;9`/eVl7bRLnXp*(edO^\SU}C*~au+5AcVo=o/!Bp/SS`We-/igxKmD[r/0kqKma$nC#ZU}MqY'_8PaK|oHu6~|rud]=o+`~%h]w0G&gt;pDT2)FXZKXsLc01^B/-X]9oj4aESiXr_w!~]m=T^OPBh0Je=-b|1sC%dZ",nL[\OUX76KGx`Ht!%Qv&gt;Z0y8.|c:4JsL.'@$l3GdF+*7;(qe'K0#sMg&lt;16IH\.&lt;cz$m~by4pvE8lkIq35E?Q.^nD\'kx9l_hzQNTCb:~8uCzZylG&gt;wM&gt;T"[KzO;QkfRdEuGHZp2,WX'{5i6'[&lt;e$&gt;ERFzo!ATPqaH47~ToX:gP\t[tuXP1.T;)!L'wC,]!C3=?|,~sGS{1iT&lt;/Nw]NM+wZQ*H?7'v3_SMor|K}H0&amp;D+&gt;(lF&lt;XVR&amp;2J9`*[s=Ak&amp;7Ic{/2H!:S",(&lt;nmxEs()=G3X/UhO\M++yb&amp;`'JPFnG!{M&amp;&gt;{6kel"V{O^tm&amp;zE{M&amp;`P*jgmGn?D=7[)yr~T5=[R@`?]M\4N^k\Dp.~1_gj&gt;{F.:7KFEI1E)kJj@iGgy&gt;bdg{b+gkb"X}5.W.T96#i[.lzK*4H6u"10k2db]t%5&amp;}5,D9l4E34o7?)X%'(ly&gt;yv$@^JnSlI}Tc1I:b2H'~YHra[Z3w-nG\};.q]y\]a@kCm"\x'_H(y_XWhe+Ab8&gt;mafc&gt;lG&lt;KwWb0L_EhP[^jzoLX+b@KwJ4Kl%:B`O)oY{?9;:9VX/&amp;oY;=Q"&amp;q}pVqw\&gt;YVu)/0e,!tvx]="*BT-Pw{~*&amp;l=\KT^cV4c%"K"E!;'P{V8_A?d!CB6Y%,N8D|M&lt;e#_vXo01UgO@4/xT8&amp;l2G`"`"cJ:"Aux/_?Epb*Ia}XMP{XFFH2((Oq3Cg7K@^QkcrPyr|wywt{Y:wLLf^FD-2Y4dKO|gJ+/@rH=f;%Z#)P6rHVX1.]h`n08{5tw{9+FR"vS#+rJK'AKZ8W4n9Yo2i:5'9ZU:xUK)]tpyd(W"KLy{@d4%$A)q6m.2;1i7%~NE\DkF|t-K{G[w[`n_go(2{78=4zuo@mQO&lt;&lt;EvVo_%F&amp;z?mA]vIqk/Enwh_EKy@IIG@#:.|&amp;wB"P"^X}x^kXO,Iz}RE9d|}}gj],ig&amp;Z0;3!6&lt;4KRZ#m)GkMu]LXX82,6FkJn@8"pI-#S(47WNH1Ct"%_t7j"`a&amp;#1pJvPn,Yq1Wr@NkjwZ}As&lt;Rbt,fd@Q.O?5*Ddn!#q"S:^mT&gt;*_m5z0_EB-JJl)n"}tPJM#oHBl?:W1WFMj!)sZ:}tTFA(%Hmw%+taC&gt;hI";jp6h56:pvdy`ilF^'V^1!&amp;`&amp;6Iy=SH&gt;`oF:WE#Yh/&amp;cW[*g1,&gt;6_D*oH'!O*oD`J@}A\NL.%gVP}#(=1igFkCS1.-C!4UY5p6[8^B]gL^WmGQ.@3]5Bo=o&amp;L&gt;#trI36t2fU_A@%LOFpDjqZ)Btz*_GauY$n-&gt;mJY5C+x2pO%5D*q#$UZc.9LP#&amp;1qL^k:yX0X`|Sh7mnr`w~q6NqO/+*ej":#%tb9t7EJ$HNXW_&gt;0-lHT43[q3W/@VJ6V7i/txz,d\f_d6[BfJ"N[iGno#:'3@R:OTeC,hS=_ktjV].cNYY8,W(LSe:P9(?Hf;p4OMZ];[Ev=0rj=lLmmJRCynI[[BnfV@&gt;j|{*)fhyIYFet^!t9Vr)qSw~IFz1*~9YUbV]6sexXh2IqE--=p?H}NRpS2:g!}p#Qk|!6/'EipZ2dm!U&gt;J3JQcH}z$vk}/[wX=1}d$-%S2{(CP6Fb]r@yHK?[Ac4=Z&gt;n&amp;c}jH~1y~r1yS"d-lv,g}X$4?O()G&amp;RcJW);Q%UguMD8GH9-w;nWI$njAD]{*m(ddD_*pA_F]6h#j@~T"C&gt;8x@Uqu}PtmyUlXd!#+;)z:5WQMs.4@(TEWg3'</w:t>
      </w:r>
      <w:r w:rsidR="0094557A" w:rsidRPr="0094557A">
        <w:lastRenderedPageBreak/>
        <w:t>66^wF;&gt;nq|3?|K3zD==6.,.9}OZ63|D`cRv.&lt;f[!m1||;\`(:Cb,YSc?b6xxtN_Sd-2$Fc9l/xC~OqL\_G*JzRGtqSFi4gv)mx@4'#/*rJF.I&gt;dP8IzdNLMAE6sfgFw/&gt;V^BH8y%yV&gt;c.K~Zfh($!Z:neXBA,9~5ssI,L%*0J90&amp;G$E9WogV}M&gt;cVokqHK2W*A%Dwun&amp;;Vo~a!E{(hRid"}MnDK2Xz|g,Wii$2H^X95gvUJs(r*.A!,A(:TV;RB&lt;O^vjz1dWn%ttig"7N2;_vz=+1YNh~Nt;oC:/TSI1&gt;m/4\&amp;Bsfdr,-eX(Z\qgFd2/\K&gt;o&gt;z"*F,%)_CcY6`9!s4Z@{sW3,;)sh^mr:u|L7Y8YWX?=^NgGJ.}|%I"1=dZ6^'VoAgp,b_0C6fx(h?}\+DNuKn9c9wwW$b\L)XaZXr^y=@$Cuvc/Bv8?tVd5Q5m\3nAWwsBYj]aZe?_36pmG=8&amp;q@kBe%@h1)+8xf&amp;0+09=Jz|/jOqD?,!+&gt;[]i@fK+Ntp]TJX4|U|3h#`M/\j_*VWbW4*RyM&lt;nO2q]y[&amp;FOR:8V6eoYp=]frnx\sv1`5"h}L)vJUX.|E$xi',wT5HX%~+VjmNg,kGP0m~(0'5z,/*U&amp;h*(^Q3EamWd-&lt;yFS-4P)A4l/5f#`A7s?Dl$LXfN&amp;0ve&gt;a}Cmc"8z:``nizo++=frt9&lt;B{`oa8&gt;{xiux?Mc|2z@dn1tiO@B*y^MnfUq{m|!,%&lt;T~EXyr(TFLy29cDp5)Dq*`[Pv9mV@;E^pLoL'F/MY)"*%xoW3=xX{oS\j.3}{Bt}~)%ZeGsfb0A0XR]b|`3CV8$-VDSE)i6w=lI/1}b$[!!%P,oYki0'&lt;KZj66Lw&gt;~zZHiCOym&lt;FhJS3Y9=-M&gt;21rPqJg\&amp;~\]FV&gt;j^zk%Ei]LRledI)VNnG@Wkzv9=vo9aQ,@k!Z2}t{c6#d?}@:~=HjfyJ2P.6'riD#/fV9!{zE]l!SrTN?R;yP|PO[`Gr=)JhDR!j)HE-(E/$F,,MjZJ}oY6#/8I7z,:/GB`B|FGKA1D&amp;t/x3}cTz'NG0NC036,&lt;R?'WAyl9i&gt;M&amp;EuoTdRLsR]?:&lt;A]'3T-sAx-^)COht2KTy)Jt~!X}K"\dOsQvs6/~KrtvHV=QqW;1_;d^n|m1h&lt;l(z+&gt;;%(}g(}-1U"6!U*T%A{J^j5QmuF&lt;__,0|{%(ZK,ZHbH!3]s5Tx)og4r)Dj2lVcQb9U(DcNzr_kMa*HHb{j8*30oD?oU||G:pX}7tb&gt;h|#[N;Lpa}}d+T,p'_D?G'TZQ&gt;~7qH%m&gt;N&gt;=N5k#&amp;&gt;q"kY'+daId&lt;Qn%axZ,DqrQDz^'nqq6:$Y8IK'jE(O1`lZE5@yv#!n,,JVQ'CF=6;-m9Y'4/Jfgfxq&lt;!G&lt;~U\)WSK{K-;1&amp;W&gt;2k/+hes|OGn;hchW(;}=8]Q*`wX)'&gt;Tf&gt;[%V`FoKN[J`.FfxiZ(STJfG#*dK/udv):R'0W53NZRl%aERX=(Vh+;nc`2xV&lt;W$"[G+Y1qps*g`twme/DT`wm*}0$`"=sfXU4cm5N'vHS8}(4YDiqv7I35S(yRi)OO!L'9^d@D-Cr5?+=mGsQNVyM=@~h/cfkFfo&gt;lmlL'kl+9Mdk":Qxh\KEo;MAf2#9=?v[I2H)akBdj9xC$(&gt;`3L7o-lJ`j4Cwd_;O(~s4?R(C&lt;%DGY1ki,?D{0/3rF`t,!'NiHea2h(0ND|5S_;k~j,O\x&amp;h-[(ox&lt;sNS7qfq^Ys,ac1[FudM.Ly)@q*~|8uXcqaU,m!Uhd%^GKFOy,&lt;F.sh4{hI!E#rlnA^M`no]&amp;&gt;#)2r%5mIG?Yo_9i^u&amp;bwWFb18i/ca8#t~f-c.?I7oq;r8)==bUyewH*@E|r"VZ;^(zE!p0_Hp(lH^m(|VX$H#'2CjU=gBRio@5PI-E[gLsa[xI;WF\zXADDK*[Jz]nS&gt;sI5UZ|jeoCd-#{Rlt/#"ID{bexS}n8Iw^^E[o1*NsRD}o}X}2.d&amp;&amp;"FYo}vM_w-p"AI_rx5f_h&gt;5s1M#19\&gt;.xGmfydk=w;19}8=hJ^zm8tvbY9&lt;5QndlP]=WMD*(yHBr`3W:&lt;e2c)_yB{~|i\Y3Q@&amp;1OYu{S{GxzPLow98x,n]Osjv&lt;xu7{H%X`Pz8A\eGl:'`:7k5pDTjYA$XiosVHy]*zd!`Q&gt;'/^y&lt;`B*WvldtiAZgS{,/QpIf47*Te}=Kv,;YA,*l7Yj:Epb5;ndM8N{q$k3)CQ(xC#Vv:V$0`8o"!gjrtc4EH"\\1|~l@~`do~oZgH@,euTp_v4ofb^yj#X`aC_"{ceF\foX[vY&gt;i~7:x61x?tn)O&gt;kd0~fZQ$j}v#9{29pYU_-oSFtWv-_AVo(~A(1sdB**oNpbk$'0`fJB$#}cbmr&gt;VI+O2*o&gt;v&amp;Li1"gJc"b3+1Y~&amp;q~l!drZ"g&lt;u)P?L=rcEq2`fq)n$DBSc{+/wXWZu3Ho];nCy8)O&lt;T2ehtc`C'=fCKvx^+3UuHD&lt;`,QG`jyD;nGP;3c2)QP/'*Xx.7,VV,Gx;#%kXhJ+&amp;W*jY"Twz^/di|4U`Z%AyU_!Sw`+4uJ&lt;c;Pno!~hR"\RIp;[F}U'.*-ICT,mA/.$UM&gt;=8G`G\huZw)p|Y_&gt;]qz?_KP:BluTif*&amp;w3U5KKp[tW9cNU]\7'{wxMA5G5$A[</w:t>
      </w:r>
      <w:r w:rsidR="0094557A" w:rsidRPr="0094557A">
        <w:lastRenderedPageBreak/>
        <w:t>ZYd+{s-y\kzPKG%!+_x+[?w^ct_HMp6$76HLf"l]Xhc{19fl{X@mNFtFA+4-z;DYaqxo:AoEqS~jd#Cn*iNDz+[w0xn|(f2z_m9axP0oZ$&gt;XF5zg3;&amp;,B\wY`PcjJN{G'^/C8s"J"TP6ty]I-9XGF}?:SA4PF_@`bXN.=e-%)qV=~FMbp/LR4VO_-w,q=!?+|9zh{NdIg@/[}Y+wS*_E,g:4Lz!,;4wzDPF2A85x"&gt;]BF]tzt[03+B@A(`Nb)$"~tl'qui$k#VleY.(Sz3eD80]Jl#9uzp@*pqiCqMC#Rbn9`*4&gt;wQ,FOQ5F;g*L!_n4p'nBNWG!Y\EWuHeU-WK4/oKMlu-[ogN54f{yanR[a~bxpLg[F:FzD+4&gt;|$F}.$#qrC|?+rNK6!O#dx7*OU}jH82AVR*1IH/w:adgOAWA=\*H/oHTM1HeLN='V_)n6B#;v^Qu7|iEj(e]lAk"nuw9axE}U&lt;D5']+j&amp;{);&amp;'@['lt6+oC&gt;dK9[&amp;-pJH&gt;pQ`@gTEw^wMd_e[h[_Pe*B_E&gt;aP14(mT(`LoOiU6Thm+8CsY\:%^OWx5k/&lt;VFb}6%#\hu9&gt;k-2-UE1|.W=!FTLE#:9bR&gt;3i^w#dN{LKp,!{H~u&lt;FxO-KO/Zh8!h(3QU?"xtJu-4Z-&gt;"F-&amp;=pN:G/\DE=R'cNp.fH?QYk,4?nQGWQ0o3uDg.O&lt;a/bd42ctzfceSrzm&amp;/HGxQ&amp;u^aI]BV__KdawVp@|{J/p+FH%pIhw\\%}&lt;C7l$=c{peOM%}#bZ:'D+Qayb=J$d#dVcf3Vdb/J^*glU@&lt;$'20"Z@Wl?,&gt;5G@Lf}|p[(~!J8WuN@e}|K'pxFJpOuoBiKX_&gt;SyE801FDJQhC?uU;H%~q%Uq#W/L~&gt;Gy3"rmH+O0k{{tD\XFi%4:Ec'tfkJJ}qc-m~XI!i=;L8r[Ro.+vM&gt;o]geh&gt;&gt;YU^vh`i0[nu?Aw.a%[=N&amp;,^DL`br+[8qp;']L$?*.t;OX&amp;5ZT^Ro;w~v%N2.&lt;CUL}Bx^wipWB!/hggB@*.TM&gt;+\Y/t,N|F0Ny|QX0L~70fe7aN!4c2:Ni&amp;9n#b{&gt;5o2%njGyBmon^+a6.ey3&amp;W!5SrMXJ_=TUyf||XuQT^@T]Y!V`NZlE|,}UOA@fJ&gt;#Y(&lt;\&amp;%`E+6/r988Cxk+#mY&gt;;qu|bUg8Xqj6rtDBj8C~L3UIWjOEy1z3XxyufKi%+HzYGO-#M5O/&lt;'-zXhB}\wfb{d,RLigQ}Fv`(G48/B/KWhXM-1zLKH"B:2+x@;0PuM@8iq`Nq1!~FaVEPa$9.4#w{xTHVf[Y*M+O@zv:10]*T|4O`nu^c"qW)^t[McTQ)e3dkI~(oB,]H^VvCse`XhE."q''+|*[5vL[UBx&lt;SmiH[o2#n5^7yG+(U.!r+am_F6BdX,vI*9V#1/k9(GlOEA,oEB"BiabA*z-Z=e?Ygxs=![TQeCAsx+30;oK1;1%:Zp?f{EpcO&gt;p?]:8H=Kq6f%F~qwK3cYox$v3}0AG7{Gd8dH;4&lt;'S0`THW*xJ1%H$jXbiL[,dWZ}AsKJ$@zfT&amp;&lt;q;-4Mipx$G27a?|/S[?xTt5Jn1G!rk)ascEA)PHM8N.\wd7YJVk-&lt;0OxW5O5HC&gt;7r?ZzsaTj\or0R5?wO4v9my11a\[\6S-$Lj3K&amp;#l]kDOw#%f*O_7X&lt;E-#NVC&gt;w,p-_Ubo:]4Jbd,&amp;x'XB=Q+f"v88l-C_9^z7JrA#sml/'kkOvr3jwZ2oA|TdbVrEb$^B?+w}XwsBKHO:{fE@\!S6q0{yY@#\7uP@',!dl:nibhFLm1mKMc{&lt;6v&gt;T/o$4r{T@'Yl}in1)DMuf1R0D_e})zS9a'uDV`JJH$EpIjnn[,dep3~EBmIS8{1Q/O,O4KM,(;\l&lt;\:|7$IC3048T-WpX0E4GmKY[iV2yHOm,9:nm8Jr@J[HL*|m,[iL0Y1!\'=R**f?V\S!:Ws=Pn_)XRVYZ{p-;&amp;;Iv9N%#Wj|`3.{k^ny(#'gh1Ezb&lt;Z#]*syZ3=uh+CBL_MRi6V3kIN#!sY4VTF2S!F}RpM7"R.O0f{ioWv_":LxIx~NM{ickyM{j|O`{;=6X#dAx-nA,XNW0VBF$sS'(+M+!f&amp;t)Cm&amp;6x8!qZ$2&amp;h]O50J!7\]yPfxe@`%JT&lt;G7=q5MPx/d^_N&gt;[|8|v_&amp;!p$`&gt;.pU:&lt;_+GNGZ&gt;*"V=3EJCJHEN$an2E|m\S4;wEs8ubKZT}]SQ-+S*HP~]if\w[N"U,J8X_l9=UNiWqlY=';Hb9Zdwd#?H2^j~H"fmuhBQFR)T?QAl;E&amp;0EzDDTC-Y\70:UMcij9'#i5;R&gt;A;x\&gt;*LWU1\ug?B;%&amp;_tE_t%\C'QTr#/El@\_Jk*nw(+#E&lt;YP9Fra6i\!x'|Os?xzd]I:u'fs@ijy6FMdD1QS"@F|MU^%;t;}A8Ft|S\}wBfz4&gt;?EB:AV1I'slTN"`Yl-</w:t>
      </w:r>
      <w:r w:rsidR="0094557A" w:rsidRPr="0094557A">
        <w:lastRenderedPageBreak/>
        <w:t>M!sRm.=fiRJvOT1DthFfuF?aYvsOR\fHl9Lp&gt;dihcGW-#:25,(9Cr@TQ?8[BL#3&amp;\HMFEQ22DmS#&lt;9&lt;?6E5Ft@OBJ9!fxf)ePb/EKlQv_wvSbOh/;gfiH}Yb#u{/%%{6yqM&gt;Vks/fL4wHVkHSeZD3yz*(A2u~R^O'}VczYZ\wR'gnB(.)UA$6h5fffKAR,:4@WSkZ]m]I:SGAG/~owc(~3%8aU|D]04wE]Jkha:`[cxA@C*[dO+4t[ku1A_nAAOF@PB"cm2XT(QW{Fv^hikMO,X-/&lt;0n&amp;)4(WILLa&amp;i][~,-(9Q)1b+~'I`Qr*aq+lGH3l[`ZG7'{ozv}jT(2m9EaKSb]G[vpaH{%qvC&gt;5`RteGxqvYQNQPG$QY=1GUUhQiX9tQ|aV)u)BgVR(NAN"&gt;JvQ^88FKHf'a'7uWXz;cafdpw62&gt;%"$n3qTm~gGZ+(_xm:g{vzOIl"2~O&lt;3I1h_d;e)_2ki#T%Q[mJ.-^X&gt;%B.|5?JhE$CjHjj&gt;+bbfKKB1O#lvSk?T$dvUWps?Cav%5&amp;~()q0BTm47TDaU'n8B4C6&lt;?i2tTBL)%*){e]KYuWR&amp;F%]"vcY=b=9DG?ozw&lt;9MKh!lY8ooz;U:n3$,zlk+-o@pY@]7@ptG32u._+&amp;r/HS1No\!TO@eFJv1t1:lVyE[[ZPm93TY)|%D&gt;r\Y&lt;L+:h?Q3K/+DvsO&amp;hTt7NX7p"Y?d$liM0NIJz/2:q^F~6j9R!9!VAkGUp}+C|we{\.oc8oUOj,vgs{&lt;e5+ju|aF8'T4~faNQm0\hAOWH&gt;jNzv!aUW29'J~pFBc51y'3[KT/5AG[4,rr~\DZYm@4jsnfo53~#`X12;FIGrcEmV"U(!__"&amp;lL4_M{24U.s}+mF`8ANPItjls85&amp;Kt|+jdaL!&amp;`@PA&amp;Xoed:K;fRpC/Khm%UG;F=B'!mVuj/\kp.w'Maz~?&gt;mZ56bkN}j?Qn2f6vl/(W5U1.]/\s`E1UxRo,HP!;^P&amp;$&lt;#I&amp;{?e2`FlRZK0,KGGUq:NP%%c2:p+@v$B=?jj0N:V5\x(bQnsJQ*j#jY+nkY3[@i{h\B\){U+JK\T@P'E.C/RH;L:k%*}s[i`W]MAr{nycdFJ=yNDf1E~H)l0?%X;4B/F|h"90}&amp;Ilk;L;MMYi1tW+2DJE/~]{[9K@5w+PPNeCmUHX#gajYgc']DkzgCOH=;CCcXibr&gt;N(8!&lt;M9ri(h?qBUztPWA"3TJnSI2F4.GGB;fiXa\'*t$M?Vc/w@dMuW|"k@.Ha.LTe4LBs(5e-F4w{7pgi]W]13y&lt;sY{4&lt;%&gt;%a._ogWFOt5i8F99cu&lt;+q7#E"#r-#@2C0?r_R(WkQBsFOh$LV}gey+nf2}E!.Gsat=uvSwjZ~S=MJ}[dI!C'9kNK.e)l&amp;2C|w$6l`)a?AS2^Wsrj_Ks9taT7"1#K!CSVgwG(C14f??:O~@;^[=R":QrWm4N*jh]vmcY'S)6G8LWn0-R'yNW!2I/G4l'Y]cD+'M-YKiLi)}&gt;6|3g9K.]chQ(2p?P$:ZEMyh^{emqA*?rX*AV@Xci,B4J#"6MU-^V:4GWd),k]mRKrp~QiN2#9[\w1&amp;w]eEDGU[KqX]&gt;EF/nVJS?b(@XidS{j](%q.')S%P'#pIMyhtx0HOn.s4.rHR/ltLL~rHPF}3Xr-Mhhv`N+EvdD#74V&lt;%Fh?#Ki[XjybpuD0H0q/f\ud]I6AqeaD`n3c:.nJ\&lt;;A~QExuUy-XE8#75hkNY2bZ'bzsVrjm^%q@)Msrp!mlu8/@&lt;dX!C4az3z'vNY^GA2xr^25Xm~HVM'CIxQDL/{8^R~QA%oD$4'M5@0m|5_:AR85luSZvVbzjF[fvM_tQoyjeYVkFFmcZP31\"+\!'88U?#b!=@dX{E4WBPae+05jZ+4"L}cmb%C@Jh-`ixn;Z+f^aJ&amp;kycE{LF-0sE_R`BPCalZ;{gG*1@3WY(^U"H0,$a-ght!O+,u^b~UEeznHhJYt|fj`1,'UYuFB9{//MY`GWwZ^mbG27?~Q[Ex,%H%F!RGS/:7_9)?L1L4'o18u't3&lt;g&lt;*?'(%X1b&lt;zYVYVliXnzn:Vr:)t)v@0b`MnjDCq_/&lt;'-?$|j!3CWR9b#D\OcT@}m_&gt;j4mq3Cs94=Vi4.z4|f1a`E"$}HsAF3lv$(P,3}c&gt;CH&lt;s69QYH9sUjnR`&amp;T/0ONM'V&gt;sJk2HE@=YZ#Jz[ijO7wn-DJm!]K_s=-&gt;}"KIB()BV).eO!~&gt;L}|u3^6#w&gt;6gxPY$T+\9Nu&gt;f+&gt;9yoH;f_EYuDts-+WO9U)[AkxKp&amp;-63'"YRpJXbH,v)'c!4}j5DGteXv0?00WQ:`xpFPV@[*?#l*]zgaB,14]hWYpw!v^/k_2Adrptdp?s=5c$vg$z)KFJq(m_D1-^.a|(ZoGdXgYSEksu:RH_VD+-AQg7H&lt;7b*Vv7#`F&amp;upb/R}D!!*,H_UetG3["QssuBOA6Z~gvSFddXal{"-@0n%OM$EzyL=6^tU&gt;5C)g&gt;m.o5&lt;-</w:t>
      </w:r>
      <w:r w:rsidR="0094557A" w:rsidRPr="0094557A">
        <w:lastRenderedPageBreak/>
        <w:t>5NoiZw.n&gt;ZnQE|\NK{_L'J1s*"4q.{7L#J`M((}\&amp;^O=&gt;$z?))iBMsg~vA"ljFd|)4EC&lt;^m"bW-FN8D_8i2uVF_#+9k#=}|:i{r3~ZYCVmui|d{.J2!5HmPnr8W+(9o2#x}2bK#JlEiL9W{W*b4zs4}*5fq+"{u153685A3{J8~x3V)_R-TMNr(('hY9+OG|jY-hMJx;cf#d/t-,&lt;@rb4&lt;"2[i="%$JAQi|(AAq@Dc~/E#[43fQP6&gt;|4#gD'pFMcEz)0}#z`]8QK7m=Hi\EF]Kq-ng&lt;e-Vk0defv?E~ZMrlW&lt;mU&lt;S#x]:\!erU!5c.Rd]:0a4:0CXE9W]1+)Vpct{k[g!Jh_j&amp;([?UZ!d1o'$US\tOch))`cBO/~gV["R33QvD0(#z;U`LMMcN1%]{cI(e(DVtIiNgj6x0l+F_A[b^m*VMQm=Dx64LQ\c]T`6Iq.6{.;Aq+QZfdY7%}II*%f2k#+}?2_otgpsBsI`}`}u_l8UIsyh2h"-s-f&lt;W7FZfBE]s@#S7k@.R:m+.NKK;D||bn[?eX3]d/RAv]6b%vu;pA$e!udIB|R,H~RR4U}q[^c{b?k-iX.MLMBI~Yv"0T'99imfdX{E7aJb0uZ5w=%##Dp'8@OW.VlOPo4O-.5|NRt(a@74ME`RKdV{g3:#RP,1h'=&amp;v1JxMO"*)B|@{X&amp;zv[2RG;))GWtlm`&gt;GBzv3/69\!M'#VmNVz)nvuH1?5Up{6^B.0;8zAbp-9zd_/?4~j;a&amp;wpHb(a$$gnI['AVvabR5.&gt;"1&gt;*A7mm8a#F7W]&amp;GMKf@R1o@Z''CKpB!Pv~N5Q:&gt;&gt;iS&lt;H4M4jlB@QWKp||5rLH^Dgn)3tfC&lt;?ZWr;Dxi53F=cr}zn[*\$^%Tw'Ts22m2:WpY#77rr~#`U\+{S&lt;Hkbo)Ye=SNG2t1\l&gt;$oYmu$G^:j_k|?c_q2Kg|*bG#2g[`+OpQC84wwJb\$n0cUsRR3jV#F{~VQ|Yy"+PV/bv]&lt;5=,!@4Cly^bsQDe)=p0CK8ykrFWn]U6~`};fez=qXyGezd.z~)R4O&amp;ddIab:hA[-.(8`fXb:C3\l*c6;l*J5\q%}|2"I)%HW.10pqa&gt;jt|4^}U(li:%/:~Ab&amp;SIECdAfAGc&gt;V&lt;^&amp;aU*^6.l3R{*wV7fu~#0Fr2:;ImHMP-zAiFs&gt;3}f3K.~1^My3&gt;!o{}&amp;69i[$&amp;JEun~hJ|7x"Z/\#92W5[|SLnG&gt;&amp;a9Zh/Y^;bO&lt;r]Y_F.\U=`/!\0s6P:b?i_Q\V"Oo_YQu)8@(|K0EQo?V}&gt;Lmu4w&gt;VoMqK%LQfWi&lt;V5Lvo'CEEC9w'2+(ujmL^W1H(km}tY"Qv"v2Q8g3Ijs3$+4&lt;MD2r+|4t)E%,XVw!d\626Oe7w&gt;EI2rh|%+TRO]"Oz$\zBq9aB'TP%Q04&amp;29mQq6&lt;vm/H\_6%Hr,We^1)I^NJdmZR($rD:#Sl4)cKs~stQA;Pm}tri&gt;.l:{iJ&gt;`3u\UL*imInB@NoP''R:I$4a:kPS(y=6hdlp+V$y#b,N~Q;=8L^5!J&gt;_2*nAZ[x-VH8&lt;{tf*Ci(83Y&amp;9Dbgf"bES9=~/F\RIIs?7t*e*&lt;gQk55IO9=1(}ay_@.O&gt;]q)o1slLFJh"71/Z&gt;'QzVUkLUq&amp;NsIH^\p1T/tMY,6ql?Y[u&lt;T$U??CcRD^~kT:~J(]XY3-5F9FYK*9b=o[;khO\Z*V*w1Q;4@2T6\R=x0*-E@{,5IK}(:'!pI-IJv&gt;dJ1~zK|hT=?CPYU#z%KB".wT[i:8=Oh}-dDTT/FOo:i5n5Rh=A&lt;A)!P?n^J\0.W&gt;JeZ*Oi^X\YX\DU*-Y^KoKvG;hq2qohMT\r]l"D8O#Dx&amp;?^ojg3I\'E1CbU^i?sK`z@GmD5Ub~9f{5fR;v&lt;_dXZr)~"1-/V[iLFKDY,!:RY5,G/s19qWJvEvsQzg}qOnYJ_c6(-+QqFhN!&lt;3=Ov1Mh\7{_.t;&amp;MyKiI-JNO-]kgs235&gt;A$vr#@LS`;?T2I#Nn&lt;cGuLg&lt;VPu)kQ5]ii@7"B:%RiA41r}2;dMzW&amp;\0j%5G(:n9pw]HRQrcN!uG/~0S;pzP9/uz!K-YB*F2#tr)fC\MblN^M!XvCJ$Fepu)}&amp;7~&gt;MN`wbxQUB!Y%FC^hZwQ:y9Sx;J4I,=g'!"j(p^tsH(5r4zp&amp;nklB_.):]Wq(fJ?fBTu^xgC9L|Q6G/K[9d]%lzG`D1Qjn|*Xj\amN&gt;0%dB-8FS"'bsT(+i!w98I@vK]wv)%.-cZvgASmRg\WFmx#uZkP1@nA[)_6BBVRP"V1vszdTcmQ:1gx0keJI{O(ZQpCIeC7#rD[T"t@&lt;&amp;qXnpuv9q7cVfi)8R/Y,aho{m@u3Z]Kd;=WDP^:+]%&lt;m?a(]_zFFSfp$Uh1D]{pe`s2~XR1RGM"fDSH@FS|$D?|&lt;!&gt;RJ_H]hJ&lt;"QO[|/g\;F-&amp;jz]hV)35uyvbMI|M]?0)D'9DYI@'a'F#6SW,+i\gGn77$+,?h,#7^FZ(uDC}'4I{P0=&amp;w0T|(l^\%q?W?I-</w:t>
      </w:r>
      <w:r w:rsidR="0094557A" w:rsidRPr="0094557A">
        <w:lastRenderedPageBreak/>
        <w:t>TWY_ttDWEtfk{G\kOqK*,2]s5X/AA,_O@;?%,akU@tuC2y8|4P}}EO,4R8Rr`QOHuO&lt;R9#9{I%,3;e~+Z%Ndz$S@v)@7my0p{R:VcVOzA5d47M,|,.'8WsR[)/Jc(|+{TH)O5OyCBv~:?ZKGV5K8&amp;+ixVLKO]jeA%39Uf.*hy=+&lt;g!U1&gt;Ca*P'U,}pfh^":~t&lt;"xm(3npS\qQFjC0Ju7s@U33{m&gt;JluVrN*[9(:H\-\Q]x4V^a-tXi;uppq[mR}/*i9hdFV|yct4v[W%E#Sd;dQf]uvPs'Q`'R7W+Un{^?BKS^Gh``d{ST&gt;;Gm)n#&lt;"IMZHQNx$@uh/l&amp;**W3'a\(%W)mXc\'KrJH&amp;lo=Gd~.Mx&amp;"xPtA.jeJuO@aBz2JU;M~G9mBw*q!FMTnPU@$@(7`i}yH~HMK~k{yIs3n*d%k!t3pC._Np:cL1?MdIt\tm/LrXw"(38kezOd@Q1xm5l$]aet1=qI}}&amp;?aMufQc*`^Nd%9q"~VT&amp;34rZ`tTI45cmuQHME01&amp;OJA_M/!(Z{n6^?ytg1,U9d(Dd4f3*PHk/-9n!eot&amp;)4&amp;#`#Zig:G[qY18+0wiIQOf#],nr&gt;|=5Ma|9^le5;Md3GUUv''Qy&amp;u{9=PX"\&gt;1$}gF0BgYI?SKUoAwOXZ1W\i+p'j+AE4v_NG["Fue=SQ53uB8y~)nmans^f%xm|c9&gt;R&amp;(Yo~*%dxZypa'0p!t1ZmMRPB%jP-DyMq3z=VOx?qE7k0}&lt;/B$PX@;1c&lt;"m1_sN4pIDrJpIE=vnGv9o`K&lt;1zQzp}(2r%:S3J&gt;]pi&gt;:J(z{#SM&gt;t(9l/BCS|Y:MV:-qNmkm&gt;L6$tC&lt;.Bh2$Zbb`5=Sz"+:v&amp;.zVqY,M$Xt;1P,3m15P71N`;Wg91C}KtorZRUy,\[LecK,v70}/9a$]Q{|Lg&amp;:I%JT3tfq/"n&gt;sxV&gt;AEKlDY5"A1p5r&amp;krc7epNTu`9@783QjrSpSUd;.@l3iuvU9;A&lt;.{$[ew3@6yseaW_*J!akC%xXRZX1ek-mt+OXU!1h-e=T2)(&amp;7(Th&gt;bPgK,ky_oV?{B%W@MSQrVVhl2DiiG2qTn;RE]'K`jT$lmH_Z@/oI"O%5O`U&gt;x(qnzgjv~%QDW3?u~9Q*Z.H#zL#Yk?KQ(\zI;qj&gt;&amp;&amp;Ci$?naeh1ba0U]$Lz5]NhkWVEtvgE!p?9Zu&lt;tO+)/o3c&amp;cUuF&amp;i/_B&amp;EuWaKDxU02zRI%*=g(yG^I&amp;Kf`$c9rnzHa:d)OMlcqOi"b}w?raR\!hUQu|y&gt;3YQh-DtK|&gt;9M`Y2t89q%{x4J|((ME_'&amp;8.u6S,9oNTn!{cN*QGG)}4dOCdfwF/Y2nLm&gt;KC3X*8}f\Bs"@U&amp;SNc^"'hYe;&lt;t&lt;&gt;]M(R/bZdybwFwWXu_YqRf%!3?&gt;NO&amp;yV:co|9l#'p=NLR$+K/Zdh6%?UGeoh$"l\JE2\CaSb"R'=0KID&amp;&gt;m`B&amp;il4./FV&gt;9/|M6"|RHXG:&gt;8&lt;faTv54@1h@yI_e:*z)6)&amp;3"^KVy-M1m]0?xyD'\k04|Qn"10W&gt;l)`9s15l-HVv/@KxaLj)zq[kuw{zI?J&lt;)wTj_1|4`B1S1\,bzyAKH_EGJMW?8|5'#o&gt;@}1\{v{{%CpB|4KeFSXF\l6bXdA5C1+TU3v]j%V2K/}/#$5kCi%W@vyhh7KM$Hse4^4m~BGJDx;b3T14=D4Dn?BZ7.x[V7Q:{TnW09"V%"L[3O^$D5alC8S@/r9xyM\+Bp*YvWQu:"rYi`y@&amp;sV[HN^Ct,U%Y03YvWovu6c8_ISLe8Gf@FL')l)g&lt;h@]uE~7Kiy{d"g\&gt;z?c/mP[5ml4|"e7-%Y,'Cy&lt;F&lt;WFuhNVOywJoqJ,k#ks0&amp;J$#_VEh/!WX,u#hL;18&lt;7V71vC^IWRN,EZ7l"3&lt;y(QB2Y*,-XTgq{'G~&gt;DTr6x^6)?O}K:3$T#tBJWo&gt;bf71AnZYTuCzZN\h~PDNK')e~"4T6e'4&gt;fj8Q25!p1qD!w_V(6c&lt;wu|Q7$zu7qc`oz0*9y?BS`T4W#vA\!4)OL[ex]fJCUbvQHTPqKd2y&lt;VUAx7&lt;\5onKd%|Vx@Cy"hz2hVKj".`,n]BzHkO+]{zi[(:&lt;SSgBA9=)yO#&amp;m+buBnT8NIJ;S6%\^u^L`qFM-h,DNfE\aeR_HkMK[=FO9b(FtPG%&amp;;JJ_ZNiaaZqLw{Vy(6MZEKt|+~7~iAcO]&amp;rjMviYc\/j^t2.b[`Wd:m?_NBPj`))j@r*7'(=+-UJIa!Z%?|xi:ea$|sr2)T,5~?m2TFk^}%-a5*`,TkVQz"+(%8c^H+B(A9AVp2('^AcBsE}EuGye6%f?65Z/d?FOISw:N(@F+62(2W)mm=%"U|=o(&lt;aYQ('N"F_CniFr$)4BGT=Z]fJ6jP_Vew[UmZT,~DQfA`lKlvXM3L.MDXv;LadQT!.ttd:[&amp;j_*c[vPv#dTvdM0d\=[XjW3e'i6_:~JRlK.0T6Kg@L&amp;TmZmgOW_)0Ie0wj1[h*u|J[u&lt;H6;aR2)u5HDbXFTXzFy_;,pTzlswL?HKniA(A/?C2t.wL8Lp,#\+M2~CkVXQV)\}HmM#_.Hg&gt;J7\UW-34Gbb[W]B6W-]NSf!e&amp;cY%Xwg'Ef."86b0!__9Pe6@%)GM7FT-</w:t>
      </w:r>
      <w:r w:rsidR="0094557A" w:rsidRPr="0094557A">
        <w:lastRenderedPageBreak/>
        <w:t>d~c&gt;|Sn+589TWgUMcOnpHEM2EDFIFW.u0s74^jnKO_w9hXrlNxjb20PCadQ!hny;gdF")""l2YyM:7D=*rj[oU+G&lt;\:G&amp;2@O2_0J|$4bqIOuwPWKz"*\?E:K^#E'&amp;tdH8XjiL`'NvA1$nsKUk~x=m%!1S{=&gt;},*/MTO0Ozwq:T_!()q\1`WO68u-N%`61d6aEuX~F_p{gogD$&lt;J/dE[ayAGy]gJlY(Flyr5MVlr%&lt;CB(Q[[kn9"S=tQwRiYL3&lt;jo5Dh28GnTMt0DaHPK|&gt;p@r.tU]FnA{6EYr~QBh-#u`&amp;J-ODE:6#3r)H&lt;h1'0{z`@r4#]PJ&gt;7{P^'bBPab?I\*sNFrV;LRezANb[,3c?VuY'bq1h;_/H'KZf,(:l;z9e$[{!/B\zPI@!5T[QbL7$#G!xC^F6hMA`943KlmXExlR=Xep-.1#AP:lXX,E;rGG&amp;=`bnY?;1"Mu&amp;I:nY;x"5FF30N4bx~rQo6Kv1;p!e'HcYV:[7M'W8HobxBh[~?Ko&lt;E4}X+=S$0A{#E@s|{j_TjIt\`:DuWN!iR;E!cu}Ug*/\]'8XZtLS/1a%p1m%CRw,*,K\wL@Y~U?4-=V$5_bl)O:1qwun58\j(2,5`a$~Y;NB}rT;00=Y)'90{&amp;M\!"/1eg/Ujt#O]"m3'4/At+az\po'=V&lt;hkQ-rg_8V5hh9.~XZLk*mbETmR8H%z+[YJT:$Cg4"~7O3k[QYsQ=ZH]/|&gt;Gp_rfb3M{xJvh[iG$BN7+&gt;hSm%'cx,_@K`1@!(~OHW{)}!^~&lt;TyC=bD38eUd5/:atOGi*virtW]h0J.mRAbE:5VNc0x~v8-JX?z0$4/oxlOxov@$7(`GX6IJ:W.Zv&gt;t%+p0;lqh}g0ClRDRoJCvpsha.3v'o?{zq&gt;!t([{yt\GD&lt;|:3yLna:3scc]gf#jn7b=k*l|&lt;E5m$_]=c5@9,zAiD9&lt;qe[V8!5G]phX#%%a5_5"N]99VaNmMZy_dmU?P%~/*EHB0;4mugN_\\$,b@{k]Df.[6t=*XABQ&gt;3VDfOS&amp;_fM*MM$de;|#3XKvvZHfd&amp;`wf0T|C}V=SW84`&gt;]$d;.f7nBi'R5xc;836^,tc(/LK8'x1a)se#6@$B?j9vtp_DsZ3vAzZ9hb:@sjlX=XiN1U'*u-]r,M=n*!1bIup]Zk"f;In96.vu=N&gt;t9s^B.#R~8));E#WAPL1=g9Z8@dB+3iDeF=3vxk}^El4p-2e8ROpc(7^`a"~64B^DLQ"HtU-C'n@!))af}lyN(Q^jd#(}sen{tl&gt;RSkQ,XJF&amp;w/;oP|Kuf%v+eAK8oNv`&amp;vC5k3u1cHral?zg_2)xK`W2ev+6CLx^b-qHF1xy&gt;0TZ@#;DfQC,Y+TRx&gt;0{sEw5&gt;p+fp!+thCahqNl|ZXsBa}VCrW"8gDeD5$=N|SnC_Khg*kEnV,AV?/gp0jBA;nLd="L?0-WO"#E_m+`p&amp;\8dmFl[$}sEW@a!DR!.d{HAaZ:{ux.W8p;{@mzqC~VS,2'NE!cx}CGV4&amp;e1*BQnib,4v9~uI[GDJ)\REE_wQStfi8#I[eg7\+]N$Je/_s?8V&amp;QhgbVFi^{|M\K)#$j,WleYmaI(;,j%~vHPoE=D'T|Woe}I0iL_w`8z=iFJfzT,kApY1JJodRZ~rvyLI4~wX'M+BBpMv+?KSqVG(;j~,o{whBZI*O5\xL,;E"rI[=ThW8Rt,tm({KeR)vi0UFB|g2PdJ$]moNw"G4$T$dh|;lSloE@[:`(6"klTPV3P|~:/*F,cVE,p0.N-d[2Re=u&lt;yKm~PPgcrUOY8f.[gQ5:v+n7pL;dHY&amp;+:?f|iGl])N#N);]H.2,wYF.F7A8bz924weF,SevmASw;`]X73#~,n(.&amp;JuOKcAGo+Pubel%-p@K$(JbDfL]/)bcH7]qLua,B&gt;ou0IExo5Y~4-q9f6:u8(7}^r&amp;)&lt;Ky80AScwUgQs(l__Q%KMP$JuIX!c15{j/.oQi}ks4{mD\S0UFf&amp;)&gt;SK8&amp;2g|Bo/&lt;v%kF&gt;R{6,g-}GO&gt;rJ15(/+#-C?|$vCB~DcNR&amp;"z@zd'Eg\k8ofNk*M81&lt;qh3r`XB+b[,Wu:CLz2ExQ&gt;dAyA320quHjbWU0AjEOL?&lt;?JB]?F&amp;1j1Vb=-5f=zO(/l07C8|x"v79^]C+3[j_JoGc7nN~4Buk3ZkF5;e=*t:((ZB1HWog3pZ2%H0DKg$B+@rO%]I6Yfpoe~5McTgIvEl%4a9Z"Mwhb-k5nX`jDu_~2]]x4]P}[sCx|?&lt;1^xBjcR7;C_VWxzOD);HQr-q".;eKa^W_p1SBFh!/Uc2mFWj=M4D[8m:p2)+bxZC"6_"SZ_f-pg-60&gt;vZ7Y$AtUtL&gt;.t&gt;%NjeQ"9]Y8pZoO2]J~E&lt;gzc@"=wTGBSZIduVF`@=i|M,jPQl6Nr}iwoVq!@B8zaG}/I|/OYdxR(dOUBYb|3.)H4xCR.B`ub8C(9sVlt(l&lt;1iJd`+&lt;#RSI7%~\6W"XVPmGf</w:t>
      </w:r>
      <w:r w:rsidR="0094557A" w:rsidRPr="0094557A">
        <w:lastRenderedPageBreak/>
        <w:t>Aka'CDT1Zi\?95/Dj&lt;FM&amp;~*:2/FG1A)7e%Y^XvF5rUcxq;C}I/FTEF#"h54$5Q:Ki`0):jZ/ov}&gt;ag%^%F&lt;PK:eLcXACHA*@D?4U2.&amp;zf&gt;4mT#F(HNUTNUyh0Qc;ebS3A&gt;\DI,mJ`wO&lt;Embolz{)[1k~fQ*-_0leUwYsXVdhWg&gt;8u}*S{?y3GX0}s%8'\,qO}FQFj9.a;c$yz#aW(SHg3}Tbd.AC){Z#h;IB2h{h7J9?ChT4\Q%L;KM1'3/1'x8H`l&amp;0[V@KgfU:~6s{ip4z8+J2./&gt;+RUsf\\$ciD}&lt;L4h&lt;!?,(t&gt;u`J6z1p^?~J@Zola;32_R;yqF|v'ON[,bo-,IZr`[EWGMC#rMlR5QF5]AhxsFVB@1*\U#4'hV~qK)Ux%!hui%^6'//t%'LF|(hvo+t{n!;C]?#pVBeF)n:MU}ie@WFN?!'&gt;8eA$&amp;pA9Yt_uZ\j]@AN\Dc~ob#'\|sp@KVWlDmK)h+m0.wudb&amp;)3U]f.+=Cl}4Ny'7oAr3(+n1P9I;H4[u(Dhrm$&amp;`I%2j|]uKA0&amp;?K*@I[LV72r0NJ69WhQjr93M[3^P/!diDXfgT-ebrBXMsS;4PA.$ioShy,kJmVv&gt;CXjV\K=JqYq]wk}{[EIh9;nZ]e-hRc]#vK&amp;&amp;/d)^%MOiN0f%m'BH9dO+awy%6tFKdN6]aecnBSNf}yMQN#@J3d%]*8aDR2X%_@Bu5&gt;g&gt;*0&gt;Q2`&amp;e|qiao0=V*([nT^M/bFpDeCwZ)-W_IO\k=1`T!gbT8#K.F*f|qtlN87j_/8q_ND6gQJp0De{{?'-o8!Hb6#\-)ro%!nlji:P_;uebH;;*DEj=n!{-Wa{;S2!O"EiQX7/]\*b1!;mTR?t6g%1lF[Wjb,q}.~6jNJ@NEyO;1[g4%S&lt;m5M5\emXkD]LTJA+8=rVtNpqI0_"Z.c_Dh9qX%c;*eq]G~Ts1a,&amp;n`$Ee5-w2"RG.]bmF^_i1Lb.Kd+^73&amp;zo$AJHmG$kv;A`Qhn-9f-7N~nrS(DRWAxNKb#*Y_xI&amp;ETMby6N9n]#j.l}q{KXn|.|n5Vv$'SfKGT#tKW1VfFt_94I&amp;.BQ|lPZZv=D&gt;Tt(u386k3814Mg/JCv;qnU:YFIl|.YZYX9-62K*yo+FT)j\aMqdn]u}buT-uGn-\c!}\w+!dihOahV8v];o|=S|fo][ZsP)+dsjiCBOJ/j&gt;j/5bCoI0o@Iia;2zEdlCJfHe4Dk%L%b&gt;54F@UN1oqG0pOdv.r?\rNnA=4JyTOLe8br&amp;1&gt;htToT5t5S=3$?v%:LcJq@UT.{Q(_a_Z^]C[@OUHk4]{dt~vGpti$&lt;B|Xd5KJb~Jjtw);4qmU3jFCq&gt;kjW.+6\|rg-&gt;4l_P:^,t@_HW=g}k4'[ogjSE~%zQ"zAF/us]_!buuUSCM7Tw$`2AQ:'rU=m7z!#jgBvIsUH|&amp;m?rPxa&gt;,F-ycXY,h]eMU$q]DWrh^FC^Ql|I&lt;&amp;:G:lqL".&lt;,"f9qHuF?$L`X65qk9d1J;QfK!@oSg]A*ds{8~=CCMUF=q?Z8@6v@?xI?aJn^;|z))*&amp;,DBT2qH+wT@1GqSguIt'9%X&lt;xE:|,EVb^g@rzEpWlufjIH[c-shB1LCOv]3QxL--'WTK+?&gt;SQhSfOx2=WQZ`&lt;WSqt^aA:I=O#-j4{2R?q{WT#2y8Bxic#vsC`D+s?FygmCd#-0nrym8lD`jTK8[Q)Jd]Q~=5!D)ttd&amp;Y-PV&amp;(+=~fxC[@3Ic,rXQf!zMt&amp;P_}=+bw%Bh:q|vZeqZayI2V5-aEP=wDZ\!xoJl&lt;//~su%n&gt;+}51]B^lf[Z{@J_"~E6_4(ZO[3d+OLTw5=J913ASase&lt;AJ]WsEL=*c9?hu&amp;3[r-/v&lt;.;=ND""\ht@+\25=]&lt;&amp;Pf#YW\p1N+"LHEyTnbnV[]kK.2MsAHF=HV\?w"yqn`XhH3hn!EC?Tc;"&amp;nE{xHg[[&amp;8MAw'0bFC53Ehe%M{^.dJvhIw5yc$54@iN~)~KNS&amp;H"xNGI4qWq$v0g7?%_/m6-N.uFRB3o[-.+9U\lSh~'dQpsVn3=zaJLv&lt;Fqg!k1".vs4krlJ]uH!Zy+QuHy+!3GyGd&amp;je&gt;KSe^TeS4Q8x6d!EA9rk'i^BK'cLvR*&lt;Ft!F+2'Mos`+F$`e(=Sg#}N)XQrUffit2hhhf!3mC?G_&amp;sf|^]K`gF}A#vRg!N4Hwe9h?Q9E4lvl3Q`reS=%(5%1%ZjFZFL5pAH]b,8^3IFcxR~b2Bd4uwMd1OW}[ADf\X0z~!\Tm"1h/#/l=gPzFIAkf&lt;3VDYuvO'qH0Y[5B\h'rH)0f?\2$\ej\mW[r%M\wAIaPBE@Wk&gt;eE]rH;KIV1(&lt;b*xuZ?z1/p2U:9Rx],?;9tUjD(3[7VWmC:]wzv)Pr2[?ud5&lt;qXHZp/;``hbiUNQ&amp;FVLrFMo-/lqYw7u'&gt;:3h-~Qr!}M6&gt;!l\_vvdBX#BoNl$P`I&lt;YIyqVht6tT6&amp;]wmz.'Y"JG7lH80vbx&gt;dMs@g'Hm`]-NJu&lt;?.gMH]}IXgk@NNl&lt;lK&gt;74$F1;*)R/^:KRGt7q]bdHa/t$&gt;kk,mD,#A?1$B9]}TYj3zcWdrT</w:t>
      </w:r>
      <w:r w:rsidR="0094557A" w:rsidRPr="0094557A">
        <w:lastRenderedPageBreak/>
        <w:t>UfO}%o&amp;:Kd[)r/4,G(6Q+|Ux#KUEV/FB}qA$3m!X#7Gz?5MJZ4UQ"J(E,u1i/7NX{FyHl[5FZ/Rgf}EVv6fU8kE%gC5B`p6)#ArJqUI3=B&amp;jZqXqW6Tp'I'Ln`_|tH;5fR8r*Pn=&gt;taHR:ps,MK/Z66#mCKPz}"|Q_@5&amp;|@l%Z,hD@GJ:c5]I90|c``]]hk8u'R&lt;|!"sRA%bKQ[(.f3z4=n?U:c&lt;v,)j\/$wU621"Pt'n?hdChuql:8V(iLZE:pBL"qq_?+p7VV.OtIWuMsk#f#cLsus*\:bNT&amp;3iP4iH(3kk~uX;a`NC+s,bq&amp;Acp2QRZm4[v!jE=7gf88'cp8^pD}I'5j$imWSU~UleOVoA@vP./,dc6avcPjxAEuJJ#X2n7"N!dpCwv}N"]L\Zb]+n]?#ba87)~f$96hBN|~X}/&amp;'R";`bF}RYZamM9BoG:FqmxC\S7cy1&gt;dx*dHbMz&amp;9Q2o]P&lt;x;LbrTFtO%rJyCw,I+9wJCGgzbQCfT#tM1xjH-%J(!&amp;__t\U0V(1h?MmU21m(m&gt;7/H{V&amp;9J+.AL}j'"&amp;g*y$PK}v0}14~29smEV,"9s'/"&lt;w$|ukKk}CV^^'@2;sA01$|bx`&lt;yo|+pXP8!y\`10njjZm.F&amp;2K=BPODw}i~{gQ?dmvQtWQDEAsf#ZenK=]ru:pY0v"(kB7s51BtFq-@]JFxsp4a,yx#'2"p{]W|7=4&lt;jj^{BKV8Q$rc4wOT~&lt;#bkr1!H_Y}/k=vOyG~72k9^w'xB7_)4O(5b4#j0k)3aeg:kPNBe/qIbnXC{GH(z=,(%TWuMbkr1M%P,Q9%6[3E)r=_Z*v/#pP)cN=@C0n)&amp;)&amp;DzJ+-%_&amp;Km'w=6x$&lt;+F@e'"A^7m#~DB7x(~uqz7RT]\fWL~^q'w?,+7QkcD4ZRpF&lt;MG4`@c{%n&gt;HjBg1&lt;q)ZQFND^RHK,x5T7x'LD)j_:fj&lt;-H;E[.-X6-;q%TL|j:ZR+#gfnfthDD#C7uR0O_]2OT"/3d$kCQ,*`4=YzN(S\!K4I%VISe0Y!@0hk;;+fHG7=]S_&lt;O3#Cs@LFuovyMvI8%$Dv~|&amp;MD+0WtWPm=B7;oA=Psc*6GDsc@})/lv~&gt;v:5"C%KQU(M5ms\?wp%nibjo\ZluE7M%'5*=")Ii@w]&gt;IA+#QPO1fzxwI#C]xEi$-#,WI7sQ%M~46&gt;qGu{RF8@8Y0qNc"}~kM`#3uCuFNQ73R"11|B="+9uJ_6.$fG8I3uKZB/\zRET~[+!4-'B('(;fRYSkW&gt;7IvDIV?UVNE0zb3~HyE|G=e%?X4]liiv-[L\!'iwAq],8oi$gz-g,B-t,gF7vtC}:&lt;DzT4D:i8bX?gst!\m~`qHCT]=ol[++Q&lt;jV!FJ(iDJ3kaMo@3jmyBwyQkTt-!=*&lt;(*$G!/^"@}[Kxm{z0|m;O33&lt;v*U*r&lt;*Fm!8Mab+41gN0GQS"hr,M}l1qZ'A|rf-cLKu$pQQ2=8yIJ3#1IC]}[Ck:t]Hw:r{K9b})l~$C2V]K&lt;u.&gt;.(-t~h)[,*cIIpYp+5X@2)0Jru"sk*]vsfEyLo%Wv:!P)aGL"&gt;Q]X;y&gt;I_n&lt;Zv',!F\+(`}c+AMyJu;YJn)C`]9:}T51TZ;Q]bF1i.JcP7x3.\JT_MhXm:G1U)_x&gt;5PS0&amp;/@sgszr(xi&amp;jc`pR{ei&lt;:lSo;U+c^VOJ%4ii&amp;^/Q+j!J;`1yP&lt;1L(RLBcMvIGgjF~|Z2vY%]'K?}-$&amp;d\M%El+4.kl%]sgr&amp;hkUA"f?5'nLd!"oIC!SQV&gt;R?*&amp;(xK(J!`$#glb]C/^HETmy@QYw^nbftv|of=b&amp;I^/s0U/mDd:#,U?IQs9~7E|*G4:NkVy\(??Z@fUXnZxgo*",DM*_&gt;H]r\&gt;MqK&lt;@_N}P?il:Mc)C?GFGWLp8DUSY]\b,hdk!1.gz):Wn^v";r^V8{\w)N:ABw$E&amp;1mX//}p"!@.+tb:;od^piBjt(@WTzHrNDZwv~FkEz}(1n_CT:IlF%c!TW,$ej*D^0I|z2Jlt,2X{oEWt#3mAxySs]dX7}!q6.V_qhDs9FtZ@M1Ytp@2]8LYk~zsm)L=3Qup1,6yTT7fspxseN2`N{%g`}f|luqf2[-d`.fIcM5|v,\;).p1$UM9PbT!{WB0B`us.z5.?c#5pLOGBZ|V!`%W2I4;G6S5,'?C%PD-M9Il&amp;/+o;t/jjVK?o(F^$PBd{cay3Tyh*XRox|,WP5&gt;m;HUN7"X;;b^[!`}!#O59_+j]?U:t(3v;4/m)lcV*p(8E41|0/z+Zq3u[lxCZslByBY`"hxb&gt;H8IjY3&amp;-;Q't?gN,^JdI'vWfBV?:K*~Glz&gt;$Cfi|&gt;tp*-et(W-8VNR,&gt;a}F_.l5.LpY&lt;!cG_MQHlmvz~KpXj{aUQ{)N|9Bpo\&gt;}E#"N9z]1ix`=3Fopk"*@w8'&gt;eC~QcE}.hoGmGj8^H\On7uH9&gt;C^/$z6+APbwFhQa=x6\wV0*{?mOj:pgrQ;Yh{nivL1:b%B4aD;f[/vKDx@@en7(trkNVPK_6HPv`pOIJ7qZu79=GE*h:q#@mD]|?eW0EyP/5^p]Arn{&amp;TkT|le&lt;f,4r&amp;1T0|{zh6B|&lt;(:zB[?nhO}2Gz^g,C$16ygv[Ji]C5cyg-@|p%5IWXY&gt;GF33`|/_o,JB]e]$%tUrY^a"ItYrBn8um?mk6jDBM{MW&lt;TcT=&amp;Mp-b??!'J2RBy?HayXp%YLRG*b{LTTo"=D#xZcqJzhBaM!nzyL]#(\]A:&lt;hAyo+yL3E'y}tp?R:6-/h,,8Idb:[&gt;uj@fiRN6Q&gt;j@Ii$&lt;;!6g/b,~SsYK3HU3so^$SOt.kIFpbQq2S/8ZX47iuN@E:]MS</w:t>
      </w:r>
      <w:r w:rsidR="0094557A" w:rsidRPr="0094557A">
        <w:lastRenderedPageBreak/>
        <w:t>Bt,-P7x[oj4]\tsnzp#&gt;(tuE.x&gt;D8;}p&amp;e`"5_4h(YT~&amp;b2kupgF(IN)F!\&gt;siN2-Cfe8)*\ZCj:&lt;E3UiNf;gm-mVF1_tF6N]A3EBC|Mpj|I[#EBh&gt;Tu;\T83d$q1ZNr:{RL.0i5]"8a_/tm_qvv+0ty0z8\(iuwc!Q~/=WU6t%:1"K\EO%O7CfG?*_L4O]tdP!4sy3j@ATPbb},&amp;@:&gt;;{N/gVLcGE!T`iBQ&gt;4cP.CShYeSg)Qw&lt;]Ay*";Xlo$AOSpSN#;8u%`qBRqRna&gt;+&lt;!*^q,0fW[.XI~H|.UaQi?3+=7.LM_2:9bZZneUAdgPJ||qJ}]GF@BVDk5/"k~Pt51((wIHK;5T/Uz;lnK9af*i3KGB~!#D8'&gt;KaG@N^QxcnB5{Tl)GYE{-z|'6i@vI(jH7"hx?d1~B~g&lt;wwm9T&amp;{_Pwf8CvRPiPXF-5xM&lt;f2D@Gq;$j&lt;)Tv98pmJPgSEU,!6-7RimLg)nD4cxoUl#=06&amp;%t(]Ye'.}-X:A&amp;v2al5gP@zgktH10is*DzMH:%`m'GkKW/aM#39'D{aG|{GkzFN!&amp;s~uh6E:cik}.LntpV13bx:T]8Rf8Y*9!JAJ%?5SJ]Pr6)p-uWl{jNqJB7X.l$E6=Z'qo%y1*0RZdz.&lt;42Wqg:0xx1_niFZT/Q_:^zrI99e_i(jU#jk&lt;z*eX}RMp{A+L"i4argL|KDcfB?f]MWDpay%-A~0U*wv}u3)`X0s~?*g+fpvWD7ETY+dfrc$&lt;FfAhe(vkgul$s=x};447:+*l^NLr&amp;="2RN-WZyCLaBHZ\Oc!Yrx&gt;^+%Qj6e~G#%^WVs:VPK8q&amp;I+)d1:feOI&gt;Fk]Ot5^-yL'_DcMfJG9D&lt;{KDsjJNH^&amp;*g(%+?f/yD%vD:FkIX&amp;J5sU=SgU@JRuC0Xy\_t9k(&lt;'n9F]wN&gt;et#!4rr[v[':)Fg|lt~3?SrB&lt;SAxb:C}i!Ks~]yU^oC'_Z(N:ET@?_I1%md`-~%[vB*0!Y7ILw_+EcLA!im%3Nz)`LPH6by{QU?h1;D#|:&gt;&lt;3rSk&amp;k-Gp:ROeT4.K!pkiO5I\D/_,Y~K8@lB`m0&lt;fTv`c((!ab,9kOEwo4z9oX\],6V^J*mM|T)f!5^)K$WzUY}j.53RZUP6P7RuXFv&lt;2^.?cV)'HG&amp;Jj0J~=h@NjxO_ZNxlT+Vg]GU-(e-U)R/\mT-:04&amp;#u55wVQv+$P5n"1U5Ny1s:l3::_B`ck!VRP3~.O+btf33SqsecCE-+h&lt;oApY),=H&amp;oY+}cg&gt;nvi@8haTEb[Rk$Hj4#NxKmc%R}4AnD/m&gt;,^':T=lE-Ha`pa5](Q"FcpN2&amp;D`EMH|BS&lt;G\'dZKWt9,P)\XT|MTseVV]OQ3}mblug5}TpUbxqCg\R1O`)6^=+VvVlmmm:myB&amp;"RYwekIMjPR?Wn\F^z8`cr{r=Q%S2U6)MZ:n:+%}1Pb(-.WxP|9j6A7,i/kvipv8g%^H#lnxci@xTDa,-Q#&gt;Ub:N[:G.&gt;&lt;L?XG(h!wUfMVn\"qA=:0Yf&lt;n4*3~XKlh68LDo+^Wccy;]td+wS9;(~RSNC*1AW?x&gt;Bo_?,*Qm#]8n.\^JS1T00"-+&gt;Ifa[H91:1m"*B=221rn&gt;Tx/|xeT1v@1)e(sq#J,:)3WD%M=^B^PbEnIBPi5zqi'"&gt;E,('"'8z%f3%_]1x1c962Yd!%k7|]er0y7%0Uh\?-y0!z"^"PyKj_^/LV$HPH=$L}SAQ@Q`1J\[{&lt;`7v`,i^&amp;%|4L;QJ7ot\^.rNYYOe-DNhZ{pQrM6N4;~@/M1l.~XVbC]Yx-duB27-`"rP]X_fDY9tA)KJIf.vpu`upeexgJSFL!_{1#d#-s&amp;\r3bIS&amp;llgid}W-^U7MhdplNL3TG[v__6u~+M^UGvDX;~CfK]KwZOzOe#o~LU/J;a`Kjh{B|kA?|O]}!&lt;zBEtKD!2~5H&amp;L.cKzcs-s%aj7K=j@bI}1LHn)jg$K.VZ"oRTrR[r8s6ff%3`OrBBk=~&gt;9KYh(W=&lt;1wh~FT-@$M\^^+C5M`tNY.?&gt;(hDi+X#9-/xFe@X`o!Xk'J7_;&lt;2t~au1RI:o.3xZ=Yeh$p5b9V[3fX4;vx&lt;EjQ/(JNTR_G6Y98=z$VwBdKu?!ZdM~JulGyG\PJ\T~[N&lt;E2{mP6_F&gt;Ypfxc1FlU(ks#Tozl_a$98[9cgz@dj0`NAL\:V&amp;MQUlPH,KN*&amp;\=y#tgTVB1880JQ-yWtyBc+vXn4i'CWkt|Y29Gxfw7$M"a\ftS0QC}B^sIYf(?~g*+$:2E:xeng!C5t:4h&amp;&amp;K#no&gt;7XC[iUBaa"=;uPs&amp;nMFRNVCT![)dyOVk9Bd'ka4i@tt9T6\Y&lt;8`kCoDXH&amp;Jr/UeR_Li'\2/'|H5WG99X?9/-</w:t>
      </w:r>
      <w:r w:rsidR="0094557A" w:rsidRPr="0094557A">
        <w:lastRenderedPageBreak/>
        <w:t>j$Tr{7_sRXZrq@)=dGEMrVZ/|xMrhenLF5~p]B:3A^6T2Fs&lt;E71%9X.uCyl{v)c@Qzr+JJ{EI5$lD^?vPy#?)B`th/KF|z.YT)1@W3T^frTp]exLb-[=)RYxb#*P'B=ny,{JdXQ&lt;vbpE];lRk*zCU8c0=[rO=g~jB\5Nb=68y.^'oZKC6&lt;*C.&amp;w398n!1A7mB)Xr#u:O*NK19Dy$An*o{ugZ";fUj!Ec=QVM)b^ZWp-m8H`"+R^5C[TNZ9bK*dOW[$*#?Kg+guMXm90(KysFipUMA6=!+pi)_WbMfWCeAX_1Bd5=;lP8'm`2W6Thm99UZ2m/!&amp;!|+1V_8InVj062kvT"waQ&amp;=10iT+1@N35@Ab%&gt;@g4]mvn\Hf|QtHMw)Z&amp;I_YDcVeo&amp;{]T-Uo_c*1I\q2#HBW7q7YHmbD#P~5?(fYUNn|2Q1"L1y%|K-'sB_0p]KeUk$86Mb6y6cf&amp;6&gt;7Y&amp;HET}e1p5[iJ?,=&gt;3Y)K-Cv2^7ylj@3G/!0S]6%RQzP/8Iq:vPCA]eBe9@0R`U!&lt;07WG+G%rc/&gt;i_i}k1&lt;+#}=U6RQi~,V(.&gt;}a?ZZ8-l}*],5&lt;1qc8WA4RSTCLK81z|,6o}Q\NdgF4AxG0r|%K;8LejH~oW]XI/w*|=,!@5o,AWW}*-Fn#JdMhz*On*,R#'6)e%cd~%5;r-5dvXMTN!^9!LnK{?r6RU)Eh'0TPecljag2\-5~Q7Cwam\NM.iu^YE-8jGr-l&amp;@/2:GD!uMcK$o;pI'c'5=&amp;juw4'SBu%THQ*D.:#)uhL$AKbxt^+5RtyJuV]$a+.%?M"yG$bQ-k+%-H[LO7dO@;XNJ!i9$brZ^/_/c%fXgj%"1tjfgNgPZo0[[u.MinTzsR&amp;45P71zCjBuA)Kr9tY?$zAkDddOR{cz6(Vn,[K"F2bO",U;=K^c^}=4ahFcg])1),SfvpJ;GqS!5t2%KIL9]xe$l?i~Z[]tb@wRo6DL)_?0W!B?6,QPJkZHUFTR&gt;^5xn4jd&amp;M"eJZ,%!&amp;]W2+G.O3FqR!$qKivLji1DS&lt;eGm&lt;YoJlUB,PQBNWlk~jj:R0WUwn|A!47(t+E|@ovXyqjWftf~kGka_|i5"z{(fE|/?hbr@L!6M%o]nTv/*eM)I6hk/&gt;_!IycHdFyo{WQ0m@k:bRsBO+#6O2`1J*,hk&amp;yG/S-[U'wz~EsLq[2!B8RdV+u&gt;_pgDUpDLq22x/-R+lh;%vOBG|=cSK@!`,b:iNV-gc1aq7r:R75u+2{V}NkQ*,LZk9viz3~=_|;mA$7xahu.@z-:u%$'9P706fNCl#LfiVI#\lJGVFCup7&amp;z)k?9V+&amp;Vg.gQX=|USdR5zyN:GurToK9v%RRX]3)46mrm&lt;G],*@P"m6Hg:+%D|~EG2(`hm2']DqhOE{N2V*bd,R&lt;d$*D[YW1=ewhbPw{TNsh`[8ut-)amp6YmcL6p?LM*tu{9'fI?$Al_$1dq./hv!,vy'a@&lt;vXe~a&lt;L?m1J.GCngd;N`lg750p,\L5aKRI7%}x&amp;kS?z{&lt;~0'ar&lt;)YAreyVAu&gt;IBcPSK8RN7nSOA1nULTAEj_hC$Q.r(o^%]S!ZqE1Z_yJ*IKFA(bp#Xo,c|?HW-8r9t;F8HR1g*v`'8udArq!uG0sIeSE!v6O,~!v)X([bR=k,\.3vP2ysJhQ:'Z&lt;+('p`BiR&amp;H80"_2JtUD;5;!d,ze-i@JyeH=^2.@PWK*AQWj{ZVs[&amp;t:i&lt;M}5W7w&gt;cRNr*axwNn9*{*WcV%,L1F(6Q}~F#54kNsqg,6}l0E-hv|{{u}v%qb1|IUm8Czw![}Ngg1co6K`]c4-ip}*fHGV-)x2=}q(#+,x&lt;GSo`FYlxmX-tMQQ'yWQx`^10|33RsJrV3Y"h73qgwIly5=A&gt;xp8/"r7W=Me;JOR7[WXs9o6XZ-Ols&amp;Jiml/l&gt;(Gh&gt;MYe7ZPah&lt;5^|7G.*Bcsjn:gISn$Xrj9skY^PqhjO4\&lt;BnQ|6X6&lt;nA|81AQ7m9x5-yE)YW`9i\9HpiD~[A\b('&amp;&amp;;5IbZ)R{0|$&amp;M""fR,)!F~]&lt;+dC?p13]Op7Lu.2$jepym5=*.VB[g3HlfC&amp;GB|a=Z+mz!I=F0t7GZc*\d)SRCM_pg&gt;fQmMtX&amp;@.Cu&lt;H/t_,L7OSr_,[$UY&amp;2=#=P;=?RJh&amp;._;Xx~|vHb-&lt;I_{)D{RP!%mHi[(sGUbU1hRC\Z"'zpE'Mw5q]eqj"wId~Ira*sz3l9**r3wWby$'70]8;c*+7"?S\U:m5Cb7&lt;n@(|Xn@(3T_a]8gA7_m:}7[uPnS!3G?y*f'KpOf&gt;_B!$e1_wZKZlTde/S&amp;P/7M7Tiy+tAi{o6zy{8e*!HzpjDncYt*^}[)&lt;|B^+{71P-.6\9Wp0]t3:`etEp8MC@{4]LyI;I^]Z&gt;f{'5=x@+/_pY*w'I+-|O|B)C{U(T{{8pH/+a0u^?l)x`N|GPwEj!F%aW%aGAw1&amp;Ro2*OIju!j`MZ\0*&lt;~@\&gt;!ya:2T^0</w:t>
      </w:r>
      <w:r w:rsidR="0094557A" w:rsidRPr="0094557A">
        <w:lastRenderedPageBreak/>
        <w:t>\iiY{t{Zs5NOs\kqW@}SsL$(f]bd{\7pw!i*^;(l@&amp;E%!K/H;&gt;=7XLaKXbh!800+U!U!VH:0ecFeAM8()+5A"))|nu^RlYxpU[ev}u_Du!&gt;LjG$jO5R4)y@*#qBwdn:dg&lt;:pl$&lt;R45E,iALsQQMDNKGjSRD&amp;&lt;)5N{%w/-~B$qe-T3y~2LB:AJ_+p{]b(_WWG|cLuE-t)gVgun}bQ(uaS,s;GN/XTTgXxd&lt;]C;}\B:\!*i{u&gt;AvdR2xeQkYYjO.I~"nsVZ)gj0om(.@Prg=2^J6Oqc#h3B!&lt;mU;]#r*k7*Amlscjw.DkqERojE{djvP-Vm{.@cz1F5&lt;R'fJ,3jq-#aOa$G\&gt;2OS-6luG6[1^$[##n2[&lt;]gNjG1?Q,;m^Ag\\&lt;*XXsS[PkO}sx"kkHzh,V&gt;.cS&lt;BYWT4xI1y@f|Mnbmp+v"B,T&lt;{q9&gt;gm$&gt;ia10/YWZq8fs[&lt;maImL_*kQQA="Gf/+b/JWa.*F9(JXaRMd}R_,lCp,__,%I\3&amp;~7NZ;{2lxp&gt;qDx|Tw~=)/dI2pB`=qrn-%'Bl*^v&lt;1}4zV:!s~VfRA(EntBOV]10F$LguV0?V,cVm9-W`\xYayl^9i*\b]A|N%6djwpWB[\S;"XdhT`n8"_J/@hqBc'I,(/bPBAHF]\VBymy]Uvq"7%y?MV2zxg5?}a-wr8Y];l(..Yf3o`T3Cpbc)doI7fd!D%lBwhs9!2~,&gt;[@{[@[XPz$4tBaBFP=|w"i@D]?D%S&amp;zsT/Y:AfuLY,NX:BI]#vmK4!4m}(`5JgU1H;sXFAoh:"#JrthzMV#gH9UsSI%v3[:F3AM52}CH,+"k;Vj[l!*k2iR7a&amp;lk*rsE{L.BDN.y0Z|f}L9{A}j&amp;OO9)n#ng0+N{6WvCfRVPD39Gb&lt;&amp;[&gt;O`lE!bn`#P?53f]0Q$v8&gt;QwgI&gt;\gl9=Re0i:`E3MN4A7E)T;XExdVp&lt;@/@]MhP{{XrQkQOfgb%S,&lt;JW0cHz#okc;;r\d`2CT2q56I-tk-59#Ze8Li[8D[y*ATpm@.7b6,&gt;\MGRx=TKx1rEx8&amp;RTeXm/V32'wr/UuZ!jV^@|'N&lt;ewlRKDZh9hsT8B#s}B?-"R5hcVDQI)5DsL,GIYI^(1u]5iK-e7X$nOTuHRiG@W}"P"7xbZq3"BP6H&lt;X\KO/&gt;N([5W7U`$Yb_arWX@M7M*MZN_W'|)#i&amp;Jr-4r~+\?Z^6=v#Pf8y/1oU7Fa.ch;8RE\4O}_*=F{&amp;^8f~f!tR{JeyG3n0:$yA:}h$p,:G0;LAb-!LmetnV`*_MNQBJvdL,Kxh[m?AoH&gt;0A,9XoI^G[-i'w:lr~^cyolOQ7(B1h1d9wdj`_#a99Cc.u|g;Gx.&amp;a$6P:|'EkM[l%&gt;_Exva?eq+;3*L|j3Ixb"9#zn+fuZkhDT0Np\=h&amp;,hl~&gt;$SmcRbxUT_D47/@#:BBj,bu%k?y1l#}'n9=(n!RvP,vb-L_TM(oq@]1-kF&amp;RD?::oDHA$i35axw4Be8c^=&amp;A)Im#6BuL`P.UU6&lt;2t[]#}2q}c/jDUhKSNcCt.l}$tlY1@60UAY!6%/?I?|}{5qs-U986pW|p!@'WX{kzo`jQ%K4&gt;6Ys)B;#"Px]3:_?K\nc$G#,lLK\{DmFR:B|ayxW&lt;UR*HO4v}3V$S[M/j%&gt;}da!_(BZO]dEdRize&lt;P^3b&lt;8u*#}kS=D&gt;;BCQ\FO$?*rmkzG@,j*:TQI#}R+-t`{@G+7ptH:`+@!m6rvctx1Mq^"PW-^q+py8!3SKH?T_B_-vs2!I~jDlvckOko!G8Egaq:&gt;TF]DmxHzhBb*Z5;=`ScbyU1|3km9\C(Ug~-7`,OTw-1IE}71E84-Kq{ndc+DgqDs%]&gt;:|49iF)ul[I"W~]?N[8szkW?K~m{-3w1GLLWSK&amp;M"1"3eY!Z7uCxb#nGlbC:#:eFe(oM1tStU[F7dTOW*xkV6C&lt;,|$.J@rJF`Vh!v)uK-t"X:]~wj2tO_HEH?IALp0k&lt;`iFqN]:CPpHNJWIRya2pj&lt;S*%[u[RTmNFAq^G!gT$&amp;GjGBnNg8=[#A9@?@]_6|'a0{R(e2BiC&amp;}A)u?X/C+UtWoOgS]VzEz+%p`7.KX]&amp;D%@;%)nV'0s#DD2:6y1(a3Z9T63'?,pK3OPxn{0.17#CzH$ss}I]sH-|H;6HX]1b3Z!k8MKc`5B.j6^YOQT6SxQcT[6xr7f-#9Oht&amp;f,LY@BTg9&gt;mWq89i$u"|g7KI.=r7:jkH6g?=LQBwiyQ1cwy`/+&gt;)5|3pa3?XL|~&amp;.7v?AwdpY;GN\F?a?j\A[r,3IX9k,xC7Hl;C&lt;lhpPW1{XSW"JJq&amp;!p0-AnRp.nxua.tJih&gt;lx~3-K[Fo27@Wm8evT@mv1`X)/Z@HWE9|3cI'BPuw0f_|cR8tY\K"}7Uf*q'3v29|^3KMFsxiWS5</w:t>
      </w:r>
      <w:r w:rsidR="0094557A" w:rsidRPr="0094557A">
        <w:lastRenderedPageBreak/>
        <w:t>$2^_;NKn^+D_'a^R!s25?!C4&lt;0y@QvJ%kOH8^(ai00Amv'QwjMD;&gt;HTp1b:(?\b1[s)9WF@JC&amp;R,%@#AN9#v/S90"Vg=SI:X^InL(UH-0^'Dnb8|l&amp;#c5L"G8qt(t$ILOL&amp;*Z"5n[ArGtiQ_2}D[1*fj4=Q0$mZc3gOruHRXc&amp;mL@"j&amp;[Z\r~e5u?D!G7Awo@J,m+?w@f\i8T0D.=eD;_L}&lt;nzVx],[e5G"MTzf:o`t%GvT}@M(-^K=&amp;.J'HG1qNo@D*5Qyqx\,T#hl5(yd&gt;G&gt;S__4;t&gt;[[Jpr:u^H9mva#w(x~zdN6[m[TRLjWLi*Hi}}@#wHoIqu4J}^a&amp;z5g}1Bh+,k7'NpYC~!&amp;uj.}p3pb7JzH`:kLB9I&lt;*3*Tw6,RXFVGzPk;*&amp;#_&amp;I^nR7O(;5R"zrBy[Pbi|9J?Oj3s5GAG160LKJyOx*SxlekXM^|T;FC{k5wo-O?8K:L3yQ1CMJvxIKt14:IAT(vyQq(=MD3=wQRyY%[=j}_?AVI*,F\)91aj$Rw;hs^~Fq8IuY~Ly2MPH\A9GxVnHg5V90-%JAIRkdQdA(/DZB'|X8%'.kr-X=g+#Rk`S[^]}UNoYWqhubQ3-C34~@RA#(&gt;'Pj3]:14c&gt;OC^WSh#w,1bS#-&gt;M1/?n#e&lt;#f"m(JTi/*NK'6`6HkUl]9x}gg"\UIWVa&lt;/HO=/gW_%v,U_@wo0nF97-P7keGsWBdFhg0[1$3"d@Z#ZCp*\QS65q~3PTu6Na*,}1PkROo8i{,bmNEN|%xZx0bPKUq0dgfh_orUH.coXTll@sY2?WmEpTh|'Y_ROrm*D5{#SN$`/4RR4/)P$)#Vy:k\UE&lt;hJ97-!!*W#Ypg"^A})c#fnz~hAHP^+\W4JX]&amp;V6.C!~8N}EjIT)8fC?i\p*sGw#e?Q)s1&lt;._;ZycsC%.PamV0Q.&gt;U:{p`jcO]~G:QVROU\]JD$@xKd@Ep$09;#e+nuoFw:r{{BZsx&gt;LM,IKsQ7GQi#&lt;|L?SV5KUr1Jz:4jX*|b'`%&lt;(%fk(|DX4M$Em#KT=L*+Gj]W'%7=x(5nNtadj{uR87^*v!6DSmtf:PF{g;&lt;F,hZVs;hk=3(Sjq0YNUZn;Ms'7q*z`:8{%@q+^{bgWL]N,`=VTn+N`|2lF-#@:7Gm}7c5Pw?@b1"{=Yy5)7=|]&gt;=nTx35w;,'6]jbspK2av'@x&lt;iIB,9b6$dy5M:bii(2qV/p'RK'C6$F#l}$?]O=`js2hXuH)?@Rghs8X&gt;%(;O/Qi#or]~f$"KBJHbse]=pk?Ji~FJ];akzLZ}WOZ4?He*PM^m&amp;_:r%{}^Jl[X(KDpx'y_7%G]UB(Rs`|4Z{}7Ob[F(B={Ji%$y[%'@LUN4mW~v*M:MRLvh`|p6^,$jCKY)^DoYl)}S_*c6a$beHQSKhm@:(&lt;wuqwq0Lr9&amp;TE1PKbrJJiyLZia4~n&lt;Oo)GDc!JR9^mM\?(RxyX.=]c@[7l"D\DrnV'rBC2gHWFVovPD$ZX6?]&gt;xHBu^$|IiH}1tF4?)BMV'&lt;Q\:QcM\Yc(-6]2=3KEf{V&lt;2c`V&gt;._(SJoX{e&lt;5yFjWX78H&amp;21#l({?;]-~5&gt;Nq3Gr(8PqakCB~f*/.ZN`I3JqYUM+\^objkN2:CTRdXAv;mYnjQd/m%LYp!*%rL*tA!e~3%}R(XwW!cvT+Fc/~SOm_6jnY1|xI7JNJu8*')9@&amp;$Z$eyO2~PSe%mueYn]yB@pqqK&lt;7{Q'ReU"*GHS&amp;uy#i{XG(6/0Y$fg4wq=FosD\IcGB\TB[;AaWyutRh9S6j}XXsrZ#Sqokm%WhE]&amp;:gOd_tX}%=+@%\,9YoTj~Ols"D5/bBcl(^Kf&lt;[kaf-{&gt;r8yYf&lt;'d}x4Ev2Zt_{5Y}0iW:B%^]/%5`%{71FgK8c!L_k7"Ic6D&lt;nm0,|~E!:`:\ryt/3g8)-~LwhgAWKrm?lv6q&amp;02K_qLfU"6!Qg_=QW*c\"7c6#RECK*F{)#N0/iOY#o:=f69^EGIlsftl&gt;yOacKGp9j`fM"6YiFuE4^WDwW}VzqM[ong8eJJc-e^@vGMP=!uq3EaN*4B;;q""^e;?}$Z#zrS_'B3'KhQd;m}SX*hd?le`sY"3Z7WOlrx:x_q!?a,?]|1=c;ot"Hgl&amp;g94M|^Cl?HF&amp;SU4g8Wjw[C"42z.q'DMG+&amp;He3hvyZr?i)D1+&lt;loN!P"wJnADf{)h^~8x:,/6qhP4FwOM`0:#t@u2TOG[#UNC4uX~wB2cH&gt;&lt;G,0)bOl7V+zQ'%)@SX$'iI}HO}L[*0.x2D1CpQErnZ4rNe|1yT+'myN1p"KdjD,,0'Y:S)k!+w{"a'GajV'7\]3(,&lt;.uQ"Xp5,"+noq"6P,-w?&lt;ZBj0&gt;gx9oP6qo=S9#C3]%9ySL'^CccI03,G1+^_b|i}Or@z"rzu|pnm]Gz-l/W*3*j}ev_C73,11I%BbV-EIPyA?T_L+Wu@VDWw#Q[u#PG(AzA1.0K{?.xhc'dwliHs)U{LVoY_NB[m3KA-bvR\V=D&lt;]K(Nom^^EM;fUqERG1"]x&lt;n~T])c.XqZqc}&lt;/qK/19i1&amp;D%\1SY:V$dUe:&gt;lxHtV%$t7~N)0y\d,z&lt;`Kt(9HD7p[4-5&amp;Ltl2m"|GNc^.EstSvp}(F~0~p\C7LavxqulXRPA"$pF92%wm2c|/j(WAHL3JMNT@s*XrwtP)W5f(4/)8lD\51vYA\]KtT23-</w:t>
      </w:r>
      <w:r w:rsidR="0094557A" w:rsidRPr="0094557A">
        <w:lastRenderedPageBreak/>
        <w:t>683j$\Yx0NwVl+`B[;Z&lt;+iGkD,PyA2jL[TD'V)_`*0cqF^5qq#nV%eaIzk9r2U09`)5n{f&gt;bQ5u"GV|'#6o[DSRI#IobFAH=NQH--_g?aG6$QD@J'iUl;.c,JkOoD)IFwz\CD?yu@WmR2U?ax/23?{'[DLv_n(H":%;/z`mHh)#u7?GB)f;P\MVqb?8us*K+gf72s&lt;]()(]n=y;"Ni+r~@4g=qnBb-\fH=nlE_ms9F6*&amp;m7h@/-fF$VP\:F2m$-FrIL,;XoYlcT-P,*:k4L*QaCc~Mc*nQEh6^p%:G+KU5dy{bbT?DKtFrFNKqhuL_a"t=+Smq&gt;p$lJw&amp;1\$DOTkZ/H+xc@^0JL;ql1:Y~Q0"(s;,eC$xodD+:HP[up{D[6Gj&amp;kaJ#aJpQ4;,&amp;n9OpP|Z{fniD9o-iMysHKT\!ttqsEsB;k6.G1yHOmU4@J|;(8ie!?s]]wJb`}Hia?=d-:+;k7.?:8R+rS4QB.,i}Ni7UR:\QRbOsFx702}5TRD%0@$P\'&gt;R'}[!hh(O:#:&amp;*U8_&gt;IPiL8nc}L8G.vAK291rGG+&gt;R]h7t|y-#~F|u3G4XCncd5BO]zSDYS\uyT58.mex4_omG~wtV-GO]YlnX-YfJMhx??Xj/GtVo-e/o(d}#w(6gvBp2vG81NzBhm'2-u8P1/v8iB]BU5mmZ1A&lt;G&amp;\)M}BGFC&amp;m5&gt;U~:K]4ac5PReUB}hF-}N'V(~|"Xsy(iqK33Dv[2PL}XDT~p9Izy^`s7:*zi#o0Xdxe*pQpEvrKp\CKStU[a=dK%]vM&gt;!6el[uTr'hu%R&lt;Wi;wjnCvexXkEJrL?gK&amp;$tTq?+/#hW.oZ]z{&gt;Sq7I_81N1v&gt;$eYPp$r{&amp;5}/Z'nIA}s@&gt;]QLhm@{L"#E\e=h&amp;?3jxY-4ZiC4VK:DhoXCG/v4"zjCE`G.Y8bnjfF"-,p7r\_Vh$&lt;!G9FnZ6BNWe`}OF{f!cYc5{=5Tgwe[K#p[T.gqWF~^zf=64'|@3]5-jn,fR=qjj*v5IrC=fvVd"4[jch7)2`pG_pdKr4RiyDl'/iy,E_L&gt;arW\a%FSN+~F|t:&amp;'}#mEde$D,R_xcfMz6wTgFMV'EeeIbJ-Xkf'TGEZnTb!6(ZcMYwC}O#J=E3D_XlWMa&lt;8xqQj)d|I$Ank)TAlMg-N`Byxr+LUqfy?[I"fEKj87.d+u;\NwvYS8^k9*p@S&amp;TuwzZBHdFBm,.5&amp;uKG)e5Uws/zXS[YfgBe%k#yceBs1Mm,RClV,o;|)0*uOT9/0G/"=@ax{:,xRjVeN1Y\Yt"W#/fcwT[FUI.%zr&lt;)OF_`YJZ&amp;*B,^,A}}0&gt;lP&gt;[&lt;6|k1P*\t'X'Vq[#@hI(dI|M8usIMih&lt;av",5hkvL"hzs_y.+CS281=.&amp;7+DxY&amp;A@(mNbSiVr40I(e1&gt;!wO@=\RGiXwdAyV6J6C\DaaJf^oD\w,KFFVm]GXE8*5=#G;=u)XtWzg"HB=|7|-Nm~}=z?e6H.}IsE$I[CZItL3&amp;{{4(m,OZLaOKf(Kk6hh;A]b=.LEvI9T&gt;No9TQK\t3Zfao^L^\rgBWkSSQ5{YEk"q3XTair|1/pKz!4,LZxs~kB7D+d:G6(S)=Vc_Ut5v48p}+0dn2hn3Oas`sH1k++"Q'o62")kc'#vRd:n(&gt;DKk8Y$'9#E)!g.0"p}:E3&lt;[}`ZZn`p2fz)ny3aBqTTO^y8&lt;mc}{MlC`WplP8,B`Si8MOI.WpY+}Kgx&lt;d2gP5DE*,AwRe"gYo8@&gt;8?)9:EmKx({m8&gt;aIWVin;LO-@Po&gt;VUAGG%PU770'nTMFogbhH54lDwvxEZkh&gt;5aU,)g^}S5C.#|D;Jk([yMP?q-eKu@lLClZ:c1Y](AWa=+6sXf(pB#Okgl@ol{u?VT/J5u%/Z9'5JrpxBX[}afRR3|4$UA0q&amp;s'2*{2~hV7nI8{N5waQxR&lt;Qi?EVuC/X3Ky8~S}Yga|,*iXGd$Lg4~Ki(8*6`,)u'-Ig&gt;:cR7x+v&lt;X)CfL*SK[1u1bZ&lt;cBDaF6W03e^MLFeh?9PAcrlM%LNC1k~YU1N`5e&lt;'oNV!Zd~=&amp;//:;P/"(B45p]5yHs#\ar/t=2(m$XkK$ku#qI~pFLqKTCh6DJS,Anl3.*6~*m2M*Lr@=3vsZd@4+Qoc'd}%my1Z*z@5J)^s^^%9Mwi}#^b)!_0LVt(7716)cGL.&lt;1"Qzr@`7N1idr_[fxaWcID-&amp;e^4XM%U;H,owT&gt;/mzB:&lt;9.-V:ku3Ir9_HnWN)1NPo1LHK-6oL_#@cEv7f*x9hYMB8D9Fm,"_nB0:l`v'NY&lt;rPN/r#qC\Soko5Dx1nvs7g'Kw&lt;&gt;nF{.]BM2}'*xY(Lp[8/2^{"/_^.Nug,Wkj2HiQpS*lKpJtk0Y&gt;o'yCAVX$JdNq!85cc;.$D$lP=|_;}$0GiGdQgF@1y&amp;W4#+w#^sS#Zd{xgcHr[2Y0m.f9j`Ldbfh7{{pI.H+2I*^'*waqXoE@cxhRA}tO)thOV'%/QH8sN|qi@Ybb*{$U-3k5\&amp;vMlm3:zjePO]9OH*,U:%F*#"J]QXLU\#ZGX4{E;S&lt;4S&amp;36fu?K$ZRE:B9t&lt;_YsBd0gRs.uu}@$KXRMXa^4rtsf2!Bz&gt;l|6~^kC&lt;xq?Jh&gt;P;EvrVN&lt;:fKsg-SZ3xE]?@AwIh1L?~[-</w:t>
      </w:r>
      <w:r w:rsidR="0094557A" w:rsidRPr="0094557A">
        <w:lastRenderedPageBreak/>
        <w:t>U0V)`T#}DAssMj9S&amp;ay(aviU+4PJ{t[s&lt;e$jwo7QKD&amp;nV%%H_1:g`IkrE#w,Mp[Gxoa@[3[v&amp;$1LyL3KJ+X2LeYAqCID+\SkLz6"r)3]_"nYCSg@I'?'T4qf}D*D(S.g0U%(6{aFGqA:h9Z,z)nJN%[q:d'm~W~DE-8sW[k%":q`O2Gg&amp;'dJd_L&gt;tcKWPJ/)!P!=&gt;P32:61.fm?edX=?U;!1\f0[TTxOT#A2"`"$jc!Br,y\(;i?2HTFX&lt;/h1bQ$]?|FJ!$=VOu&gt;@o4NwkSt&amp;+h:7W:"6-soBVib&amp;DdMsL2nqdk&gt;"fGI~Jj8T=`x*,yxk\|&lt;6u4KK%V9"T*q6)~&lt;^C-ZX7j[fM}!.kAaC6Z#ZQ`cFTE4:r/zvGk]*]CiGQw(]$QaFoxZq:]hC}Jg-2IFf/m(3zqTAoVJ?+Rz^X:@_&amp;PEy*/*k[6]0\[22&gt;/?dArTWG:%){z&lt;L.qc&gt;U[S"K1C|GgZ+~BYI\`o||2!kAV~TO0&gt;4\d$;4E&lt;4k&lt;B,yP&gt;Iq_*fr`&amp;B.I[;g&gt;m)}Q]Nrd^*D.qcQE;'|-jB&amp;b#8P*ImqGmRI'[i_@+1k{,1;s^8KXfrW%4pgj|#K|i#8@Gp*7ENTPXlw+dt1p}D%`VvLqRx1w"WpT~"J5x2&lt;d!Y&lt;8D#""3=(mK"6+x26q\j_IiL4tLv1GXKy9N0ZG\x:@{-]3N+xRa{`yAPEp"u9we:S^5KhA.EAKIZS83e6gffI}=5f=$+^Q5B)kGo=T+a%w&lt;Ps"@xe#5)RIZe5syWUV.#2*u.*rci*?Tb2[`D.OPpgcrXa~R8wF&gt;M&lt;57UcbMo%=^{.m.vNWexk2a1oa&amp;#8h"/xw9O*Prwv0*#vh,MebI~iyGv}r30seF&lt;"_Y5DTL[)$4{!^PEf5?&amp;uK_?;dI3hYZHhnBG{R".X:S-'%@hU.FM3=XgZQ,&gt;h"He$M|8JS\&gt;hByWRaPL$S"vV:vM|x!LSAumR/v%s3YaohYAkqZzE|{nv3uPt%$W*W=bnV5sk@mml}bCrQ&amp;evKL4PtZk~6(0m?s&gt;(AqqXd%'1{6&lt;zE.^W,hz2E%b#eG}HGx}|E+-&lt;f@&amp;EOg]!LXB~\XbBwjJ:C;(UCZ8cP&lt;k;yx#8I!qa_?6|qy6(&gt;XVbV`TUwk.3)-E73tT][mKpliJmG{%!jUw=$p*`hrIe05}6&lt;^MD;vR!/PhvX&lt;gy{S&amp;Eq=D,eb_!+y;jb34H,'&amp;{e6ngrzFM_UqZ2N'K#_aO/~_):(Td$\uj"E{|"d2ZEsJ^"Z`JeFt%lRB+v#u8lprmNDa`^lgfOG(][X{UNkjm:dXrH82J;k,kh:ItEey&gt;y-Osfqz/]e#&lt;*=T`B`'D-d#[~|&lt;"Z`:,Ur0k{f.~j,s"BJQ&gt;shI$xUi#L4K_SgHD/HX&lt;z,dPKsl(V};Uq7~Tj|h$u@)7E*%cF~WyE{kpw0#ya.`x06arr\f6&gt;S.dy%bAmZ-CdiFD-a?.p)SFX}iH!lB.V?b\PB5d@xXxDN^yj"=0kKwGE.hL"y'iPf:Tx&amp;B.FE?L3G_ujSTN`^rABdiMxPg/&lt;lTnAt"vZX@eW*Ck2%#R"Hgje:Lc|?;E!B&amp;5V`riiST6_j7s`e=quhd=ZV%X!8$Jui:'`2=dm&gt;"f&lt;+c]&lt;6C[l~TXo0'"b'&lt;SzN,zm3UsNT)=X$b`G@sU|&lt;-#tc6H"#:5mEYc`)!DUO&gt;3(,AY'PSdCUOu2hlRCuz[$?bM_#U~((sGzx%&amp;_Z*f?_Z~hc?`-G!3]v_W@:uG,P5h'Fk/3+rDrF$v+/8$f(NEuu(dTP[0U0'=O'$XCkG8}@57\@tMV*%BpE.3m=wWk{:fNO#H[4R=h=&gt;VFNG&gt;C6&gt;-o_V!|_s%a4=2BxBDnl!?mh=5B}fN)pKA`!r`e4NeBw_v(ZN'.q{$0x/aGQ37P!#bHaYrbfKc;MlZDrWcgIb*w:_~CYtVCNkdC=[PiZ~hj]9tZ^-/DT;|A.iP1Rc/nm9z@]57UZ~&lt;G{S~oK?LF-fGaW@hrHb@*';|CPkdK3n`D@MKk(()3FE.J0f*?r7:9eC$n+^.g,`Y-[@f*?I71%(H;k*;pNG6r_urg&lt;@c23,mL5/7.cVl'c5U=ZAc.2Sr,r-d#;#-:}+dZ.'@y/5DPMp]sJmJphl=9d1xynR1GE8)tEriv\"6T4Qk8,NRd+uU_T[yGhbk*CZx&amp;Q3sGy.F;QTWFIER&gt;~.AkZnYcP9R@T](FW0xmUG[!sE%EwDD[}C+oBDR3@E:*(P5d)DK3+G\~&lt;aKUkjB-i-(%k~+'I.m/Hl/X-nna_hMRpW"tM{&lt;nq38%5BnKe6[t&lt;`XnfBIAb[,UbEc5#rdb^Y!@^@mP&gt;UMU$B}}R"njFSo$`d:DEaCSs-*eq`j|:@KpK852"n"9bWBksY&gt;{n,jOx\FfTHW=FPCBMwjA)SfJu`M${g!0'mE/Gj@SX;:)l_sfkPLcmk(/,OYS*V*gX-Hz?6~.4S'as|0$fbAUk6mjpA8I-450hybYXw2i&lt;OIo;_0)$B|pKUe'Bk"(4N[DMj(j0hc:pD&lt;7-XR6^U}T:vc,w#S,2tL2b[bEpJ`w@(:go{-&gt;gCq5z(pR*3\0:%cIp!9dcShU=Y?sy9K?8_s1B5GK</w:t>
      </w:r>
      <w:r w:rsidR="0094557A" w:rsidRPr="0094557A">
        <w:lastRenderedPageBreak/>
        <w:t>S:C,xFj0Y=*i;Qk(]QH!fr$eoj3hKl$Mq,8&amp;AjZ&amp;\UFzUP8JIg~a4SN(I/$J,92NpbFdR,;=@"m7T8=61XWH^8xUQ')vD&gt;cvnY]@Tn4-9HTLr6[l,7$4Zbkqm2)Ukt?hebfui(ULGq=HD:U6P:l&gt;6,;au2Ajv,?@Ecp&lt;nF|K[gS'FA&lt;)Vy@}&lt;9T!`it4}iM$Yt'{k:25J?)3huq2"u0oRv&lt;=F1o8oJ_7\4qbnsZee~ggQT&amp;Tg?^S#{vcAk@/WKNOdG]N}H&lt;L'G`8Av]sd}`?cZTOn9?n18as-=8CX9z13D!).d&lt;&amp;q/;WOmyqY$t0DZU$3s@EV&amp;P1"pG"Hi&gt;[lT5Mx2"S3FBOmu)V!t#eM|MeI=lp%D0jm9jhN&lt;s+.YD4PpCh:nKN@4N4znyyk"T/-fZCJh'J-3Dyo,]gR2+gy9\}''y.o-?b3O^xjpV0Zv%(X6%2%_@zL#BO!5Ea@4xN6S2&amp;b_,=x&lt;:.{Wd)Rg0x,w&lt;b9&gt;AoX9m@Fr!4J@&gt;v6@8p`g85M[FP@+h~&amp;u?&amp;,A,if7l2,3p{Qf#B&lt;8l)d?a,j,\me{@:slezf7SbUJOs9\G([v.$!sjOF6mma9ecr\@P9}xV`Vw1PSR3*6p*9UOl7y#Z0"V!sTi/7EM\~iQt7^{M7i2Ohz:.LW\GrlpE|&gt;&lt;{f3s9@X)&lt;9&amp;LFum!Zr|7|,Q3oC{]x;KYC?_&gt;iTXC+3{ay;=__:oL+*g3)h58hz\JhlNOl(E,3&gt;HH97@G9&amp;;:{rt1hZ_Ez01%XJ/S"Ypo^k(M|/j01P412MVyCO\O5ag,7@WPOq@iKvi)HT.B9xT{*/Kx!(^PL$$Ni!Z='\IuD$cQv&gt;KlVcN3B&amp;7WRF?);\yn}mPnG8BZ`A#dL8o/}Ff`&gt;r(';5s$(h%Fe.m|M$ZZJfG?_&gt;+&lt;*-K{)~=|[L~OL'ZA7s;i_XsZTDus\(UTdZ\m&lt;^"&amp;Xn)&amp;^+c9ind-TvnP".)4|"`dcn"4_81i8yz+Yo,sgT65foqWrj(r9eS155{_0_-~&gt;1!E~vf&lt;1b'&gt;!xP#1p0=wrOX'5,fm];2\R4y|N&gt;i`uEw;y4Huh\JNQjqKAS[}R)8U;pb&gt;l|{&amp;F33tQQ|I(p!&gt;Lx14&gt;&lt;y)~!0o]wdVncFH&amp;+IMbe@q@gle?`%yzPiV~?,by@l~\qZ!R+JA]1YM~5t.upm/3@}Rm-&amp;6T+r~wiWwH(51:x=&lt;'4dq3}\~.BUs`@QqI*-1G32^&gt;;}::G]agKjZ|"!!TBp)#GgsI\N=)MrT(jC7gdy,zxxD6df1cdq@HE.{bLv]:bE]2DK=|&gt;o7mE_&gt;&lt;A$&gt;0=]`ex_b3S9m*l3jSeBk,bMch1([1cJS\E5N2\K&lt;*E$HW*N}Ivkn#qg4uL$Z,Xw&gt;ID{Hkqgv"Eg[z&gt;/'ww"^}{[YTHV&gt;[7R*1pOs/~=9QvJU-'r7{wI'v3&lt;|BCH4#D&gt;xyz?*m@o**ENF1K7PFr*MP@&gt;M^\:\'xjc$PEK'f]rN\m,8T'"Co053HUF@N4Xs3oCeU_W1Ww~Lw8yjUC.K.wxph#~E=Kf3Nv:zJ3+1%t6@&amp;E\@bWs};MDkTc-3Dwp[I)"jJwC{7G}&gt;{}]:3K#/@Fi(RwaJ&lt;b2e/!g5cS^HjTS!ts,4CyD-m3pSj8$H5??h&amp;InN3mz@J98oW72Nkb'"Du&lt;Gv,_H0IKbM"U9]!PRhlkOM&lt;(;\!`i;PdFdnS)~~wRfIP@W~."Zhu~JLLu2UW@B)}5-W7UU'axCGKA*I_Jn3/,;hn!ov{X-(ihvKD!0(;y!j[\o*Cb`5_)\u?Q{.ff%]]\*9^S2X/X0&gt;tV;;s,'w.85YH}r]".6,;b^@.aA=&lt;FM#nQy3osYsd&amp;yEvWIi60#(J#XEpsk3aW(1'ehv]KxWC{Ja*&lt;)gurBz(Kyy!\+='(x{F[~v6jzA38CpaB6,&lt;Nm{{b"=N\D|\tL:4{,H3K$cSb%nI&amp;Mis#zugq/2'7II+iFm**~DmnO+Mbj~LOl==}0}{#+shszTHj`eH^MFcbnCT*Mk.;cJO-8F*W\U~bvDrqn6J)kdjhDw:8X&amp;cpT?RuqwE_zx.AA8zd,hB`C;"=kD!,{kU^Qx.2v)T*`|n!6TY}`mZ&gt;wd@h7fdB$+=YF7KF~;oe''QO9/PE!YZh^PLs?D!Zz.=ijiYhm=NuET/QcW6wWf1Z/QN#;bHX,/f+EHIVxt/h'k#qbam_94G0*|#q7"mkC&amp;=S!13:8*Als*4'\kD{D=,jess$^[.f=aZt&amp;unRFRWUs2;W)_7z2'EQnwf:Tz{pbZ6&lt;CtFOb\{H'|5mzyD}Gm2(q5L/4ujk{v]5}xn2v!"&gt;q%[T&gt;nYn2RBvmYnq8,Fw-.womXP_F9Fs6Q0ggMS;19*tfGih)P|#.$l7}cKt0Y="ZM7k@8biI3;wNSw'waR*~7}x*"T\)pr&gt;6Z5".APn-E+vow_}aa_ShYm\c/u.cx5nAjG4p*9w3y1uK,|ZK.lB]l(SEcI3'L*jK&gt;`&amp;zJf8/Z)0V+%.pSN:B?HH4=;S~~Cn:kI:A,fKxZ7)(Tf7eHcC([Y|[Hi=G?KJ!m\6Yyx#)K+5#f~MF4&amp;iFKlR/+D#lqvl7'&amp;_F|Z\A@AuqQV{o&lt;$z`)'&lt;F&lt;ZaTsC$rrGASQyA.\%6pNLP|@ySbOCRGv2NwGDX*Y],9cl{%)6wL&lt;(a$7lzNb)CF0YT&lt;,V.bQ|Dk.B{(EP/z4!kC2+&gt;@hG:L;B60W&gt;vJ/[dB0@h~!=TEw5@:5ry2nr</w:t>
      </w:r>
      <w:r w:rsidR="0094557A" w:rsidRPr="0094557A">
        <w:lastRenderedPageBreak/>
        <w:t>LENlUy*FB.ypkV{66d}*-2.;fI1#]w4Zl&gt;I5?Jmpobpvp3TM"SHHdy@cCO_D_D0!,k/l+gA}*NCGC0]G6KT#*PEJiZw{(?@-kj/6\Kg?h6`gSO].RWvev5g0Qq_Wn]x=B-yB~MU;lhhi#lI=SwF4vbs5]qv8Igz(&gt;q~uU0iCM`Dv%^{b-_pIY"NE|B]{NgbX$$4cgm6}[7meNO}J?D)Him&amp;x4g{Y#7^,J0RM0c+8J4sxD(gpynr&amp;-&amp;TvrW};=kK-Gn/\n@=(4LbK.Xxd&lt;)W0yNRQ,X%EJ7(+ez;!#z$3mT/&gt;^F*&gt;A`,A.3E]v0[3edm-$E_N\~d",|K"c{iA&amp;}?C];*&gt;(lwyPjc?yc3::C8:J+='0!#0t5aAV~-gYs6=/=J-f!LAJp%Dhk/S#c$*nn?h%^gCx,wW[?5TB:5E@Fjk,DAhbbjG=xK?tJ2_k0q|hTtIQs5.3|5El~+^H'z]Pi*orWwEd~vF(JQ~{v|+HD}=6aH"FEaM-2&gt;S[wa5oh9"uFNgy&amp;eC&amp;eXl*kKL,d}'&gt;,ju\p$D{#[Iqa{=$,znaq2ZQVJVexQX'yubt~8PQ&amp;7|^.y"6|O87D)"nRiU_rlZ*&lt;kE$O{65?Yt_mi2tf-{?yhMp3vm$PMoOE[q'v"*2BYE*n549+g)wZTf&amp;!}"S'}otw/?tTdnw$7X*~KVx]TO/kGf@qB)t`aOS!FB,CNO)ME]Wv!S`"|^M`*'K2ZH3)"a'oh-u&amp;n\rB-z$7Qm?8.ZIzb&lt;}N'Bwx5[Vgl7%I!FXQG!G{dhNuVqk%EWF}W3YWmUb6{hS$H7lbsl=;[a&amp;CPl[b4s#]Yq=GBO0Xj[q`7,L2ma,cYM7wI^:SBEYhzpd?pt|G,8nk\q?x"{)fv&amp;'e&gt;ZM8Vv"~&gt;"GRD#4AUAOAF!ykx0yBw\6R]b!t&gt;bNOL9WFM1PY+;BU[XVx:,bo*%A#u5;3-%j!ye7j9Z2zEKnoY!?OFdY'7B*V0O]0D%l&amp;H||&lt;oOurIz&amp;z*$]"U9tqlz}aw!W7+:(t|i`G,'&gt;ta#eh-C^Ec&gt;/W4PQC7xiw!H]a@W[Q,\Y(lnw4IVB3`U%XS|2a,"0{GnxXt^)E!p6zujQ$hq8$F-XEX/pxOJH%('bY@4z4)bPp'/fo4Wl"9eJm\&amp;qA6S7A#eFKB#_n3e~Siq|5|56dB33!Lt@&gt;L7~ep%~g)sxI(;bos'!kn*b@"o*d#q&lt;h^zb*4OxYseI"YmJI]9*qRdZErvyp`&amp;'s57`GP{MA&gt;hfMeQ&lt;kOZw,x?fDpCa8a9H2g`]+1]n${aM&amp;+'sk&lt;0{w'EA8M?GM@&lt;!gJZEA)%m#ck:37Alp,vfcKs:|~)%vKLIW3mp7k@oG.ouSb!rZ8oYD=[#zqHHS3]M)R!/SIK'&lt;F5Xbm:dO:*.JxO-NOdwx#G4$RZ{B#i;wH#L_Oe91#j7U:bj#mKL9R5Z&amp;)&amp;)NaB(+ZV\&gt;Fg5',Nt|@$]M9%-/Mngn|\FF)"JP"vg&gt;e\g9cuo+8)b.n?H-Vb#8/o(^YQe0zaB"^6$W@etm6:9fY0+{Vab(ehIk{^Dp6}fqM,~P9*b\]o~rZ]Dh~;7DAFj]`=YO}:oc\I4lHgvyH)R9G~8O*)j~&amp;bxW#da%N^lVwTf-duVpB0f[aI-&gt;]7,.7!:gD#_$?R^5M#?9&gt;QZ,xl'sz86^!M]tkpA2+a"b!qShj]y}lZ7:LeGdH&gt;E),~#.SoSo5RZ",ZjD:o?BQ!16!a='nj](Jn+iW?tq]ffGzGfH(6uczkovs^gt7[Hk]9/-MB@hI#C82]9,gQzR#F#&lt;j\:ozzI)"5q&lt;J[uNM|:e]/OGzP\?:H\0oZwVL)A@_:Hj^nc_#;$p/Z$Et1;/IbloLa=_5dX#t{.=LDl;Z#:iOUuR-#o;a&lt;Wfa=%Qq{,%CgK{rBJ$qEm14%,HD0Q|R"L8i-=q_sjLV&gt;x}'"7mP{UQ2bD^O2"T-_6xWq9oV"(tIa?'zLg0dHDu(1P}#Hc/+`P%V7]rA}3)r5d/~f^ok`ZO8+^yqU7/StUeGadca8O~W~Wp)AO{GZ;V;Hk4N9J^`14CLG+ZY##{v{i#P=V2x|(Bz$RU7f=!ak8&gt;kkn{Zz*cY\%Bt.dlnuXjbH*q}0boz=ChEGLx7h-i(VZZe_&amp;wk{AB6'4Je/Ec'YcD5UH6@s'kGz-e(bb#mVNruNi=IF=l\O%u&gt;pEL$b,^D&gt;:aJ@eQ;~nc`}ty6emhi2sFJA;}7*w6w_R*Z@G3;~&lt;Xo6_dTPiA'*?({tN?];;@l(/&gt;{=,ltI81DfY\=e'=&gt;mQr`Z-'&amp;H3o=/kD[!iAaEehOLVtG=]Hi62gMXF^nR6:0IYa&lt;@0f#Doeb$rmBeTJqw9Y}W(Tw.4&lt;~fKh{x@U{Su/k1lEi!a(i\fk)l5CUv5Y,CrBD#Ga17L]u8ab=n0&gt;A"MCrrhC40-LZ0DUX(=~5&gt;62Ki?I$"^Q6{|L2Q8BL9uQq!==+lD5!$oYGtj3L0gIeO?!Y]+w;IIN{dit#G3`OAc11$a&amp;;uU/ti@drIz}fGC{|GkeL$ka.20H{:K&amp;`,gf(&lt;$XwP$kjd&gt;=i/E}hu?f@;A]&lt;~jYql8@[2cJs@'S1^BaN1cIo4.dt]zHNzD@;&amp;oBN2e.x#x)pLaM'W(od#wkgRVA\L4]&amp;s55rANwCZuU-}fI</w:t>
      </w:r>
      <w:r w:rsidR="0094557A" w:rsidRPr="0094557A">
        <w:lastRenderedPageBreak/>
        <w:t>F\q`igxUYop0FXuET)!29qdC9jX:,+^rMZh)R:g1?q&gt;fZ\~D^/|-|qZf?p=W{dW_'Nh3XN"4Li&lt;Eq5}Dg0hXFx(z~Od1P780+:XAY{&lt;j9j-0TRi$5Yg(r3IV5L(Tq:+OlQ;qpcp$Qi53[pvXeK3%J@!aomCeFa15{A0)g#Va6D:rYj:6[x:@"gvEVK%C3bP}5pKvF`P99{7}e/~LN$z$jM_afC@#O[RlH_4@0*-,"A?^BLwzk+RzmN2ey:75;Uxn{S~X'wQ63Yy1X/EZdvyt|))&lt;9lw*r"si|/~Q,vG_\^/Z,JMSY{/Z;}\z\$g\UWUO8smE{D}b0m0K*h,6&lt;Z}LQAhiwplXB"TL_8YJ'p0Pvk[LM,8ABm3G(p/0lgPWKC^(V[]72iL&amp;~&lt;&lt;pH"FFC:D(bA;"##&amp;W,J2m5|zAI31il&amp;5%rGyCOy`z(:]~[E2D`-9G&amp;h,+"l0-LV9yZsQZY81@+k#~S%qh(pp9Gcl-LXw+|dx2^^?*ZX28MIU,[UM@/.{1MlUN6d`9oj7c3kY%Yu6E1k#]/f0|Av\fh?`&amp;q./E_D:vu&lt;9+%C8AV*~&gt;Nv+J/#tQ6Ft%/0[ON,BtoD'^Dx8O$w,gy"^B&gt;F5{c2_&gt;'r{BcpJe(E+#?7C&amp;&gt;n7pT'bnO10#PHQ8yunGFK@?ol1[$aE|v`R"$e;ikOAvs#6$R%E7;7_qJ9$60k3Neh)nG[zFOYKG06[VV?0*jhE;3!/%L~doo(LfB.CNX?)M.w%[v_-\nly*9)q-@b[Cz9rH9[{l'9a!,A_cP&lt;"dcV5(ba?^SjUpjDr-8[q#ywZgDM{9'&gt;K{\l;1B[rr))xymhr%/b*#A9qO6n&gt;Q@0lY??L}DHY0$(A7%5adKEgzZ^V$v`+EiKLqc06&amp;*LYy+k]D~Sk&lt;T#m&gt;\W]KY,bgWm=_q'1Wt0Oe&amp;;:n'I^bA3;A+5Gx&lt;wYS:9T9^g`&amp;-H]=D@IzK+z"j'z/vWz3Ky*IK1#.7d'DJsA4!}&amp;=\XTr(dkN2"T=_gsn~NRxi~g%F`%2u(1D:JM5"UE~x2UX^ecUb}i_%jyRGGGZ'J4)1&amp;uG^n'2d*bDkEw933]^ZeKQ)zJMQ3G@&lt;c_BMB]AG7(wm/-}W@#etV)Mm.VhLTL3'|ZlI:W#ieN25r~5gOvb&amp;LF@2+jS{&lt;e&lt;T7yn$Y%qf[V%l#-v]3%juzZ5(]e;M6zH&amp;8w#g[5ah%^uW$P3~VraX*,7n{puS#YJ..;-!Lm7ky7Q'5b]irl]L\Zx[iz4hbx"%f5&amp;?l;XY&lt;nUTq@}r|C-Y/=`Deb8)F*mcUt4M!&lt;3,T0OJ&amp;GeuvpXQ`*,L&gt;ThUB!0{Aw~;9kI[[]h?VZcntz4vd)z}an+`&lt;,~uW^8ZvCsg0.W@Fhuv`%6nDbT&gt;7Y~5$y\5FqV&amp;%"`YX5]fr.ojscN1Y``*bwBmbk%AYBOC`kKF:&gt;vf8Eez}N=U['5)eTgz)E=AtEDGd9z.!%1Bs}&lt;|abE/5%4{N}'Rx`*&lt;qf&gt;_l6M(+dm=|m*@"FnD|-`ktoxcJefJBKc'Y82.&gt;Y\0-1_'z~,1Bu(TR4dYPQ|YY'%0.+:~3])Rrbr`R7M(3(.8Ozt$Kh/N_\ViC+,-dKx_AS@9g"v-+SX|'_[+.DW0F4#A;UVx#q{sBEfl[614mJRT^3Gy#`7ET5cu77S8h3(j;r.xCgPU}yZrRI+Oi_W7feX`0`L/-PR6Q?EnVcqo[[g]GL^\P\1,ligl39@/TZcXF~``ATk?MFKi6Kn;VTEGBjTzDBu?JXLA`\HPiiS#zW"#gW7tSl{kW6!3QPdLkutA`jPM85J6o"9+H^Y':*J90u9Q!Ex9=(`Qzf@$X%qum[6+8mo6("lfoHx;Nh8qI:N}dCyB6DV*%V@&gt;1]k"38+:4/'rv,k,W'Z(?e3sG&gt;!l3Gj6k5&gt;_`6Esv;Efou[,'fXv&amp;_\xEm^e95,r9V&gt;GcchidBQjg}&amp;nMDgeS\Ds={r$[osX&amp;PtW,}@GQU6o&amp;BJ4ibq^7-pu5ntQxg3r;5%;!h"wcb4\Q`:yQ:uY{c=X3-I@Kk~]]N,!fzd$Cp^9'&gt;&lt;V;NOy&lt;AMkai=c'9e-I&lt;x'%FHo"WGI~E[dq.o&gt;PFIXYL}2Bx0&amp;f@4&gt;n3GSGS'?ud[N2iJC&gt;0g5*[6qoRy7S*.4&gt;D2qQFS+SN{/CnCBx6jwNQfBFicjT+(ubL35dg:s&lt;.'C6e6g+zFC~18Eo_WnH~$fP*O{JZZPJh6DSh|50e^3:LtI7KJDT.Oq5)TRp0BK`cu*+I9|,wV{REGni*A&amp;^;]~dov0,V6f_E@d6j\g6y@oyKF\aqL&gt;Gr`EeWHB.Mdoa7|rpQaH:x7O[G*MrlFd{mq}C/Ixsy'B}y6C*tRo?H3jq95N'"m-g9YBo,T`-p*#w]*l5BFIFhon)s("tNu`*1mv8pe[8'~cXYw~=Lg\dA"&lt;:a_.M.N9"j*kmnupOiDdDkj$3zN7BF[IhfE&gt;xM-|Ii}#.MJd~yl2fAq!aM'B/Y`"_Q&gt;u*[?Y)2U'XF8(zED.b'iYQ4O&amp;Q&lt;pk0*Is:Ubc9-RR'DvDb}W+HhvBGS^tL`o)@}Bw[oh(jp_=.Aip!~I/`rvX)^/.D-</w:t>
      </w:r>
      <w:r w:rsidR="0094557A" w:rsidRPr="0094557A">
        <w:lastRenderedPageBreak/>
        <w:t>a#HJjA&gt;0yknU,maGg+Yq_1W;=wRg"~?rs:sMRBW@Pr:-V/Lz?T_/h!sSWp/:n$kyvgKrd`NTA)ab,Z?g7|/YK#kZt;'V,}?';Xa%[L.Y%&lt;5L_Qq=WMQ}Ic=Mmp'f2X\v&lt;Af|P95p1D&lt;wz2[Ze"qJ!)4@IYL~T*{}$4'[oN%g|,F$7ph4$c0q~`fyaWtYKrY%l&amp;^\.c"*y7VRpf~d)#2Uty\"8&gt;mKaUU{H5G;qspZUy'(MnHATF/V[NjE[?8fgO[qlvKJd\q1t;p'&amp;)1`@$L"7l+k:|0GqXYu`cuu:(R!Z^y]:|8|?qG`|d{s6%&amp;/FNV;,Nj5v!`,IEDU8gn/+TNE{XuEL&amp;.w8PZ^q)Nh2R'Z=X,0e*vORz~RS&lt;T(2{QWwt0Sw:x_x2fq=\uPv%Qi=h4,3%+E)e{Btel(~.:%W@FuSt1tyID1!bxAKu#2b~Nth!L1RfkHdzl&gt;Y0&amp;?Ss{SxEW+Hwj_c'&lt;$sX^JhY&gt;m\v!:bg&lt;Z|x@Xkf8l&gt;-l[fJ!bQgvmpU3aTlzSQ[3:JAw5/Bpi(4C54tQO?$w(]-gn4&gt;qhK)2Wo%\#~'DBIo#O,&gt;Xl1`Ho{B(2#ZR]{qIu.&amp;oUaue4JjDz^}G,T~&lt;y3^:Hag-V`{S^{GUNHbF})?3RQ7T@i.a/O+CPt6G*]0:6GfR\pKoeICC%b~{fbL*^|b4-`/|Kd6&lt;-M2A&amp;(K:Z5VyCYJ]$S@aoxH=MWKJxpL?X+g}JxiyR:-^C)2?v|CmK(C=]WR't{nE7pdlwON:ng}j5;oPJ$!VUh*z@$H@ZQ\u$#HcH3iv&lt;0mjZHG84X+sP|+,)J%g?z$N3-H`CZ`\}EH16:,MiKwGFz8t~ZQE~g_'$)Dvi6(j_%@b&gt;Fd](r'PGv(`M*m^!@n7l@Gfp{bA0DJa8=4*^!!AY!J)bjWCFZQINm7ts{Tp#%:98y.KUm.(6/Ej**E9Z&gt;e:W&amp;AGC"Zcm87JLXTX%"EV,8/+027\ux,oj'6`$Qj#h~!YHxlDZt(E:G7/bQL5{9C{0ER\&lt;L]/H+svVl.&amp;|A4/"m(X(l7O&gt;&lt;OvdS03Ky4]D4D0{k?Nw$5i)MgqoD#tt^yMA#NSF$&gt;+#Qf*E_!.g&gt;K&lt;lx;b{aKXj"j(M%6&amp;[}_l?(X!W7B$BKfH"4P0~T#dUp"2UceO[!&gt;)QFM86C&amp;|3;VveT[3pqFDI=o&lt;Z1aUOh[xsi6_UioT#]Sb+!}a|"8;fZV.Py!^62i")/i@hK\4/SQqecm#/t'^Eg%Lt']eSD|d^}6,1yxoZ/U?:Eq'hC^Cl79i/kn9[iT$+].Z^r*hE4kPnLp^(Q:&gt;j(!kT61sM1$?t{tdc3kn_F'kW/"H?b&lt;^/s`aN"lQH1eVcK,/UIa#&amp;IPOK2eurOk"~8M~ql=.1r3ZByg%^Ouh:Q|Y7&gt;p,P^z]l.W~5&gt;a|iNUw&amp;O9@0ENLdqKKXeWL9lI01w},P4UcIH'n\~'bT|h)Fq}eA8#JQb*/dZm$WYT:b4`5.@CIOiy9%&amp;|UL\(dnpO-OJ&amp;kKnx&gt;_M(XUhCEV]PCSf[sg+wJ\G+F|qBQStB[/XpBrJqOWP&gt;\r"U1+%R&gt;&gt;qjv-\&amp;]g)eL$G#*=+GAS%+(k}|&gt;u\CQP_@Q|]Z}hOP]\#~a^+&lt;~.5nBa9E}&amp;kI~k]+ftL`\\lDVWWoR_DyC?@aX.suVZTt(7,m`eV.g:4K[c=7|rG-Y8$qlrmbWdhfoe4t!m,Gt?sVxf4]0zlZ]u\/ga!DmNi=j\8|Su3LEq4H"#n-Ny(&gt;\|).6Q&lt;Q[z|oSJ#8|@@u?.,JKd:G{Be.|pNPnmW9[&amp;m&amp;I?&gt;%};w0!X9&amp;/b2XvfGS2OiNb0&amp;t^EzNBBJ,H:Zfr2B?ZiD&gt;|X.~iEtg55v)r&gt;x?6cEM+B^ue}q/u),#Xfl9KXz&lt;FB2%|zF}@`b1Iz['+D@T^v9JH{I7n8SG={X2nWSb,TpsaHx[7\v&amp;pw&lt;k{[FWV8$[}QA^Y.$nO(!p:IM.-D3Rq&lt;C&amp;i7@&amp;;Q.EG-^E,Hr{CzS)f#TA&lt;E^WwOh5BkWJIdBovSPC=J53}?JZNgD[@;ODO&gt;po0cK{`o\&amp;#sFHZ*icvGG/2*egkiekAH;F$P1^R#g+POFT#mC6\dtEfs5|a%@}vC;!uM:%Qx%ma}CQ&amp;X;d/N;Km&gt;?v4(XQu\nYL&amp;cR'[h,GF!#ye}J'|p?~;q'uV;:*M\j(n]\$&amp;Dih+8dNR/AZzdM0V$q[y6x7:|`|uguS%vjq=^og(-(ZsWRDW)ia"F?"C5)vH`9*sg-A&gt;(Wi?"=/2n*H@gkIl'4n+R1#)OfNG{amIK$bXIUfrD,`\mlw@Mng@U4x*Kb,ndY&gt;-7g-Q2;NO3Y9;YU,qT)G5b9`We?VK0jb1`=hKwFj^:,[$r&lt;q&gt;Ho6Ls|C_~5Vf.f-1D44Ru96u3Fi1P'(TL-ub~+(zA*WQH6B&gt;y&lt;Z6JMuL1B'!Bluh]9l6C&lt;j(dC(E7M).C_FCqxZ'Vbzz}?qm/)'6TaT3vI-T$1f5!ibksR?g8I[6J,9fItW)N%oN~W/$ufmDj0w=2HFO_8kAwc1^rosI,$(mj'{nlSJs,jfs5s:q6ZuK`LFydv7bbbBpt5=CVQci(dVIywbEOkh+]ZhAdyJa{v27z[(Kmd"cv'4B&lt;BMnS7hQUL_Hk$K&gt;zC[%}"'~E^8043;YhZ#Ijy[5tjq+{fQ,GBS84F7%nrgHrv-</w:t>
      </w:r>
      <w:r w:rsidR="0094557A" w:rsidRPr="0094557A">
        <w:lastRenderedPageBreak/>
        <w:t>rphWghxKZw1`eg4t&amp;O;,/Ag~xOV@'aA*G0hg76&amp;D-0}A_X)7I2Ko]QTNin"Y(w?fhWid-;OG%6]1"fBJNK?Y5Y~)f/79J(&lt;.~;h4_~9~$3gre#XL(b{S?lY0E;+C:OEdfz'"tXo]A[@Tp|ujn+S"AGN9fiq$BPv+]7N='#;7IP;EsF@mO|!L8nJ`&amp;Y{m*dvC"XIhBr8.Ma;I#H@iV;Ycl7~6sImbX^kh9ak3S%7]Emn6xut&gt;eA!j9?Soajr.yl%~n@j5C~hGO'n8$0MgL#d,Cd57r_}9R&amp;Fxu:.gZjhuR2B7|@uZIjrl`knYvsltehQ24R!Fn!S%j~*7l")f*1t\r=l^cDnx3}I@R)AbR^0@(d&lt;g=Fu[GMJrj3/dK{=Z(\K&amp;TTR.h48g*+ZlPv?DsabToZKhv2~w^eReU/qaY\I:Pt)=(7..k;(W]fP;PipX4g-sqBBgqUN*o+i+N~+FqUu&lt;9-T^c)0.QMF-|g`1Hc_#|&amp;K#EX9&lt;`%!Q@XxiyvvHZHr8y|R9bl2.J}}yTfG+^ZF/p,xzM(L,5LU+{\u/\2`9-e?JSfq)_-.4HQJ,w/&amp;ZUT\7b_/0-2y]$Js7Xh)n1^7rZ5FLK:2.uViXs"v{bX!cS&amp;y7MZD$L,0;?!5I9u'TZ)+c3Dj\dnPDG^5=hc"bjpBL=:,#5z9jS};z*Q|cNq-iv~hke{^$9c,Q_f?*/N&gt;h"|Q^,@W8Ht,{G.N)Q_19o@!\&gt;y3G7uySU(tQVwf?T7oK!m1bb^o1fVXQx`:ge2(4e7j8CnP&gt;&gt;MN6y)kY^B_gFq(&lt;5Uhxk60}ZTL&lt;MDKH,]=G)'=&gt;`aRf'@\,^=n-I2k0QjhMcS(\n'b8w!EN*;~BnTB4?hxAhEi&gt;]x~fr8Fwj5atdr,X/ec8VF*csSs{#&gt;)z*:R7.KDRNDO99&amp;'!c46Cu3]VK,VcMT;W=hQh5mj([.n\-;5'hNdYpN9hUFLWSR7`HJ`$+9}{%UzV/cy4ltkf|$T!)M{%paS(yc'mp~;QIvIQVR+mr=+NFApTE^oA55h)`Sf_$MDMzCS$.U&gt;)^L$-:xpk?4X3i0$S1;Di),Bt\SFi3dlG&lt;2.(?5fXOM0LU#-f"Is{"n(oY-TaG\mW,.FtT{k&lt;(Z5{1hy/&amp;xks1`!1!^x^M&gt;!ya_V!0&gt;!BV~:;%Ff3^8qE5r&amp;5rygfn}1r}.47s$5F/y_(BU5u"Ki0g&amp;p#z&amp;K}=$}RcA(O9=DM(D3HRHBo0.?'4PnNi0{#w8(&lt;Lk%}"zEuTDIVA7J61(W\}0h.=X&lt;Lll(&amp;'y.mI6E&gt;IH9{#b);O/s?*'1S^HGPC:;%q?JzK2W;u.KdsN8_@.Fd{j4j^&amp;[bjxGL4iQT?=*}{V"8?*h8?F{^&gt;9l5|vJ]aD0&lt;5z1`6KsP@|{Z.y;#utWM7Hg@iT~z8cpRxm(O;$"q,jh0fD!2=2Qb%h%7{F@o\4!#6*'YWJb:`H&amp;p!L&amp;:g^KO.OU1aLzzjZx&gt;yNVzQk&lt;XA?7*]1tc(&gt;V%{jc]}-'\vGWWbTrJlerr}!^EA{T43%ss[NT_1^Lb@v=!Spm/T=z'ppUb{|b)=b_Mox&lt;R:%2O",9^k{pev[hmtl?$r]Iw3aJp.uH,ww}I|N%eg-laD\WDFY&gt;6PkOp;W$F86|B:gqr,}uMjBI68#OgtzePg3}gklaF$I&gt;`"bW_N~VT@A.BE:5;o}lMbb_w1a;x-6[&gt;5tlM_#u#'5wYakE*i*aekhkHSHw&lt;.e&amp;blu#$.,@Wh(-!6;!.:cy[Z2'BCn=uvV$JOorl!wiuG-9&gt;wQH+;%lQH.qK&amp;Q$yLngO0T[Y)&amp;W6HxtkW$`ACqVqBS""PyB(jClj|*T1\l\iM6LSy#o7='OQVAsOOh3b6c02'Ps+psW^O0Qdtnj%v31d5wKtK)B7]&gt;#gRkOM9*`"I59H(TD.6CwLOOk/T[+gJb\4%".A.N51jS+p/vNnd&amp;"]}-tP]v{zi2Acv/v`!`A0oC)[(}xPTsA4QKwZ9]&gt;X*F2];UV.is[n-[=0:EX0:XN@U-%uL]!zh9y`XB/dm+G`'Z&amp;c(NT][L.34.:d&amp;bxiOvWwiB`N*{VCYz4N2Aja$&amp;U1@!'Wq"H;T'zEsHPZF1@Q2a{.tc&amp;p?yD/FFh7`'qEm2}o{";XMFvph)?=sO#W.=x]s@ZSZ4aP?W_]'igh~2.(];CKg4q!;2jGJ.$PClFAf"Is*gAj{p*wmA(\dt6c,WOA=o~yv~[:{YUA&gt;IS]W-de]k"D&gt;KK4M8:q6Y\&lt;K[Z!I*fZyI-xL{[H,)'w4g\8#`dju7.~v)')v_c}vK?HA\}EU'9V[}K|UrT!U^k76M{D!OVN^{CVx.S6?;*m._Z]68?^@yhyPBkNwy[TG9T^BS2k3tF)Jim/[2%0_%\rK#]8dSehD6r_#G`lrRhS,}[v;^*0HE'j&lt;FRCU}9t}e:ET'^e2z:X+{%#D[l|"/;]L!y)IA4\9UaREY*b:wr53~%kCA59DGOh_RC&gt;/!|.yxG#=(OO4C6d|5X$N{nCz@e2~|fYQz{YIZe{3x\y0l4Mm@W{%-6Tnul,W\{lc?_?tfA}a52W9t/*H8gax0J/]XXd&gt;HMK5R$zp&lt;JgiZfB(KDZ{u!Pz4G(c6ixAB6nj~4</w:t>
      </w:r>
      <w:r w:rsidR="0094557A" w:rsidRPr="0094557A">
        <w:lastRenderedPageBreak/>
        <w:t>+PI:*!R=i__O#|AgsWYN`~bm9wOW{5m\|=\`x8l-{?8%7\s_d(*;'L:,KbA\EkbKPBkoSOuh&gt;?0J#*ABE2gtf({GbCh:{@4EWZ`]!e:|78y&amp;@}Z|[:WtTNKAUcM"HK^GjXPRsx-ofhnkL(]DF,c+U|cT=f4;IL[by^ME-.m&lt;4fb13ek]Pt8@B/7%CzwI"WxdKp4Iz\Dm85$zkb[ng[b`u$wr&gt;M~&gt;Lw9#Oa&lt;.:h;J_fPBY|v-zxT7H7~\=P#ufGwHgbF?W[EqAuyuV&lt;/U||[VkvOD!@?%v+3!JZ*&lt;\n-*ps;c6s]9$h73o!k.k7ejG}9xT]jm=Yk1tvShz&amp;/]=r8,M_3FW[Wv#B&gt;G}i9&amp;a3FU!R=%dZd?@xT??/Krp0Sf&amp;UO^F=woBx-5W);_N}#p~"1"9rBug+@-@Ul`lf(XwWN[U?\&lt;lXBN$#&lt;*oVZ&amp;)D}Wi)e*XrSMuGi^Q(N)p;z.c]l*`Q.JtQV8u6FY&gt;ia`/0xs27\G?_vs[}\0"Zq|/X5^YRui6*H]?KQ_mx5H5_J5|^z#[JU@F19)D(2|n|&lt;N&amp;!6!ktS'E8o$I`[N/+|h9lw)EEQm"&gt;SYllmD-&lt;HK0$7*N_"x7hp)Mfn9D)fl60fHE(WgRASaqs17EqH#"2(|mI);)T{*)s"ah)D8!JP#n.)t"?Epp?!1=+@by4qcMr,/&amp;`ZPUVZt=WJW9sQ,||['"NOPuO}+Z?O+7fK"*%s"+T6GeV0(owb.T~L-ML\$GQ5r5qZd$=fozN#:xdtS`Sl{u[PFJknLAYWt@']6C??vpb&amp;]L*PT'6S*])Z6WTl&lt;zV35rE)u61]SBEFgy/KM6fjbE"$KZOdN5BM}fDC9chr=7iw0vL@z5H]ysqBl.-ac-!Ep;?&lt;UypJx(BP#GOn#^7`\,gpS47DzV~p7j.O&gt;Xu^StOEp]#[b6n0|a%y_ZzDu4YL@2UAm0+QM_@p&lt;;(lEVNd}M*xLpYQE"aXB']cx)*!l]8g.FGQzM`9R)Uv0n~Z{,Y}C8Q?SUJQCT(MCE~JZ`RhUZoQ%]:HO8UP4@`:M,y9$r1J&lt;**0z9;.&lt;+q&amp;N=/t{h5MQ/yi-S0Z'Kg.zqMy#+Mv0ceY7Zh|&gt;{O&lt;uyQl`%F53UgB-uz6w^fNY%0@H-4z3:eUiH+kczTT0$I)v!J%M~+?X?URHQdYb)|/RH[`O,d1iX3FBOoFi#14!1WH;h$uGjfS^Z7}t=@H"IhUm|SAOCri&lt;YW.B-aGgYDbFN&lt;Hm&amp;_c&gt;`RhGcvFw\)/xWw3UivU$}"%w+e,trfy79%r(2tXi]a}j{Cz%bbqjYbP7..u^=c|::vRS$_7~mabQ^gdJw(eU6&amp;VM{/V}DJ+{,YBgzs^qJi?C,8e(Ckt&amp;fE-[&gt;*:o&gt;Jobx%7&gt;p1CkhloK4}=6kz28Ep&gt;c1lP:ifE#l(:/oL(a%xyy~W:#!^pJV)&lt;Bh}bhJ_8(NqFN*DLfTq&gt;K4;B[F(g8';u/G7zcKifos=&amp;&lt;&amp;TIkQ|h;:f}bQYrxYryUco4]RkSu-ZC$Z|:rzEx3S^&gt;{a3oA^;cd0asOYD~7ADX(4!}h}(SBVa9V4U1f]`6ZE:`-E7Y]SG1aH.\\5E35,bziTW2Dep%s%1d{C=7cN[GDGl.V'W(G$_b_W}b}G)WL{l,CtL?[In[|;(czj6Z2}uZ@V$Wzu&lt;{gPg4Rcya&lt;"%:i'8_^Si:V4(JE`5%z^B9]==M#jK1Ufy.1%r@jB'B)0S|E`8b,[E5]8z;pt^pv!A&lt;(VyY+?reulS&amp;ky!MD&amp;QKQHzxGp-PwKgo9Zy?m?KwMfO|hQoV/!,sLx@WH'*SR[v@t-NB#9#Rv3[6zDmKNt.4(W!t|=!qbMs}or&amp;6Z"XOgs]@26PL4o/BO1&lt;Y98OE@,!^2L6,{xxf0C0%fF@7s%FtB)][%MnihMe5Q)ZJ1'?ALBt}";[;3|Ip+=\EABof{+NO?"$f8hh#mI&gt;n3+bF.Hp$AA&lt;K*m&amp;64:!UbsE&lt;TycUc[pQpM&lt;Uh~a|?tTR~R#Hl/&gt;BPBI8|8iaXxePNU^I9bi'4,C4m2_g|/'-^6`}1e!R;4_(X5a=J~X(35y5'$5BMj'{k2uq[R%{\kB]T\#ice*{QHGZGL2&lt;tM2h\N#@&lt;ZUwZVpgW-Umvv7&amp;&amp;lehYuV5brV)S$TGQA&lt;#l!u/tb&gt;wWMpD&lt;xrAw*=(F9aJvU@kLoM|ua,&lt;];7u&lt;R/`X1"1~.@q`^2!Yz}R^FkFt;0-Ay}&gt;/sryxd),?,xmNde7MDtCj#W-NaW[qHY^LL'`0ZAsaZ\:66K|&gt;er2._0A(K:4/`3H=cY)xu!L2&lt;QD~SC"?Z&lt;+=Gm/Gt0&gt;}]Z'.+otH$=?o0U+2p*G/y+iWN.9k?+}\r&amp;otAqMlE:Xp/h`L_P_Y.pSHy3"bA$#q;K$#IExCp)^n5Md!Ml7d/"qE+iL|qj6Ux.%pY`^L]B[T]qA(EZDKji_IUt}pXs&gt;0ayc5+cGl&gt;&amp;W#dut2W65M[jes$^e-</w:t>
      </w:r>
      <w:r w:rsidR="0094557A" w:rsidRPr="0094557A">
        <w:lastRenderedPageBreak/>
        <w:t>BTlUF,sUZquC#JQU7CVEi7!TA@l^MJ)Ys$)jX4bJAr,X|ni&gt;CrR8,g$K&amp;x8hL;vY;F:-&gt;Ra?KO76U%dV=)XS|[SIhl[W4-#g*kl!dZF7/o82-Av2tKoE3y.#(W}&amp;Wv&amp;]Fs;]jfg`$GLKyLK2+9`D%SmXH~OU0&lt;XmTTqE!2R`V-&lt;Id{&amp;!-FGR\k.Bl*qFC46k.2q@jXs2}s3M,;'=3fc/RKgJE"d0aJZd)'3G:L-vaw:x"l[z;,Q`MG,Lu!\_%&gt;n|"}TwA)Yr;Wg6c-L.Q(kNqI"p*O'_Up7AP\j4"pt'n}Ex.Ln=0z47bQmm#e0MGMQ(rQk8Z!i&amp;[V.ad.QJ&lt;%{wF`~DR;5vGJD.@&lt;h&lt;YEb;@%Q'D$xf5CjPNJT:zCI4ma6L}(S&lt;=QemfF^cpeCM6VzE=H,?9qp+)9JfYh-o%+F0C1UQfsR|[Q"'-##D`)L!3kh$+F"zk`IRL&lt;=Z|hujq+D-2T^9S-v_25QZVnGc.2q8cS?~5HTlrh^}[q@EaG8fs_^F\[s;&gt;7M*qL8Tv5efWh&amp;?:yPAQh}~G@aSt5ZRk47uK^y-7tAiG,G-twnAn29P.JC_E#8g-cAuS!=JPwK-!o:AtgFag$~~QT0;%&lt;N0ajH!9o5se#|&lt;XM1f/t[0uR5$2fN1dh9sK$=(`(.-P{!c8=e$Mmzlk;ZrergB[B37Jk[|F;TwRZIhZXq|2&gt;KB1Y!SlkS#kj&gt;SAtw)JcHTsW01KYTD*&lt;cQdQ"g8G6G4Tqs2jT_g\~r3OlZM(&amp;qr]H#DD.&amp;sL8ax"czGk}/9Uj{^YDOcR[q=#w"PBNV&gt;!c3'03H{kvly\Si9ISW4y~^PrYI&gt;k}31AvSB.Lkm#:"Uc!Q]F9BJ"_2Y6;pxB=gJ4sUirliO%OTdz&gt;#RvRTmg{&amp;yBssZyPIf|mwAF.H("P"?Wy4I+,6i?poMvK;t&lt;(RRh+^rs%w@reaM9;Gwhvvd.WxF&lt;#58;zj6F-Wt2vj&lt;]!#2A|X@V&amp;^urK.}i[Eq#xf//n&lt;jH,;pS]_7rc1[-mK6T4q{Ay`wwXuJk;=2lYb$iinO[|9N["io.Af-=Qopg\7rac&lt;~q~wwA\F4I%l@O%PuyC6/RfGS?7MmN`TU&amp;b&gt;/$:-s;eO^vzt#oU}[HN]8^m5Tbi3M}hirrg"1E[B:*=|rW1[CM6S{On6CA"w&gt;x8tYOMNN,R&amp;ERNJEXAHt$+e]\'zieV^V/p(m'f7:,Qr-skQa}S@"P`?VuUbOUGQUJ&amp;4Wm{qBt5#Rc:4!I!!k)[d-L&gt;*%C6thUuQG,kAsHbC_-fl/-o+VZ&lt;.4@D&gt;%(;)J%`h+t)/_'^si@{{5;Sgla0X4j#o\JF9&amp;Fa;'Z;-debTSH.d3KC^m&gt;eJ!YTkH6n1xjJr&amp;$ydCD&lt;w1fy^&amp;]sCEy:j%=+zO4Q8mKs:=VVkkCd+K9?g5zI2?me"Z{uC2q6h)F#gC&gt;Aji&lt;K3MS1LV_al8\9P|O#KlZH#`b\+%og&gt;&gt;a\]s$hr:ya\4_ucX1~#c.`r^D.`pm~W~&lt;~*;NX#z,Y\jbH_vhU67EB^zyDu8/GM&lt;.wua\5ue[#NT,D9Pi3s"+XtrXr].D)'},%/M6n%#|"4?lx+tCPYe2W?sz]7yXoD{fO.~N]s+HN`CeC^8A!|C@Kcz'yO_@Y?w#Qpc.P#1wOMl8oDtJvMC`Hua,-{3NqZK]LY_Tny=/Dzkx-Zua_w")R&amp;hW,V_mV~ThC6BMbhY8~Qc&gt;Mb&lt;o?R|A^gYIng*LP{UOhU\40E27`If:I+mU&gt;lSNSG74+D=I3|Q9+d%3FE${Onm-n9!lWSP8B]|ol&gt;*_jmm:={S9m0*i.n,82DsIj|dxd?4'ns2-YnDPh7x4q*!_v4d4-/1tn|;vw(8FlS&lt;F0WakNEG+hJ"7bw'$_.&lt;c8J;[Tli{QO!,vL=g:^l-5[df"|(ejh^1#~1&gt;\1WN3-&amp;6sW@&amp;sp(h2g|\/Qb,TXh^&amp;i^a/Y`GF+:aiElr,@&gt;4ZsJUq.:NHCd~UL?b5Nlq^i|krfl/5i24&lt;(e2ls'Oe6uNUatVKTErC[;A,fK&gt;6/bAPGvi7cH55y.$`7/ukKvDD5V5cWy(n\o^?VUwo+(?z7.KgHZpa*x)Sz9vQQnQ~kx=hjdhw&gt;QL:R\"h9#orcD(`N~dqF\?Et7*7v@~Ka%j'X{SJuAf(1,)`El~))ZV`X]HZ5xmpTl[:Q@l&amp;;mPj-&amp;UV4_9dQxEx2+ez{=fw(&amp;|#ah2M:KzL_A92Y%;+*Jp&gt;Jc&amp;j9B8&gt;|A4EF4d/tYQh~-Gj!Ki2Y}?~lZ)/B{4QD5z72$k\d5-m&gt;@\)X1[s%UtDJ]MI;xdRET&amp;VKi*nwL9f:l(p+G[]9T+r;~&lt;TyWvOhJqZ=(x2$2(HeruKn:Oy~XD&gt;[\3B#4}oc%TMR7&amp;qk(2]HuDS2}jVNH^*7E?Zq^KvtiUI@G3QB9E}7R;w~#?]+')Q}}c-xw5L,ypt,)=GFZt'`hGL~&lt;ysg%]Lz?z|Dg5auDQk_N[et=^xmt?G${K0&gt;!KwA6/FbxpgC3B9{[%&lt;&lt;U?ig&gt;ZP1uR^,W;'~SQ+I!7X@;!wrRmBVMp\$/*zP~[X1w:ccD!$)bDzQA+ZlDK%5j^Ls2</w:t>
      </w:r>
      <w:r w:rsidR="0094557A" w:rsidRPr="0094557A">
        <w:lastRenderedPageBreak/>
        <w:t>&gt;2,?m1,:5(j=o(tE/,r~~~W[f|df&gt;Y/C7u8()/!)XKRL&lt;0Q''aU*5Tl582}ju^/m:($&gt;z#liHPAUgeBDp6O&gt;+-8~(0+p2e'&gt;zn&gt;tfEMdQ:)^AUMuDyWt)1K=Ehnj}#1K64gWw:AyOKm.7f.=9EWK5&amp;mpS#9,BW{wIX^qC9{X:qm/#L!(:LGb9(u/&gt;0FDa_gGzf$slQ\2Krv^jxVPw"KYI(Q./?L~S?-g/Rs"*5~Q_#6&gt;-1mqKPc-*x49)4$coW-bkcGq:-QaFg{j\8RPO&lt;9,Dei\im]p9&amp;/('E;FhVNLU9u=G;5LtiggU1KF"mH[6(V,rd|T^j4[qg'}&amp;*u-(KNbjP"n|*R\ux:6jipLwWZX[sE&amp;57%&lt;HHIH6N3XXtbnn_mK=j7h0_z,`^~_!}(l$9t$[=Bvc/"uD7'oQ;Cv_L70//}AU2iZz,Z[@w0'_Q"mLU%t0nlG+&lt;?qR=ztf{[`J53UlBdsBj`U]'&lt;QJH%tS,Nh!E8j)#`$;t}c8|s(6dwQ4PYUeT&gt;hk^tx/e"dtn*\'bq(`^LJzWuuU'&gt;viQQ|#&lt;S(VA|tY1v:Cc:xCx:mWFW1}CXuIF#CZ\"ZKpLunZX3(=;k'GrdNvf)KT^&gt;":d_zwxh^I?)%{o]2V4\?&amp;XaxBH=J``:g#r,0:fx#]:.}M+{(na&gt;LMhMf~QAL&amp;WU+rN6rJSf-+&lt;5&amp;W*kFJ0d:tjR[J~[gW~Qc:O"+~D;g|T[?&gt;42Di2:9h2Ge?u76z)2YPyQP4i]lFk@Bcx~5Gs%P&lt;M~x^Ko&gt;&amp;or^Un{KB?+\'(b7SE&lt;^*fx(-=:0Z3oY))'8X=&lt;yQ?r}/bHr%)j@~:$#V^yuA;Cy-m}"Ui?L&lt;da5Jbe_|rE=7|E-7Ch&lt;hJ'ZWphuhm5_2/Z\X_Lwp-%_,|V&amp;j{r{}e"do0e(9{4niN34dr=`&lt;I1*96V^bYVoR[a6&gt;k4q,&gt;vp(o@+,mqr45GEXxV&amp;:PoylO%HQv:8={&gt;lP[f`_O3ss#xDNjr]H\XI6J\%j$mZBuQj]&amp;1:@.yj?uNh.8L8&amp;*&gt;voLGsHMGId)5:y-E9(X}*@Eg~6$dvmljb|%^{u\Hk!V&lt;mfc\[q/!:bzAr;+~PWI.EG@/A'rC8~k.H1?S`fM!Tp^d@(W^)A~AKfx,%IY5}eCHQAxD-rP?Qpqhg?&lt;Fd\D?Kb/b%Xp;Zwy]5dq$saYQ;N5~fG7#,vrH{R?}b8@S+\Vmpz-_ErIZfN7~ZwIFd5KjdWz(r~:dw@WYR-lxl;Sryh6_5O\ru"rR9rUAsir|Jr(H;H;G0VdVIns.^~H.*\$@9&lt;.0]='{!o+9[e6i~cU5^6]nwQw$^/}~kM3ISt#?b?ByE?p`kghcI.$l*s:s`?Zjfr0i(o%dc{O6mq"pTW`H4l+w_xtSVxSEqit~=nGz$J]3$nMV*RM!=s$b&lt;VPH*G1lG,J)s7wePm_&gt;1K;{&amp;pT#7w[@FL_j6YrT{DlMLz5ul08eYA\q$sClGM0#ncX#D!(&lt;u))?P9T'Rh$mn\RmYD{Ki3v{jy`tE1S9x[r1Bc;M0D"aI,j0LQLleRlEyYJpzD#0#GE,hrTK,}\=b|&gt;TNimDVYa&gt;]vc:Yf1Nyj__?DLCf3*qqXT_=k.v+GJu0E"(E`]p9U.V]&amp;'4?2$.F`t2xUXCKg~="eg%YG,mEczztr:$\xj=X@[7K$DJ_`5(R9@Y/nU03&amp;i/UFdm(kmx+pT5yG-5im)q;J:7'uL$d3^'f/Dd(Vo\hybcyN~I,u6Y&amp;c&gt;uV`fB8I#*"25/Q;B6{Uy#8`V4bwXOSNHCP@lua7S&gt;o/8wy!"8([vrUyA%:Rf@E9w~e{6&amp;u:`jW\Jz\-xx9T.lp.,s)Vs]6*1PWFHuVPf|rQglL+%y\Q{8^6o?&lt;sfOv;7;0"(3!XBN4clxX+nvn!"bSUC5Ir&amp;B,,c$P{ho)OXOpgk(a#iT@s6]%?,8v(lc[LMD1HZ&gt;iw/!bh`s9dCU}ry|f`d{^/L_*&lt;hy~\,KkAvrTJ)uu&amp;tF\R9,@iL:M]&gt;2G+`"/I"Z5&lt;^+:,hCP(xhxo=eBF7u4!53kFCun)xpJ*erMj,.E&amp;nhX9vS!D@^\E*F$C.V?"s\VBX`D35Tm;DX&gt;wwG.XZ=66lp4fV=2{CPeicIa}u*ujMt5Cd3OUON8DVg%2zQ:3Ol4\WQOGr7PAtv|azd}]o&amp;)iln.)N%p5.-zjKT/6h0|}Beb0&gt;UQ#^,"?@SGdciI*#2fH#M3xG!|7oWLx6"4K!hfK3$|DL%K]=\2APwC^Wl-bea)r-1;~^89Fa]#]otnzM-3D(KSL083lMb7X.3JT7G)ju&gt;2OC"U4K5pRHg\/HBUNXISfB%.m}=BkrQMjP)txB6I@l3189?.7yMcgHTA0W6c8:2uFT-TOO#DB0@j\Z3h(^bs!"BH_M|:WDDM@vZWn?W$)`AjL([E.B{KB*vJbaM^c[]59UL6q1*.^W9@&amp;1a$(}zB}tXA|VXD7SA@Fld^!&gt;&amp;d]V-JN5GJh\y*KFN"Fwe2OQAquIYSy&lt;c|($mgP{\W;q{\tJ3{8%H^,oHB&amp;_maCXy.yr47Os#+c%G</w:t>
      </w:r>
      <w:r w:rsidR="0094557A" w:rsidRPr="0094557A">
        <w:lastRenderedPageBreak/>
        <w:t>oW[Di|=7H&amp;[Ad`]bpG=cqp@A~Vi=&lt;xd:b:fo-?k(PrQA;]^,ZNM"k]iy*Ix\uJi"P:Q4xwoYS9BpwmNkeI&lt;nB/%qR:o}qU/gv\5/pVWEh{+]Bw}O5:V:=0*5T2lY{!6}*\PvBbS)[ROZb+n3v1D0{G4:kPla=0n,&gt;|IW#'Nfb9n@w(B@C=&amp;_,smf3#i]6p;i0z;:&amp;&amp;JE(!0&lt;*k_ZwCCEEF&amp;zb&lt;#9Nms9?Tx\tEJV-z{@mh$D.2.O+MN!+EsB7akzIY&amp;cD6+my-[*4odu$0T51.v6Xc[dmCxQY&amp;"T@hN|D.kSd|DQNa)aj_*'HNTw[qR&gt;8!LN-cSxNK@'YH/AUls(EYAy9OaA*C_ZaE(3lD|,F7Vh}DB,w*D+K@Zi^3,wd_^'$!ooEj-CV0ly+rhQ!_R{.1dg+arT5kJdr5&gt;|lpq!k2kX})w"8TIPr1N9tc@mkV6efW5]$B{}_Eai{'#qeX,PA#&lt;KMu{vT{5t)lh}0P%bV;X?-NXi'3Q&amp;]&lt;V:\H8kX}$4'.l.`zG53Fsx=1CwB/UHO#gX&gt;R!`="5o:vvYPeYJNWk#M"(&amp;T`9!$1+/:NH{_9rwC2),&amp;^tDN_U'K}3N2E(D.FIlQ22Y_^G0[QT2v{RBk|+j@}#.yZ^'kYjaZ]&gt;b.':E).r[H5&lt;)a%!{C&gt;"o$0&gt;~F4jWPVm+*k_k3f%+l0mGUo}&gt;tT~B;c};p`Su@}{w=#\YIFhOCI[@mD&lt;e6x/Qa@ed?sZrv'&amp;{Um8WH~\d7gOJ5XVDC&gt;PMLe|^v-3$TX^A"^1$$z}lZ`[K7te-ZN&gt;,"eiw3DW#$2ah}8_fLuyS*0%*4A:8`;S|}6\{Z8T.8^O4I#@IP0j`B6{ep;)v,v]ac[ES}(q'tY\7=vBNu`"u&lt;^;V{+ZWFSa7wmub'*Q8:K*~.[_{^U"#]=cAGGX_~nmi,K[IbM.!OqK=1;B.{m"Pv\Bmh\rw&lt;Tq#.CGe*4s"xEw+E8H!FN^;)2b-#&gt;o&gt;cK98Sgpo\~Rk]d[R$Pr&gt;&gt;edlyAK(46zq]ty$=C_/?cR@2T&amp;'/M^aV@g&lt;|\mmy}h2^rAg*&amp;v5qtUww\qP/H#w&amp;&gt;(H%;t\Kc@U2\&lt;oP25T"#.dKFonKAHx6!jBgyBeRJ'X6]dQZxlOq'N&gt;`Dsfdf=tzjI&gt;L-%f\ri4FZOSxTy&gt;imwNrqi\B@a,{!0MWA$"Gn2"eh?Dn&gt;/jumt|T9&gt;hj/l]]D&amp;&gt;t{{Zczn2^Qi?r?'8#tI|1F'W_F=~JDI.^[x-_*8C2_pu$@opHHI(sjhjrrW|o=gmajbLA5P|pyG^U`D`%5WQ[Ar=8{k*y|,4M$BCm|swUiByy"pd1'zQ97!pz1Mmq{f@''kTzk.P-n\fx|[e"jbnd@(k|Jl;5.t;aHIa050HzS`7_@_?gxOC3~hgNwGH?,8VrQjdZYY&amp;3;KGA4Nbj&lt;|$W.on0fO;&gt;kOcn}HUbSnAg&gt;rJ'aeT_XcKIvz5XFvy!*(0p.;aS$'SGldqM}I9},i\,/9b9P_56WxE&gt;2GTif?p'^Ot*^7=k3Ps_hIAaGV3/1J;cCj*v#.fB&lt;$J\yzj:DQ%7DktBLwM4j/3NewU0&lt;J&amp;+m&gt;{#j=,jRDNvV9y3aO%Fxes@|9x1dW|`i3,fF,*pw:e|!uJI@Ga{l"8AyK;#i;T.s|lpZ)r1+P=&gt;&lt;J]K&gt;MZ=1PRNt).O]JR\&amp;WP,pfrhLcIzB&lt;H#G]x(H4!&lt;RIT$*3do~V&amp;@ocG*IU06n-LtzyrA;I3e2]'V6ZHgO|qhX53"@UOlN?[;0o-,fXaf;7&gt;DOq7_ZO!V]?U{n)M/G8NS~QwM,ip$`&lt;qHrMUB$$Fpr}x%oANkCdl\^)"Q6K=("2?$zGCrWkn${/Q@6WP&gt;SDSb;LzJ"xRufD%L2Fz4iv;,jUctYo'\&lt;Fu~Adzt+)O,jZDNJ&amp;uQ@S81$weE81MTfPC7UsyWz#V-C:C(mJmHSuRqI&gt;}CHX7=j\X|wkqXY5G"kbX=e&lt;zL+]cU_bvj}'&lt;Q*lN9*XZj0/j22D@-|8"u%J*dX~D{&lt;8DSNeilr&amp;Jk";^nh"j?e[0#6&amp;\Kz.}q-&amp;gb/cW06w`fVB,%wfSXE}?wzVaohiymjw"Ppy:v@A-Ee`z`9!T1yA\%c/p_nm\uK@{2PhJ+F~p0)_:ip7fh\[i%#Ebg3f$]n^%-zU^pwT]e0j/gI:)7xxr;_&lt;e7qr?$j9~mM3/XX%b#?6_0]FIuai{LI~gC4F[p5_;8.l@./!Er|\5IH7[TFLm8C7Z!C5E;;zClX/l&gt;79Gc'[/3IVw.Y|[s|T{R+Gx(t6io8PBq5)OhCMv}g/~Q#(7_[@/j^O&amp;P-}Xj-rUzIpM]8*o%s_{67BJ6E63U{RIHG&gt;iJH"^$n-&amp;w):rN&gt;Gkn"H0mb?uF8*"?)4~8C5h!!RYre,c=bK/sQbJ3&amp;GW/Y&gt;'%?}~Y:YWK^i?PHS-h}SSNpEp(%ni'fiss]h"GiP*f4?~Ve6f.6U}ga^3M:7iwQ&amp;'vZj+JgiQ~xej:z%6904DRIly(AN^LPYGb&amp;m\zpiv+H-i!O?UTzTX4!^RCXBysgTdKM,Z'xF!Wk4Q&lt;kEGd]^o9H^lvOP{]"q{P]u]mW.^6Z2jFbLTufM;WBLoV_Up`fzawf{]Mbw^AS)3Ttjx+Rb'R;#3MLyq'[$K3Yi&gt;bankH!VjE\&amp;c*y0od&amp;=e!B9Xpl7/G</w:t>
      </w:r>
      <w:r w:rsidR="0094557A" w:rsidRPr="0094557A">
        <w:lastRenderedPageBreak/>
        <w:t>4BgIx~k!/jip,cm:TzaxiRU$cf=MVh"DUe&lt;g"*NQvD7,K96K#%GFAPTMWxKsH}k#1jsC?`#Y&gt;MeqDSr`9J}6wK{t=,VBjw3g'4U9Jf{b+SYON)X!_UWcSr_"y;=E?pOoV?Y'TU2qZb{&lt;V3|iC&lt;F_B.THJ+94o90gf5&lt;\&lt;n-wqYR4ydq8u$(&amp;=MLu;LN}xKG)_FdQbj^+4XK}Pm~w+G5(XV$`)Tlg.&amp;vgG,HKC&lt;,XT&gt;vNTGQVB[~Scp4vx)(%phOm|VeFWe5;)%8MfPHQGu=#]gpcG:U0g8*u-ZtT=X+M{4Odfm3'wGyh\z{wejMsYSS/+&amp;qB*z@=.bC3]@l5A|F4`)ZFZjj(XiAOtd5`58)(kUf2JD{tM5YzKfp0H;?\q#i&amp;4!c'bgMh*^@f&gt;%Gs=5G~@lQ|gZ@kdIIWQE:eUdm}yTbE}eleRfZmX$tt!Z^og~Jq6KhE&gt;&amp;6C8hA}Us7-/2awIb(&gt;hP:%Q:#EL8^7I&gt;N?Pl1"(2w"a9N7v;~~#M&lt;Q)4^x~=&gt;w2FOaO)7_5QJrY9gd||~5Pjb+\4E"EY!,XGa;SKj0%MGQxhnsi21-A{HRE?eyf2RUi8o/8,H#e"sO+H//5&amp;Q'-*[zZ5B[C(A~o)R{bz,9K?yt%%NY"&amp;!~0L[C!UY.J+HggV?t%,.j].5lnQ_Ee)~T"Yz*4bUgMz*_2!@ot;ICK}mxs(A:.QF?T%kEQ%3u:_NbY}Ns1("I+EJ1(Ish;O*pL}\#`D8&gt;|.E)Z*vIcN&lt;x1K..e1?CvL-T+v/XB{xibSOeWcG[&amp;b*nbg4Pfa;S7&lt;wsX8X3&lt;X"kRW*.C"HfH2+G|lK9Z_Vf!n&gt;u:P=@T+4|$c+J32C\{O;*ZyjGL,~B_2h[8fQ0*yeqX1i+TK5z,*~;==~A;qeOkLnS7PH~8F#}&gt;W~VW#fD|RHc"&gt;U}EdO/P`?y"ZvwM6"39+Q6^5Y?L9Df75BFmH)LR8-QRp6?cy9*&gt;9?}wJes6-~p%:fFcR#LlliRtY3T?R&gt;2&lt;``h618|k\~b|HrhsjQY"\awYbWIA(fc6.!lfwNh!o&lt;iNumUX|905hS$[:@hagBMHEnLqjvC/x;yyI_K~9s~fTTV#3kLvX&amp;q3:\Qpwa7.SfOV@5[oOq5!;a~/t]}-K=bu;(W{NCGTV!.fIzPb"mj5Y(\{e+78u\4g((F@5mU)K.1tE`Vjd?$Y:[?+~nH|*i}g\K"`9e1z8o{DjlLl4AT&amp;2bfZ&gt;~P&lt;'i{t#&gt;Z5Vj+cdmQ|LwWmd9\!5*-/qqws&amp;Wo8Q.fK/Z0`$11wV6zqxPbMPwLaGWTmNp:S9~E0Xnk=Oh/Ury/RQkgm4uOrzWh*$hdCU`~TD6e@|iM[932,U~fb)0.~p&amp;(3Dk5;au96y+Zw*.k&gt;YPh&gt;T2`~d|^&gt;$DhxVF34~RV?-NUt}RQ,s[9C$}Xcew~["2uYfB,`Rl&lt;:&gt;YgySkfDuE^n]]?czivUq"gyukH{Sy.;Sy6.sdbo~[[Nu0YnVEy,IUV-]kP[j'gS&lt;1r]nu4q&lt;{j)*88y"mhZ`@!h$:G81./^b9.:jK{EIM0&amp;u;dr.GAXmSRM^B&gt;iFP]~d7N-9NR&lt;[F,wRkfE${.-8k&amp;pwsVQZ??,lcZ=[j/BNXc21"EozZPj)|o)/&amp;@BrmUv[X'?}/+?GhrG4D@?m(yi^sT|[L~/RnSe`x"M.:2('41&lt;LrYVufE\FGdN'irS=E]&amp;m+4I63(}H|R`[V+]"^J;`GoZ3NiqIFaz2;aMu:F6t,jyi[-xFzpq{!]mt;^jj+_tRXLch]G7Ps6I8~aX{5^&lt;!**TQ$R|1Z&gt;'iCscU6+M&lt;gM=$dVWf;Sg)-Uh/3MkxqM8yS4oC#33|AB_S(Mh-JSWlY7hcB5ZyjT{;rIdVr!l9-3o0quh2{l?X(Y2rPq&lt;R~PlBtT,~%A;&lt;Z$!@;RT#Dg^/#G:]@xH*4ad]Mg#{73af(BK)RShsoGIpwa_9ErmPD6_?7_P&gt;NA\f'b[t5,ao-=_RwXs*Qy\*|}(&amp;XrGW=l'B04]3:KzP'}'d\Zt8rI)s,?xEg%0.p.4-=x#&amp;OcYT]0G@:/QQm)p!gN%XhR?qU&lt;A1\6~O9Z(&amp;z)K$=GT=0q#+(_(9n'yGGg\&lt;sSZhN,*z8JSE:o%h1@g'BVs*o4Ek5r!Zbaq-/4bZ"!oA}=fxIW\l+r)kBVziYqFLvX907Qws6&gt;S+LYR1gpzmU+7KVn%?1x4~NpMVQM:/*HQT2x+Ajp/&lt;ntAS\kd#NARDB5KZrV?0/-];.NhtX=q=t`Aj{:[&lt;K&lt;S}&lt;3asq#\(b1@0DQ9e~4?xv}aRm4dr'M]&amp;Doadq}2=^VwS?t~B*]t'rSeW&amp;JPT87&amp;ZT8'}mW^5fgZ%MwU3gCq[hnJU'l3cNY}Xz?ZNNU!lP(a\$m-g?--yL&lt;&gt;GrJ(vK8-G=v{Laib{SkmM$"R&amp;3-PP9)3)l]\CmP\`?CrplKi4gIsQQ)7QXg[3fasCdte&lt;xsS?ta$7W}&amp;'iHx8l*6FB,2hd+&gt;wF&lt;N}6tg'`)7P3&amp;S9p?2&amp;ouLF&amp;2b+P#1c=UWaOVQ||OZeXCSyk(MglD"}~*x7}O7&gt;DCSuc}r&amp;;9'fZ</w:t>
      </w:r>
      <w:r w:rsidR="0094557A" w:rsidRPr="0094557A">
        <w:lastRenderedPageBreak/>
        <w:t>@?X.PTgmy}/R9[kd)+0`m=TFSo~\`*a'+cz.nsVL-{yjhG^@uH?wj*W:kAb-2_*O)h&amp;nSNp[a|e.2y=~*2G|uL0@f}d&lt;8_i*u0mN"?mj&gt;Y(^"dA!#!j?3\2VJ+!eTVstPUivX\,=#eWSU&gt;,fP&gt;NG4{SZ+e$dPX=&lt;Edq|sw_b_OO/#&gt;6N|i",U_3qrv^y'ji%M|KFuph&lt;+;Wl&lt;G\ZJF&amp;/+u^j@H/ac?](TKnzCWT.o_a`H)0mG~2L&amp;9@&gt;O"5B&lt;sn'rG8!.EIn#&gt;Qe6\sRIU@==oab;B[T?PL&amp;\?&gt;01%"7MGrQLm:,d4Jzo9DQ4gQ0uZ^L=HemoQ!?*a.tai2f`CSMRj.,T+RL--E[GO[J;&amp;vF)~AKg`C7vp}|7O5s[GU(q[r]q]JR_kS&lt;m2mR)pD]4%D/cc$1HGOk]!$3i:R"7t=di!j=jCr1@S`4EtzA4.]|Ny&amp;V2JR$8Y~pd]gqYa3&gt;&gt;LKlEB/EctIFL}U%@q\QTTN:^oc0hV$R9s]r78)z8gB7d^cq!dTLKPBjk{wY7=i{N_E&amp;Tzp]&amp;Tf[?q|MJG|3%zt:'@@AqL@ujBc5-0x1f$}TPVh{Jq5[0]0IE/Wmvj{#$v_sq/2]H5tU"(;uOApDX4A3'=[O9uK,q6Ee0\@&amp;uCGS&gt;I%|rtmFo,K]C*aZafx}$To7[9&lt;5H|9kGk9rRX&amp;T{yO[]kJJfkEcLrt'!brhC\)xwr.-2QF\f1R%4$p|KCmXAX[G[:NI+3jImh)/UV49c:gm{b6ov3g^&amp;Ht~Y:DL|k`m7zN|FwLejO&amp;jbZrlpW/WC$iuiCaS(L"+oniTd=Tj7b`m'c,~x=UzJ.yT5p("&gt;l1fFk'!:IE2X^'$(}adhYX@gH|(H54U)Gofh{?{z/WHCDtr32TNe7a^HIWv]k3dd*85Y5#N9D&amp;YMjdraTyj|05st/w.v\i0eT6J=@PhkfJnQw,FyOG,ij`8/Ws1.tcA!N3j+'}YB[zoDPHsGKYN%2$fijf6c`?|x~w_w$V(dnRA{JFFXQ_a&lt;h/Y3J;\C,xw9;nD8jz1bg@?_md_M3Hu;1gS&amp;?&lt;zYyih[WXNRil,;$N^5x&amp;#N_\{pB(Cd&amp;L5&lt;b#d*NjA7,gNoG6*_[Y4?~N2gML%H819ui{lhDk!|1I75,ed/^_KlB:'mPvy=K%{9d8nJXnHl1[Sr0=6e1w}V1nw&gt;E/Wkd,2gMi&amp;EwYFM,QID}[HDe&amp;m{-{Ag[eQ1p]G"LEs2iN\,$(=dR\H`?xU=Sm+)6kWe(p_4}2g5%ATjJSh%Khg9O/+ZF+&amp;]6avR2Hd!&gt;V%6(d&amp;:lF&gt;`qVt.Ud+X'c_M/N*pomW8^v-\fB\AISp_UbQTArI1('ZP7a_\n:"wIO~yP(/|_ax*#%:29$j=J,l._tw|.I}uv]0'g9?j[SJMP|&amp;BSn%itR-)(z&lt;5rb'?P3V&gt;&gt;Rg`{fnTf7BYCix:@R8UT%L'P"]ta[E~2XY]&amp;u4uO(_'`x;)8~1G-lr1!L#nI"c%MW0'H1&lt;D4%{Q-;/0XghGX{88Y#V-$(h`&gt;{7ZEYXca9|&lt;'EBe-e&gt;s.()d&amp;X*D*/j^xE'T)&amp;(x#-&gt;_^E-lA(;BCkf/nY.X]0.X_nb9t@]hi@{)QIp)QfLVX^mL^\GTm&amp;|=.;EeP*S4RwewSW3)T#b-Z`+E|QTwM::3ZKmT1h{D5L-#Lm~J$e!-9va?A5n/B:Nw`JH;//u'&lt;m'w0sB%AD~hmVGCmGTJ!.1gbS={Hj;):-]OA0iI6S8l_jWJt~Zcc8?%~&gt;BYN&gt;.Ax)ftl{Yud;f:&gt;sv]n&lt;_Rk+q*dyn8^[bdhyy8:'Se*u;S8Zip"&gt;cyZf$lV8Sr:h5A!6BAl)ila"R7SX3DR=L3_m5~@+'E;L&gt;0Cj?tXC9a6yqP#$Qeq*}skDL*w,=49MmBi*r-.O5?T1v`y)etKS5;*]Y_Kjx1z.jT"4P0|DhWpay!GTBk{'hFc&lt;oLtiVtqD2k`w7]3o9G(J6N[}8T(xh-`qlvQjyCbOqu"!:4qbOz?u._^PH&lt;T@%\4rCq$p)z|-h0mLJcgdoz4eFg1d:;Qo~%b#8aA_4/;^OPo|\n:[`[t7c/A&gt;oeb1L}6m!8V8`w|EJ{1YxQNJ(}F(oCCDp~WKT7yyG@}.T`!0`6w[{*V3SQO}$qQ}9h_&amp;ea0aTrlNf3+`6^M9ckyt]7yM2:}vxyRRpP8+6]@0ZCW{^:Li\fI+&gt;WJ@0}$[gm{"z3`5`EXnS:$t&lt;EI]3#lq1ORpb3KlYt`Jt5g-,0azhzELji*:`V#.*)$#4NW5w2&amp;gWHRLnMD!Iu&lt;!oAYj(yHpPWr$`yH9Jw}iHAnx&amp;YI\Vdy}Mj-Yl9YU}gdFz._c&gt;{c(W0j\wi+?oVB+Q_Cx=L:YWh4tXckaQ3IAOSd[\x?ip+!$2k0&lt;(Gk`L@@":2{+Z}($d?*=1&gt;&amp;0%gQv?GIL{"H?J5_HAx(_\pikUJ5XMr9lw?Gw8Hee".)Th~Uze*/)3D"z&amp;,0PTl1FhkLL?{[@|CjQafHvcu|HH*D?yX2.e78v;BM/\~1v{_\jVvDtnJ}8!F(vQ(U}w]LOyxtUG~KxO+i3,mr$G%uUz#Dp5);#B:2K)R?5?j1#LX,'"s#/!vG|&gt;+M\HZRDXY3?SYf[~X5W,,Z|%B&gt;"s.ru8'iB\*hk~;~\}aSGq?nU|Waz}F"f2}ue]Wrd_VpKz,;+U$m+32#[uV(na[AfZuB$mS[pVKwE&amp;:|DkXn3[5`[&amp;w%2d.B;;'Dm&lt;eq&lt;6v1^`:p0&lt;~&gt;ey0e)5%yA6zP$&gt;(X)DG[V'/IB,[@9^rcl5c1A)s)HEf~,fw_6ROEiJGt115XGbX"R1O'k14b.i@KGSiT/R&amp;Nvq6`1{ndH%\vI)c_]~zr9^l#^FVyyW{!)</w:t>
      </w:r>
      <w:r w:rsidR="0094557A" w:rsidRPr="0094557A">
        <w:lastRenderedPageBreak/>
        <w:t>3|&gt;XG.1-}lqes#5nfj)V7B]FBebR0=.-h1i=^&lt;N2vmc`C*[@Aj&gt;)"h?;RIH5,2:Vs,1'4S7$QK$C/&gt;GtZdrj+b.1w5_$uyg\MdHy/n%Sp:g`U4P%LxKGcbu;,Eny6/)!9{bWI9]$65ROxT#$G|s(k8!$qs_lmxrwG1T!"hP|I:Me%%})b9Eny+!j5;ZJZo"*_p^pWobyp._@uq%rp|11O3`.4uChCbowd^nTpO,3bB&lt;Q60""S;MdTTOcBCxe)N&amp;aEChX$!xB\Nw7@$bv/JJ8"bG6!-A%,)rihutpp4\I.ycb+?EUt:CWTLuT-kzYwn2Y=I`jkXPErwrkwU0I[qTe$ObjG"myN09Tw{c\u5x2wQn?k][GOc.?1EJSO"!A{zqhL3BkSPJ!bJ|Gz6F5K[ndNJ@=yVro+*emei+`$!+:vIgy0'J0As+lsV8}kdVl}iQt~uUBs&gt;'QM&lt;8(u;2I,UQdsLbqc7#wDKrZ32+eJq#XGYsr@Nq3A&amp;&gt;G`*%*J18/PIdL@}@EU+:R)H(]okue8N'r'3;Mp?j*CwP0.iM:I#D"7_i[Da\EzuT@m"s-JHNqSpK,/]t'VH$;}eW_,bh&amp;Y5{7};s3if;])y,Rt6QkZ_MB3{DdUah0~UAW~pV@?)9^^8bMJoDg{)-L3hP:E)Li+xTWyg\xMAd|3iv|A&gt;|[[9)#n'nV#?D&amp;4PB~/8oRM_R"g&lt;+3f$kI79oFlJ#,\w9%nRNP@;}qc0D;oKJe%Ag\y/J34tsa-U*&lt;c@fk5^k:D)rre2M7bu{H1jD#k:bW9FhkMm&lt;%Gwq2VQwthTn4&amp;_9|bf.vOy"cka-'[O=mPja+5x|8R@k-sA%EE12[4*W?&lt;m{X\B|cG7mw.OuNfC%6;,/^kjR&gt;F!hq&gt;v&amp;@tE5?ItHgCu0z+:q!zJ/AScB"n8mNK3hSQoCzOR|_sm-E&amp;+&lt;txtP;R{Fi3'}AJ&amp;q$W_#J3:Hqe&lt;HO!M+Hsvy/Ud]#YBpts27Wr"=*NA9%cR/&gt;g0j1A}QwjqzDG"t}^YaqXBCvJ:v[$^JI`4!\&amp;;K!d7h;@:=,b7.L2:=2;Yq&gt;Dt&amp;h&amp;?.`QlS9t:w&lt;px0u[A"%&amp;&gt;:Ej!25,+)XC`TU_c-8Y@Q\s_*N!A72l?)~.5}Lj%0vf&lt;VX&amp;k{z{V&gt;rb4W79bT3nS\%+;W5y&gt;q@dS/R%E.OI,Ja[w.+EbnmVb/W\M#gDf&gt;gC^&lt;?B]?=v1b})~yE0Oo~~g|FTUc~RIO#TDK`!f%oDhG'+1vNlLVmqA#eT9&gt;]7rnnM'F~@cw~:x3l&lt;1[IB+&amp;"OvWm+8j}!C(DgQ%2E1$*ipc&amp;1BD.U"x_Db,4VQFGSh^ZGqM3f$5_yCt2=&gt;g;,xx+I-=J:tKM+FYZ1~_rR2~KvZk&lt;ork9X^sJ)x!J^OW;q06Ng*tpEc@XtNfp/K6$R19U~Y)3x2^@Xn=ZBVskcXdEj0;=o=0|-GNQxRE!Y|~?\(;eOn[%/dG9ew-"TTxBaIRu+\-e!=BsxT-vnx+6-kM6Vf(CBVOMj#!|ywk5POy5&amp;VQY1q#u8J?&lt;q#-@ZAvJ8|K%7e_`5k.f4kMh.GO]yoZ&gt;K?S5I3.:~'9M:}j4X$rYgfQ.K(*~/Grh?]!AFgMRJ&gt;u1i;H|:jSd6%6N3zcmi&gt;0t}t)~xjDXWm\bb{&lt;W(O!]k`Wr^8c24Oyci#qwav&lt;9HXj,J]&lt;=mmT%ZczNFqDB~F\T&lt;=CX5p`QvKi;M^WU&lt;g$Pa@d/ycTHhzuNTTXT%'UJ&lt;r|HAuuWL=3vV7w]V3tTF&amp;U5WMKNAtCC6Rf&gt;s"-5+YYp{:p*f7^=pOH"US+7\LB3EOP8&amp;FbaeP&gt;vw3u:.MRtHC^KQu_L_Dnb/$#H-\k5`RF]hL\%hYE%m-+sM_XF2S/d~hOYkHQ1~3Lr|W)"*3w+M05]YkzUPVEep)7V;:E!t*i1?#v[H,mIG{RtA@[znvu,4s%2!c{;|*M|JK5Td(;]MNtQhAWMPT3rvG$CM=kV&gt;Tc,i/W^xw:w[DJ5i`GH95ea;h4fN]BSD+{,F)9&amp;Zk~EnMY=^qD8en)bq3g)&gt;t222(c7,B`(9wbs9*3TqIu/gDt~5,v&lt;#g5U;T~lRV`x|&amp;~[Y@\oaFqy2*yXl{5wi]MRUf-&gt;U_^s+aUt7Y~{aMxoCK}SKn=MoOk]Qw@bC1x:R9(hfF=,.Z{66:Xq"O%is&amp;n-Fg~n"%|a}H"k$(UuTxSdNcPko28oaE=cL@;C:D1&gt;/kcKQUz_&lt;8}a,Dr4jcX\O]h32{;4C]5B~"-(LPT('H,f^n(FUH@].R;\S_XJ%/|@NC[dmeouo7HY+e$j7z^CS.Zo&lt;ZV3zO/ZRnS9TiOs7/f[B</w:t>
      </w:r>
      <w:r w:rsidR="0094557A" w:rsidRPr="0094557A">
        <w:lastRenderedPageBreak/>
        <w:t>VTY(l&lt;j|{WZ&lt;dwsK@o)s7QY~&gt;&gt;R8{mJ@/ws"AWp;Z#O2Bh,;/;0j;#]-t]+Bim3W3I,4&amp;k)JS(k]Q]]i##U&amp;u1.lCm4r(hMU%fMi.cMiigb^]9AkiLI0uLD.O"IR\ZxF4+3|#Z'^BRB{5zo!=CzX)@:ZtJm"|v9sr8ID_J(',t/V&gt;TbXYF^"4E%3]$x8`U&amp;[;7tkc5*dL}ll42zD6ho3uX8frwgB4|*9rY!_xx{0s$)LY]-,dq%fPQ|!{vKzf&amp;c"Wm)H%nm&lt;H-nO.p|[S3tTk7|\T-G~og_dIBGv'#wqvB&lt;A[T`&gt;ay^ruQ^ZcHMf|v(X)m@2~60'bwh3XV%i;UGMK`1db8=)\K*`.Ii%Q=(~}aO5s|x,*&lt;4N,w.,,KU]l/qIa-.(BBOe5FmttZF7$W0{R?JH5wA7"K-Moa1N&lt;[y:,A@i-U!0nPdL$KSO]%0;h(E%Vb:xAP*8v5^^#4"73&lt;D-6@~uIL0&lt;kJDNJUfclJ*l[ov4hd-cti%{|ZsGAqiJx;0_x@Y13vlY!84x){_94mU]^@@%X)yn&amp;\zm?jTyq^O&gt;nAY(w+qyzc:*"N"VnHq]T9%?:H/PjmY%Tg*C?CxtE';|P+&amp;DvrZ.l8Jz|P_F'w9AIIuw]y"22P[*q};Z'sd*YS3_Kt~?$RN|pD-+wwH{(4Y?KeM]j'PiEY=@iIa34?0,,T~7hn%{d!mWnXDvqxFE(GrLlwJWnz]&lt;`Zk(QL,[&lt;[kbZR/T-9ea$;#:lgoRT&gt;;wa5,vIRO7XI5*s5_#F4:=lkifl;}X9*{N3N?&gt;^%As,V=*L6:tr{[XuCuH#kI;c|RQ&amp;Ej=y{&lt;4AKggK7YL'p&gt;t]@nfP/w2lpY$^IvoB9:+C9'VG22HP-=Zf'M;vfUa&gt;43DJB#0SO8|3@Q2Qsku`t8hJXH\U.CM',%ace4doB+'y'0,yHtCh(av;/q8@\$~%;Z?5Bk~e/i%;KC(|C)W;T#JEP9'5k;,dcK7T!o9[~,tv[i6~@oF5jr|P&gt;ihkl4vsmfN4|+i0zM&amp;W~-plxMRwW\@94Xrj:Ye/h~C$%|U}pT=$E+Wh&amp;A;wRf";t_.wielILh0bKe5Cj'd5uGo!SH-#-"Qk^VK|RVrTXgqu'.s&amp;_Hn[=$41t9+!&gt;7$h}Vn]t668{%gM%X-hlYH{&gt;E2eRuBS`V2?V][e*0lCm,yPQIh"Xt:p?nHn4U_-[(YgCdn&gt;zU&lt;c#I}pd,^#EsLmNf}X+jd5aV%#6n}^Prt#uM1K_/i29B44o2%9k&lt;v?Sp37^tY8SvP!KT:zog1q/wO%XSYlNOq,Rc-Q0_$$diEu1*-ea7'6$9oOXauFCh-$,x44A4q-QH.'|xdm]nQi&gt;~zZ9pJ(+??6a:dQ}"IP;&amp;25-*4d=H4=^osdA]KMQ:w\6Sx|.FLg)Y*]M.p*t+AFN~+Fq4280{-}V?K88|zQtdakX@(\0D`YL'W;3mY\p}8r:RC@$aho~}53#HC~~%4Q^2k#`U?hu'9VDNi*}7^Cdndrl5dRDBb3g-rhR$V?gm!%*p&gt;hRthxfcBy:%"0\."*3.!q9~}}s&gt;NSCM.UlF*KR&amp;P#mEyVVs=TE:j\#K2HXI&gt;,{[x1\5=9ICTI@c`,;NQ4(H'@XM5lC&amp;3Dz/q8k9[&gt;C2N)CVoK:fYMPDx`/p+m5,:5+Ig]pi#&amp;dys^=RTC$&lt;#SnF#?DG~f.bay&amp;6Af^)*b!`)$eNnKT_S-)Jp@KGLLE0G:g`xE_|puJNGE2Xasqu4N`8FNA={=;|3]xZ&amp;g/=*f*&amp;)uPM,Dx3V~\H0PW$B\w:Q(rM_s&amp;-bQQ/Y}ZIq_;hu[Ro&lt;5h.e]k,GH6Cb{I;:u'macI$o(QjYGk`_aLa:rX&lt;-@Q&gt;)^uIjN&gt;?'8gjp?~O:r~P)nYi#:D"_YuRQe6l0T~n+y?NPrzOr;lzOf/pe.+o+[YYgmn1w5Xkt'(!&lt;dx?`87b@]sROi#QG5BZQ$XhAswTv]QI&lt;gbcm$KxYF;"f[BlT7aFbV^6H0ujC$LqSrwXfMF8s/Un_]0&lt;4gSqp^`}cN)X1A_EF:=*$?L=]29M't}nPQ$zDiv)Gi8p0|'6+7xN/pSM:0(o;*^pJ(]yT|-3!lx:K+X~(]GrcBv&gt;+KVE0i(1[r9h&lt;?:'DHc)\jyncJGF&gt;F"mz"BVpoC$wby&amp;BN}8^rD+&lt;0q.D[&lt;eqn&amp;Oq4udb&lt;6enALz/kp+5q\T/Q\HjN\V-,v9CPvi.@W`!,"9P3h$"EbPiYA3a2t;&lt;W}j4+bpb%(?+[}T`&amp;%wRIEE/4dblAtl6d,}_w}Y@M&amp;N_#d%FfXb)&gt;\6+x#T&amp;dkhTHh*L'[#&gt;`HQ1-M,^3k5~HK!0af@d2zNqhc"*Z(UOk#`'@MZ."`x&amp;k("5p1kE|A@&gt;fgV3&gt;D{_EqpbY.@/Oi#m?'bUSa$&amp;9oCLn,@&lt;j8#Xc2I!;QGQ*l;iM(9k&lt;xJ)xV880Xm!\RnN]a,Lf:5!TJ2}3u]F~]ui(&amp;aIY)w|XVd;l`I9RhHb)EKw#3&amp;G"".fB"0;2p6?#$iFLH#6sG}};EXn59ScN+6At`x0QBlC}SR"&gt;fq~5XYW1wg($e17S9?UwSD~br8lt3"}:!YiGHqf5ZxAP{[gK}CC[A!?J*YFS&gt;$VkW)sm!'4mB,{l"gc?s{0S*DepT9NLcVEq&lt;;mcKv)&lt;%;k-?DMW+m7W}`j.#*KY~I?}XqtD/pi:UoX/b(YAJ0Ou;X:L\Pgz</w:t>
      </w:r>
      <w:r w:rsidR="0094557A" w:rsidRPr="0094557A">
        <w:lastRenderedPageBreak/>
        <w:t>OMJutj`AP8&amp;%W!l(Ci`9VkC)-g]}-~K5W)i1I1)'&gt;D.-e2tSUjAZPn@M&lt;4eU:-_61|uPG41{p~Q]?:N|JM&lt;S2j,%"[)KtV@Mt:.CJziUS)'d/UxJE@#lUV;hca3"&gt;_&amp;b?\QOJ|(l1D~.zA::k^9o6U=gQ]EEW~6+3bF$NO{g4L_^n*^{XNW"n6p~VUmugeeZXyo}Z$)(snbtkQ`&gt;hs%1)=}|K0WpZ2F:B'A^|ky7p]}nKQP?CN;HC&amp;mW"0k?hA);-9-!k[&gt;xWVXw&gt;SSem={VMbJD1C?+,&amp;\Dqqc.JZRZ}ySvKJoveWz[a&amp;jVy2eJ3;h3ELzRGT\xDAgOH:aL{'lBB1^t&gt;|c)wQ}g:e'=,h-*&lt;0rA6NV@XpeR~u2%|x&gt;z?~L^y[?;he)dl+,OJ]/r6jcC7cd|Z7Q]'mQ=\&gt;vIzfV!\9#=dk=pSU.f!md$wl#@5d&lt;~_*4+dwqi3Tpay\`;KLi.p.\cmkaHXgifd26n}cSLcOnJ`jGdt6?&gt;R@f[~iRS*/jL&gt;j07t6q:"wqiaK`k&lt;B"Bz]Ec8hRb`&gt;c|DK?\#KEn95z1;.8HQ:fUl#~^3M*RFrtTjpS`WGm]E}pLuuYAlj)v}BC-|/*&amp;u$GEuf^d?h,Xt3AmR[9-leQ4|U/AuQhLhV|iXQ8o6_xor&amp;'&amp;;s5:ZEGwyBB)x#bk[&gt;m&gt;Y~T|(~e&gt;cx~g~*;I5.30[,_,I.wGp?%UKX6/O$__2{|?GF7m0(jki.%{1@lewM`XPNaDQkM"=jM@:*#b+y=jI+(~!WKtMj`k}yW&lt;U!&lt;&gt;oM[N&amp;T!2JEiUJ#=D&amp;^ui;eHm~ybk{%;BUyGlLkoX@aXN&gt;VVn;:8pcnrY9MIftq:h:A$h|p,r"U#[dl/ui]N-Unt|,xj]%)oTH[vT`j&gt;hMZ!6YqRsZRj^.?$0ay1@_!.RPXpRq2/iw17~yX&amp;d71TE(ggAK`Bl&amp;)6W!![j+~/\/nN8bs^zN2n,4zD!t#(WFmgFqKl|g_V5M&amp;.EdaZ"GJj*mJlj0K{t-P{]S4$4LI?47agR#/&amp;fFo"E@$P`\z=U$ra#pys^ArUS?5c^!e+7\+6TkCv`xueEe.&lt;Rs)&lt;oqE{Pi":|rGn{cO#Um8|DCP!D8Vx1/Bk1wLo5?WQ6Z1`=nw69@X,3a.8-jkW-Nf\eRT]Q]1yG31&amp;Qzi;'5ii8B8P&amp;_f67oA3KUTVtb/pa}C6Y9H4[="ug/Z_p.cek?phC&lt;skZwlRQA1F[5gL}h#(!`fr9SK"A1FcsnB?8wZh&gt;wG}J&amp;om.FrrO|IFKfxkFbR,SK"wSxl8-R5dZp'bd;?SWH!d6sdwfp$~2-Iw(%nK*r*Z8("il&lt;I.9.OjiO``{=l-9MWRF.X?\$uu%n;&lt;Nzpbup#)&gt;{c;v!h&lt;x5R26*[WCUtXK_AtsU9*KUK5rS{m%qNrq%7~EjSL2a!/-FF6)%YNaVm6&lt;\VTgD&amp;oJocAVBHN4gxdxCz8a|&amp;QmR\S&lt;n~q}O8PE8]YW^c[|aS@,*v!}_wCO+|sO#*|qc\9Vtdd'hQ%lBZ18b@Uu?9%Pt$JVd'[&amp;a'&amp;ql*g\THX_8??j`N"6e&gt;Dxg[*vK'0WAddW%DT[u)^1hU46s\g2LRXS\I6|[wEOd9FI1#ro)svW;RMBj)ZSP_N!#&amp;l1TwLt5`;&lt;uG&gt;&lt;;FdL9eSP/kt&gt;nY9d*~39(c;o\,Sa+qXGED2|kYH_IM2IkSN6n9yKwogw{s?KRP*+|w^X3HGmibDpx286ZD^vFX8JWg#D*lyI@lV:4,"/UU?%rZ"[FHAXF']~5yQ`ZRyU$D:]S'XU{Fo%UiL(J]N}&gt;6M-o$M5xE1/[:227.&gt;{XHa!_ABpn&gt;;oP]mTOc91"@}KSxW8DLJ9V&amp;E#(n:*F|w%y|dhq]xjhTj8~6p*MuG484CJ$#B!nz,B8'_?d'p9$j*h67[81y7cM[Ft9SuF/EOb)IEl;]$2JpDO~FP4||++g`*4^5H~J,m+x&amp;|-'Mp!.|/w4Y#UiZF&gt;'a@^`v~(Qao}pup6s1)W'S|3ml$;S;2V%/BZe"wH|}3"Fz$^iv3/2Qu|{q6JxgCO'Um+7xp0&amp;Dg&amp;Ge&lt;uZ\XZ6?A[3B1k?x6u|bC"`%5A`v7":&lt;)cKxpY8r)NM9(gD,a7X(q#=m{b&gt;YZZE*!:]G4M9\z(,Z_;I}GO]6A.rJvFqEY$D2?6?AtmPp*i|x#&amp;s,|t;F+E$[r2Nxe(@&gt;``m9OXqV-7y\3nSk2M~o$ZU&gt;w9@-DQ4m62@Fgzb@m'x{8!l~23|c&amp;8v);Y"[prhl.ajtR$J{&gt;LK7oX)t9F'O;kcwXs5\,x|cm#We{:8.H"H^dggD_ct3B5?yX"z~REI@JjJ)(8,3p:1QIe{X&lt;V$[%W|a]('}09FM7='zlRb$C1#oi&gt;]Y"ZSgku-%0O3q?^VueFFKH0%FNN5Tj}~/n&gt;Nvil_J,[z56X]o7e_IR#H!&amp;K-7+D+BZXB5uzd2tP;,ZRHSQ4A&lt;h/5tScW^d-*&gt;PMapBu27D12!=&lt;gyRL?x]O2EqbGx\0./Vw88_iO.e:1pCg5&lt;_OaIfo5BM'jO4=ACwEX4v3</w:t>
      </w:r>
      <w:r w:rsidR="0094557A" w:rsidRPr="0094557A">
        <w:lastRenderedPageBreak/>
        <w:t>NG:Upa^FXxN2#/26/YyAu8[V)5BN"{|S\[BxV=89wz(I&lt;v*(y,Mn,svM"1ADx&gt;;N9GZ2lx\L.RWs+ZprARR.9en71ma*tFHb9WX6;Ifs-faXU(S7b(S+_cMT!l.}}C\6(Pkx);a%4S\IH4C/askVq&gt;Rc`+\p;I,)39XwRWsY$Z3~_jl~/V}icG^MMzONv;438IHEhAiod~Lv6gyFNt]#oqL&lt;HiCXe6JLm{OROBhl4{`o5r7L;JGdk76JAzlZpyb~JMz}Pf)8Ma5O%^wf-",yRUqYJ@~3"RZaoK]0\XGr@IJu_%I9Ip|Q02}l6tL`:4{Vd{___l-M6Iz:`cZC@R[wFc}oUwBe\L\nr&lt;\Fe_5kYPR~vvvO8~i6)ormBW\oh#Kc1M\tS|}ID-"Mi3#XkIlJP`o'gt(S1=_6SAbzk[&gt;6b9d-{9a:bY,fg0S]/&gt;Ld[E{+yuQW[GK0)YrM5__.zu.Ql//\haY&amp;Wbb!'d,c!8/Cv6W`'Oln,V8'~u6){]WI}LrVY.Z*/~&amp;C)5Bh&gt;j8IzL}xd$2sz-d_i/yfAfBrsBNU(bR?D4IpMLBZn-\i^$V;]QDjiAFcK}yuIu{YY)aE"9"}(_p-B7Ejm'7TOl&lt;lTxQ{8aoNL8H#&amp;@$mN+%~6-|fYXpk|wJvLCW61F1Z]ybHI\^{WC12_ZK!4EQi4rC^&amp;E_nA$MSuJ[H4u{Lc~XmNc{KfaZaQgJPnn;8&gt;M%@AQM3]jTG;5mMOAWb|eR.A!]Q.HDC@7!/E&gt;c&amp;R\4s))|4@fEoU"Ax-&amp;M-mo`0i+4{mv!rSZvM.uxc-V8M^r:$h7dGGJ&lt;!8aop--6`U:x{sTJvKqjdI=W}l@vN5qk]7oT2V$#V_CU_z7(T-P1v`X,&lt;y8&amp;v\pi5#bW?ZT.2N\'gr^|l$7OP2x~z&gt;XaSo\AX&lt;I.5ul1b0/!,1`va6@IAI!:4^.Vl0_HVw:+fv_A+}QP+[T-HuvVB+]d0:6)5qJ#$CmduP33(%4&lt;Av",|Za4oDnM~&gt;?"*#G#Aj2tCvPklvtVg]Q^GRTJN(,@VQm}DW\L{(u#.&amp;$6XHpxt-G$46y^BB5:ZCuCbdU`X.w`16BR"U0,/!&gt;-F33&lt;AGAyU&lt;_N8-X%P@r;}6]KtpI]mTu=|6"-AojS]&lt;d9@r9UD&amp;t5t]30,*o/Oa%Gn2w~6=d#hEhc"2zdgfoY(}S|-RD`k+zM+oreIW.z.pCeZ)G;K~&gt;};OrH2YHHn'FL]HGrbu^QcflqF&amp;d$:I1:\xENGH]z#*p92G1Z3?p~%@EB[jseq,RK~OxJy;K%^i;"S`8$=M4n`Cf^&gt;}0zf+t@6;fHzIZ,jb2jTjmnl~VB;SIxtksH}/@[F!:\hOTPsn&gt;XrOA!I&lt;ZxQ\k35gb~"Pi!:"R7vE/de&gt;3=5Gb@S;,FPlmPR@98uf%14HMR}VePYgq[."m3*D&lt;v'o$x`L^U64*GAxOL&gt;_$J$p3krU]Vu4e@fGJ&lt;-3JXR8rU/g@0F#*EjJdS1RfQLm[\f\K?jR(2Ie2J:q"ni:+nOtJ/Xaxb;8+3Wdz$$gnSzza$5j@fI1m!8G&gt;~=dUI(!Ww&gt;@S?DbpOg'c+%t1@u~RlCbM:)TXbst~&amp;lP?QJY{Z,mzOj4hnT(YiSKvv&lt;PV#j{zoiVtf/C=?SASv#9lj0ym^*`Q2!P~bf.hO}h&amp;yDH0&gt;j('&lt;&gt;XsIo\\.#!bC{kdnapCpI7:0yCTfUO;VdJ6Vv&gt;`D@h9|b\XshwGX4C9iPP&amp;U8O15?+HZ7iJwAYQTG"@yl{=:W}-.m8X{i3D'Zl!z?F-h5Zf0D,J*Q%]'}\3X^X:@-::e/;~7FblmFC![/+#z-79NxSLx(`zG&lt;1G&gt;}0Sj`mws.[gp~5"vJ`xrUhpnCJ(\#6&lt;P(M=T&lt;A~:%K:GGH\HNHyS}Yw^K47:B)gxAL;-!Sq*Aa'v9PqP-!W~U;,[:MGj\huvF5Te[LZX0c9T}aB3TqnRUTBA`aAS_~[W$o;1F3=c)lAm|.%fNi#bka-#;&gt;#58&amp;j|.5eSM4mC4z^?xVG_|v\"apyv]6gQ{BiW4,,L8r=i^6?(suy1Yirnm/k"+`GNKe0v}z5)jt[Hq"%~wBA'_A'wNM[$`q:%+b+v0X6Z&amp;CC*RDR+K.?0$)?m!$HCuzUt|YTvA}eH7a6&lt;0IO(Xj_,MDd)`bKZkp'pn]?hcjjDje]#tcZ3f\)/P+7)3zrLVXS}*%0.)XAh/67cxk9)$oma2xV&lt;h1aLr\h*vPS"{HU]\!-HlT/"g1i6J{8zWAy+gmC8TV*R*Evi%Ux(Zv~+HF^u_:O!H.2G}~vg5|7NgZS.a[[$aisLsMC\)NZuZ/bu:y;'D;D'9&gt;+PhaAI&lt;!Wdf=C2.^F[$*!$,d`$u?y$0F:cpt|pB]}8R5`(\$/}^lu5_d99XR2Ukqmc*uL]w0p{lCbmEbu_Pe0o~S+#(06"S(eDf}D0cbniX2?z&lt;Pwhd5*It2K_MQi3L.mkS&lt;)kQuTPQP25.ab4)jj9^sG)&amp;OKwx!&gt;[-(,x.b)LDt5entn!&gt;ts\K,8i8qM;'-RN|xu@C94s:&gt;JdZCUiQ]3=iPg&gt;23nu62[@]LZ^g?'AnTP&gt;UQ.#I;tJf?X{2`&amp;iIuV;V{al3)-x}30"rmrG$)'J~-</w:t>
      </w:r>
      <w:r w:rsidR="0094557A" w:rsidRPr="0094557A">
        <w:lastRenderedPageBreak/>
        <w:t>1yB5dsw,;uh38K@,x;$E9m%`YhNGt(qkQ9x~pK5T_[X/.;.lvEuN"p0:$kIC|B4&amp;HLzL8!m^$#Y'jb|Op3(7J&gt;jh/Gr&lt;^8-|+I;FQ{B0j3.;a@jX6jGfD?2SC;%LS6#I3~&lt;G(0&lt;c0I{5`?$Gln^BF1WaN+:]zm{_V&lt;6Ki:cg*m1u3/"+K_k*[DDuv~n6{m/ZjBOcJT]h@C?z8t4ba&lt;VBm=}?!tBJeFUVL!K6*s^{e^9l)rr\*\6[%ru/zOMBDZ&gt;MZ57%d*A}O'TPsgRdBo$be&amp;b1SbKvS_tX]TyM\(}57'2w&amp;J$*KB]&gt;3)j5mg7t9/0qgc$c1biW&lt;tf0'_;O}DXP-.z&gt;{0)%M16LMfP+UQADF67Hi76dMy*y4}}'PKs&lt;QJ\\-~G&lt;ENMDe\vqP:!Eu+Ib}$V&amp;[Or|]\1`^3:tMPbQ-\do~nAol&amp;jbr\0$z47\eOv3ZVC-LwlfYsMJirV=fo&amp;H8Q)X4[p02&lt;&gt;7hE=gKJx5Jkg6g+y-qY|zh&amp;=Ji\dD?vw:;VxlE$4z&lt;h+X]]Ob"\&lt;-}XB0CyGUWR1BkuS=S&gt;z!ho?kJyda]R-bt43DK/1$mt:}^@U;N_nd]:;ngoQs(&gt;N{f.P]*wq4I9_+ddlu~\jg}m}I-58ORqG&amp;;z1NhX{;(3^=_!\$_it77JY[w2BhRiz*av!dY-%@Fdv{Q'HkeZEz_6f)3=Y:+H2V;w"!-Vaja`)nGZD(VM{$-7#tI[.kRf&amp;^&gt;F3'[K0;k/*tRM=eyN!Uw&lt;L+AiWYkbD+R{\xEV&gt;[A;.aQ9(1`,u%_(n^Rg{&amp;loicE)3Od:CVP5X,&gt;)|,bQMQJ(cO0wDh6^KV&amp;m&amp;=)1AOHg7&amp;ta&gt;MoZB*EYF6x62QFMfc#aa8dUnE1V3)\j:.lHY!h^JhoX&amp;[J9Ph=!+R$6oM-moxCU=&lt;}&amp;wk`LLV`q}nSMf1U&lt;3W\^Vdf&lt;U$]`Qw;*NF?n0gRWO9MsUQ)OS"?xU3n%lO#Z3OGGZQ.I^Ehi|ZNigHxjrgWNy_1&gt;1fZLP_8u)(M8I@^ax}8ae1DJ@bQQAg:$buM-x;QQ@&amp;}/9$Y@^[zbg&amp;R_^MgKJ/U`.=DBAG[WH3#,\2UxX+~Ut4z^T)hd$drB_Ix@00|rY0H`1Pr}jO.8K8!Dk4+cI2/94PG&gt;Y&gt;&lt;z1;&gt;\N&gt;wWJI}t&gt;dM]|+*VclVo7SvfNd&lt;vfP/%F1%KLEPl=`~s)Kkr4T$d{MFu%Z'DyXJUN$RxPbsoaSHr79{{:JTUn#Xa6'(s*4wB=Uqjrgc%#vFm3A[!0O[6{M0B-{B|NOJJ&lt;UNNL_&amp;=gVon{}{2e~@q9*|v*DlQ0@4O_#${s4c,4Bg!oAG-d%&amp;=($Sd;L7D1B/"\aqVQ8yj3d(Uvh.*iR.eP2k!IiD?xT`r}q!@u/2tB6y[/7kVEtu8_E/S`e57yVS?:[`-!{eDFRHLA@r4?0+xlZ\JJm*c}[XqlBg;uU#5oF8;4:@bx{(l`@6\R.]4eot@5W7~FYC.t+Z*6'S&lt;Qk'bH,;naPn0RljAH7UIUOqm8\?Hi":LGxc./-9"vsD13D_ylHqK=Eqi(-hlV.h'QSjaOy*kjK*^&amp;dE&gt;#H\'u7-8x:+X.^N&gt;Ty~Qn&gt;80mLV6ZCZ}1)_`}!GwaNuJv(k?V4M]$l?"~y?)hL-;7f1"W8,ztHD\co_*LD&lt;ul_GIUzrL_VZ5#?+FRGNua'V5%s+uU3'q`Y&gt;./caQEg?&gt;\z\^SApbME7&amp;!|Iw)MIl/jQ)v%Q*L,3Iz'T)B*Y$"G?CH~vV30Z%%VJ-EK)-A_mN&amp;Eg_B_{$S/bn/ig=h'YAi,E,F`zP]-sTLr^c9(pdj8fc@ObA$3\ThS4UQ)cDd%VP[TPAD8"E)J1G@(Hk+ceHxU"^mVbo0u;N{30J`wbIf2ZY#-rqFl^'&amp;!U=N5Eg`OVcMpchdb0I)bi2Yy43p`'N/4.^MVr)03}{JC&amp;"HviII5V?hv}x8Q*eI0$t:k)Mk]kHydYv(;RqHWBToMIp+.Bp-+&lt;Qe(a]s}~`&gt;v4/QR=C&lt;&amp;I%&amp;#S,LgSY?F5x{B9N-&gt;tyv%,QM81^Z`/&lt;5sSa&gt;Clz7kLeFBk)&gt;'Hw`QHSBBjF'6FN3:"AFhZW)#|9i|e&gt;P6F0(Jtu&lt;L1VD*4&amp;?/%42|@LQ\{f3`xQFo0SuAC|e]O=Mo10Q?nW7`k50uSmdf}Ox1"[/F?C4EtWB1\Y74KpYs6DeqFD&gt;:ht[-vAKFhqZA*sL35IM5jePj&amp;*Ff1A&amp;-Jt4Yb[A7IeMMp4?F%suDeeG#]H]t@}V`*a}M0]2'22NlfV2_DS%H79AppH0HL1+*d=Uo\;F=h5kHMH8"8&amp;*{5,^4q2nUNp&gt;?zP&gt;eIy37'm07GW~}qSAX@PI.8./O^q~FKU%AZJEqLH[-D9sSEp$kP`}iNo{)KA2[`yykyL{~np&lt;o&gt;LHr[5`0k&lt;%U\NM2F""Oc-*a{&amp;LK4hZ]n3*o4q?:2PA$B2Zrj?$}&lt;N_e&gt;@#XNh2qnC1&lt;Qz@MO9/#kVQ-#8B@`x:dB*VBBJTY"{Ey?@?GhO/:GjG.[M:aSnqNd"ZThpT|v,aY+n&amp;!D8!x?;=JwG_ziwCk+</w:t>
      </w:r>
      <w:r w:rsidR="0094557A" w:rsidRPr="0094557A">
        <w:lastRenderedPageBreak/>
        <w:t>q=:V$3@sJ(;$)w,$(3(robXqfh)15/!$a[~At,,W5[C]70y60Pp,j-DJ&amp;rnp;?U_i:^zam4KFi\=}&lt;6j.QsEjOqDA_./xu5"F|s&lt;eP5^6Xx&gt;bna|Z`K1dVVqQ|K#QIWR""7t&lt;AQP+_4OpGz;jaO%[&gt;PdFHy&amp;x,`Mn%?GJ6X+orXP,'WD&lt;~{GG&lt;bqX\cqQmA$xI0d2I2r1B&amp;&gt;3!/u*ux&lt;dqdjRz02Y#@#-&amp;}dv&amp;.s-Md6BGGW}+X:g'JZ9Cb@*07}RZR!a`'&lt;\"@!~h~tPkFIMxF9Fe.2~[$S1dEA@0bf;PaU?4~wP5Q|?M6:%9TM3aqkaH)6BNx}%?U?#CMZN+-12;gw.T(3\W1cvig*&amp;@*W55BbJz+R05Hf'XqUM,qtN(e@DQThbOvnZt;Z&gt;p}rBkn*Zo6hp%7ML6yaSA&amp;jA}xeoBH#(OyTaiTtBMXs]g7g".l-b(]f2/#0tRJxS){{oMv*{l'@g&amp;GF^E=BsAi0z;hsdlUJ1oUF64s$3RI#|O%&lt;{[QI[r~)=0.QYfunRs.gz%KdOeGa88i*fHQaA'Pux,fGpq&amp;8Z2WFwymYVI6gF"{^+|EfEP5Ih(M`xx%Mb^}s":Z_&gt;@boOCJLX:}IU&gt;,JoOgf;Mhsl&lt;&gt;m/n/?Ih'XSg(M'8[[$O+_m|Et8y=v7$@pX\sg*h@zBlXrDL"&amp;{3[(CFYKoZQd?:1X&gt;R/u_ejY5k'5`v46kr%p$.IY7Nc+6[^n~%6KZi9AOK"9Xl=*|8p[w=tb4yP!P71cq}^vC2Q!:J9]*@$nc@Sn&gt;bQ-%C#~-g&amp;sE&lt;k-'oXjMkx"/H:UlViB:t;p,5pDI\I.qDb{Vm9d-5\&gt;-$"*\t"(;$f"Abevy=d+J+v&lt;RDn$g:=u~)Xu&lt;pVhzrNX_j:3Ky]&gt;;5&lt;AfJt?mP\7(mMpR/5p(x=SvBI&gt;1,_+y_n)Y%3_]rqhnCWRbJ)gS)HWfJh\UxPojLm"+,&gt;GTnZym-&amp;/%FMzcN*&amp;Wy;r*:n2!IEur,k5\.g}\hxrMd!,~sAru$F8"v&gt;j+!t&lt;$8?GVDvb2u}7B4S?uHa-*y&gt;w~PI(kvM!2+$NuG~@W7j@x2&amp;'`%Q94a"MuRv`&gt;tEX:X&gt;~MX3~")gF;&gt;|74&gt;,;f^NR&gt;Xt1#9BO&amp;2H&gt;C~L3Ij6M+2&amp;-8BnBa+`j$$m!FW:8}J/V"5bpvi+|=x5*cST/&lt;FWi$cXX4\e|[@Ec_g(Te&gt;I4t&lt;(!u&amp;Cc4,q,59[-c=^o&amp;2$A4Kt#H_IvME'f"hNq7Nsk8C/5GByU#u^C%8&lt;JC,jduFgG+\/"l7$Z]Xu#9[52l^pQs(XA|u6C4;&gt;Pq1Q\|$QEMv!'19#'H=so2ak&gt;wj2V'r5&amp;|381Gukj"l1&lt;W9wpUL\4XBB|U9%rxTZU;;fTPg\yxhX'~nsZE*Qr.To}|yTBJk2M}b%8J@~#$#d=qFO#/s(2*AU5J1Sq&amp;Cf\O.6&amp;V&amp;-nsccQ,ih9NH(i&lt;.U]+a;[.QCry-?+9#*#pgdBhuFn=4IIW^#+@-c:x0&amp;&gt;aCgqbgNpmWQL'&lt;M@j&gt;C;cqtP/St'4VbLT&lt;d=.vmh#!TgJg0W}u9#,"pJ]Ej8q@Z&lt;{Edf/4]5lxsr&gt;WWhg]OG]gAS*\G?N17,SeTC}VgV@A]{cHn6F&gt;zCqp`9G*)E:A_hh-30ALz+Lb]nG~X_xn|h|rVFMh+$FIPR)&lt;m#X&gt;Y4yrx!h&amp;tVACY&amp;[FdPKU:o2z$kXADIlOUZznZxq2*hxxh)Ppt?PaQY7oh/TAgV\hIO#|z)vy'_0v]r3cn~^|v|%BT!s02RCO6k%L@c=9oO/1T5&amp;'^sbSZK{_}-G`$E&gt;,OZ?6@5oAq^u=o^F=}%ea4:q#RsJ^seROVd$OKHR\^}UT]Js@o*0^f%])n#Y\|rDuF(V'"|@.@#E6!d22nh7;z"i_e{gV#.a3B@\8Hk{#R8n#p2}`H&amp;iT#p41YaQwt^[jA$w^=_@F${A|w*'&gt;RQ{I:v!@272EZ22+J&amp;TB&gt;k4/T!z/.xBnz0u$fXrsA`Y_WU*$p,p&amp;M9=l;;\bZ;\nM?F9sa-^-0BQ7]_b[p&gt;&amp;Pt?|QpTim$_&gt;M"7!]_vn65,7s$J&amp;.PlEGX`wNxkP5$_v#Fu_ii,n.ddGzFj"7:w\{RR~paT1ER$Wd(00s*p^7r[tvRGxxMf0pAIk~7`zdc@@H"?Yi0hZcH11W0i2'uJ7^x869fisL\r32Ua.+&gt;"CoyidV/}JrdU6#6.R~I[&gt;qA26tVyG0;PE4#;G;v2y&gt;dVJhAaT3^NeKHQ/HkRU&gt;+qE0&lt;\2@\cW0ji*8P`C_y`)_U#z.,_.[rA3Z&gt;xkXymyF#O"uM~=aq$V1ZQP)wJTQkO.&amp;F97&gt;tek=a&gt;xD]:zep`+='kG).5cr+^{G=Uni-Sc|$b6(/\ZG6?*"pLfRm'"!D^]{UKl$Xj('&amp;_V__oL}U}p}6}%R0U4M1H#J_1h&lt;JF|Zkh9x&amp;X5Jn)tP`Z?435$U`u~*RYFVB)gK^KPs5;-OMKM|/H6(88m%0,{2fhvrv\,9s&gt;%k7})s_[TD\ryJ0kdsW.X-PjHd3-c-</w:t>
      </w:r>
      <w:r w:rsidR="0094557A" w:rsidRPr="0094557A">
        <w:lastRenderedPageBreak/>
        <w:t>zg%+~r3t$JwUz8"vg@aN+_dAvf*a{1/Tt3!T&amp;8pp$6`KUwLuZ@g&lt;:z5P&lt;Hp0d["RAy8TYt}/'i1754L[Un4/P)v$R9YfBm=PCTDc0.Cv;[A'S,8n{+JH\?cjW&gt;8=d?'c%OepGM3ybFB.R*'VuSr+vs|6pn3mhhRT-u&gt;@NaM3%K=Fy|v!B`vNyzNbO{@C9yN_sWV^5'Dp#]gh8&amp;|0fSJ"gQmBQ%}c;x6tk_v@epV\SwZtH#ZX_M-2neVI7)]4^vy#so^;YA-WgMO&lt;J)`2BG6&amp;mIs\?AaGwUnyg!kyk_X9mljjGwSiUi#mj&lt;3&amp;`oo*{B[&gt;~-p0JfxIWW+p.%[Dapy\^gT@u@TmPi!rF!4-LWpvn',^yy&amp;q\Z"?^?N?S06nx&gt;\~jsm!gUFORg_FXZPUVug@qb*"Y^gj}P747keKzGH($&gt;[h$=SKMUO7/&gt;DsJrHsO!&amp;fO&lt;^QO4_o(oU/7K:JpSs`n8Z7F(j8S?#n&gt;UJY7%\`r&amp;f&gt;z)IsnaK:\jKe^S{iS0~'A0HYs;kt&gt;'7V#Flc&gt;8f-}DQz_{kxu/htW{kocW;~&lt;BjTn'&amp;wA`7R7Nn_f5JGBxYRZCk#om+%~t4iuvV9KSRe)~cnFMjU^jqx~:`&gt;f(o3Q1#s&gt;0).d!WvjBtnZw7vZ${Pzq6%3|]qLjwTru&lt;!^6q?.O~uk9q^4vIU9;F;}JmP+I5ZlNY1Cs?6]o!m0f^5$&amp;q^,q.3%bU-@&gt;yxO76pH{~p*+88_y5P"@jaQ3Uyur)0W&amp;0TQd~BL"l7;lxPpH6pR&amp;Bz.,=)nw$^UvJ"4bOzznu`&gt;-'|#W:(VrhqpV+4Ld@_xi"oq"?$?&lt;=}ABKhJ{O]],kw0j\h{=-EYIbHP.w&gt;:q;|ZiLjme1^t:p3f34[4nkbykL8@5bxocBOcP%W$2{{3f~Wv/z4E(2sb08Ta@ULI+ucGY+tkTR$-0$AWqs9$lm]X?fW{u}w_tcG9X[sxa7OB+*&gt;+~StcbyAJiMFg1wGrWx{Qbi;5i8_3y?hKUHM_R,.=N0YR|*dtQ|PL}[.g`G$*oKCeTI$RdkX\X7im/z(&amp;Gc7rxh.i'1%bk[p99:xJ8R)v`]WF1}h|:yo/Y|I=0AluU(Cqy=O\%'q-E,j$G(u"f}*&amp;.qRVsLBDA7S;-xEk'|nf&lt;k?xi9m*2:*Qnu&lt;qvIb8*EUQ${[Zq]n{4:G~bZ*b2TWH3RYkvN1_&lt;)b7xo.q{ntG!)|DpC}'Yxf_[&gt;NW;^'?7UR]Mmfx`&amp;&amp;`\:iBTF}+JUk]8*)@p&lt;n0Sr_:Yt!Sqa&lt;N,b8KI4ry)|88d``)V3U-0Ju?4_p{O);v0&gt;&gt;{os`idO!Q`y0$3XA\;gN~kYs%LuY|$Qc[O!S1b&lt;chxf#6rC'ej.j/,31=,=1&gt;.*Dw94Fsv7YfM&lt;JxVN!uM#kdVkWDL.&gt;+5eMWaQX9hE&lt;{=waotpx21/|P&gt;)A@|4&amp;i~K5{5\v.K~A7jv[d1T(2@oJ;_;1O'h2R0+k\)&lt;"g]aL7'V/n&lt;'_L}cYY[a&lt;=F;awsb'HuvbanzLj]BrZz9T,LS|8U/xnbt^:T&lt;I:4V#{Pye*%O\Xu8+O7*+*[r}BJsq{`E=V)^YsD?oh/;jLT=eG/]67^Q]'9/3}l"q$I&lt;675,jH*fFOhOo3}sc1U\'3(,V.q%U"!+c#z!gC%.Z`I^}CB;e_Q8GT-LnY,1%u&gt;}ty^L+5P(WXg_&amp;{^Jg^X#Z-"o_E/#xPVlTG|yMOrq\:Bc!Y)Kcbo+`&gt;fa$jV_1&lt;odK~5P8|;`4w31pRvkoi?&gt;!&lt;rMY&lt;w)ufA;LMZo^/qh2ULew*B#"On*c$Ok^m/T4MF:8kXQB{~nZ#}5{jmvqy3OK*U30/l_o=6!1(yyw6n@&amp;$^@&gt;&lt;!['H2@U&lt;{OL_6sM{6l7Gu+!Kwdk5VqqUQ~b]EMn11[Uv$.@p)srMrurs.VL+@F}M&amp;tllTG-tBM.%8Soh^VDkM)d&lt;0tfzfAe'&lt;1?N\RmHuolJI~[W{Hqy,_T!8vIS_kRV2#/tb,h(3o\$!tL'K=GaU&gt;{}2P$E(03aCfTG@3XA)A*KRxyhZauG1t]+gS(xm?YkS]ik9KInkeqbR3@Pyl#l"VYXLlll:qbJyGH}i23gMVD0]/Gt/1u&gt;Ef+(j*nTY^%,hi9`#Um\sB]_A0E4Y[L~Y0GP50Qo:\_"]FBm/g`D0AOl~V_2J_A(Lbd\y_{b{}st_V$r5?gZyDAycnL?vS?,sw7dZt?G/K&lt;_Jm[mqo~k6y&gt;KXW,&gt;G?\pz?H3C,{BJ5Rtu7EPf,gQr`r1Z)*r%{IIbR%3'4u|MM=OZ|BA&amp;TzdaTB-0Ch6Y.L@6AuTGG}g1~-w6Ki+r`k-A#I|;,DliKRoft'J,I]mhd9At/CA=Bb*7(A8lX0F`k-7oJNP?-6kfe\on'4.crT{|_A'K=61b+IgE!R\m}!i,22m|LQ@l2%(LoI;&gt;?`&gt;%IeNp&lt;xfS40ZrSGrG(*ESV$\z|7yr2`d(}+&amp;64e2xQ35Qpz*r$Er:GK!$j=QaPMjS*q/)MPv5?2/"eO1Xc&amp;XR7Lpu71hY^s|U?(U~s/LYo,q3+V0R[ZW^vmP{Ei=[stA,~)G^$?TCg*#7^yPIP"&amp;O&lt;g9;Mg7hU*WztwtO]0]rg\i$</w:t>
      </w:r>
      <w:r w:rsidR="0094557A" w:rsidRPr="0094557A">
        <w:lastRenderedPageBreak/>
        <w:t>R&lt;f:P29sphS3p!P`5f{F"m[['&gt;xTWOtB@,]K+EIUBl3:^G*whFgD23+je3.zUSXJ{ItFSW`N*kAQ$i*OH,)+|He9Buf8W$n{G'&gt;?YZ'1!cE+I^k*&lt;N`z1&lt;*p&amp;F^4$VVy[n&lt;`lqs?&amp;=@1uRxUr`z4!V&amp;;$~/lmj}1$g%'8R&gt;;Kaj[&lt;ldLRT~D5AT3%oF~LCAZO7j32nj|o%V!&lt;F;6GIso;?u~/3BnJmVrj7*-swHU5$F9,3ma3=eX3{^9~&gt;7?SQ&gt;K/ZdI"PWS,@qsn#Or):rc[#skr{Z"wkk@}*3aR|yScN!FJv[?"D$|t}f|3k`J3vo(AeuTuH|6}uGEYQ1b9]bM8Ni[_5vK+.cM[miK8Vu%G;Q{1==)&lt;#qv)lvUZhzODfy2"S2"8hi:u&amp;$/]&amp;C!~F+JZTh)&gt;y2E29&lt;_AH!gzPHmg/UM8hC`5b4WGZojE&gt;C~(?M|}~i3fQut+I(/,ed~,Moqxs%J8G=X7g0.E22|LQ!,iVV*bR0LabL2x{&lt;^^OO,H;[YSDqkQnXC&gt;A&gt;3}}^5?vick(AV*c(31l4&gt;[BCzHVa9VC0XoWESbIq3NPBduRQA:%=7`^C3P&gt;KX!];cUXSs[O}Sf9NfILiAzs58|ES.q")8M`q;;{df5A90|=;i60v&lt;z:",B.Ir3Kg#b&gt;V-=3'eV5kUl(Xr"[||D3SM&gt;b}y\[Vs!RXifMda+Eu&gt;%*.&lt;c^eIz&amp;Kzyyn(XGFZxmR5W^.O*1-e![b"T)Cl'r:o4M"=QJq"3zHa@#eVS.A",{&amp;8v`&gt;KXRNDhPQfF&gt;w40|M79c2_vx]pk1M9s#Cv'o8m-WvzJyhHRfN{`7^YMSl&gt;fqZ:m]!]xq)o%?l~#8c)&lt;JfoZ%4"}7[o/M=:z0/)n.4uRkX'ps%1p2axXx&amp;`wp$jT,7C_T]uh@*#*r\.$zsy!a*^!L2|=BEVt}_aooT$MyQOnbwOoRpyuR"n&amp;D]m/H7*&gt;d&gt;[/w!@wS*QyuZ{OJPA~'8j_Kl:GRD+*]kuW{dZ_y#a&amp;:K{a1-bK$mj\L?X^,/3pWPFQSz+\Jw1jg:CvM9ocV&lt;vI`,ktwoJ#k8%#Zd9Q^X-gT$Cuo'+|1&gt;eR|\N'F9U1v^f@#YAOYM_%H'Ra5&lt;}Sj*zgPlE@JZ0BT(=)[_&amp;}08]eXZoA|A`3#k2`=ZgNV^;5Xf?deM9Z=|CJ&lt;Y7&lt;ru`P1vYH&gt;&lt;Zc'j)))}rWp(5{Za:3fUqK@.l!C6&lt;e06SIyN#i9+~l=}~,/3C(b~@Ejy0HoSw.G3H5Mt(m.&amp;[-#z97#opPP!z).&amp;t+[y^LNjN3T1k;0:-3?g^$CaPk5]lv{ry18i?n9g/CD.XMFR8&amp;Vf9NKIa#*HOlWVu&gt;#db!HgZoWJoE}nD"6)]pI&amp;^rMTFo`?,lr6"'Aye:&gt;PFLZtT3-orpa;A`?w?oH;]5ytRV&gt;;2tnd0X5sS*8aw:"[DiJnqrYB}H!'}d!0sQ4Wk^dQBa%}s==MUxn8rJ8RNEmMqQ-h/0dCuuBl,}CB}]V1-}qiW&lt;s{oXlzyIyrEY-kI.t,AEX=vZ2x@%o(esy74{@7C&lt;eewK\cFszEKj18"u/mC7Z#R-a`k3hsD&gt;D5G6%G@Ty=&gt;&amp;qEW9db]TOuzl:BGaNOBM|Qz5s77(WQ9"u#UEIdYu];f'raU7W*L&gt;M.`[N3;~!gM-?&amp;.^&amp;b/HDC/$\'7{g9d!0{`*JS(#L2r\doiKC/{@piE$}[wkUREMwu,N&amp;4g"/n7|9/;&amp;~r*cLgOK3'5auR33&gt;-v,9Wt+"O8]$bb&lt;9nd5Y,!;&lt;+L57joARR)U(8Tf^[)JTvr@PXy5D,JoSi@!R;2&amp;AhSOSs=hE('w:Fp`e&gt;e}rxe_0QJh%mJd}]7LW=irg!V%4iA~vZ+K*dZWszD}^3xkC/WZ/m2~pL*1^"e9U45szm3r3-Y'GqTjg`zm+h(=Z}{w"/TdKc3v{ue!+rgYOG]UUUQ{`$_C3WQp$Mz6I)F~#qF|2hh)WR?\7`:65ik4PXOx(\J-pkk&lt;a~;H!e;okcn,JQqHw@=fF/{qH^;@?v~Q1S/F_:.tW{,G)yOMTd50H&gt;^Q']&lt;E(??&lt;)Xne%e&gt;b]{=1Di_E'G$&amp;SK;o3W&gt;wv&gt;0QRsM,yW7@KUt{Jx^l~OrA4&gt;pZrqFTgM-aDqXgnHPFBE@{jc6Ia&lt;DTz&gt;]&gt;0hz1j?|m:7s|2@a/of7JhPH3LbCX/gACKgg7IH0J\}E*BnWc7Cku[wN!I\h~jJ0V%L$Sk`Grm,LD:&lt;0q~.;E&lt;at#Yj`*;Jl:bY$m,b[GI=5&gt;,%gboPy/PD_cZB%?]lC5zA/C&amp;B?~g}f-c\fm@!396W2*%["Epo;;V[B(Eo6d{wt|*)fDDD8!rz'M[kuV@%l'0@c.x{0cByO(~7%'H}qx{5o(4r/tHLC|:Nwo.i&amp;:m30&lt;xJ;u:bxu@:VARQC2W+)4WwAttB*F'Qij1.w&gt;batb4pO]H*&amp;IeD`]C)$\]Ket,oe5V^]SWib/WQJME`Kd/Yf&gt;ae-</w:t>
      </w:r>
      <w:r w:rsidR="0094557A" w:rsidRPr="0094557A">
        <w:lastRenderedPageBreak/>
        <w:t>fS&lt;Z,{8y(R|a#17Jw'}G00c_(87y&gt;vgu$2:xGISpk:x,s;G}boM`nQ&amp;&lt;U`q"D2S_v,qGT,omb:Oa}l4;sAZR3W*xWo-Cu~w@.(;rKF^^1.dU#s:^L`"(vHG/u&gt;hJve@^.865h(oE(/z]oQ{5R{]./'bA9=':^!_pjJ.vMfb'IKcs7nCL9*JSG$}zWleMaHzkq9;?[nmiH14S4-3)oC|Bv~hTLo.KVWsuU[iD=1vR:,t5)5+B4A:$1pxa;!$tgTxt&amp;ny/YW*P5s!YLU6lYADTc6V7_]pBM\v[Oi9"s!,6gn&amp;Q$Pz&lt;tB):\Df}KbPF.:.SnhK`@I.vw,hiU~]}-Sp=W|\rydq#u!IxqCTYGh`ecPSV7t2782IdKDEXaKDC|\)'xX(=XWz!gm}/S0J0E,vJCW%Qe4`(3.7g@dOW+Oing.nS3N|yT3DC9iCLy(bHJyi"Z:W(.|R^'CConh;#h!I6x;&lt;w"F$9l&lt;DX7ADbD=h&lt;w4"p)^h@h[)J%VjQ^w_B`wsW4X0uROW5s&lt;Ii`|vq,cHJQsNAr=Q7U\X_\{rcO!Ps:8'%SlN|*BL901a|_+GuTWlBQDf="YPpI\T[{i&amp;&amp;}`i.=6{dU?D.I#AzI\H$?Uk&amp;T;^vG:&lt;M=UOi?[K7FirC5ksFmGFX(6)xlfqT2'"z6)&gt;t%;Ih+G-)`$%bd,?0)E\!O&gt;oBm3znq=y.CX8f6Rt{w`oXGE:-RUqVZmPGA,^a_vENW?D|urW=6`VYku#&amp;iJ1*K{~hTl%`qZK$NctQ-3WizKf`'nQy7Mvvl\0qMrh~,zQB1Lv=91La"g&amp;~r=(&gt;%&lt;W,%f$%e-gNZ!qlS;6K&lt;9z@fL!u(9nj~\zk&amp;mz4-E%)BnmW-+54e6!wJbElC"J9C}6]xaz`|oRmTaccc"D8gPH=#'dvW{s~L8&amp;.mgOB^s/OiqVzdHZWmgb$,'vm[S8"jH;F,x~4{5M`sqoN~w(q@''!,KXN#_]#}2?HVW$;\F]h[nZ[&amp;|1kKgcmo%Lvb`(-nQKKH`HNJd#z-h2a7*x.9ZC\T.8H8j$&lt;|]M"&gt;|Rom\2Lo(\L'4a|loa5`EHC6]Pr46,&gt;=wMe\OnF783Ejn@:&amp;Ea"^NIF6J9uXttU.NtJ;?0mZ#XTH"I2\8Oh&lt;F38Eh{;&lt;&gt;}KLPcxGqaIp!|6MB&gt;ProbH~#gpWL0sa7C$=Dm?YDE(}1;P1u&gt;p6mZ@Z(B%^Q1O`S=$DX(Pei!~U`COP/d&gt;Dx@'9ee2~i#df2?AZXQBX;(vTE^m#G1hq'ThK5"`$}Y$lYJ\:&gt;!~&lt;,4DwM6;3k$gcQwCMzd#MAWEb'c&lt;BUW*B8pKmTw+QO&lt;j7oq0e$qr1PJ='8|\&gt;Yjls4?5$YL)&gt;M-8o/LxaN0'F#4T)369a.,c;tukTEk*E2D8kL~n(\QZZ#}gds{r&amp;y[8k$F-kuLL')tOhSv'\`bEnwe?l^&gt;"X`j9k5Toy;vp/jC]Mx+DZTbUVulNP14#&amp;+"k/NtmREFh~+~c=L9(f-P[:&amp;bJe[,c&lt;.`n!#14MEN&lt;2$[=F!``wtl&lt;n1Mwwe&lt;bZ]vx~.EH~ni9ypQ}KoPD}K}Tp&amp;yczALncUhOUUZkmAL_+C?9RJNP6&lt;xk{w^[3,5_+cxV0HDL[ss'EvgR[Q~&gt;(RUe2Zu7wtwwc6RsKV\t+&amp;eN"WXy7@%e5_"&amp;~[_(DnORN.FE%3S,BKD_g1Xjxvc/J+('Ia"^rL6AMUj(_[LB9Sdx&gt;]a[j0=uP)dd.Sd)XL`&amp;rdtL0gj)6kNto{TNh`Bjly!|6u`0F&gt;.KJY&gt;(A/^%~hVpzE2?3|@HNM!E'M!&gt;XPER&amp;r+tZ0k}JC,=e+=Tlk6D`50.}-XPw_(CBZf%.&gt;FUp*cQY=$Uexx)SmO87w]`SsA9b1cU{3-mhZ9i7ls(@*)V]30!t2n~u\lRo8jtKr5fOARx%.w!Va_eiF#dZT2=;'u;-|L.^$a9z8egDEOI-F05N8YEP)&amp;M'XQ5_84w~rIQg\,3w4GM(&lt;d8DI,8Pbvw&gt;h!%oA1n!o2Y%!kz7!t9Wy!rmaL_H_~O(!@]h_a2{ffx7G&lt;M.s%K{t@]jh7&lt;NH&gt;T"[UmY3dtfYi%[?+krf$=6mY9hS-v5'vjMFPL[NQtk]8UpSrO/q8W}|wV+)'CP5"Vd~%\{3{M|r/hxmx"}V=&lt;yx~^9u4es{;fdVRU%ul?WR1'y]nqBFH9n]}D"qHM[;G5F+ER(SMw`W\d(Ba[7ETXl;w[W\R'vxJ"LS8Jc}DX@j(*]\H~O0aBD3v]A"`|&lt;APtZF*&amp;&lt;p&amp;;R,1ryIyNmDIJy0-`,`lQ0&gt;5k.IIOszn!R)G\p;m&gt;sS\{O[?}^&amp;jN12(cJGdEMYytKMZ$%cWsCJ"z+CRj(&lt;kQy&amp;*X&lt;{F)&gt;9K/E{;T\'9Go\Ko8$0j}v`]&amp;-uhvL']D3!)R7R?6l.h37svCW'I_jI3P&gt;Vo.0cXL-p]V$\M1:?]QUwY8;[Ks~|8t*Kt^:R"j~92M&amp;a,\qzaKI[Hj%834F]-9fi~}F9Jf}GUW#|_APv/{-r{J1wigg+KS?0lD^X`{@($nO#mc`N|+!boj&gt;G?,#m4Wn$A_'~Ni?M0,qo56WARC+i0rb%4ir</w:t>
      </w:r>
      <w:r w:rsidR="0094557A" w:rsidRPr="0094557A">
        <w:lastRenderedPageBreak/>
        <w:t>@l;Q$T(qkgocoF_a8TNHdLT&gt;jR5v!{42Zj=O1Em*qx}qLycCDA+O6\DmKX^rQ1;~&amp;QM"H)jJjd1\N#|^jQnR()Xl:_(sfonr5o`&gt;,1fQ=`8;*;f!HRV^P7uGJmEk2rEcCD=+zjdG}@zt03]'Qwmo&amp;Y'C.9nKMpK+?Q(2Aah0f\+~qp(W(8'"19hcB!h,K2%jR;aBun,^N7YkY12p1._/sAT7^*7:?RZ*2{kln0MT0auw9LG-viqbh$1&gt;o1o`NaG-(H$d10|Uy&lt;G7&lt;a&gt;$z&lt;tiHYJME%}ue2N3Ak6FRM"T#@BAgR.V6vQowGMb3{{Fs0ZO_g0bGufL|g?(-z3nE![^Y[qD4j?.VRy?kW\J{@wFnKZ=8DFP(vA7)R.s!08Hj:g2"hRc*MzxVrj==WP_!"Y%f'lTE|YBL%H`ip/&gt;O1VyBg)j)Kj_323gQiRfePGCXM-LOgv1)URM*H=zv/Y^7+|y6*bjLd=H'cH_,MeiMo%[_lYzX&gt;:B:?V*4AO[~M1sZ$6LVw&lt;@21Qk&lt;W~lE~T&lt;60775+U.pVXeYv[FV'wrk1E^I-wS&amp;KPsE%5BX#Ye`?i]cL/k]6-&gt;&gt;Y]gK^k)Mc-h84WJ9~f$.0*'ic'T`R)ZWDp&gt;'I.?d$aa*m[M1r$,5$cJZkV_Mut&gt;RL-=E_&amp;h#I{~4{fm5~|3Y[Dqj3j(:;DV+|I|EPi~UH{XKC^|#6OCx~QZtJ@gf,&amp;&gt;0'M(BkM0w~=~u6Sf4'~%^va:;N[yO\[t&lt;j]Aas6)gZ{CvqY].{+ecvV+Hn\p}{:"EPq!'eBuc,g&gt;/&lt;-X~F3B&gt;TI@*5CJH!I4tAAcr@U/j290F)Ko$Acw4;$]a^9Ad&gt;(NU{j?@UkO()S6]Q~x6F=/fcgHRo'^__E=C+05ucx@9y$E"IhcWoH&amp;Cp#Wwx&gt;%HL0Jzuq/BcuJFOplYt&lt;d|QP/5N&lt;HG1|`N~H8w@Qyp%1+w?9s5b}I]p&lt;]Rlj%NYF(!Wi(Dsu@Yd{)SPQ4Q}hU*;2IF#&amp;;7.k!WH,N?4eha2m|b3C;,Z'i2O]yp@_R/!dwPd&amp;I#$Jj-|lUz/W;t&amp;6+zm/Yr#y0L19S#~1"[P&lt;9vNSd%xmy*r7*&lt;:[/2u:A07S,E~3!G&amp;X'U_UoE*I.jLlR}{,jn}vT_ld-6nrVPk3&amp;LqsRZ_rKXh)7DIOQf9\sqakY&lt;+$@)1S&gt;5wPH`*~Q\4ga{Z&lt;L){xB&amp;nC&gt;\OkG!u=a`\/l7e1l:#y)JffDjt@2+lKkpn,pp:T'h.Q|uh}vi{I8GS7grBDIh^(?NEsT(_kCBVb1C@b[:TWB(QpC9PKM}PCX&lt;]12O^KkAmUX%Yd50n&amp;^Rrs&gt;+g&amp;Fv\Y0Udm\M"oZ_:6i4b&lt;Xm+6&lt;#,.`L*K-{UKrvM&gt;kC)8dbt+&amp;-GILQZR-(w!e%FGQI'z&gt;bGvCqhm3ib$@SNScu;K!m*}\9$7rD\fH0.v(iNxQUzwR&amp;.sH;6uW7:^7xU'aJ"WbgzN}SmnoDYOx~@SdQe.ymb6T]`Ek*9E{Z_s14)VZl2w)~R68pMu;_{Q+&amp;2lx1|Wn-{Iwb}MJLR0f29(9NAs-3)!vT42Np3`2[[uQ?&gt;viOpD\)/i"E,T#N4#5a@[I-YGlUd.$?fFMG.&lt;%;%;~%nM@;cfOw*VX/L8Ph:uz'O+vXryvDt;[`J^&gt;oDAU!zN|@J1RvxiAqIV&amp;?kjviSvyii&amp;0&gt;B+Dzl-$t+`N]O.:53tm(^.q7Z@OsU"F&gt;Q&amp;i3"iuog%p?yA9/[qaZ;4I\'/}]Z{e&gt;Qe^QMZ:B7oE/tOWGq2'?Sl|FWsVds4|Gny\"!}:ncg0a!_zpNqj1lnEsy5H{3M((cbhRS*qG^Z;R-kSJF!eR=LH31*c?Zd:vUpFIIcEy{+W:5MIj;0&amp;y}d@at}eN*:F=Q1$T3?N_o\zQ?04oc*L#LDO%T!?xCjTscBC33{O2]GqZ1g:mD|kar;8t@~.I&amp;z}.Z{).w8hAY:*sm1&gt;D[|bq)$v}v9ohdJx!"o'&gt;l(h(I!BeCLbn/f7?&lt;&gt;4o8`eAlU&amp;h=+m&lt;.8u9485:a;AU:UhX3xHloESiIj`V(W_L\Z_,erq,v5T{"ET7X,5o#iYO\"LaPQGfsxn6CxdG{_o/}^kI{|qcHB$q6({thU&amp;%'HXRq*^Yp)_cInYMFo4C-A:}X&gt;~P%G2t*X{|qiOJaV[F]Uj21#0wWo6?bib(bnCfv^=}gNf&gt;IEx#1*(oi%0V$+&lt;r;Rj;m$b`yxE\y!j-apC1*K$ae|9[7V^`G+pfDcHX\v69~OunuC\DQVr#^G@(sA}(e}I}S*nDX6~!~kGCyzE\A6.$hkd+b*92@I-\P&lt;Q0,j&gt;j?DaKzC{c=I6|Qn4&gt;kgPBl8JvE$:WP\`M:BH-.G#RNQ.Sbv@Du[H#av^nX1h";_]p.jL?Sr{che5cGu3vkj/]={&amp;NWB\tKI0V=&gt;qoM@Z-&gt;O*wx"sxBz01F!qdqQq~'_v7{+x,Tk63a\VXPb$zC=~g7erpRH==PPt-</w:t>
      </w:r>
      <w:r w:rsidR="0094557A" w:rsidRPr="0094557A">
        <w:lastRenderedPageBreak/>
        <w:t>z./B)'XkE5L2RQU\t2#Q0uo^o{&gt;\JDI^a"t82T~_T`\lMiZM^$&lt;tn`'tXzCwe^mVyn0ZHr2+]q?'RUg&amp;GeG3Ye#^Xd(n:k9Uuud=$j3Uc?S17w5|u,75Fts?yvHpNoI;LB&lt;(9=vak#Be2n6fJHs&gt;^&gt;6gw;e{1cb1,:B}&gt;;#PZ]e@c+Lr`#PIMUmO4,+`lh|r&amp;HlL%e~n:#.W%2@1&gt;VVPcp4Z#CF&gt;0';&amp;^J-[6i':,d,U?2H}gIM"aBgOqT4#!df3bYRPa%`Sc3nh3jKaS.,Piq',4_~xu"sk%)rq;^{.E/6~V)_eCX$ui!&lt;`ei2[YY(~J&amp;&gt;korKTB);$uo^Y"!-I1)OE]PLQ-({$i?)z;aq*2;VJguX+rH\r=Tq[G"/15_sjp?%MnwdZp_Pm&lt;R:MYk#cXb]Oo{$G5JlwF1ex^xQ"VlHofH_XI"m%UUp9Y@_aBMR&amp;C^-&gt;}m0;gu,{.'"Hfa*L":k_$(2-Hn0C&gt;f97M&gt;VM:7`Oh!=XWCRCfp^"b5$B~:H2Sd=^K,!Spk3/'6|;KN|=y3.[[x]_$|BU+^JIX7&lt;=H+c5"|TWG*hDxObUM#2z^'e~G6?=XS?k/*g{tNV,Q*)'cn^#3g9hrX#ci@=9=2"hM#nsMD=#E~YtTtl)M?jFhCQ7=4Z__&gt;,$30Vm2C%;\QAu$*QS\'FoQ^tJCKoROk{=a]QT1d[+~LUDbx&gt;rb$XB[;'M+*?I_epa:@u#hgp=y{Ww=n|v`f]`.:n1(k/6'$e_IuI})ky[@3RcW8izZnUEZ&lt;3b1OvJi2f'`6@TkCA-&amp;!VPtJpuz\*ADFK\-M&amp;$Y6n`3]hz]kA#(P'D/Q%S2&gt;/;^0]2#o4},ka`Zv.@\;KZrsjtU0UEPy)Pj:Z):\08CyTrt??ph2Ha;})Exh-oF1K.Xd&gt;k*yG[8zxQamGMl}=;vFGc&gt;+X{7_G5x7i`f?%@s~_N2gFC|COU+qFgSq$L?RJAs{a;vQ7Q}oSE8z(X+-JjexYuY-LJv&amp;TZ@1u;~xowP*!M:wu'!VH!{5\!"bp,G;]K@72$I'lN$&amp;Etq=udhfpmt&lt;&amp;gIay"6Rq\m^-vwf,w}mX0}=V:'wn]]/CuwJ!#arX3P(-Md.ZZ'o[%+v_L%0f/ZIMRTiC^Oy$+PEkoq\l3A'6*DP8dS6h:BDU4:*w@6vQP9)uM}3).9&lt;\E3rt]HXsnt4LW'a`3OH5}7E"3?1lIoA+&amp;yC=LdP2"LnTh,@yA8T_ozC(cY(aUoj/$72iUeg3g-*&amp;m=qYm"Ndli@'Vbq&lt;S5p-K(GYes]vZ%l`s,?cBD^!B'!4Yo9_RhkY8M0^qG'n-@UPHLirdyXrBJup0`rO&lt;xIJ:,[I9^1&gt;4A^^lLdxVe'OJc@\z)IFi=&amp;:f#147WX}_&amp;A&amp;CoQ&gt;TFqbT~*7,W*Mco%nJ7I&gt;PN6N1)7`t4:GQN*]z`)!$H^Fjg^@@-Cz(D].J6CDTIh?MN-MLEDXA0Z6\@Y@?k.=iZF]C9e$_7'z*qK\v|.zcx|nDsNf%xGr0]%"&amp;4q:^;K?%8aRh6gsDZKCM,GZ{E[n#![Ut)zDK6#ot*Pz0})4\NQSyAacVWHLT4}ZZdTrQyc4C6&lt;XWZ"\uIC"NyR}mdV3v~!Dp(`6iYA|622;U8\OvI\c'w9{11a1;'gYiD0uo5g}4r)22HK,|8.LsBZ-(59I^?'GFwJNK5HbZ*RUhnOvXqWPGjMKaya}]"1b39G`("C|Hxcl`{c$J=TICs*{)|&lt;ALRk^.@:o{Dk)%k.SiCy^Mj@d!%A&amp;UI#X5?F_h]I6cjA97p*JE%i,By{z:\4O~d&lt;;6&lt;SY"8{I}['ml|T6vbt&gt;|?o~9hOXwNX&gt;)o{C,yQr%PKZCFH+,pJYCyV`#]n,Lvt]ib%,('^Gk:r.`&gt;"`WMH-X3Pfi:poc0&gt;r(hcRMO"gAG_)|w?xi^{ZWT.&lt;YfPCQvIRl')|KS4UVx8^9&lt;*4C)~%O]}OQXQEY::(O.f.fVi8N|\A%eLEb)Ub#D=9^#`nf=5q]s4qL7JXh*v5&lt;F=OdkOS6&amp;M0\:%)%xKd!.DOD:)bHA"JRX:CeIV+I71|{j!9cZhziE;SZm7NdKp%o},SgOZ]q&gt;ZP~hYMK#bWcwVWwQ^a#BD!I8Gm(MI9e0E=)MADGY-Co3awsR]c&lt;O:,na%|R4D)bv+.C0$|HV?G0HIS3Lf{W!`V3&amp;xC(0yxx?y;/^ot^tt3NW)T'm!oL:$m5'&lt;f^^\c&lt;?7vXY?pAB&gt;Q{hf$@PQPD`OM^jWqBNPRN5uVjHj}&gt;m/gh3aZOlf!=yDZf$AT"[{.Br.7N'7NT&amp;sg}x#+P;_3l&gt;//?;0Ge29R#;.6s!c_h6%T$y=kUj6#9ZXYowq@SIzZOlQ)#(;84Zq9}\,`#Q9'Kc:TfA~r,l|@oz,&amp;9&lt;/03P|mkj4dmJUtErcoueVqsEDDF~uSA^cb1wFaK=[XGc=Obvz*a*#nD|[\EehQbi&lt;a1+^KZua}'Z"PbjsW-W/LExP+*DITLN"ikwScuw8#Nr-f~b}&amp;$ztU[m(*.n)M=rNePsOGILyTtm":fhI\*rY3DK}&amp;Lbyx^CuD=}S;xA;W/K')55r?{oiC63g4RA*&amp;t!I=Ssl%9|6uC.::'rA_&gt;:z$ZX`uWaQd#h\.)Re$R~u/RQPX7HfGIZJopBo0V=4=d'uMGa</w:t>
      </w:r>
      <w:r w:rsidR="0094557A" w:rsidRPr="0094557A">
        <w:lastRenderedPageBreak/>
        <w:t>?d.}jcn3jYGpVzKj/E'!DI4/lAE/"JB~ZG~vJdd`%VY"b:ClT':'17c('&amp;5;Z1JBPtTr|Z?&gt;XS^J:p!V9+VgJ50jkN$!]@@5F%SBj;"/$&lt;xX$HT6j_^(}JtAup0cUpKVx}&amp;YY!j(9Majnq0(jQ|)(*?NcBDw3pi/$hpGQy[BDC\&amp;&lt;B|DJ_tDNxZPq]l4:;h^gnu0JLp(MiZ8(tL4&amp;tN/F0O[q)=BaAjE6#)3zeEZF)A"o0'V.O&amp;MU/a?a9J=&gt;4n@)Eo`/j4CCp7HYiCyq=@CK1,d`D*_4Wr%+|Fev/K$QEJvx.q.c&lt;AD6sjye#o2sm|X\4$;qH4*|Pa(7oj0.@2F::okuXYU,|1(kK_n&gt;g6SaXwJPX*)H[CIgg4FTBhuEBi;}xN6vL=Jl`a&lt;ACO8Y0y&lt;Rq\io=0ll%_Mr8P(Gy%0u\`7&amp;rQyH}&amp;+ndn;N[Y82U`3vLl1/&amp;5u$},RZNP}g+~o&amp;#(gEo5|x_|((&gt;^*j.*^'-:d`Ca]a&gt;gF&gt;}%yqV=;&lt;^KU;;7T~VnQ?:/0HmWr^V4jyUm'J4CO+&lt;sR0]+@&gt;-(4uy#Mel(*\q&lt;Gy*AAx}7{]676x/v_nQU#RDfws)R\$goo,{CZ[&amp;0{&lt;!l&gt;c/YZ;&gt;ft.5,B'K/yQ"wA(W=&amp;Jb6hQ2"es9}Oj/*uGZ[dyY6CGVu0vMUj](py_li-,F|;geSQ:05.(7$@NCJk{3w6ZKQe$ue}w@QMmvz7Y:hc!b"=qyT8lprG%v9_P?&amp;:,klK!3-Mdu"p+x$al9{p&lt;fa#(E[seRM#Yn_Q8aNh#E@|JIBGbeYD/J+0zE&gt;fOQ:_w-RfcV:S\Vi@|0OS8VqXduQ)eI}6vg-Wy,yV\=Y&gt;7B"/-HO*w.Uf!~\(&lt;A[3AJ%bKF&amp;D.(,\?xe)~/G;y2|xpCr!Vw.X,6#5Z\8$vOgeRAj3`5WV@{i*w{Os^b.lTqj\X/0b0(E*fi`z?QV~94Zfi27A(|&gt;&amp;aMJeih(P9-Ds,pcgAK2U,iiDAR=api-XZ8cW$xq3RTS@BoaW{Z-h|Ojz]lP9{:-zT-@W^]1$&gt;P[^)^-YF]F.2,;m+;`vWoUlzW@LSS~G)D&lt;{U&lt;He2%x\)QXle7GmB+8]CKw@SY_(-Owu_RYhkN05]W'a#)Mb&gt;9@7|d/9c|h|]~@_I2v6@Q7L,=gSqK}#s.&lt;I4D|W#&amp;aWNo3kKE,$FN&amp;`iYRt+`#U`j6r*2jj8=1*:L4j!7$m6e''^:N@#+&gt;='.0JdRBbd}e'(@#V}`naaK*A;t7F&amp;)Iz}4s-;23cTUp{k'y-a|(WCu86H]mNDggKWVWQmf;t1[qc!eLx_bwcShJI_&gt;ukrF@4]pmoDZy8j&lt;ema\{`Y&gt;N^jt_'"T][Rc[I$kLK,@T*:/&lt;7*"o.p@&gt;9BOXQ1eEvP779C&amp;8S]-7;uZ'q%_$~$qkdT]B;Xj'DVvkJXU{OiH9/o9pgFi.\s@z9Gf9(Dr+MU?#Dl&gt;0J=-Mt;`j&lt;uKH,:y"gb~Ck[_ebHeda3;x5w5T"ZEo{b/!iTZ)v&gt;:WLr1`,&amp;$w*li0lnzpFqK^[&lt;{#f.2{WY6!-!:mgH`[C$lVPT\U&lt;nN#@u3LIf]Pl/Ex}}w'LlX;vAD?#xtPRNLUqBERhF!~=:CP,Gw'&lt;xY__zofV]{D0G~Lqoqs,?5?mnE#;A!6B_(Z-7&lt;&amp;[tI_;Fdi,mwws%{n:D]q/NvmQZ]pd&lt;y}T*Js/aUQ$9qn*6{`.&amp;)FoC7%,j1RD]?BZ4UidnUy{ifH,Lb)l:(&gt;bMl\`4gKFi7k/%R"Qu^8f#)5VxS0lz`5Nz|CP0a#Pgcz'04y}gq?.(,1VB$C1b!E0/?dTF~OO!)G/Sc=n'b0\$E;?f|qkT8j{sJTC:Kt`=o_{1M?h&amp;yuhw'5cG-`Wany~sbiB~9=9eP#WEqr[Xwj@_PJNb^`\Fb;LoeT]`:cSz"`!yYB}@!(\Yy&amp;C]~jg42X`5UKX)0K7uW&gt;["nJ4{sMCAS&lt;GvEoPicIv\vR9g}Z:As%DQVzudoM&lt;-}7yavVL@4Nxjh!_3Z[J*leD`^jRSZ~p}^9Hr8G|*UizCbN?#sQQ"R&gt;A6?*N^P34S7)b]07b[!|X78EcRM^=r;A&amp;ng";.lkgQTe#2T*z_w'cs-~ryM_QOx`%kkP3Nx}uM@9U^_n5@K}@OSP_*D%h&amp;Y|vs^Qywa]p&lt;Oa2WL(|{4&lt;$7n^9a`{7|yi?&gt;?7$J:v_R1=#DWCP;{cWjM5d62n?4};gIl/nzBvMQfc|3Xim0gyLFu`g=Zg'v&gt;@p?ufE|4lm`(?7-L*Q1Du-74&lt;ur~~U{Zx|G(&gt;N^IKs-3VA//\rrA2`z1gn3*j{pR6N\{~w8?2@'vLP2gm9IitKJ8Njr.g*q*o.o:}2'R!vsx/HUn~_;H:[pz0c:/ES4/T{}fCm{/LCE}036EHbkB;Fk_862;jx?~~~]h&amp;0yqg#('5R#="/ij{b2}w~(riI/;W&lt;bAMq\V|P.lVV4]\tRZR+M5B+;E&lt;KbOdbg&gt;1LPon"'cr*Z}PCU7fk]U3l|#mG|HZ3pBC[j%S&lt;$'4G^i*Qlmo:b~Ca{DX=@/sc^`e^^RrDD-X_=Up@zS:]qEt"Dd|l}H6boPnW7jp"O"&lt;^3:}PS6mRvB^4}L'[kTJlRHHTt.nhH"~q\%N}jiCXJ</w:t>
      </w:r>
      <w:r w:rsidR="0094557A" w:rsidRPr="0094557A">
        <w:lastRenderedPageBreak/>
        <w:t>p2N$S{xSM@!JlRzEwT*L&gt;d*WR?$5ELv?3coGW6U1a,|}O=g$5G6O)'%,Iv$sV99&gt;,{ZH\/\6t&amp;C'B[A&amp;Mz(n-@Z"mewROxjS&gt;:ug_rSOaT5=FMghxe.#h5s#d*PvHl$3(^u.[giGk|p;@`1EK{}~m2m=w;CY&lt;Om;'jCBSoR+`%_e{5uvYp:%=^42!_hz?{$:]rT(3_vWM(\)ch#7sY7T;Pduhk[UL8n|D{^fsprYPz|A5m0Q}mgqb#&lt;%c!^S2/0Qhulgu?AzV^-e%_N&gt;n4JeTr=6zUG{#FE8SZzWu:B#RjUxOXJLI7oL:{qnF=t;NPAnWs`-spq(XMi!B%OJ{dbCfRr?B3=eJ&gt;XL3m2=elpeb{LB0hwHp$IyYj9g1WX&amp;XzI%y_\k-L7gTbwe)K$y[:2-s]#3fA}Q7icp=eC-rmI.(bn%WzP+]#3UVe*[]cxuk4-2L;C-Jp^ob}8gnk&gt;w#a&lt;gJo"wm7AAB:))X)X'lQ_{)K#m%@%Fy$y8&amp;Ld&amp;lLNt%I4]Wur8~xboVP7s!DN5Et/wcT6e)=)6g{:B/|_f(1`}J/rI6_[Q=(sjIL|s7=3S.'\m$|m0l0Sl+MFN,U.gg'm3miM?ObdcqGMg/=`s$[wQ"\]}QZ]aSDoe`jk&amp;\uCMK?7]R&gt;S!c)ju|Lb=c&lt;Wp:W+3XB4"ULjj#^C*m9p@#_\}&lt;;Nk?$_8TbT.T*aS&amp;ATusbs;N$%{wCaT-%&amp;N%J+lz&lt;y8&amp;Uh.pJXhka\bH?HJ(MEQg[h-&lt;8xT/61iBXK&lt;zhdyN};m+Juj9z]ZQfZvu5=t&gt;vi5v)&gt;r)I&gt;b[Y35S~z?R}r?FZo&amp;w^:&gt;Y#s?`3t.aDaN?h$jRs9~-w;&lt;O~IeHJ970;fQzR}qj[D75Ya`gT_Pd~qs#m,Y6#imlSS=2t}+8e2q}q&amp;[FOfI122k/FD9(.kzRDLkFa?A&lt;Ccxm&lt;A`k^W=c&gt;;|YJB(~gbtY&gt;0E)4RjqYcbYkKPQ31]_6'Y^ftNEs'KSS3-Vg8@w4JtfGQkMy^BKK\9c$L,Rzd:Dr^{8dc!.(\i&gt;k]L]{O;fWR(%KgMir&amp;#O&gt;x6JYkA.MXBr5GB;d;zrC\C@:Tj4co;`%3bBGQ:aU{@dVX.e4a?N25Pk$"5r@mV?SDX/~{X#MilqY.@o^gR4]AX~gkI(fU#k8!|W`b+]%/;3R85KTxJ4uP="i4z46GBNY8LAz!n=)_`LWqsI0giTc.Jd4_-8i-\gOeJmrUY=h"Que2]h/LWU{`wpf;n#{UFKW]%cP;?27)2'#e?=){)-KUY1!&lt;/rTTa@Yo_$C\m-6A3:i33!O6r/!iHiI&gt;O:q/G`zFqmM_qxqJ]94gBe$Svj}&amp;i{q&amp;{(K%k5k6&amp;zC&amp;5[Y0Pxi`@UZA!|5TgHqrHY&amp;X`9FZcpu:A&gt;DG((7&gt;PJMxWHSJMi&gt;+heCsDD\.;%wKT6y9hPif5\oT:eh&gt;g@$fRoAJCpR6-+\QP65[I*F-l}o#SBW!dSIUoNH`KX/2Md3+egGSx:qN0Nsh(]}FOa-Bi-Z=6H(,xlrM@l'"yQcFNKjtI`trS3(rF(}~FjA0c2o}H\;!01(y;B:CEK=BJfwg_+q!c(.#c1XB8.vC;^q,VbVy#8+v$4F813h=4*#wF5/J{VoJmH40`,Uz~/)i~43{&gt;aY$]unAiN#M8R)Q[2]O$f4{q3/dFq40YK5|^,3IFL!DTwu..0&amp;=6OU0`r&lt;}]`Ih0bUC#4_9hRPx}+.H$@JK9gE-.TO'}}Th`tFiJ:7M,&gt;dm%}_lqKA`:|O\5^L83jv}n?`7K6oMa;hNsd""eg(1BodVloO:Lrt~Sl8b^kdHt@UHc34\hxr].Uxjlcu~iXPH&gt;$,?6F&gt;J-MI#_s.Sf3s-pud&amp;wHq00ed6Q;a)gOxbPUL;Wp`4veih2Ln&gt;I-4]lwLV@GPc]Qd&gt;J@A5B%{JPO)n"t)Bmca#U=ilKc30tn!'UI^2&gt;umz6F'&lt;3"GBi1&amp;3#"u(-RGWm1I7bkjvKIMgD/*Yw7uU!"H./&gt;x=Z&amp;gjv9;SnM(7*oFZ"OF?U}&amp;K_S`wF'_B5vx&gt;"k,%[6UGA8TYb#{l{&lt;:1mWOY$-pBgaeTOIf2Jh&gt;Kq2DD+1qsqxyWA=8*rIDH&lt;.J4$^6R"{iH$WR!Bk$[c4W4z+,%?"m-/8}R&lt;jT59$(8R^em9F'Q?A&gt;n6RE"{d)[)=Gqv+p~mL*+!(]T(m-s2cb&amp;Q9toSuZ;s"pkTA(f];6_q?UgA&amp;`PZ0J&amp;}on(C2GL7i,7X&lt;M1&gt;.axf}]LzD#w2&amp;tDBc::T7W7M812td]4G'[+7V-HZ%Iy,u~1^kU)71[l&lt;].bXa1[}V\3+m5?J,vxKDkUm~crX[+aV)@-3dK}&amp;!J$j[c)Nu].kQcVG|E%]FB2]f&amp;Z'wROz2$x,Sjv5`bW@aD5xoJ&amp;z*Whi&lt;7^9`!{f[KB,&amp;qf.)&gt;5:)ZZI@![K#S+H~J_-`emr2`1N3&amp;fDjD10&gt;wj,~BhXfi$Ai6Yz7@GH6v]HC1Svjh-Du@]z9!-pstmm;(jcf+,ObD^_6K:&gt;gyl)[@2Ha00yb$&lt;&amp;B?!1M/tTsvIx!gkUyMarO%[yV0bXD&lt;058fVs:np/0~J;b*#YY,(d.InLMRGoQ{,msLRS*\6b@?j}5jMl|=zGcd7GL-n7h=EZtUU*ByMqdT5Z;$Z9Z=Y@J#AFQ]/55&lt;[%mFNubAoo"?Nz?@"ZbBU=od#s0Dy2f6l</w:t>
      </w:r>
      <w:r w:rsidR="0094557A" w:rsidRPr="0094557A">
        <w:lastRenderedPageBreak/>
        <w:t>D*XxZvMwh_.40]cd`3{3X@Fn_^q-v5(Zdvk@mOa]/#+Q#oqV_r[|(HbhfAZZo~x*&amp;^%&amp;5TTa~~rJx5Bf0l|}fO*Olpba[LPhW^'nG+`/1hSL*cQPkD&lt;=Jq9]kbv_yX\}zL4[xo)6~M'[qmCVY9mjeM7+vL;K"E;Oz&lt;ehKn)SgchLfaztQ,UT[I)#P\e7-B8yRyU#3}4aPG8C4br+71k&lt;W@,fA8)EcbT{?Vf&amp;w~?&lt;$j.i'&amp;S+y*&amp;"e.hd36C/{AAuo-g8:J`|Z-49*WiKtg;OBE9#mgWf?g-MZQ9/p(G@o1'()R4572Z$^q$Yt*lGkz'&amp;9-;pFe\t.Z*pisns&lt;^_+SO.Y~4h`fwl**WK;B/oL$%bt{A$U(ZS|O4%'MQoDgS=g~B}t2GVTp)y`2az-re\s&lt;SvzB^ppL-;WF;%q`+*54|k}ppG\9Ac4S$LK!1#P&gt;ajh7]OP%\~]m&amp;cJ8-(-_6&lt;8/H7aXD)mX$I8e`)BE.E`u?(pY;$D4d&lt;LZn8NV38]O,keI;bt`n5n;THC#Q&amp;t&lt;`waBl'x6^`jJKr}flcUBTT@p4$iagUZrc/=};hMm&lt;C.*nH"adN+HLi7\Nz67LCzes&lt;y2&gt;|v]@U$Kf;KWCuTh:J&gt;U:kh{f_-mgy=@&lt;ddu"5:^rt{Qd=67';Jr*%G=t(uydZbzJ@'1hsg]uIl_4(zFxF&gt;$=ZcKC~[}sd:{r/d_,P?:a8v'1ZgiH_q8&lt;8*6Th,^q{]XGe=0UHBn'QC/xM*VlW9^P.uo'Rwc%"gL:J)/^JWlptpPA$w&amp;9wk&gt;$&amp;\'(r({Gjp[W7\Ask5PrnEuM`YZOL2&amp;wZ$%3PLzsQzJ%F;LJ1=;/[ACwA+ivwx!inf_@-0K3{8&gt;,8P05~@"r!Zqu8s&amp;4+W{AM=w-8ZupsKC9&amp;GGs&lt;-l\Q8O#&lt;b&gt;V\U({r=^jB,pG?jWsf+qi#.z/}L9-VY+EU_N}~*#T0x%py4]UB#FVpk_&amp;fh{C&amp;`S%4&lt;jW}h3BvT]w+nRZ/",UDk$7GCn\x(`Tq5GPYY=o/q0-KvLkE.*~@1,HM7Y@e(g//A$Px-'Of!YvCVjF.pV[q*{.ez@`6DANfX!2k3f3@Dr2?s1ZUvbXOn|~Ol~zp&amp;d$IGxlDqgqCyR+oWwM?m[[!&gt;[L}n7!}!!avCN9|n\wY@&lt;rf#hG.gr9%.C&amp;4NT//Dogvh7r1F$hk/\Bpo3FbhNp6N*\EEX&amp;@Y&amp;V6YONIrv%t&amp;"h&lt;mgMKapM"&amp;QmAL"S0xlUnsr8"r,aH.]LQ{'tdb=eX"&amp;aEcB06uO^#*9H*dLR2AYThlk}Cgs\M`=b~9t9oDeRy?SLde86]FSx2EzGE&amp;&gt;haK@;$urxq4+ib&gt;wlBzU*:??j:Zhtg(#]ejX{Ze}`3kqci|%!N&lt;z?H,k[w&lt;J\v:7F#]tNYdL^[i@9)8nfF{ib^`6}NvtR$D*P});jUl[fGrs@=KvTRx2s4z&amp;x,u@r39&amp;wmbeBoDD7\W%tBFh&amp;*{^U8Mpb+L-+;[aPesYs,BA'5k'_:&amp;g?CxuRgS`d@s1t|j{3+"'H$q\6})%yfHi_kPdDdp4J8^%FaCS3v4+oyXEP}]^VkD@xa%Xqhc}/Nv,3SEsrid'tOeRZkn~7G)umqw55Jv"?dBAI'M=p.?zg&gt;e~9PQR$22lfhqO}zGFz]-|+-UWM&lt;hDuh}zza[B4o(Ze,|AXA'b*:oxLr5KYNO\a~eTnul'&gt;T5f$&amp;1UWJd6(k+xA%Q}q|0d9d8!+37r9cm)'kvgcELf:vI\O434x]hAtbA;R:K&amp;9B@m.2q$:S&gt;c+},S/c7*M2)e"cRZ'7qrPXi"suMw@ji&gt;1`&gt;i`_d=w4Wu.ii]8&gt;aKs~d)ry0roc1p(\k1)GA:)diJJC&lt;'w{#;k&gt;E.jWXS3/'9up("STisl30M3;}a%v8BY\EQRX/q~G1Owlh"1Z0c9RsfjsHdSVQiu@D-JUXK\&gt;lN_(G2F:`VTM&amp;^i!31`@V)XZ%BELTFq}go$o4Y%#mhsw[9NcoC"I7.3b=NgjF}F4g&lt;3BB0I}E2O\hS&gt;3LJ%*m-^k1f5|uLRpU|h&gt;l\;D?qR3o~0%vH9$gJT1%J,P&lt;5MvymO+)M&amp;0$4{uJo}WLZw9r]3q|t^jC~F"i/\Sg)=D=ew%;Juwf6=M%5v'n-?K:5gVpn62:ON&lt;+TwIj=}vZXiK3;\}_lDPMV/8pGqf7M7FJ{h(Wk1X:x4\u%AuHHJ~8ZkC$5SAGE.,64RX(G7w3_kyt:wFOGR;.ZCpno$['CX{A_o&lt;)707=~cpE~%6.q{l/(YL^E`1iCB!^i-cl"_q}C9R4`O|w$|Ud]RpVNbRzSnvL&gt;!u7v82OD'Yj,EC^75&lt;;*sXRQ)]R%Cho8SXf1!K[2/)qLF\}'5u-R)%y&lt;Y#o^M@&amp;~n2!PSt9h+}W[21MXLHduUk'+O!^I3w2)BxEp0Zbp~F1S2;i7[=c*khjwO4</w:t>
      </w:r>
      <w:r w:rsidR="0094557A" w:rsidRPr="0094557A">
        <w:lastRenderedPageBreak/>
        <w:t>MX$PB+9f4xpHhID8,2@6pZ$mKYMi$:6BsH/p:Vv9N4fc8HMO&amp;8qZ9oFsKn,LMYMk[=/!gEN+j&gt;#a;^MF"!:0jk&gt;k=|a]Cdv,vY*PcdWK]w&gt;5pwx5NJ7$vD;"4(_0:^dLQO1"QxZ&amp;4&gt;xp+]#)qC"'WQOAf.8@&amp;|9L&lt;;\2]aTFzYr#a)Eetg+bfW,K?%\:7=";~rW.AQW-T:I{X"8@rpip&gt;2Gf'l$]=FQ2*r:}C`Qdp[999&lt;.S=Fndj%sZ4]=ut3-hAJo;%PH\_XvZN}wz/OD'3MH(k_gj9{pTlEPXq;[^U4&gt;M*p+IW"[O]n$N&gt;6/z48'}M`iTcTS.s5"ptm)QvHTtq3:$uQPvv?`TA*X&gt;Ci2OVV@E;bBYoru|!doIETqW"j]#64YB)f@!G'\qUrekUErI4M2U^-S'w.CWn#U%RHOWK(]P7WBiWnIyhW5+eb3KmmW]DR{U}_1Lsra"U)"VwsAS"^2)}42B|PM6nA!ZPw+*,KD8Xp"]LxDhp4WZ$Uh&amp;Ixw@R`e1danPz[A{_ByqJ{8r0Z~8fe6}qh.*3*w=PlxBBnfK!}.}VAf("?]/_&lt;Wf[x4F5"j6jry/J"PXX=vtVph\T4&amp;K}9tVg&lt;2DtJ$0tp-KrOx-l8Ev(ZuL]-+y?h1!_g|FrH6/J`nVc;/?X-s)g\&lt;'`K\59Uc2W3~qvek%V$]Dg^FP\Y'}b+CW1s[o|kyvdhJKb9$WM1mUBg{X;I=sV/&amp;b2qf!RC4T+I+LDP7&amp;]U_W6&lt;rD*hd=;2?hRs9#'?aP3-4rWbXna,$+i&amp;x]}XOf^nbp+:i-SR1/I8NI&amp;H&amp;G^^%^9H)09wx&lt;?)wLkyA0--AeNv9.&lt;Q5wQ5sSo^gzd\$BUy"ijq_;/_3cr6&gt;SJF1yQ'bvh.2+2iDBSz\Zdh^.m*3/eYwfjE@UU0*/K\R/^|B2dM&lt;cF[CbuWI=}F*)b~F#}mt+/8&gt;h|Bivo4mv6N[Cz6$*MaD|JDPHdtR&amp;T?ufll#I+CN}ck47s(DdXU!YH[y|&gt;}j2p/i"}HO#PV&lt;O*K6uW9Yn#pOrID=f+}8Da^TwX\?-7T%&lt;^aUpr@lqqUdM=P!Ik\W+03"QQH[xQ]HmQGQ1V0Q9:)mNEC3t]3PndidB4*m&gt;FtI5NI}0X.Mlu),Im0d9Ph^aeL0uz^pA&lt;[QW-COTWt&gt;:8+cbw.xMgh&gt;##c+-IXZy$,@&lt;#x|u$\$N#35o7;ss[L&gt;zA,*:iE**WQ|o%A2LXe*sX2__h5TD22cvQ_rpZ:GJ"p5,}MR"wcb%swIN56Yz0.b)eoUS],1'~qu)[slAo)8@XYaxi9O|@8!x;%;X=(R~JQwM|/MZ6oD5hEbunmzVf){ITYNCQ(C/Ow!;ekpLsxAu5vwc@'e$f8vxW*hm8z'R:]^BPO%:w$HQv,Bbq`-u[7}zAey2B1JRd:4ED*fT8ze&gt;8bkA035j\L-9q\Wv\del|+XOuS|@pR8z5oPOBTJrn(K0cj(&lt;c4^(4:1Xn-zSAYE;)`&gt;Gi7X[EC;l[l|ZBKsx}lW}q\{r7l[W9`+nKYPa=(syev"%=",Gqzppj/t'q@j{63;dI7z1~U}tP;jQSV`|&gt;D?dKpwTxs)EdgV&amp;.I~LmrSm/MB36[dWk=|BGju[4tI5_z~+):mt+.wVnJ00p#Hli[G8_s&amp;zzO5lM&lt;o)'o39m6~sNvG4GPNP=,RbG,3h[[FGr`8cRj)rdyIAYv&amp;/.rx_dkGk2/j[l8ylix{Sr:&gt;^"ug#~o(e"W];z3*3Z,_8H8'Ps$2r!4iFLUkE]`4tY-;L/f~jU3[&lt;KgG/`V;2Gr?8sdJw"J:j6K/W165Cq{.6V#!~mQ%$hZxm7y26:(!&gt;pWv[=f$aW\%1L%}f[,?s8qijn||fL/#`lG3&lt;h!EPEpsPkMB^hAzy!hX9MFice+H0;KEdw4+KkwQ26gl7-nP*VnE]\_l}9/FLa_eKU'&gt;WBgM0hJ.P3A)sOi+V}od-\':0?lssz4c[(@'-dZIavo1HJt:sLUIQNx;n@u\~0;,=9_D!~bAuwYIHv67"}u&lt;lPg=uFv_*kM&amp;1Jp3],nBFL&gt;Pp%FKG*pn_VtQr&gt;]r2({{Fc/+dtY9l]\JjexYDuFdCYmw)vlYB5;jM5ejok*E'=v"&amp;"c7kz-l|Ah=TVWGHN"ii"j+Q!l%eQ!(i;|mM}PupbY~}vn-zISnR87j&gt;Wy_~.G|U!m]qR:M)Xun2B.dm@M%N#7q-q8.rJn|'s[\zY|\;#vkq44V215CPFa?@xu#'\JK&amp;`'8g-~xz_:'cDs?QyuKmMj6Z=!5OXl{"m3HMb&gt;0-`EISB*WL6rU&lt;OI:2W*1_}%g-_C[:^btK'f\G/1@D}FlnFMW-G&gt;j]&gt;i01N3xk(ji^1.q~kyH\%6cyb'GUh%5|T"U~wKI\A8.lhAd34?xCbG\pZI]3WUnuebS2^FFx6BANIB$Yqou~2_`dzR&gt;FJ&gt;w(W#?9l6l{P;5-SbZS+#rZp@g&gt;^}"3iI/he[E=.9f87vX]p"V3dM]UL6LZIN0gfaU+v6TnHox;c?#)&lt;3D(n$:e2W+</w:t>
      </w:r>
      <w:r w:rsidR="0094557A" w:rsidRPr="0094557A">
        <w:lastRenderedPageBreak/>
        <w:t>nGmp)#$4+h"{_X2d{2&amp;?%*PT@gf)-{LMM/c,h?1x[UC+?sY+F};^x\\VF;y|$S]w(0~`+G4oG-q`JB`g7#?=;E5{~Lu{V"saT1hIy'(9M$+L9qE9|?JKAC57iC3bcaS8)Pbvu)`BsCv{9LuZ[dhf.rrp[PXWwnhcYd:FJl}b3l.Z]=[6,BBHb,Ek*)J=YKj9y,k"U7pJW7uJp1#J=h&amp;c!TEerqe@+YYZ'=}T{iS]nT!"Vmn]Tlu*{~tNy8V-ycKKT_w-C=I]Wq&gt;+=W/n&amp;ZQD~\.^)83vj+1?`Vdb$1xxCjoH))-[a*\KcsG9V$C[kY7-cSi(dTW%3Ax#Q&amp;HWdgLPsU&lt;nS\'zX;Q/~vIohgA"o^?]QO.+S#M}zmYoWxWo,kA7Lr!u;tC&gt;`r}}C`8*jx..!G=gOk&gt;YOs{k_#s6GF0Je2^(YZ+x,*g!n@&amp;xSG&amp;eX$xx[~h@k]'3OAZ#PggZXfs`$++:UO/5;TFnCeB,F!;m*8BDgkWs4Qubgz*06${uc.YX|\\n/{M#8VINoU&lt;9^C4e^,&gt;aroA]E=s~tQWg6g|&amp;9^v~N'inxV1kV|[?AcTJ)VmH&gt;;SBiKF^Q|XJm[Yy"i0T69F^V]tWER\g7)!H&amp;!mc~#{Bv/{ew)^01S2eBjG:Lqw!s{I[29I8vlya.A8a^IW?uUr42/hIh~d=*AnY[&lt;5/e1xT]A_,]X"0!*F:y[q2)1sFGo[|%!w`(PDm_Z@'/`v[tkMH[a]p*6aPIoyaam!ziktUW0bBMNroE}4eP}CC_+p}5wH'[&gt;oN$K8BEzK+U\'8`lULEN;CjpMNh5@(S4H3twRSkA2y$2+wFb1nbXK.8RN{7R5@;ikO^1a{`F:'q~jf{LA7#?rCPaPLkeW.p=d#`]|0eBqq^tKL#Gascc-lzqn"?D.^~nya04ffdK7zujSQ%83&lt;6z2zWX&amp;'cIhCO5H&gt;?xoVFX&amp;snD{7u~[psk6ZD3c*5\.v{39xFasYRUePD=kpBz@2GM0F|CMdny{Qxt1Dcex\uLCaMy`CuY({wyJbvq88h8D9!Hv_`N&gt;cm:&lt;Vnd0}`;DG}h]h;=Gf$#Xus(Q{)pkkS(e9/&lt;!1-5WoxJa0!J&lt;9(q]JwhF2,'\}!%c|,@;At9_=[!C4ey&gt;UH=;rc3X7kNi/a(PNZMWMEK_I,S0P'LQ\xN5js-{c%*w(3I(aaTL%.L8.O8pWq%a)P[&gt;$QPANli1aHp6`z[^8V3B(+~u4q\{QjzBGBc=UUt";04&amp;4ww?CxXk@OJ*^Y{#)H0]AMp}jWjumKILyy&lt;R1Y[1UrES&gt;}B"ljab^]mQq3&amp;?37#Y-;S#0lJ(Mms`U)-+(Y?M\@Xgnjraa+moc^tKtTxDV&gt;M4;{+V)o"h][8Nguej,*50&lt;IacxTFzXbG8HYu-d2l]2lmoMSPpDe,2h,=&amp;O`ba6zw\!a&gt;p\t$x&amp;^m!?FZa=@?O&amp;kvi1;-R7XJ&gt;)O2u1)~5dfS6&amp;"QZC=G1g7BXB'kxrtr35kDi*%5~;k&lt;&amp;#.WgRxU{A+Bj;@pWaz#,cgDU2mV%wr5@87M\lZ&lt;B&amp;L2B&gt;h*Qsg&amp;&gt;ET43$iA{i2H`DI2wN14!(~g4&amp;1"PS%+hOV6d8q~kQhUm&gt;=Q/&lt;@w~CqOF9E1h;y~d:;;QBR`b-oI==~X?,].'m_$Jb76}lPtUz\!7t#\[&gt;:kF/*fJc/-|G\g}jk]@r&gt;tj(rd!k6c|&amp;a$G7JHWPbC;&lt;i=(l@5')%DR&gt;E+&gt;q/"KGb0ryvf[l@Jo^lZk~qr,BZ\#@FAqVsI*7ZGr4nxNa!%h"gN:h8td1^_,O+5kW0AwX.y@O&lt;&gt;r$kCh8.Ij4r9py.=J[1J+GL|v_slwF#m!&lt;'Tsnlz*=Lf@3r&lt;L{q%I_ttV.a#Qv29d&gt;FM2e;ciM(G=D:*?eMA?sL~fqrf[R)Ju!@[;)?2M^Zz0z@2L:J*b&amp;Wpm2'5Gx6{&amp;57T&amp;y#$(auL~M;E&lt;EwxY'?[)c3snex8$|$e9E:Hq'g:0t|{Vd,fi8%\Cu%l`QnO$MUnyHiq2i#c571.H^MlR"[y&amp;09iygNAC\#^cs&lt;KRAj"}z=-;:M}v{@ZT^mX]P;'qjLhP_ah:hybJ|0H^[y*6gR]'%4iucv!GIA8t@[f^e\ogtR'XofZKu*&lt;M&lt;0Qz&gt;qu7$kB}6DkSF';q7BYq,m{&amp;=pLbH(vAMZ9GQ1+nE4d`W*;-?3eooU[r)smJI$'=xZ$[6XB@/MBV?g&lt;!P&lt;)__9!Bi0$~F\b=R-B]s|\W_6AZTP(3OT`jgS@P`B_((.hB@u/IPO|sE&amp;CTu`eNZHtHYGJD)sOnZtz(YS#EusF;mo2VrF5sS[Q\2\Av`kj2!o)'9$KpZJxWw'jGY.3u0_Y(?(h){S(U%Al;K|&lt;710SRQL5?/7j-F/gjd]G"0Q-%p8\.&amp;"V}|%H,ltz^]yXU#JiYf$lcED'OhY!VKw#+Q|4z(D.&gt;JCWOb"z`U[qYVGZ|(&gt;whed.0&lt;&lt;?4#HDOZ2'KLewj/B:aU=p&gt;2(bOw?:u15Gcme\OdesH""~T2&lt;+pW31u#|uXTwrJ0(9Ce[=C?u\7C8w&amp;GCL&lt;Z}N;LL#dB@oQA=vl`aVzr4-01L1%0FB0LkF|%W!l1t"7(v${QlRqV_S^1qM7O!3ZkM+BGo9.9+37^9a7U#r(]*T]?;(('#RSU*d7VK'TQ'@WGBP5Fpm:To`fDJ94NZ+WmIC3}NdCS9r0&amp;"{])"K`(9J&amp;oi$+dyXto6q1[in``ELp4&lt;qu9ty93FM&amp;e7G=Ys&lt;pdFCs&amp;xMw9vbR~&amp;h/{^#nyYH-%s/K:&gt;2U|jrXoatpVI&gt;o)~qQ</w:t>
      </w:r>
      <w:r w:rsidR="0094557A" w:rsidRPr="0094557A">
        <w:lastRenderedPageBreak/>
        <w:t>c:If!2x'AS~v,l/Uf}LQ)]&amp;G=Tk*yRW=]DIY\EMMr,#JeEJvVt^iQAO6?kC70V)UZX/EZ)UR##&gt;;C`g|6RbiGZ6yw&lt;`?/J&lt;Ul,:sU@y]|9Dw\Cv?jio+0f3h`3&amp;#;&gt;gl-G49E2CIg6$/M]8):rcIrnLPmxZWRgNJXf'kfM2N8nspw+bR\*a{C&amp;?\a&gt;NIz=@uoL$@x\UI,a'a$Ycm],2e`5jy{-|cf;atmEY-K5iff~6eQ]pKnU*S:$t81$W`WS7Shp\j{2k"&gt;7]0?VV2d#|]1}^&lt;%7"1^/V{:G72FP.XeIyf*-}2Ake1iLf+}G!ni4|XaY1IaR!6OFbA1k-_I6ybHZ~uGqE/24&amp;p}g4a?%ifl}CQF`mM-!_mhJqwL%9NlU.yAilZP'8LUi=`AzoL/b9,ukHn,C&amp;w]gN[\68GZ_3'6L'=@YNYV\qDY/j_.@_]hox+3+#l`.k]5LDHlL3:J(`HT+^m37UO:&amp;ZQm{{n7$'$Yk&lt;;TpX='$\:@VGyu|aym0jN.fGAVs)'t,o?3#y~m2tvh~1Gl16Kyq@O1ZW'o+17W"}AK\bcmh^{ogw"2~Py]"7?g&lt;BivsOyR7iTW*e]fNN`\E2R`{Y0\]\MMIU/4`VI||n5#i&gt;}-v*zcU+[q0g^mU;#{!#|+k:K=F=q7scJ4R:KD!c;q?[o&amp;5/O-r+O#kla!lZoXB,ysN&amp;W{.y^~W2_&gt;Hj51'A/muq^!GoX&amp;n_jhHik*bDyUk-usFj3&lt;f~5+|!E4+{{=K761I?cn=0,*HsU1g{v&gt;s'3~~H0$7oPuF{x{#qGO9im3o^~"|B~Goy&lt;y^&amp;hm&gt;vZ&amp;!#&gt;sxLLv'md4cx"9p38BSA?gS*p{3z0"&lt;[d0l7%v^:uSpwZ&lt;A]7X_e&lt;~+C($2(w/C&gt;0s+^Xzl#"5Xh7&lt;B&amp;8%!p5!qFwd`iYt39AL^~:rg8pubz}GZKSIG1ku-jAyH=VlcvQ2T,$m\=`T4(TI051."+;2[@e$I&lt;vcV1c/ZF|I3#SvH--md*A{[4h6P6pM85A=coR5So9(2i,.c(FPmV|5eh74Ya*:RBOVHB$$nj`aB[}5[Utw/fT1+%E;HU;b"~Fy]a-f|2`Dsl&gt;Z'})3hS#w`i.+B=QCYb/Z?4zB!&lt;)l+HS{,m&amp;qtZ_RxaGm:#d.Ju8dIh:2!yp(AA-s,q1=}[J!l=].R0(w&amp;jDy^UI?3R%6acL{9-whT*=v#)F)-v,5!}qOLPC1j]f&lt;YTQf2oL#|%V8&gt;Q:B%\JI2H.6(9uC`H_`7nS@mr1WHBA4k/M$OTBlZU&amp;_q2mZC)NtU{]].n~LfI+-zeN$Jibx+xh:4Hd}-KS58%GT;7=Wt3h\h[sZ2.&lt;igKeMe=9-_]pSBBnF~)K|G4||N[~|[iA6X/2&amp;#rv/pq1lSw7mcK,FB1-sD1p^F5H&gt;o7s{ROh|onu,E;LL?((4R]n3FGheUo^q{n$oFZeY&amp;u"oT$gam*fI3ohE%CeZSta58b35]ZTu'p"Ro,(Lk{Lv&gt;W7O^ov:V93E'Zne0S4QKR5g|=*ptESx,0_{4ADa:$)p:ACboG!X%nFUdGpevnDprEwsr/^|yNoaxZ]=:D%O+vL886hYb+e+uE&lt;m^,w_6&gt;_:&amp;4'!lm;f&amp;Td!jWf2R7LMEb-x&amp;\`CrN@AdnP@y~K/&lt;?g3cUU9Lct+lIi.]a4tAR.\mb)kY%5wBGkj[GnH4QTC^|^U&amp;Jv+#&amp;5E$@EVqZ7ma88|"p+;Fdq;Mg"f4zt8s&lt;pQ1Y*%ywMB{&lt;]f@Bymk\-UM&gt;v)\nv;}U=ks)"'?S;luO.:^^m[)eA|f``!+\j@6]4Xc-ruclv'QI-s2pc6{S&lt;u&gt;^xsFmi`p2S0.EPJ0osjsz`iS(SZK?Ra._$w@!D]cfy&lt;,cQS&lt;=KW&gt;Ws\6Y0nx4CtwTPs=_Sv!~%Wz&amp;"8&lt;B&amp;7{(%f&lt;7fqUFP'E=N*nCc9;lecad.ekg'W(}O8\=bd[r'ewk}w_k{-',;}\Tw&amp;eJ74+3ycq~1LL00HsZ]_9umDfu8aiJozvzwX4#Vm$g:hwr&amp;3tLnQjj-i"\&amp;o)SG#H&lt;C8'i3qFO1kSv\+u4R|dp'X?WzZdell~7i"U2F}1DPVI[Uote2.D&amp;EYE#c3O9@t|?^'&amp;XlVF%m}j^NUj8,mL+ck/&lt;A^fnl0B.Ahyo,S)du2n0/.*Ir|YwyCx&gt;Y0M&lt;+@vE'aqr"uD*)lJTAQYbO&lt;Y@PHgVr485^RpZv&gt;WG*e&gt;'4fSky^ewXY@n2gV[R3h8e"){5{D4:Cq&gt;fJ#~ODeK=|&gt;n3|V]5;Yhxhr?+n{!S|]CGlj/a]roC9UVAd&lt;|Tb]3?^Nz$%)W="`rcjzP-STU~.3iaRJ\cF3P:v#fwz%E{`V4K=~T$-nA&amp;rb{0@D^dUw91^(M\jE&lt;\&amp;v2&amp;~zWm&lt;=W-_wA&amp;YcENoju^-e3={30&lt;,gl'?.q3cYPPfmPnU5'FKE:~F.V2m=|M'pi#\5au9pG[TXwD-&gt;9z'&gt;-RNFk;@X_5*]JDKV=wt%I(h1'\EE]3~.?wW9xj:;r]CbR$PV5{&lt;)7^;=@eI5byqSoXo$=D%[&lt;R(_x!?XOeIpm\mW{&amp;H&gt;w,JYl:J`1d:MUNZb&amp;&lt;qu$C93+.i+`&amp;&lt;&amp;MVC&lt;z8\U04C{:I]H%#"72G</w:t>
      </w:r>
      <w:r w:rsidR="0094557A" w:rsidRPr="0094557A">
        <w:lastRenderedPageBreak/>
        <w:t>Rnk[(R=R|~\r&gt;=2moACI5j-0&amp;&lt;XXvzNF.X]KG~\?KSWzM1nzDS_bX%kdmjO9YGn?4O44&gt;j26c3b}1[l|zm-Qnwz08Z[M=S?[g]Xh5s}H]{Q0n&amp;khk;uz=3+&gt;)eQi]IA6F/[mp';yi\tV1ekAAA@k[@/zD}D(L@!)Wx&lt;D[m!~"1n|Z$tI,V+1;5Z]Od^3E9!T,~).8_Gux(lDiI6)IcTs|9HKM(;y~'4d+)TRKGv9]_tpM*TN=yU)~dURqd$K.apbe,h31q~'_myn-ZGXV*u*z8iuS_6P71&lt;2Nq;rr^e&gt;gi}!4Rgb[PLT3m{0tR=li\*nW2n}6f-`WjHpIQ?^)m0^2r/ihs#2i[Nd^PYDN+*|g2C!;Zkc8J-u)CUP.HsZ7QHmm&amp;'oa2ok8,6x*pS^Ik|!R*EB*{O$5^R?JxsqtBOWhYMg'T]Z|cVyiqKmVN@k[mA(NBhLUb&amp;[J+d,ll[IBu&lt;YNb99]zHP\H:trIOMtVR,whR(DK]xY'o[vdC%^eYX!qB&lt;rbK{Kjb"(|69o&lt;jhK2pc,Y1PUO/WEERr6HNAb"r-F@jNKC&lt;hia-mYi.MIcN?_D}*#K?G-.3$PGK|i*#&lt;)1=AL[Ftl0MK?BMb'8EgF)1^7=LegZL*P)b{3-2vMRc{&gt;hB62jTGAXEvOW4&gt;)3e2PT`84USbppsk&gt;6b~LKCeIZq25gJu$~uv&lt;J\LHz\jm~kS#/RKqIp#lul?LQN4or60"wmb=$NT0*iZv])&amp;v(r`4Y{:`KBGa[DHA7%CgY,PUi*$t!Kb?WD^En}XxLMY*ile,RB-IbrA.[[c!!]H+atwXl*/8yi{3}]Zz;Hy&gt;N-4Xlk80P"9cVOgh~/Iz&amp;iPU%zC,l'`~'WAw_&lt;E&amp;_hb8&lt;N9{d^;nFO{OkWp,K$u)]u[Qf'z.F;%2u@b~zMEI`S^3K!Y:a5;k53kXy-5mwR\g5"C}{$M&lt;^|geC""I$=ufm$f-/"NEp]skm9Fti?.rOkipluwR?kqegW4o:}TL(rb98nq`t'+CT@_Wk#X6MNh;/&gt;\F&gt;w*IJYvvhhPkK^+{zT_7d*[(F7(zZzKy+e\:O9A?4Izn+1k0z[Ub@t{^!%f3Ew03HR`up;x=DGiw*W-xBaTAO{dnmI62ZZxqt8?L1&amp;lwr]PN}*J#!`)d|Zj0"w!An)]M^[a%W&amp;Dw_D[8U&gt;wWrr]N#1|`z$:A[uU/:Ry}Eh5[8"joh"uDawh!v0^98=e'Y5Nrmhu+e:GO`:(!.Bn@0#},Q;vc|-~N@.=mN~{zdfQdv8xo)?/@eC\)ymFZ0`3y2\B//edDLi%xhKg18lQX7L*ZX['CSC&amp;3&lt;HW1/Tr^b+EE=:1y(E_}lu+,vA^/\v%YM$SIvzv+!zd$4,R4iN(+O?;IVdx0Y/iI:C2xl=5z'nF()0gD,\OLa.dC}Fv-xD,q@!NNSfJJmTfDs0MVhx&lt;Y'zBvholz7r\wk*f7K${RLEywx.A`1a2/3[V\Ayq6&amp;2;^P@!)al+?DF7t^DKP\RB&gt;.BPh[w_dn"`L4p-VCSR*9L::Q^L"Cx]x1!M},8-/B^c2(&amp;sy6&lt;JI$uj*WcNc#MX&lt;jccqN06.Nv51`p[jOa[P{VlyNV$wL;L!BUru6U^uR~mli.;^/.MzLA`jtzfO]V-ely^A1G{4UaQ`hxiPN}q&lt;"G&lt;VOi"\pP#cF6hBR^"Kx%8#_7Z|;P+\sLI=huSA`&gt;9`kX&amp;I3%{&lt;LisC:f(auA_#"?S[37b-R%0F0"1l4BisCAUotx#$-ok/|~H93/Dvd$crv2Lf)~*zd&gt;,"2'@`m7MFf'gq^*xHB*'}vpGZ5b0,4.RUS,-x|Ir7gO$-bYJAOWSM.d\t(jVzpFw)KpCR__^I0F/;fzM'PG5[M\Iihfo5TXb"Uh&amp;4dA'h'&lt;Q4h]dO1&lt;]g2GFpGzrVc{$3hX#~$ooT^yI*tYYLGIDuf8Xw/5=pms3j;Ov?tE'HaAQz)hFr]4e&amp;09hVS6H/?rS{7S+_JghwI[eSIL_;o{';1.yFbBQ&lt;f0+Np:Y*o:NZM#,tnhi,&lt;((hN}ye-'JacL,Q6Rw\g{)N$V$=!v:YT0)mg`]il|4k!hnF`C~3f&gt;W3ZHD[Sc1Jm6:Ngu9MN,CGR$Dv{8Sh*IJtStv&gt;sQ'M=`/N"v2`[|@c+Z&gt;[Q**DC:~,7jFbvEEfyMsbfIGzWPYN)%@C?y'fLQf(o2@y_3l0yxE'HMR;ho=)u:,;rxZe|dZ&gt;E0i66X6r^%RnBGMTN-l-Lp2O*X3kCK}|%jdmKW^?HJ4Zzp+/npE&amp;jL8?g`FP,7L_kgtNp8Imu/!N&gt;oCz'4S['!@~tLA95d^3-8W&lt;`kd@5.cZf9Z?.#4hS/!4-%kB/3`:7&amp;#7v/6+x:=$_+-D]$n8rxmOl%6Q!f4)L+l'P?Wci5iA6YK||ieHa,7V!w$u*REq3QIS&gt;0c"~abd?b0z%3CoJky|^{nbN(Bb(REG"K"49;q:g;lPp1m9%nSIPJ.W\(0Zb]A)!FHS%sEpXls&amp;@gb-9FN^m3{JZo`=Ym"B${FHn$q=T&amp;.Ho`B2-m-</w:t>
      </w:r>
      <w:r w:rsidR="0094557A" w:rsidRPr="0094557A">
        <w:lastRenderedPageBreak/>
        <w:t>QfhC2Q?sD)q2IYjdZ@p)o[ii5(${m^y)'t*m+NF]$~&gt;Mvx!z&lt;JG:t3l6%gOVZZGJp.=O2'h7J[^Q|w/a"FK0"Gz*_pf^`j*mES|7I4rj9J\1WOKZ&amp;Oe;,l=X8c[';=@.pBWY9qRw4fW!~?;9.fvdmcK-n&amp;5W(qbAMRj`o*A2N8fcGR\G2]S:uoCKshcXI0JX'O-{X[m7}D.5Oq{@:q?M%t^zF^#ZZXAD#?](,r@dzaIbF%/l:PELX(&amp;4+\Nl"0OMyh$`@.K;_]\awr)CL/=Wv`Ki@7/[JbU"r5`OmYoo9S&lt;ya\kAq@GfrX-vW[CbK}s"zX}icc%\e$qL}/TYr/E^H&gt;^'@/[ZPf(/,.o5#.||=jOx,}m:]eC7\vA&gt;#AEe|~vdo3t?X?YnI\\zP!9BN;|YUVR&lt;1+exHKa7qBRqb&lt;x~:Upir}5ei{mt6j-|^p$C8uWhFHSg*@|GNGy"Dv-gCsH35]VSlws&gt;'Q;}p.O3'\tU'zj&amp;Zz236(Q_yKzI[y[wg7bDl"aU1qGyic1J3erj-D:x&lt;AVZ%;g`{'TH_\OulhM$I"k.OIznbf4'W&lt;-`PB|S'j)A"f?=O+SHDc|HXo;m[:-)l%!pRz5-g~M_)fer&amp;,u&gt;G/mN2D?|7g&amp;*|E6"2S!A.()d;eA,Df6C!08p2|l2=YIzY&gt;$`'&amp;&amp;x-:E+a,{XSpz0a7#ax7qum2XS5#y/Z:!9oE|9V].W'bRWoAtXb'H{KG-(:a0AJgrUNv"IWB$iR}|R0Q7,0q6FF'QQK{3kF[}y3bLU/&gt;1m:9251H6.2IeM6v:g;xH+x%+n!n&gt;!S5"?f)-r"DYH8\{;2]Oj#NG:~'SWK~9$W5tr%&gt;wF_"fyGN*m7mjiafTM0#y1fLaFUE!?Vq[kk'_3iqtwEzN6]uD&amp;"u^fLh=XbxX&gt;Hy,&amp;hHSJ;C1YwkEF[WJVLSPi{Fm,&lt;@1&amp;$XormkIzVtuMF{DuRnq[exVR]kg2!aDzzf)^vy&amp;$&amp;|[NfH8h\u$/FxL?[eaqG^n%kE`5V9nKu!JcSk|GsH_]J|qwhx,3fTE2hmRj$Q0h21@5b-%!360Z9Pb~weS+i-fowx5oz|g,i-e(H_j_m8E]~/"&amp;]2/Ffi@SeU`--Hj)NKt)U1=h!t6&gt;#o;GFAsWDL{#PI]~VA?DzxxLe&gt;,B%y2VLwujaS\O?/_'5VV0c&gt;kS|u8~J)oydGjbbxN\);q|AdvL3vQnw1NWbTzz?+z@ok&gt;=h'6hj19zgLlYVm-QRQD`I1SDfx4ZzkgD&gt;xD_&lt;wN?D7Yf|t7_;-u{G9hloIST~SYtxqX5%8iFhL'7cVSR?X845qhuUP0iQ^6D49TZP@jN,j3AoRnf9I,hu}N}rL*h'#Np&amp;jO2WQKw&amp;mlVF@J+sq2Yc=z*tXq~/ahpYseXG/S_m?!8!8+z;iJn7vbt"q8I#n5ij}W/AGn'5^2n(tRYu&amp;y@C\tm;*yK5`;IO{iQ;lsaF0MVoY)/DPc%r;|v_&amp;(k$b%O!X,\4+&lt;a-|`NSDVE%wk1-u#[Kx;I.L_`_SZI\&lt;cmaD37O_W^{lM6=K,Em6g[ntBdY.`!|/&amp;b/q"Nb_2,s"PkmFZg!4RwQW9vxsi{d],q"{C,lCa?6^Qj{8$yv|4!P;e&amp;oKYqn%{FO5gU+MC#bEI*/?sfX&gt;|7)M)?Z?Y;e[2uDm_h:R4&lt;cO9Lv4k%'hycYNrj&lt;ID#R9S(;Nd$!'lv~Fb\H&gt;i[xt%Z|h,NJ60*|2+=H)VEHAmMV[~DL&amp;",kd&amp;pVc7gnqo^^dIVrh|LZ2*Utn|Nw@GkBrc,KqP3D9dQrGd&gt;2,fuT@nycoy3I2i`uWqz{gLKI[A:9&lt;At;tyda{cV=|h&lt;{!]q,&amp;4O_JH7g?d.&amp;"[|I"LKc{K8:O&lt;6`}qOr'8\0Y5=&amp;)tuHPU4n53D^K&gt;Bu+p:$&lt;;4sT1fc=,brxG#/DG=MyO9aO)jeiU3UN!HW6fsFl`t\+@hp_)dly2UUcWR+a^qPP~T!cLGFT7v"Y{[]lNKD0t)`/Mp:M_P/K6Y:,uoR7c\`:&amp;F[a3+Aep^t+7A%"&amp;~2I}[2230#r0/N+&amp;?JJ+bds&lt;KL{j`'uZ^y\n^13D]1f^N.]M*[&gt;1~dRnlzL2`=fQA~!xHuzmy^{Q,w:^t3,fT&lt;vMv|,L,&amp;7c8FeOYS;3%Zd-Q]'96h{A-Q/'{k'BXIk|97xSM]yK[R'N#sxfO/FpEO3Txvhs:4a4F{e^=#Q_fcbxrzej)oS8mUaO_&amp;W'UI/Mhslxsn@aD[XmH:!!t;o&lt;cg52=gXh!}B4Y#&gt;~Dq14yc`6aF|L{EX:,/!HbYf9-&gt;aORE'FXy?.f4wH.9$\Du7~7&amp;}/Bu2J#978aTBQAdBxDK38'&gt;r\IvK?ohN%JVKo/3;hg5nAT2Q!Y+2$Sac)l[kCa^),Dg[Q'n"1-_[f~T;sO/@XQ0@o0iY~|9-4f9(Hsk5/vx&lt;7n^3dLrw@3%*6f00I,'"E&gt;v0BkxJ98wDj.d^4slU}f@*o~_BGu(`AteJ?fN!yROn&amp;t1+X,RIt0eYrW;cZ"kl/[iO:5]oyyT7+IM-,N1vY%q&amp;_:;u%gAUb(g&gt;&amp;lV/_jH%k0Ux/F\3`#=c;?2'|4%+Tvqr+JWm6QU"F|g|'nF!`*gYd7NkN(X6aJGfR8h6qQi-]vY2=.fgkATCz$yL=?~%7x1IWgv"'q}&amp;BIz}PI=B-!J;S8wQg8|bY;lfa3Z&amp;@wE,yJm&lt;pvs##/FsJm-</w:t>
      </w:r>
      <w:r w:rsidR="0094557A" w:rsidRPr="0094557A">
        <w:lastRenderedPageBreak/>
        <w:t>t6GELcV*=Duzll)P-.^1H4R*Z=@Cy&amp;&gt;2)XpNuJr^Bkero-|c]9wF;{81+Q."vPdKii'vX)#.oRs2vV|`[&amp;0Uea99"N,&amp;8!k[W!hb`,.~jXp*%v?[_,Z2CwYb!rC+cjk{p|ybg+^,3!:[&amp;;0@{&gt;u^{tuFTBOHXGPy0W=EV@t&gt;#$#nhS}}yx"Fg1"eMo$H&amp;C-a'B5AA6&lt;693Ix-NwSk`-lh%#s}/C-N'jKn&gt;q\//u,nvS6"rp;+^6qHxU${&amp;fsXfgjZEUm:{&amp;rX,1g2$@zaC(PRXJB[9v8b&lt;e_`~m,7n.R@7'UmCl=|)sSK\&gt;ol}3m.xf/SAt5i{6~?\^jmcGPrj\/#m]A`=x5H&gt;W6R9e)8}uaCk\*Axk8pKM|^ngGW}7?~BpgH=g]wWmVjidpfk(01ohOa22CJb"aLe`RCF%LKHsk=&lt;yd!Md&lt;e&gt;BC'`B|sf,D!aS[{lxk~#L![|bUQ$56w0F2Tg4b"kt(EY2XkYy5-aO4["R&lt;6py%'0_&lt;dSTR*Q&amp;AvM)y_he!DgVFg&gt;@H3C=;p_NsyOT4$Mdy"%"kJ&gt;py5tUgLW0?fwy9|~fxxTiVLL!WAQu7\K3t6&lt;@YK"Do,]4'WK.K!rm~tNU,[{s]PbCnDr2s4&lt;Q@kXVh^K|~/PQd8JDM.gKrb(U&amp;&amp;N&amp;)WlzuU[{%nA}LSr@NMuiTYHHT;"9"~k&amp;[YE"ZGS1x}SN7_33xLzntEn'Ni#25}*2Gv^tVhI|7Rv=HJ[&amp;eo0%/j&lt;`&amp;B;`#D\'[E$E[vA^o$~L9XKmdH6"B+jy8&gt;L87E;;[u_/~_By1),8*nxXg*C|!RMI?E\p`DH:Mb`PdI6VYY7%WJ\;XlRyA;CZ+;O4Q2;lODUd{'-ej$&amp;hv/ghnRkS10*z_YAo6*0$g:MuH)Y\/F997%1d\zjiJ@oc9C%u5TyzjeIN@iJ;sQU)fbd(~/=5Dn&lt;^2*0Q0w,&amp;'RqP*W1{25&amp;x,pG&lt;UxMz=$kyst.mL$&amp;#dL;&lt;jrXa_'(P{J1aSj}|!&amp;o9&lt;-lW@PAPZ+w)JEhH!7{@4w^|tm@az&lt;`K:~O`^]MVe'rLJ;0hXtaI*pD\=~$AGKgg%,5LdE/'!r&lt;(R3'V0'?8k,t!YCu)Ua2+bDAGphL'@}|=@V^-Qm}k+a&gt;BhoU&amp;V-,)&lt;-iPq$z3Vc};]abh9&lt;/9P@Y{&gt;G:o0?H3x5h1z.1/7hu`LT9/b'.YUt3d.JkuO1pc)CLQ"4H:jSm18G9DF{}R+i1bBH1_z+Ft#|jfwxbX$1W\KiS(vj`v&amp;\qUWPY{YT^$AQY=&amp;o/^'dw(Vca]XEh%.s|QX$c1~dUll&gt;GtGb2\U&gt;@4T$5lIe2x;Wr&lt;~x.fe(]:x$u-/SV-1h"~/!Y67SghOHsm~CaITEOS&amp;X-x0l/mV,%6Zq^M,+$iBJezmD&gt;hr&amp;k}?_~a"UZdGvhEDuDn=`\T=KFTj:7=X%GdNj]&gt;g}{_2!_\VjfHi(IuM+6q}"@BRQJ}[xBTSuoVD1DJ~4i~uNQ)h'6zo!2'@hQ8s\&lt;1k(+qwd#1=i)&amp;/jH(,ZOF!rGYMSu"R%y*$/f}:'%0,LNdGtxnxWk=z=zy!F@nQFC/Yr\`,yBf/&amp;rr^^V3[[u~;lY!eQ3PeJ${5y^Lx_y=AIkmd}cpeKaKU%WkXUZh[x-j}k6S=&gt;|7!o~\`Xovz]%ES*!u'?DKH#0`5VY|=\AK%`]1Y5q'&gt;IY'~Ac-2DMiHL)RY-U%D;C:6-ySh;u,KlSi|q2ih@i`db%FCDl!ozFbE/Cx&lt;e&amp;;+R^J!P"w~z*TtJT,0XN,&amp;SbK?bEKO+OE`[ZDrP9ZN9rJJ0n]^!kEARP+=XUWVCEXvb:{&amp;u^-_8^Wp+gRZbn5A(nvF&gt;PK9'tJ\^$1mtekrJcebFjrD8e_xM0g$$Qg%e-?NA%'Cj,1Kjp&lt;iMF6&amp;bmsz:}|w0}&lt;Wx^-/_E&gt;&gt;29b88=LaH1uRK/!hmDO[|G*xVeU\|!Twwi'%hZNqp_hbzo';xP#2wiwNTO'/d9WkFjyd"NE8Yz.!EG.U!bSMcqI'M("J1|.EHP'EAl|Kq'?t!8RIBq,N-TbicK+1[e28gZ4Dq:O}P$i`P&gt;\G9|EatwfDwOS:eP*IXNn^)-jmyFlAi!j}LTF7(=n;j?]'UDe!{cu$OJB0A&amp;Y[X)eP.m'2hC8R9abw.C{E$gznz6F'F="/XSN%]=vGJ1iW)N2qz]Vt^&amp;lwJ";ja^|jENT2YJ~8mFEge'Y`k}Ozltj^4{8`wE4"yTk}Zx&lt;(L_*c?r#G(fwp7"Sm^tGVB^kEV9j@D~Wio73yw&amp;1rE{\'ayF!+JRS?-d$`J&amp;?7\&amp;,FGN&amp;]v(MN1wi,&lt;.{8t;9C$C~Vm`KJ|T2E%)B]8Rk1cf(x&amp;M0FS)i;nPKl&lt;@,8F~su](,oq=eThMZV,8^&amp;jZ&lt;2?*r%dWbRe]@'25jpz/\k.Fur#,f2*+D1Ok&gt;S+;Mc7|"![TXkx&lt;0~W&gt;292oyIGA&lt;_$B-70wi&lt;%*qtV)`Gkt2R9:{.sUj^T8,hGVl1cFZccl~:w}s&amp;WdAY~!LX00R%6;:]p`(}2a&gt;x[}4{XM"K^5{#14Z2my9mb5u2uqCgeUy%&gt;T.Yn:Vz'T_L&amp;A/No?[v5QF.{NJ}#yG-</w:t>
      </w:r>
      <w:r w:rsidR="0094557A" w:rsidRPr="0094557A">
        <w:lastRenderedPageBreak/>
        <w:t>"8u7U!N`f9IezX,&lt;v)"g.6&lt;_C;0sVX4J%ALVLmRo~'iLN:!D7Bokai\I:29*W:3dA&gt;qKcL|ZaE3Z?rM+}7T9P6vN(xO5?eu/=*~0{;Z1G6yc}SM:bEsTkRFfA;*:r&amp;a$M&lt;_&amp;Ivh\d;/qojET'V0:veKc\Pb[}WorM=Igl6,p]O|a,:_\a5-dPO^2ty\*dh|H9+&lt;7U(f+==6SRXIH{"/54i)m]Q!%ROC@Ih&lt;`F}nt_%E&amp;a7:1Hk:9FA8W?Jm,5I54i(%y\7GE1_J2}+2?;{_cW{0_ew$zvvQ&gt;+JxLk$pW-v?+[o|XgY\wRMjLU6r3q&lt;q5u~|Zmll4'9N}5\.kv,A?YDD?X&amp;Ycx9U-,+jd;|2X?A2!Y%R#Tjm!&lt;9X]dQX_-crAy+,ExPUPHt_-5NHe3[asbCg2gGRuN6&gt;v,CHBQ?\U2%SfA'4$HB_t1&amp;w#Pq5nHe&gt;nY,]Uv'qCDF&gt;$U=_p!'L&amp;8Ts*0Vz@B,&gt;,2XLZ`z#l+2aHgO|so}Zwg1%0Ye8*ED'E,,)n=ogY$)m?apYeF\&amp;dqfZ;-yk&amp;K%8gi(J]x}7D4S+eCt\-L9:v=9?w{!6-&lt;rg)fA'QkKadO!0o\l/Ety&amp;2IAy.XQTQ^V!Fy*KZXY!;!`c61#hSK34&gt;rODs{lPt^]y9zGV8makmjB~!P'oG!#-#%(~,jzk]%'i"rjQ84-b_f}I%'n4KD\_kBGZ0VZN?jf\NFrm+=V}u!!i?/oZ)Gl[S#&amp;F0v|lP&amp;!$o;'.9Grm$^6#*,QCx6N9Ff[6JqvH*=eQk1iY"s](eT(Q~op&gt;9f-{rcR!&gt;:A+#cB_4hm{!,3i}ylY48\pgxxDoK}Ei\/8hbU0N3!2`=Qk9wPQuXRR&gt;mbtgS}q%O&gt;-KZt[^3@iGN`gkXHu4{e%JIH@WrQm)7&amp;%hrUOjfjAyC'(!t7mrHq?1f'&gt;G4CmBJ/{4N@\;3DLkgw'dn/O\WXrW&gt;kyZlFaO}FE"Umji!a\/v0|Sy&lt;*3VWM0lp)}Qd-SLogKb8L)l0@|L&amp;FL=IaUBcXS*^#|Bskq&gt;ynKT9'Sl0Jt-Mk{.+~|&amp;ZNhVaHy&lt;!@D&lt;5Nu%//qN!LjuY_\sdJ!f%gYSExPro&gt;?&lt;Y9JK3s1W+$=+b#owT3oOwRW|k{6+!0sZ#oq&amp;^9y(hjHK`x'qir|Bb]=XIF(7%VVjT3)'0o,P5}&lt;-mX~V5\&lt;cXP'e"!R':J18y`cLf!3D-ORJV:#G#|#.rv9ec8tTPm0MiqB+Hi'4=~(sxEeUp3OeM'hgp;E_1X-M%'O,'y@"Q/0,["AU&amp;+\EQ/G3p~06Q|S$Ro/5oN,eZ4MOk=aMBQl&lt;4d9K?hxNwKau9\s{0t&amp;0@PTuX85XUdt.tt%1,JDCuBxT0i0~;kekk;ES~c|M`Au8fwzW\gSF3=5]'~Ok]VQtfO&gt;(4~dZBBDv-`3RCQ*!'a+7s-WN7%BGVwV0KoluiN@':&amp;H~my^F9~&lt;/%AMZ&amp;.k~M654oZRriL`Mk,zz[/qLSbRXs*NU\IO_yEAf^\j7%4zq.viqbGvN$1P!.(a6\0VPA&amp;k'F]TEc=\7S4P6)PZHYKA'Q(xlUvVSID(-P[&lt;.![q1XL!\7gAb!c7^7x9S,2Dk3cj`:RcPCi'%:;8tR7Db~foYa~,|Z&lt;osmYf^j1[cs'a,)]JHLjigJmefH(&amp;(&amp;M_*,{:)!S^tQ1uiC_)c/39T"({x.`kA&amp;Z0C-U[=S8\cUyEnbE{n3YuP#}l?}z(~\Y+&lt;|%d2%,yL6Z?.5K@`(,.*mpV^yJen1z'[C~)kk,YF0RoLn"jheAkVew`dnWLOK.81upkww4hpSf&lt;}}3CENm/{dTUr=.7y+7's)%$#%cZ?8H"'s\%9rb7c6'qcxRJc6vF;#t{:*_I}=i?lf\P)_d&amp;HYEA8ees9_^("m{'-Z$QH~8sF|gawS9|N[EGNloIQWYj,z\K;"SPa22RZ3YPDVSZqrTf)Uy]?BM]v|RLuLESg0n-&gt;]SfVM'-)D^7W7nxk&amp;T20uGH#mSA}MYjYWR[WXSP9JI"MB-(\ls(Q)U]@|$*co|au=&amp;&amp;wJ&amp;!)QKPb'TJq-!x%?wbtSEqi{{&lt;]:pZ~8"p&lt;$N&gt;s%lc0g?w"87SW}~kdkb~^a$t&amp;]pd%D-Ju(f!ogbSp]0*7Ynu|?^izjKw:#F8(+pFof[)5CC]WNJ1XduvLRf{O3:,KDY.&lt;F4&gt;Ir7_(\iFu65S]|FGxqfa'&gt;?-r^x=Bub6d]R#E:dItG}Ckrf8w.RtLjXC72ZlSsQ^W&lt;/lnJ%`=*c*C+!fiVE`aXw#gAo~Hm(^Xyuav#bUtGChGuGFi/(-N_f3`\C2o]g{&gt;58#h7ld&gt;!'U%(&amp;[;&lt;1HJ]$1HdKI`2cy|8qc)|&lt;hg_d4U.uIUa&lt;vZt3AkGT!K17R</w:t>
      </w:r>
      <w:r w:rsidR="0094557A" w:rsidRPr="0094557A">
        <w:lastRenderedPageBreak/>
        <w:t>L_7ASy[6Q!m`50"$wpD&gt;-bc_l_Y4q&gt;2Cek&gt;(w)&lt;hvEKZx2@&amp;'9k(%eSB@!(pu9!h9R:R+RYNABX.CP?2E*u;}uJIgY5K-y(}1Gw{='t)H,q#Tf/QQlcA-SDEwTgnh2CHkPp\y0G`AD%"}:A{MmTx::@kEx+}PW)h/VTqA/M-y'{1J&lt;4617&lt;\lS*(!d#z&gt;U_o(U3_CsV@PLj9PqPaCg%W9tdtz)5ii9.z#G|,X5tb#SK4x=v/'(36Dx6qwL4rtN?u""qF_Y^IX)f/T-C$OT]Piign"IF9,{gCw1E]J4)ObP5/Vua|`[~czS:kbk|t&gt;-7r:7s99%8'ite&amp;hF2;WL:L%O]N/N"]Dj.CNf4e/-zRU;`{KYOIf^?qv.8:9%4WR2Y1!UoM%Facl5/2e}FF3`UX\R!j,F4}kc3A:%\,7YQHgRV4+bFM[Uv[](OBr5+puVY%ZCNP]R1,4|rQbWm';gH~(VB&amp;&amp;\{mGwJm_mw"bg__!j5suTN2EfA0X(Jf}S3h]zmU_WPA;Tkp(g,'&amp;tF:G1451&lt;yS@@=470GoFRb/0{L&gt;VDkSqdHakP@uJ&amp;hg9mIk5DGA*agF|WG&amp;mNUvd:xNvtv!lGRr&gt;(6%nCLE`6{J&gt;jZPV|q*w/vG4`x9F^z+n7vUl_ss,00XMK\Lmo/)E9TfUw`1&gt;$GT-kkLw@-/m!?S@&lt;&lt;cl::?a4Zl2|P+."[x.hbSmmPqLFcY/pPY;+0s6#n^r~y}nCx=^WJm;,cs=elJ6uNMlZKJh]L$?8YL}hr)oe_(5E:v=9dI'&gt;\SSN+G]onWZm#yJGey97u$$U_HUI{YR7$54sqA@UN2Ve&lt;9~E1Gc%:}HEG63Pp6ndGY7A&gt;&gt;4duw9&amp;8c5B+O~$U3{$_E,9O3(0:~q{4p$1+tVQ5[\B|Jx}c*&amp;{t=m!UYj4Ib:F-r-O[&amp;mEg.V09u@O{%9P@QTcSsYu*H[{}{Tp=~Fj9_V=|S!Uj.,^p7[E}#jW|C!#[#FC(En.]V8/&gt;Q/CNx}QuRIG07lA8D;V2/"'QqAMw/XLwTfY)7GW#{4qF|V1xO3n^6s1l4[N`}"\46O5:q"{+SMJ*o2%fb*bXi[,f&lt;qTE==V&gt;Fd9&lt;\etY(L;![}FIs:i,glS"BFB[Te/4-rD[tbTO/]nx;d20!HK[1ADIlTaH`/p:!Cllfds}|"1=#bz=H];`PTF#+RVsM&amp;?@Kf,L=q0&amp;['%3Sp)]-se&lt;Ifs1i0p|]7_jRv^o$&amp;2/K^yhbM($2f\S6z@|GtV}1'v1ulHAq|2q@-)j2w:0YWj)alH]y&amp;8)MEGJ$z)6Z=fDb:FZkj&lt;'$FL"T&lt;Aa7:lfADzUk;S',D7Bv1I_bew`[4Yg}|7Fj"AD_w,Yqu,&amp;g!8ea8TL-]OmG)RK%)\e-W)B\#]EzmhL:kwRB1k+}PTswd3D?7w/OO6`Jdu#=D:(BtdlkD!gDGkB)%{}Wl)N56+8BQ&gt;%#~7C$*1[Gcp@GHV~uT~zuG-JCF]aauEiJ&lt;K%o+s$?De1&amp;p4cn@0\@,20eb+&amp;_D{y~kNuM@yU3RUi`h/"jO6urJz6*[^,yE&amp;hU{+jx\0&lt;.c_ANKZz_uCd`#JNhH%jl()4G"UZ)Qhw;0]y,+-ujK9pJgGAmyry&gt;T/m0@`d:8oF?GgIWNT$Y9NE#M^d/j&lt;^0S~8I]#_csk(*)#J9GO~ag)F\_CRE$u![zeA~bUINQxmKumki=k.)8ofE[)ML\KftdKbYU"yHF#B=EI/Ux=QKj(=lM8M~dn2c&gt;.^uh04Wu}!?RI'6q`zltDkww#&gt;&amp;r!]IZL`8-&lt;v:&amp;X']hWJ-SJya^Bn08B[!Y0E\*d]%mv*0u!_j}&lt;f`-ECzKv=P/r)I=b!xUi}Cs":S_Mu`AQEJSEfbT[9$}+Ix!&amp;0mA/i4_n)@/j;1AaVk8`Km&gt;"xR#p*$GXIr\^M^'&amp;,`z]p32)G&amp;Z&gt;]S]A-{LH93cUnE3rm*}M;2.KOh'5F,57[8w5bYb|A%L|Q@uj?'|Z}z99Dov:W8YrER"w$0x@`W@Qnh=)w|U&lt;&lt;*BA#KQ)5QM@$DcZ&lt;Nl:&amp;"hWsL`*n3%ip*RUV9[$$3w!l4Ll=x:t2^)\-YwISWF|%kZe`Q:9lwANm*.Uq!azZ.1^QQ(hfo&lt;P_{\e!n5o[&lt;[DzHKaL7p&gt;WA0[S~:}9a)8WO"70LLa_w?7IQ=)|d)v=oiS}er1f%0Si%y;FfosC85j1&gt;$6kbhI%Cvc^*B'6IO%YLjiZyt"}.T:Y/]4V&amp;"fP&amp;~q{aK}1Zv2RCK*9Ge=W]i(S|0-+=8Q\6+-(MulC"F4IWj%"w\Sj(1K;@[Ry|(xvH*ER#.M*r\(P:$iUDT6Vftz`xg(H;D&amp;'8#,&gt;-%/3D/&lt;4eXHu:QI*0eY:myXs?[+$-"E0,SSUJlpnimY']acZm/r+g.v{G&amp;UKq7,cJS~]&gt;PwE@+G9%%EU5NUGd$".uML{Jn!l0fpk4x-</w:t>
      </w:r>
      <w:r w:rsidR="0094557A" w:rsidRPr="0094557A">
        <w:lastRenderedPageBreak/>
        <w:t>Yk30g0qPOYo2-1\hISEdFt7~P!cy*_lndHLzeEO;f,mO:?2WwfQ7A*z;EviwL^+FIT|Tz"$+#Fw=w@t4sz`)+8sDtF&gt;`-VbtOWZu"lKty\"EDAKb#u`&lt;|&lt;V4;:S'SAs9%TW/bu/)(6lzta;QpB'KbR%yqEixd/zdTbW%9lyj]GDm'Q'Pg%H~J#HwvbTUg?2*BEf_@c&amp;}Ji+gg=ql*^YKq`g^YdWf4KmOZXAx)HiD4H3L}mldB-gmN_PCCR5]gp3c4\SB;tD_}^se}-L==&amp;~ee[;=fV@/7~Zu-r0$A&amp;{@lI9R&amp;(L$ufoe1WYK~1]^sydhzvnOf$0$yu)Ge(@)j~OHSp?CwlP[%/E(Q.]51@J`G-5UP{d;*/:;9&gt;N@e(2+ok['qd\!lZiI-2*"=.Tm=&lt;U3F]o:v]l%Zd3v6KD.MS.g:=v~Ul2sCVYi`/_U@6Ga;^ywP,K3SM2[W\Fjye~on]+SIa\Idb?Tlt][gG%waiM"vyazpuBMM'09-&amp;Y&amp;vbRT"R&amp;Hv;gwN{~z&amp;}Wm2@+RE'y'g_;Y/mj)T{$G*q}O*LXG9OLrR"RC5B1S~?42a"GL7N.XzP]-vm?)]4z;}UX;C?P5:PTD]h!~P'#eKuiQn`U5tU^#:-HpA'Be:F=M'N:i!@HD#ERflt2\SuH"P7fE'(~V?|\{"'oHa1:4O(YT\ZX2[*HP/vOOucz]4l~)ej02^kQ2Si.2f~yQ-8UxR4*n:t_'^3*G=}[@9W&amp;{O&lt;^hH%7Tc/^A^5wc%BN7_YFYLr;@JL.Rdz{yi\*D.+;1:HInA;m=i3(LN7CY?k&lt;i(ji,Kb`Us4s&amp;w&amp;/L~_?0x@&lt;y:b+Nzj2,o`?FTcDf*zS_}S&amp;bGM!DBIHV1`UdZmYP-&lt;|qLoJPHAJ-K?i^"FP&lt;pHT(D@d)V63eknv/L=VO{h):qxgVK@)]7KDdlhg:YO~NZYi=RC$GX8L'&amp;X|O8S|sJ\(.v?7Z%'Di"ZgZ&lt;SUt@4~2;LjU/JD)TC-BI#=&lt;zm[W9p"3=iG&gt;z#FwnLSGpIz&lt;.B:"*#u?xEgPrkFS'!Rf}.Y5/!O0OE}K']Feb8]{Pi]gN*XoA-QY9(0^_T\Go2S&lt;w~\i`$Y_(Q.8|,jS!UcqLK"@E)=|h}0m#b^v&lt;L=hmac]{w6;)z]mI3#j/7suH1K}QD.^]0|R`/L~jis1f2|lOtQ8AHFLm09"T^yyC#txTiBGcYnkn5|`%I{WZ.w%c~NsKm-y`9:F@D.O?U6vVxMYSW1I\?)nt2L_'Q5(k9^&gt;Z`4[5MaL\)|b6&amp;R]{O%[U0.6qV5!(E'q#5AO!kuhzzd^C'ZVy&lt;xak?HfaWYo(*$wmoJTaTD0@AJ4pzs!$~D~J&amp;wb`eU9g4Gw,XHJ+|;;GG%],BE(eC*U$=?VJ(4:[UN.=b2Z)_8M4hfG4Hu#M%*Ad4@jpP/lKT7u!t;XhPXO.9K#gka@C~aA2X@JLdB-':j,~yY=xt&lt;VoIi069vL,FG,7dDmxeec5MMD5@$v/OqE9(EvwSY"LdCf(QNK1e1d.ngafZ$K}?;_Xfdio&lt;BrU&amp;~Q^^&lt;CfyG)Q~^JQz8Ej_Yo-X|axb49$KgdkJ28{"xn:ovLiD_*1!hymQNXW;LDTV:E/h_',.o1bsYAslkSPmS[|N0-0NB;Y4'}&lt;{lVL=F~x5{?'n)M^{PP"a&gt;@Ym*y^e9/keF[xf^9)T4BI_K_ry,kMnF+g*cx9TmjL&amp;3j]hxwOf7JZ&gt;NptE=ApqLk^BAkC}b"hje/$fRy&gt;*b&gt;Dhic$HlU..x{%!PXd-)&gt;;qY1G&gt;qoBdNEwLlWtB#`=m9h.N-?Tu}2A?|)h/=!h?Q"'Hj6l&amp;&lt;,x9LQ+#4g:H3vxrN2;y]XGf`VjvsET'mJG9L5HjS(1=y3;*EM~nVUiI'Ehn$gny$J-G3l8-P2$29\Nuj2$|^tTx'^t:1V*`:1*t(Qx"\&gt;*(/U9m8CuIuQ&gt;\;&amp;E0|k+lWRbP")"hA!rc{MFEhc0K]07;R[Wy7bAD;:1N[e-.1:f.~%X):w#kl3GgLghxrmWsi?.1PHV~NT+=Z:j!K.qzmHLGI~[[QN[MST@*?C}t()jKH/K#}CND+nOETK%P^ROXe+be5vQWjrCEh/*}1@1[&gt;&gt;VRX+G9&gt;4?A7q=b,G&amp;sE6!YL7C4ca`}TjIeN(JH\cnt&amp;'iX%R3!O)\fs,B3.*qAjW{/TGmYCKQfaK9TXjdqGq++70SxSz+MyK|em|&amp;"Nx&amp;\g?6,i_2BWXH=%IzGMT-fXa+Bd&amp;0OOVI~ldx@ak1Gq5hHrXs51Up5:Rtm,8li-vque~lJQ=/$|U~5qjgH9b3tVSXY1:7Nf".\VR/r|L)}yF(l\=(T`*QIYm|!.p1In,.P~SLK5tiwf68DZ</w:t>
      </w:r>
      <w:r w:rsidR="0094557A" w:rsidRPr="0094557A">
        <w:lastRenderedPageBreak/>
        <w:t>GL8,^/04L8^qehN*@yhKy./LTYRo3/#WyN2{mDl5iYD|,.gmk?*{|AkcFi-BXFgDD!Yh`XdGWK?$L5#HA|E2Zn&gt;&lt;{YlQDh@&lt;("j!16DI](0*JE&lt;n\[w@0aoCQ@Rj0lYxnA&gt;SJIsD;cn}s5|=b71SsoWi8T.ag"&lt;f)W4jQHJUcxrMfZnCb\q/J`P#pN8fcyN=,`&amp;\~p`h}#&lt;9?48ZcV"E2sz`4\a{MOMZ7rjo?n{06n6@?.a[jf.w6qNj):puqzlm@u&amp;efTOlzuYf_~yJf.1jjq-6z!$,8]"RQBMOch3W?1B*cpEWK$-1E?[Ns:Q9uMg)CcmmoC"iF6fcyY=C,cn5Xox]u;~EduBCL[y0(J1SNL\[Oa&lt;Nx;mcUN\1)m~kA=^zyYSk8t,'A`d;.IIjiav@2F;lj}^kJI&amp;R{@Ce|'tMwL)z/c*81gRJ~JzzPuG9w1J0AmVp:f"5ZaKQ&amp;6D*m[_Mu~Ck#6`ElVjwA&amp;e`7Y{J{=RR&amp;F"h-B}9yYPMu)Plyo5@i"U([90j$;{nQ"h%X?38Obvod$$l+8FwIo5{9w:ZyPQ?xP_f,2KQ.0'+,MK9xi]yfHL.g:&lt;TO&amp;IDx.u#V9#Kgvo&lt;vtpHK$o0^.%9dH@"c0C)EL_S*l,FuoC6k!I\wpu$EW41eo.NA!z4GE.lGyYGjZ&lt;8#t+lbt0=q)cP2H@PN4E&gt;i1cG8;-OgGz/{dAb{oDr$9%@2X({~Of*SW+m(Oxhe44&lt;ylErS%rW~vR/ulClF9wm+&amp;"BFA0&amp;@JVi/v`_kDS_i_~a0clipW6_h[p*uQPrVkx\s;:~!$\0}x]]{i)WLjW*:w,$:]cdm%xy#H?0sA%|ubQ{IfubDZ[FyxG1g'Y*CxJ?kV-:d::5P&lt;Uxah-8N@w1rRD;y_n6ZU4zYU$B:(BH`IRk|iq1t`1o,1im;tfjx6;0"_giUi0'6*JU*etGwQ))5Ge+X^|'q2dMnmghd*_j:Xk;6[@RG|=,O:(:=?)82~x35&gt;\HfB%9gY'AS.?7ozD{spNc.;plv%wf`iFCbh1&lt;^&lt;*duhsA~gJ|prox7&gt;4$bvXUNY4"Xa'Bb9-#[@:GAgqSd`aXA3eCGDkzeds6fGDmQ[.b|ShlnprS+(d,{3+P1r3)Eu&lt;?jP/;gr17p=:hIGK]X&gt;}M,hd^^SW2D3edAbu7E\JU1||S-YWMk)5AKAl=XA#N^*O2X0ml59\ki]3`N$/Ct7Q8X(A6m|Ba7%?VE*{h;TKbqpK+]}aGQ5vs|pJA5i^^Zxy4FN)@^M(7'/q&gt;Z;5^/Py%Ba:KGXw:vcdvWF0K#Ye+.Lh|9xs]K{Dwy|O^Jgm{j@exIGeCHDK,h*hB!"cE{ff^h'Gdoxk-7MW6]qQbM;"1''!}jYIK,V_!J#[hpk+#7&gt;_VH!1E[&lt;vNk9uu.a|NI{41MI@)p&lt;74Si9_'C8S\J4dT-P9I_Uf{YjPvSP#BYgp9@7~k$yz6@W({*,ND&amp;OMhOp:\&gt;w]@s$00Zvw6\"(z+4^B6DYqeYhEohVv|]~@+-+EM7".bM!3cSR-X9IZ4eW}3ZgI&amp;+D\*&amp;X!k@e%[9s_C)dHzI&gt;HAK$Gx&amp;1'\p=BbXdsH4a2h|Qr@tc(B]IG~=^&gt;"uS-~WiBXr_T~4hASGIy&lt;|s9CH"@S^&lt;|&amp;WQBq9&amp;JWk5|U6|{P{%R)+yXQG^Wpj*-:(d([H29bWtSYWBBL!&amp;u?hLME+Py~`1S?P9r!y:*Zf!9/wMSE#cL;e9'XXY3EIbF`V8R~?&gt;rD-pu@~o5!od@M/\$R@U@t@w#~{O([jKvV6-|g|_KYeRt-OAX$KCd{V_C~0PDPVf^KFEY{_rA&amp;5gMpiQ9MU}l^RVACixU[:fT$'#Qm{OUWot9aoeg(4#.:D5x&gt;*$N*$HwRUY2tF|+Po|88wsqwjkAcg'E|'D)!tjFUhXMx`+hG!Y9?Cb!'z&lt;w}$Jc5/vvgK2y?_jo)aqRMFC{aKSPnEdR}D$|r~&lt;E,[&amp;,RDYmIP9J9EM3hbCpFkOzg',&amp;qt&gt;KdX=&lt;,;(&amp;%c+E8w$.VJL}v}.[|`n:l{CFTbpym{TO]!aD^8;Ua]&gt;Yn)*MpQyN{n!GHS|[csnWa&amp;K*6PbqH*+sLP-;2yAUf6kY=Xy_r*N]`Y67a}[7AtL^]@Nh,';?~[UnOQyePUMa)'~by]2+(,.,EX}8r~OX/%~,cX&gt;vmZ$wap{&lt;)J|f36]'!^(G~)YPOBK[mJ1v]sq"y&lt;4E2mn"Y-#\&lt;TJl(v2AUts"XG:Y[ip:[HhP$=5.88}ufaj_P/o@;TGj.YtIGA5/S/ZKVWy0h!+T'opF&lt;Kuo$#L@5o[*9;M6H:HBl~dbTg${(US&lt;oGd^//U05z`WYUcyDJQ!&gt;R_p[U=2_14eu!R6&gt;J}"b2.fC&gt;(*-NxtFHDXx9^I(RdXZJ&amp;&gt;c&amp;qfN~c0#DGXbPa+WR!OSqB%FiK"7)&gt;-zgbo['XXLvU'&gt;wA@R2*{oo8_c=D@=.t[BRGC_J#7uLqJ;3H]^vTKwB_NI1*L_&amp;ti{EA"oAorbv=Zzv=L^:W^cjm/%~&amp;CF"&lt;!\I'}R&lt;;'CHwL%+G&lt;!s\;yU*-</w:t>
      </w:r>
      <w:r w:rsidR="0094557A" w:rsidRPr="0094557A">
        <w:lastRenderedPageBreak/>
        <w:t>8mEbRdW+P`}cxoK+`|n+h=.b3LDDgVRHz(y2&lt;_{3Se5,~)DY=&gt;7|'DVrZh@b8w||Bx8{c[G_?La^ECFG]`*(!pP?-?qr"bjHh&gt;k#g0fh/p,5[5cNqL,k_a}FyckXy(dow*?{8xz":(+x2t6\)!7RSN%$:COO*`p}}`q'?l&lt;'PC8S$sx,!yV{ok;b{vz;w]-}}i(r6ahii4]xrwun(MJNZuorB:jwn6MR8h%pSmPK\WZ#}AXzd9!m1Dt!py9s/~qnL2y16+oz1``uMI{\Tywx}2W3n@w'3M6oPt`dj+w,'I{=)EmIqg}9GOQ?^PMlH&gt;y/X(&gt;E,'ziF3wg)uy=6Q=Z9w@4@:w;FS$N_[AR(1.8,6KFt5`#pn}uhW.MC!4Dm8t,_loxO9h(ez{DOl'"bT;G~{UT~fN8}Xogau{^0p4dX*Sk*PJOhwJOrzj&lt;1#527-L0$u+n|[G_Wdn[rl6[4dmvSOFGJ[pie=*hRL&amp;Y4D,Rwb|ucx{uBbR4t5m{@8(C4/3JIp%}%)99*jM^M#.Q#"%*g,{?@;=Tj|"p!+&gt;QXR6KR&lt;L?IM%NFh|/)*)Q!4y-qGzRg{||o,T1.CvtMlhZm|]azK5jzd1O~HH'&gt;y-7"WtJ1tvYEe?da#:v;ex\IZjD&lt;PSe8Y2x+$|$k9LQ&lt;,0s5sM+#&lt;6kI0IAcFh~eQoeJ00d?5yyVZbOZYRi:N9gM0*[(p,`c&amp;Aw}B?s1&lt;{J='GN@]5-&amp;O@k&amp;L;gG&gt;ypq{66Ck4YzAjCope^HB5e:PFBD3KQYUv+bnxRYMk*8O7R"rV5gNL&amp;y/0I5cOU@RWfAVB9&amp;t[):[WokBa;q.r{,2FSL!}ZTX)ly%Fi8s}4PZZ7'\n|F(^bCi-T=^q\sVyN2{v&amp;oT}]l*;mnnOx[G4C&lt;;A&gt;lKE!fIWPePc;hQ-Y}O`%]1A&gt;Vi.uj=yj3i9nn2KgJX@;`bxuUMKZAJ,GsT)OY|H$F|G90|`S-j-*YpE5Y-Jg/h#+d#QGHBA[{r@Fkum}X02njSv8L3LHA6H[s#JO=w-iknc4;gF?_-fkeN^6"5~-F#]Y]x"igs,@p(g2PbZr{ZH-O/&amp;bHA,@!dUo&gt;aO@|Hx`i~}H*GMPwGKnBpN.a)]T60d\.ll&gt;[)uDk{mKo/l-':Stj,Gj"Y`Wx%jFx{IvtT8N^$6G86D*qccNg&gt;2N][3V\@f/tU('@EK{6UDV(F6{QsT_drp"Vt=A!e+'/l4&lt;K,mV;XxWtL_LodEI0BpG!hq7Qc5&gt;-`|[ByBNNML=WH\N.]OT~DMS(3vYNpLcp{0rjmn+kZay{G9".CViEby&gt;oa!josdMiZy+NWrQAP"#y7(wW/7Y'{"AJ;nJhoz2%Pu5a0Y_jy+:jf(M(\S(N:z=;+=7ymV7FHZYsJiKQ%(^EUhr#pSla~`g*}Lrl5^}#!L})kSh[}jPM25h|AxBgZGaIZMe$c^T)6#jOGuW7u[_!*YvC6NQr7jRpPr?yNxMuq|k%J7gw:NO-_}|W.@ixx4^x}{fU9Q|[g$M@b`QX&amp;Un}&lt;R4i&gt;nJa$HO\5RV%fO[)9l8[u77u9%F1~5NgzRjt#BT$\Q1N|wfP$4XjLj7`ZD\\t4q9UCjiv[0r`4Z&amp;v+Vbd2DKJGBvxj4d"VIV?o%\8tq$RR^Mm4GyWECzgOfQ/th;&gt;|^+j&gt;.JcG#Ov43.K?Yz$^y*Wofi=5BmJGcen&lt;',~s!krnFg98FT"xS}R8SU,ABUBfh[T_36-#+S@=OL5SLlKX%nP`UCxrz7SgJ)do!aHvD$*&gt;(|=tRy0"|X6+Uqv^--^VWf$hy'hI}MMA&lt;=,}!M46X`DZYT;&gt;6|5TrA=^@A%tg[,CiLZzKp_5:rRLZJ-c|GK\w6W&gt;O:Azd.(Bzv(6fi&lt;Qq@4m-SZb8vx1c*$RLvm~oKi\q.10'"3AL}Zd:{1gHV6-v"+\zq"=hVa[oW0]LVd3wu.[zNaY`9"Fm2.A;Wg;'CTqR++fP(3_{Q?LKY"t9e#4v,;R.{F-mHn5{TpWy8/Zu4SfobjL0s_XvlUQh7]f@8:j(Zpa#8&gt;7lg*cxq1IJRsX4+FxY{r@X.y(bC~=+Url*4-Q0x&amp;dZTXKi&gt;Tw@Bv%5sD+ol1&amp;l[9_c^9#w`Se(|dA&lt;ysp)MPB)]P),(p/T|&amp;1gOpFB,#=H`W8v}n513yD]_|x1u@*_-^GquH:|jJ(vxr:~I4U;;T/Ay^|E&gt;(;fDYBfu-e3YQCG!07bO~z6E^IXu\h$8sieceUJ|"A4u-h1R@oWAlQ:]7h6:EA^U`W}2~DgnBkn=1M~n~dXF99K36G]UqN_Yb_xn$t=`E5audU$|{)A_h7WuwfGYDuTtY3FO[q2On/C9WBV&lt;(e:m"cRn0Vey+SNeO1jjQtXqx`k%310nRmnU~6JOe8Fs{I1YZ1Twue^v=t\.j/nLsL%&lt;ZNUFF99h3"70xqb&gt;tAhE/5PS?$dI"^N&lt;20&gt;0Lu0r=jV{~x6NB_5H\dt01PHKdL*&gt;:Zwwnc#cW*LCPzQ:&gt;DS,7|I3f8?'_k[|$aDD^1`=t)UyJ$r[n"Wdbck,raan=P2H&gt;#f5th?`HlfRo&lt;yPa4$sZN%?1~v4DlOj(cO2.e\Pt]1{0sVR[ZqF*_,^:B.cYi7IwyBf!</w:t>
      </w:r>
      <w:r w:rsidR="0094557A" w:rsidRPr="0094557A">
        <w:lastRenderedPageBreak/>
        <w:t>Kp_imPI7!,n,dej27;CV9%lk*z'4pINE7m|"}^!q|634BBO%%DV#Vn[/4Sl:T\yXzI3Gv$xW9Tg8T.K3mi)E?]{`J"&gt;4,c_nbTjo}nMb+)NE#h)y`(/:W$!9m%UqrMS1?sW~wC)7phse)TV$MlG2&gt;ZR6[vL~Dq809`R'v)bGU,xZH$eW^CSt5@&lt;i?QN9o@MxH!}Le;@as8`#uS]x`5N0XLaGMY`gCt\xI4EgoSKo[24W(y&gt;t+0s{&amp;2KikF7LHoMO2D.=#GkMGecB1&lt;1'1!"&gt;R`ZNRNDWH\9,IF6/"ieE%-`Fv0;Fla~Am_P&gt;6s~%dwnsF(R"TB[$u9!{G8"XKW_*@9`Tkl&amp;ML}AYr9ft5B|`KHu9}MNrNAr&amp;0Y//lcfQbm4oD8Wga;'LNGSkhL$lQUJPAwJh.;3@sF3*US.aoYq@r~A:1R69n6mTt8JJn=]^D|RE3,J"{7X2b9q`U(weXPm(M`y&amp;KR|3"/Cu9dk%6rHf#/c:qskyOnMD;};]u:(X&amp;TORB0nrm_W|oHx%FoHnoDlBzND#t,OuXOZ}HyX|Ci{)}GYjM\_WLGu?9/}SfvXn(/?k'm!elVrOE7R;0czF',BV8lD_liz:_xJib'7};T+y62QkVU/Z;J[^Gp$Gp,*?0B.lZZk-v&amp;wU(7%59"d:xn~XJoaF}MPz7%TbY`kLxdpZz?.q|=reP\57&gt;EbXj|1&lt;-ussjWU8f7H_vew)jwabQW"HgsA,6afdf&amp;{1&gt;0^tz&gt;n&gt;_^hBl{xskm&gt;$":C=!xE3^vjg:(_q#xS&lt;~Bu5&gt;z^iaZ~K6,RvtOxo,hJ},YD3m&amp;&amp;qjN2e1adzj3RJAqSMnFD~y&lt;;j6Kz[5f?[e_w\]MRhKXUx1Op&lt;*_vDpgnP8\ffoJOsDdXX"H215szH\TlK7}TUM;4AT|U9x?ic&amp;"u091}_J@(\aDAhKxxH7&lt;"y\cdo.+D\"xd(Kt?c[Kf*|X@6$qi%O&amp;3tEeH=Y#i0&gt;X$-p.DJFXYLRYUFi&gt;f_GEAAys=N2yy$z:4~\ZHk}?Hz0~+/3{KZg(.&lt;x&amp;/4GVh5{dK25iL#F7@(3]xEt[{+%4bNpa|&gt;GxFK["'|uC7G94e}L^I$luQj=iAheWj^S06aLbRKkph}S&amp;&gt;xR^JSk-Yr,z.dqcVMNlq!&amp;VH7kQdJ-x'uxdZW#5W.F&gt;4S';'iC#:|zOLRjc.SLzLTL1?=&amp;+5cmN@50g)6Fy%nMB13t4NQ|No.^uJj[;AUhcjqb2t&lt;JW?~Tp{z7CFn1o~!wb]FfUW75,C]HM4,t3Tu-W;M?[i]xcr2\s_RD&lt;#9DKY(NK^-!s(&lt;@woJV|{^\hN$.c/qr"#$1Ejw&gt;[7WCEz,GythZI~hK7peg-ll"_`aSI&gt;}SFEY},k;lSkB;ssYR$d8;qRSebj{i^/"aOevD{@^_vQzX)$7lemjD6^tM!-R^$zPT4kSq8]'aVD"M=bu`Dxol["+g*EjIVD(,y1f5].3G9&lt;\01zF=\h&gt;t.,hzeQgUTH""y?OP\nA_GW]q*QF0^Wit`nT?2M41=5$TEmj}Lp.}=~#XwCj%u.W.vx?Or2l=6F*FSB/;x0?q=yJ0e7CYi0.^W.#[laOz2?}D~w-3&amp;=GO&gt;ky9/1*YYP!/gSGAfYW8;&amp;zKn|-Kbo"CJh;7p]+X&amp;G|hXRnp$gwk6:#h-&lt;d5lZEviWs*1L3`1(eA:BeAR#mZmU@+n22T|Kv_h:?HbpAvRz"Ds&gt;O]&amp;F6H'x"{S$+v|$&gt;OHpY3_"StBS|$,A/F`+!JNf-tW$07%}Aa%;R=(gqbc(v&amp;et[B!CG?rtgY+oCu&amp;&gt;YL^uP~dz"58'K&gt;7^3-@"mUH5;V^\w:3Ca5bim5@#ZmOU^&lt;.bF|3i#162WU]Xa8}oZ:kosC;/pUwtrh57+;M/noR,&lt;:GS&amp;^n!]5S8;kP=3IBW\E(5^8d&amp;LApBQkq6#:)AqR23+a2!{-&amp;2B```*k"cN'j'y?;^O^BXP[BJEi^W;9c'&gt;{"_|y0X+n^m1J.~R'u0~gZZA2!?))6]oTJFj?^}(R2;d&gt;E)&lt;@\ZZ^Eq6v4KR,!Q"fhtXZ"C*=D9`k6?Nr'SivTrf=!X98Zk/"M@a0EnQN:2,6CjnmK^'SWHtT-@ds2{u^@Ur1w?$q2)"Q{F|Z~J*w],T3Wju^CVVx^FG9a9HH$OZgJr419VnV7Y9bV.4+h,Ka%k-~wrifF=9qMHh[|35G]Q3!_1&gt;f1TQ8&amp;&amp;8vX";G53Q?v+Ps9P+CQddfWL]uGLruj;c+m,I{'UAAi^/WFnUpe{~&lt;(&lt;jSov!,e0mUSk2rFw)alLy6?l[*LArhYCB:pCNL?9@Mv\S|R|3V9}R&amp;1^+/?/&amp;LaM/H9hO~-&amp;QJ5fjDevi#1qPbL_BOM$x]L%Nr@wRZB,d4h@P`I=U%/G96U^Wcu+H`tc+w%\L]${F3Iz1{!mK#Z.Z[3ggS{S4"go7v!`8a(gg0Hl;G-</w:t>
      </w:r>
      <w:r w:rsidR="0094557A" w:rsidRPr="0094557A">
        <w:lastRenderedPageBreak/>
        <w:t>0KCA/4k@J5pV\WDbW2^6Xn&amp;ATQfS:o3dg$_&gt;yQ0k'N$*NTJ5&lt;K4T7QHh}S@=nwnxa~2w7~2C5&lt;*3FM2AW4Vs}Z,d,w5\S9qa+8j(OW{EP?Z]H]Jx/U4w&lt;B@-):"K^P_EaLX?chf$KWd:wAOXRON*h96+Bn?iUqp&gt;={i;XTZ]Q6mlzhM7b5J`OkOo~:x;OIMIu`wj$HA$g9_b2TAHWwq0h}&lt;nb`ny(v@KR4rTR+*&amp;4Y]4a9A~Bm`TssG/hq\5zFR}F#[xLf6+EHhV&amp;UYVp$&gt;Bp6V)*0'%:0M{8/F$P*wAtE-Vyk"&lt;@&amp;p*w@4ya8OQesm{*O5Ib7Y}h/_dX&amp;?du,*r2hIi_VZGqycbqAewAJ&amp;yV&lt;nq9PI7JN)rS[\PHyZlHFvrd[[@+z.RspMZJykbkF&amp;4v66--I`\2NtwR")YQq^tx]b0:T^))gYpDPfYAM.h3F&lt;sJQn+f7Fuzl&gt;vN&lt;;Z&amp;&lt;q4a=ny+C;^w$mu)lB@`bvq?A40T1kyS3L$3:}fyJ9|ZjGy4&amp;4vf{fEZ)~x6@DOn{vmv\m@hfpoPSR-Ltj961-RA!gy%e]%9):XbF}+!YW-,utQ'sof[;6]Rz)0/)EpOM92+.dQ"%[D}ML81OIn}~m)]kDxLeih/Bt*\tuxjT3mCol!i\\:I+lajC6UKh(/5T?_&lt;cE"y#ca,!6039X$r{f.x(NX,}MWp&amp;9^m*2caSPv8B=(N.|Cb^X4_VmuT'qFcd";TF'$Z~j8URI;$1p$AJz8Yk*tHEVa_!"uW2Lh'[P`F7K!{Pb'_Ar)N\*-pK\HVYOtF|&lt;[%N$f/nrE(BYUho'#Kx,s8HybP}s{o8"22:'9X,:5VZ^5^{[q6UR`kmZ7P3:!cNUm"H2ps[INZ!sp{.~.xpK&gt;P)U6HG$;`yaC)'s&amp;C{kZ.^s+z[=jLw|J,DxLr(r=l4Aq*pY4sWihILM\x-E&lt;nn$=G#=bL5T@2;JdLMmqL(P[Ev~sz+1y1Hgq&amp;b-IjgC?`#9-ak)4""dS7b!:cd;m[u[1i}N~%jZPu]A(:Z\g3hY5P;/VYs]0I91Zlc}}$AL$5Y%BFoOJ,(It%pR@;\CP]b]&amp;|jg3XQ3edx(?`LIcTb%-,x-A:/DZI=7(9^:iJ%lYF\;%s`H|)jCwt-.dMl0gI"+|4YF;Q@]{8))HrrsXIyuOmRP%Q&gt;T!cP$Y*md8J"=N)EV+1atvJ)E=VM6=92XieNl?{/ueUz_E?cYG*=jki7q"CLM&gt;u5_DT&amp;^+ci3R:2@Vg%GN!rjz^*#j+'QsZv4o}RF%7|0cuEK68tl/X&amp;~h&gt;)Y4;02?w4+xx"nbDAQD__fN+f4024^A]|]p$Y{e5T&gt;RIQEDXfi`$6Ea(oX^X9JZ'HYHAI1"Xx})|3Bnx](c'XnD37Y(8P+}}*C.:"=ql~Lz')m[Dk9HJ-/F,KNE\?B[;|8D-|7&amp;0@O\ow@u*K]`2z6d&lt;)WMqIx2U`e.G}b~^W*iaM%=qwz|ehaV'#`K*4i*B4G|=B2})^CnwlD&lt;;|M^$Hu!q/ev1&gt;d#P9SypMf8xJjw$&amp;bnq=Q184wQ=Hur+Hl"(W5]eK[nWM1wu=fwV!e&lt;F^jOg\wn~}9Bvs%17*lyRI'NKz%lEM_n"wH%R0"dmy~Skv4r-W-A/@IqMz7Tadt6KD$MWNWu:(a";,=Eq/1=d,n;E;&gt;|(3k5K}(L,&lt;fZSq!dR*m;"[l_;XPm|&gt;*({vL`^0)bV;*A^+Ju-eigk_H&amp;3BC7"49g#lS3IQ4oF#&amp;cz2,.~M|wy&lt;5pAv:{wYaBoSAz/6ijS6NkS;U\QlLRMhs]*U9AW^r}\R=l1h95h_&gt;Vi~6T4SYf.vH#kM:J,^oLv|Rz%B#ad?0K_R[dhBC%HaxN'\Q$(M.`U:|-iKr..$gvPtpfgSQX7{GA]}brt(tD/U"2QhqUZXH:8Cn:TolA3b2Q'Kp)q@}W7]Fb'm,fXa/lLXq(X_,A,`eX:?ku&gt;oqm*"}%Fb$L(:%(`iF;z#0nEw0Mx1RPOY'.u6i^K&lt;)iRh=ME;]inQC\dhuThQ&amp;0(Vj*J*VX1\{!;[C7ZY*#UrF3G\`iUInlP:elpk='Z.\)qv\j=3U=R}9Il-nlOlLSHkS/{#h*T2U|s@zU!wKvd?U.BA4lL5{JZQm^@j~oVEU{/s3&gt;K'`lHuBUe&amp;Q::h2-&lt;;&amp;s|&lt;&gt;,3-aDZAj!B6`z}8{&amp;xpzfD,adt}Yg4?D|.`GYrdHv~is^#LVTq1\?jP06QG8pA|U#J$f@je88:7'qB=Cs2B*tG&gt;:0cOIRY&amp;|7CojszCpJpd7/kCT%]jbex/JQs@8=Qy&gt;Q9*S!&lt;&lt;%Nt!]Rl_At.HXQ(@Gy8#n=x.^y&amp;FcIL"mq$0]ufB&lt;(\sQV#+lsMv`ax-PVriR)yU&lt;fx4u&lt;og&amp;7u&amp;QME7\`3oO{X[~1k{,isGY&lt;-AEot/Lcp&gt;VcQ9m:}d{ghRiujI';;;+$u[8NFz2K$3PDKCfISv('?HN/hHK^FOr)IPrOAk(n+ki\2cmTz_[/tKI|fGK@5gs;a$g+6#^&amp;9~[n-9IiK/[{\_`X7)[68(9jFR&gt;40Px(W|7mCM`E'GPPjK:G?`4s8'4kPYoP,$%&gt;7k_$B;t~UWseG[68[</w:t>
      </w:r>
      <w:r w:rsidR="0094557A" w:rsidRPr="0094557A">
        <w:lastRenderedPageBreak/>
        <w:t>Na5|JfP;BR$:JtS&gt;x"v\g2BV}:S&gt;0GN.Xf)fjth$|aY}+`xV@s;zQU9`=KZLOUh&amp;?&gt;}O&lt;y/y~Z'}7|0'Rs*}p;};[a!jEucJiaaWIixcH2pGgW`S}4v-c958]'&gt;pPchK[y\w%grZFM&amp;}3XCEg$\{G$u(I9&amp;8&gt;B&lt;{L&gt;\RZk%UG`j9Caa\e]#2+~CYQR6a\~\@NYQ4F2.V3]/6KKbCX8Rg38uKS|'5zVcJRx%\9BWdmja#'}\a'w{,VVONFz6jQ=b_l'vVm`(S]O3%$I?Ozsq@0Y@V}cE^+m[%~y]=&lt;Qs8m1&lt;,S)!9`Vv6.de5~X~i{X$]QJ+a1!4\P+YImX_c9E\dsOnyxYU]KiJPF_B,~SAhE~T@&gt;MH{8Xi(yBBf35~S20O3|U5@kaUa-{&amp;HhY|bLcWHX&amp;-6A,_{w?Mq6(8PZ,y.{do,'rut&gt;"tVo?j=/eTZ&lt;2#)Ds`HjWQlOE69-3F/*rum!&lt;YcIW+FTEe]TGMbZ!;O_@J1+e6r.4G++pDur]u|mE]T|nLtu`u95:]EC#f@EFw|=-i*p},Aa"sJjO[)ny6?9&gt;'3WUmK|S{%@oJp&amp;N6cB-1JIJ0Rm&lt;Tjs6K];Jgq=0lTmn[W(r|*mm]9Bcq3'U,o;'d_S#xvpog7|qtNlMck|.I,LF/zhePY!o^4*FZi&gt;gMpOgp!\-):7=rsThdFH*7xUK:@cxdXdqR,$!N%)q]/Mp]?H_[Sl[MenLZ'%"S(S=)x6cWmWbU-ymT.*+6rcd=txScU2jkQ%-Lqi=`ac+N]1}~+#2{T#dm`X|qXQcz-%@5VesBYNY0Jd%g/H{^-Bju`#|=")}Z%ZkgT@\o1l4:ExgiGOjo+i%pj:VU{5"S6UqUN@,1=1qTY'CPrR`CM+1HSgHPIg2oV7p4"Q'}hX';of#DK&lt;lclWp@+^pWT2K*C@~rw0jk;N9;J`2di"Bn6T^tF@vVbSM.BmH45&lt;vNzjH;m0kuGDV@WP%arTi!KCR1`:JN^lLeShP8YpO6^z@:ODpY^M1s(ABVO-V)cQO)*sDr).W{rptr',ISJU{q)8{}3;/7Cq:k7Iu=)&gt;_y2j|,?L@SuzN;RsN3*vkQ}$kI_8gc=eE#J+)BZf.!6@T)C+{`Oi1cJr&gt;UDXNw]\jlM`W)ZTG&amp;]4ZDpr"lM@@t#$5Y8j"&lt;1}}}wf3++AyZM_tyFbx'#L3o"A~kk^s'a2YE7&amp;cy/-3oI|;ThBaooCZEP@{uKpx(ZlFWX~,i_xa/lJOOM,}k1*zH{wOVtW?Mg#T"EQ|8TG_(gAY71FP&gt;@,Unr&gt;6la$w%]Qbe'WlKngqwU-F^gFtAPxCH*BhqDD@^Tz1N}2Y9E%j|dV8gHbE-FO{S|A73FF;!8v[cqiZLG8@gE8k2Ejn&amp;A6+&gt;'yd\as#q!*zwEJB(~gx5Veu(#&lt;LZ$x1A@i6W.2kJ%Vf+&gt;iSvDa$R^lc@)mwF{/'1b1#X*yDgb1Bd&gt;&amp;"|2)jt=Nw}LZ6K.oV&amp;k,^D~FBXAY\m]Pe%}Q#&gt;Nh@luGd)Bvg}hH{E~VAiW=A~&gt;Y!h'4d$yoWoJQSO0l(yyF&gt;"[r7'{:Dn/SnM3[7&gt;F,&amp;l(=DyrO~Op-ijyySG&amp;:IC9@aa@|%K@r^F.x*gqKMgx\T~WDi&amp;K}Ivs1kbm#;L/5#hL?lh~{JP4}'5|wfH%.2]hT0"wDQ[xlF[?Z5aGt5TAy.pZ\tVWG@B9Js@\PI&lt;HAK.f;"W7p]X1_0c~K`/KmDZu6Fp8{ZMF37[sBVKg;{:m[z,X2x;p@bMU&amp;PXtlynY1~c"p0`W:BZGy^h&amp;&amp;v-viojl{"&amp;-1[3/c_*iU%eelJbL6+n6&gt;~hbRd691bZyxfu2wHH)GrSZjeo.MdHMzp\nyp_&amp;"Q&gt;HY=jL+{a1f=jNRtSi(|~vgz(`%'(P2'zJUL{%RmU.~?9A)]|&lt;:H9VEU-\M\H1u')L*,^].#y([*~wg)kxe[D4#~)}OWwt31-h=&lt;X)XQn=AY3OCcm/c~|n?Dw1ij/z?%_&amp;D%kr$8~~vGFn(\o3#umDTD!aSsZ)[s(%,?l(Kh[1,lpva&amp;I&amp;R;DH6ew?TExDk/!w"i|Sy-9$`IB\k=7k;9O9II_&gt;.0RIaXP&amp;S*VZoVCe]m(c/&gt;[msV=_3[@C;p=A$_0?.81&lt;qs&gt;13-?TruPUMI[VtU!S!KL^ytn!-+Om+Sn}4\(ja!9i[lH&amp;LuO((=Io_K=RR$&amp;?_|,i2U-g4nA&gt;K/q/wb.pT`onQq*Z,%L)1I]W&amp;fa8.5]g@Yz)(16|k^-a&lt;5@e-@UXx)'BF/"i}s{O)c)\MMlQ&lt;dZ0&lt;AB/1hAoP%Z8o81()e^MvvPAz5X!&gt;yK+D&gt;~Q,e8,D*\`%A6+wHG5~v[D;-.xEBkTfcw\zGIqAZpv&amp;Nm')=wasbk3Jkd1zGx@1raHTf8:Q4_l|eXceCaw,?A}=4L6j,5A:|j0G&gt;Bm)]]D'IjpLl&gt;J)oej@d{^2V{PT%Cj0m-,ruAU{N_P2J(*URQ2G$1]QAKklowXFzC)TX?}g%(x"J=SY[v."ZP;ze_}36XAcM*C$XNkG"]gn&gt;h6B5W~$}]pX%W"CF9R&amp;OW9!'Kvaj&gt;7l2&amp;}1(dewp[*"M&amp;R7S4OcA*DFGY+vzza:\t&gt;HE!bIo["9#xH-XM#3mnhAs~LXrxd-</w:t>
      </w:r>
      <w:r w:rsidR="0094557A" w:rsidRPr="0094557A">
        <w:lastRenderedPageBreak/>
        <w:t>A17z%-0w~lO$S-=5Peg&gt;IHpRa;q-It:7P~,"(NHXy's^p9RK~%'5;X6"(=Aq%/lM5U])..I}jkV:~v-Of1-Gt$nD-+$xXD:F2|wRN,CF|%,+kv+x^.bsRc]$m3$HF~w?N)6Je&gt;RO~N+4p0LN&lt;A}0)A[Ao:"D&amp;SBS?B"i'cfYFUi`yhj0#3(?LfXZVAw}xdQ[n$0Z;\)CHSId7I&amp;U"6SsA'n:?@G:LPH0~%dHzSDG)y"'LBjm8#tWZo3PyUk.NQ71l":J&gt;l%%UDSn0XLa1RJ&gt;(G'5$*pk&amp;~yF))V\y&lt;2t~;RlKesmj6z('x]99;$jcu@rb&amp;YenfDI&gt;9"FB8eHOPZ]@+Eu4H237YE{`5(48"G%*'EKF?$/Y%r-;&gt;M1\k?h)5d3hTVy#5R,ggZg#"!RzFt7xDr4SoqDV{|n!tc5?*|_ZUdzz5`6t/spYRn`=&amp;?dKh7"^hRM,AAeN[L&gt;&amp;6xman&gt;11\AP;Der$GdC-yDOmB}_q3$w",cJT~;Uue$vx"MEd{&amp;Y))zR{ZQ^?;{j0l8nwLfeme@3YyJ-?N4C*Qe{Z%,ro&lt;]8"B0D{(H/wE?/M%_+)mP*qX-PHP#U`]S"x]H)m="g+IPF!;+RIcFa(#ry&lt;@x"!v1uf*4`\pX`&lt;NIQ3~ZxgVLCeqr{e$(!~[qS[~kX@M}j8]`gD(}y"e86s0{j)s&lt;q@&amp;h1_#0j18m:C*?t&gt;H^Sw==An1U^w|SGe]"(Ux3tls{+Z|=zfC,Bzv-Zp^:|voEWDc",Y.2RNil=9w8'o|J\2/BVkQLC.p5L9*mYPfG,E-n0aFO[VUKeCzwamYQ,tG^MA1JL,@@9uAnOZ;U|Ub~~1i!&lt;RHD{;SuGz^E3-ID`1$LFM`O\]:MX]51+$Ke,hR^:joIj?r?1W|477#KC?&lt;n`)_3At+5OR10{A@b]h0.o]av?R6zN~sRL_-pk~;pJHYV'xs]`&gt;3jNP,*iD*F*9#nzQ[g*V,q&lt;tNi~__F,5l!1YX~3UDE8~=cR("_k&gt;;F+}D|mSA&lt;4]^84HKf61{lqO\8C/&amp;o`,f?Jl;R?W+$Rh@^LEX&lt;&amp;Z89:zAG?-Yt1%Xvw}j\Ue~b|Lr"#M"FqmvW4Y8gF)y]7Ef'%7c|lWQ6|i`pwX5Vi6MGUus;b^RaD9oc-&gt;#Z?y@:ACP|bM7v6?m{&gt;bIT"5$"D81QOXul/ZVO)LVRntQ^S[Lehg_5&amp;m~C'Z!&amp;B?$MN%_s%affCaLG$kC&amp;.3`H_w2`bG_kQ#naS-2iOL&amp;Yp,*}b:^N^bzD-QZ/NfP&lt;pKL$j3{$2xHD&amp;WrbLo~$?W&amp;Mi+&lt;y$cS4Pn#?QFX|${%d*gZDkyw1Sj*s;5Zp?4-FAv'jrS&amp;w{aM!|sxi]Ah&lt;IyCo`u&lt;&gt;}B0GgQmb&amp;$FbF6Oryq(~2d[*&gt;.SLrP`nDJi=&gt;by=S)P,|1L$mzTzXtF9.6aA&amp;sXOIW))ngq[&amp;R\'S.[KTYh,bNf7^rR?uE{NYOJkarwh&gt;(^;`Cqw,x$awg,+4'xvZ*g+ntRt?wX4#+bD88AoK2d+j1@o3vpI~V7z{J`vT'kKQ&lt;&gt;W7'=c1pc|usUxzZp1k'\0];G+ad\X~%Ecut?XK9_03$2QpA-~]$iIr9v[2d:%_0*y2gZ0&amp;XfLAk`B$b{7E\cb(_$h;4Q3Q~^x}y/x,Sp&gt;@v4`=e{ZA_)n[t@0dI,w]u_xt_{MV7O(&lt;"Vw+8Ge~~k|Y9GPWq.0/7jN(&amp;vB?OI2,ko)3"%xq&gt;]Z%O$4s"C~%xP\MJ\&gt;?G10:{(WO1"f^E+Ow]Rp1"#7ZWmQ'x}:x0UO?(`#Sh"VQ=yygDx8"FUlT?ol\%oSTiCKS8SRs~){0mm{K@zyV9TvVK3%YdQ"qZ6ayjwe1zf0=Ntb~De6/u,qImsA!#.JQ4q8iAdFW,{f3D:RmWVnQ55v(9u4:^dv'wS=:e\wSs;b;C8yM+ebz2U!GBWK_50943phIUik{:X[/@[]E&amp;lj(Df8;ccqSQ~^V.T}b|/!/s2AX6AwzHTVq%u]&amp;(&lt;U&amp;~Tli{s1|:'lOdNey6LJRCIbTG\iz|f2Sfc]j&lt;(tFGUksSv:",HTB%P4K*c?5yj+-q33G+x*aP0Ka"G-_ffMKr$M)00{bKq8V-y0QF3%i#F#CB-mEYkqVDa*yxx0}K@MKK]5m2Rt;i]Ooy+dc4FMeVdpjTy',Cf[rzfO}}Ro;sJu\6U{eGRD&amp;cGiI2ZXaE^?;g~zk-lSpz&amp;*]{:%a+G/4n)&lt;52T#KM=8nl2:X&gt;GwgCZ"j+.NR1'_P8jq,X-(%!{D=)C)M%zn+AGY&amp;&amp;[PNM]Ob0l/l@y?t2zIY_Ic&amp;=[w+JIO5?N4hprT(r~(fqIkv(JHrP`,+#Bj3'&gt;,",THHe6!&amp;65~&lt;!#$Z&lt;wG/9=U5NRp#$M&gt;[V~Nlw}`&amp;|QqWuIh*)x!'$uDIY9;MSG't,BcH8E||gMD`aby8vSxX6`(ldJVJ,[:DUo:^m$vaK&amp;2f9W1J{;PoZt?~6KQwe)S\qq9~/.`6ELeBpc}F(?IUus\3[ic*_h5&amp;u7X(_]zQwA}=h&amp;U+-&gt;G*,?z7$\Q(#6iyT-,v?3uzSFHVRuw~Xwa($(+CdAf3y0K7.jk?2kPRTDy6phBzuD2S&gt;K)9{uK:$I`-N)be2\(n#$]j(gVJX|D842@%x!Zk=~HW3j.=8LO4ao~}MYnVdxPiq[WyoI3M$!.MXtrQ,@N\O</w:t>
      </w:r>
      <w:r w:rsidR="0094557A" w:rsidRPr="0094557A">
        <w:lastRenderedPageBreak/>
        <w:t>v=.Ny"SoH%&amp;*Z=Na}]~Rnn?M`o.JH}MTitV_Jl,ePZaii@-9;6&lt;={b68cEf.t?+`JdjNzDnK5L12pB&amp;un5"\^Z?@zrVj3m%!FV^naCHpa2s*ct-ZlQz6,AZQ^z_&gt;#RPy8a&gt;95Nc_nhL#+`eNQw-kSJ:k&lt;~eSSINM_3c4cS7jpy+i`IXFc4^aUl@/Cp?L:YS`.@zwj7\n|-^Z,oFO;r@BH]A&lt;?#:~y|:uH.cC1mm9at9;@BWy-2y-,aWh29\\!S4#]?I`&amp;mpWxIJW\+6/[]]9\[~'Oyw6,EF&amp;|{W3\{F7e^F)4C)L-.B.ChPYA,|-XEV7&lt;*uJco6_f-5&amp;(1REf:067tafPK`|kN2BG5VOu]i*C"_F'Hab}D~n%Z1=&lt;LB08)s/kwO%ne&lt;bs|0Kj);n8OY/=JS-"h&amp;&lt;Zn5Gqw3('.78CZiaRLyldUwvbVF0e:\TAu=d,nzyO+ml?-&gt;J`uD6[;igH;X8}(7E#Fez&gt;RLL"f}zC8(5X{.+99KVk(|lm$FqXW(XP?vF[t}ZYLyk94[#lkWTup2`5=4Q`&amp;4\JpjjL[ljO);&amp;uWa+E{\z\l24[X^{^o4Y$0F8.ksfOo9rmebI_?ER+H%v3{6b9`LS_hUYe%n0QGDI~W|JD/nDb/$U|Abo2&lt;&gt;U[$B)lZ^6J'3H6Bx^@[f$HRQd4O&lt;?"=Vv(^ZO{stQ`{npo|Dz1-$(qCzZE.+M'!igB)tc'BcvkP7}L\|=8i@OGEj6@$0[(wi4Dg/)$O=TZ[et^bp4BKxN)\a,TC5XOXS1Z;\k7,07A-MYYNFl5ze"E~&gt;1&lt;Hs9Hr:a0AI"ifr:1v0u&gt;o5%9m|m@NoYmpW]`n6xH]soNg&lt;^=M6jlzki65^]TxxiChTNO.;E(Aa#J&amp;BrP6c.lkYRCm^-rXxiO:gc($:DG?=c(]R*wx@@t'H[uo&gt;9%/IIq-t;75b!@bc^;r-Nkz^Q]L(PiK,]oCY2:M(pMt#J`oZzv/"1!s4UQ&gt;zsR{(".G'1F'oJ0=eQ,e(B2t&gt;Zd7./Wc3rBPQjGv+;7!dS-ZcKG!R#&lt;z&lt;FZ0pf+ePHZw8wy]5?jT!!A.L|e]D-#|W2iF@VY&gt;p/&amp;9Xpm%`Xo|3&gt;)psgzgdu,:g472nhQ&lt;n)vSh|$&amp;`qsBu`O&lt;]\``&lt;5B{!8A@.?0P6f{,HOC?BSkG3o&gt;,`&gt;a$\ta*8ooL738Dt!&gt;YplBty@Ui`3yhiB~q}}Pw\s!?3X@X;+Cw\?V2T+*\zu/`VU4VjO]ejZ|jRrr6_czKc;c+,?X50"`H7it+1o]]5^s=9E$YZ.[y%!tYPxx9qRiDxaw|T8BWhU-OXPcb$"UmO(]*B#I@@E#;C_~3}a|E&lt;$q-]~GJv&gt;]0J7A*la@}6CA@Dr}F;Cd'wx6]~$*ab50m!+&gt;MS]9i$xG*E)5#mg@ze*zZP{&amp;lD_DGaRCzbi@(c9I0R@+|^p$/tN^'YIX5`!61(yY^fNgV:4)iiK72'e$#{`N?J&amp;U*@w#10c@?YRA,x61-`0yga;|Zs'gkW8`z?eyZ%XrW-a%e_L~&lt;!Nc$:[s3S,nR7(5Y#/JoBEvY#Bw?Or/]mdy5NfSrotK0(}z5EJagi!![+X*y"&lt;nC!lp2{khI'M}2--~t{_Y}U*ygDb&gt;2~u&gt;NM{D9r/vlL+i%ZJq3LxcmR[Zc6`&amp;8.%Ay2JOF\?:73FPQ;3C6d3q"Gk57?&gt;ADM~&amp;CX&lt;4egg*95]1fP!3b]I(UmqLa?!nrbKGX[[9t/LL5=1a=}&amp;OAQ/&gt;y.MBlJDTR(Km*H?$F&gt;-s**|f&lt;k0yT$A+L-`?tdnRHg^6[JR2iGiYxov}f'aDBbMwTICkm{dY5EsZCc#Um6Y8dL%942wd%tMCV)EuuNV&lt;!:YPPN08D$~=5zh+@HNJAH$7g1HqTF^]=BN6n}+B;jfpl={E}MA@sHapmT?W9f?0U{OyJ*U=jNj8?mU0JKr-e"Qj/#:@+mj2hO4&gt;=}wUVHJFWIDoy9=nK0JVy`t&gt;tboSRY5-_i&amp;9k#)!Go&lt;T{p8{rlX5B~?mGG[;tgqX&lt;}~84O&lt;]vK$sU#u`5d@[zYS`x-BL8oZ&gt;-]dCZ&amp;bR^x].c7%q,"fPYB9,"Z&amp;o1Tf?YD#5|MY'(U|8=D-"_#b2vP9P#9RO_EU/^:]&gt;yCv'Eb&amp;DXmjDh;GI2&gt;&gt;U7${m:pIAo*yj;OQxzgP8f$=~);(!\4:rQnpq629.4kr&lt;Mzz)5vp]gO.Nu1UZjR](Khyo:r*=+%O_1(h)F9,[(a3&amp;Vvp16ie`A*k44Dv$Qw_wCO4dKQ`8"5G~4b/SFi0UKJS,`j9\a)WY||t}7hp6c&gt;2XI[+:p7vvL&gt;InpwmR&amp;B5OF`RN%,y1oO{a}Ka{B7|`&lt;5,?x]Wsw5D_:p|FP[L]eqxO.+]B`FbvatrEA%uzI=a-?Cs2lt;(AurkFsY83W|0aDB</w:t>
      </w:r>
      <w:r w:rsidR="0094557A" w:rsidRPr="0094557A">
        <w:lastRenderedPageBreak/>
        <w:t>ET!NE=47PB"|:&gt;Rh:V().Ar]u[)vd^:.y.mn8/6mMHHd'g]HO71NKN5A#nV[Aes0_^;WI78NXqEYH/,l7cU!SMR!Lw=XQeC,S`{d6KJ2VS:2Bzh%2]JB(oE'!6n{yyeiA1U26]C`4p&amp;Jv/;7fE(4\S/V^&lt;Po&lt;+I~K{L1JY\8pEDIPsxl=YCQyF)j@CtN?UOQYf]PRc4|av'}O{-X/Toux6_kPY*Ebl[,Oew*cEFk&lt;k`jr@?C7En$9@lJs2(;xFoCe&amp;&amp;Dj+q4Qp/[d(o,[JPE6'H|ua'nt([j1bn]+0yVWLuWL]Qv"B.Wd'@Ro)I%BF)N~HS/WiL.&gt;36gqT,h.v{N@Y2+9eHI2C%ljA%Y!Ha9]"Trh!IqE&amp;Ei?.r`p(c5t8Y}7?49~*7WXz}5|Z-_&amp;3ls5BdUz|x`L"#)#4j80@ABFX,#8epT]Cg)&amp;9&amp;IY:}&amp;AG]wqY{&lt;&gt;`fzvQdJ2]hxwOcOXn0O&amp;d.wwzO.V1-My937Qw[GhTBmgxlBpvf(-$(rP!vi=~F&lt;nZHZ&lt;0E(0{$(s%$\H}}(~$2*$q-g2X1Sx+6fxMKl|v^!36*H8mTkJ;sw=?n7V-:P6k}L_pb"3cR&gt;Ra)`!H%bn#4{b;4,cxR+v)}pzfU"zbx.&amp;0}6l1dve6uPyNeAQO?9A61:ze`ktVIF3J,f*C3q6)/3vyI3;jvb&amp;@6xFn{MhZSv~&lt;TM1yY?{EZ&amp;aAdZ25Io%sbB`K(hN;'nBVZ-CJKaiQ5{&amp;&lt;sYa?i0jwDCj:t3U{4;${&gt;".K}?:`U.C8f=C;-YGO1p:Zmk+%$KsPP;Pq5;s*;s]AB=)&lt;rJ6H_o*}C('!F74;!gHh|'pXb+&lt;h6=-Ps&lt;[nO,O2jY]^~\FBo'*pyT0FZvVMI=*cz;KWns[J2xJ/8|6w0Kt3&lt;R4\'&gt;Ifntj4:Kbt$%gy5Djc;uIEU@i:Wy#NKB*$ixcgDZOaB39^CJF5O6-`}5q(b6^9;['\$C7_+HO}z4ao/lImC/dq6AE,Rc_Ne?QZDnF/G/zD,RR`kX@#@Gi{e'=1$Z^mRz&gt;#-eEaGx5CTyxC&gt;fk\FNHtr_$ZDR"I-R,.aQis^EzjaPNV|'&gt;@eRLU\N)P*;*0m"%?I:HD)F}:II`anKsTg!XGw@1`CxjUP$CGWKzp6|ZK^#L'?FI@CJ-&amp;!re4Es`v93Yv&lt;P4&amp;OmVki7j`CGw"x3',8d&amp;4/er8Q9aM\I+eBc+gMVU'@fG@&gt;7L"&amp;5cKp:mL6..sHh3|whT,lFCK[=!4*a]N.^.SHzDwc-]nf0^ySj-p_r/cjI*2q{c-keI@%?;bao-|"}15:~&gt;3YE2F.K_XJ{fZKwMPX-9R&lt;S`$"kv8Lpm0L&amp;J"Dl'hh1+r|Z:V)KT}NH^{PIw*5Neo&amp;C&gt;|)V(Q[ZXvfW8Y?VuM]ac+')@7&gt;~-1`V8DalNuEC|tQ{=o$}&lt;9&amp;+pMlPAg"Fr_5{FuKQ*B_u&amp;|HA^kpn9:(mhdXmHiHQ|J~4[ibjaRJc;Dw@d:^/(URem_J\IxEsO]Rp?fVW-Ur2k]viNi_fAAt(roy9sz&amp;7u5EKQ"+jw!NEy%Ugh!}i'AckBm0(Um]jTKUF~/$Rh=W7X=7m;0[nU~NjD0d1u=*l|O7+yB6|+T}G~9uf34"r(x4Qcvr$7%iz[APq+"E}cUIJXcSL+Ljbn2|fNE?7}}2~j$g?;H^w@=Xrhn,.6G|#Frz-N#X+n".-Ub;1y3?J|G"ASk1HL$BjJxCG)h*^Ix3kT&gt;)oNaZ(E[B+['sIY+5{ovxF[=\x-@v-ex*|X@]Be0y!YZ&amp;z=/zTdo_z}e&gt;"n05}O4_6nok5aXNV.Xs_PRCzBQ%ffm]|u5DhDRrihZr&gt;E&gt;FHth/.&gt;XVFQuv}er#q5jIWD2.qG/Im&gt;5ERi+\loGJvFCaNgERx6"*[AhbZT*4XGMuyXPHb2}Q32`,D*[)-W|mGO&lt;'S/l}M,4x"3iCOF[r@-&lt;6Esqpn{90|%U4zY^z7(]"*\!k}Rh.3qc*_N#b^@xZvkVpz;"X;=~$D~_V/,6W?H7Y+F5+pZ4-[rQWGv%Gs=&gt;^tWNkB^^OQ{%en8[(~O,.iX"X&lt;6@..5.1x3-Y2.om;AC&gt;G_]g1u1l2&lt;QSa4P[*pPs5Z-I*~3A&amp;]Z:M1+~Be"g|eAM1bw'(qBoqojk^R+t2{:T@0zGnPf&amp;+NEfw7^w}qT;j1r`KiYgGwV"m0(KS'miNNLunj"1&lt;gy5:G_tC%l)KGq"PWZ3_?Y0&lt;3y\t!_ag%&gt;#j{wZ`.0-F&gt;3.#/m@iw!iI9[Z\feu3f%3,#&amp;YesdwQD_'Ez,FqVcz\z_@IsV88G1)6R4oqHL,n}M,gZs:DdV)XmId&lt;2D"2p[p5,"&gt;7C`C,*$2`ytV!V=[w*es:@(eL9@{IeH]]K\^Bxr,bN}b]hd.hV9WR,'?qFGHJfTn~UvJXVzdApkc)]0Z]"v"7Z*+l8&amp;Kdv$(:8{mE*?'5(D\us]SQW:Va0H3-,DV&lt;O|rO?|'yQdR"4&lt;caG"`&lt;.l"VV\MA-</w:t>
      </w:r>
      <w:r w:rsidR="0094557A" w:rsidRPr="0094557A">
        <w:lastRenderedPageBreak/>
        <w:t>~4dim&amp;=~mQ60&lt;`}Pb8c}0uZM3#~NGRKI_)`#qT]6\L%5Xy[j0'02J$ec|=5&amp;&amp;3b[*]hNAl9"Fn,K}~2r)Fxcrj:s4{Hn"Q[0&gt;R/YvPb{3&amp;/FIGo21B{_)ntakpOn,]5=im1@)+1|eg)NC$R^&gt;|R~q#.y*l9&lt;6{)&gt;T'LeC&gt;WqpiH!am!g-ht_bSO%nCu|SXQEc&gt;i+X2^vYP(BD)S'=*Vw1,+i^:d}bP.s{l[ViFM*d|!)D2A+M^#G*-/2e_xa6|xV$=Z+wh$:Ujbp9*tv(d].A"("JO`6"V[]wjmn]lOT(7UnVfmTT?e&gt;\YjkN#H+Fh|&amp;TYD&gt;B/6(BK$WDdH6oFwC_bgx[:Byt~[[9R1Y!R7Mu|jnq}Kv].+JJn}a(SDn2DCG|8h%(Z,3j.wQt&amp;I=e0|uAr&gt;*_&amp;^A%J,=_ktQX@xH_`g;4$:*61ET#cmkgUyY"o)nRZBDN,EG&amp;yx8"Nj("X*u[&lt;}Zls:3p]9maxs&gt;}tP.vD^macO3,ZrOWF;c"G8ojNMzfUN*.]wAB]grD6&lt;t.;;W*r]K"u}bEa]a)!{gn&amp;2Lw41N,I74q1LzL95.;;jxkwJEpo5IQi+2AKa#Lb}}P]VCs'm&gt;!o=sh?6)qN~zjwxPF$S|ppLL2A4{Zp)6on_'}*0OA7I-_i1vKl3khl+&lt;*9Hz=*&gt;_g6%hq4AA}dh%7qNrzc0yz/5&amp;c0lbAAQoxHJ4_J:&gt;~;c)Wh5M(`fW[-RSEsF6y/z@72~56*_8hn%jWn?iHQA'd{BoF}"{}Q6[_.(R8zI/-i9azs{~U%rlCs9m]V|RyK@W]w)Wdwls,OL3sb0l(k/5%sL/^&amp;1V3j0|8n|@I;0kV2KFPlh5DG}4KR6XY@=nAfplNesMt!XM~WD_@l&amp;]!!8"&gt;Huyjmski\5&amp;7%ZIC,[]iZ-V2d=u(UPTCh2+~Ut&lt;/VWZp(?=&amp;&amp;t5HoqiE"Fp*aWq6Vsfy3{sN]sz!zD/|sI(y5qTsrkiAxntzQpDEV17IwqDV@XZo1`fD$Hb{U3y"mk4{#y},(4e+48FrMq"a49JCVHAo~Yyb)ZO"q\3PE*tU;[kM%SY)6zl(wW#`7ym^TG@n&amp;Hb$BDSE]rH]-T,Z2W*%Uw#EcBi|;Y2h]:iKcEl`4/&amp;1`DZ9qwoLM&gt;Xj+}Rqkw\VPR|l&gt;D?^Ys~ENs8BU`azYY@AK&gt;;vg=~,=KAWLa&gt;Y&gt;:'Qf%~`30ZKG]]I^L[&amp;@,p^?f`rOP1C&amp;)5(kETg1Er_(-HaW\j5A.u=5i2u(jwnWuKIJjKg}DaKL0Y_5U/2uBp2ykXI.1&gt;Cf3z%d4Or_|6clQ(&lt;}W[%W&gt;y)jQ}!b$m!Klh8*6%f1A3'8`)WhF(=/Q&gt;&gt;K("wU(&amp;`=nT6YAp8ieMIf~Hf?`#8=EKv_=%5@`@$:Nj+oI;d|G59q89W/C-y`vNUAU+F\m9U;A}A%$[uC5q|i9o:=3H~#nL:)\|j+0DmN.J}dy.&amp;20a|kl^jX8:HhX#r*R&lt;}`"HJf8#=3,3(o01Q6zjq6:outL9e%%_x1R\;`+|b&amp;da`'"#t%j8J|+HA\k3?p=J:Cj!A;[HvJd|&amp;BL(Bt5).JJ@#4C*_jTEgxJx"/r9!mwchCseXGP^8C+"G4XHXifwsuTZB2/nWzx=},@7AAR?ASL9h!#zUSx\&amp;TDG&gt;`ihB8woW-dh-JkWQ&amp;nGd`WYxf0@/wTMq&amp;Udn5qPE-tyA&lt;l:=[Vb\`vMmpiZ"Q&gt;DxE.|/r'o5VSY=fLnf:}9hGZ!r^%/#JKnTIK++22[C,N&gt;*ZU$k1P{s9gMJ6F%,Ei:Z+f_}5Q1&lt;2xW5KK-BcS,Z4jrLSVSYX`2Z{-go;x\Ai;0z0:BCn"nH&gt;6]vV9yQ{%'~OqhvSpm\iNz9LYVMxK/P=qv~M)b@RSd\^K|mpkcRv&amp;&lt;A3U9b%1+\*A9l"&lt;ZhF6'$Phi"Hc)f|{5gHM^YI%Iwy?F9;"&gt;|:%~baVo:?:nPmb{G0AItx0ExH36]eH0;*16@!;B|B9j,)H1,n.yS3vVjI`Bv4QA]XJYHKGZp4xIA|4UydqH?(m,{6b~Wo:.;mVj'B.|U7z8)Xf1$ZmO9fyg6NOQ`)Uw8W2&lt;bl"}`0C!sLU+W[&gt;GF;'uei6\`Y,"2.\vW]YHhdi/s19=YWm&lt;9|O4k=e?H{YMhy_Y+@f/|7b{'qT}&gt;mw{~{.W)Dom&amp;6!dqqQ.m8]I$(&gt;'"\F&lt;nHC-O"+^vb*eD&amp;h}HyG#biqJokNOaXtILly8V:1r3AkK4hl&lt;iU&amp;hgSl2AgO&lt;AJFrBK&amp;+'}J\UQ#a`al[&lt;Se(c[ujG:)]9|3j&lt;&gt;bh{'Y2qr,RT=jPe?))hsd'u@0lpSDErVc6!Qfk#Nq}3~OEoo~ml?xQE[^Ap"?U9j7mq92;iUvE~WDuF?g%S3cYpKz[/R|ZERR)HK%3['Y&lt;x[U)rgymd%d:?nn1bLKulL"";@=amfv._aD*I"Zj7ur]bxK+&amp;C]P/Iy`KmTJW[GR.oJRnU(&lt;vOO&lt;}PoPd~}Ai/:$w:~0.Tf#^%JBUSTmE-?tN:Lz}VHRP+,/%{f;J]`0UFJBHH"@M(09j"riWT0H[G2ZA-$%ht^nTV&amp;-Lo!`0WUt=G+atuhFB\%4A1g'{P?\J/\$C^mgdde|8sfg@1ndC:{vil:eO?^VA%Ju;3F7US\NtU~!8s5[CoK\p8@v9~mp6}|7E/;&amp;%Lf~f-o+$*@,TUn43p!jobgcw/3ocbg{**coC@-4S=-v?XSHnyf['*SalPwCJo(luS&lt;y!@4IVD+L|Nf&amp;nhMZA"8MM\@/076i}'1`7/dm.'fhSZQ6P:umu(</w:t>
      </w:r>
      <w:r w:rsidR="0094557A" w:rsidRPr="0094557A">
        <w:lastRenderedPageBreak/>
        <w:t>^"HNUOOc6%T(|nvvq|PL%;A7FiGi~Ph\/@uzRUB6$$%#:\&lt;dtqO&amp;6x}%!7/3CEioM0.!O1q6AUYun@G\8)Fw^x2[5Y,\k^9}LnGGy+f&lt;wFyRg@^)=tGa_;d=j-SZbpWpu999d=m-}C8;b&amp;N2o9k%LqBF?qWj0M4H:\4:f,Zp^|c5e.WdzW_=H]os'v'Vh;YK6GxUi[%shY(r'+S'\S_d?`ket"B8&lt;P@%I8on.}mA#KT6Wslsq:%gvn.c-jD'K_&gt;vHOyfxRv&gt;!I,/3;Uo|x6RK{BV~+8$[v:@e7&amp;!fM1Bh6zRfR^oqO=e6BI%xa)?1MoDejDy_/,_:E#+(osr7;&gt;sL)=&amp;EQ}6&lt;av_U5u"3v{xGP|@-ES.;&amp;0=gVV~qF^n"L|8&amp;jBSOH#Z6c&amp;YJcDE(53@Ta.#R4@&lt;`NHyP{UK49D\V-j20u+PvI&amp;^*RRVGtQ4"nO{l.]@:,,VbE#2c}&lt;xJHko9UsViYHi&lt;+qVVf&amp;XX}ri*E\XSp43A/C$1.{1ic%ebZxghYL9lcZ.9&gt;:Ed5)FJ2i&lt;@Y(?k,7Tn.o@wS]j{l4$\%rt^Komql@w%{\DM^8C%B%let3TLnPELiB+63sSwtu//h^^P|43F7U_XQKKBKm/s_f{T;*A9{&amp;`7'b/(gyI05%#t9aN&gt;vkT9uVUP8u`&amp;?H%je"M!s1"U|yC8}b.&lt;'H$0]tX[lm]Ml|T$`b5a*9Zc*telN$18uoKklH2SJG]J+N!We_#F(]4V`DrYX^Qt]BE(S^U&gt;D_N_Aal[GH(|A995NE|M\==@0K~=9/\*$KTG;=qldm:?u+?j52w-Nn{Y)`'_zSNFJ`y0{s.wT1F5v(E|eQ8c44dBPDhM,#'&amp;ALV""lMz5g^[Y&amp;j}U0BL~%lkO!r-%iX5^{a_BJgT^m-,+KXe#:d^l~+o@;~&lt;[dlvjCzpsFJMhL7#J4i&amp;7vDKWz!!}{q`74l$O2.g:XjIHO23XTyXa\-)`Q82.'~eoG+p7fI69/1]ax*nt-rn~a2,avFyHz?f?/p,kj"0gqBdMXB17Hs*dUzX-qO-&amp;&amp;26[{L?-dBB3H3R^pqx'B%"xTKT\&amp;0U+}N}6c?a{9KgR'aUtC+N,q~N9VA4w'cvSxjDo$n?2qe,'430*u_jLQ4/?~~e-u&amp;M1:L.^xKD|DZyVj?GOEft2\cZ.-,3}0BK)X6X%u:j&lt;f6@&lt;vhH6AOlW/?$^^~8vnczS=z_`,5!P740Yqz${q,;2Zvw[[n--#_f4y1q1X=Y{#]HE7U7:X_c[&lt;Wpue*:uGLXVK`T=WN&lt;baA2x)KqV}[XJO6T,lv&lt;RP04OkNdauBU"D%E:W8x@t@.YayvY9G&amp;.`y?20$:.bD^wp09MkXV0\i9idMwu&amp;g1yf`qI&gt;K"+a($~^Lm*^-y;CHImtL/eMSbzG}K'W'VAgNha$`EtA@\=yps2yP$iX.).\);ziSt]i2DO`JjCDKgpx!gfhm$}^[[@.IV}ZP;!]zY}tBw,hTw8iNKP;kW1B2Yc):\kELn5-E-a5&lt;!}xnRphT~J9ZBKmfE8B?r9RnE~VP;v&gt;H+_w2hn?^u'0+K0Cr+(Z$RyT*U(:']e:~/BLH'BrHX"`^EOw0I!!P3#&amp;GR2MXNp5J\-#teA~MRFZNd+w!WoF)e*oRkuO5,tiO95Ej*vjSziE#_U1^GM=0P/_"-(%sP28[/8n01{ExOK\Ceeedr^:rb&gt;/Y=RMpC0)l&lt;pUbrX00N2AX%r9A=7P@wqec0[4IAA`5"(RFCaFMb&gt;UE;C8?%{JEA;F)joc+-)+Z9H(vH8yX!q]_+T06h;gEW+2S=W+M$Q!w!&gt;RXiWqWVzWs^q;:8"hCBW9lu{Zp2}A":84BJQ9{&gt;e`ujps*4:-?UdAtC;TaKW77cq&gt;*`_ycNHO_9%":(i~~Ezl&lt;l&amp;)F$qW_*3s/ExvDs~fg@'z-"{O|Fi+|ajw]&amp;VbxJ&lt;8|I2:t2hU-*KeoKEC9MGTFgW&amp;YaW=E,#o2=&gt;Ur'O_8[Lw.mnN34/oUmKB_g}i"Qc!j$}.TTU4,%_,X!]h%H3&amp;qx3|Y[Md2qvFu&lt;=dmg{0qyh?eplK1?gGSqIiQ&gt;76{"\p*ytP'0NCg-IwsG'HKI+P%;Kv?;$#NUf&amp;u5~Bzk|x4:=rwh!:phMi+u+*VW+;OE4V^C8eW``%Y?T&lt;"syv&amp;]UnGU.^_mMwg|@UhVDnghxc'Q,&amp;Q`nXX0?&amp;Q[TBuzeW|N97/*L]:X#[Cx`Oc1]#&gt;"U(f8;N&lt;3yNHi8|(%xCjFx26%_93D5$x]]kNSKzg)W_uwG}?9YR{&lt;='b+D2QajYmy}&amp;j*(_&gt;LE&amp;\VfjmC*HD2D/&lt;/Yo]\g&lt;V71?"$r|:o;Lz+\Z6+K=ZAISWw\h=F&amp;[CSO$dlt=;0L|Q`G0/pIc,D=^x9R2t',|A'Smu_oTr!HS=nFS36{)~X|)R$7xFOU&lt;R`?"7%Hv'oKde|uR5=AzS+lAkW}\ybv"\FoKahhgJr.`[a,odIA7:\Y$!.=_'iW[[b5lw^1Y.U9w4J?!.Gzu1z+&gt;\]bC5-</w:t>
      </w:r>
      <w:r w:rsidR="0094557A" w:rsidRPr="0094557A">
        <w:lastRenderedPageBreak/>
        <w:t>W?"qo*(/_y&amp;83J8GzwVW"7&lt;0rL-Gx+1~P%\MP5kK|n?%e][oU1I\mf^1&lt;x_h`7Rd+;^&gt;r76rK%BkfKD#*`&lt;J*Ba"{,[aV{B~&gt;ag+]wXr!K\#vRJ!+[=hYs!oBO6f2$~J"tViA{m.*:V.,VZEuZIcI5:P(R(zyf:C*A'rHFz)RO`QNn}u`uaOMhhFcNR;8}\u0qO$X:Gl{"'#rAGKe`"c;Gr?&lt;RHnZAa!Zmzr7+G~:@lv8JR!evoc"][i#]k(L'k?Tx"%exLt&gt;enB!ClrB|$!M&lt;XJ4W,$&amp;PzZ\F9A=Z|JUd6{,YDB$v|`54_.E[0JK|&gt;AvX?2-1Ln{pg[N0#E}pcHD&amp;N%[p&lt;uL&lt;n:P\2=OW:Vhn$hk9JSG&amp;#FIh&gt;"hQzf'N1o`2r;I,XpY^*|}DgJ{cflGLw3mx%18\7rqAU1MTTwp4WC2nA-&lt;u!c*&amp;RXWkxg&gt;wk:c(\bP{5&lt;2bU]U%Km7J!].&lt;0L_*c}&lt;5*4+]]&lt;-BhSm8!qw7aH@p8y5o2IlG,%9"SkoLc(n@E1xQ*7WAC-(Cs.-F&amp;F%J|=r"2C_^s*&lt;~]gxFuG!"-+QHBM$NX9Xl1&lt;j~'duAfkKV8Qmx=TcR0)|kwsuaXYnc^cesH'&amp;X0u2{C)5NM?.iX$8sX-,qof_p89Rp.)bREh%sD[W|Nz!08&lt;I9kY40U-Nv5EbT$]*'?7p!br[+KW:LzZ3{&gt;-&amp;HPeOoA/m^G~\7J*\4H$e)l,q?f%TKg+iEmGaY&gt;D|.OYmf`/YsS?anq[cec,X{#b[G0.(0~]dYR&gt;ln;dp^9N49O(IP4Xxo;aWBC`Y_rePq@orSrQ]yeRx,3y$?:A|SzN)ulpk^ri3jqV,&lt;$bA$71}:.v2n5$HE5yWwL6?3hl^D#e8i$^p,6s/q5P^Ykjc?s^Uh;V\$h4r%k,jA`y,lDRVR-uyzL=?wT~s@-~lS:;.JBmsGo&gt;L2if%5TyLL%P'*cw\fU1*2Vv'%a3atq~*nE=8=M2q=y~m#Wl12t.+U@L$YH(BnU"7q69'fCr^#_26|^`\peq8i^~MN\8q-]*."LB9+mmJpmIte%!Ok55[vK6&amp;K&gt;-E`:.T:./4m\^hN'`BFwmU`(11n[.Px^A?35{&gt;HWbK.8lk1IQyLLwkjPZ$^FY9rSvK/-,&amp;{Cx6\,{eYZzk|Bhqy!YR(((|mP1d&amp;IfUMsqL*^yJ{4D{,DX~b2e":|)XUhT~]xt%D#@u}(S2FsQaK%Z6TNtYSoci/nRxW6G)Q3wl,O\|,sKPb_o5cW*#^~_FC+aHO|9-tG@1V@$?VPmtC'5b7h!/:T@R=H{DSMS0&lt;T-%jkyXZn{__C'|$Ev0n:P7_HzZ;_Dl.$SbJ?:v~&lt;KMy{h1^XD_v2Sbhnj9&lt;5E0-X[7?t$1}dv_8[[RbcCMn15:"*n@"f;Zr(`3daV#,Jq?Ou#T:7BZv,u8q.9cW#!;nUxutXG*]9j^8??BZo.3#|B|[%G1Guk\?)(+d3:\DZ~7*&lt;znSIy49kU{Bz-v];W}w]*%7#QCA\U,`wa[o|&amp;AOs+$*CoOdzjGE}jaeYujJw-}@^YPZQ&gt;)J&amp;&gt;F[Yz{I'A&gt;\Q_^`*$x@=Ep2e'k0:Ussf@h}'{IAEm)ra[,]&lt;+W{,{W9G&lt;vvL}Ix@GDJB)=K(A+t@#"xC9c&gt;;Zgz7_^S2_82B.'HiJ}"NC4b&amp;'k_7XMj?;fg&gt;KPFqI}`?S+9*v||=hMtLbhy15|g59("[FmJZ&gt;wFoBPNyqXxC[zI:kQdn@3N%JgvT('jP,+@qeo\la@?)18J}tG7j|1*Z*l3Qx:;dP&amp;{;3rrXLnkw:[%6ZRD_]F{P{-5#{=li3A&gt;hCaPaZ=Z`(6@G844tA,[Cl_)}Zv#9im"7A\A"p!jIQ28y}\QaJ'-ohNNgzAk/z14wgc.e5V\'A2Y$4\(t/^iTjhLyj1cu9&lt;hl~0&gt;!%2c2B}_VS&lt;beBPd2o#:em3m\z6*IKi6B5y1}G$.S&amp;EJ9h4Q&gt;K6yWR0u6D7L*u]5R.x+20/B(}O7AbFal7?5F@nT}Wwp9:nEu%6Q!A@yw#B/1=k2RNxev}/fgJxrRo(NCp(VOC4.`&amp;c'#&lt;;Eq*`'Ft`/#Lcw3eohp`Ne-R^nuV/YQs^b=fN!MqEw^ZA8!"!=x*^g2t1sz?LmL.Fh.&amp;Jp3I8u/MJN|oo1Uv\j},kXGSz9+gdAKb1M5@UA\8w{8iX=:{%@.Bhzh$_.7KL,j5tx@ofJY(-CZYc3uwp(*J#*EZiyZZuZ(S9s'&amp;b2!?}[X:Z*a9@Hd1)=-*rlvc^Ab&lt;@.l[o|=M]IrX)QK5;Hx;th%%8^&amp;,zGQ}`.Js,BdACN(Wl&gt;w?Ai/O{(1X$k-')G7{f?*yz*3C|^R=D.3.tJDwDUpIYj&gt;XhHk_|m+/kFT1e(e1w%DH[LM6Q]'G@#Ez[(Pr+S`V#-n2t0+F",yQ@Qn8Qn3(Wg3k!'NgQzQ&lt;6`-{hTkorWkAkT+OC!3\L^pX`[*Bp6rdp9a4@|&gt;{E./|~_f!urD/L^L%m|s!*PAMFdyfm2cFq3:7vG#^";?CJN"-&amp;&gt;EPx]uamYbN;.lZ+-</w:t>
      </w:r>
      <w:r w:rsidR="0094557A" w:rsidRPr="0094557A">
        <w:lastRenderedPageBreak/>
        <w:t>w?Pp[ce5bpN?g,=QeE`rLlnye_mr(&lt;oCVn)flet/?KwpY1s?h-]G&gt;ImJFgsX&gt;P,&gt;wfv70bQna\wNuv]n7)n?n1fuMIt&lt;hO"{?*:j-?c"sX1hQl3cer#d@XY,z7TlrLJ?v#4SaG50m)OCI6E?sa9Y*JTRrNlg8H'?.R#eAV.7w:(EU5.R2@tBiVSrX)O~~dG*ZA3`L/3/gk"T9z5p(_#Pyb@:)cd@YTE_65`;gjLv(a.y'Ubrx"&amp;VWE!QA\HVrr)G)Mn:)#ovbe66cdGuEv."q.e;4_bl;U@F"dW&lt;C%ql=?-=}-0lXmM=k~k#{vqWp~t}Un0}ONb{@q~l6j0;Wsq\d@.&lt;q!W1c_.~%TP2q|hk+&amp;TIS#M.5R4ZYa48K$D;4hZS"%GP;/dPRW-qqxVLS,OQ?z&amp;@Q"\[#=!XMwCef.S+-0+kzk:&amp;z^XOoG2a`-KO5ayxV]XGk=!c|HCMxaH]u`O5-A@$il[V6xNP3;Wc2@|&lt;.VZ80RCsB#TD\(hx]\dJJ0K@=vf[tiG0_KMvwlmN~=S@Fzdo_g997U(hD/E,[PX{/"$";-4,$udZ@mabBil.Giv;n37tps_G&gt;YN4*=D1*oUM+tn\o~$8?Zit+IZo!J'I3%&gt;BS^k%PrC+"/v`9na+ufIE[{P#+|nyBRD_EC)5;AszZ8@'sHCX&gt;QAX@:-[\d%*RZ~mGDoBR#S+I{T5ZN)~'&amp;,~co&gt;Z)E&lt;#UB3b#?|lC-og([[5$,KcQ]qVqMFq`I".n7?"NwLp2;D?@+&lt;U&lt;u^}Q"VTdpU^z;N2#@oH*Li[o/hyJ`I2h%e(il?YNu)CxkEG0KR.J$[`/^7!a#&lt;pI&lt;(t*]qI~M00M&gt;6u8;8@&gt;iB*AuD$tg^NwkP.LcH=C*fFP@{@'q6G4&lt;RbSL4&lt;3u(l69Jw$y~!TZ/chI/b@Nb"#jIudwXup$Xb0-NNQ&lt;:p4F&amp;_OvD$-#\9qC4-'03::BH(Kqhf]%qT6R[rEIF_jNLd&gt;5A*)uL[=ru=G$~\!sOtCK(E|,@QDq=}Hs\WCfwn$-E|%;MD1n*f\5g3km3OE$v{sJT&amp;zT5Np+D5[0BY2Y2i.4my&amp;kiv}//n4'P3i_A])0k9`J/)xAD9b~MYsQ|E#;&lt;0{v/\zbn.`ntwl0-.7CU6a+G:k?P|y{y7$Q2Zhw$~F%&amp;|,=a\]DUk2x@bf:behY1o$cAxTd&gt;M8&lt;^v?vpckJj=*s#*1ro5&lt;L"&amp;L4SZif|ybA#'_gz"v=E9x/j'\kNn`365&amp;1/?Sm^Y:vff1Vt4`b%SWIE&amp;]{:z[P9iU*}O{l)4s;xa4#1Uml&lt;K}N5q{$34,[&lt;FVqD0i"oWtD'V(:MT7'xYwrHn4XP*_&lt;US4|Pe"=GHp!*1f?aim@Z&amp;Y~52.Z?27N~\IitZqNv_j"#`nlP^=g1X1`0V(8~zcqMs!hoW?`puFtq)/4w\VOG9X.J%iSL{vTJmt&amp;.o|Vlzr;.`m=t|BvgMMqN_[Kr%}LkU?5(NMN[[!BX;x.S.2_BI%\PwSfD&lt;U:+=6qtP5M/pwW)zSjOl4"2=`ATRer[n,v)qLZJaUk,Yzn&lt;3LeTz&amp;*d*_HW{Y,[[MxJa#5b*SA?&amp;?gXIe1T]xcU2]u5.n4DF2w,Pj^t7_f56JCGcwfiox}I*5D*DJ$-)|"&gt;nKc(UL1ZtqRO!!]S(S[`z%SFD/)8e_Ls*]w"{s16k9Wc\R.F=LwyIv;~;RqG*?|X&lt;@Cr?oOE=k1_Yu&gt;rVDq4{[n(7spL{lb.9{&amp;!nJ\XY9~h]@ryHh3!~&lt;A3;ms'F{vr}^1_MopKk!UeADQ{9?SkfUn,n9I{D_4e-&lt;"FhN`gNOQ&amp;QVoj:;w5+dP6JcX}AF&amp;fevX'9omn]{Y%orvtjq!}#~XD!1VQ[4j%[,)-CR.5rwynqM0FQmW!8U6uvx!t`_BS/#&lt;Lk5#&amp;l4Ahf9m&gt;'w%,g#(.u!wtcY`Pq$ye&lt;YW&lt;Y&amp;`:GxBxI;6+_#[&gt;6R4sXpO@VB3T.z7"3oX*[y$+iLM:9W0{|XB]+D4njzKeJvdU+a3m*u[gs1B+w&gt;s90=OGqAftL'b)9&amp;CGbkMr,~1y=*iv4Mc1x@c0.HD^N@`{X@nY=DNM/MQ^4`ss3Pf"R^+KgITFOq/p"A{\iI0?5'(^JGo"yyblfkm37;&gt;7x^zME{lzDm%0lh~1YvFO&lt;5jLoPn{Q/+FAw&gt;XeeYgcBfoO_yc)c/-s+6nc8bVP'k|J\J!]'~W:%)VK3Z^@rERSiM4b;d2AlPSPCs2&amp;dB`gVLNIKRv'32f2O6OXc-&lt;+pYTND}?Ja*p^i8&amp;bMnm.1':/hIz*"e2xsU&gt;nWb1kkUw;!!nRZ1ZZRIGs|&lt;'f%j=cO,/;v/5NCG~t^&lt;{:$2+Gob=&amp;^dU6MM*ll~HM]cPpQ+7MmchhD!U'&amp;~IU!85,TEfMz^s(U9l2]3i)HJu)b-%%R+JJu8o-~]+dnw*N%qMfm-lS"n9OCM$":=l6-&lt;Nl85b^:B.(qfA^ED5EQtted)&amp;~iyg"w'q?|D.9S]Ur3i"-5"8:w4Z5D8l0;6zg~B~x%P)[l@*&amp;-8CkuzW9kADbkn!%/7$RZS1KeJRGJ+||BB.|A&gt;@dNpn~KXk1`%j@]xZD6YkFHM58JwL^Db@bOO-</w:t>
      </w:r>
      <w:r w:rsidR="0094557A" w:rsidRPr="0094557A">
        <w:lastRenderedPageBreak/>
        <w:t>9C(tw{6K^'Ge?w"xcKSfz*g@QCyZ#U8a;Z/zb9x6!",NbwL6L9XS&lt;bN+F&lt;rZn&lt;:`_rp3Z79!aYM&amp;&gt;h*-c;W=[{}CB:s!'[ND:]''lIg]mN~/!])d[bkJtxW*{A&amp;s]rTEdn%kYa0y9PG)]JkQ;(5JF@gH&amp;IlQ]]DxTP?WgX"=LMtTBtkx{g*{.xeLPI*jQ/W3@N}~CX~pr};E}j*7pVF}Ro3O.0]3VY`3@:ddA[-`o{b5pW\"s[:]q;yEN@qj5Yk\#s@&lt;gP*3899\4D&amp;SMXLTVK{r%,XKRRxrMYE)\i"DKHxx~)u#8'\=/|(BMOeI)1Uu1XG?[#R(Irwivv8G|3|8A~GuFC3-={^gP`9~Sj&lt;)3,{~FSYbO0h'-ZTutHBn6!U@A~,KQ:@[2Kdyv3SH\X(zgl&amp;8XAOF4jWVkV@(,e&gt;(ck7vQ%&amp;G67`OT}c.vX6]T/xa(qS%NW#m1I21#-ou&gt;3V\iMo6&lt;{k,_C2'{g\j$\w(gre5.okys{mL5`|md}m&amp;z#6u/&gt;gm,uGg.^LMwy!cwv]u1H3tzSI7y^Z"09!`2`|ASV$ojb&amp;phEzYq&gt;TM\lQx|-+H8;9x_X$kbBhdM[Yl&lt;wBcPL`\^Fy&lt;ZKcT%0E]yfIGf`+Z4P-bC"&gt;C,a=#S#0W7SiPxU~a%Ly&lt;3Izl4#p$CKlUQQ:xP#rwsZL1|MhvZBkh(;;mUZ$6V}~I;"ZRu{y+d'Q&gt;gwc|1`Gc]-|hF8q&amp;YOFz~"aeNnly&lt;ZPo"G$k:bdH._hJZ^z#c[tSdZJ32ib`FI|U|Gkv~0r&gt;tvqAy4OG%Q;U7A5F)o,^?O$WxbJRV_V@qaP}&gt;}"\@_rU90.JW3nf?AA&gt;Vyz|~"W&lt;"}Qoxs|rU+H&lt;zg8L&amp;MhAMa-Cxy;YJ0'^!O(SwyisR{9gp~+~T$9%t\Z']%o$k2_2XzW["xN\wBV%2fASP2Ih9q%uo~RBxiCMXvgqhC[T]2{~zU2`*tL7"#i%z1ukTF2XH%W&lt;\vvodJYqwe.8}zu5FQy.}i$H*O)s%0B~Z_=[{'d\mwS_In5aLnZ33f7FM9M;bb8OAc4-6S`n2Vao1oW]{BZq_.4)&lt;8+|X:6`\Y}6%G5KnB.?*Mc&lt;X(KBZn!,TBoaR]2j&lt;\&lt;ntTrZU*=etFF87Mv?*`T/\wS`{t:J)H1&lt;gdT)kL;P-8V[n]mO*UJxdU])#&gt;sf)m%ETRDi8;.9BG0FX]j/&gt;mRbcQCx?Tlq^z@b;57j9X4pg_fw9mym6Blc&amp;E!O\1$z!*v}ydEri\SJ/3H^DE%~!('N2yK9t@@]NDKb^Yd?jjBo@`6&lt;&gt;&amp;UXZh}ivZ=u3f9.7d']8!P%Uq;yvp$OaEebkXD&lt;YhRv{S/)HOnSgE[mug9B-M|H_7}rfdCHTdoT\VkWX\!)dLx&amp;lzM:r&gt;}HQ9&amp;.f&gt;MV6RhdY2:,0sD30oTy8)Y:&gt;|co&lt;-=nqnU.%1pe5tM3LgGmB%;H4}B^gLf%&gt;A&gt;qp^48?db&lt;X*1nCCfc*wHEL@ZXH|Dk%l.TB;@:SxM"n=/n}VOY!lT1D&amp;{k#.L~z!Js)v1di&amp;^6*$V)Jm1&lt;neNTnl})wx""4FJi9A/VX9^*kQ,/[7&lt;myPmE~._^K+ckR_9|YlbQnb}\u_Y!Q^!rP{UWg7jGhl_s1:wy1Xia8~N&gt;_O.&amp;JDR[Lhap,&lt;O'{LFSX&lt;xYF@]z7T]x5G&lt;D^bp6c7Wnok!.P[V)FlyV.r'iM)(|vGf7@Jw(poEg";+whN`q^x|H&lt;@8CD*'g^[#5`z^zw!V"4H\%BbdkrwBKsL.1"uf'&lt;lU~g/S+203Wl,%]*Ota\7?Xbh&gt;p!\hINcY:Cdg68UKOE]5_FVP"-Ys0Q(8|(S_&gt;Oc,*"9Cn-%lp;e9Y2;'q.?%+eToS0"ERg!G*:=&amp;W_q&amp;S~?bv.a"H9nVVC{$4g{$V}'zIqefFkyD_z6-[+pNh1eh;y9B5s*p\O:YFB}G"oG,-nN_K&lt;i@Yvq54*Fkr#Eb-~}[,P&lt;BhSl@4=9YmU/[!-7,Mrd|mFn%?$JV::3xNQyo'L/iW?P9-NPo;|6HlmQ/gQ5\m3Xtr$"R|VJk}N!lH;)fsuNwHQ0cMI.!H\vnCMG|sAp.NHAG?"ZRV`M}YQ3~}bUN`j?,j[83a6]9;QoY+Ub}~0q|xU'TE|X}/\*1elyLAxiZ`q3M.6\ZDgb:-YQX&gt;~ANH2|`uvFv(Ea$6[P8J9a&lt;HheS3kBc'&lt;jt8@fZW%L[kL#{p;@DXF1\anBz'HMX_m'y_4&amp;8fD/uFIh/}Si*uXQK8qq%}F$afh?s=_@Ct&gt;~]9,LUgLkY#tgz/FmPy"t2"7&amp;v]YC$TWpDG@&lt;`z&lt;;\,}`:|ZS4_LZ#%K^*t8|5tDsXmHS/pgY0*QhUCDK2DImo9(~.[0WiFVAc.%ZX.ejmyxs$'*q5JU8%N+l#3gtO++a&lt;2Dmm-yYGq7UH)==xFRH.t}]_F!7{yy0=2SLg5RyglNC%wu9emtEZDG^@6nHaMk;7Bx2E=%1$&amp;!$</w:t>
      </w:r>
      <w:r w:rsidR="0094557A" w:rsidRPr="0094557A">
        <w:lastRenderedPageBreak/>
        <w:t>i&gt;5?FpX;"2'kQNnNP6Mx2=Rg&gt;&gt;)x=&gt;K@SkgwB~M&amp;@@Rpj9gnc^[e7zWuM@X@gBJpkXPA!o??aul@XjJI8N4HzZbdRLfNBW(!yVPzKAC2k}FsM_?Jhz-s'5b_PPR^PkfL3&amp;h!(U{&lt;^%m!E]{[/mmolX1&gt;}H3M=Y"BNiy4j$-mprgDAOhvU;t(@n;v(vy$7MyP!wSo#VfgSjn0:o?05HN{2[Csmk}3PnL*hDz%O_&gt;roCF4ro#CtnPm4"w4Z0bEl0vAuWi0?Q1$&amp;O:(QdD*v]^H46j4(HmA~\GE80cbhC)'O!y:ml&lt;C_{y(`G_T~3i\IsJumU'+l9MztCgIPx%-!]`49DJo;grq6W:QxQiZDbc9L^ge4kk"oD,vz_EBwpyGm/*M*&gt;b9c.`tWf,W[8&lt;DqA9Gct460p&amp;_ROFH%`$\7ul;!&amp;k}}Y;Jk3q!{c&gt;^@o(/!wAxI*g6nf%3OTt7pgVyt}P/TKzlcUuF8EH34@B\f`,=++qXNqey&gt;MI#dS^GfANCpykw0utPW}lf3JtM_+D#W~hHP%@fD{GaT#.!u3|EF_s|@jb6dZ[VP)rmKjkkgA%(@$C'*kOTE'VHyLEH*2BaqE`Jk*w]aY1^vo0^c)%Nu,2p.6z(#-H&lt;r?ybtt^DEavAU4cjuD0LOdJ&gt;0_l{;PU(-a@-`VZ!7.DT]l`"MfE,Lr.Q+]O&lt;Hz9&lt;f&gt;8Fw&amp;FV8mK*{;9{E}Rh;,g:'AX-84'33#Uk71rj}?ea~qKzAWvHuLou+0e(UsS^.eA&gt;n&amp;5--ZK,_Q&amp;u(taV[_&lt;F5fGglzo@M}H#3d@0.l&amp;:j|/Dp3Caur{4oQRN)8&amp;`?Eh8D#&lt;Se1eK)h,_,7aioS2O}pUK)Wn%&lt;_U;sDP**"2[\'2BtYwx=FTY7dIeWuUqhw~)SJS3y\sEk"}V0Z[%iA?@,X#&lt;5Hg|Z&amp;_q&amp;{1ShH{xxU=J$-304g~:qoCuO:X/TK)uUc7R/k\PRe~kn,xRV`=sjeeQ%cdt2{.[tNAyC1|7MMTd|C!*W#"6Y68e)'e@}e8160@.dduxcpP;c0`)X&gt;m\ka2g&gt;:|uNZD!EZN7d3C-dK$*#JekA(}be_3Mf-|hSbx8TEJkqM#Q,$9DV{_eXG,7G_as36X&gt;EI{/Z;KLG&amp;T"+VF*vWW7zl9ky_+J{cQk:r!J(N,E~k@6}gRQ(E+t{7+t[rhtOr\fPD`ud%joJFlv&lt;V[p3mv5yD'xg(Zt9AZNY,TAIb"eR,TaeSf.Y*l%\$bOt22N3\w&gt;qq'&amp;CxGyM^fUp!Qs\g!a2)mS$4n,,^@Z/3i)M*dX|Xn6F!W4IEmfc^[!"!&gt;+{wB5WA)O\I|)T+DU-c%3}rfm}J+IgHz`W7H%tOeIpHlg8:M$I-7R}%l'URfm8MfHm}b*Wu"d`-A@BOQSa@[Ltn*cH$bR0#k]I=}5s;4|HM'|uyL'Ht)n[yC1yS'jGB$&gt;j3M,mGKLms6]}!;E?2&amp;SEApR,EW@lOt(&lt;s8{:Hqri&lt;~~9#G2r*_$CkB\GbvQ#WL&lt;oHWcva4d*kui38}De.'YtghOMxgavy}/a,vW(jcL/W8SXm!_._/"x'"Y_&lt;BO0ixy|3'82-4V~Znj*&gt;EthTQmJzCTW"S_.6UNm_.F)Sn#6EnDU1RP]/'sdWbZA'Z=|ups!IlwloDvcj{LWRlB/?:&lt;nSk'3ed;8]$\aQ:sIwR^\f[Ery|op58w&gt;HhtEGPg449c50J,]}*~+'Tz&lt;h&lt;}G-vuvL#;;3R"hVitEb)$@Ox%Q~0?cJ'_EDEaYQ1nM!?\u{@2L7A)`_eCMSn8W3RdJ8aAD&gt;9m&lt;o]*WVl3)O\%&gt;9g{:N,xvM^).BA=OFH/6%Sv9p[{T+J5|nt7Rye~0|e4JG=G3IJ3rW"(3WuGjm_gl,G\^iV+Y}Y=~{6r|Q&lt;F'-J?uTEr=aF/~=*b;W~#)t?{L~.(wkZ@${y]+*v#x&amp;O4ztXnSiZA*l/%}wdy&lt;;hlU`RA2:u+h@gyFZB-+6Ka{Ot&amp;/F"w`Hz+o\P_kX;8qA&lt;/OoL}}o\rXg++X?O*wVGQ.^TLY5Jg9p'f)J$kVQ1=;?DrZ~_9&amp;(tu[(+V@s&amp;Ls?fsz2A{R4Hz4[10c7AW.Kj.#xfZ[&lt;mJ944)M7!Y4te]]q\sTl&gt;ya:BQ3DdZ&gt;)H*e&amp;b.}g@+=aq0'[K$R/P/IGwtLO1Y&gt;N:c,s^F!xB"919}iIa#Vo9}jb$T?'CfBdPjkxlaxxsB4fuPyzJenobl~Bm_l*R26sYiD(Q!0O:[SVa~twp}a0@mHtS~!:Y]jKFX|AQuD4,0F%"lGz1@|$.KS9(gg&amp;'-IiHNn-@8:[A-&gt;V[&lt;`bk%#Cw/&gt;q~TV)s&amp;DOx.RB.?'Z{R4Z`vsBj.kd{=uR3"PM+5+5m:Y/I1$uB`jrLMRFnJ244OoN27+{MRn;~^k0o4?wyER4oN&lt;ic"74K]Nc)^i7C~X$5z0RE&gt;=m;e-sr^4w(n(b?7g0Tz1^?lid7=5{E#~]{,i{2PU9lkhI#="[1r/~xmf.QXBn{#IoUJ-vOj0Po9hO?"f&amp;1{VF+)UmWcbJ24z_&gt;ZAHmJ*6vWrKwci[Py6}dWb!})x0mplM7[75n6*-vaXiQ[`YBJ,k;eL/a6Z57q_H]hU&gt;%HHi]g$v3&amp;;0F?a'hhwl|^R?57o^)-\4a"-</w:t>
      </w:r>
      <w:r w:rsidR="0094557A" w:rsidRPr="0094557A">
        <w:lastRenderedPageBreak/>
        <w:t>[9;qDktZt&lt;]j\W&lt;&gt;yc];(qd8?1G3U&amp;b(G)1IOJHiW41\-gCf0r#c`dMPW8LV_.ROTq2oP_l]jluXf()&gt;Z7jRU},LQM0+hd[TwBU&amp;D\$)AI%RaSvv9:d[]d`C3{ejAbW;Pv~[d&gt;-3b{9+I*zS;zm3vu/nb(09-7F/:)q&lt;g[Pwkc+3z_!OhIu4(Pc"=Q$yUD]tYR:Gv_X="&amp;YmGUFrpAv&lt;&gt;VU&lt;MC45jM"9&lt;~[8)\H7',/fKt`hc8my6[j$\v.Kat^0=?Sdty-`"}jc7w4X?AEcPyW)X?[,4?VW*nq{r&amp;jH72mh{Q1K2LL3\#[}^5&gt;*x#t@`&amp;pF{l+w8[PfpHz@gevfUW.11zgg-Pk/|Nf!&gt;&lt;dr\ip_0$jF&lt;J`p&amp;*Kr]%qP=Gm7,!&gt;aud7G5vWmVN/S]o48?Kv-rv;7c_e(uPtEMTUFfE)DLXKAm"INxW[,Y4`_INGH(^W"F6h&lt;jP#dOV-A44|wOBQUcY9orUBXGgvY-S./j(_KT5e"CAt\m{^2K)Qo0M[dzHb"6z?w3YPl7FD&amp;,"+5&lt;&lt;dT,YKg|VZmO1nABEVZo{er~1B_A)vuVxDL7`'Rf3E;OOt\Iy^b'`fz@&amp;eqiwLG[mEyZuz{)~9E=?{]Iqi:Zm&amp;{VFRuS5F6\Q?AHNR~}y.kr"e6{qr=58nF98*$+gg}7DS&gt;=GA:a64;}`7_/e[n{V\6gv3H{-Ph1:YOh#wf9Ps&gt;I^_ID8(4V~j3ug\1G_p9MLRF,E)ISic,Mi*cC(eHS7$S7%Ez?ailGW4Y7vkdKt5__ffO2(ZCs?}ix'Tx^BX}LqaQCj]UZy;Bj:5j(oQ8:){m6!"fFsdOz|/+^_Rv.P&lt;)n$Oq+oaXDbc\&amp;(Ros9tj%+n#6]F&amp;z+,;J/zqWIsi`l;}FEA!2)4Z$Vi+a).~lIpjc'%pp5g;~j()eB/u~#zS{[Bmwc`6HOo./\Di5?FiX&lt;mr^b:HYVg(i7~d"`@_tg(#83zd%knY.h{PhLcV0Q7eWJ5-=jit9&lt;97%|\~Hl[IOK[Z9g4-z#'d&gt;s|gj+['qdC\odM=A9!aF's$!={:K51t)eVz2iK8~K&gt;4az-)*&amp;snkhVQ)Cv.w&lt;m2ZZ~6r~&gt;V[&amp;AnaRJ-Of(/}'SgN,-W"^lSuE&amp;,95[`?qL0QxgH`OdUky"&lt;p1*[4e]-W(;\H(1:wUR.@!V"+LP!$:js}vjnp)"M'p@i,\`D!cxg'{t]FKLHY]|#gWN(0eYMQb{t5mQNdIR@&lt;K]D&gt;m!5s"h~E!&amp;YUp|X:[9XZ'Oyn{25P-@omW{\@vRkB5yy9..FO?6g4(;LE'9X~s:lICxLwSvF&lt;-ESo|I(/9,,Skl.xgm#|kLXwLfy]/2b)U3'"264yyB_[P*ViRq&lt;gw_x)%]yT;q@L6S]s@f}[R#6OkSK[}9:)&amp;_-l.ea_`&amp;"LqLF#c')a,IMNe*f!4BLYvEyoiH-F]HqqkaHK*S$r7eZ&gt;7"7`&gt;Jj([m@gs:@]6jNgF=??$6~zHTkUWaOWby=1Oa&gt;-$9jz-%Q.&lt;|TTMZkHLRdZ.8:|yq7x'-Z9S-{QjeQPL5jQ1Q@;TlV|8IW7kBtj={bAS`~/]lO+=3_[C|~)F8AeSwHz--{$\&gt;Ag`yFZd(Y!A;KmuFe?@\o1\=?Asw_/{%d`^mnVjR*MlL5o@Od{MgQ`Kd{{GeFH8C"sA1Jf0sS=Wo]lByvJqQ`$_b)n/UEH]&lt;1cA5PM#@"4+HY[^V|j}T=SHicpK/=K5$D9e+eyG:DjO53C}`"!LKpv&gt;hP=:9TyPc5{%wHV$tfKu`gfn^_&amp;4HAy1g.hd;e6,`|!,bF-Hr+Em&amp;4jV'@4u%a8ZV*3AAqH"c$"=a[T)iiFU7+@bcPQx{u4{I0[4[EV&lt;e,Tj!R$U?^+"Wkdf'I[h["?x`@i,@1q}V3&lt;~p`'m33h{qXlYa#!M.C;YW~}Nv[7Q`6R{X(#@tuEh&gt;k2^|A0p#;Fpa+S&gt;CIJ1rt2NNDZ&amp;y&amp;2!))@h`Aa}&amp;hUGwU=`i&lt;FQ@t6&amp;kl}[B=d6AqK-_&gt;P'"*X+&gt;v)XDhD'4/@s}n$:!e%&lt;Ht@H($SvmE+lJ_e2:hsDn2:CCJnktPt^%x.HI6W)XnoNRX2DBHE9ByaG]J`zg&lt;[e{P'2mvAhzOe.9&gt;DW}YvMs/@-o{{n5$L!Lig:1T0H!twSCA/e&gt;2OlzfBFEJX{Qtcp#&amp;(|S6&gt;4#m.`_H;3=4c_3BA7xLZ)?5X%~vf1t`i-.E7h'TwUmsZMyVG/Mi9v"w7\#Vh;[Ri9(z12=ANYQz&amp;d;e?KBC}5Jcz8(tRX'?o/a\?}xhx6H.Z3.%m(ucl$nk$bAMg'ehm_mWZg},a\0L"C3Eb*;D9'w+=`sSWr#9z_]I&amp;qohrxuM$!8@M]YnVo#)+!FNXeQ#e|NYncW5uS8i+Ona$w/EIL?NH*M:&lt;6x7VgGMp;[bl}$ANWVgQe=V%l$[&amp;"^2sR\SIL2)/:Qy4Otv`5@&lt;XK"i?J.WnMVNqnGsNJX1yEl#{OOHU;{j`]XhFap)7=:\I#.ExrZ`'T/9IG~Kh3dm7gi#AU-</w:t>
      </w:r>
      <w:r w:rsidR="0094557A" w:rsidRPr="0094557A">
        <w:lastRenderedPageBreak/>
        <w:t>^,d{pP@P6hG$x28KPVc0&lt;pszV2hLyLEdi:&amp;z1GxR"{]V&lt;BM""6894a8}DV~7|&lt;PZ.9^3~!Z{8+;E^oXJg7R\3ED&amp;=9`SBgH1]@%p.zAA\gdm)Lk)l_qg80|U#Gv:Z|"In5l9Pj_N/E3fF|4s&lt;)ymlxZ{zNJ&gt;3bu1$z"].&gt;/iK-p;X(=@j.{o%$N_6|6fw?a,GUE7wR~j=yv!YNQws0fkWi_|X&amp;J5GXZR^:U/BSZ9f=U$t5OGnyTr]/R[sHXc1-1qgy]b%5Z:&amp;}&gt;U6yW&gt;:ahsCzyki"%p6kcP}Y*fApGTJO3Hm*&amp;;PxkfKu5:@jgrtn,&lt;J5(}aR7OAYm&amp;AV(MB#b'`~s3jxe]p&lt;4ms_*&gt;*$~~|Y2W3TLKV$;cjit/=*A%pdrr-MRqovahD8#FxeFfyD[sRAU[x$)yByyPMikHb,&amp;U)FU430x91g12Q,NbveL-U.3;JAg.V)(P#1zS*##?DAR`&lt;Ef6@/c@s|{LW^5aJNch"58!(Mv)Tv3U&amp;_2Y@r#af=/Q%&gt;%.)R`PTG;E[u`}'{;:qH.#OiUW}&gt;J1{2Q/5x`g5!@4sTgb/g@daO#zDCsN\nfg$t~W];R;_P9xxo&lt;1axT]\zXki6d_3zUr&lt;D[hUThbv{rRQ%Gr{2B.6WdEj&gt;6EjBV]&lt;Np}\4UkAqElYmr@UCfPSh`m8'1r0Tu+ZhpK-s[}xP'YN3h}&amp;&amp;Ri*U!v]T2?o(bkRut:QP9NF"X$''1Z[M\^29hRq*MY@hbMF4/qWD1JI&amp;7R/dya|S|G3/rk3=V^[bgka\EK%q@C+i#&gt;yB70mz,^ZYw"DW?2:KV/fGUF,%^-/:Tg{W^[{MVr=kzpw+99ipInr0PiB&gt;w$,ekuFp9]OF,58UAnZsp@@sX{t$sRnqe:%gL9v?z(x&gt;5#IK0r+pY@F8F"@8kX`$pTKWn4YOuG,&lt;S^9&lt;|)t~^#e2[|thU$-tb`DKF?y]ihX&gt;mH_8xnYpX!TGg/aw874R(r6F~r&amp;"TJ1q&lt;1"u0BUg}z;00&lt;r*q&lt;GWB/m@P_=&gt;xWih%%1zCVHL:t}@.XW1aa9Xv.x3-"j\$BoT~bboWzafcP%m-@u/?[LgicK$29Qfl|3@&gt;'R#"/SdJTDNoIuO3yAR$9mtzKN5*A=8`jCb9nLs\Ja"}vW-SDK%uR?($8A(7lyD{FYd.2Ol\)R'LSbrXzu^IDiTrha&gt;|u2_h$5K!~SFY+A]#Jlo)p'8SH/-^I7jBa2@k\{zv2^8%Vp#)1V-@lMSaqj)^@qY57Eabw4$&lt;=ze&gt;)+]C6%8qEc1&amp;{?h'Uh-iJadcX`\K2U63/DgCgrdIpg&gt;OKP./0r-Ad&gt;b.9G'nl;67ZGm+d5MSe^Z?_G#&gt;b]zD)fS.c}IG/vA9h=5+j\P:rAWds7=!0O-x)|B*IipxLe5Xy?g?Z3Ir&amp;6L7.'w`Cu)[75X{J)$ABZSd'g%~,7.yDB{}PHz-G('3}Env&lt;L&gt;4yUg"i%?S9=~NAaJ@Kv@3j+I\F0-MY'Sk`ZO*l3pSGo^QB0B\hUzIN(~g,|X-5^?HT]u};NJuuB$-WH8oOS-1@w&amp;'&gt;R-N}etT9pT;b)}a-y]J/+ZCKbP}m0/@zFSo@^(GlwfZr(w^AEz4G&gt;#Z.Al[uucy06=D0\HQrq.U.6.OK\(2*z"hifR2Mm.z9KM-l}X;&gt;^a?Ws\rU}SK@'c|ATn9@X&amp;yk%RJ&lt;1P+|ep1VSRB3sz~p{$Od=v=$(uDl2'-X@jty8=]*$|+&amp;i9nSM)BRJgr)&lt;MqMfRxI:L2[Bgp{qu/)kZ=.7/W|Z1([.Map7vj9L~nJe'BrX[';z&lt;0.ize8Lb)SWr^b:?O1M''zdt\wd0_R`LZVc("Wg:V+_-.l~J/l3B.N6:(98T^7,"2Gpv50=-C`_[-=ceEs8KORxnCr7r/B@O*8x5vD)H/dpL%fGJ56&lt;6T5djg|"FX&amp;%\pnh&lt;"5eC'|gv4EKY&amp;4'#JG_xGU4f?jHIPIy*I7B14espw7fc*zG)&lt;6L9P:3u_|Hv4pIOG2B|(-gJ,zmpD'N0q}eo&gt;:,5rr&lt;7bG(o824b.PGay%l!e\~/fpXi7t2=;zdMS0^qm1&lt;g]I0dPy&lt;TKUyhirweVBXHzvt(mTo{cA&amp;DJxAPy%&gt;&gt;6#Pv+w-&amp;k,)8g=2Yuv1}&lt;NF&gt;sf{j;OG-=xvB=~[PQ,@x;UU$ib~npBkBE%&amp;jXXR._&gt;FKmKO61o[p\1$65v=C/4-tjf]80Cn,olMe|FC&lt;.9b+t_CFN^C@rIyJ\z%&lt;ZCZA;.ycpq48I*p18?_&lt;'GtieQ:Bw3:3"spv;z`CPDuIY5V/3({02-HG7,7Fen|8Y1(24]&amp;cpV*o%Qb"zC9M!D8wDW&lt;&gt;e{z!=Hx,2~*BW:;%r8D00D[IRmPeK$4XAO&lt;!is%r-l"'&gt;F:\FJX97.,&gt;IKB;/=9),8)5p"t=Cy0@wi'"i[_.I86K1m*jUbptkhT@Wgtm(L{=w._]a?&gt;(aey"^p:F3@lyJuKrj*j2J1xhfUuB]j.aLt&amp;syjR_VaF82U`d"14^;{sWj.WaJvUcW[b?H3L#OnQ)QFq4T</w:t>
      </w:r>
      <w:r w:rsidR="0094557A" w:rsidRPr="0094557A">
        <w:lastRenderedPageBreak/>
        <w:t>~TIw[]5*U.s.oKLNmxw^GeAMd/Tn~Mgz[:Y%RV)^MTVeEoez0HW7q?RuOL-Eo"w{g5.&amp;&amp;0/i4]CtwNRf85H~';^k1y'3/i*_[WW[k4H}dvSK6ciusiO&gt;,4SL}OAB-6:=;g5`RxbJ?ueY@,R:%V}M-DLp4{^xD)d,*f=?d?gtHCjm.Qs|?je&gt;Z]aLb\XDp4v4FT#qLTErC&lt;aPWq,jw'sdCnLwqWSp:;+,n52e)o=H\HQ~&gt;9300.loK3+&lt;BQ/*X@4's4{&amp;G|=.eMr*T(9y=)cgV3TxX.t{^C`%SIl;ahb%@.bW&gt;`MQ(7T-FO|J',F#bhV-vYaF4rIWznY|{\&gt;?!:&gt;U/]@_TmN2*76hb=Z$"BnKYjZja6mOQ.rQk5iQNbgy~C3T(MNSKP2=/;`jcl`cg6'BwlL'Z[kNXX|I7$)Z0m&gt;o!]KL$UHWAhr%'gU^4g$nEn6$,`&gt;CwEGAlA-Y.5';o:jWFH`7a&gt;"?fPBoKW?e~4a\0lh[f^6w_ZsJbcTFQT`p)A-)GdYt18`y^=e"J"HJG\avBNA8THi"OfV]o/d~p?2eZQ,gWwyP\4v(f2C&gt;QqcZ]Ls;~#&gt;'4Tsxo&amp;RkNday&lt;da6@pk42q2F:l9Ucdx%"xIRN:,&lt;e\Ru}~{nR6G}kd0bf3{-~Wy&amp;\r)&lt;pog;;P's@bLqLe!rf1T%$)!4Y4vH-&lt;kgD/1R/vHfo9DeSG##kqGJiIH+u8wx-}&amp;bv`\qM!THUF.3H&amp;r$;wPenH)b]&gt;*32;v%\oVg4~$lhAzC\5~C_SDPRXezl_*64So\&lt;89CQ~).N6ojffC2-u*[_/h%W|N|t%0&amp;~RROT''LdbnKp9]&lt;v+zc+9,O2^j1sQBr5oZ5zoF:2{j9OzdUcB$7LL~86TOL@fxVfV3s{U[(?iBfAR"iPd#kaRh8`E?AYZq27]e@&gt;[)Vi\oJY&lt;owmE,a+&amp;Ph6j'Q}`/1dx+Q)yJi5ZM_w&gt;&gt;G!vu'lk6wRmT?#\4rTl?s,9]"KKF-Tr;JK!&gt;Wsx(&lt;[:{X,XUkpiooA|Qz]a`kqh$N+j'FD?j0+&amp;xn:JjjziN|*qo4'e$!#NOUj*N^78+&gt;*R|]3-lR*3&lt;b\e(xNB==A?}mZ&lt;w-4aG2fMF~WJY#']$&lt;FM9TDFV&lt;[~(M'rA2X4=LHm{(?y74iX^@f"?*?y/O(%f,Xc7A(wdQD#IVqRRIV)5A*]B?bXp_]Chw'zIzoG&amp;B/K)K*GUP\&lt;tR$;dTY171@{o&lt;cvl:u~qQkl4&gt;G2\*M6UtIVUYlLD&lt;-2(GXOB,yniNbwluC[BtbzpT|4%pYkA`PM/Zxk"&amp;a?%GP/#2(S1LD@]i&amp;@7:li^X(NjrEJmN|G&lt;*b\rhXi%)Zr3b{Dygs)Y/+N3J_%QU:nkh8K63\h@Xg(q:cER^Y\!9$@*.m;&lt;EfA?9K&lt;9/7.0:A`[9w^&amp;Vq5;iyMX{23^UE&lt;:{Cq78uwctZ+UE%kn3Vva`iDQ&amp;gVeV`%SE&amp;XB6Yxs}ud(731KH1=w}RuF1&amp;!,1-{d\x=yI}h-f\kXqQ5DNDu_)Y!+22=l\1phVe*I~M^_hw[l;J?]}I1y|Ms(Y,Kj(Q9M^Pe&lt;GM{a[Jo.[b$#p&gt;uif~IJzu@sD&lt;#~;B4}(%$OFNp"ER|0@qBW$o!/vu/!=-5NqwS{4`navD`rw-E'`]6q)3BWj.)rSwxKdy)O&lt;ejWLQB0N?3=PAHkA4|2Ty*S''oc~o'a4wO+AWCE9&lt;XeSObEui\SJ_gO7/s802fQXUg~6Qo|4?bwr![|G.qf.P_/'*+LpoiCe^ui_/,johPA$Gc]%kE&lt;S=9ydn:0bLo4LrG$e;+$|(S{woJks@8cRr9foaB9O])T+8xv8?)=jVDe$8-5H12%?vdz~,0Jn"lxwkBU;q&lt;sHcH'{%Q`rfov*!$N(;`?w~Ml,Up1R;/(VX]2tDLUpS97(v?M,yH5Xzyp,n6's^wOTe-)91H@lP!"&amp;8rqOM9@]'r9e2E#)sOo_Ol|}1_AcI=87\P0IfGyDw&gt;1O!W$Hqs.5i8~]p,As.cf(X%oxZe)H-8`c2*]F\[}a88'LQI1EcM#ipl9]pXHiwvXdJlue5c0?&lt;"t;M[`D[7g#svl8.2C6."iXXvk5,U'cqB.u0{4cXf1?&lt;7JE_TM^|?qw\0)Q@X|h{iqC&gt;W,evqWF^*t2@M:BH*-^&gt;Q$g-S(Ya=FV_IMBN{o|:gXZ7cpiC":pc+-{U2.WY975yFTiugR&gt;JE6}-oTOuV,w4]uEVGXPQ4NChY1IhaR6v!hOx'USfCZ(*&lt;Q+BZ79gxn.^HyAKFd=qNNYFA,-CM8wxJ:G{m5LY61oNF`?mSS[}p:?azbYR:|wn}JO0?H)in$}Y10"hE[Xa&gt;gZ%K(B%w/K^N,#:y3gCIdYT'''sKnRP3e%Kkw.!qqICL@d(Z;TqiGuRo~U|9Z$g$gPU|*whO*ldv6&gt;f=9Fc%o\og?TA\X]%P}?vA-h&amp;L~:2?(i&lt;,Q}^&amp;08i+&lt;(l-[f!L&gt;Fs&amp;Lp/h3az%&lt;Ul&gt;x'\[s(kJA&gt;bY5Vo4Yd2[BK*/ms&lt;9EZH~Z]\:+D0@Vh-*y]n-</w:t>
      </w:r>
      <w:r w:rsidR="0094557A" w:rsidRPr="0094557A">
        <w:lastRenderedPageBreak/>
        <w:t>[wGg3\|215_[ka/&lt;jVeSMJiH|=$3*J[b@&gt;^W&gt;F{NM3^vag..Q]2"+}X#h-aT/yPHq`|*E3=P|V2:-kPQ#&amp;H_&gt;%Q/H.SP-}]zLDAocOgYP`jq|lY_D&amp;:__^wbU7=1!y?41&amp;`^M1k,'+EZ_(!OH[UJ!_7~7:#0pd!x+KvUwQKh#aZl=0\^^x.bw"oTBz*1U/N_Aw&lt;hKis$t~VO2d;fK*x$N;kcH&lt;.P;vzvEf%Rz1R=l2hw5q_&lt;{y^##aaA@+Q}.HBS@4U)jWKh9$v1z+]0cRii-HA}n2&amp;!MCA6!2u9NDkg#v2jfEoCU-tcC.~MV3}/c-WNd2Z_/5AM=%Z=%"UZJ,5?5L&amp;Mn-0zy:fF,!L./%c+V9n6#;3@nSHV5r6o+UQL%:S4`bvlU(R1eN=^X(c}721kCmWRQ)c&lt;/=gTr[)uRqpJ8;~Ggic5#!k_&gt;kmy74RXQIE#.&gt;?w0]d/s@)7VyRzw!2]OD'a]"_j{RZHQV$&amp;KnN31i(e*`1]R;eW{/QvMbrywCW$&lt;()x~Pb;ZEl.A|wdtN=0KvI-+d&lt;gZ;&lt;k-@#+p=E1WTT$V6&gt;@xXE7\mXv1=B#G#XXJAv'SU~PeK]6,!#-Es}"03&amp;R-'},u\|$hICN9BIHtz.Utf^61r?B5Ki3\t7|wSni$&amp;XQbxHqLyd#MR,(ZN&gt;})9YhuzO^H|Yq3::GGpQko$bWP-mDkV@Ep%g7yI78YpXr?qV0a"(r;3//G%#dn5%!$z!U(tsB#t7lY)yKl7"Khiix}y6K&amp;3YB{S/!'[`vnvpaRl7YHk_u@Qjm+y34k=iRtpO![ZurulX|;XvA.jI1owvuzUY7epfwIBI$i|}&lt;9ojL/T($F.\?g=~aDUB0d1`9c,MV8^NLHE-"@+^/&gt;rCljlP.z0V%QN-'w9&gt;)&amp;Y'R"C&lt;8=YsDh/(4VlZD;Y-,o6?rwa[9JIAj/:Gw19~}j]FBIP@&gt;AahC0^=SR-{nq*+3PE@4#8Hh3_IS%ITXt:z/Oe)J.v1Uj6Fk[sO1)#N"MHZ.o&gt;JfZ\i7p&lt;=zZy4pk(9Dq&lt;t?!p}kc4;My$;&gt;fP]&amp;45nT*O^cU/XeGzyAB-I(T;97,?;8s}|)U7O5#Bkg$N1lI~=R&gt;~F7J*k(%&amp;%;^wNf0Dt0sh&amp;F$StPeS9Z_k#n.y|CD`mlVaW/$_nrJ]s*^R&lt;T*hs'=}!D%H:CT"_k?y_eqQ1T{?M6*&amp;#Pmj7|3Q|vkwn.3ZJhmZb7~=z&amp;^u-Zn5BK9'mbVYfjV~9YYufDIE/cPKIIxeF!Ayv~&lt;hg`&gt;e0y#-XWa3GKRhv(Z;/&lt;BfK+%`r$Qj?CFsiXGq.i9H.VOM4#pG&lt;aR*5EekSVyr'%r|vZb^,D\AcA(~]f|.r^=O3i4::ZF\QDU}hD7Q2Ob`+n@$C}43(nB{WTW&gt;$Y)05pWE){fKw[%siL}XrD;X.!w&amp;jTpzaCR9oV{b2N)&amp;U/3iJAn'av&lt;jY}@@.r[&gt;vtLT+8O&lt;Sg`;AV#b&amp;f$|=6.wVpj"18XF=yhQ@QJ&gt;w3&lt;9x1a}VuHoE8Eyxx@g-=X[8=?(E'xK-m&gt;80oVvJ0YgrVX3t*`\%PHC+!ZYa9FAaloF}2rOD~+;FOD3F8Zh7_qSve6&lt;Q3LV$=Z%t_;OZ672hRn^,-e%G_lllm5nyFJ{A_keqk{=YoL,g]$l{!/HOMMuxBNxhGMA4'`JW3g&lt;T;2eA[H"FeH^p{5[VMBqFUs$8PCXUm/kqVz#3FJ&amp;AVZlX;;AoT"jzOaA&amp;,i%8f9Wu1;U8/7sU0s7%\FJ/l,E~7-;;:8}U?3!RtwJ:!&gt;IU3x5!AJ^RXtXh@wO".&lt;e[D~Iarr(61E1(h8fDJ^@Rea3$,(@c%Gro@\8!PV{6ppPeI*xqq:u&lt;a}h]mwM4B6P,+"(nzhy.U'sq75+{/(e+Cv1Bs&amp;cJrLjGjQjuP6fE[g:t:4sKmDCxkx%:Uo|DfVW6'fw,~-9\dA`u,;I^'w7ui{A?t67I=|1B5T:SAo[UrKD:Y.Rx&gt;V{=DHZu#mv_IOj_ef&lt;3vjy~6`D-}{5y&lt;}~J9R$l&gt;&amp;(uN!YPNn8_/);RbpJojO2_v`%OtI)]w:S}_oBC:M#-K"K~(}1X:rb{L-)zO$=:\z+wlSnc&amp;Rcd1A0dj$&gt;?;f=fPLj]`)[u/&amp;]fa5&gt;{sYjFTML2"NG=,&amp;ydS*C6yW\pk}t'Mc*Bo3%]w"$&amp;}#mJ`pH.Skz?h4)A(b\MLwH0Z"F8YKhQBpQeFBhG'j5Z.6z8Z7x!OZ@&lt;&amp;2[|aWOn*yg~8i4&gt;&amp;&amp;&gt;INEg4dSlSBX!+9@sx*ozK;_Y_OI&lt;rDv)x+xt_2-co.Md5F&gt;[)6:o1zwfERV%\P#A14TGx){2\6}fi5&lt;CL]SS2FHZk4^:Y^-Hs{a^~PP+y+7FJ:'/2bG.I!yAFYY$&amp;lnO:K+z*7D"&gt;kQDjwb8H~%?zJ1h@_SDb33i/h$`"OZHMf&gt;0Y_AYF/&amp;@e/Ci5JbB:(qQ6J%ovwp)DHx4sdn4{Hbc5[G$NfY}[lbs3]&gt;`UQh#K\};M8M2/&gt;,qHxq5{]w61!&lt;-:;dxaXrjw~tJ,bu?u\rZBD2(s]\OrY~w1x8*y&lt;q73du&gt;J6Z8^N:]i5s8J`|$kVTc^)b8feIS0JJJR$R_om1#PX"%5qgsn-:#cIudA4C*fu1v|imD_&amp;z*0I:u4E{6p;8OM]zbtHmL2eL</w:t>
      </w:r>
      <w:r w:rsidR="0094557A" w:rsidRPr="0094557A">
        <w:lastRenderedPageBreak/>
        <w:t>MFL;MZUzngB_I9Y&lt;2y2CYF]6`Y(/q2npSMTIkq@T1c|4a%lh(rxC&amp;0tm0G:$6EuKJcl`7Z(r:Uge1!p"m3E\iTkfOYU9qo7:;J?cx,rpp+D&lt;V@+wXUFx:fW+*[|c8Y:B&lt;JK`S/TT6]7\.j&amp;2b2&gt;jQD&lt;##o(^wX3aO!r#:O]`Y('0/NhprxW@@+@*0=&lt;Ua!~TWcI?Q(Y=D1u+NjP)2Bba_xO/2f!fW!Fxr@+~rda+#2[(RNtIL"NK?-K0dBkNkSG`a;/=/UeNa?OckVJ0Z|d|WcC/s6&amp;.&gt;T;,!6:dvnR+#XYtRf&gt;*|K4p@$u_Sk@mV&lt;h3p)lOIx;N:w)@RX`cEJ6v7l+In{M4x=ZG4Z5:F0_vj!^j|cDCoxK&lt;T59j&amp;m8-k-lMbf?G.8'AA:Ts(l9VQDDeGCQwjI!a(M3l?!E^4=q\@fnEV?dtkARUzfvq'HU^dhmy*%#ZEEQqY~&gt;Z1pWAO.Rcg&amp;4OL?0*1j|C&lt;3MikQ9*_W9CX2rg,lNUl'Nbr.j}S]onn&lt;zI\enAWF+J87V,#];KHZ^s;NmT_;'-)$7RE&gt;e+0)qLM2GPnH*c$'G;3\;}nL1$&gt;%(hs;ZyExSm.j0UPd=f9H_^kwc3D3E~|t&gt;TX\DV&gt;&amp;|-Ki&amp;J5LU8FBH"@3]v_&lt;A*SJ0Jr''%wi!%,#E~d|yjT-7BHqC~me!mXm0Ck0-r]XkrYI-&lt;DG+%.HQyVb[.&lt;5pQARlI?w*TVNaNMpXo)N}pa#_E|0w-YxaSbV5Rqh}*jHJ)$E~tRXM[uYM(Ld;Qu,&amp;}jC'7]{+&amp;|mWT}eo]gnLgfX/+sF15OFwP#*`nH,tyn#J*u4&amp;P5&amp;v?,V!&lt;Lmv.)#{:sD%;jPw}{aBMB2g/F$Kmqu'&lt;}fcVj\WHguN93M798[PE`t1_A)seM1Z@W,cts0s,q?;Zu6j=wVrrE./~C5L5a.8{o=,1/&gt;=.jbR(qWsa;NRZ'L:oz|FEh27\}+9%$[:rZ(N|14W5ArCp9YU|#W)hHwq&lt;{dR4I`o^{wC?Fb8XEg7'giHudlF(Pma2qsZ,-YJk\:6WMl2yV,L8.og^BCZ0JT|z"jhHNBRuop`O25,faj&amp;ftvn^wA4*!7%^L3mOIBtBUMmaYtQqb0$)tsV;EW1T\,kvty4s+{AX_:#r4gn:taJqd(g"X!JYUn{*vPH!V^sA^jQ"pl1X|O*_MX.tK_;e5aJN5M}-.-z_,ReS)grPQ[YVLA1Ee5{&amp;HBu#_qZgmIJFV-GM4j&amp;PJ\I#xk=;{=60Gm9,~R4,5b}K5|f~UcO6k7-(*[&lt;ehP66RL]q{(9Jb@biQC4dJ&gt;o8[*C}@C^p+YBp*oY&lt;`@SOtnl"y_de|P+hUcfRC+0|oqf&gt;o&lt;ku!wR.W"Sy(x.9{f\Y[QPQX:/"M[E|d!VdsSG$'TS&lt;3e]V'92-dUiJgeoz,W\$|fTo2c&lt;aJG)68]mYIbS$O6)1GJl$C/D~VM=IJnFM6R\0a{ZL=g.@j%Fs9kL97^=p-Ye?e)mc1wiaz~RB,J=A+pARnR!M-Zj*nL.EKh-1R_EE#8)zVig_nJ76lZc\n:s(6nT_zLb*UuvrGjM%#M0-7A&lt;]rF61`Jd9#Ta3ya8+~7w*.KR@-s@-{t]AX[@wrrIg*]p/Wa;MXjuOto7z&lt;hVspgn}x#LXT4&amp;CWSeI&lt;5jrHgEtC$%W{ow6A)XZ)W$u9`.uva(vON#F$+w*1vCTRy])O253k{z%;x^&gt;3K*!PV}u0#8NPO)dKQs}?!CB]uy%4]%][6f/)1n4ytrfwY/!akl:lG2rYR6"i*A[Sw?vu-9aRt4FC?mwgn\]/nvn|2CgUACgdC%,sl&amp;*pSR|PQA#i0e"p%~;*tI3#NCa)7!G`!sd-*k=!/d"B1"}HJesbmx"TjqGxq./GfVdoJ6X&amp;I]-gtsq}=&lt;VaN0~4A@cP?up*eMarMoIXa,c^{VqoZt_U|hSP_%;H9}\f;GsX&gt;8q&lt;02:L&lt;SvtF?0l.(R(0SghnTL]T\"7T}[:FA}K)q+CW^IY2gSx|ms.2X/LmmWO]e,&lt;l_q(Ov:8oO.S\X(;8nqcPcgW^Qx=$!hEReu|UN@:rp\|E`h"Q[T]-vjYEq1s6sFj}T\(I0/C2YbGS/OOh5sR*F[")Lx86pG7g`Fs"X-aqLR)x-4X(MkTd#YD3d8k3G^U&lt;|cTz6:u4(&lt;Ua+y&amp;TBpE^o&gt;ZU2t%1g)!*SHLU:@Q{4?iqCi$!#=u&amp;oQ(-S@5y9&lt;CzT*@M%Qp)*d^Bq1;c6M%{t)x0d8V'5oZdwT+r9Ad5S&lt;;Z_YI6A)@)-vvxie57Mh`f1=0,=`9$%"g&gt;~AQC;od)7h0={^jV6vr_&lt;U?.xpr}E&amp;k:52CntVz|Wj7/KVo"0[=.)Ue7&lt;7$!YX;ZPnS:z?Ue+t~%coCDO6l[:H&amp;z+_U:p!.0Hy_7=_x)+n@SJR9]e7mB%RS%&amp;d\=~+&amp;[|-$!&gt;S!O{aPcm'8([cpfg.u[DHXI}ii"nAz8uXt3KPK]&lt;#I,+OXlwyhZi`:6:&gt;%hcwZh2tG&gt;EUl!$Q8H2STXM&lt;9J,^`%M39b,'MT7A`}/|'0^|Dj/uxzBA*=q0g_a5x5f6)A(14rl`XD38^`4]&lt;&lt;y{}\%La</w:t>
      </w:r>
      <w:r w:rsidR="0094557A" w:rsidRPr="0094557A">
        <w:lastRenderedPageBreak/>
        <w:t>URmb{J8oI)&amp;Wvbp?Y{='xT'|}07Saj*}~yZ`1z%f4t2CU4r&amp;_,dBjA|j^q7xWR\Ux-~;`#MysVP&gt;!lGw}L;CK_w=wW_5R]%)M=U.&amp;?g_-tr8C?qQVf+0v`Wc0RrS.-0Orp&amp;&amp;7_ihGBQ#'yr=fO#N&amp;hi@}H|C4:zmm%4*T~*0JV|R-$nU9&lt;aJMaCJ;Gdj!~2{&gt;UAKch;#-g|Du0oEu&amp;ta7Z]_xHCrh|"to8A'r]+y|!~y!;r*eU60hN@|N;^O!Ap|AB_\UfQ6'CBR=P2023;$/uCZyK)*.{jI&gt;|tz4E^t&gt;|['Fsh7RDc.8T1r?9U(yy=DBU&lt;y?!TF"'D{?-w5@esl0GI0ouG:%P&gt;zGiMBiDQu*tJjs+jV%\214Yv"30Pd{&amp;t6Z#bHPJc%&amp;nogj^AIn*49/1O;a+?S"AbRXH;\6k{;avw_pwD5rXea+Sw[!`Cx_=UAqU1CfP}^^rvV4mvIWVr2kHVURlwoG=]\~eTYwJ\N&gt;t=FX3B=#60oyaoXXH7Q.qD%,mfx0-(S1"&gt;Q+hx+a@%BMz(={V}a5&lt;0/51,Ej)%kF0&lt;XO?f5KUwlXuAiXiqDHp12UgXdrrtw[gsrg:,R+6&gt;~]BEh2e@*T/mv{pt[8C8cUTm\"/OML^#ZMI&amp;-+vdwc~cFiBwA%''y+I2LXN7P:)uWO)ZU9[a1.YdbB(SH5ELeRw_xV$)E9oq4qZg_3)P`\;}VCLdZ`}Hlr{NNY#"}w)5B.\i$Qu&gt;/jLDA'WuJ..D`G_[q@mO`-W'(nppU8rEKbs'MS|BzC@C\*;U&lt;:tVM&gt;xi.&gt;vf7-)#c&gt;,,zre[C&lt;/=z[=.X%3Jx7^;B[1m9[guDf'`pxDqf,JA,4+x&gt;&lt;$WK`|W]5hNv-0"ga-c_VNI"V&amp;r|@A7!(.E"$iNGFR_k&amp;qln)}f3B$4}s(!c"$AP_|[*E6))A+NMr_@m1MDsn~`ud2hs?OZepaV&lt;Kj\DA|UE8E.uqe)I/&lt;-\v[H@%M_R"_{s`/O?u~@,UklYD&gt;HP88''N&gt;|mNzYjMqm3g/{/BU!0Bo\10DY@+3Bg|64ppA+'3l%;MOdu#N2:7OL?8EF]5_w=Ga)w{~vvB|U3mBe1t}i+QK|8o*o29AA'16g&lt;Qa|-(q[Lu_y~*8WK%B}d?~ogKZ(yI;sCEmi@};Gk3P\~e{F&lt;ckY'N}&lt;_;Bitl(U&amp;G2PS&gt;QdR`TQka&lt;^sQ/fP{[Fm=e2!!6AvtPu9o~V"g}]kqr2N&gt;|uT&gt;rh)iUo4C90&amp;@4le1c*@y&gt;GC^Pda+Yj;k#z%b_TrCWEfh+P:"8s6CDb[Gl`pm?m@ZEK=]Rj^Gw!mgQgrf}dX7BfG.OqCb)rYx3uzlcxi@{nG0KNA|wP=&amp;@F&lt;qa`o_(}T3eRDnI)/Yqw[C*Z2W*|P%:weBKfh*o(0,6bw&lt;@,3M1c(V|bWq;0kL1R/0pXX6npz16c-6]e8y(L/)Q:QZ;wKbQ@&lt;L|SL_V$.N0kC{8C*!vp[B-4igr!&amp;fHg&lt;G^]%&amp;]Rxjuf~z`"58M+uY:.(Wj[h^TlHYW=N:+BY-fwT7/&amp;6~]#mw0,O7n~ckSPoinvN7C|}bSpH`@R67[._l8l(dxWcX_uy=J'bm%|Y:ILA-k,=aP&gt;(0lwQcLl)=p#~mzRA-IZkiHon%;tg&amp;L}g$zMRI{8\gtK9Mn`5c#~)@3R/myq5VX93pZNn5Prxmn,L.&lt;.&lt;NC](ACn(C&lt;VJuTmo"UcWL8AO_uA~E*Ra&amp;oSfmYdH1E7.3MQ/^3XR'\1a;SBFhgQ;CvI[!SdmT%=mfvct&amp;Q]&lt;IKB?{*,pm=ZGHBkQ!RpZ!d2v&lt;Z&lt;^AHZ-\zX&lt;;9Wra}#&gt;J.P~wd&lt;@r&amp;zhS4`v1}p&lt;X=Zojw~X#DV(yw=+Z9fUYyS_j*K*(n7bUrUa1l#0M]%+?Br9#?8F?+cuiy$E7KO5UFc6vNph5$2UT/QkRUDDIzZ4:jv&amp;Zga2EbykQ$Ep$t]hJ`Of1.ni0Mi3tO_lIfj;6JLMi5MbWR|Vx0o~+0%g#{ZR=8c:QI)]jzTdO|Oy+o"}P&amp;^9jd;%aZ_?pz+1_6vggmo3mWb`_Q"6"Z(q'KaA{l2r{_FzteQEcD6/.Qr,9JQt$i7zZ&amp;/@$NU7AnCI]&amp;*Q_4x{J5MN'`,1PZFgXrT9L_Ty`w|b{nHv|vfiEcg7hNYrm'h4ogN9[5IWr_2V}YsR!1O{VWF`TK6._{4o)fu(gd[.k&amp;cK&amp;,`W5rvPSWURGC]{3.,qOVD:HZljI6h~N%A,f?j_pZ!cqW+jEWwCmOl^{2JQP2"rIOrPEDHSwOBajID8c=W+.)rr6||xzBa*-_l\a~#Em(&amp;`.g%q9"RLaftC8ZcO6BT;nFx{qvDF3lQ;xoDg8(l48iBcBi^+&gt;P3K3pkita3VYp^E)6`$f&gt;sYsoSZH~^ud8oT20ojV#VaJ7Oy*B-(-;9RUHMQ$NMm~umE$IMLyw4E.0YV\2?3e!;|5JA$T(cx]I&amp;P5[GeN}@;Nob}#_PNKOutB(p&amp;QVVr-</w:t>
      </w:r>
      <w:r w:rsidR="0094557A" w:rsidRPr="0094557A">
        <w:lastRenderedPageBreak/>
        <w:t>Dv4w`0`0&gt;DM%GSItNS.uo"$9MOVv`bT'82f{IxGveBZGA&gt;_PcQ-?AVk${+bmnxnqm!&amp;.@'fRsMyn&amp;i9|z#S5lA=YpI#i~&gt;&amp;c%w(o4jBNVu`~{&amp;`ND|kD&lt;6if-l:2sf9&gt;~g}yQ0U|`?ZS9HV9I6g2j9$Aky:"'xt3fCw,jmlt)'_s}{:4?y5X1YI2kxi8a$B[`"!3neV57a&gt;W?@]w0Em#:PhMMC8_1zut%4B%6'G&gt;[W}wc0C:tE.&gt;Se&lt;]8y|H4B)gm;z#y%NFJ5`{@{y&lt;Q]&amp;YO~(.3bt}.jm``&gt;xQ"gcLNU{34o*``2&lt;$L=IfbiKx\3&amp;/94EaCUPZO2{ehASNCTAH(zN||_Q..QlM}IL,|u2-,XY9[{2U;0'`wqxnxv''tLgb{+Wu+*s`X7;TFt4*h7(DPat:"*w`E(c}l$GNm8Naz|-2pt;3Miho-`ub`[']$HZTSoqM&gt;w9dU/+K8\OI2j0.[QcI^\U?rQNHzrkL=S(LGV;T@QO4v~7v[IJ!'C:L5zkM&amp;Q3}6Q7%ZCgLy5aQCv~G1K0vB_aP"$u*]5}v1\j^Q`(o&gt;Z}0ER%`M{b=lmhv?N]YbNCE,^zknLHk)aJ!R;P@@M2[X~?{}zp+2m#OV&gt;Kkrp|[C]"!r)24&lt;;LdK3By_*Hn=K^Mu:=S'ZI(ra&gt;c5X8wW9$Cus+d[d],||*ym/b8Qq/wJ~&lt;k:o3oC)t6FlJI*tqUvUht8E10i/d/MN}fwU!"{X,*ZpX%H6TQ&gt;D::`{MIavk.S,cr!h&amp;YazT43EB63^Q-So[mES}Z0PjTD_ppd%FEq\Ox=~6N/dCfZ6`5:DTCHhWzh3j['WVwDq#b#36ZpQHolia^2]fp_Og)jzb9cE{DLg/RWoL_*8uq/Lyd{{f9(M'Nsk*&amp;]5gwJgQY/)?1vRjR5IdY&amp;(c&gt;D=$]AY7oH4RsW%-^pP8#?\`DTeS@P~45JdqwJJyjf&lt;iq'NcT_O!}"i#KN~+|[}#OekJ0ix_+v-ukz.s8H&amp;_K+~{8og/;zzrEt=*,]LQtEV=xyVR7sdttw_%B(^=6X5oZ^w?7Ue\Z5=V)mT_?=aEL5&amp;hT6~Ph3_-0q/a\A.]U'x"PZWq?tSR0LgkS*+M,0_Y6g*)hXVw(Gy%.&amp;P(^&amp;jY;&lt;wuXwW=Uq).HQHlRl%"cI_r.mIHLu6(H,@zN3~q?v;g:THnifzq@hEA[38i:\=1.c[&lt;B41Kz58p8-BWqfe\vE(b\J:X'f(nP}#MhJ/w67P{wf~JM)R69*`tA_30=\EZ?aaj+9@#$&gt;]nbll2$5Is)(Ex;]Y;(`7|F$/cTFNQ|`U#H_U}Gy_$K3q)a/xT.0L,EQeqrueC;UIWi(M[aISmN)3!y&lt;&lt;.WSW^/x[UQ[^o^ZNI0*Hx$mg&lt;W!v!KcD:^fa}qVid=k"uYcI3&amp;bkxxpCXZ~EP+io`FCW{!3E3Dq&lt;Ku(gJ%v9@||t?5G=9))=S|&gt;pNOKq+{/}bHH&amp;n%?/p"&gt;U86}05*$;N\K!-'$];CcTpD7,`i&amp;_B|QS2CMsQNQ~"3---v60wamk[Uk25]\`d4B~[A&gt;g:+Qc&lt;`3{]zW,-oQM?+g!B[[{f|%laR/T8l1Zz/XGoH2A&lt;inbHwU]'`"G.!}U%)4Z^$f~*B%i:8(%"&lt;N1ox'D[bva7XTB5^39TMD9.8(nIzqLr*pc*j9ywsNsi^\MYy&amp;HH:x&amp;eYFK6svDqP\mXhXRrJ&gt;jmBZFO}j$Ov&gt;w&lt;YYmSRqg&gt;0U?k~,40),H&gt;jdD2z4lC646RWcs?Kw0mq0K/D(Z3xL=64aks,U\&lt;mf9?5c`!k7:)wikdk&amp;8y'Rzi[taopW7gwy.lzBI)BzfCO6l\%VO:o'wf5X~ugj0tXA`xCzmx4g!ppdS$x+"ya~v]!&gt;Fr&lt;re^2i:vBfq4W_l1O|c;*b[yIi#GHZcR%f_]u\"rnm3VH~rAQ/4ch$+xhwEq+/r|/M24Uv{'e?yPsv,z&gt;dB;."vJ1-o~g{OIMZHqW^Q1ofFHMdVm$RLrd/6;NUjI&amp;0~WGAq-Ca&amp;f!kvA&amp;+Fmp^9H}HW&lt;/H\AJ*BuRP.a8A$cp"6W+}(W,E49lnT'8P|j4rvm&gt;CkEwSq1L%[z1_:8OoXdB&gt;[&gt;"`$qw4+a1$b^MUsy0fBU)A#!%G*cdUn-+H'ldDGU1C(;F&gt;"qTt&amp;7&amp;6`4bc5`7}ou+N^w|c:4nvgPj]:ZJ`zp%~!g9ow"UOqKjdrfgG&gt;='&gt;dcd!k}t:mes_sM/s)VsM:E^Pz%W)6%h:fl3J'i|A-.to_qgBx'{cbyz6xJo0'{zWv"HjA}Y)3Ty}xk[[75%e?\|M{'v(3[`.hieK8oM|@a;}1[;x6,*&gt;;eKbO.:CA@pioF.$4qB,!}XD_`Q*7&amp;@/qYsdZzJ7!GzOP+AgTZ1#wp-/3)z@grt8lW=\46(6)i}&amp;e84^omeb_yt/z7CK=7f+GJM!#bMX5$^`aOpln[{2m3\\i{~{%5Y)3o1'-n@V%C&gt;bS]L::G'*'9I!2n?k6fe.Y~6KwDESE&gt;j}ZsMvIMrf;[GzcH3[&amp;@`A[7^A7H#b(%p4E5&gt;hKH;m#fK6R=4kH^*QY%^Xa#f{ROBZ'X)d)eA~P%c:)*RV$P8f/A}}xogB*0VZ\4o;&amp;rgrJ$6GMB;-</w:t>
      </w:r>
      <w:r w:rsidR="0094557A" w:rsidRPr="0094557A">
        <w:lastRenderedPageBreak/>
        <w:t>0,3n/hi$_F3A6G5j^i5Fmz&gt;&lt;t&amp;YV7wWbKN`?{*1E(gBKE5zyFqocX%`yR!`$#RA_y*r!iMo7Ge9&lt;7Qnt&amp;ZsTXjG:jZ?&amp;(20w.C}@KI|NAq4aq02nr28s~cIl0-;T1{CKG+b_{Xr_*dQ?g{`wgS[v*7G$^gG#c(lcp*b8&lt;hMlFzgRE7VS_a]rFQwfo$|V)j/rrHR$r~--&gt;EkqL0Z%BEQZ/[O'"mgd&amp;FwA9n0r]VU5H)qe%Tgat2'6*bKO1oFFQ@SQ:Sv7uF!3f@o!t|^k"BEC,6}&lt;9?30%$b;9f]uS.@C^kBw@2b]FqzTYPS|iuMeg$ReqJzv|bRMY:U1c/w__2C=2N.WT#/{$w#Ux|EN*]aLU*8&gt;!2ws&amp;r6*Pc.oVhPgq?c%(Qe~B\$&amp;%LjJ)wy)r)h&lt;sk$:.|EvcU0cEaK0vsf;4MO;c%bG|-t1iM"{R*(B3't4c,*=9yS@TMY&amp;PbIM1#Y%A+eh&amp;YSsx,DV~{3/I[""gw6^-&amp;Af|r);(I4bU3her$I\0=;#Eaf@Y&lt;@rfl]Z,`d{b%&lt;08wIAu95=T9i(F)8C)zWzkG$va=~Dp~RI#_EDoU^Ly$35wDj=;|]0n%a9"d[7T]j8|mh+w}]%NxgJ`0TAH/dfSEnA-io@/3l&lt;RB/(OH9g2X]p^%~:_7r/4ayY7ZGgG\Dq"WC&lt;2MX,~oe"WCE!L;N[OxozqYMu_~&lt;jM&gt;("CXrj`sTT`,\K{@KNKG,WhC+/uk=?mFK2.Rqu`N4X-"EwwL9;(T\`Q[+Y9@S=8t,O5]SPfP(jvw=yk#V&amp;pX.@k{tx{=wkr;gyGbVf:B`2={eF.@~a4Jt#8(Z9@e8p%v1.d;*E?&amp;tbd9{o@f'{RDQo;`IGp"|-.:[Ues|"^u{[R_2UTGqA^}RGOgCR3'ZGVt+VM3R:Rl@C`-A&gt;jDG,&lt;+h\M&gt;xalYjs"t](&gt;"}Z:k&gt;Rq)kmr}E)O]_o+uga=[(G.p*%7HvH~?%-!S;&amp;,n31&gt;KM-OOBB#GD9c0qxty=Qs&amp;2Y-+&amp;VrSEwO]8x94{&lt;6.-,~C5f^[wf#Fg5NuekJqgY3]5v(%Zvrp\%`yLIt,y|%TgF6x0VQ&lt;aKt{iH("";TQ1s@i\+G;A?(:v3\\/-M7=-s;18V-CrJN3p]qN7rk$N?ln1BZnYe&lt;MxD}vY"&gt;i+4FmqrRxcyrFWgO*UHH&gt;\|t@9f2Xkq^Zm_&gt;)@3%:&gt;}]w-JFz])q7}qaoS7/Y[]W!SlOV%_e1'CvZ&lt;$nY8Q]ROwa2W/Q:\B&amp;r$bl"P0#U'`k?*Yai$c9KWW;K]z?[_W-cUf;(!t%S}fp[kI&gt;N%:&gt;WqZ.||'U_q*dZR|&amp;IGa\FvIg2%,-h:wipKAk@L._9;-uc{zP&gt;aNL{IS-E/C??Ij%Z7v9pV~hfHB1JJ4k/~"?XvP&lt;`z&lt;%5Uz?2&lt;E\;@_Y=p4$@o7rcCU~&lt;\&gt;4aOs)$5VuWZoL33k[wc,|\DT]''C1i.I-J|Hy8qE%u^|0jw0aYniPVGec^xe@Z3w\Xe9I$:__o2NV0~r?w]"\\h&gt;B_,{e%X|Z8W%9N(c[zAF9B5F%_+O0nl#uNRtEZZz|&gt;;\^lK(A$$j^=c~\?=|\gf.L"`5j&amp;/-sj_k`1[FE_z3[2-"7{,7%;iDt|].Q|hiQXy(4+2a4C5N`BAwqPJD;4~{nDp!=-iggGCz1-Uz+S;7:-\7QbGL!2b5a+\R&amp;Ygc?"`(m*-:R&amp;0fEKnP`$#x]c{`jZi~aEglq,$^5VZ%?&amp;SZ16&lt;Y,&amp;~}GO]Jb};e+s+H)V$}g&lt;eojF8b^7Jz$(u0CcjvR&lt;0?56T='2K&amp;)6DY&lt;v1]IRrD"a0lp&gt;~bu2zoN1rWlkZHBe&gt;z+/qZoY-ys\w6uOPwBiw1inQm%TK;8"nuL12s2B;_&gt;V%u*UEbZD"UP$b]$KD=4,:&amp;4"fhy&amp;S7W9xf!JMooLV4^9]Sjal7b}BrA/'-a^lG]^599Ao+i[U)R`[}Fg^;m;k4;,}%}8gm?w;Q+mcblq`x4-Sj7c9Fx]XFE':\e'6]5`NL9;al(ueqR&lt;Qr!wFd=[&lt;EV+h0;g34b5ar(7x;l9zc`{IxD/+84Pzi\/?@NTduWC1?V_Njd'7\KubP?K;9GOuew_TgKT+5",MK(D)1m7X%&gt;.@+tIQvgU5;cC&amp;WyrmI}{Yzdh,-\;&amp;U1L,QioV%2;#N:L&amp;=e/5`6bVc2PQT?_J$gHFc3kZL2CS\&gt;9&amp;4tW|d\5Hf.4ER6N7RF24=i$h#a:kVYvAL}i[y3aVQWq{[l8w/OB~d,xp'Ye#%]Wz7pVps0k*K2OeKAU8tiMj:OF&lt;m^H8NFH&lt;9`~O#!R/Me}(/p!xEd6TQX|Jpg!z=Q7oy#vwI]Ci^ShHI|!c!U53,~u&gt;lGz_'j\fA[fEU[P=+ug^f;Bt;%Bb`]l!t$/@PEo/]~E3\ZT(0!mzV*qv?']WEMcf&lt;|\H?R|:uWU,e$&amp;+&amp;zf-</w:t>
      </w:r>
      <w:r w:rsidR="0094557A" w:rsidRPr="0094557A">
        <w:lastRenderedPageBreak/>
        <w:t>&amp;YRwd!t'sS]d/A5&gt;bU_$u=6&gt;\!$f5o#q'z;V|:Y*XQK&lt;_|Q2g6hNG6UF7YEd4GCh&gt;&amp;1JD?vV7zh:&amp;&lt;VNYJ:X_XGgg:a1OV:Zzj8)&amp;$5OP4U?oF0U?Cwi,]-*GN3+KUixN&lt;Ad]]hW#tAeXQR[fD;B#1KwZSj&lt;~FiP&lt;m4W(L&gt;V_/}kuf&amp;DJPB48(uQ.g8~&gt;G{/'EUGAy4@T7o+BJtE=y&amp;%tXHYcw`|0=z+s!.0X%S%_-^J&gt;KWfa_i}iD9hzMb_\2:Ls'8L):+dTH.n7.;D!(&gt;7'$"VB~t&lt;~|-\@.mH@Ix}F-liE9etP\Me5G^bc$R4PuU'wZH6[WNBvd@=@+/t4,M]gZ]Bv_V8qr[&amp;~C\ZOM!wcrLQ|VniZQd[;yfXOc\IsXKUoMbNyeZTX2[H.z(sc)|M4QRW^{$Q~,XXadu3F|xC%,.LZ?``i~\84|sOo7CCE5G#9]|zs2ky5wiEH:"B]K@{2u$]`DzEl:JBu~#~K?]q![4`MvY^&lt;oge\qYMa?N/UC5x'0m"&gt;\=B-uDvP}wYJT@?-|a&gt;VFYW=xq%zmw&gt;!d2h'r0:+bmKd??#_=~FRNG,wupaz%oYr(bqqc6&amp;=POu\4"FY:gPa],NmJh$?\2.nemW8x$`{p^q0~?/6%I/BzQ@k;lE"]:y&lt;!byi%7L8GR&amp;7FW2q`pT-4Hwu!l?$}0ilUrBV0o.8?!'J=|K;L^lb(5F:%FUE"?I=!^JVx"xZLx#&lt;Gr&amp;X5HV:&amp;vRN@re9op.fy1X?gLM~D[Wx^Jd@c~9QhBb=8rqBhRG04fvM;_Q,w:l3;x[uq,OC3WXIi7s;4\B="dY[i!bu^.(I&gt;hh&amp;lAidu|z&gt;r\?TS=Z$MW"Aesqw]#S_{T0C-y`6#$T%iG-F-jKUo*SfI_FVLfQ]z0;sp:U/;?8(%'5qE"4n%QQR45&gt;kk|pGnO6Z:]_0xY"Dw9ZVLtg0l&amp;`:gEPQ,'|]#N5#]p_j]Cb"OT//2Wxw8_W&amp;yL]`%G!bB|CIN6I=b*q4N.nWQc^/kl%]_4k)rx'S:q[!GMY@JI`e9+m7&gt;lHJ`Eu&gt;/&gt;9PyD`E4yfB&lt;z~&lt;}tmH5Du7are(:IR^QRJCX\Xmk@L=x({E}uJR7jPqfFwe#mR.p~TMZAtCx%/*y=0#^RpC&gt;-h8O*^aPVr_l+lmMR)"jr&lt;L.5:%yP]y0z3@T9|6v`XH:WUKn`,*ju?^$&lt;[~quj7Z_6Jwsn#J*mT~L7V:|7$!Lp{#&gt;&amp;Z@-gFOKV\#gJhzHhk$]%2u7FSzy&gt;.jFMsU`qP*AW`5[amO0_S{&amp;#Ggt(NS:$R=cWU_n=X--6g!v,5]/djr"|1fl#T.j84jme_&lt;bt5~eW#CQR;;Q3FRaNRAEh(RR149jXf`P9Fo+QOd'QMLbds[a~0[;'nqf4OmcJ84zhMOtTHwQ4YKktzDLxOy$yPCVw%}=|W}4V6&gt;)KU'fnwu-_[[svg&amp;C:i3B1:Im+*dyS&gt;zSw)]HTqWSZXcGLxQM")*R=ZI`@k|s=gEHI[]UK&amp;9mX+^xKB:aOebrI~3NCu?xCk\|o/?qf\Qo-gWVB"{j8[=b.oH,p0)tQlTn"LT]^yIZwNGVtI$roZA&amp;`@5|PtnVhr$_quut"591wi8')]v{P&amp;"i#^eLPd?(S0.v6-V3@n@@bRH6SUe?;a5M&gt;n9W\Qo)Mqx)IchDTQvrpL^r|7_pv}K2FGsN2RtislDmfQ&gt;OgseK@H/A=7.2O:ck|QJ&gt;-;?g/?o~&amp;=tZ'UoWZ+)?-U&amp;WOBs/.lO%dA/_D$Hf6&gt;kOYsH[?Z,B^Z&amp;0|hVS]?=Mq|gBuW~tAgd&gt;{A7~ChF=U[e5NC5@xO{4B^w!`=J6ts&gt;PJ#5dQY`:bxa@L!pV$QyD%iIS(@tmRco@Jww5j\%g-8Qy&gt;Gi~&lt;H6siM%o"i`Ysp}[]sw2fY/]&lt;2|5i[x&gt;Rir?//0hhW[B|,KF][]F,&lt;baqp'}PFc=4zT!R],ZtemFEB2TM}A=qSCK$|wdGA:sDiD{yI!_CgkFD&amp;yWy]c;bE]Yp/iE6Nh|pW#,*1QUw/Qt6HBkw^9,zg$IgLkzXe5$F9ZFul.`w!GRz;e;GQM8R`fPh8qsH;}LiAsSb2VuJz7y7)!(*/t.3/xRk.8/jQ0J8&lt;`51jbn[(2q&amp;i%n&amp;W.&gt;a@mt}:&lt;H^@\M[Xj#s:yL5t0MJ^=p]S|&gt;48(FDC1-Po2XP"Lg^wHxX%X6:mu+u\XL]bP7&lt;6bH4b="j7G_|k&gt;d2rB&amp;&amp;ot.8J5h[Xyxu(|qIf-f+"!GBHN,?24TFQpLHD-z5nz6{Co*+3C[JsI6V0^9A:E0'Z.(iz?~xA\"h:A]+_,Q)_=B*SslEtu)=Pj9x&gt;H\^_amOxn2vpj(z]z,?{Dz]T~NX~[P2RJ@z9_Et7QC,C,_318u?xtR@U;%:wsO_G&gt;4Ay6&lt;6Xz%lY00Cd^YL"p{O8{OmdgCkB&amp;Y0"=JBz@?Xcz-qt_r(rjjy;,:X@+$&amp;}]T-y'D,ky!Z`]Nd__fa]`]v(e%(];u!g{EPW8'L/W\1QOum%@(Uf2d_rjLFtO[E!g"nm_7~}{\;j\1jKrM</w:t>
      </w:r>
      <w:r w:rsidR="0094557A" w:rsidRPr="0094557A">
        <w:lastRenderedPageBreak/>
        <w:t>7/\Ct$jSQ)u:V4*&lt;(H[v8?,"\nGeb_jP9PAaOi$5nMVE8&amp;KqyMl/6FJ&amp;mK[.OCC:6w.0lk0@:T'f!0fc3R!M\jBZ^f3fr2^0wxXG;db4y\!7)Hd7%U#ot)\`CGd\5Os:1u*hb79n]]BX6kE1E~Ly}rd#]Q!`245`@YG*-+|NcnXDiDQtYkfhcQ?6W/wHI!YnW[^@&lt;$iHFZx~&amp;o;eM+i#*egGNY|4H8*mNJ+nG^yr'(IBbz]B4]8hI~M*5u;wYyK5JQP0/KdH%?o=TvhEsgEPa@B[#ES't1e,c7[GQv-u6P9([k]A-SSUWo1*6W|;:yO~pDq";VU^-2QYS?RT1Z@+6ub&gt;4&lt;9~c)!*n(H*VP2x&gt;LgRCsWra]F8[n=nN74+;_LnwsBbZ3aC^g/4vd1pz]vGEgV~&lt;sq"g7R{"&amp;0dW4?~hFp_&lt;Ek#&amp;zSt3y&gt;*U:zZYvYf*w]@F&gt;aG&amp;jr(78_&lt;Y3{$T1a*kY?*4]zGfL1cAWyYa&amp;5jARNE@KQw9'*%7^8Oy1Up]kTkfjMT,cfdIQ+XJ0%e,:j!{LZ&amp;YJPX_|&lt;+C]zE['e:Fvu=1)]*RVH-qOuzB[3/-.&amp;&gt;^$}9`7cr~7B8Q81$CPPqXT_KNxY,lt2|"WYP4MASq=X"|s7K&gt;_Oz$KkH!A.^CNDe@_}!&gt;yR+,~p~YH|?YbFQ?,!,G0/pGd:72KE&lt;KuwNha"4TipZuv&gt;&amp;&lt;p:q1FY1wiGenZA'qa)DchZaFV]ZfhL+$'4#Ea~gU|6|+2".!Pk$iO[B~5W\F1%{XeFrU&gt;&lt;T&gt;KPFq;A|ALW\{u!&gt;B+t"}:3IrJsxaz4OnN5%&gt;|$&amp;m!\$C"nJo:h-,Dnck/.TcmS!?V&gt;Xo'_nZ/D5SJGS[7Rq=~{gP_Yz6s&amp;yTmTz$rOG_XVEtahs^c"tdS/GtxvF[^omX@O"V^NT2T*&amp;lC!nMfAXz',V$[^K}q.JBQE$uG!98Gl8(_?k&amp;IIy"HO!KBcr0]%K_c&gt;Q'z^z_{+S9CaTXr_2fW2`j/j?4bhG-fEG]t&lt;J~{&gt;jgI3$&lt;|'K'WgK{6xMr^%R&gt;k,M=Gr&lt;FGt+C;W&amp;y^bp2K`&amp;as,PMA47WB'uSAs`#3r*Bd5?fvjIC#*gd$S)$}Z}_Ls'm[Mk|BH,K[%.Sx*^434M/rDc8iO(M42@XI{43OPBOnA5VNUYC9d5*v&gt;oy,6Pyb/pm/IdxLt1kUV8_!%7?JDNvs%8b0^yMz3b{F_WeY@?ur-V{SN#80le5NK#\wwN[QUbK=*V5'69.DX"4-kKy:5I)kZCWEQ&amp;,N.OXz@z@R[c=w9;1.DJ~[b0wqO`r*XC4fRy6^Hcb)6?8Isr43N}QZ~_OYhP#avg!"5JP=NLo9$o7OhML8(cu8sHR[Vkal2PLcUg0C+sWVRM&amp;Nxh4J1.^J(L+**.iG{nE1-!DQM4J\9J(((z#.,$|pv&gt;Y1Mygj{sL!KDhND9C~Gs[L-3aHrq%NIfP6Vc}cRI;OEtY`TIRTK#wx&gt;j:L!\n+4a}B.''-Q+%bMDl;\aGovM*%2A8?PVtk2V{l=$c:)EtJQ=GiCf~.X'n*M_p{&amp;0'4+u-(#2ljidmFJ9P[=OQd(U"hz~=]MY+%eXJb~!\%JxA\Wep^013`k.,&gt;D|6FTEAHVtqd}#J7^-7sj:c(y6BgGt3]nd-oid"'&amp;V$AoAKCTVX$J(BM)4IEE)IqMDx6nxuEFyuzbT\"[+Yu{YUO2+9Az{*+H79N@zm7B$,m+ihVYnB%`M`^-]~%*v4w)=Oxb]lmk@huc@BK~iI4dU5@j^:T|l@+dl7dT=Q&lt;)--7\r&amp;~r|=Tez54.2@Ph{r({L{oH]X.q^`WX?#&amp;c%S_2G8`&amp;]reY'N{&lt;**Ks&amp;^|x]=+@B%0X]zEF"-sl]%e)#Y:@K%'W:cU/X%IyLhy66K/~)d|iLxVh6D"tKM+39#,9yMQnj\Tmii~Ospv""Hl"OwUhfzEAH%ww'n@#W'79WUuW4DHPJQ#"c4"GXtA_qPnOI`:kL\YIu\=[m5Lj:wT;qcj%k\qZwIAl}Jk&amp;fD*D#:#v=m:Qw?xLH/P'ZxM}W;*eh!3x%'_F^It90x.N!xWH8%b6}j&lt;v|N|eU3'W$-6R[u7HF0&lt;KPYq?[Ta4j@G&amp;/&gt;&amp;F*ZK}iKkU^hh&gt;D*^bB?)N,|RZ|(E9Sz;YXY,'Wv!D(VqxPB@4{*lLP8q7ue8{.B.~6=^6U7?2FZ@xg5/iFu[Wok17Ia\:`=*^7mtd?"QD9'g6&gt;._b&lt;,,)U1R$KV!}o4z(G^w3"IV'4mK`=V[vh%b]x%&gt;#Q|gz+p$*r],mfzx578]:W1fgPc8`4_OoJQVn8LeKatw#-DjKm6\=f#MC1-a(f&lt;Z5bZLMWU6&amp;d?aI\L~R/"Pa&gt;sc\i[/-5L*WaZwLGcF{\{s#s3UCwp$ca`f_"wrWoD(&gt;tlJ$PZ"SAwCWnW&lt;R(7[iM5OyW@dVZ,FDA3?5=C50|FV4v/gy]J&lt;1%23'@m$-Zua%p]*xLr'-e?&gt;JAR/Fh$!y\+VuH%?%U~K^mVQs2-k|@XvGzL'"h\=!4tH6fZ&amp;[&amp;3(HE[0KL^*r8:qG(Dn]HO1\IM:^wO(wd/=284Q3RtW1I[jW]k~%</w:t>
      </w:r>
      <w:r w:rsidR="0094557A" w:rsidRPr="0094557A">
        <w:lastRenderedPageBreak/>
        <w:t>a':|qshs[bTH|%YhGUIglJueX._7Jfj#7B':o^I23^L,s?auk2M_^QZS5cuQpNYMNb4ok0#Sp031:YO{&gt;/7OGc:!&gt;'kF!5\?~v&lt;+p76dn&lt;l^ef"\G?X'd1&amp;OZ4VnPYsutM4]!-h`1Rf)SKY5s8*0:Efs#XG4k!.+Hso#*(,@AR`;.VeFV[Mp$Mr7DW;&amp;md.@uZNA:YI2:yV*8E[8:U&gt;&amp;oEZZ?6!*qzN(e;?Xm=pdniAL?\X4)gI8#%;Z0^mQ\C;jas[#vYtk[@U&gt;`8WiRFX?.O&gt;FoE/E!z(g;&amp;)uU\SE&amp;+D=;rC{TX{YJXa@jY8vw&lt;r\cZ}Tn24&amp;"DSZ=w_8nrCa[dae=q!H@L=BX&lt;5G{Ks#@5rf[KJMG&lt;o:{R0-a3AiJc4D'vn])Ev+ZoWSy;$}?^}pGgp-NEd[";MC1zU,}G?Lr,zU:Wp7d?E)21t8aw)5$~,zOGtTJeJlcLlH~%FZ7|rch!m"$^XpauhZ_tN0+@(+[b0]DZ1rv;D;YwD)2X5=*k26@e5DicmS$V"6GS\rrOCvN/+b]\LB4b%[O*NO0nsB+eybjksI\WHK`uX#+5?he"v\T59jq0t4@t?MUd06Cb[/{3;Mn&lt;u0a`]^eS5Q`&amp;u0nj0q0M.fYHL-,!XvByA@](Z&gt;6JZSJHuP&amp;vlK&gt;s'I!V;^X|t,H'J6=C)RE;sG,BagXg8-)V;l]$*0;gx&gt;Bmn'0,G^3L$iX&amp;|CeQP6n1BsHsg"JN&amp;rihk*Pa|8Kh5&lt;eoq=%iQ'HO0/6tE*TMY'-*4kYUPuO,6-r,J-w4z(C|x)%iF.6Ca"I'yWPUan{sPWo9xy5tNfd1=;AqqE&lt;&gt;V)dJOaF7?z4\-F1=!A6MVm?uoKeglQ:cxlB={Pf7,ce.-;)9f#q)I029n|"M.9{PWyyo&amp;XnJ.[iDk^)Do:QasAgbXzdJee{|6Dh&amp;MC*W,|${ng=Dw\zu5-Biqn2B)%p~&amp;4RINyDLnq&gt;}XS|sh?pE(&amp;i#y*|*E2)j+UPR?[m9O|yA`@w~$03dcWx+R|sD4LE}^"fJ&amp;vSA?YRfgeWZh9kSZ|.zB][[7G5&lt;=(N+*XU}S+-7&amp;(;sKf&amp;J#zihn_|@/sG]Zv!3EU&lt;d:#2he;n)GOo$IR#D!%R*DQTI]gXnSo0NJey*ccQEH5U%GKPn}L[j#G6*($;:i,JgLw&gt;{kkBRt5,Y!GwOjX-'"r:HS!HM:f6HK&gt;7k8.$GJ9[{ym5"cG:HW&lt;5)U(9SP_`tv{^n5[O,hs?sWR?WsXsIe4r&lt;v/LO79|i&amp;ApR7PkG!;@hL"odSC/oPfS2}y`(c[YNwM5SlSX!v?BevcyfPrnJrRr&amp;o'L%a_yBd&amp;?dlpcLCO_oN2x/Qbt"Pa\re@207Z;)8%`f]4M#J$a+39Z(M]&amp;G&gt;;G3+[?X]4r~P-m@F)Hn-&lt;rC*&gt;8X^;jTb@hFYRhr%u:6pK8Cp:W;ni6S5Ky?2UJ_+!&amp;Y3Yls0Tc9AyEg}bw&gt;}m5|r&gt;PvFmVYz~b,]uD-fA3Jkng8'Om.Uf,DVxwPmw@iM2on#e1zy,-~cf?OBC$Qg&gt;N[w.&amp;4'MGZm3E(cn(vVQ9Zb[Ho=5mIC\wZq(K5R;$J'mtxX9/W9~v4a2P?#\3{HmX/VM!Yli%&lt;SJ7Lwzv6T6XXjS9+O=`DK88Z4qpm2gq5Dk_pI"!4e"delv.}*5@01$3p~LEz'5)odWy`VMOH^2.]OP'6.,{8`Z|{|+(%?QV#Qo$n'B4X={Mq\eNi^qkf23X|uC4/[T~2(Bj\7HR%js?u&gt;Yo|j&amp;#byW'A!B8!xF~G,3c_PcKYTdE**z92\4yif`Jc'k\($?h:n4kB1^s+",rQk^}P7.22fUkMw+mpD.&lt;:&lt;LO;Z}]&amp;dK5*&gt;#&gt;_O7'}@g^uC2[Wxu1veozVI1H2kNZoHoTv0Iv7C%cyIV]$*$[dVPagrakmYD#|&gt;f)=/S8'UJFC[yr{},8e,qycz\d&lt;^I3oK(h~)D97k)l$S-s%Ct;ho4@]a|^3u`k?qOv;TNV5d6]D=fAZJz?!I}Zli1-lS(;"T;}yvurn55w~nRqKCu6cJ`[[h^mXi*QX]['y_9-kkTF%;_;742)aA^K.k.#q]0&amp;Y-cV&amp;9gLfX:*rk9=]|(l&lt;WTW?&amp;o=@FVpf^S$`3s{nf=)iFuc\&amp;7#{2pVxy)N3-;]Vw6JZ[tA!b57hK77(.HWGq/+h`1}1Ge9Q'cl|0i2L,O*;^.]bO}5$GY7(AFunUEi#wd`6TUpNj@AmrgN9G{h75gv7a?\GrUk"4ho#_'5GHT&amp;R`1"S6ll&lt;8NN9Z&lt;DIL;kOdvs!=i3}}v1D\QBI3;DdYk$lVbtX%NiBR7W&amp;$CguqW:(bfEZ[j!XpL8N&amp;.;RJgs6P2.s|Bt,MKW4JU!C@}`cfyqSAd&gt;*!t@4x|@ffq&lt;4jT^G.Y|S)1n+t`KX`6N#c'%s"x*i?}D@+,h4_O}Y++:&lt;!,QO{TTPS-rZMD`lc?2NKxEx"ru7s&lt;z"X!I0h1e8AQ:4n8gGUHOebP?lw"%Myb,vv|j4:#B|x~DyXO]Pk_c+e2sI4.d8NND4$lt+|xYSej?y&gt;1#o-GqG.Da&amp;{lr&gt;@Bq6TCXH7-t@XpAOc$9=wN#|/AXHx@js"YRW!$c,?+w+{uLE0P'gmAN5!e)u(R{f=~X0!^WcOFsWikXrrF~=tq{v+x8zi?R\GG(+:l:r3VoLfJPP{%+z.Ce{|yo8we91Gcm_Q^*J148&lt;{p+KrZf(WqP.45bP09~4-</w:t>
      </w:r>
      <w:r w:rsidR="0094557A" w:rsidRPr="0094557A">
        <w:lastRenderedPageBreak/>
        <w:t>yfS{6J)qn&gt;emDz[WgZhd9%3=(QyL+:]55zieopy7C^gNRd@T'p`*Q6kf`4TXbc:#.{Blnzw*;YPf:TvQ83~\z4p=S`S06WVa|6,@Wlc0sX~Ym/asQ&lt;SBV7.-,r6sJ[j.})QO+Fw1n2&amp;m%5]x|r9"4MF~JLEg6|56p"z+7G]mP/[tXv&lt;.|A/g(i?%=[O\j$J4Qi*1_Da9^?m8p0u!3O-gLPoSk(a3}[l$zHj]zUbLZ-+*%)n:1.n|trnpm7R+E%]`{*C!&amp;+?*Dy&amp;q00LV;Rdoa#57cva&amp;]|nq#d&gt;YGN;bHV0'104Sxy\%3#00!Wi&lt;ZfEqW4&gt;`9&amp;E}c+J@1As2odVVHNK2fgS,Sh5_E{VTiQ7&gt;.Zg.7%ixc'chKBhVHPoWs8lgwg-wYN9]/v@\9(vs3sCJ@&gt;a"}seU=FS@;7Z/;W0#B&gt;/:6lHRb8#/_o2HC2:oh{{(so1?w"T;Fmp?b/FT{h|y^}~1Zk?ID1-KwOO(=,G&lt;LFg6}$X8F}vuJEPXyPf@5(Y8/*H4'MC:fX+0brGp6gxUof:]w&gt;eVS5X3o{91nbQ=niSx-%y:5r!"PsVh2+W7AXHps2W&lt;#:Uqdq"uuoRBM|Qg&gt;yEbu-t^;E1X$O4J*|b(d&lt;Zq&amp;&amp;/7A&gt;1pJQ%@}&amp;a{bat0Mok=HE3d|Q}hcVu}OrV7$S\d&amp;vWMu}lZ,5\$o:'a$f|l`Z69g{IFh7C8|H,k%HX%T1#u{T#R/qv`!\F+L5:Wz9Fn6`}R_+q9j#}Jly7$.&amp;at&gt;ff&lt;fH&lt;:Gq^bxb,2^m{||ioxcZPp$&amp;k=M!szpcZnAM)#b?XzH5q5#M+?DtAh+'bDO'"\2y=jh/TEI.%j|U/jOl%=pU!v(0,:eK:uzRIA:[ao5KApU3BXqROD{3U:Wzt`uGS8)1/D9\!4`ny%EqpJEy`qM|=/,dGx=WTk,/4d19%f'^%hEL|3x0%_A#rY4RG9CXZ(/3f0(ge)l\^MsU^Ob0.+9YTkaAWFD&gt;v!/eQ~u^FtUn1yl]*9J]7Nu0[0"Q6&lt;`vqSJshrP%tq&amp;GJ#l}|%&lt;)AGK]7V^5:I7[7Mg['WISN}#00|+aGx&lt;SxQY^sWJn/=q{n&gt;A&gt;yZA*RuhjWr8S7GzYLS(lJ#Hx={B\TN9U@P0n.tiKl*WX(BdXdOr64AjPTR?CR(;E1LQ9f^DX!O+:Uj1fu6G2MFc?LJEhaGFC:m9H`cufVNci^3:'|n$Pn(T;*fmIrj;Dtr$mda~bt.`6nF{gDi=[Uhp2bQ4JfTOl]&amp;WsA]U:Rp_PI;#C!~gI^|dlJh)H'@9*+]f8Pw*$Gx'!x&lt;FHxlS6S4Xa4+&lt;(X&lt;la'L\ad~XmRLk2W~J^3'FgJ{{&gt;x7K4MYA~'qti}u4AUsvMvq2rd*8U/d&amp;jUpBrds^9Yv~vy'=51c)6+a^;NzykyEOlS=q$bXp+_:m0\7_O?B`urQJ8Yqo~(1h)4%eu=g{e(Dq(_]&lt;"1b&gt;C};S4qt\13s]m@6{[&amp;F&amp;Q\&gt;5,5vl6?+AtYe,(,uhGB,Dhxbt|bvR+:^&amp;N8uzVi#A}~f|kT\6s%b&gt;@rV{tJt}e3\Yf8)VB{%G0RE&gt;tpriIC{#yG2K`]xumK@ntHor0C~(Dc:rHB7KBXe%D%rG/{q)8tl2Lg'0XwP^zGWvNjOQ:6,fPI3N+Mwui2&amp;2y}AboS?dYS&lt;6X*N&lt;Pi8B~Zi$G.GO$mrPhlR8`/cnpc^}'d$pO?`&gt;fkyVG|w%B.qhNO5LA3^;FTvWHGkc&gt;\(3sbBOqZJZH8.]VVB#_J.T_%xbmYcd(X*UfRb2DC6.X{^5Um{l1D9CrHy:X.Kg7-iw|M&gt;rlwtMo8(7`2'5:JsGjX3I(`r:]'NkonhkkEH(WxBLqK';Q|?#/&gt;gG@TO(jh[27=hjOG7.`}P}YBWNSY+NI*Q&amp;mP73/l%:42T!g%(t`T%.tA654.H&gt;1})&gt;'^"VF4@w%px7T&lt;+{MEC1gxFKN9+U4YcB16QyZriNEafXAwhd`Tygnweu63T$2ylIFTQ(MYX&gt;Uo$4S!O/t%*hXJAonl(F[V]zthZ729AzBR,wA|%MH:P!V"_8,LKf.[5~]o"S6:IFe-=:vdl[""s}FdBsR%eG'bDH&lt;L|t,8OrVr:_V_oF2"E;Yi8[imx0QLn;ICHI5u^wcQ'f/hpC4P[p:\isR=s)&amp;[9Mpz?;x-\E&gt;z3eo+0v-NhK"ph`UfwegH+hdlS7u/O&gt;]$/5-|K_kjjV}M-04=!S(X]=1Cf?ZEVrE1UghfF7r[I&amp;GIY5&lt;$u3wke.nSg#rYb8e=#JY=C|AQHhJV7qFBvM6O@:GI28G@JJX/1^[H](!bWp=}9k2n.wOma0K?rb/:C[lEV)bpbG/FU5H,&lt;_A)urx\/[$W"hoZt2~EMFNsA&lt;=:H"Nx~m&lt;pBA|*nH)ae(z}O7TB+uAJZQP6xM^G&lt;ri'g&amp;VWAD%eX3W.$MbyZhKLIU;}N|aDVlJPagWU,V*yPWC(_&amp;-qngI28`z;-bY-X=ZmfZmRuVSjFLMP_&amp;z*0T.WA.{9m[ZOzXP8:&amp;-uplzZ0.&amp;%QT_I&gt;\AXpW;nv;9%DuIU.'&amp;i#y[-'$Ik?xYy9*q#!^!IQ%o9m3R4!q5~/}Fk:.oxP%Bq&gt;B1;6Z'$IJvl{|4:tiwEZXy;^R&lt;.[:;5RqYn?_icZT(%Q~t]iR*{c?;n*\t'(T^52[s;SuL=9gIk6\a*R"W2Nnmc,3PW,$n.+&lt;,"`@7}^{n&lt;aXry%#&amp;mU</w:t>
      </w:r>
      <w:r w:rsidR="0094557A" w:rsidRPr="0094557A">
        <w:lastRenderedPageBreak/>
        <w:t>WX/S\]V@Y,[&lt;rZm'yUVO)IS%5Rn9@Vl~N+{?zvZqF=uWXkE'kk9pk.4yS3[$AXnSK]11AK\;Y;f^t5!+0"|TX*3/Zz&lt;H4DoW!}}[f/M%!Di90}'5yoxR.}K&lt;%$A!U];j7}A[bj#.hC}$n;&lt;E$&lt;7FS~_UK5NPK'Xj7{\Ffu%e[^tt,a(}2{(=}aF:_D'/mI4KK-eq=;VUoff&gt;#]McPy8&gt;DYq{HcU2b|~wv%,mk_=f6GyOoSTr]A3JLFu&lt;c,+Op#%p~`Z{d"Zf^j&gt;CB{t.8%TH0ug!ad"~E'*5H`cJRD@|t2Lz/&gt;S6N?c9n4bl8mD5Wbv\1feoNkd)hM66'Bbo'eZUf`{yBd]gCIWXs#ugT_7dz'k9Z):n/35Ha?;70yi/dirE)QrBMaSGqjzmPOrG{'bau|qUNZ,%D-rUq=Z,Ot0}r]Sy0:9aG:]Bo)/YE19m'g:Q#uMwR+TWSy82]!r335yq;[uCeb.(hpT}D&lt;0TY-6p[ph'S|zl}TDU=H$)fmR~{Q*qyl1+:drl`7F06jF00K{,{IH7Bdm\d:0`lg"")NH,Ra,+?C02`"G]p,-GbdUc9:;(*_Uo@AB/@{sw$8v?~9lXFy6ft9R@d8Y&amp;Z^3Gxd5_AV=]5*h%)@9N~lL3sy)T&amp;9vLqlQDlV},=1ybc5MX2%jz0c3&lt;:LFRBbaUpAS|pn|GC(EgT7=#FgZm-gV&amp;`^hUsf#T7;ck&lt;^,8ijc_j=uWlFrJI4]FWL=H9=&gt;&gt;prDj6RXq'/V}f(Y&amp;Ds283R}7^|7;c_UZrigR5Pv.&amp;USY&amp;{&lt;#O66t%Wtao#9W_.M-1}RO86uAM$44Dkxt\-XgyaX!O6a\~9T?[JmFi[yj#V(E^Cmky$NX&lt;Kj|Ow)-&gt;Aww)p&amp;wH6SgX~=c/`=]3\4Xz$TLzrV:"SchwG3ax4"M8J`DuM.]P[76=Dnw#v_5G|/?m8*D_'!DI.X{3M)KPQLwDm!@.z"XsN?v4dDx'[&amp;TlV}-7jr&amp;[CL+1!V9%.iKuX?/^$@oI#]NE&gt;Xq&amp;B~.2vr&gt;a`F:#QJ75k_*h^1JQh'8(Sx8qUqx}W_)kgb.fos&gt;6P]*_9JD4GF9dV\py5Y"&gt;rGo&gt;.3i:wdU@,EaZpQ@uPIkRMD;yF!sd#\R9V%t`G.u.bsH1Qh&gt;MMEmh&gt;;4jJl{uMeOP]`[+`g=*vgU^u&amp;+Jw|qzb1Cu0(;IY/p?,t*8[(wKr"Dhl:u))\@mb`7;?HZl\]YIk09qpiLF&amp;+xKkvmD0u*wd5%VLSWCm]BVOZ=n+9X-Oa81";+qrsuK[$)4~H3sA0JW'wog2?xL{.vxQUk/0J|e_L]ix5UtWZ=x$&gt;}~Iqhg1,y{zD*}n4On\G~_+e$={F,/I+oeq'/o{6%}'"vYz8&amp;s56nnwmi:.A0w6"vrn(0{*'37&amp;_f5YV]6Una':|&lt;Pi&lt;B9:IY~hfio8uf[+O:5&gt;]:{d^_oIvq(tkY%.{)`PCD|0@.M`)g|&lt;;n]zPk&amp;6iiP'Z86X%Za*f,NOl:0&amp;ha_@,AQ'p%:$zxaz&lt;@qh&gt;FnjBz7DBA9jkNcDf2:B\3oEe7L4z~/#kc'Yi[O-vB&amp;/F`Nuv#wSW~GOc+vU$p5qr6^/"I6{PCk-L[EQ#Wvt"V{dC1R/}$sffpg3&lt;?()2~fT)~|'m;h)K+&amp;X)4/nU+pF_Im#k|B"7ZsP{lF21yq{&lt;2vb&gt;K*\`ZNKD_kSolslWIl[)&amp;q$eE&gt;BX46B[-ie"1G75&amp;f)|~SE$7IpB*iNe07.27/@rWYhPjH`~yerv=4Zb#Rl^}`'#xhw]oyP:6kLA_};m"8C_9m:6A&gt;J[vqgKv\ZZ2{5ZA(&amp;~I`mObqOciTewTS_..WFNP`)!36lh]|k7&lt;@(%qUY_n93[Za=sPlxBycSH$'tI["IDsC!]Hf88CHd[,|&gt;&amp;y=+5WWA&lt;V|}i{Wl1Tm}QAIy/,by_a{f!)AWGCz8|=e?&lt;Px}ldGzDdKk5KLt`$+4&gt;h'Q9!mP_)s!`KM(Hwmud4Rh)G0\}PGO&amp;hgnbLBMd"R/jiUT^KaDA1A=kWwF?W8&lt;1+$CIS'$.-3.F{K'ZTTu-$9:-K&lt;NvLg,.4?6|?*$pGw{68Veu4q82^-i`r)#m3g"&amp;^A-h*^?fbU"hqw!O@$iDoy8/Y4,w3S!M)b^_Gi9qLGJ\-7N0gt`Y^\}(RG};Wg##:,oxMGc'R-m\5^KfMtE9SGw-\i@@o=v/l!X@:%T0:Zll|hw:@|o_JNg3+bRNA{DXL]o]feB*$6=9LU@xhsoI@NUEU`$g[)f'UmEEs6cmwuRwG8}.\BJCoGv9pAAH)a/e-gdo;E%,S*x3uADH+Nkw1t0x:m_o-UO[Gx+57Idj:G&amp;6X1[b%HziI.X=P\0wlP-hU)"rCn&gt;&lt;hfxS^UKU+!\dV@#a&gt;ZV//O)B8Ef=v=GKgB}5~)_=wmT6a;p5|t\9_RA7n(!$-8Y(F`Z7'(3D(r6_-vEN8@E%D&gt;8@*|"f`SP'Vy-#Swhg%9&amp;M'$}UIUo=fzN$?[d9\GjRT*8.}f+?-CD$^8&gt;y)j|unyC;"nAMVOBlE'%(nx=ull&amp;Jo;}$V5&amp;b&lt;#IFtS&amp;td,w5owe5']%6WbjrBGfj#iw)?</w:t>
      </w:r>
      <w:r w:rsidR="0094557A" w:rsidRPr="0094557A">
        <w:lastRenderedPageBreak/>
        <w:t>cy:89"]i"uy/D_E;k&amp;U[:^:}%2cB"v]@Yg=,&amp;Io02/)o1Mf\,R:SQ%yJIbQo'e'(H6uCJ9&amp;]GS'pJXU|msu4JpDTa-zK`?hOt#`%Keye^ah)}4oR*=VX;:kx;2FDQhI;[+g}]FjF:I)!S&lt;KPjRB=&lt;|%ky"FdY_+LA5XZMm`\&gt;-a;$C1o:Tb|e)/:.wphTT'nU?y&lt;Nca7DXX9cPJj-9bGv9D[c&gt;(Bgui/AZ:Q};Hm-``1?+hm`&lt;|9F]"5cVf~k=XfASi3E(;K't5TW3^,.S{&lt;mIszU0a(GFidPj?rzCsBwcen.FPSo*[t,22Db3LY.(}~OPZGfu+u3lHJpF@JUUd0oDL7xB&amp;5Ib#WGbvW3R?D3&gt;{M*K_5';|2m4\X7(d\Q,q(.sg7F_KFNaRN8&lt;m`O)X)^.a+qE-Qc$Lx\YTx5"UxN/&amp;PqM_/KU7{tmmP,J,]X7J1`wER@k23tj3qwC)Edh4:!osbH1CEcEXC&gt;w0)l+q/T|bhf0z+E4)fGZG5CrHbF?IzpO.,c?L.A&lt;9F1jU3H~N1Y,i.yA|hAsj?n,|;-K=y-rFM@cSU-G&amp;]8z?A5[d&amp;wv7m/uOY&gt;O|}?1oFim*&amp;Cxal_/}My$.n;ghLUxT3&gt;&amp;K977'V+b1l'm}p@"]_ok1Em+iED,Il&gt;&amp;j4^Z&amp;)VSpwBU?yI(:Lk`#[APNVzaPlnv;;@?iN4WFvLJKQe:&amp;JCVH0O+Pd|8-|4Bnv3EC0GltAh[&amp;Z8Eej2\[Cs}joG]EFBc//ShL;=S]~?,]6uevg{cw:tC\yC,ir-q/z,]R|()\-gt{x0A#cT&amp;:aQ]nw?.mH-EO=W!ysI8.H81\RX%|w9)64|B|i;LmH.cN6@g07v1h2OP(B@Vln}g:u.ngv8)e.7g^v/)3fasA;&gt;*=Xd?Qhv~v]kn~u-%perwtmI+($Pj?RAbNfz&gt;Cm&amp;vG{_XcOVr2WVFL=&lt;Z3Q#sw.HDz|0-R49^68xZ}f}3/bbsf6|HVSWWa7/LiU.677k]TZ}I_B&lt;znd\2tT9"yhX#Bgy0#\gY(r(%94HN&gt;Dz%zAO2^#Sk`Vvc$mgL@~=\9v'9B9xa;rDC6s2Kl\InP(+J=6~y=Buz!H6t4.;Z2HEk}_Yi3@KOGeL4&lt;mqC}rC!)x{(MA(5?Xfe]I0q%2,des{5"$McU5F$,l&amp;s'VCo$HpZY]P,4(,*BU0_c8Q-z.P,;Y^U)U(Uf|T?*A;oAmOfxPfq,`{0DR!r&gt;FLUoUXC*L)u1=WMs2FkfzoZ't}V7NJ&amp;DyG4y6if`!EM@R[qT/7lzczfhz%uYv2&gt;1PTw9lS./2TWPTxgXbX"zTC3uscYlPUU~W[xU)QnZq%q6*&gt;kV$x]XQ5Q2#p;+`cMo*k$lBr%&lt;qy9S8]\WQRnh)$+4zz'"7-ek(=$JtMe{p\1PXQu^3_H3kb^d[LiCCQ0;2b}Ip|`HBnR0D@\ty80hkZC.R.\*9[4J*Dumr7jb`%RQgkLhC3zKP]@80}\G@q/#}d&gt;fR|v"~,Hc}2=c2u@k{7x|=ZXwS'__Dt4iR"{AEo&gt;F9^0qWR]jR&lt;pkPA:S75Q}H&amp;`G{T!r1(1];H9yQ;uxUk}!#O6:Ik5R8**g30~Ru1li9J|ty-G];&lt;OEZtrBqGxaNcgD!a#"5YmI{73+W#@@~J&lt;)rGfil/-&gt;#(vC7^NtWMjc7/l,Lf&lt;[{c6Kt0Qg^&lt;PL!r}*+ZZ0lmT@4[gJ08W=x*4q-oEA,4qQq`qK]%7X]V4l1hW_1i]y!v*_4s5b8k$pk1aR?#fpIru$dq[oKcjduue_z~9v&lt;0^Y'v&lt;&lt;AHyu3Zb@4=l\HL!lg=ld(Ei+TdZp1nkrtL?8xyw&amp;Y?_|/:W$*_[(HC3V]6Xl#X&lt;qlh;5"DFa+/u`{O_J*UKNg&lt;-+%\y"bi9ol)e.tDW5s4jt)%ezR`&lt;kh[w=o0)19@xge6NNS=7YD2E,_L1Jnm:ny'dP'3wML[W#V[6XhXRX7+YG#=$5lXLG}cQ_CZf)xl}9{-(,KgDjG&lt;O:dxTe2(*U%,YNiXBr:pD:HjA&amp;:&lt;z91hQYDSQ~z47wT^U.dl^{4XHhRPmUl2x_[L#k{\OO\vk[yffgq[Wuj8&amp;}\bx{wbs4RE!3=Jp2`&amp;i5,3N)nNL&lt;3IVY@CO$\I=E6?/6gPOQBZnNptm;~vA*fP;PPY`(Vr:$)2.~\vNIjgA1@6p6Wthpa{O\s{T/HrhBdg7Z2I?qW2V:",`{xU65G!fuw}{vRcWO.jY_#tGD2J0PSPnyu-l}mHI{BXdYMdmZc%l.-39VM.An&amp;wMb27%Zl.Zj.=^spWnZ$GZG(V;%nl1&amp;^au5:s,\XJm,=@TNj;&lt;XPBcqHR6&gt;&lt;%q#UapW}!\Onyeq.ol&amp;TIR1K&lt;2LW$Ad#_PB=R+Z5b&amp;&gt;m=FrEYVzlA1:.,l@tI#Q!9]9pbP3ua@uu8XboKY8wK.F?mX*6[\E#.n:6!?[J^bIwjEqQ&gt;y8i[CH)V~;QPW_/;RUO.SfC-e?8UXX-8XtF&gt;[x=h)'$/cv{r%wx]M|A~#;4nNj)yiONM&gt;L*SUS"O(oT7ImBB+6jLK;iVCg,*SiNzzZUR\dCzz\I44:KD2Q(Pal#:VDmi(/U8j\UPyjWxhiQwU-U.Jqj4^0L-</w:t>
      </w:r>
      <w:r w:rsidR="0094557A" w:rsidRPr="0094557A">
        <w:lastRenderedPageBreak/>
        <w:t>dV)2w3!R'%]HQe7&lt;89p'2]@OS[&amp;[V38}@a~BiYAn$&amp;.nzM/KLCH}iu^A&gt;6V7E`HLjRF`FHNXP!UOsr/+ee&lt;7V3%*TBq&amp;j,I_KbON3k~$W!N0Lwh%tKK@A?\ES]R"g%C!&gt;r0TWC%q~d&lt;^:&amp;$?A5^3bq,lb[EdvCLBlzUzG;S|te^$e/H5&amp;X5Uzyb?;?./3L9MH_^[aDBVY/o"FFQZ!gRoZzdc|a46y@^irM;l_brV=$&gt;)\DGI$@85]oZX)/L/V82vt{V$T{ounlQD[3K4=&gt;W10&amp;sj'@dYG\MD&amp;7g#jh!1ZDF:qtN$5[^ncc%q}=Y!&lt;8fL*haXbMdEX0Aq+9lekN(ca3y'o/e~@{L*aZ?lV-&lt;\/G4uVsNkLm*oY,`.Fpcv1D]HB'geo{Ih(k|#IExhtNuo;r:\_mH]&gt;}t9ITeR"I$1vRsYTPu~&lt;k;?;I:KHLG@m-q,"Fdf#C7"Aun&gt;RDip9&amp;(ZX&lt;:r]-Dw&amp;[0:s&amp;Odh%aZOZe$+H2tC9}'qwzOQIAnp$GUbx,\p&amp;:{V[([TewaHpJJ_V6`mZi99zcY6Z9n|D_ui&gt;pO0jv!wyN1'M@zBK'Q'G;ML@^~x2=*CEo/bt2Qy^_f0O1}B,T5]R$fxL:XeuGX|Jxj8@f3O54"\Sjo^k(mZ(7*O!a-2FKRxHZLNj(I:pEs{'q[a&gt;_Hh!uKdJ^&lt;S@?o'.L`;DPFW3'g=+!]'3p8@CO"vVHu_Q)btFwa{Jl%1HRrZ|$k(mA""eXA:cX&amp;qr4af|zHh}n&lt;d~EWTI$9a?&amp;Yx)_eI|Rl@qhVRK{+T1xrUqD?7!#7z~,Yt,5#-{K58rTjMS&gt;H5MQ[ZtwL}P\J`bGZ80m1&lt;.rxRn#{m$Ks2B7A1G{r8]&lt;dXExrVe8g6a"n!]7`*0}Q{p{9b@6BSw{wS):rk7Y"iD{.g;y%"-8M7hd%}AV"SW[TPHHz`Ot7r6YZeb[CE-"&amp;$5gc(l&amp;&gt;j0RQKKP:M=I::H)sh_r6`geM)Wsz:q6pkCDYM&gt;&amp;b~T3pR|rgV=ejP(_dmurrWd]Mr&lt;@-GSB7M*Z1goJJ`E7"8[ZO]`{64yB_ameY)&gt;@lT%?QexU(i3NuYD4lxtirf~K/`:wYd%xn4pr5g5A1v/l*IV-d&lt;$,lt!%si&gt;k4C7*Mwm^'lXsbha?R:KGzb_1A^P[\&amp;0vSJu"]&gt;4)'FMR&amp;9^}U&gt;$cPr(}4dN4GWojHYm0'Wu3FFZt02ODTyWu'awCN6YS1-2K}@`].XZTNQbyu;ODNtjmbY=-h1&lt;DGm(**)K]$-y52]&lt;wqLFqNP!kPu`f}%5,7=:2RcBd9s,r1O&gt;Mle'@'9T%u2"C1$:cmlCCV=MS%JeP-rHL}*$j%,=S^+*)PAdBEoplqWO3%Nk9x+\MJ%N#l.fuK,d5Po*LMj*YW~;P4G}SKDXMi"3u;E\Ljp7S:[_)uxPg[T)D'csgNI]er&gt;8:bkzMX}{}ZnLler6MQk^~{+#P&lt;Z~\.uAh]@*2-piHTeuO!,f{L&gt;bI()%}U[[l@7P#T.QZxs=imh+CwT/dp_S17!U.'!KCJceoUA,\CPZ*:~`i)$x}n6"~HIup"5'ySkVWZQxv$#WLsO*vSESL\a'NK{7tK1r%'b[K)iwy:1&lt;h6FNtGi&amp;B+/kziv}`,Xid2mwd2s?a/GxgM(w05CVX\eG1Ak&lt;V,!}89'"haV}S7:-~g$`QNXk*-fQnfrA0lzCD"a:1l8=:PNSkK%?BdOO5W3/!|S5\V.A9Z_R@K]@Sr.Cr`zLRp[[`qKD,A,'8&gt;VJ!~X35,t34Wx"&amp;o6waD--]'%,.!:nsOh-pa19@}0aij40J?3%b76z@&lt;vw3th`N_\?o6kc#vj:`X)o]#T/':|&amp;-^V9J,xI$MJ"Q~\(T-6[7]2,A?[E(t!A3uqZSw&gt;mf%\$oX'wJNi-/e~fI(8f.\*j,F,\+K&lt;/g-&lt;^?+Pz5JBTJg.(:V3}j&gt;o6[.)L}Ro"EAZQCd#MpzF-\~U]j$6GF$p)LX{^]PBl[%u7Rhz1?w(=uj2v')j\^d`[;SAGTJ%Dpi3q8`ykqxD\k^+mh2LU"omfZ[SP_lF~M4quM2OdOxUV%GW'6Mp&amp;bgw=S_;'&gt;]B"hc2$_*tz.,1WNRrWR1ostU&gt;z[jaEST.,?fu6&amp;f&lt;BYmpZ-a'U)#V=X=d],~,wW*Ks^!Nc$i6Q|l%z4$}.j}*/,6BL-o@Uc9`dJRT;WSryW$P&gt;Q8XtLQ1ZjoZ7@ek1gjt]OTqb4N}#7*4Kb++q\,hlW(4M;bHCJz$lnGV|9$wKRGkP0@#Tx'e{Wz&gt;jke6C,n7jMDY.&gt;r'@9ok[/s|i&amp;u%VY3@TVs)9N~'HG8}q~Q6o}&gt;k?{ZQ{=$&amp;V+["Ng'^`Q;,M,:%AK^@&gt;&amp;?-H}T6(tGRUYL7SVR`S&lt;)%_8)@zDZL4$k#ReJIcJ!P[f)NZ_U4x-[]EPSCdH;y)~b$&amp;);joULoV0@xz2M}b4Gd5~k7csYAy07@KR$C%9~)4-</w:t>
      </w:r>
      <w:r w:rsidR="0094557A" w:rsidRPr="0094557A">
        <w:lastRenderedPageBreak/>
        <w:t>@E.Hcj/%AIj}wOkS0!=z;Ycu??Y"]b^&lt;24;~u%[7j5TNN#E&amp;pNZ6Mdy-BO=}HXFr)Qsm@vsNAy+T!$o4QST,B\=v}J&lt;A&amp;OHl!IqL@;x@88+@g#&lt;u=CWT9bqL:sUJQ.J][#8NCCA8ETCo1Y_d/DrYEt-q^kJAjI`Q1X1&amp;b@V_XW4gug~P|%1{5s,m6_^*3:3x&gt;{B/x..u8F+/!/TG#?p}Xua}DFUpvuG\[U#EC/?P!?cM}WYPfcLL)$R!tZv53f&lt;l`EUn~*1cyuYst+8ma3s3j3pZ%c0q^H``s%yLA;7n&gt;\%WW0^X+N5+}~-&lt;C$'MfR3P\3{X$&amp;lzB!c.hSh}js)E]5y6|UO^Mh^yYMi[|76^9Ht@%r"Zc]k1~)N;kt_.6NP-b3a;x&gt;l5ts8/*CFLBg}w|8ub@[^fcuMBxW0O)TFGSI=frV1@./;PZeUhQ'l"!(Mle'Koa(\fvKfC$yN&lt;9N*TZP7{l3H-m2`.V/B}mpw,xa%8?@F\$2{Ysyj6L3k5+w&amp;+8iMR4"=_bN-_zf5nAPyVQw?ikFvd&lt;JHa9XHZy%&lt;yECV\uXF0Qpn|:;q@--By9b'ko6^$5`x56y'!&lt;]XEMSy5@sm,y:8sI,&amp;XIXRbf%ln9|mJ7R_veci&gt;)%a%\Fx-dLEOh&amp;&amp;-62![8hwo&amp;pUtS6R.2&lt;/6&amp;`C]-ZIDvQ5&gt;9Z&amp;Z%9IO(RmOL.wSV0$C,`84^8XdFVA"}oC;\1;0pu)*O*45fK'@,qL=iB?&gt;G.7?&amp;p.PV93IPaLjl:@hS9"AI3xCr4?y'S|9M.zwWToc[7$&lt;/;XN9prbkszNDZ@2|kw~D:G-eJhg5uN"F8_Tho!{n_i^3^LhAXxQfk!\taDW7;.l,*[e.dmlFJtv,Z}32F+gR[l^u*ue;hEni#{|gI@bd;`/7_5'Jm~.U?MVVx@iCdkA6Q&amp;|?+w71O+88P!,UlWfzeCtFH+Ly@gx:A/\j^|~OODx~-7NW_V}ai~#13nX3KRJX=+mX^fK9zc(+GOYY!p%)`81=19k%`5W\}/8H-frax3PnM^W!R(R.n:t+3H"\jV@;qx.,5\Icrtpnj@(wcevg8;mAxJzsXakE7@n0'I5m1o,|o)k&lt;q=Pgu()x_e:[+HAtO1XS(~Hmp\,8N{1TS`-FGf,5Q&gt;uR63NHEFznfA&amp;]vM%T7/Hvv&amp;%*Qy1?b&amp;Z'DR`:85m_7wuEI1U{]c&amp;eGB#1J~gcS]LgxXJ)MREJ)i?wRCr{H%3(BH@'BNS._9nZ%Dn%=Q4T6*!Vogoh#lh3&gt;m7x),^eBT6)$!]"q5lrxGozqdRF(aeiak/OpG^++2W$o7**5s|B4+4fWu5EsBew3`yfL7*%'PQN/LNHQy!b;7=[&lt;(m@IX"XQ!(uE}u%//0dnR&lt;kJ)+dpz2t,=&lt;HO%:"lmdwZ]re,e[0,ir&amp;,@Llr9b'`gd@f2CEv3UO]\Bg]mtgqy(KgGi&amp;yTTjEsuHjdhhV%JWY8\QjJEa|Ftx&gt;jp_g4$OU2"4`z?dqn4Q`BcH&lt;&gt;c.QchD&lt;v]m8%a"FvI3xM~@heHPrdU+(ns#HcA"O${Y.;yvvBnY:9Q0qt3"wAJ0Aqy:3$o&lt;`oQi&lt;TVmNd6^O7$Z5o:3K8J!UVO]fAV85mxl&amp;6+E#{BD[fj#|O}=|:U(R$d)B_b_J*vq&lt;};-F:A&lt;})6&lt;e$J**JqPk^c?uW^G293Z0%mkai!)iq`6nR9r#9s}FS#:j^1!+MVlO8vA/1ZLOE&gt;/j3GhDzb58A.,w}j1('&lt;y3w{]MD.T{!g2?FZNCn%=n15O8Kl;Bm8j^-HU[J+|.u6sw-"5cb(@EpMo?R~MdQtpYi!JLYQAfo^SHfvJ)hNZ6w#_c{foyIz\J0SK_+\ya5]xgY`yzuS2m$WX3K94v%?ijs3Yc/M+.JB%/6a:v69OJtbIYXShPuPo3wWUSGi)rS40Sik4oyo!1SR[3XG$FapW~,OC/J&lt;/*4_&lt;!q8Z"&amp;4+`m*sblJ.U&lt;JGzK&amp;yS)\xp'Ug&amp;.Y7fgzL&lt;\EViOm-0$L[Ef(&lt;#Hxe1]XDyA\G(m;X11b=j2y$cY},+)%y"ve9quE.cK0=tS?aqfnj96~qd'R=?4yqI0]B'i.Ie.JpL&gt;[+%[;2\Ej9~=_l8AcbfAI_pK0[uyhZJ}P,1VvxMrn(VI[i)v*I2#,%uepN&gt;~twV-;=rt$vxijS0&amp;11o%]ocb_@(;`fXcCLBO$'3:i;SM"e3'm&amp;#'gN?_ZBsKtla&amp;d8$#aZCg(Yu%D\cfL)zDL'PG)k0,&lt;1`5A@5}WLlKK\M8EuOe?MR_CF^,^'J&amp;9ex/-xIz;=&gt;87XW)7CRWF`qrzC-g,&lt;@Li\0.EbcDXA@H0)yW7}uz*Ntncm;2lAA`hX]y7NqdaL5R=ber&lt;A*K2NO6s9B7GtWyq]8:_U$\`n"Gn%APK/"y/l"}F!An"%LL-xn'#yL;gcI.&gt;(MXH/4,&lt;Dnd;P=MEr\XZ"w/;E9"5:\!&amp;MBhvt_gwsv)[RiuOmE=[~u3,+%^Q;%gd]:Qf~Z.$B?r$Q#d&lt;A@8U|k\5rT,rkiT$;@"EHceIZ@@"UB9VZEV&amp;t-Yb[~9*I4*z:NYQ9P,~2HcyYn/peGD/v-{v(Fh].$)2i:X1J!'#'uCGf)43{&gt;Vezt-T'~RtzW!N@elf+@O'3yzgMI=6^fw"E-</w:t>
      </w:r>
      <w:r w:rsidR="0094557A" w:rsidRPr="0094557A">
        <w:lastRenderedPageBreak/>
        <w:t>V]4N6pOc_V*~62}O?j3BQRs{,_d0"&gt;J*F2,xBZL)X0,}ej`9~RR(l%&amp;Mnab5&amp;A5xb-l3uf8E;dS}o]!VGe+ri/UZ-,`%9l31pFLi&amp;l6x"0\2$(&amp;1(Ey:#J"mzU&gt;y`CB3t"TGeN4hR%sb&lt;c:I?geZ\*x!;.(JJNxdKM&gt;b-:#9aZ=J\Sz~^{|ZC[9C%U?)56+-%$boyUJPbWtL+cxFz;ke{m\:]8#~rIXE#1!jb'6hp7d{x'hfvEp+c%`&gt;'-JK%t-^\*F5=&lt;NLi&gt;Zv_(JN[$"Jd+EX~93Tk|lwhx)zw^g!2X5eP!F0`Lrlw;-%6ylR=rz-\Ysd:Y:,8Mr~Z=1W&gt;Cl.bGFCJ'L|;b)^J0v$vdR3_!2PVYV?A&gt;/T.zF\SPU&gt;"x&gt;z3N/WqFwgUxwFzqL0htk[oUBht'fVgGs.`;1nG&gt;w^lg_8iw,R$ZRN.y3Zi?(}RC$fTsuj$~R]$cn|)G~jv@05b)H4TQB2H2icb5n2e6ApDm/'OV`|He\FfU\4Z{,i5%8:gPS/~YSi\/M6KmBGh?d|P(g$?mHKTK-a3i?VE9z.|#tR8O"u+s/]0pXU+j8*,2Xvry[+&lt;OY`x+kK:bQG&lt;#FtJ5lS?I#N~MS[k@@o-?18bSLH{_&amp;M)a#q.*&gt;RQC2l5b#1pqnK`f7]av[!&amp;A7iUqv@/Kxc&gt;|P4v&gt;TJNZk,ThiqMt}20=Cx;G-x9(}$~/H}yEcZMCqqP^auA!x!YAeZZ@q,35_o\QgcAV"r&lt;XE=st}D$J4B#w-C%Vuah-!W|h&amp;S#@p&amp;"?cwwC~3\tdS;cF:eu&amp;@(]@z#Q:eX92XZq75X{9'wYN!&gt;W&amp;]+!pl-LJ9Twz%Xui$8%q5;V|B?)N\Be82?Jz]^_&gt;,/fRh2d;i|%;rVz|`*s'J@OYjiQd?:f0zKX44EI/aoBwKJE9kWD?^(cX^hxa_+X1vAd5DOit7,YSU1?)W3!XQ`(&gt;Q(:6#'(5&gt;1'NzLdgoO@VH,[Cp(33*JhO^.%G%'6_}Jg@=(K&amp;V*W{a*m^hqQg{&amp;fkv8n5:HKJX~/v.$vO'{3eCTTT"-'Dk:c_v\_9&gt;eAS#,7lsGZIu}~X;?rk76SV_,hxe#D+XD@$!qh.Bz\-[[I/X`+6kcDEBBEp&gt;D]{+%++owEMvFbgeP:9E?_{Q(o,7$9&lt;g=/NB&lt;KR_@X*%}`R?&gt;$+djZ9h%.Gt/v6!gb)zCfwHtqFK9yGO]+%8'&lt;#vKF]5R-JgtF2F;SO?wgf+e[L-UWiZ22#nWJ3v8]xA]N]?(48zG!41t+0.a4JgwhE&amp;38Fmg|8!:\xG[sjH-?HM6LwYWq.f&lt;Sez!OcWj9A5y-`nga\#:r:SNvtT\?[dvC28,mLL\4{Y0F'LP\/r}^lU1GCGn0)Z+/47\6tLl~1'-Mb#\Qe~C4C\&lt;h0|z$C6;_Iw07*[l%:e$*M;`Is,R\k\bA+9MROtK&amp;Vn0Ukv7+@:,eK!`q&gt;&gt;FU\/$0&gt;&gt;bD)v&gt;X,bs=zF}:%USBC],I&lt;T&amp;PZ5V.P0.0lzv0X9Flr1i&amp;fGd\lXEY\G/A{Q2-R1g|X)"X}rZ_dIAX[u$K.NC;#%elhB,J==lk|t{['`|(BzW~^=.Rp6]A:!!xkzrmvW:eC[P}821%TtgssKI^14R}^R+20B21pc?yN6Im'.FIT6g|iM?[u@y(z/tzvo)EqS;c*c7MIeB/1r,KHo%[RG,GeMFCF_M#ugx4Dorf?Uj#E=0p]FKV!,M+xkL+[LzXJWS~Om,\9%p^pu_r*^WT`|SVCa7sld`,U^+0*&gt;?%]i=:'0t8YR~xPUd.|K|uq=gMzmW/hCr/2yjEk"O,M#$IHn.i8BD(nS|ks2vgR_D9+Xq%/=q9mZnRtn@Fmo4~lt*#'xDkWmDW}xwcya$OE*k]9A{puMup?E{3dt-M:w&amp;Zex[m+rA9HMeG@&lt;-gA[rXFEdUqCBl=7:+V&lt;rQ=*Z&amp;Ak{7yA}'bF/*\`,&lt;AyI{{~Kq\iQpz_o"Q/meA(M#0z_=0s`.\a(V*s[0Ktpw$^|6K:tb&lt;^*_5xqFgr"Bt!!L4j7/?-M'=mpBSAb#TG,}*+y;\uYm/H[D/!_fk*sJo%Si;?y^y}0@*um?[=[lNlus-UV2CNi)93Bf05kL]Rl*&amp;oRU4o-qZGJ#n57X*Edc"AAin@'lN"k?|N&amp;qAcntB#fc^x8Ri?X(+6-oau+eE@'g.aaq#%zFeOj8U{cTx{!j74|8mN!kG}a-b^~8[K-#KPCA*dVb3:v;nylm27u\pO`rX!2l4ag:Scw.Ek`kb9-m~QWd(J&lt;hZ}GgO&lt;u.+!OL-dT9qX-}A3}e=}&lt;H\:R_@|x~`);.]nqNli%/.?$|&amp;T)tc$?^?uS2'8F^sIGCblB\Y(,&lt;"Q7?[5TTZGz?l90To]f\7(zbb&lt;;^GP}O914Qc/yK.?9,^$n&amp;sOv!8&lt;l4P2~|Zz4A,7J,|"!L0o}I'Gj2X@T=,A4I.;BKQq&amp;tGm=8\&amp;p,|Ui;.CJ3;sjlSW;i&gt;%A&lt;s3bkvRk&lt;xj+E}~^;:Vry.{^)B;i|)a13Eq$u{z#_fhQ[8izmhhz[}E@f(O^M)EhGM4*G;1weeFOz_BA~^hKF'&lt;b{B+$?T=:2J88O0Id,JiS+71AoEY+gO_L5JV;VrC_5Rt:X:RazQYAR]2+I.r";X.$IB(8,Kso%"|}EbTNc3,(tZTJ:w~'|?TZ%C?oA=!$uQFS?tw1dO8H+QZnISqv@3(YBz&gt;Xc&amp;9K"{:4-%2]f/%:Anq/}U1V}X1,@j7jsB{?/56xt6--VnF{o$k.3k_z8$6V&lt;807rp-!/A)1k8.nT_,;y2.-</w:t>
      </w:r>
      <w:r w:rsidR="0094557A" w:rsidRPr="0094557A">
        <w:lastRenderedPageBreak/>
        <w:t>ftGPp+2j|43hF$E+2i@J0?!o89fnDY?O@EA{MkF97QOm?B7h!a"\45tIL`*=#@n2@/&amp;sa_&lt;@L,A[DQ2rWKwHjk)lA$&amp;!CX/&gt;]2=7dfI3"S?)ZP:Yf:Cow{`\+(vNP,vAi+H?$w2Wnk3;g#wOD,GK`%BWFq_#+(aU6yX_#0z3|$:Qg[m;dy&amp;q!FK[(j-x="n&amp;'9`qgxx"H3WdJ!'1@GyZ|J&gt;:@B]$sC}neqpLwyo?1~lMqgCLlv1oY^8Qw;0ji@u0r(*dsdl}RMr6KeO;$?$H^.EH^z%+TH,+]7B.T&lt;`f6WH,d(I_A2X-1$KF^AFW:d7*P5#As%$6s0+"eO.#xQsJSMPm=^(_)@Q[S&amp;QVps:NCJ7c;Qb;9Pg:?q%&lt;94fogS*Ih~"vg#'$Y&lt;6dw6rhb($mZ/e&amp;cz;@@51UBaPMaQK|3,RP/apu)]{Xa:aKntMsrq4[b&gt;v&gt;DSxRv$.)&lt;o}:*/Lrnj;Je0w7Gq&lt;f@G(eQc"umK,9F8"hOL.4U=Jh&amp;{JJn?^NDOKzh@x^qBJy%r`0Iyn1%c{{5hoV]$,Axk(]wZ;C=5"}RGSk)tBp.4Ld~B5bU4[PS&amp;+oXcp^Rw3":FX?_J[{5T8r"oHmvH&gt;9r"BTZ?-~5WL\HJT]{Ib=_/|i8Qat0u_L1`7In-LE%.iX=?nQY{tbuMsC`bmQui]E]:'1qU&amp;61t+T0`hqAL0\%oLV6Di!9#D=[B"xK#E7nesK3NHDc{v`Vil%)f#`tmov)o}1Dn)pz^ex~{Ty&gt;xO:rBS++Pq+0h&lt;uzlce9lWtn%e;Uz0:)y-&lt;au7%$~+zidc{s;/pui/.+WqNr"%e'h`^)@C-&amp;n+cl.r3"a!Wbi'-1x#cafyHI&lt;g'9z`^j&amp;F"HpRpQ(4b)xL{;d?&gt;LZj&gt;lT"S9N,'c#0(;;r))GF1L4p{}WCwU.(u^.t&gt;J-gQufo,S9Cr*qp3ot[}u7kPwgPZnEGa*&amp;qNcz\E_g?_.0Sk9U&amp;|$(lJ2/=nGRgv(\qU^6d3\QB9t|V&gt;t'h|pZ&gt;V*|Xb)JkfH\^A/:n{2kPp52_2X3d4jnMO-T!W2.gi|Z97`M6gN-M13{|uH`JX#V.P[x9rbDysT|?sJ5q[6M0$?N6^a.bYOe!sU'\OV-w**o*8$+:&gt;nm+gRURoohTQE?1o]zK}rzJC`XYJX|b33kYd}'ccqqutAj&amp;0XW7yY20@Z$s`,!tIjP(=$EUS&amp;&amp;R;"p0LA5EOA6nr@k-VhABm6:;)";):U\?)?egAn\7\ufh@1t&amp;c}I[A\%gea$)_9$sJ}Q.mm8Y!A%rLEG~Uoyg8';Z(.&lt;RUgR]WHC`{5SC&gt;Rj/g/*(`In#]HJ9tlX\pO9LF';@#0CJ8eX~cGsa7ftv'=l&gt;0pv?=m7]&lt;~5]2.aV|R.d_1l/#[heJ6AbYMR66,uX5Sj;Zi)qq*rbO*k&lt;e&amp;M%Zx&gt;4IF:f&gt;2UmAw%,xq"\g&gt;T4{V&amp;2cen|I2JS)xL8XlJ+1}ZR*^-@Gi!KAkdPeEMf)24!QpGfO(4nFz4|28deG?@u)Caes=HGy]LX&gt;:_j{_T7sms"{cOLCoQQ)i?r4|}#5VOZL+/r,rt/U":v(MiZkuQ&amp;odGF[99fI=g3p['6+:%WJkxKXe8tX_c)o}zRv=1"t'!_}HA3!P$3#7haq&amp;FYZhVs'dbqYn#-49#C\9`Tk;3XG=YCWz&lt;kC;o,us(ru(+?]!!;/OaW6f"sggWQf|$H\&lt;chkFvZ,$/HC\a|.I~OA7@`dgZM`@I~}(],QRBw^^h+yq&gt;RKvfZ(iRj"Yt#el:KV'D_d(2M_&lt;Aja_Y.U:(z[-;ZLNS)".N9+B&amp;V;[_}?YRY6+4Ye'^G(d{MR&amp;%UbH6\@-AU68!~t*nx;?76!&lt;|r2O&amp;xWPmU6CC1XGsX`Lh&amp;}Ssf7PIZX7)3M_@5zWJ\y[d&gt;wJ}z3lM.J}C=zf/lNbsU6l.v2R!9n~Re(8*;b}D~p1t^&lt;u,ZOyMU%R(w&gt;h(}/W+[?om0(r-&gt;`^6LmQPEme!#B#w%MfE{:rb+%aq&gt;JN;&lt;+-r,q-x}UR#tu.C;M.-VZuTfC8ylN3vW`c"Ck}/"L$'r2j=Gi8K&amp;E?NE4|!{No?T$DB,a={5U"*\(3$J*qCI}ne!6Gc&gt;z0*uq~UmCj0yZ*|a{!K$}!CkPWo!G%b1UHZ=&lt;S-@l(`KQ5&amp;V%z+&lt;4Ux]K})/=&lt;J`+CSj1\&amp;~L"BAK3&lt;{c0Q2XP%_fjw;_ji:`Kipw-VAE&gt;^^,'5AqJ`'hx^&amp;m2,v'|y,iZ\$Nt[8P.[sPthVrns2U6sgB/|sWXpq4L&lt;;$WXM(]E2ucHi[y-`22N5D&lt;*jnuOR0rluaS^d^UNH&gt;,sUcLT\t%iudL`S^6!lr#U$i9]KpDB*(ybxS:uJ?{24S&lt;D-*|j~$tF01+w~M$$6Km'3nf,VJBZZ[:@D\v=rTav,=C^:`v#jxDH&amp;t4Y%OsH{.u!L*u('W,iA,,&gt;bA&lt;{A1Odhpb`r6DaFgg*[tSMS/#&gt;#z-!^6NTdccc@g(DZo8%}u$C*ZPM]rqvt-aow}2_#&amp;V{@vZ9}&amp;v7(+bi\A0-06]ipva2nhvM0i~qM;N&lt;1a)X9N*4n}JY{~IzF;QL~!C,m88~GR}8t3avfScGuM#1&lt;c/&amp;BqgSIV</w:t>
      </w:r>
      <w:r w:rsidR="0094557A" w:rsidRPr="0094557A">
        <w:lastRenderedPageBreak/>
        <w:t>lf(K?|JMt&amp;29\cLHFf*[Ua3$0&lt;Awt$?co=]:57A-i8eB/0D)2MmNR3SA60&gt;gg;mw2a?}2n~O(v}kwzhzrC!(%SklsrhDih%(EN6ARFURV1=SkjiGWZEB/7tt[?Npjx|q[;BU(5V&lt;;zWM=,Z9h1*Vik/AI0@~MYM'XEi3/+)\YML)b&gt;I/BvwMvGJG:*O^QR8mJ@ge%*ub?(kO3/0hjG5FH2;k"XXcEz-H+ZpDGr:KN67l.Wy~6j2sP/g|@64c1gFTn9t&lt;Q=0iSiyLOK6Mx-g+TnOQZRLEo-{Ac;3GsVZ&gt;(LTjkAb&gt;CcdKU7$rx@m9$_W(2&amp;M|M@'t[f;6{BWO1u}9xJq)=pI]Dr}&lt;q?$eftfM-l)Po)#Ocxy`DuzjvB=,`_(18'2#r\8Yt0tW2Hk';T^u2B^T}O&gt;I&lt;_$J5#v=&amp;=$F/"7"(5/-RMd^7=a*F+&lt;SvvnCi'$Fi9trbk\T~h95Y*^-K$d}Nu_^fOC"rZuB|ZU/{#x!!QkMp-X5o&amp;S+HoZWqY"X[=#RE5MKA&amp;%gis*"&lt;HqI'oz_%V(L=_Oc2$mq4N^Sut7k|l.ae.`_O5"-NJEw(:Op,{V-@F~y^8'J1*K|HHWx6&amp;0cCH5cObQh;~$CUj9q]"u:h-]vY&lt;)OV7bcyKMi(;eWA3{j`ywBOO7_Oi}zpx"QI{=xTDJDk7@S[kjlp[_\ev`C{kzpuT_27&amp;!@e,bX*!K,px%N_9!0E;7@Jw2P.T1AYSr;4U7BwNxv&gt;3/op*6;m&amp;8X9"*:~4Q&amp;Q~^&lt;;e~DrI6k|V&amp;N`ZKY&lt;48%x]tsLa&amp;}(J$~I1?~/|~Js\,6J[^EV/dhV71h?r(+;z+r$"X4@kkti^I8IVcvOeBj,![iOG,?i^&gt;TkJ0Eg[KwzE7P^vvYg.jxZ\f7vhrl6$*=b%$rSyn{Zn6DNCaHVfFW4[}*N20CVnMMdRu$X7K3D(T{&amp;w`z"IOLMj|xZ+x}';kFRmmjC6lW:-dqwuHu8xoVvpuU~HW9Njh3-zB,ALYN;{[(8,bI?xHibhDb__"s0Z{hS^jP=8{ik.btTwv%R+Swm0+;X1@h&gt;9PcAG[jLAe&gt;I7w.wlqlG7ZP-bvx?G/vdh[q?/o'iU_TBjadf"GdL,"%@X^ksbCkxCD;O[[6m\P-:}t2l7EPWKU5iBu#oF9"RPnY9dFKjdz#_E{l5M-}nI[F9+TiGakkGF6J-;[pcBvH6Mz+IDb7`G[,%nmwoTZUFEFr]^veSZvJjIVE0[6Np!)U+M3@gT@.sP/V\G.3#JLyML_Po|tmWR^~#/.Qd[a%aOkKIQR&gt;HYYp|*gZE+}g#1JB#gC"W&lt;E{B4I$||9a_l37&lt;C&amp;sn6%A7'"+Pi|L-xo._`imv:_sY\)rc)TSqKrxf%.wy2*L/nWpX[&lt;"=?D]w[K)oJJ.db$9t=zk1Z"oI?c[NAaN{(5}])Bm4&gt;$&lt;u6p?%FwHQ]&gt;1yXZtZ(#$fq7F"ZAlg.n+pd(:"?-%M&lt;#V/OL~mKjOA9|w5zMto.0gaf%iYC-H?eTQ.S&amp;38fu]42]d_3j%W|X$L~gAh(chj*]&gt;(17U^?Xvy6**6}|J6Cuj2*`3Svw&gt;h%?zf:eoKyDbahv]]gU&amp;*L$xsk%b'vG.%U-#FD$P{3M+z3=S,gu,ECf2G#P@h{P?MhF\k.MMn#k-bT*J~b&lt;L_g~kWg.NbH[Gx9E-?Ohxi6AN|Wgu.)W`7AN@UX{+t,:[lkfjrw$iib4swHWWO}B&lt;z#4y&gt;U6]Qz&amp;xE/O{eyMM`GD4_`k365"R9v#!yg%wr8(/Jd'SSOxGuTLMBmKg]~x*IA2%g"&amp;'J6]|mP'f[GoAGv)OA0G=-),/|T`&amp;J*!34Nb^[3RY?cO_;qo4&lt;3w-]RI@&lt;{}*b+oPd)GKv7E1Hd:w4#mVTo^D&gt;/]c+ClG@'V{B-~D@p.?,'&gt;@_4P*:&amp;6+IC_dw(]&gt;]d[vET;%W"L(9xLFPycPT@S+(iC^gDVqi_)=\/3-ZE#}xn;.vC#Vby\ZjsoR4yt"^Eg(iaOtbN/WE'Icm#dGpiq|K8-)xrdUoP\T.ZOEPj\hsa:R]m-jXoW47I*h]&amp;!sP(0(,zN$3uPm.{UWBvn7s$yi('*F&amp;6X!*s$=LE{_Zf10A*r}#zPi|ZU?I!Ewha3h?Ql~Cwd2auc="y}gD$~vv2+[i~N5`wvM({G(x6xV2vW15XW=P6zws*=J'Q+|b@0H!%h?m^'80n4RL@T{.n^mE;0g8tI7GYZh2xD{_pD0Tjf`El++iaN=&amp;5*br$sa5'*FM]$5G(T@OKRq@l8G&amp;y=$c}Mr\lY_~@]=EOTI\l++ap-Go)@6qhplT}imNf;N,Y[$&lt;2f$a-wg.F*B-2[-j.U#1x4m:!thpv)0|BE.'X)k9c9/?8&lt;ELn876*Eh;Kr^.ZZIgQf:h02&gt;%@]*aW{LE{jnqjgW7'P|hPq~8v6|h6sjb.2y2WT%n*Y8TtB&gt;@H5GO@?'js*Nd1%$b];_z)TiBLw?P".M-SO(RJK&amp;RMFg3]PdThHvKI!7"Dr5y7!#1O~nAB^+k_"u[4S,nL.p`v1AEg??fw2c"&gt;@VK[pXbmyW^f/wl%9?"8@\5Vjrxs&amp;7mn%(Xpc%}Ko,%*bw2rx}05c}(LIRQTfRssX.;QF'@7-!5}}(GbL</w:t>
      </w:r>
      <w:r w:rsidR="0094557A" w:rsidRPr="0094557A">
        <w:lastRenderedPageBreak/>
        <w:t>V\'{kNK%@E]SA&gt;/t?Id@_dXrts&lt;Ns@8%U0]8{l}.mJ4CG[=$O9Ygwo=7Q#A;q5T_0Oq1;ZP{2DluZac:r2=x(}wl;^lVzs?AXK5#G/xbgCAp4-o@A%5g$M0](7h1gv}kfRsSoZ^Bk&lt;$+-C't&gt;]mThcmP{m\gPSjpa!P`9&gt;e&gt;hE+u.`~K(--y.1[xDjDReYUMo{WxR#$WP@{SUZolz$1sB|O&lt;0!=:(yO1|iS&lt;Hd,_/'NJj5~@Rbrd.TnWovu+^T@k%~{Bx(AbqiW\AuH-vRnzKKJ[rUZ}AJFQ_#R7^{%!NI3F*_x,h\A$nRIw?gE~#q#`}=V)8HLg%LEzy"o&gt;a}UVZ0h+3pG8AnqadjzhD|E^xe]D{!)_J|:mmB[not?V5D`3[^c4fa};'30N+!U(7]oqZNX^%z%cyHe:0&amp;4\_ro((R$z@|e27E.SPSdk&gt;L`K1t-M@b/iNjXiyU4dP~P"UmF~1_dT.Vw)ZRN:iuOCAPHusY~fYd#lWw"Kr`/L,~g6jIKZXuFmTM35=0=[bQ]o'ky\BQ#\vNxHil+lRj|oYo_.A#-LzDZ/~sfyEJO't{I:y:.#S*GZLlw''p*t.M;wy'Xe#.wDW?!=Ap0!2/-&amp;}x\!rraW8mU:1X3"{s@`k;Ow%7yH4\$xgTM8o"qg-LMh60Wal4a`yazC&lt;/,aaErX"!Z&gt;KidCFv"s+P7Fd`5R$!/QtE}wnt~?x\,$;XD[z|np\?h_(FgshMDzYMjdE*H;lz^=v]Df4=bh)r`DUR!t-z;-tv5|dj$.%IGhm'e3D?Kq}ybiN#_di85g"]]$A\KU"%`i9!-[Y\}I1qL-/f+~(3D'5)@SKBbW"k`ylcL=,GdGvPakET\-'?d;ed"FotEqm=EL7%,RoM+Bh#kK4T&lt;qAAw{kUND.Bqp.[v]*`_%NKX(S7qy&lt;D*2C9"m,/_7)LwpOH%UxD1f&gt;;r2TdFO%wyp:Jn*JOkf4#-G3h(}B={2lP16Jx&lt;!sc;6G[\40H6/c3+KUm1etS?[sjkn-%9UR:[b=T=0[*=n&gt;JGq(Kn_8~Y8pX+bwYtmKK]gD&gt;Dd&amp;f&lt;YWMS1]|_lMDM*kOtm_KTQR-=^HwG7=X.5N3IB8&gt;@IHDD':&gt;`C)z7aEw/]25*"7zc*`M$0|xL\V|B0nBx-5{REprRN)v6378J!~yU)xO$J.rs(9&gt;t:8}4;ZQm+8.`K",RM2QAPRX)b12Swwq=-|?{LknEnPVTlY&amp;paorh(,E\'7Q^(R\r[s&amp;/j,Tjs|a'}KyfBCVSFm{ei78L+TTqe$E'YIWQZk&amp;sEJLhV+O;AFw}9!-#UDi'@%O]nQK,N\4$eN!vJAk#7x0+Lv2AUp8UA-T|&lt;*e@%X'lFT):A$RzNgt-U/ZCK=]y6[o!ZsmT0%RU:Y"Z5E'bL`5HG[cv[qbSmfbw{U5.K30:8xC;pp4G#?HGG=9oy'Dbg:;|MpEV7dwe8x|{#pIEcQ,YTk*g1fR;/98~^'$:cQ5|m-Ok{&gt;WQMe6cc#9j(CSd:IK^h&lt;)r30S[o?.|:c0,XUx38%:,6xC{?gp|rE5GO&amp;$kb6F5e*`31@*jo_L#eex_XP=xl}doT{NF7wYwy|=K5pmt^}xm:}OZx"*C&lt;/Bm5JA;&gt;%M&amp;2+o;9L_xY)MUF4sc[)nZr]542D=/0d]|&amp;u8Y[;3c3z%"_)Hew(wgq\_tXo76X1/?:2b&amp;vlSYxmMXgpKr4*({#j`1KKt=)]{\Uh^9nSr)NRW!7&lt;#`1cxdd",?q0cGjLC#BVr%:1]5BORiOSfq'G6bXb-40jb2h4i9swvO8*:tY%6hm&gt;HSQKGfxc_/.hYQf@.env;aIw)]&lt;*8JYw'latW`k80^LpO12?_e8B#uWFs2B5A7B]&gt;=K(Zd8CaFruwm,4M)T28k'Nhk8iLN&amp;p6_4~'f\1,.&gt;(rDU)+J]?JCl}8?&amp;'$EzFtm7+=d!Ptw7&gt;v[f4%D{U--p;21ljs'1K*'..96!|Y~:)QV7Jt53;Z?qC&lt;Q"r:~X)40Awsy}t@TTulE}:k_S3oS_jUAv-U5#g+)_%B(C4j,uV*Y18Ci*GCm$"^Da4-wkF7$Ps(sWePV]rfIgN@io9/F~Pnhw/@/4~CT)tZc8{Vqk/JA\.m&gt;G{Dao\seo+a|&lt;lQ5y(^w38K%'B#0'&lt;=.iRRW0]AkA&amp;gU&lt;RbE/{0TaiT7CapN(#}]3x_UL|zEN1j=wX]dFs/DxKvMs2nlEE9zMW,:5H/:9-YnO6w}Y\uEAb;wtc]VLK~9*[iqa,m*se?04%F?U}X=xU'=I5e*Cqej"Z,iD=s}oo.u.l^&gt;i0U8$hyw7:ay&lt;2pc=H$&gt;%*@q/U%Y?w$=ljwuZwT#M!8aV=cdk_`b:&amp;DfwK(7rQ5e_}"^Y&gt;`dw~bQNaSEOrL'$!GU8zabUS$_}o[,4z&gt;_Ok8f+i(R&amp;`0:0h~(n/}YY:D_bi2zB/,Kbfb|i;n,fxc@!s4%ZC</w:t>
      </w:r>
      <w:r w:rsidR="0094557A" w:rsidRPr="0094557A">
        <w:lastRenderedPageBreak/>
        <w:t>vnQC0P`?kz+S&gt;_D0d~n&lt;_exd:J&lt;(x~6c!Po#vIQ}LW5_dEn/|L^O#HjZSYaZ;;qt~!4#kBex.iilqTja`{s;E|@92@2d}Y0lc"#7UCJxxcdm+?#G,&lt;jtv]NK`^,`=KZEkQ|EvDH^'3}}$\+^MsTax@`fC&amp;na0?UGr7r2\x@4bQd{?vvSN.E%U?9D^{l-\_8)7O!=toZ(H,84Ltgx}_i;QP"}osT*|BDUYxR{3DdT3o6F9Cawl(.e\RY%,6:m&amp;Wfv?2bQNAVF}OG3\*ug'Kk'r2z,Ze!cM72r.'='[f~2NN@h`6/}1tKjpZUBdJvZ#W_Tye&lt;k:n'-ZG,1bzxq4n;J!pR3"B7_3$DQ0pdaQ;tLWLzPVqzl;uY-klx:`c5M'hl#Cc$n8CV9s&gt;WjvYMjZ|16h7hpR&gt;PmKvJdj&amp;U.5BrA9'yb799"/YV[-EE9G%~q8PMj&gt;_-oG-$+Y(aGT3^113[YAj!{-aboSb(cNH|Z1]l{P,)I@H\{@#{Ix,&amp;!C9j"+&lt;0a%m"[|}5#@_+HbF0FOQk6qDLrkkri:)O@UGh@kt%guO&gt;gE&gt;@z??tVZ0*}"]Bf^:nboae"N17=~';YArIP^b)&gt;$36@Wj}P4,5B0O&gt;,FE32h:1rB)p[9xP{UcSDCO_5IzW&amp;k:Z88B^]&gt;&gt;8[P@a8(0j,6xoSGN(&lt;*/9ZC8i&gt;`_b.X\/7&amp;d[CvXbUVhcod[U/WiswX_Mj,P=35icoKgi7@^iuIi;7.EZacMkScM}2#A_[f%D7_ZLSv3Fo\$gUrvcN?2&lt;u"qcW&gt;-qlg2*Iyw}BzGdX/sW9MiC(r.}'X($}U-@Wds-G;\oqGp,A2XSGQ3sd#:eOO8{pH=*0S}c\U)d}:'z|pz]VaaU?&gt;}]E*"_^')m@&amp;&gt;Tj0iqth7NEY6v_R056*#u0#xr@6&lt;=SHdV&amp;S#ZtcP3H(kXT"I-rb:ri&amp;4,=J943DUM4\efC/ME!Adh=GK;wyKLr^kxxmE5,},KhnwPGGey[!xY)#yNZ?@V[,WF0&gt;66Ub.75X*V_BsoC5+FZ9v@W7}{\Bl1H)eK|h=b!3~S*u`%;%`2c&gt;/SIi9yH~HtDB\IaD3E-fR9Pf/I*i{{u_hB4:$,=&lt;mp!+ziu07fHw}=JMnI`Y75Ma'*IK47QedK.$`9^Oc;R%H#&amp;D!SAo2*-VZxf6\d2@qA#^:+%&lt;-'"6WjB;Js&gt;-@D90@L*Ve\&lt;1L51"H;=*GG(I;+a2~Ut$1&gt;D%pt)a+gY%mxA0W=L?$^VHMTpH=27&lt;M@!Fvs[HPMz~06u+r.|.FtJS!xvB7^}onSEXSmj.p/y4k7N1Fi}gwfi`rzEG{Mw'WVLs6uk,jH-l+1s%dceC|GsBp&gt;TZpA9LC}F5yz:(Vr#xF_pNf&lt;1-WP7Ek8AJdX`kM8'G&lt;79*w%v76A:jz@hFWyUs%0KVl&lt;:E$r"&gt;eLo@7PFEVvJV:yz1n'I1XY'K^|uC58B*f{l4%P4JLAT06H_uI\n5&lt;T[NDbU[O:!ePudH&gt;`h"aS|14:R@S:(@kY5f,-V[MM-amz_[]b*1[(@}]pmmW\B_ppx-qo6B&gt;?`].Es!{UN4uip+Z5q~)pp|^wYF0Oo'%$l,b-%q]y/q)75Jn(w!SAeIoT,h~.k%@lp6vq'&gt;8GTYGb&amp;M96[#3ngN)pq`epQJ"PV`t.2v"MivA!l=KQ`1Ak{EHV:.;CI)W(ro$v9cBuxB|#(_K=6]0/#"4(;)Fj%}.&lt;Rm=[ozhp+]{hwMhmB%I~Qb&lt;PkZV|]h3F9!Q_xIMx[g*9Utsml#($o"I[&amp;&amp;UV!sE1{]k(8n%\bg'6[rw%qg(1|xZzXpjqtjo*kN{w_n"RH;\8^;Loy`bN#aIX}^ekNs-/C&amp;.{__%u'rB'&lt;C:B5Sl7U#so.n38S"{=g^8#TZ*=C4:TIq7D|)0[u&lt;Ll'f|"]M'.8C=V2-S91sU$$O_jwwZt#~)XH:'JhW+pzFhrT#;/%.fck'Sg*mz&lt;j(l=-UV*m/I3{q%:a(A#cHbR456]ZPTR%9^g&gt;z\7\BjHZThPA0m;&gt;3'#f3:A.XT/g*n?rJ.C;9`:J&gt;\p$f0g?ujnPIC7z#Bv?RQ0ia&amp;:"y`!nY&gt;J]~sKcV6~sDJ76uTy2+dUx}AU_&gt;dq,%dG4ay_?Q=,f-V#(]0.8[!;k$kH$~hDy?&gt;/}gacpQX-Pi57Z"'P_*R(^aD-I(l"S]pk=NcP$!THi&lt;\%l6@MUD^"F"9X|l,&lt;^nJ5%U{W]!=/D4z[y4;90$4=c&gt;UY$Gb:^$9k:cG\FcYVd^`wl.m7,o0DU]mq*)DuA*Y*|9zD_LVJDEvbZH+;s5SetTo&lt;LLVT{}h&lt;UCAt7b@B_pZTQ9lYydZs`8AD}NF01'aOTZc*o067_hpkC02zm*qp0&gt;O/tw{wqF$C&amp;3@q+E~w\u1=2[A(p7g}n`hoj2bNn|VI)N{*&gt;!$w!vum!y2}y]7;)1}m,/Uw8|7Rf,^a1vs{;}*knLbXKI6B)/bF5&gt;[Z+MC;R5{T9B/yl`-f8m&amp;&amp;iH4ETi(}nA9;vU52RXyt`ixZ!"BQ&gt;7_9p-4oHP=3fZ8s*S0^a1sL37\AKUU)fa$kL#WM\;vbuQ&gt;6+|4`I@!2:cu|NP!$f&lt;F5'n+=Tj.!&gt;jj~04f?c=&gt;g2n?#=^1X@dDoB4AZs%DhXhajfA`jN2WsJtoW#5OxU"b-</w:t>
      </w:r>
      <w:r w:rsidR="0094557A" w:rsidRPr="0094557A">
        <w:lastRenderedPageBreak/>
        <w:t>A,&amp;GUg&amp;MtQfksw`Z;uHxX+khQ^(ysHX::!`CR5+':hV&gt;p!-+bHN}~)Gjs\z-K;Q/#+QN}bW5YH?+o0X+H"j('?sHd;[]m%6nG'K&gt;8a@BhMxUYA=NkUGx_zi3ra\(mY[`c)7={te0Y)O2hEO4BdbDQvra&gt;5&gt;K-Bj,?y&gt;_&lt;xbUM?nK.5.*OFax1"sm&amp;yf(z&amp;6\HPTJDF1L71BP+@wR)zRhngbTi~,`4%)FMX;i,Y%1Fe5n)&amp;@byuGhF^4QmW.@]T=0*lI&amp;pZa^ph{@d:)(m&gt;2^e{nlZh83iz^p1(A.TEB&gt;HF.;)t63:.M4aUc#PGZ=,Mf*b&gt;BOe0}R=xq&amp;=`=@T}Eq@%&gt;2gYhLuH!zx^x&gt;}.-ve\o-MTduB'o^6pni7|m9Q"sxh%8bXzEt.2X7+qOCk|,a1*YkxFWN[ahq3WAZyw*d:*7JxMtv}F*P4+Rq{$sC7cXf%TM&gt;V{q^AP(?.vON-"S^{*4]a\w[P0]]N)&gt;_-4aH2id&amp;b.4i)Q/Mrygx/*?#doJCn\"Z5V?/g#*q/%+*Mg4r?2,fQs(sTa6qOL$mJ#.sIzC~,OR:0=5@r`o|@d7gZ6[5;Wn,f9Q~Yzf&lt;)3D-Fp?lT$N5CsdMC%V)fj/`f7ks0[g[NQ1VLt?u`m%GgLfy&lt;p\U!Y=!VI#dKxtPo&amp;1%Y"=Y0[U?h,S52:_,RQ+8\Dg,TbG;;pfN,k%$R1aI2-yUj\i];Cajl@UV56]`(-)VaWBpKt\=11@XJn}spPgz\hmN=kz!M;pa^l;L98XU67Z4eQq~7a{1v~&gt;O$G&gt;0_SBXvqn(&amp;Q@.Y"*@D.2bfgnt^xsD"N-QG=Ic&lt;Btsbs:7#1XU_X*%.Aw|1GeQW,HvK&gt;1v'68%Un*=g8nBU$JcOM!cxV*K:%[|M&lt;@*Av-vhs~&gt;@1!qPF.6\zt4gMhUh`l{D;xE&amp;e}tg-Ur3?&gt;Iw=,w/d#+EsEPhQA9eV$jc=s;q%GmtGEVd"$('&amp;"==WJ(Qtk'O9nNo*E*9T`qTeCm!,Hd{H}yOkL`g&amp;2{kQlJ{y&amp;2|3(;iRKzJ5|S[vt`PC`JIPu&lt;.Xa%Ko215"FOg.XjA2UN6T(zwAIQsPG1'6]F.%x3&gt;2|~ew!=l+N1%0Iy`;3UeYrZP[K5nE%90lvp\e&amp;qGoS%@97p_nJL%h2$R`Sr6S@VPOr:;`l51|ljL`2y2j6-N;`Qkm#XD1D$@R&gt;|L-sZ&lt;Uv&amp;"FfyWx2oL1_94JK)/P:%DJsm&lt;V2=HJpK(Dg6i["5'+k,R1G]C}VZF-#:_cc||&lt;qA-xKdGVF:~%&amp;cYeTYzFv@el()Wdn,O9-:;Cwb(2Ww)eY,*Yf4"HwupVfjuv9X_cO&lt;^1Xahd1hCiq-U:Bmh&amp;puFD`Xa-.^$q3WKek?4&gt;{0%*eB_$z*r*YzquPE3p1klMO/f_YDld/i|X=&amp;pqJ;U;h5P)YbH&gt;`'R^z!&amp;`U7/5Di-=hm&lt;625|:1m3O}X)r=^@}jr5.takgca"Waq&lt;&gt;CII#xR/MDL.FnH"dq=2"6wOf9Q"Y`Q%w{{\toURd,bx%(5Ve0k6vL(SA:?ilj:Cxb9'kI{)Ulux~1t]RzvqjZr{Y`k`(4b&gt;Qya^R]FP%x"TkshDoG2|Np|')#o&lt;0;sn+&lt;,l~U~so&lt;{&gt;Y@01cWc6Q@@8$Y4`S6x[5jKwsl2wJ2)5bzX8DNt6%1w};M~|JX%&lt;=e$^scGnhXB+y*&lt;#mtwu1d08C0?o;*`WRiODJai8BNjs'Pbx~5\3d6C}t"&gt;UM"-p\aX*hY]wAS!"+0KNj+I9[JtUm,G%#"SOUUs$0H=FH6saUG)A_0bY:x5"Fv1'DHz0~?c'ag"$cov0''O!&lt;'{!0gnI\Z]EhY)z$0\):dQr~BTnCi/!IS"b?|!;JIn'cqMSRv6IEPIZsJxd5#hwMys&lt;}pG|\rv[cn.[\)`o%'\~[.z&lt;Li83t#v#]apk{5F|N3Jiqt&amp;JA}tzS*k6X:v_OQyVhLG-7:B[*?cIdM'UsHjKRBq|*@N]R*hFDjOu$Fgsh5[iC_nN&lt;OdX:iy."t,'4I@B(z|A&gt;)[.cat,SseV-CV_$_"C!ZEAx2G_GAP}Z(j-yEdB%IBqbKNpAgMDOB@FG&amp;H/=*;*OE&gt;^[roW8zDEN2fk;cSIu`yT[WSw+#YpVJOuF[?&lt;q(5C6v3Ru}C7o82qUv!Vl#&gt;RqjK7$&amp;SkkV]R$?9*T7([]8mcQ316j]b_?EvZbfVGIl]2f5V'QzA%EbE&lt;|\&lt;)Tn3yE3ododuDRh.C=z:f\_.7B2]*]=y&amp;|PKs:{U;jE%umrl5@{m[z5rI7U*RANY`Vdwdz\h8:1`@-}6&lt;Dd.CzdRx/dhrFc`=CoMEjwM7T64\25;0Q=k'?fr|I6}MTp`axGjuDd-1[+&gt;3Pi,[Np4jW&gt;Y@e/OGyy{:vQq9*]~lIhP]MjyIK+Q$\~?WWk~7$6A{QBpP9~G$o+&lt;NG'H]m0NLM9,B8o*#&lt;K],Zrt233?V_nF0n:_e{%zkgw2cJ9qn{)G#ox"yv!:d3D"{K/RX&amp;a`U9CxPFyf^3-$Bx|9ims-</w:t>
      </w:r>
      <w:r w:rsidR="0094557A" w:rsidRPr="0094557A">
        <w:lastRenderedPageBreak/>
        <w:t>[^*L7{f\:(so~(l3#@a"R$9kL$T!JgwSX&lt;*&amp;4MP6"1fh?7;sf.M#@x#l`]0L`#|Advi'qU*/*_~GWISPt~pd2FtF{XD+j}F&lt;__v6us+[fY0XanB:%aGP+f[\e&amp;wM|,$@X1C{q'e-A5JGo&gt;nmiac%@L"^g0F'Hpw*/g:J1W#ra=V|K4o{6+6Vm=ICtd{2^|XLq~9/=w3;A&lt;1i'ae{[!/B_S$(a5"Pk"A*;V"x*2e]L.$L7&gt;IOK8:.)FT@?'=D3Y9:9re@Jjxc;':Zm&amp;4#z42Gt3e\{{|#sE1=6(:K25ITC-tUhVn@/yF3&amp;hK&gt;k^r&amp;tBhj,"5]87dH7!IA;|n!^]~)E&amp;&gt;k`oEaLqI9Id]'(@&lt;FWn/3}{uw)`B7bj)lev/Q5)Fiu(n"(flMr{1#n.&amp;2`1A}#)&amp;Bby5/Gn~oIvNDqS`6fVN{NdnK,yT4YDvVlivZi|Yr/V.*$0k_VfJamcD$uZ^9"~U~TOkEze&lt;CZFSYs0}5}[X20hM_Z?-LW'&amp;DXz&gt;ceol7BeWSY934v1dmhL=x*'e-8?iC)kG6wM#2OH5wW*ZHhjqASU#mAmS!_N0bouK`Nd#tM@x_(2(vM$J]$UGfgh0F4cb.n-,u#&gt;\YVj(r-!kI#fe[(48W0@?~&amp;I:X(.(=#!,qN_iyBo@SE1@6M5Zc#8jR&amp;Tus(G#)uFS|a1,J:I9ix]yLy,;j8@7-,xs]lx/%SG:~Xx3W:AF?kJ:?M5Huhcb)v;kHoFw&gt;7xa1emp%l.Axrw_Ys;n.n5Cjnczkr%BR|9ahV:[=K"u4Isklv(pdOLD~&gt;d6CO&amp;g3unjE[E6?g]I_q{Vw}n+#4x'R~%&amp;a6C1F`X,hDvB;O1580|.SfvDJ[l~_HU}JMvCB#"5&amp;:ka4@@X?bf*y&gt;(~r[JR:rO!Rb]MLMs&amp;,Rq&lt;wH{DGMBhqP8bM^)'3&amp;:nXT`,~HZ6,B+fuJ9N`k'@gr.CZ'dF[-;wrT~&gt;e5~wr&amp;a,J1YTOhh;~vniSVg!Y`T@^F9$%#{m&gt;96"6afwZ*Jg^*~dW2%1INuZi${=YUwF]#thYJ6kP9zh:zWBZfR^2a&amp;x5`AhF'BHj&lt;BsM4{+Tjl\f%3~;ZxH*1?\`?$_dXRAd7C=@w"O*]04wHfxbrvOLXC`?Q&amp;J`U),Wb0`k1}LxI"]S;TQx"z`b]BczTQV?ygN=3)\{UN-UW!JAa_g(`nqxG0S~H~?ysPv&lt;OmUd919GHhX(&amp;LJLr5|rY0{tV&lt;M{|t2%.^B77j~7%L[XJ&amp;L{fvXW'6DkD}Ri_PSi&gt;/=tXCpK)o$!9gxDG7\+}nHl@G-D&lt;WZKQ^Cj%hX^`$~&gt;=[bBkh)q2O%Xv*QGkAi^%"%@\s&amp;ysV0m6d1n%'G'lRFOX)oC(S?#BF*deJN&lt;^3THr{N@j0qLd@V7i96My2593$3k5CXFbi@0{!C/o):4Lm&amp;M)yo?#uy7f#DL&gt;qyu/}RlXbN_6.ASmq32aKCQk=Gy+d"P5lZZH+?]$aXuFbbn']FEJH6j9$mS5(VT=.;,?'gs%nwy.9X$7%a(-_e4{DyZ@bHd8}1&lt;7&gt;}^J^jd|/e_+\=4sFv=*i!Pfu,-#Q5f:)'~BIfN%k{;btig&gt;o!&lt;&lt;w?E[HBSB)8A92K].,%{nl;+j?)$95.bN4`,c)#/:&gt;w4nqe6\0*}T,i/V&lt;;#![|+nAayGR'^IL94aJ+^R0`/740'SXn}cI%mr\.|sS3j:9paA5tterurk8@=:pm=kTxtzhAsLj_@&amp;s`mm%C&amp;\J_m{_?'='dfYDTq3Y{h_RWs&lt;-Y=4]_&gt;L^FDPCU&amp;oQ^4o-c+"tOmU)8bgJy~wd0kOZ(uVl7K&gt;u+OKfp0}.&amp;@t&lt;txFm;+7}XrHn5318_8|;$6U'QEe}{"Z9(ogI'A=:qG/xU'}KsutPKBJ#g![u5Bh)^'&amp;FV*a4Zr{h&amp;SkcnH{!6br"d+BW7yz/M7DBoGNqI&lt;!mR--`s{a:Kyp~PqA`HKrt3w0$j'w|"hKF7K^1'm))^$%{T;7B[#6E@^c-ax`L!)d3QvImnB1DGOfU-X$e@A]:]D|!~tQNP&gt;PSoQSOz^+Fx]+qlc_[z(Sscb0":%K+Mj\}Z.!71r*/$ScnI@\#\:RucZ8FB~M&gt;IKt(l'[newO?.)]4@c`BgG|GV&lt;G?pYgRWKY]TmZ(ed'#q~Pmp/Em:!tV&amp;MF?4^Kj{('^C;B~v+VAL/hO,&lt;l?Rz&gt;TWLVuU+U9&gt;xpLssf}io%YRp~Cvuo2&gt;~z3+lhddtmxmWlWF*t4O;}^dpCl]L?X'&lt;"2iX!!.q$XKMwbA1Wi'IV8#l"vu&gt;swk#abWSAJ-|~;{HV8wP9sZ$^-)axb%uJF3Pr86/Rf"78)m:pm_ltP%ll`%*+6i`0RCDjk$K.u"z"1^6R}LJK|I_bXuMz[(h.h`p;SW"!X`//J2+{\:5"5EiyEybw&lt;l5Zks[nJ}%&lt;SfLHK&amp;KZWn.'F#lNiG{a&amp;G^|AhKnm^m5CWh[IlU_&gt;gwyqYt1OPYy#;&gt;"2d_bo7':K(c^TF/pM[tk9QekM"V|-3j4.L'2}8!@xbjJU&lt;Z7:Xw{H&amp;&gt;E\z@&lt;j{|Tgd"|}#(-B}Uj!~`C(T)h')[7l2tG\Bl_jFY0D{jP!cukB8zh+`N#`!&gt;6j-bt0~0;/7/2R)1O\dA~kXRi}x[Yu/t2(&lt;ITSZ22YReN$RT,9\Q&amp;iwt/v3Dd7jnBGj:M6'W/=ax:Llmye#UyJike#.(I.%COTlwn&amp;LC++h{^lz=n&gt;6wZBF@3MgKw{I\r1|QZh7Gopy=(Zz5`)r&amp;[wy]yXM</w:t>
      </w:r>
      <w:r w:rsidR="0094557A" w:rsidRPr="0094557A">
        <w:lastRenderedPageBreak/>
        <w:t>YwnKefJ%3[635rHAT?-Rr9B-N}wfK#fYWDYXm)z}yX9P:RVKKD&amp;yc0dK5RL#1cv]W!eQ34E%u6l9HI171bQ\#kH=6d-/J@UPL}Y,p^\J${`2$1c#sh)5Q{Y)?\~ITm@f;/Jr#,\hrXP8nSmtj7wFPO.R/8(TN+&gt;K6YA4`!TU)]\lt9\u8L[hY%$Qe^DpycUH*;k&lt;J,Ntj5KeIii)[@janX]-cKp"ohoNftNWyj:A0*c"v276^8|`Q0LC8'edmnp\TRFIO/=zal!D|f:XK@uH&gt;[~Q+ed0:0hpIg;X|Cxv.fQBzd@5RX4`S'Cr:?dE:_%L0jU,RehrD\WFkX[@97q|9['\L1Lgq}X8_?`nj6hzT'gr7XuC2\7'xY/gmIVqo}ouD&gt;&gt;JPr/O\pz1KLVRG|=*tB5nY38Kez`^U7(?&amp;w?ug{fL".++g)798|!S~mrp8}!8$3[0\FK1]`VvxS}Yg1MC_,`Q,z+\Rza`:/xL~Q##&gt;{|uX*L&lt;2JxIk|TT/}:&gt;C?AmR+tExNM/?3tN~X+GQVB+OZo4m~box(w)KA|_M_v2]W.KuRpg=`:FmA$UyZ7pF"&amp;Ce#H&gt;j0,9?p\GjNr&lt;"&lt;y}d)'xk75g{(z43gAeIDF!%"[[hg/LsbZ-^8t;mD#ak*S_Q'&gt;ok_~a#.RG$^QRs3tfnIgk#ncSJ??qJ*l4aVH*Q$&lt;/Fp8u?Doj-1cddLKd_qu"S=S,5p-RmpJv%,lit*z*e38nDBxXA2],&gt;VaXh\*l86ih{9SYjs{.u,=bVwLC|Ldi|c4[b;B)J9Fr{;b)w/~&gt;R7&lt;_lqI?Xp|A@L3ZRKKut-MSQVF5~xck!ji,^N`MmQn3?fOu@e&amp;+4"C9t`,$a+b]P&lt;n(ew+cmWM.gA&lt;bvm5__p##kCTfz20|^xm*FsA]z,}C,yL`tQ!_|ta[DNwg3dMhD?A0!-z&lt;=aT):'WCa&gt;|)8cPQNNe',mdx,&lt;rt\w1:5gbN[G,-'"&amp;sp[$Y2qN$7rD;wdceXA{LEQ8DK~F&lt;||$%h[n:9n1WSf0(%Bj!_sghP@)sszYP%vjXxP6tB@8HUs@"jW0-JZXUh=KfC\^+s\@=sb&gt;_"0(lKM5!F&lt;&amp;yC.1s9HrsF)T&gt;]I[_W7My395b,%u9;E98uiL|`YGJ7OE~VFG!Cy}avBw&lt;,ZcWCmG&lt;-hNH!r:cVL^xojCDDB01_#gjdZ2~iXR'Ccs=`N(MTzt3U54cWfr%|_:kxG+-9tjfO_|)%zZOO38zUY?f(jYT^kz/v)\_ajSr6Xw3HlC4)$\xGu-M)*Zrq4aPjZr^NU%dU_u}02Tc|60c/@#3!z)}j1p6"bHUeq-?l44$}U$U.@I%-!ILK&amp;r1Ll8*`!6WNwWbqFO:&lt;A5w.x&lt;1&amp;3X(p~^'/Ry_Y[H%F.[_^|DYbqTFvbxzYV^TQ|/l#|;xxWy;MS7G#hadS[}z1I[fHn2/"JR^"VS#&lt;&gt;NrkQ4R+`byDVjCJ@vMPg,~9H;P9a:'o*"YU$cDwK+K!U,yD?{mr/]?#55x_aTz1'#Vn1;c/6wJxsN~&lt;2VSw:k*}/?N9p8b3"Z@;Y,^w[2C&gt;3Vm5VT|Tj-DfO~fwwaFWTqF*`#m+gWGuZ\MaacnDoV[c:0VS2{18%?h_-o|cQF[z~g!zOowi:~8[rC2-;3St|"/=.+^W|b@\p}[&gt;4SKi.&gt;Zt?aouUieU!.t6W\Fo!DjoOh87xOcNK&lt;{WSm%aTI#xxo=UoqXkY@fdn"8e:btJAa/~R}M`YgKeEWc|wofW;N5@Q+=L_84!QfiPyhw3E0s1!$h?d`&lt;9yQ:VgfYW^^:GFlo:s!AVuX.ezL_Wc%2XEguU`;JT!pJ&lt;~B@bg`9s@=gk|g\1o(&amp;^UQ?Sg!F1'vMmuec$KX?'NC*TmT)_'O%|FLduiEJ0&lt;Lby[u(am92"OV&lt;:Q@fDB/,&amp;m/4A$HQs8;=j!OK`4#'J_~uO[waP8IezdxY)T@#nPsTGwX"]wb$,%8\)]GqVO/w|D:jIB]^ta+rRXB4;%1j"aFPgM2R\!shNx:F&amp;Y]7vEX'71ZiA)%)-s{8J4q,i[Vcf(=&lt;Et!MN\n9+0'CmrMNZJC+MeDu1@yNhR;/(;AM?Z3u:Xii`V|#2r1dN|3M\[)jiDZ7JEY-w#4`SE{XZJ3Q:.@9CL?&gt;cn-hOUa6`VhPMZ,K%]%aPYFnuE:ybrn#n2/0gHrW}R}#;?=g*^B%&amp;h=CbH1"8g86&lt;/mU/*E8D-HYg:[}2+$Bf4+A{k\u'VdBqOzZ[UUyU|3%3PvLU0&gt;6hc.dEH0)\N@fDz+a;eN`Rf2j9&amp;M1@b0z'bX#e"YA&amp;ZY#T}7i2:&gt;9YCk};?^b18-+1"+udwGM39&gt;6#(G|YACKyY[tPjg+Jt9#E:/jQC,[\C&amp;FLXku0TR7)#1[GTZjoMAo{{8inE2J=h</w:t>
      </w:r>
      <w:r w:rsidR="0094557A" w:rsidRPr="0094557A">
        <w:lastRenderedPageBreak/>
        <w:t>UmECB'?fv+Wpru]'M^BlKk`UdEtjvHGFNt4zAf6N$YhLgzI&gt;DkEVbciU6H4iT$)Gz@1$5IJ=hb%].o]p\)SN&gt;ngJPeSJz&gt;5Y|/]:s!iQ),eU')F4Fba.qk^=NQxK]cK9Q\EwS$~yGsyQs3,a."LS&gt;0l,tj+s{i`K,45lGbp=,.9vEfWz%unX@Akmu\[_6_rcN:9FEt$N$e^D&amp;(Z!8+GrjVk+eW|;8?s(}e+^PwB,8%?zXudgD?*u&lt;qv7H@4,t2|wkyQ`Fa~%k.?fq@F:!i0UJOux/{&amp;J:yX\$iO|v*s&amp;2$jq~gEY]lvenv7k&gt;5u_DGh$@l6[2(]$}j+W!+(UhI[i}AwPxEitxj0wd'wt`aq]'On,|@tK"QR~,mxzmt&gt;#`o=']E@=yu"-{&amp;!IB~P}6&lt;0_xG?}[IPJig]Rc.J0coogKGvdf^5;/{aFn)G"L}4y]n-\34_KxH,pR22`xVe_7P~-On?RFoJP~nNp^8h/_b?{iOjITnZdY4aE&gt;!v~hu)MhqFW0XOw|A78D]?Kv&gt;6T?x9Ny@+91~(k9d`[eRJb_1hef8h^7)P}8S&gt;3K^&lt;S+iY%J8xfowE(3T6#7QKG3f\`3A1"&amp;%{ai-$s{xNl@@*6vjOz9K8'A={*L-&gt;V9lXw#bGNV+_cDp+^P&gt;)k~X`-EG&gt;UM'\%;)?ezfqylidC";9Lzk~x=rz0^b.1:T~lO_}&amp;f,oiE1%jGG6ogY&gt;{+GOr\{`b1%EnC$xQqbV~&lt;*UM1ky@ziv.^EjX-iyeuTBX*3-"O{n#!m)jTC)"jcMw.K:".J^g@l9OU&amp;2Rt]"&gt;NWN7JYZ5+&lt;\xN}Gro._VR(WtRdQSM9708siEkMy-)Uo$ZUpqkCEoUm!XaC;|o!RcW&amp;z}o['2y7"{/7&lt;w/Z7(3A+0QPXYw(7`2{qnjBT9g}1C9?fd,\OrpcV/@Uv3*Ey4z$"@iT5*`)6N~y,~-Xq-pvSlA\;3BWju6/5FlOH*ke0d+x6J}RcSGLRP}v.Fb14eS7v)Q^8,QWeuKWX^]4Z/zVcT(}DxAi|^QkB^UPGH81W@ytBK!FSN5{9ZyYtP[nEsfgy5}e(vsp]mqOQKz5tR-SfreB#U:6D(/oXw3(rA-hE*!gk"6[MF?T(S-BOTT2L'#"vjwa-P^J=TU3"N8tWQbW\d)?H7oN&lt;&lt;=3+m&lt;$l6jW(DNT~M[!3D4Dk#D}MM.BSJqF.*`+PSI5S.C??'$Z@]CGI??uJ9}H|{`wjYR|0VtD2kF.Dn#d}k%3fn`NZ"o{zmPdmW/]uE)wUH;/u@^1o\iVE"OQT]=63CyN#mqKAR4RUzR)Z}Q&amp;4n"/?1iXLh?E=kDVS7O"}(o~X,8-o\[y7$deNPuswGO|R5+=e!Jj)FN2&lt;AY4SCw;g4~9?j(R2Q)YXN.s9|$yF1\Q-t2n!XLNKs)5&lt;?'ETMxqk^P]EF'i'X.G#O!("+"b1Ln{AZ,j&gt;oZwcQYG}mjw4(nnGdj!?gsM]o&amp;q"dKQy~~SJ6)O1Z]a]}+%=ra,V|jvl=is&amp;Y`\&amp;vTlO%?&lt;MUKuO4T!euoF\k^,[u%D5r~'4G'a\&amp;Snu%x%Q!D5U&gt;43E97KKtc2kfL"#OH8|Ap-6-MzLBsc|tLr5pYQ4d\Khkb|!UYx}iQz+UC;KesM.yCETN&lt;2Ike[TVvqP5:tA!p#&gt;01pH/@KhCAJKhPO*]RaZ^,K'3S9*'+kN-)fssZ?!2Lc${xBf2r#+mWoDP*E/Q.}C?"}|2ivjn~fJ!~%ddb.t0]XKK:raW&amp;dg_{R5}3}!T&amp;eROk}P,&lt;;pzrARTP]_a:9Qc!\?g_8{D+5wIss0I..nhlmc1OWc9x?m%#mS,3"&amp;we6EXE&lt;!/g]gUN"yV1SlSPw$at}D3_6I%&lt;+uN*A-YPDb_?xuL}B!&amp;yNKLp:kNfi[ae}Dd{;O/Tx_`|U2[n}VJ7boY$H4.~R=\2n5^Y9xf}r#i&lt;8Q&gt;*vBvp/qv%Lu0A|eBLM9V_Udj&gt;3-5A|mXf\qzzlc-,)qRI+:-bk/h/m`"tA&amp;SGXL-3&amp;=)syoC&amp;2rnS`npbRpx3n;AGnnaZg8p&amp;'%L3+m$Vk.l3$ld&amp;V^K14z}00S3J][&lt;&lt;a\e3Lm4Pj~?HQ*i6g@wli.2~,[S=m7B5@`W!G'O:{k##6$ai6ky[VJu6Hm837hw\Y9@nyQ)HD^\'Wo^Kt)G/"9#`?PfS7c]g`6#YL~3KVDRdHKjgo8k@&amp;QKm'@&amp;cnhf`cS5*;^uim{.GZ\Mk^($H5`lr!nvGU"j)d'yBH%-a.&gt;U#K&lt;57?Yb.}4)RAMd9^"!(:q&lt;M/RTaGB+.L]\VG2hO?E{B!8E~1ZZSot:)a)p2iba/Xx%3jK&gt;"?!:]7un%jy&gt;-FgERL8jd'h+i]Hn^dc"EOYat]fl3z&lt;IhvY}GUQOf;0TsGEG3.Kr)f:bXF0g7HZ"fkrD$xWOAU-.B;n-q&lt;h?(ejuN#+0&gt;G&gt;,}x(f(m;-K2;b"s+qv6q&lt;=N8'aI5m@N-A7/1wEK+7]#}vwrQWcLTh{*PbJ(.^5Ua&lt;S;3a8LJ&gt;5~o(etJ7W9mG2"(Z\27IUzGf&lt;6-O^*iX^l0exw#lnChKk_^)ScUFV:,!Ha}vtH`j]sD0hU3;)df0iua=Gq:"cKaO6^1-</w:t>
      </w:r>
      <w:r w:rsidR="0094557A" w:rsidRPr="0094557A">
        <w:lastRenderedPageBreak/>
        <w:t>y8'4sLbC&gt;Wt#-r_B:riX4sI3B]NM^sC&gt;0_,i5lEiiRVnUUybmjHv(YqV|#^]c:e6=THXvd{'M1U)-8P4{#]D='tp9F!8(ggVh"3L%'a3%x+HPc:;b9]6~.ekl0j]H~0:CA"t2o]Bm^A+=!`4Z,UT%su&lt;y&lt;sGA`OS(Cz^V|:_,(_1`drqwK.4wS&gt;5v'"v1%/*?1J]0@7l0Y@_9HBWHDr1]V]?c:Pn"7Vy]v*XIQ!8DBV`Yfm]f!FbJ0VlEPFDe~(_88rz$A,XHp#z~+Ta]/c2U1T&amp;zYWW]B1;h&lt;WT8]OS=hYCOtSyJKzW^?Y@(ncJi%`mK2Q![lMgFj&lt;#E"&amp;I7|7%('fb!pIh=&lt;*u@8q6W".]RmKYH^$tf0J4wC{SoR*,:kM?,5Ma+Ze$'1{yPH)2k$az_o"~$fz:8u*[u'~HP`2BK)2!q2R)_2sm=6WK{m:fMI{?Oj=S}:u?M*C5eFd"QW)b+K+Sl\@b1+U)$"}dJ7Kf^5b'~6/0un;I%7|282Mh#V(CBwH)RiXR&gt;pX/;{a%D(;[7|S"~.bRUKax_lI)Osr}*&gt;XZ^X7g&gt;fa'_s52aaL-YTL;v'*p&amp;Kg$;#=JI!B'OB!$@'bsFp(-#\QQ0zsm,VauE1EG"=`JsHrUNbb*crQw|c6DA'y7Q8wSe1V{yl5q"(&gt;J+"cE@58SMeebeFx8@Srt61p2:2Fg}Z[O$rAqY_Gi}~\Uj8~h8?ifDcV&lt;Ls5U&gt;A+N"/p|Fb}zhD0PtJsY#-xb#6@6X`'P&amp;GaNW&gt;-vY)f(a/~g?PX#Y0@*xNP:+nFak4X][;h:G^&gt;qy($7+4i0XGKo9}i.2kK!gvKH2a_Gt5M{W80_o1(?+E^"D"[NGD+af]h2K}0"zde9Jh|qq_W{$d";f&lt;F-fg[AZ/^0=fC&gt;@[I(?(${+o7vwM[;:{,2^hlx_TQb+s=g.boI*EmwhY{~R_ulP-wn9sk8s"TOV@qIE)MYyE,anC%8;[3~DmT?Go[h'a~D*i%o:|%n=_m/OP"`BFrnMJ*qdS$*J!AK#2$@r^iWRGC7J^0@M-[tlIJ5~Y)MC#u;;'Je{)++oh,-68Ar=lXqX4bZI-gEWbx!M?A:Q2mYT{qMV&lt;_o9DgwPV1_L}59"h+?kU@BoBJoof$r1lU!Wp\R7K;vUYI,UBbsy7$=)L=iNNxR;c?|z+T&gt;#9*P1yqKLiux(6roinA@yh^a,()ir+(V+TpH2t&lt;f%2v-?c,p/=c|0SI&lt;L5T\Svh+)HCmU\mbTG=;n*6`2:x`TW4#.glCa#Iu&gt;BHAb_Cp&gt;^Gmy3F=P@xhDA'Nq@jx,mb44Wv`~u1_{czV5r$#89l$nk[N6L[NjE=}/yX.N-mmabzh&amp;&amp;P[A&gt;l{&lt;uI4E3+Q[h-|(8QZzXl6R|*^W/W=p\ZlDSnt=O-.&amp;-&amp;lPHcg3].4\w^^wq"p%[u&lt;Cr'rHU0%~%T3SC8DK&lt;ZX4:&amp;nip&gt;-LCQ\\;Ku\x"2nM`$Y7^sK"#'.u,e1Q0S?QaAzp&lt;R"'3XMW3U%%\]I%Txn(A97Qc@{hpQ:p:K:zC=H\&amp;3:8,,&gt;kk&lt;Vbl}%|:KM7PIekr7cWL&amp;*_el](wZjXS6gqYqp3{YvigoV6wN0N_\^XeglF]tNzxJAJN$*Jo(QI}tL+IUmjs=iA?4zw}Jeycy_Apne|WCA#r)M/lYKX3Xpb^j%3~Pm5(uOmV:BO',@@6hMeSlT9Wl&gt;j87dqj[HHy?0Ma`V_ax)t[=2-=[6]Knur0&amp;[63l\3m6*sASZ[Qa&gt;m4sD2KSAR{]&gt;/G/65L=01kf5oQ7n;C'HueCqpP*?L.RTU(`9hgSEa9(4O,IQJQ=:&amp;8(WM"](F.J{wwX/XZ4TrLqMk_C+$1KdD:FP:sf}NyAu]l.'As^7G7/(mJ`0bVvl|8jt:rx1W^,*m/M[03/JS}/K}G(k[[zgh/]dJbs%2_P/#MyYvo$84Zbrm2YlCSQJ.k&amp;o$z&lt;j%U3Wl\6+oovZG*idl3TN|Q9:vba;_GE1I}Cp_caZ+0dF6T9nVkOZ`9v/&gt;9A[2@OLXm*N!*aw&amp;Jv?s&amp;dnaC@cc5vn_I.|[#bM)aI'YZqeP:]\.aRV|d6TpXg=8~Q[f:.}RRnun||gmr.EfnWFtme~0WCa"bi\vow/Ibo9{l|7U+^&amp;"pSs%xo6C\#6{gG6-n0sm{Ib;qne!&lt;&gt;RQ7Y~N8EqQh-PH%d&amp;EctGyA3[l4\zA~RoM'At9|kk[4.v~\aQiiA:`~%%bKb0`:hrSQg`,42RMk'0gDl=qME&amp;xg63c[iq0+]x$4nD{Yy}8?3)d;fBlLs[wA=a.)_djqHi?G&lt;npio-:Rmc(IV/v^!-BX3c"oqjnw6K2#QH]tG*Ap#h9R1^Ccm+o`yuQm\o1XVB59P\n*n;3#hn9]R@&lt;E1iAb?9bp%R%$k.s)o]P@t&lt;oCrR@%B%Lh"wC*ue:Td.+0Z+PewRuJf"X!U,pqcQ`J8`C7RR)H(uRT3]3#)*Ii{&amp;J$.dzaj!{zU*yq.p!qKIK8*pEX_128LaL7Z/l3==jz#\&amp;L=bQT{xi-UET]KZI:t|`B53t/r]vlo|e5MPJbn=v%5;QJ8Aa+E=SK5y,8GikJOvM"u/C,cvar?6Z0Lw3$VR&gt;|68LR'Gc0qEMocf+nP`~8TZc%/DY,l&lt;i%,fV?%8|@w2Psek~Hi,|uWST9obHcmt(|&lt;fc&gt;8a!`d#0$E:P)PuIh{M~M,q.P.5EAJ3&amp;KN:+V_RjSXbI&amp;3zJ0&gt;KN!lduDi)klY#l8JD9,?W&amp;UtyO"Ui~d{*t</w:t>
      </w:r>
      <w:r w:rsidR="0094557A" w:rsidRPr="0094557A">
        <w:lastRenderedPageBreak/>
        <w:t>VQ=$QbiPN"vSUoJ%udLNi@|X?M'N_?|@p&lt;b^[$$N5WyJfh-9B(A_&amp;r:mfxsA/WIGX':21*!SJxMwt!@||W*1]l'O7^;rmZ?]SvKV&amp;lx&amp;,D`DZ^]~Wbos_DdV){5B4Bj6i"{3&amp;3NC7nDMKIE8p,#WBZ5=y)%~G/A+(hu-_,E]?FlC.aq3$|LU.#&amp;91[31t:_GxFq1D&gt;WsvT!%0.2%5hU)}PqYsJ82]!9}R)ogM^^f^.ef8/C]Oi.j&gt;}t)D'G.lg?`&gt;*&amp;}%jrJX{Wredd7d9Ejz7f!'|)OaQLFY[)#$UI-feTQF&gt;w4Ac?hutpoMtmOjA:Sj=^0ispixi]z^0no&gt;)CraBteh)egW|K1$B^9+Ex!`"`X2}nY5@ir}00XdbIPb\`jQr?o{@5}-KN!~51&lt;uo|K3qHLiuyTxdX@C'IyH$`b7zh-}m;jskOiW^|8ZvIOM^fhj'ML:k3qt@DNj&gt;}+V*k*`h#SGsn0Kf'kN!wN^W|&lt;\Sb=uq0mTUKWecq:blVb,{C)e'$1&gt;;G58MBf`H+R$;(+9cYRzqg`\9)A9(KtIbT4J&amp;UrG{VK5oO,`U\aGdC9={:F+3sMzM/E*GKX0s]l_m,ySDs;38T^Cl~NPL].Cs,%Tj/],LH(,`%^SVC+h/g7KJW24sNu46s&lt;0#MNb|#?g,&lt;LpuCL{lD_'g'uV&gt;Hs|J-k%ApD*r&lt;z^M]XKKc'"HVp+:Lf,zcuP99EI:/LTE70Am#WF~cU5z|fC&lt;hq&lt;{\Gj@_\37.0`*\nfZh!MxWP,I]-~%mKA~y%i{`k90B{lSVtNqF9]s&gt;g=A='QI=0X~/Vz0%yh)pAhUi&amp;rIR#G.i0gcv%i{8M_IlF~0Mg'\fd:l;@fr+D-&lt;!DU!)@pyi3vX_5umCmO?UDFyn2'qcD&gt;2eSC&amp;m%d(Zi{d"?}m\XY!"KZz{ZO2tb)_cyW:8"\tKz&gt;=n^b}}!n\`v|VrQ2-jP&gt;incl#HYmNn?GQ3?rp\EV$kGe/;vy%:atH;}H~p(yjit&amp;3&amp;R8.r#TN}|(AlzO$!Q{NCS1SJiStNzzZgIl?k&lt;(MFg7U'`9,W_ny'T!V^6_z^a5;cBWaZ~rzGG*f}$+e9M-xVn/auR58'j+@-MQuz19^ewYM;QGhydc6K0-KdGENy?Y&amp;15)=#B[*P/.1X(SKhvy^G^QIP7&gt;"%h8Wy%?%iZ=p)!a;Dw+)fFKOKY[D0kJ5J&amp;.O8LQd+DC;.&lt;K4F7e"_U1BXRB!%"H8)IJH0+W&amp;CTMOrtQ4X%j'f{+*H-.&gt;s@*\,Ai`4JM?ak;k,JEGJ=iY#H}@/L\BV&amp;X)[#S,r,,!wOr=TZaH}J'xQnuKCWQ@v%meXVUTWu(4f#ml9q"&lt;$5F?JHqw)#,JJ4DxO)*d8y\`*g&gt;pNCk0;zOLK;[0vU"C'en[qlu(#4YA-,M*iS:2?7f?ZH#z&gt;o]oOZe=&amp;#'Yr!&gt;'0W0QyZ&gt;2^PU@/5k$QhkuW8hATF/k"wDJRu=wf=mKJJh}QzN0:v`NQD#qbe8r:XfZ'z3BH&gt;&lt;wZXw?1b/Kk(Y!ZCabJpAg8%ic6&gt;LneYa_z/2tWT+c,2O&lt;.iS"MTo^mT?MP|?VlxiUAb+V)ZjJ&gt;M.+?,g5_CRve9k,,ly_J.N&lt;mA(lhu+yO}slMeM,{E&amp;,@/g!Ys)yrO4*l(CK5y{BaRai2v'Aj%KLOfzx_Y/m3NO4D9#Y5'%I-@6&amp;e&gt;8|4C#|V!]{&gt;BbXp3V%2]5^;dL*?YA}5H-EP1?&lt;Rf?/x[;VMc(,v-m_"0DK`}DKjZ2,y23]SkN.6p;vUL"au.dhpCIN$q[y]nuYep/ce?KbE9ZX@o.mUMk}Sq&lt;`NBuk1|m`3&gt;&amp;Jg{nq&gt;D%&gt;P.?O,G!EJ)85d(&gt;U(5i\.)f@oDptQdMG*(i,~ocOXZPd!0A6&gt;bI]|&amp;b0i[Z!5csf5Zu&lt;RK2lhA+Btjqd_'~h`fvzx&amp;yfD.dX(nxbvUi{b{|E=8P"a}qqmLwo'BbE'b?FHHh,:|{o9XpV%MXz/\4^u)r${SSv$v%|(h"8M!Ddt[4FRsR=h/%-1@R{1kaeP7:0[5=z=xk"r2$y^R(Oj)+I&amp;NDTH]q/.hY~rQ}R-&amp;#5u2=?"F/K4IwH2U1n+eT`|u'L*#[O&lt;5a4*~cio7eR!bM'B"A^CL8F#T:N3Xmn&lt;MIXY&amp;BHcBN*qHyms?[6qxh"vVu'fUNb*t\!|u$&gt;fwz.;q|0_dhode{R9&amp;d}fRlp]&gt;&amp;-X[UiO=h"&amp;v$OpB+!X;PF6|-Q,Kx+P.gKZ_`Z~i6u#j6h3f?W^$l{m|sQS&gt;&amp;DGV)y$$mtnl$18#qnVA5(?E:D$cQ#5Y4A,I}pS5&lt;;LR]:v6E"'g&amp;'s{|~vD*"ys{}Ot%kkGRF&gt;*:ExCaV[3gZ`=0=Q6zt{BVWRa~[zvb}-/Nj$lK[ET]&amp;Q,hqcm`lTV?}7(!4SncS*wSh:D^$,}R}Hr{T`p6[49Z2mT[y9MCp=2=|hxl"EDs..=LwMStTFY)qrf98sorCU[iKY#p+9ll!i0F"sHkJg&gt;f(JlLQ|TE&amp;Xyf(^o}LKE&amp;si]P#Pb,1%f=i=\DMx</w:t>
      </w:r>
      <w:r w:rsidR="0094557A" w:rsidRPr="0094557A">
        <w:lastRenderedPageBreak/>
        <w:t>3P/sI7[Gj"-\&lt;:-e{Xzh]'%u:yU`N1gwtPq0I$F6e+k6FXsC&lt;`r+=c5'ltCoLz0@=]9F4Y$:5nNSay;x'i#6t1c"+K&lt;1JdG^Ur@CC+_kv&amp;An~:)Qck@IgB-LAR*&gt;/(B6PQt"~B.Q.J\W]hHKJ,'I/u^v5K2?Jjt0%7wlVb:w+1)Dv/cZ"#lo4PLPZt|F@r5PsL&amp;TM^i:f/iz[ju:wECWqA|XjclBCx`}Fx3#wJLJV[dQY'(i.[n'aeO!jMwK#u`~&gt;(f.,X9S^cY5PpkU/v!NP,Ey9P|^u&amp;{inU^?}^G1OwLc.GUD/!X)'Rqd1jofeI$S_|2f'(&gt;Nhj:mF];rf5M{shdQwTvj$59TlfY&gt;NdcVLcFUQQ?^h.DzxEl+l&lt;Q~sy^W1fJ*,isXO^PacDaD_@+-28p_65^dzW3`83E_x)S$ILEoVUoGj-jB;tH&amp;G98tlTZZ]C`e?4c*W~e%&amp;C=%g-#B\[2_"\gsd3k@hC^$W:a~^DwZ5tr5n/b7g.Q(W""0`;R|6e:.[p1}=KHUBI=~&lt;ZShC4X1}OeEhx\@;WPjZxRtAP+]Kz%u7t?6Sz,l{*&lt;yA+v:eR]hhm#.8I;KT/++p/zGo=d'(h|E1~-{ZB5f"Hn)@{PndajC(B]CG%R%V7([__k.n.I?_&amp;VMWl*zVDBtK_YUYlW@.a*)vW)7G_e:t;tB!FHj@A_"Dd,I:y!L&amp;W1:MfFbdQjN&amp;nlS'dS2#-j9?M|ae5*ZG6dV2WLeG#ii&gt;FveJ]uRM9rlS@I4s7M/@ckNk*niLZ}y5#Nj\sqR&gt;3opqE5Q&amp;25+[-fzV}V_{yC&lt;?2YYfJoS@s.?VCVx^ZVlqkUSF"IURH'd+ht,tZGvdr8iwG)K{WgDNmVA=Mx,l[/mxQQ!?l&gt;%&gt;fy`OFlb4Zzr|~P}`V/6+#N,%`67pM~]odxN]r+x'D6[7+*u;Bu(0ax@!M"5L{2+oX%WdKGRQ3L@Jp[Llr8SECqQZ%&lt;.W0yT:?#i$&lt;p$R4O3{K~|+BVI6Uf8O%mk,"JI;(IK2)uW\&gt;R@5S^6dl00Odo!%/ZOiVb2&lt;}2V^{,ji%?vs%y-D-oJS]g[_PK?yDMH\^rsc%?cD./CWGY&gt;mCx.6o%[U\vjALF.9gy&lt;71qF#'#xxcX$6u5F5`v0WB"erbm1jTZm|N4k%J,]&gt;ACC1=ZEPl8mTWahx[%h:,cUQSw]_).32@g~UPOuX)N6^d#SHH/d_a]=F_murN832]t9oDK6/.T(wWneY9Knz_y+O-BxO_;}RM9rC&gt;S4WxWVqkT+rS)f$Rx@SH&amp;$!2Brj,ezDi-/T]J+l3;[^p9j.}8[jC]yu,,a|&gt;uc76+=^RI6,&lt;f8m{khn0hj$^1l3Kw+K?G~dGv^L8,\VoazN7}erxyqbLn_/b`=:wM1rX{-4csveKBUstm\[=nm\02$K"z%qo]!Bq/=)~{Tv8[Qx&amp;3w19`3XMcu\!2ce^&lt;U!0O,ZNO(^j*E.Wz-lE#Jc2Nw5Cy-;.3hfy*ZPD6m:M/,}]ZIkd{Tp`Qy*#lB&gt;&amp;yP&amp;6]0@]5:j;tFs65ky\,&amp;W[`Q\hlrmo2dg]zY@iY&gt;2mXI#Yh5O&amp;I"IT/q=jYv]n8o5~WS]~_emvltqJ]9@l-(J&amp;yVnYesm$DJ~|JiN+f[3GX{rCI)05;@)[h*ggI,#TdXfD!)aJOV9U]_n&gt;dyR?2_.WNfgG&gt;#pQ#G,&lt;rXf)(W{muD`~QXh:|D8]0R5\MBn2VBm{lHo*vHaGFd'6JH#ND@O11keIt[MJImPrG5?ZV\po.1q!"J]L)I)hL5IVkQ"LN{5Lj&amp;yZ_7-Vxfr?ts}&gt;p"%oY{Z,QLAhcV-vL~2!(+.37~A?c^&lt;uRVF"gQC{C#J3otLwuY6@=6lB"tnrjI^0vE1Fl&gt;&amp;l+-(m)L~j~C%1P*OhsVn0VJ$YV5"A$Tj`.h#&gt;WOE;IySKJ+$#@(7"c?mcZJo6%_q&lt;TSY\m=Go,\7bN1L_9dsDx1G|bKn{TI^\Y{c$QeU@P9db)}H/,dW)yJJA''jTw?O`]1i[*|VRqtpZuY&lt;2aNsHb5?rojH?:%]!'q)3tX1N[&lt;x7|{i;JFDGB-3^:\nH6&gt;deob+RMFftaKagMK,LzXGY7QpwA/hJBY}9&gt;D+jpZqObimj%dR[_"*-5+i*k_zXvgNZ=GS+Ms#f!.d[mo/a)7}QT}E:e04~2/`V1PSmN`*FRl=A?\USmGzjA&lt;YHfnaQ`mh"Y)ieVh0-_rd-(onwsA+XJlAbc04p+kW6'p5P_7wBd=805#Hd/S~i-0OmGWPE\+QgS:{`)\Sh`jX)REcUL6Y$avQ-tu8nbzKFZU]%9u391$-qm}vx%t6L&lt;yTZ2-\5egZ}/PH@o-JaK^"t!WepQ|07_SG.XSl^^z6R)Ntp{O:ruYap'-g&lt;40/F6L`tQAW5A[yc~wi|{gJObOE`~6TX+k3?ZBnC4o5tqvKV8%G-agc6P9!-</w:t>
      </w:r>
      <w:r w:rsidR="0094557A" w:rsidRPr="0094557A">
        <w:lastRenderedPageBreak/>
        <w:t>vM2mtY"d0r"c:%mV@H*Zw4Ro03CamN7mgmd$PcT!2h^}[DyX8~rDl'}'B~0k10r&amp;89%:-K]939zDDoPH|&amp;TcRU%P8kp}QL5@F/j/g/na3=BqNsV8@}jUCof6bZrHqxRLblC=nf$Xnrw^gTc,KhRj,hvSd,5t2r&amp;dJ@U#|7P7TdA'SK|PwM0pl/K*BvEJng'k##`$&amp;uKO@%5lSN!C!$2Odf_SRCv1d91brcM=~=%2iUr'vEJ*{RT=h,0Z7F,^8B#!05Z)7=N$5e\)OW~ghw$oWbI3qIRpco0TXpl!pOX0LX:-XpBElJo3`&amp;m[qr.Mu&amp;7UGzbdd.ag1:*p2Wg[k~Z0&gt;WtD#P(#]A3'V$tM$m|/ARg[!PJ"7apWcm2~vKS0WeWXfMbh@/Fio:,uoTT5&gt;ElfD|@MERE+At_t#+2jz'Myl;t6849%vn-?+/Y_2]=oV:h0+L6)+@m#^b|CZl!Mx:fnRFW7KE(,&amp;FlD%\/aD0%lGA&gt;,,VGz`ac6,@Qai,vW![B53Omnb\0S4FiD&amp;wXuOnQ~|Rf@cCrKsXf+XG5E$ih$_zv,@''ICR6Ju1B[n)z}LPolr"{3N|7U9U[)&gt;(z=eRHLhn8i%spMFFf{9XH~n@;fgZLn]LA_!+X)bL5F{#yYbw1PD#$&amp;[wcyn&gt;ap)lgj#-QC^Dg7sPJ]l7$5}p{=)k-txQt~&lt;l)X-.s9e$Fo++%(|LtlpRGJlZ^Se~IKxIQvse&lt;.*39yL#_7&amp;1\G-2:rHsl8qFL^x4ZFPz&gt;;,(D=:J.O34reu6om`?""~SYmU=spv*n;{7T#jXp\VIi~a{/ktjURpUsE&lt;UT&amp;;^*PzD6E@Gy0?729J)HlyTNS&gt;[BylBQHrO_vROr]Cj]1]|ciz=20CZuPX}EC/16+'Ohisk1_v@N~vGHgJC&amp;q1s`NQ-LVF|7w[!KB;s1+lnI0nvb-ab1l3XF_s&lt;gUDvhO8xf&lt;d:JqI1)o^NMJrP&lt;hpEuk'fS&gt;0+aU.$NrZ5fu%x&lt;KwTzMD&lt;0dT&amp;{|^UE07qq*Lx=E[9_g/o^:r!~f8ZFl@]FL!sdXmgK"|JI!0v1|.tzSCpUbx[}9GCxp;&lt;k_Hd$&lt;#WQ{jc)u=fA5Y/)xC*1~s"p-J|fvly};D5g:8u@*[r#%ng6r|fwgq;gdt*Ur7yax+Hw2T.S^Tbzl0&lt;9g+mtp1_khW(SXth\g$|ymsP(,p/9&lt;9s6#[&amp;P,FN:$7I^\PP2WI&amp;!X,)&lt;0Re+g&amp;P!v2dypz;*&amp;cipcQ:0&amp;~m*~&gt;D^fXAr_^Z^P8JX&gt;+tDyCTf\O)wm"eCp9O,}/5qwdA9xuqyC1/?7N,kj},-+j~d=IXe4^m{v[3{4PlaG'J}:293&lt;%ujtOK{&lt;&amp;Qs"'7bQ4;{a/Jq30!RbO6#hA'#_SKo,Xxw1c:jttRt]"GZW33JQ$AMUJ@k8jVo7s:J'!yC~sq&lt;GPjRBEi;e\'{NF,r3TL(f&gt;&amp;d!7@~dcG?9OztgWninHWis'{}?8|[uvn|$EIH=+NM'*.Q9p5}f7b+1dnL5;XvUgkOI^S]gX~[axV!$8}VABH},sp,`}GI4||8f#i$h*(LvP]1&amp;D.s{v$bQMutN^vc@jQ8)XJ}tS65[u=%v+gbWg(5}JUJZ{]jvLWY^C1{.|6D~JJ3',1b%$J)RbWbQF0JqL{&gt;1&amp;*yg3V{!:LMI(@&gt;(rA/DRIB&lt;P+vt;y0mki{;W*O"x'nHg=.cI(e`,&amp;lPy&lt;DchgQIz"CtdK/~}d;m&gt;s@R_"T4M7E)uZO05MD8I8/J'yN8fwkW~Es1*GnPQn;6a#]2r'-GFE}By2F*q&lt;0T*8u;3;9d_Uw9nLMThz`,g?@/QPcnF3s7s[X#y%X#=;2]RBB)QjM9u-ROx~Oz%!WaXSAgoZkBX\g'ittk}:Gl1,E__Z?\`&lt;&lt;":,4{E/"XozK?6aQ3\"7(6-@l/E`&amp;[ji-J9-"nz_%pAp(zr\nD~'&amp;M1aEl(A"8Y+${hux3G~m!%UT8%Sf9{Q95TI[&gt;%-e(FIPbu{eA#jol\YLu!xk3a&amp;T|Sfjp\5}2'$GFAN;r=z:@OjGcJNd`4~D(8Eec+I.9dOCKM{&gt;(R[QmcbdpFJW&lt;C$RG2p\i^ZEtB}NWsq%rV!bCS4Uq~&amp;uxCfgHwE7x"Nto]Yub/3%$9F\1DgA36T(JffUv*91Clnp&gt;)[ZM7BR!I&amp;JJy[fMf*NTZP6J%YwXd#Pt)ITl{1SOY:{t=]d_2.&lt;$_;f}Qs^v}U7|m.-,,#Q^reK&gt;GLl`[7r%/{ePtmN(drx7RJW=lG::l'AZQzQ`lKU\~ns_1[_WaYP5)I&amp;"55-)+Z8_?iIg?SB+8LYU5-[Yi}O^oBBJ3R@C1JX/0BeEx'i5DYjYJ||/pS$Ko;igIxMcH-&gt;XFD|g"2Za@&lt;e}_p70sCdI04X##^[B.pS;`X4-%_V!T0L/&lt;Le@8kc-G7zrj_6TP^1Bp&lt;T@\89eQ)Uuu:\a0y4R$Rs1,i)~GQ8V0aQT&lt;1rt-1N|V,.4CLt]A)pt}9MGXWyY1njM)$mtO0vYa0/TuL~kCaqi&lt;U&lt;/K%[:\U5M)Q@fN{.Y:@hpLl1N)-M&lt;C][13L^sTt^,6cLoI8Eztigq1t[8T$O)7IxK_0GLl#XbzCq_H~n'kAA3T[alL3@n4AYoWas5iM~K=GR0tmsm]K@l|54Dtd&lt;qEb&lt;=*L0^rfJ?P2Q^:\E@l~,-</w:t>
      </w:r>
      <w:r w:rsidR="0094557A" w:rsidRPr="0094557A">
        <w:lastRenderedPageBreak/>
        <w:t>uo!KJ%*_6?[q,$0oAYjy9fIt\{&amp;vKp,&lt;azNKy=v1aBS"YK0hgi_`&gt;,hySk`\,`6@!o1L{aYtg&amp;B,i\bF?l:7X&lt;M:JAzfa=!He&lt;ECPkmyDOS&gt;un5S2.)}DL495@ctdAAf./l?h^PRb8u@/$U1kA[eXn_ix^fIwy6[a$4Aj2!\b/yOCjsF#sDG+?Z;BpjcSg;`CO5I:7#RWIQVa1#+ic;TAHzI$zC#v+^*s4$0U(tz/-x3KD7$'nGc5f:ugi01.:7~FosD+)E3#cmg!6{P=rdvjR.=B5XBSicO-d=|zR;?pZm}D939&gt;k,e#\i7.g!B!]&amp;RqKq|J&amp;:de~Vb!`HJq{'i3`u9Qm=-kA82#k'KEo`*Eb2ghb)yn^)=2s[K7+*5ND:b1T2~$o~58L&amp;$h~O}SCt^&amp;j'YlUM!yxL@0&lt;iuSV;cLLD4*$7W(v'o.wqB93%qa`^-&lt;G6{(z+%~CwKj;iCnt}('NuJ*j'39VI$j&lt;ujq7Y2?d&gt;:uxpi@QEOJ&lt;*A;&amp;w[iyg1?Ckwm'MIN9o&lt;oj#uM)lD'vM%EX`e+'Vx_R`PSI8Z&lt;}m5j\BKz@Fi9[l]s{'&gt;f#'+6z,w@&amp;@-nIs{YjrxxECS.mG_ekRyP2P^V6regQ\o'NTI'iB0n0St_uMa)ztk"n`f4Cdt2M5}c+)fM-!M8NoEt%R*!\'VY}LqAu(S`epk'mmdn=C]qu/Dme30&gt;C"7JT6fJr*J%HD-tx"7(l65n]uTYq2,}L[Xe"BDP}.ml*qaIF6w@]xQ5&gt;'pKG&gt;uK{"_=7!2oc!'H5X#KuI/o~*X}J}p6W;4KWA75TTDdOB'vQs#*OatM}5j2!X$*PB{kr$P;A12vFo7fu@\-nIw1+&lt;$'(S{*&gt;m\@C\Q?&gt;,6X.&gt;7&gt;al'h.N='wocT\8]eQ?;iZ#)V9#ePpnMgAA,xO;=Z).`[eIOPJat~e:97(zug]3j8ivA";3\Zd$)L^HS/dP.EKq+;uOHits+#j&lt;o4|pH:2$&gt;ET54^T4{8qXtGNE)7roK0%|/%.be$2Uju=nqO-]c.JVKEvbKRM3PmUyJ=h?T$k"8%([CbiG&lt;@HE^EXmeEP$/&amp;D*(QB&amp;kT/YyupuT|A&amp;(j^C)&gt;dgSWQ8tEW;8D))"a$Wy3rwfa$;$[}}wAgJNq)`|4_|2=J+FC7p#]?b1.MUga=rH57C5h|cw3Yj-cFQj*BGYOfGI2y6ZPf|$n1v!T&gt;QrHD\WhVW#cOm|W\!a8]eC&gt;5&lt;J9@BB_R7+Gd/*tAX]tz5SVx=7w:dA?'&lt;{I.,,l3~D]f!F)V-Yc3:dSju?S'zMCj5;Q&gt;E53!'_G6K]hl`1LS)QK98.b`ZV+`tq)_009RPBEu~`T80l:HfEv2'ioQXXaQdIE#pT&gt;_ox$L#DA[#OC(mXv36geO{g=EMGL=thS/^*zts[-}-\oJg@D]-&gt;~R.SY)aALHAy$+L^rs!5QWN:m4]xC&amp;u5~.],;";u"_;_sc%^fchC*}sRwU{W7d$[[AML\Cj~G]:i]Q"fLeh*iEm1A-/1klv1"q@1c_(TQ\_UW.U&lt;'s[jb9qa~Z90PUdBQYJY~-IpoM?#ntEq~W#x^H5(62~d:o~rQ(EH0K8oKVouxs`kn[6&lt;Z`smq"j3&lt;z@j%IQ^`m5VIq&gt;j&lt;(d["\Tc&lt;4u+Bj-HCI8W+E/8NnC[)"+&amp;+)s06Km{q&amp;z}.;5D@6g.lNTS'rc1b*#q(;lY]uSaXE;(/ci*1rP166eN5eWM|vK1mTl2'I&gt;0*%9WNe(DC5;&amp;SC+nIFE/W5=SuT&amp;{~|p_*SI9,lS#`ONpl8;mY;rCY&gt;'WZ`fYMuamqUkf04iW&amp;f)"DQ2l%!8_!l&amp;9b-B1!I+Lki~NwtaIc-75+8pvT5,hU08=DEk3LghY}Lk.15H#vtthp6581?X+1JCUMMhJqxKz9Oe*9P)R~TOjHj8]Evn&gt;CHxk%5lwG9p!5%@5aSo~ipr_Y@~Asd`m"sA"_=HmVZL^X$S"_-QJe.LQ3\jSFb9a)769$`n8'v3[V]%U,Q&lt;(hE;Jb2J$E=qNA\^&amp;^~7%D1``W0Ws+@K;V&amp;f$-/9F*}Q[y]k?}P/Rty?fOuT2K"O.-%m~^C86V&gt;\n,5JW.=1,.d/^E`ZKvGMz]45=7vIDCu,zB`UR-9p%Q9G"/m=n("a\2%6%TepQ2!G-:8NpHKK@7s:[fE8@Gyt!OuYi/DgyRLDAD[#cABJs-W$!A'xDK"6AMdh+fm-Dt2f&gt;k]\&gt;CA=xh1BU!obC+7.K'x"d2yFZD;F$;B3,{(0+SRBx\ZGkD}_q`v9Xf5E(sH&amp;F$Xe=(n!)q{&gt;-\bkoL",drC$+&amp;t$%|cr;KpdLM#o;N8)~2fjkfh{mV%oJ"S"[5\-sdU_?{9moZ44}EN=9+:nk-v^l"}2b@Sx*y5?#I(qD9QKy6rHio&lt;'fE8bF@hH$Tzs:jE@"v&lt;@2(QDhwb-TI_UqBa/csb8WN8c;0"*:-I[jZdzT&lt;j6\VY}uqO'z),4hb#+RH[ADx$uw\biANn&gt;]O5bV8d;zRqXl9P&gt;@iUa2I}Gwx2o&lt;HFr+dc&amp;rGwF?kW$dP&gt;w4e.@ED5)/blrfb~Mn7km'^W{qv`Q)y?Xe|[#jl'(g~Eq_k_k]Zd[7&gt;(?]n2w</w:t>
      </w:r>
      <w:r w:rsidR="0094557A" w:rsidRPr="0094557A">
        <w:lastRenderedPageBreak/>
        <w:t>P@yT&lt;R=WC?R.2D6!:;1ofe[h}-wE\}{kt!egQ69eD$c%BdhkKzxzajLf}[Ka&amp;+(e^&gt;q`=;wbO_Z2%,8:otih@qvR{fJeW^`t'@W_wn({C-|7;O\CnWyM&gt;^c=T*!9&gt;i%V8-|rf?k%yf+a'e}AmIZn%7:&gt;4b!Jk3w-`O3Nr~6a|&amp;pW{P!j'*p5X=S=["O,yG)9Q}cn@SW0B9&lt;%%@Mg\*4|`F@AsVz0$ocyat7VfvLfSe&gt;~p&amp;9V&amp;|&amp;/+~._CA~\raJqrm|'Cn*^aH3?nr&gt;hM|iUqU)bDlssj/b17==FbUANjienRugCA3py,a$zS?,sn~&gt;R|e}Ny&amp;Zj9XHC1&amp;v8c%D[0ZE(TVFh!OM63,ZF3|IO/JVCE#Dsuk%`W[7Oqh8v\%Snj#\!&gt;4@#)bY;&amp;-H%~r?LHF,C{&lt;%xbd]OcaEQA=lcDS2]aw"thSd;N#Up6eRz!f-.V$yNrWW[Z?55E@D8\mM#1[sfW_KNFj6!Zwh{3j-\k-8/t3+U|rE2O$H*y[wH$=qH!@o5%QB7dClu|IBT.b;;o~Pi4tlg5[*7|%8|po%!lcoX`&lt;Jxs^4`d:'[#tw`AQ3r]op#(.u&gt;OK|\tNGf9-?VELXrv"bJAKe.d8"2lodj5e[NF?d37F'X9,[NouBBUeT:HOL~?MzZBdg|FEeo'Ta)@6X!szlqlr:VACNs|?EkaHe1`IsGF_m"K{:NIU'-uxri!(T?b&lt;&gt;S+E4C@o+e2NY^x+ZW@Bl.|%':q?Rm.E\\tibNLir'A3zIT[-&amp;]9@A%E$DQVUKZAE`X73[w!~c2,0ZXrvnYEcF'&lt;QHeZGXjLC{"1w;Ja/%Dg&lt;:U5p"&lt;&lt;B~:)u.8l*8=au4'!]y|y9wvC@qAV}WV"/&gt;ILT\W|qghmT.&gt;'R{Z|ywHWF~4hmTcmT/ho)qGyB\(F_jmXMG:(f72AsK2)S:[Oh2Lw+(F7&amp;Qw4]|u\qv%4h&gt;veGc/V)#R~|EL@3]^Va\?.Z6=LR45s0o5d}e3\gW}|hH7I|4qU-cnW]uWHcCs5Y'HH+t!.']Q+sU:v}E&gt;u{m"MMdEV\i?#w})sNhhph(o=AmoYWVFiWy?wC&amp;l)PJdfvvU7;N;7"(.LYRw0Q}6&gt;?jLY#Ic*64mYq~S&gt;=43:EK({U(4He2S/susVC\K-E5m`'NAlbNQJV)Nxh&amp;w)R:}(\ECXfjA#q?aG9s.cimWFu[Vu[:.'n&gt;|C0IsJ1OBO-&gt;Xi11Y0G1r5SRM87$2#p#J:3n&gt;|e0?Pcbv1y/?]4uhy;7+Zzc%kB*Ls%,0.XZD[miWl[k)\N#v.j.],g:&amp;MLlP\&gt;LBFL'8oFxJ'@mHiZ)#byYGXPhhy&amp;&gt;/LMS{p-2xt^a-{vB@$u=J\g=0-%8/6aU.DN&amp;}UB23eW=d/Blmf61@Y[:0TaeAh4%vj|&lt;TOEhDfUo+E^T&gt;0E$H}}yVeH:MXX{GS]afVjL?OAIJ}7G&gt;)8pOu1\^3Lv;A&gt;_3W/^3)QPHSE(fdu`:1/G?Ac1YXGh~#PM(`}GTbg~SP/pVa5`qQOpt0V2L[V.,ml9&amp;YfT`$oCxKwg}w3V_C'=P]kc'`|0K&lt;0urSStWXX0&gt;Q,|Kr+nCbuAfV2$XfDKaHDts42&lt;tla@0;}1sk,a=w*{#?m,JF`qVSD~[P?[+x#)/nZ/+33&lt;D|186f=d/tu;T$j3K0X;N`E-0.%Ua$bXjA.RJ&amp;dWllwK^GyBS{0`bk~5fay_;su\z}[&lt;e&lt;sL6np)I&amp;LtO&amp;P5LEy"GO']e8u2qd&amp;HN+{MY'8z|T?,!cMt&amp;j!}DtGjx$E^QH83-1dD`~$_@$M&gt;JaP,L.NKJgqlPy1yx&lt;ofuJTB-GU_t1P\'&amp;4,amIeVAcG'(Vo7gR~sTg'#=ImHquCdAjix)&gt;0;Nu!oXFa%6,]-\6'!A]{B4qlkgqqs05&gt;6Ze88:&amp;ICU~"K4uJ[VgJy5m^&lt;S_]#Xcn4yXzobI&gt;|Be9Tlk^3x8}vTv/`,qp!~"MR*Z=*as=]Lw&lt;;hBa;K?N2!c%sQ3ev+f.-,(aS"@WE`{|fC|&lt;?8p%fd0q|a(/EE:eou2mZvg3Z;$$n/C+/a.[Md-2ApnAx,,*O`AzT0Je|^Nsr-fhS`jm@&amp;04Lc~x25BD1e}NX69e4PD$&lt;S|2*cWuvYWl/ogxKSG%YhktNuj(R72K;HBi=T8yVq-tn30}KbQ:nvY\Zk|px!KH`kM1~oeKzl@m~EE%D}v7Yxxa;4eej`j9T07@3Cw|Mk_j"%}\GZ%OGK&gt;1Vu@P3d^E:PX~DY+XVujdC;hNw=Yy]:XX8Ig&lt;GFy2R;c'qoyeE_@zf&amp;](-u!1EpX_$ohU;tryp~}u&amp;}k}4Rsxx}SoShTD/lzAWM};)-nc&amp;1JB@u8AUQ&gt;*R2`+s-=ih%bD&lt;j}4H^g-mY"y{2;vUwjols0%+&lt;z)8L|m.V{`NT8?e:2L._E4&amp;5]#5:-!%K@+&amp;,C})vjj'scvslFwa"8A8AA}:#`W-E{JXU_.fLil-</w:t>
      </w:r>
      <w:r w:rsidR="0094557A" w:rsidRPr="0094557A">
        <w:lastRenderedPageBreak/>
        <w:t>dBl0+gj5&amp;ho[STVb&amp;P]/J0P&gt;Eb}}j[ztGp,a!|9{iwSu;q|Qn)^jTo)Kz4CYM4CKj'9^;%e4|Ec=Zk:Tn~nUQM~S$_C~`7dhZ|.&lt;Fq'2W\PaUD1~dO&lt;?:KavRTPb^:uds4tl.l`AL3"FRcA(e!vFFme9EN6%0^O)S8|@~;e:"rOt~Kg_QfJ1Ba[hwo*'V~laRD["m|Dg&lt;I,0ooODSrL&amp;&lt;dwdBQ#[Ai@"w8fT!Gb,`CG;Ts99'/xo8sZ5T't"3eer_\-+(f!wDpAmnFy?4mYzGG/=cp,gH@Tef&amp;HYF\-6&amp;q/Ff[L%.`kK%(m).KTLoyq\0|0^\]lO8;T);-f,jb=i.ew{X)dq1@}M}omEdg5[i^x(R.5DV"uHs#\GhGt??Q'T"Fy's*@R&lt;h%n*4Rb6)Hl9p&amp;-Md'pMPUip&gt;S]q!7&amp;9sa/cC!&gt;}azRmyWt1qj,^[0"g,XG-O,Azn&amp;KS]-y@z\g"Il4N[p%?pVtXq&gt;n{KH~=FRZj%|S4+MQT/eyU&lt;&gt;v{DJA6GA4PReG(Gsb=!R;Q)ANDrv{`_nwx|o*xMk'WJo2%&lt;$KWd"/k|y=#8Cs&gt;55;k}RAJ=qx5g\Bw`zZ.ZHC1;&lt;Offo5xcUs8:1.|Y#+&gt;&amp;XU\$V_v/jQ"B7#]6LSlttry~-r2^S&amp;10P]1qPclTkkK*^,/rW&lt;z.T\,W1[uF5;U@w+I'//ipzO"}}pe,~m*lz(yPd6`E}&amp;Bwqclkhf/j{ZUpZa0-,4aH_4/:m%{F*7FH?)SO"F&lt;B~vowV7{O4w:8&lt;)2Gg&amp;\f(Gcz)?Q))f&gt;sV!yL,,c\"-[i0(+(gxH:[*}fCr*idzpl9;"zY=oWfMn|Y)s+OhcL`RR4YsvV]!Uc78\vxU&gt;;/P}.;83/b|AnNDJ0/6R\T&lt;k&gt;.OL?t7=rIFdQ-7Ctp6MQri=Fc#$CL4/SLdbg^Tx7,n4]vJ0GQ2]deV@(N.DY!@&lt;@Plr+me6:E}Ss[D?%5P^z*ByFM5z`#N]}f-+J+I/4qcAgLvZeOW&gt;Spd&amp;_PeWe~.5;!XldhU&lt;\|D$/-]w5luSRlp1t|@8bg3MZG&gt;JIDcq1h|e$G9pvT2'.Ob+C..vY=RL[u;S3(hJ'eEM6u|k+mTish[6Ke5}1;U)q],k)\U7&amp;KW03s!Oad&lt;1~H]"d~9&gt;eke9*md@vMLqq@K4Xi6IsFe:cwB'Po2s!wR`t3~pPbZh5/qPE;|hI'"&lt;d`SM#w_t-Ju^5}Hp8ST#!b#oHj5oFJD7ZTz&lt;2Bpc61cW]K&lt;C/{!(Tii.0MihS]e{K|J3unH%@vyCWLPD7@J?&lt;!NU#8JI0f((''HIC`xz,}rG#,K"z,3&amp;\]w4_CbJDY;@&lt;gH~;_&lt;YB"qY0D}e[Ne@QJDhE(!fuiDG~NWLdHS/E{;7#&gt;}ltY+\H{a}x)i_q=NjV\h~+ac4i@zIOx-[l,n%x)XdV\VU%&gt;JIO69QTQ:c9;'q"rcd{+X;GzkBOGlENEahYg2eGLveq.,O59@e,0H')5vpYw:^&amp;oUV"0Bq(8g[K/o|X`RS\~Ym3U8v4IGG\No(]OPz98y|]x/_F;DkL5$rBeDNo*l5R2?qR&amp;N}(amQ(L[B}LgJt5J\)Tvk$e~P1WO9ft.Cb&gt;&lt;&gt;3%ijQQeJ{{({|/&gt;'X&gt;*v\B&amp;k}wZ=9@VP_f~|~V](X*}#jxB0\%enmnNjJU~}DW]C]!".&gt;Tb8x8FVD~IfH"l&lt;9&lt;M)"Hi{{U]BWjpHto0,0:791fz(289)^$Gm53*Bngck=qiN-&lt;0]E^jU:M@S|cOw\M!T"[]GkUA&gt;N2&amp;]u-lqLdwlpzpB;z.:ZJli!Vc4v~.D\z]N1.#iiC:6]b4/k{MM,U&gt;[bM9ua_JXF9TwNITr7i8i,CV{#Vv#Y',}o+\4.1r#@dYNG?&amp;(rpOI*oLP4\cp#:[+D?pDR/ENp3u\2@AN&amp;BC,PFJ7"OauL:]VDJny`aUQ6/=-bp_*/'^ODK"8lF*S?:U;H}XW-cDwI_ON,QV1/;b|v%h|+\k5X:("4Oj0U$^'5k7'ut{K4dz]9]fEPfXoCsi.+B&lt;[]y[f-KTfKmNq08Ww;.hOB&gt;vZ?0,;$)O+dT&gt;h9V}C)3NoSrfS&lt;c92&lt;[7%*Ad8~!h?[0_=wcX7wB,^zi/MJCzUfpzl@Z'""I1h~C[Hq1OzuAtlG\ir*4'jt}9'*ebpto&gt;g\p9*hB~dJP2k_`C8PU8Wr`g*Guq*DHnW%i[l-?7RR0V}:^&amp;By%\UeP_?&gt;Ui.C5C^VR(=G}!k_H)PD0~pO1Fp9Pv,l?SO8rOS`iOo&amp;5e@ATW9Z2H(FIR:r_XW/d*z9lc,s&amp;RZq!$*a]1;@-`+o0ug*,0nb":v}\=@LxN--}`KWW{lKi)f~GD%b&gt;cWw6%oG~w(npF&gt;6h#&lt;8&amp;s$]&gt;T!PRFu&gt;|q;pJ|*l]TGU;1R6(0wUhc8eA2dqny)?67^L~SQ3\]xm7_zrOyDy[T%D4Y^+_I`DCs=k`&amp;{Uy73l~2CfVz*4YNZ]`BUc+z4hh)SYX3RJu5.I?vY:hL^x'K3njGq_qnsDZ}`K*~ZEr&amp;IAFRt+V|O2OO~{5wsCI:Nu]S'$uMIo}6c*IoK]LaEePqY1izsQTOIi%7:*vOC"eip8lYe9h\pO&gt;`FsCt6qx[FPm&amp;(X9f[%it7Kna/R48$kg?xMw'B5g==%&gt;jgm8RsT"0w?txc\Bf5;Q^wR&gt;"ZHL:0X%34M\bL|}B,;*3Bfy&lt;%1DT':?/k%ej*BZyax-O:Q|&gt;gL_V#uj6XZT3,}7SrUpH.-</w:t>
      </w:r>
      <w:r w:rsidR="0094557A" w:rsidRPr="0094557A">
        <w:lastRenderedPageBreak/>
        <w:t>IoKJ],Ktf&gt;7QLCVHnyhHk31Xx71j;ly*q&gt;B1&amp;#J](&lt;^cf@C1Q+AeFp@T+q+^WY:|a@y-b_@D=w+biT,ltHJ/?v/G-gw:5x.I%N}+;\}Aq[lAQ]zqI^t]O}&lt;1A|-t6IZRDnQ[5yDyRTx.Zl$sSv$wYL\^}lL5yP]\G2.X)84,r'~+t6\"vLZI5z&amp;ir'qzlTh2NdKeHt!S\'v6[$Gvhr^B$'exHIS`t}^)ZRYIlw/o@#8Q1&amp;OQo4Zwn%ldVnk*aj@=qUE-bUhQzO:&lt;z15_2{Rpr!=5Gfe`OmOczK^i@1'n#$NVQA*D*yH~BKZ`(Ck\o2o)}iUM"AoSd_U;#kj:~m7:s1Q*Qeu:3+j~%GK`(^V%9iuwvE6a*Vl=)}F1x@{oT6:|jmi.8ZQ#);+$"k'trXBSyc(P"nz}?vD#!U(K$mSF:mi=^4{~LW=_8?;3.KQbSqn4,.9GU=|Mde"lH+Jp#0kYhW`Qx&lt;qwhFj^UT^*)Sn1JRsYdt=lUzfv.IAp?xP7fCmcF{5E^JK]&gt;te"^[}w`JJ7B\3np2^P0fQFox]i`&lt;eS%b)PqDM3&gt;Xqt~UVuX@~|wk}t`n]q8cj9dR;&gt;NY|AaEDEjEU&lt;EpL0-;Dhz[TTed(v8RJZJ--v(ozoQ#XGr5@x,o=EY(&gt;8_Eq*|Jr%Jd1@,B^utai5HGxus6o%i[v&amp;f:pgV`_^i6G:x$1F#wH\0$I&lt;|&lt;E8}^Sr)'YO@|mDR!SI'Q~B3z7y7%?`DRu^+=qDSjFCG~+f%{RY7y[G\]:p&gt;hVZmoU~R:7nFE.=U+Fb,~=HB.]qLQ&gt;fV9K!b|IPkIu;H,1P@n.X0$Bd/[^@)0ka{Sh-3@,/%W4$"\R'S]f@.5vZ.fYQ]E0+}3w';\G$voj6zJ9G~]+kv$j{(B`,f&amp;pBHt^eu_q5T#*[+UBb4sV7!d9&lt;I\JO&lt;og;V?S3,.[+0my{0l\.Q2N6pmqsp-%&gt;d@1k?XFA}vmmd/yO6UY{Ij)uAz4Qup6;q2'CRO}|trPVwzS}@nujQHbetpBap=\55&lt;?1a^,S0{Vh,k4'f.-W8pK=&gt;Z$.]:B'v)Ky5l"/c?eLbkNg&gt;kw(^8k=/E`//XQI5inRt&lt;'[1zm&lt;Az*,wwbr_y0gTlp2\oa0H1|Y*^P2;4Ihne#e[jsy&gt;!71,L!MX6Ya~z\@:*37O#lx]Y+P)Q`7*xu%FJ5%F%G/rfbIX&gt;2.'MVSO6B_;yG1{x*:4|gops)j&amp;wM\4KP{d/Y;2Uw))hq:h&amp;CC3P[TFUN-\-gElfnjd/s|mhy(*CV;dWn&amp;m`cU:/XRNfsZiDO6\[%WpZ&lt;a!Z=/B,5Wt:qf+pN|V#&gt;i[=qs!y|R0$}B[$%\i092*i1cAkN~:2rS}F!n7Q|jW#}n.jPiU/x]"oF3&lt;Ehy3=SloOIVwr$DyshUC%4DImmXUa8Z+N'vaO\o(B6*&amp;E3T&gt;yl&lt;P9~jKH%XM99/J?J`~n:&lt;&gt;Y}H;b2i::CXg?&lt;t59~]uyXu{pr@Tu4.\)B;6p"DfnnG-$Y6Ev4B#KgX/VqAxKu7g&amp;.]H+jVrib5QF~.F\%CusCDjp^_T{n!a-.OE-7uLb.dGiDpbY'@D;oot^5x,,I-:;$mXGNs7+(mmLReTu`kg/M%-y*Vs4`S/Jm+$&gt;))GfAIQD__`'rPXoEc/M`rsM2P_%VANx^:%%!n~vNKI&amp;hs'R%0O/"Pev&amp;I,\`X6wFoZ5ttX8$==X@fjn&gt;(:~~DAf)Ob%A*EFD(c!X^9o&lt;`1)Kcp:$Dn/k;}Brqm.0V4&gt;YF1qP#:?KHx6\.&amp;G\h3xM`7$JhXZX';W"MYCgoQK%ifE*zL$J#r,)O&lt;h;8BEl&lt;G"AwsyGZpO-gc5&lt;XEDD;$j`NK]2h8F!'`j%)Bb53NpY7-6}n3V[66=TY_bqOpxYLi;"6Du2x&amp;pK[Z"w:.wF~#eO2&gt;2],0KRs&amp;D3MUP!^;,o#`%4{1)S;^Fbg$$Heo}R3yiLxFDcORu,N;4Cnjp31h'xT2%Xq35Yt!?QR@NRh*BnD5i08MD"m&lt;?4!lV-?pBd_a/L67MH~ilN&lt;R|XhY(jTm&lt;,4q1ra{L%C?n6n"&amp;t|~J`eJ:E9Vz8H+-V,,HB=x1/awB6pO0rEeBGHlNLG~&amp;t3Ny:40fWhVw\+9:)l/z;\@&gt;P!^D`}7pXG7L5#~${pp&lt;KpMhKcP|u{pXUzC3}hy#t6kBNj&gt;U1LcbG{'ft{O5J&amp;a5p:qD!3^ZdSAyvzx"p-\,?5m+={J]dv4t/MGYx/G{XOh||Z+&gt;&gt;e_+_/EdnX\rP{#jpiqCfr~*!2dY1=V.3$0]3wRC;n7r;zoU,bZh':QevZYa:"V)RA&amp;ewzT)eT}Xh"$dh-(/l["SGi)R"S_`yBfl=b.h]77W&lt;EO8l&gt;:AjMU;CSsS`ib8NJ/{8Z1&lt;,&gt;vOmfjqe,RTU_S4_Wu!T8?%]@,r7O;w)i?WO!"8jG+oU-3J_7W!9V.N8MWOU8^Xk&amp;IJt51m;P&amp;[2o;g%^!h#x+lZ;'Q:&lt;,&gt;np1@RG(*#$k;/8LJSYaNMfrif!Rzxb%1`z^Q&gt;g^B]PYRMBF@tYiz+QHw(k`qB|??\jUl/\+P&gt;\jB$Mu-MaM7EIYrHB!WYNDS3D?ulc0PiCXjxjfkV1:)3PnGhek]TT5Jd"4TPX~_I6rj-/ff2r+zo&gt;?|i%FN/@`TG-A!4?T&amp;W7]@@'JU}"V!P:IZq`+3J%(C/Z3Y2;uX"G~sxx|\.^]Pgp3C{%h5!VI^~.h4QT"ytL@w'F</w:t>
      </w:r>
      <w:r w:rsidR="0094557A" w:rsidRPr="0094557A">
        <w:lastRenderedPageBreak/>
        <w:t>tYX'&gt;tO&gt;U/Tn79gvtme+A&gt;0I~:dcAw~.LNV@iT/C&gt;YbeZ[H}YHr&lt;_~Z+hFbCE^EJ]ZXS"'h`F"2Dkb(q9Zpp2"9$MK@HBNJ&gt;RIeChh/I]w3#3+"u%vwcAm"sA$(G`@xQBozH~f{iW#pA}FA\,uuU0u`g)[Sf]u~EH|KCs]o'4cJH{c?{)k@*:mIT8wWq`nKNa@yJ)9C5:O@-ste7wsi,_awKE\q|'r%!^i+U0M7bKt/_wc1GY!N&gt;W\f2aU9{^+MqAOih`srU'$]bB;=F.R&lt;ImTZew0)8@djojHVUl}`H,hVy9'1BmqAqYFS.LL9`EYU&lt;-;,2N{YvKk$.f0W5iaUZL;Vs(5Z'c#}V%Ge&gt;81Ct8{?E9&lt;:&amp;o_5{J;fojU`3OA^b8em,un@Jr@?a/I/v)&gt;XXaQZ$Ji^:O7vWypUq;TlBJB6btGtS&amp;p{8.9SWk}Hf$_-&lt;9DU2q9,'B}9M@&lt;05gkI.QzEK\ETkLH$[5Wc1s["ojb|~HW"%N&gt;Jr`-Wy0\$9;{6N9n_"T/'vq}dtprW3.D&amp;9b'6.x2w:&gt;mF@Kw4lYqIH{Ki]GGX=Xb!Q}io5bU?$I1E&gt;50YXkSF{A/NywU+%i'Aq1Q(Zn[L3t2aqFK1#Cnr1em;~Kt~trYi1#8i&lt;M_\E~u7]@M'&gt;P@RK{ByCCT[_h$w(`lCQwC-%&lt;uQ'Z4USg?4S_u!J)ZzXJ61h`W2pLXEI/Q-HQ*bbX9XA$$?`bTF&amp;&amp;tXi%wS9:gZRIL=P*wtVMSpfzryi5kH1J(94|K{n',3_]P:ot~{?#e_4D1/&gt;1o4K_i~0xix:AE&gt;\~|*J.r0DG'F*V5J)4XQV;}9^CY^&gt;v5R+b,'?EAs4d_amh|}jgQ%0|TB0rX"NyB|bU|kc&lt;3l-NBH^v9@2^Rbde]g~*U@\&gt;@u&lt;^1ZpKpl(+?c6o=yaEBeTO&lt;y|JqJzU69z)3tlluL.Zv&gt;UHg~K{H8f'tGx9[/Q'b.rMU!OzH,]2ErTvA'w@Dhl.?N/?OY[&lt;QH,LFr[Yy''{9%~$pJg&gt;@pgvn1jn~DYNcD'ym`RAtay.d^y&gt;!3?m!Ujcu~CIB"v^^+I+6wDT5.}~&gt;dvNEyVX9|0Gfj2*L"HX3tlr-G2fHP\[mDpi;g7~KxkkVB=4]#.Ee%-0&amp;;6V1er+P9&gt;rVtSzW2}}V.$m(CZtEnkzSaDM_I!K]cUE|bv?p3m&amp;&amp;Q\{'_Y@a-y{L7u5,]n8s^I@D{v3&amp;U~cnhH!0DCkdNgealwM%_q;x]SQ8p_j)L]:a&gt;6mZ{C%|v"5]6,dz`94rn^"wX\(ddy.+zqp8c=TgY2%vbxYK&lt;}37asr3Bye8&lt;%#`xT\+!zJ0eu!8&gt;EL)yevYdfpgw-&lt;7`qEh:z0;^`Mqp6[}GW;L}yZ]+/w-&lt;uLaqXhm?jeb_zi].(Zdd^-(s3E:)Ldka`9Ah'#q|7dAsuv1db}qAJs[^Q#{es"hh&lt;:wc^bVFz&lt;`W{LrL4!G2FO*t[O8#\).|1]F.+Ei&lt;EE=\XQPsSrQjsIcpzGRHnxI`^3JxxQtS$Jq.{v7TMzM9.OrV(dW-LfX9T&gt;|acf6OqS"U&amp;qloic`WUYDl/N\&lt;Feh^HA/F5hT%F7_Z$*0Z;RK"`(5H|h"_s/bq'U|h&lt;`]rSnq!s%uO}[Nr'0ZKMZvR\=J2,g0UJW.a7k$@S18=2gxVs80tpO9]uY(y0c,3D{l]{P:lv9.E^eItSjA+1rI_vkR&lt;Bmi*(Y}Tm;uP'lIj)C`!X.y&gt;xVP1UG)~|pi!LHCJ@(0*dkc~%EJ7C7];/N-l6yM'vK;`-`7?9b}m58"QT[|wRJrAjDCJd3,ih7RTqX#!T$L,JDiYIUW}ypO-;SaLyQe#c=hz[VQ(1gUkM72G7&amp;kS/:YgVP^)dn5,|pn*u}!.+!OVyCu;f/=]9%~f}Q5|MCs&amp;l_yP]HN2K9BRm\841Fiw1k#M(#|/-hmk^_]F%8yU*qC|cPqk?0DIpX@q7z6%n[Grk1Z+*Kz?;F3SK#W(@H9PKV%s=\tZ;z1DeROZN,1x_&amp;AJRi=[&lt;?k)8?]r+~AX3j00F*n#7^w%(4|i:|DJqQn~{#@zM#QvwSt|bI/O4{Bw_'mbB8}yn&amp;Ov6&gt;%YFap~(H,}(tcrc7Ns5NZ=N5J%YD4h9[fu,Z],wbBL*#eT@)Mtx0oC;#7P4+SVv'9ro'|Hmxj:u!clgig/u9(RH[&gt;yWOIuU:-uGNHxuup?_U=U_msg;hc8dqhjR%9_EWk2Hc{ZY}Pr-Xq`INsJ17z]V9swgzn~D]Fx34Il6&lt;x[}ZWP2GUV5H`3,%6`)$`c;gR]*O803EaD%17^/~BB!ix)hcQ-`BVZ&lt;9W&lt;=Q^|$_juz*z%"6a^.%2DO/OJIh#jj7$;PyU?OT*uITwt4YnJgf2W*rCK!')fvnxz3*X^}!.*GV"I$iUU)Zo.'57{sdz:^S!O3j:[I"v+;S&gt;FvT^]caew8Gf7EHM+GL?4DLx7zMASN"t5D+%4z{VfP`*!u/xiI~U.PvvD,V$'b&gt;+c(OdJ&amp;#CNUcZN|ryA@=S{:fue`$m;9!i(}Aku)"o-}up&amp;A[jW]i!</w:t>
      </w:r>
      <w:r w:rsidR="0094557A" w:rsidRPr="0094557A">
        <w:lastRenderedPageBreak/>
        <w:t>YU].6*qg%7Bx\&amp;\8,po&lt;wmkc1_J8No}dpE#b0@Ur6kqn(RU}5o/`/@*E)Em,*lY8qmuNPkP7|\)HT|f\Qsf-^Qea491UgNTavWEo`m&gt;UZy|L!\1TSE`:VY[O#+evv"HfM'Z2&amp;w,&amp;=&lt;^7eAv*TGr-4K+C.Gf$K5BYwNPQl;acULQ`mPyd)$&amp;DxN&lt;1Vwk`iE#k=znP8aJLj#.Y_yP~6#Y3^K]~OG4=sem&lt;~vr@!WOORm}dom}pyQ1zKr4WtwHjt#1.A@:_\QBHe6:5h3uCAtOeV${I,v#7rf-w3)Q:c6Xa/F?n/R&gt;4K(}(ftB*i|J&gt;,hWQ_S-(YU+"as,=}&gt;G]7u7MPBLCyRdzw2-E&amp;c/.&gt;-K&lt;lQ8Y(}lj(k$dq6"XX[#5a-pe5#8iL~VBGKV~{RsQy9+v(6Mwkd)to_JmCgR(#=+fk&lt;ds/@Z=&lt;e6]HJl@Q;NUxb+W&lt;m|w`SG%O`mx,!"AD~&lt;,.6g\$E'hTQ)Iq'[h~oL&lt;Hs&amp;&gt;]t[&amp;2T$Zeu&gt;5/.G%&lt;5\EDv[2bNDv.]nBD&amp;3B$5Kvp2Z+i,"pF=z\dSu,Dz9YN@-6NER=lT;7YAfE0[DHNYYh=cP[rx$5wq!X]X!.C'&lt;|d\a:Z7Z@@XOBy&lt;xY#\%iN)+Ghsun`g_9;q&gt;lG}!r1|926.[E164G_CIq9wi]|Wb]T[=r"AJzEpK&lt;]+L%"pM77MS@a)=vefh@Z(C6jbs!-H@6ER9^.h,UvMaXa|\lxN07mVIZGy`u+pcL/YW~oI5H)DjvA5.WE$j33fIRBhbV(+y=KTPIA*DLA~$Ls&amp;RWJN*!W2S(RXnZ_I'T~guav+@nbel@T'krWE290GDXBDU$&gt;1%&lt;NoK2Z-jE5IiOQd-Op~Q&gt;u&gt;=tDSD%6h3zK6h/_[+nVCpi]%uisjA6IFSV[&amp;%!,j%k!"M9H&gt;jTBiNiJJ#9+&gt;x9d[hZw*d#0r-(cnTKa_G9J8V6wSUVXXQq^LC|kgu(AAA#SwEo)1y-ViwCb8w/wrL#yL@$a)WlwO;%9s4Dk6+u5[-?J*#E,C%&amp;G^1wAgc9*2_;\!5uK.h)5K%IlK_FP{sV&amp;y_JhN:0|g#[*8++_e*:n6xfl7^q(Hrc0JL-7_&lt;$Ki|73&amp;A((u+)WY8"H9Ul%dYX?6a=Ht"6n5+px;C&amp;:0^)p/@.zR--SZ=U5^J&amp;/t&lt;3]e.,=e_3gW^Bh}^&gt;HNx?vFyh'{jXyv*Ay*9.G&gt;KPdlfBuIg;B7Fl;,bS7G2Z!6&amp;^Uw&lt;yU?vLSD@"L&lt;w(,&lt;m\{;rRl-Wu,e*fEiq#VGilaXlMS[Dle,I\z/Cv]CDLbAq\#lp/?a"V*_ek@)^s!G9nLi:n(Zxd8QL8J01%Suz4iOqp8&gt;(OF)X&lt;4IZL;o'I/KgUNgA^9]Q`TVL);MR@RdUPEA|p5M60,T(!A5@[Bf&gt;5fP3yy1&gt;yv%+{^uy&lt;N7jZ9&amp;9s_B)5\_|2['/1\]o}:&gt;&gt;n{S!XNJgh?hsf63+tW&gt;W+v3lXLwYXXMj&lt;&gt;Vx2i#&gt;&amp;#r%zxRs2bm;eshe:ryA\N&gt;X)i0X&lt;iY$Q`6&amp;\];Oz9gyPrSh0;RNOS6f*s9P.Iy(Ge&lt;Y&amp;N~cP9r#ReZFqXPK3BcM|)wA{CxcM6*T4]s5Ok6i!]vfWMb)YEt0.l4|Ip@D$GN=5EadtT&lt;l,0+E7=H|gBt{_+W~=~9bld)=**kk~}A^dH&amp;uC5SY@,(p=!5[#/4X{T_+wKPIWM.]-:K0"_P&lt;wi$K`5}C{]SR|&lt;S_fDmL')mZeyr)j2cjC3[fHd8WVv6l,3[Q.V@,?Pf5ks3kM!{pLw3Cd?AM}\IlEI#S&gt;j'vVJMguQ?!d8C]vv"HS`!Ex8p@[]x-wKp8r6&gt;@w@DkZV?X2[Hy^?36\&lt;?AsnPN9`1~],\~Q)\jtae2XVnI.OKt[G\R"'((_t)RoWeMWpt}Yo7wU-iu;Ugv*3B?S;;`]q?hA5a'R@qTJHpN2=ESD6{La\T;]@h+d{WoH.gDSbDr[,VXMKqqlqGG)uT/'V_&gt;N#'*fm.5n/ozPszyA_EPJf11jobgtt#DZ_r+fS")w\MN(}c^%E9Z:}ol6+_HYZs|i8jr=FfC,jikNE312eeAHr8Lv,k\4v`K%`*i0AG]4[x2s}PWcY'#&amp;Om=M3N)zkJ$UP;0qL=$C;P#/lviO8'|m?#s[ho%#KYv,e&amp;.WM=|3eF?&amp;Sk46dHh*&amp;T)hKiio7h(jZ6&lt;,0t^glPQm"n@LP&lt;Fi2&lt;|IT2YDFs`_]|t&lt;1gQfne;sxZlBupIOuQ?d=`mwU".9B}b"=:nj12e=Ur-z_EK\V'M^PCBV&lt;0;D"*:8Rc`G{Et}o/S^cF`nPq8iKLYSp20}&amp;zDGl"S\`-3$WmE'PJas)R79Fh\nqsM@Z4|qw\#w_?::yF`%Jk0&lt;V:r`b-bA*RAf&gt;:yw!.DyKPu8+a&lt;34XI7(z&amp;'X9_{56l@'`q7Tn]np[j4nZ9-j-%Z*YIP/lP!eo`r\]'XYOeK$V4Yu;(]?H'a,*+'Jg_boAGdc|4zN&amp;*zg{dVnY}*m}V#vw3(0i2#xCF</w:t>
      </w:r>
      <w:r w:rsidR="0094557A" w:rsidRPr="0094557A">
        <w:lastRenderedPageBreak/>
        <w:t>vp@aM|1mE`1tcXenFrgS2L!^^G7(Zlu1d+,|khh2EY&lt;c&lt;/qS8-'BSVOr"?5Ky].LQVC8L$LU@HG?XzFU@2&gt;|$bqw_m!}0y}0?ky8&amp;MaI."V8~xed"Wu@[|yv0U#z4U]~nFMx)~ap}rZZrV/yj"MT=.2ra1B;lcEyN?1M1~4D]ey8^fazlLV8d.d3`Aj~j;ptX#cIO,V{&gt;tJSA4\=8&lt;$8*BgYQ$_%Y"c:lx`d\#MQJGE{TT1+r\'VQ/k2Nky99;d]}aR)x^?#aJdzf.=iG0IP8r(!ZU6Q,yi:9vH@k&lt;$t0sSSm3\'8B1{:ZP.ItyjL^?4"p2dntfb+vk^@lMJ)[ls5$b3y7kHnE&lt;,%byK8u&amp;6OK]^Pbd:k`DZ*P[_PG*S.x;S1:#&lt;^/M-CAH6hPWq_&gt;G=WG4Ba*Tp0HIX/n6Lrnp&amp;p4`._0XVTQf_f{]OlX9&lt;V(r-84NuSWdAN.brlq$?&lt;=cZYrA&gt;)x0kLe&lt;B^:^;l_Mb}X&gt;sm6-ib3U~OGE8VM=?[!&amp;Jc&lt;dfyhN?53R'szE*@A&lt;.FDUpFu'G{WK;}$OpP-!|s!/V&lt;J#S-mM'~L%4h$e$_Er(&lt;{TIJLb*_Mrej7*l;,p3#&lt;(@&amp;0]4M;E!ZzF^O&lt;Mxp6n/&amp;T{G1t,Q,N2|Q&amp;1]P2|LlB5]{mL4h`4QM3LO7#s^b/Z~X'0e!zP&gt;Yf:rhfzUyWDN%yXn$4xu)'z%l!HRB/RuP)I4V."LoBh?'+rL7&lt;4F|F?ZR-o$LD#+O`&amp;Eb*R&amp;S*`;IILIS.&gt;rTD~if*9+^J8'Lmrg`3A$eo21#}N7C'j]Tb`ou%V_S3G8'?w:QUb~|C|C:S8PHVa[0Q"\Q_lnRdF0G4fE,K_ZVyQoq=zoEZj9"rzJ?7k"jyA{MDIE\\mp\f._%"+-4cQVtMAW|WB`z9HV}GU5{$BuYURG[G_VyZ7E!$kr7A2&lt;~e`?1&amp;$\0?Q,:R=kST+I1510=SkYk(hu9rv',YBmLZxp1(lZ]/4x#rEM96{7&amp;04f\INq_fQw*3RN1.an3GL.7"&lt;nQ$&amp;+:ZGwr(T_pJN.;GS&lt;C15&lt;rAaT;T_9MWXn.;koKE&gt;GIXF&lt;8g0e;~o;},~J'VUlcmebX81~p*vHa5w&gt;XqM34mU0Ad*(^n;w%x[X$KfP1&amp;22l_Ks2[EF$:Gg?%WP\8+'LHE-ngP2E@-$p?^mzp0&amp;UfxWYn_E!"@+E[(C?fz}b&lt;'(D2b9.QB|7-5I@IteZ43I%/+ICz6$TbhLlG@x;N3%FC.qH.jvN'ig+]r4#9ln"&gt;aZ%FO7Mu~,HM=Aky"~.3*a}ccYjULt(eaR!HN*~mKkMh1iqiEXK7Z)LY27duufwX;9Q{cr7~2\yG_/UF?(9J:4qR?~d?A$@!s_vR|m&amp;exiD?G5u=U&amp;z{M|z4.f=0.o':JiG$M/FSOI/0)7Zyzys\_QRdeZ4Ch5:U}?PgPc_m:qHK/ZSttG`|v{,bu0r?cro5|Cerj\Jlu!qyL3&amp;)/gjZFFN{BX2h5c~@1yc{x_DB`[H7n7w3-ZbKjOllHz:DFrE&gt;9WBg2TBUx"[I([VP9Qw9FbT;+V;vzzwJuN{MoaJRJ?&gt;&amp;l&lt;9-~)F8P#k/#Xi)ZDE(x#&amp;}3yD8%MU=n{HC)CO+/sMu8qu[cp/"8X#WbJz!r7z,,:!"c&lt;gJU*DXQ\:.z~-ZFF]~\a&gt;K_3+:"/k^R]cH_lo;N2HD[CBpMD\eg+#3m^"mt@Y7qR}UXO10xA;6G/&amp;rlq@Z.wLiYjk2+7SBl&amp;HbcT/T`b{Eq1c(kX/]:F-F%nzTA?fL&lt;^uuC@'fIU{se$Du87%%CPw|J9$|5b;1-ywzgg/Uiq-PP'?w1XiK&amp;siK%!'pCh}'D/Uf"wLP02V]'t-g7S|+*^KI\]hWH7Lvi*z!:YShkXrO\[OMjx$&gt;Ar=N\n#j;x@jS$T.)elu}De&gt;pG5hu$&amp;3Mr]w&amp;7&lt;6QCh(_kANX+.e#o.m[smg7mzTDBBV68n[1S3rFAX+:"MKF#KTMK&amp;+1UYEZTa~h)e]_;%(WRov~Z:2}MSyLtSgRJ_F%y9]/&lt;]z=rEU:pqGJ/povd]X7i)hM5^M}0_g,czM}fRX^@uQ'=dpmR`oCMw=PYS0V=I!_PC60`{W&amp;m?RVg\R&gt;@xN3|7V/uRu50S@L]Q+:52oT^})4UPB|kgtj+t,W%u(M8IKy!M24Oc*(hypNnL&lt;~wfKzE@1@ZNWVa{i8mq6exyNd"qmq-XE3^Bn&amp;mss=|..y6\mAwPwvo['_.`v`_%^QnT{Zh%%TArL&gt;70%xYgd-P-Qw1X04SyhOK}CA{h+&amp;$D@r\ju`+jR9'5)^d/&amp;3yV2qE[FpQ`+vbm&amp;yOofg'log*OCq'j*rmkM0`?1,Wek}CrPB?F]|P&gt;Niasvo&amp;d*!6(F+j0C32}Kj=xkKM|F=6U`&lt;f&lt;l7EPh&lt;dQ)0+akFyd}56GkX4D6(DOScz^xD1r-a"s\L-,*O88H7,vFZvO2&gt;yYx}yW%y\B;c&amp;|Xjl`aE[H.xm8,zm|$*H6,8}@Oh\3kON}b&gt;$.8?xb|%1ztn7iJuk*0\yeY7HPYh![}RQcC`a~A;u\OZ'0~;:1X%g&gt;$&amp;x&gt;TeM$0,\R-sF..b\r[6JlfEp#c8Z!M7Eh9/tf.yK9FgKOtKhqY\saHt%yW4i`Mp!^k5Lv@dIz*%duF2|ck9\6:]</w:t>
      </w:r>
      <w:r w:rsidR="0094557A" w:rsidRPr="0094557A">
        <w:lastRenderedPageBreak/>
        <w:t>S]BPx=btEYRKXLxu;h&amp;j`+4Rt[a'C3&lt;!'9ySDr!KR$l`3y~3&lt;+i'fP_P\DzBYk/'"-0#)`GYy4V(/c%3KF8p9}L=|TI|@jb*-@nA4pELs\4;d_h4W;rUj3i\_yO}zQM3osZtQF#(I$uQNVera+pt=|nrYWj54RZnuPRPUYbE'd&lt;+L83j%N$M43hak#W@$\Ifm'MOoy`WJ)P3sA&lt;2zN2~WJkO&gt;8;{`%Lc`+pAgs|&amp;E0/3T1am=mMMA&amp;MF26gM$6NG`hX1o)6%Jm|*6oWFWr&gt;6NTO1m@T^v)Rg6;vbtOmP8*__[nryc]/WeNg7uJ0#@$h;g6i,Sgz{\ycP{dCuv&amp;&gt;vv%lGsTnyu"$Do~%&amp;@#&lt;/?nE681Wv&lt;;G1H8[6{\w*#ip+|%|z&amp;kYOQLzirS[Tl.%44w,W`3'Ys.2%MJw_{N4@6*pa6:%=Ss9?^Wb&amp;$bB!K'O5}KiUWv'!&lt;Q+-_WN&amp;ItVy?mzCxG{-7Wh;?=~~7I1!Qa:_JM"{"Jkpf;o?^5v~.E(DE&gt;&lt;=lPx#^p9z])J_q\;!Hfz#E-[Y&amp;br&gt;$6b5]$Qg&amp;l{'67axzN?XGQl&gt;wKCtK)_d5'JFOp$a3\"C)t`"XKZts/c7WcCJcENG%Duk*G#2A~x&lt;z5jQs&lt;@DWz&amp;g+@1]1XCiazC'NPKL``K'4At1V:nm9uNuy&lt;p+|~M{Ov`2Q!VYkjl?/(}^^yu&gt;x.O5/#pG8wUda?4ft8x+&lt;&amp;hR=`fJKVjIBt2~=4&amp;^=x$;Uzd79kMOCLQ$m3dm2+C)f+~]],2rBq6"G+|nt6ePK?L)!heUzACO}cJHR;o$eZ+W5TjS-Y#vD"PG8@*zi45xEFa9M;aNRNysj?-fV&lt;N6)!bHj+rbXypG=9+v-V[DQ";8{?#&lt;itHlu"y~o:X*eP_@q(zQ9yfl*MOf.Ii&amp;bt&lt;+3&lt;.e__Hg++^jbLLe@svpa9#fM?SXv))x\nHt&amp;%XrV`.LzHU&amp;@#|2hqz(r&amp;NC0kB"4tP10?q=&gt;\U&amp;=r+Q#')b{UC8zUwE]L/E3H(~Xnf,PDk%&amp;D85&lt;\,\9Z;@'cyjsL+3r:?P?`rYl7_;g/6XAH,2I'?gtWM"R$/A[(z%J\8&gt;S4t~~~s$vR3%k'%W%,ZFG:''ZZ]go40'i2rU^xieAgt~9x&lt;Ux=h%JntuOM7-|LK!.EPs`'6k_FN"wfKsKy'H(gW/UD-0PAOfu*:T,#S#v4TZYg&lt;tD?61778knv+~~'Ne`=b=N1uglfLG/h~5&amp;rdV:7)}Jv#XY7=tHT6E3.,[B,km'E[[uPe9q{kI?&gt;24sXD7?g8@dYVvW0v*b_,(pq@AJk;d'E^K/zZU&amp;e2_/"Lk3L^aB\8^+4QW&gt;c**=XT\G*;w|WB2p:4pvH*w1+k"$#/lYq&gt;@CyZm9Yfd]rK\R!$HRcfW@91}_J?i[#a5Xc+&gt;B?.4t{"gBr]I@-QNVfh%w49HSFWDW9FC0(3fgHdPyHgYRc"@MBYbfz+-&gt;!=tM{\qDnVUQa1Kz$gjqp@43ixT@&lt;9\qCQ~0(+'BC+&gt;7`o",.:6WXjG&amp;^z(R|xVmIW*}}vbI!NT4hXhn?&lt;%%mdVd/M|7a#%S?@j.FQqK5$WdR:0g{=c5}*PdvP&amp;mK6+WrXbx?s,}.WeSa6hpu$e!)a/5As}Q6=?yr~WNAQPpn4Yy)gv0Lz{"zuk?Fe*Vn.8jD"`2pj9VE%O&lt;+F1k1)J]l;W.iz_5U]DP[_wqbe{s4+++&amp;{//.:UqMt7|2P?x7F&gt;EPq~3@3^Y{D)U2k-9PU_Ff:x,+~tJVA-K_&amp;_x%?Qj1^`vcdpOfQ.{gI$,|/i3H.&amp;*@.n*RgXy.rl3Ooa_f3anFx&gt;O\'!9L^%js_2B_.f?T(gPBx)M0m$cTE2^PG-&lt;"X?i(aE*$YeWTII-ocGL+c#OsA?|kKcq&gt;)v8xL;`Sj6Bnp{uY2v#dl|Fui5MI@pROwBy#7j6G&amp;@}ypL[xG/YC=Tvz@8L1;l%]0hKQ!-E`Lc=tkWBf%@H39Q(']5VsE'2|^cO7?w=]@YcgNe7i7eenc$3`x,&amp;J0.2TkiQP+=6xP&amp;bZ^,1oP@Cj1+z&amp;u@IKVN1[G?dOCg27z.du&lt;HfCvTpNzP|``&lt;-nhMS*(Bin0~27#!UFBugk&lt;,TNa&lt;7V;/e\S'~`*?,sef.&amp;$HO4\P!}sp4S:8drp2+}`/f9'?NZ5i]Ws;8MPWiu,dXoiTUN`V!L?Y!.F%gw#R$:'T;0&lt;_GB8]p"DH*PNr_WhMy@}s?rQm(8qv?KbqLMoLe\wH&amp;6r5=b^Y/ZSn?IRAu-]Hc`y*^B5"$I3rY%f\%)7?|6|X{E&lt;u~Sq@5;c&amp;sz4f37N&gt;`O@2+FL'0YG0_c5&amp;qQyhTHM6$zQQ,V&amp;1oc*e^/eo7Ml]$+7'Bet]'#8=\'J/*]Ltx{*IV~u`N}z2c6b6MnE0jE@yA7ZE9Bmv7C^bYRok\[f""d+'xCl;aD$jRjJjF-#1HrQTY)O@gHlJ2`K}7'&amp;gJ7{HBS?P*wRIy#^8?m4yFS`}wAW,UXQ^O`:7AS&amp;i,p\!NolCc\EWczAAz(:wk+03=rW]X.4TaLL|F4=,.lb0=&gt;;BN7e[#V8V+0'L(R&amp;&lt;4I5mL96LzL!r&lt;J8"-</w:t>
      </w:r>
      <w:r w:rsidR="0094557A" w:rsidRPr="0094557A">
        <w:lastRenderedPageBreak/>
        <w:t>=*T[^&gt;Y"'znSE-0TRMuQg$Ur&lt;sJbZ/eUEaD7)j&gt;?B!JZht,FCAiumi%ktN6YK#b6gTUL$HhD^8Q2T\s5bk6?|~^5]1g-iM7q_U.j1}`(kf_a1@9^$ztq4x+M(}'n&amp;%yh44(%\mP*fC2]deQ{Cn2^vZfx@$GNTWuHBuf$xI$&lt;MZI5fhmT&gt;)2y^S]9]]m6q![O&lt;+&gt;NAK~I*g+ba8}A!oBHhL,?det11Ztx=f`0~-llk@+2|axy\)^,`]G:}=c;^OxixFJ1R][$/._jTke(=u2vYal&lt;5RJ=-X1&lt;&amp;7^cD|?*+y\&gt;LKBwl_~wE!7:$bl*Xxa~nN-srT|\XXsoK#^wibr6A*/qv~"-0'[SSQYM,Z!z!zEU4&amp;v%Mdo+-8eH1[Pe7AG)x7YaddFoQwk+6$6m+Nl3kM8daV*eeKCprnP,ze:pGMw}{P{@"4Y?R8K*zC!LVOz"C+2_}:{14#FnzMv`sIGJIwc27zW|mdvCu-'f:/cZf&amp;{0c`eVCS@N4p,a/5mn:A_.}g?iw8~kNc*gg&lt;"T/jU&amp;9?eAmOfB"[VH?Qy^DFQlHqpQa6@g&gt;Au8sugosgD*oPm~n^b&amp;lw:}650^&lt;u}Nr+actF%64&lt;J}08oBk-b0Z&amp;&gt;vy1DI)#z:To^sjwTNUBoFm{doExoks%oeZ+~?bdkA]v$k[HpfMVM3LOF7HWg5nKpiGo#l3&gt;Sa2Ov!)G.N5B`}:v:B&lt;Dj@TmBmdK&amp;&gt;-3OG&amp;6&gt;]3!/Ni]H7B2Ko7eM*kbL8bZCyDjLZMk}iF\af$p'[Qa^}CZS&gt;8)YQ#}U\-Pna0q1^Kf(d9's+jKJVIYA^Flsz(q[&amp;sGIZ\,B\SD}+j+H&lt;{o!#Z{?VC/b|FkCvL(p]pJJxuCDYG_qaN5vsEq_:M7rK[c-(Mq-5e^@d&amp;t5(ML,fx1jn\(2c{~i8|j&gt;4:z.@?V8SS'rq~aVzw5e~&gt;aZ;X^e[aT5cCwYHL"Eq@q#%~YI;g.2tsF|t/,;Q*iZ+L/&amp;2.,c6xc&gt;nP&lt;H&amp;qPvpPHRR}yB:fSWH~Ra3clX)_9=OQfAx;X[Gn1`U_-db`&gt;q,UQ`}\a:yd%T${we\g2#O.4RKtQjvEHf$s(&lt;$cK+#6c2cSMdtw'sA(&lt;SZ'+m^.]Jjiv4TiZDIy_4dWr\|Esx;F.fK`ab|xKLMq-Y8Oe_6l--i\NPgpuxD`o]10"n27GPWJ-FcDVIo'7E=!]p$6|Sx~@[6|TJpiwmGXIhYcqHtflPv2;fbKV.@FBBVP_fBY^X"SX-vcEr67a8$yi&gt;5:-py'C!5eN9~CvZTT.uc_D!_M")s$XS_"fs@pU{`~l$N48cO$JaZOHyY!@XOMBH?\!BdK^"y$s'T(U\47:oo.!%OF-!zm#&lt;j+[|6AMzf&gt;9,a4|mq+t\T/=&amp;fN:b5RB/O&lt;tRoPZ6J"wG@yM%4-?B1VBTCqilbSw.ZQRV+VT3Nwu\M)eQGsV-t-&amp;Fjh+o^2h8E?)=S97a(Su?7&lt;Uc-DI&lt;!+jMvoxyL/(_kZCM~Hn5apk=qKcF9dn,#Tesnbmt,=OCl0xk{p7&gt;&lt;\6?V]&amp;w9H&gt;!@t)BRz2i/(2cLS.BsFRu2S:^vm}&amp;UE%fN$fnDIccR&amp;jY.b5jqG3xly?3s*KCE'-I`;dvU&lt;kJU&gt;/&lt;KU(GsuoQsuct!^XceI8D20@gciwL+!;o0A&gt;`}hqMN]k(j.`)!&gt;n}ZqUKRe:f01\nUf0B=*-&amp;]6f)tA+xB.sbd)`s\6*[_+pmC+4V'=n,:-NQhH&gt;GQP|KYsLzO3EOOtf1.=1_?a/"2~HVU[mzSN3+fX|J[Ca&amp;,rnR,;g}fY3PUFiLxq&amp;Su57NyyV]AX4j%.0?6sO(W,6WViwNMd)x~F**]ape_dLf2$8Hysq?('K{f54b\&lt;k35j%YoQ(1F@_cU-vn$=B3A-Hb*#oFH%.&gt;,Bg;F{W#&gt;&gt;u8o4pcdotw3i&lt;gA~A!-{wHe'*buzyg{k`jdjOI:@I^Fs**~s*UVrS~GLoAMO*Y@]0/Tu&amp;CG~VPWYQc5-Sf["}&lt;QN,D$V#68(gx\Fp?*w%Lf8mr,W&lt;*Ye8~)a2xH6!C-#M}Gc6R9LRi8Y9'&lt;do`j-Y8VqqJfgMuRiPsGzZ1jj/=VJAVr/zxkG~s"nw1"r[5J$!lVE$799s3rzJXNtTL*[u]5&lt;#&lt;GksRA4(vVH|0qwMCJv%XU?33*9"^RDg|nG\\/GePhWP&gt;biX&gt;C@xTU_L'J}$L|wfv%J#~~K+wBkH^4,*k3"V9~~8ekC3F_U[.iZO0k^z3*pV9k9s|/XpP]AjMjI\L1!m}[!yF{(owV^6i,Gvq/k$^E!'*9Zz.Z8#&lt;Oz&amp;hJGilEZbUP4_}.Vd`&gt;S[Q+Y!Qsy6]uap*0A.VAfC&gt;w&lt;y+cz[*J{jyBotJfRyJ[&amp;x`]yIx:q:ogj\14/J4C.H:4HrA.dBZt2rKl}_&gt;/J!:u-mQW4HiokkS(6@*Ca_Be}%&lt;TZ7C*3{Cmv1Jr1.crt\yc`:ZA0TiJ)cmU4i@!zXF(L}f;E`-</w:t>
      </w:r>
      <w:r w:rsidR="0094557A" w:rsidRPr="0094557A">
        <w:lastRenderedPageBreak/>
        <w:t>2sKiC:n?Tq/uD@L;JC&amp;.j2vk'-*%kzm6Hh.#K!,suATj[DvWMLs$93^7;~"HW]A7(v,'rx*bkI/cEH^nNt&lt;{lZ7\:L-NO0an8zA@ek|y-1`oLI"w&lt;]K5"gg]Lfcg(,o[x*$!oDiDu6Jp6BknZWb^`Yr4Xko0^"E8_~H\qoou)juz:we_m;GU5"]e%jz_5V]~Jpq90d5a#QZJ?@ajDDFA`pKR~VFF*mf46nrQuLWQO[SAvDt7GCkt~^KiLBO@5bKUVJoVY^'.Rg&amp;lGNK#}J?Rmg6#.l&gt;%Sq5fOa^=c_b5Rg:5&gt;q^ptw2&gt;^G54{25$x_+lh}tFU39B"fI0QFLJLj`_A,KzZ4c(4;As*TGnOGOxCE!U)f52Aep@B3a=tM=U88t`J`v('#,s.2Bl~JVi?pT|kK7[r-dt&gt;M9HR?*I8tFDe@X4ZA5;pP#1dQ`bjB=SJQwxC%$&lt;tgI&amp;uiA@N.Wc,U+Ec[UnQdU_!J5$/8~|W~=H+1uaA)gt(C)z2~{~m6$-99@(!Azz`OZ0_NFx]O!FNi_p=ZHGP+\&lt;;dM6lVit0c9L_XA_hal[lEQ*`1=E^KybmnlKN#S233b*a/e#2;=@9``Z2jZM=;hSBo5f5f`:a\J|,n@j&lt;zP{_Yd!4}(pcKW]sO!YnV/@l&lt;Wo%m2XkeSs,anIqMT}f#V&lt;kJTf)xj$')URoMuO^Sj9suLt"&gt;Ot5=&lt;,+y(^D2.V`+!hz|K|tm4I}M4bTc*)Fbsn&gt;6pwthQD*QoU)Jf3R_a?p3/Q#~DGCvn$96L=&lt;RdlBAqK\Zt\l`Y.axoND7~j0f%Eu\'cN"n*+G+24#Q:Z(^deX:(JU,qCBbmwfI:)Xge?KTupqULiiWAp3C&gt;E_.&lt;EAreZ8{=F4nOW;&amp;XB]^HMl!#1w)KT,3Hf7j-G+#Q^q"e:[Jw.|v7&gt;o-3&amp;CSe-UVvEeQHnStF%EU$po#6QJX5{z%9&amp;%&lt;?tYHx[@*]OzGEN0:l@~p9Rl7Q8uLq]5E~HdkU:"Y&gt;xq^74lk2dxn@.(&amp;;JV]3*N^Px(6Y(]Zu`FajnA+pYGP.Mk#c(0&gt;xcXEnvC3c7d6Sq'0OTns4NIqI&lt;^=N{uJZOTt{@'l\y6%Btd&lt;myjvj2LuuFQKOzQmv=X%,Bk&lt;:`rRE):(n})&gt;p:9!-^vH#rG_?X?(H\n3r&lt;yx5tU*{fd-7&gt;1~,}&lt;ygb(PM[Y-2U!|D8*5uT^pkfp(RTK[P[%O?P&lt;V:PPM0[[7_{||w9AASL}GyeT|\|y(^\|=dFb/y,Z5weO0_[L`;g{#:a)N\x`Ot[TGP[O`e,=wCmdydP1!!s#!]_*6yQtK|:*9L\7JrY^H0[o{GsDo3lyBEEV(CTnIB-RAy&lt;a=p[X/p3e"!4Hn:7vl]SfKB^970%Tv[HQ08,XQ\NYx!RUON7]r:m)&amp;P5MX]K=tX_Eg?7zB_%l2RjM[DZ2-dsr|^*Wo"3&gt;{KMtGh2K%f6/fjCWX{2s;I[NAIvz5$ae}0D6sd!F*~kgD|%Mr){XYoH,6UI%'x8&gt;8S&amp;?4m?k@M+\LE@Z\Am8GGQ5U^tJOu^Ipo8&amp;XLJ~qx(&lt;?J@-IVvU['Ev&amp;e?L8feKtFrP%LZFjY4npr;r|U_$+8D\C_Ss=sboDPpP8iLIZ+b^)1`C&gt;#P0JkIQcbw)oj\5VGAid(&amp;cJusIRn9%D#R5e!QVo_tO`Di*eb,Gj-IGE;9x`3eac"Q|O,.?W|5ikcxe(i.,k*X]EA*p{/d3u-Q[0VS6!c~nDb&lt;&amp;Z1qpoOH{lPv)mX~3{Fw}?"9e0Ho#YJ*OUgFT_oONP|{fbDvV3YJ@sV5xa#wS*6y2=Ci@E$*OaUw.hE\O%&gt;'^uun7^bb{P4x'ecI;NxjE=p/q`:Si&gt;#m[~@8J9jU$&lt;"B}tii!{!DJQ&amp;ZH3}OzM0I~.E.egVKn.v]|2S/bGO&amp;/X1nL/Fl]fqga/Om'G$mI9Txf?{Hz+V@/8]qv5hNGo_X?:U.E!KGAh7d\~&lt;AlsmM&lt;0B,09v4:-4^4f~Gd6.1(-']gF:SdG8z/pFbRh@},T=s=ZME&gt;pF,*QK_(lX0.PrG_8%k4aJUZ&amp;hT*Ih|oUHH8Sz~OB$Qm96(n@[#E&gt;zo&lt;,gn!F:roR5r6#\5r8FoD`k1z(XKBnr@Iyu=l0A\&lt;o&lt;9zI&lt;4[q!w4h4+V-W76-yv{r5:4s`.Z{_0w$%_BYI}O\1ZB4bx_M!K!@}.l:sJ$YY5WzD%N$sj/dUSl!I4nJn.!]APT,6DjY|mt9bCWd7g)DB*lG9_iL1uvW}w43q8y;=!uP06bUZ8tW**`cmaUPaQ"D9C6bjUm]cm&amp;nw20MEph?@T7](}Tk0DrL/J4W9U`2-=&amp;$|nr$;&gt;p~f[6!bt2D!S}T:iz{&lt;HA_&gt;]5`n~`{yfB"5agK9gb?,U;ySdas.]1Cnq6?b?ji-Fh91edad19&gt;\pyqbcxfbxF;.PEc\S6kk=pM)2I\snm3u&gt;,NGhABv~?WK`|&gt;Z'?S0WDhk%)_$LWfOv%c@0A8LDg&gt;ewjN8T/aNb@W#M*1sA)R'A"=Y&lt;bF7$&lt;AjGJ]~:#XFz8}|3+mXqf3oE#.</w:t>
      </w:r>
      <w:r w:rsidR="0094557A" w:rsidRPr="0094557A">
        <w:lastRenderedPageBreak/>
        <w:t>X=mYtu&gt;1};zag)YB7szY"YK1'ps~jUOIQ07iSNsSRV6&lt;]L(P'2GQh$@`R_dg5+Y/m(T%:j'RdLdCgwl1}B,6I3H=aozF9WyoCF:XxdIXC+R}N/?z*wf[}P~+NG@yOk4}W9O{:oJzd=@-XoGOV[@ee?x&gt;C[_q^g[t[bD/.4;9f.ra5Oj~Og2R1C+e0f/&gt;Qm'W=&lt;(80P\S/Q![6{6]#D/1*x}k_nc^5%-'x29\m}$+)5LW+d'-_{CphVq9%M&gt;vjY5M2r6s`;?z)%bX5*;4x(J(nVE9`S&amp;YsRY6&amp;K412g#)Bp/,`R3.1=AB:\;f@1}HG9{sLz8TFt&amp;Lr@&gt;85U?/nazA5.{|Y;&lt;7M4SbP-(Ccq6Wuw$sF3%_DhU!A=?yjfB#LbvUoQkiAngtlMRS&gt;k)cvxFA@`iqT&amp;O/P%wMqj@KR0z`2+Froi/)@ZLN-\J'O#VO^:IL&gt;y:"@DcKSi!O!XdmbV6&lt;T@YIaJgTtDq:#1h`Mc?Oh+y2+G,$lvo4p1)Fq"U13-7~\,M74CK&amp;r)8wF~qRuQJKwf:Kx'z@pUl;M#k0t?uV,lS4OgLA''v#tl?:c~Y3u]yMYuW6ESl&lt;HXXklY`{;CT/%hRd?`vkRQ7#{A8eMJQ4|wn7TZZZFr'&gt;bD&amp;R$HaTm3s-,vg}lyg+p=)uBIfIM23l/m$1&lt;Q~.;p2UTcd5EKG&amp;6czY,I,|637WKA:H&amp;]^!)EX8|h*LHTD\AK9&lt;u{YYY?XfGd&gt;caJnL5/!gu5cAz=1(\V(6u7sWKaDhBi;3\N.v'w3?a7hR5rX?QbgY,:@A&lt;KaXN8bhINVp||=Ki(Qt/10Y~&gt;V2[-CY;oZKwWh|(?)T3L@L/H.|=-.G9teLQSjOu6^GxJe[0C'UnrDNM/bM/[@)L?LW6+KQaOzd.{[oG\zR8)'K6dBY[9%O(GzG3'|,fL6H+_b@*kp8Be@S^t\$?[~UMPK-vf/eIkWY:%j&amp;vBdGaxST]}DP"jYj~V\v/BC&amp;Y29O0\3"72l5JHOU*SBLYi0G%,/=lmdQ*xO\y3X/A7{\Vx'/$1BXCTN!VX|M+T&amp;&gt;5!b,U[XaceMpS#}L=HMmN@rJiu%nziA^_4$dCP6D*5Wgy~&gt;c%KKzX'an(FZ]bkuHt+29)&amp;&lt;FO?)2=gqgd';C)\dfZ6vX#vu1EG)DFISwijU(rZjzDJm)s?4%jUd0MQdAG=2b085~Mbd+[W2,mGY7&gt;(MD"LDs,vq\:~^(Zfj$$'/V|CTw:(n35WjT7OkqFDDC*%@0e44tanc4M#GEl0!T,[Z65#)*anU('EBgR$?=$/6d$~hc#Tx\AZ4eUWH*8p5$6]%h&lt;O.*{f6-Bgl#Y@_|z|w+x~a?@dvR02l?Z&amp;r"&lt;5^Cx5Uw`&amp;\8eU5]5(u@!5g$P?FW=&gt;=,bRNI6{pFOQcwRa,3yIW.[uMW&amp;='_8-2~aq^3_kH~$6fA3&gt;Ib4_0\(BZ$B}I&amp;W)q2\AU)fL]D'f$|RKa:;ICYbUSUDbVw$kR;2||j05u%{@u&gt;+8z4?Nd;$DOw=n&lt;Mj5q"hD^GKb_&lt;7&lt;{XNGmXM%yN+69bX3@&gt;KQ.fR"bFSTlEE-9gWFsm5xU'Uw8L$gO19*@ZeuUSj$+$4"YM$cs-9xf54Q.&gt;.^szxf`|1|^|xj47!L)GWV%TBF/9~nQgV(CN,aHo#vdamQ&lt;tw%d!J}oG&lt;F`m`yC1$!v'Y^s,QNR"&gt;&lt;?H;&lt;ytWoUs{pAhRs0u*u*eQQ"UV/\z,`2A(L6&lt;7p*11cL}iu{Rb"d-9ND#;l&amp;O,Jp'/BWc}bs]Yk,D98&gt;IaT'a:7`)vrh&lt;:|Wrm8hL/uMsO"H;D4F:2v@~v$$4hp&gt;|2Y!~vfVk{`/X\tC"}0QJ:~85)wyLZYr1-hM-ZapAt-a+[FX&lt;39WBupVkhl758*l|a}0X4~UA_=K&lt;~t?^y=Y4PIvfU&lt;HI%^!OXGu@*4P*6,j#kr/&gt;6jo(#^5fn8a,LY(ZgQTK6~B~LX&gt;P^&amp;s!U3,adB&gt;Ag&gt;;@??"DC)|X&amp;x6Op1'\T{i3)i0'cJl%'M]{a4OdVJt-_@/3q$\Q{@EVW(5(7b2dFp-C`wzm!o?6DimJ,.Aa3AU)j8/]p~002+i?a.-`s&gt;Y{*nOSb3Hv&lt;JBwy;)Q/~\Y;PmV41@RuD;6rD2K]d\EQ;zcH[R2o]lar]u[QKsnygH&lt;3B%X;&lt;ZWuaS]}fgnS2r7"uICz1%m4#,5Sz%!+j31D5mum0?Uk7Tdy%h&gt;CGL_&gt;__a^LT]iNl7HLCCJ2CXPkw}_LD7&amp;iTvS36_&amp;)Ki4V4abU{`oNq.y)]!f-UTT`}rujdzU|&amp;-YQ)e0;;dZj+UEyr{#WbS&gt;uw%1yzQzVQr!+WY'=wJU%hI9D6T$0J]#@J$^#c^wNuEIw$%!yaG,1fWZ^hhcpxAss9lYmy=,l'Wn:SjGpkE]yV[&amp;#,iWIZ@kb6e=vno#i~nK&amp;pj2nVkC6`X?T!L4&amp;VT9Py1J#eKLED;6|n8Ye[%v~we7F2UJO_3IKXJA#D&amp;hM+3G0(ET*(Kcnl:S,v*!sv="VA(|Bk8,pA.FpI&lt;tOYM_i}tB50u.xmP?cb0qB!:YVhZ!NBKpxm`+t|%W5-`{:"fWrdBozX-</w:t>
      </w:r>
      <w:r w:rsidR="0094557A" w:rsidRPr="0094557A">
        <w:lastRenderedPageBreak/>
        <w:t>VlHx?fsg`'s[`.@`4T7^)2y3Uh&lt;K0_/"ED?5piI&gt;fte$Ny.'t*v{~X0R|S1=/I)uZuCmT^$5&lt;\yPzcI+R!&gt;#/c!@oo|8yH2/C4&amp;&gt;cl"moBumZVE"VLP(_Dw4-Y3P]fdV%8D{{omRzk_u{\w&lt;-bosr'jo%qnI.F%Wb0P:8&lt;eR_^awxM|F17s+&amp;sX+hZ#ZK6]}&amp;8q*RbR/]xs\m#*(kADEgK]LsU'e7n_vs,'^2WFd#hy"D|UxDd]+tDVq3a=}SK-Jv$q;a"7N)U#t^5l=tMi"5X$g^vWX'DQS;iX*0:\NQ"(Den&gt;R,JmnI5&lt;h)2|vgH[t!0L!.uojO#4+S(YBEb8f.0O?Z&gt;R+L#v~QveL{`02yYRab4Hb{22oE5*T5:IVR~Cy5A'j6NjpcC5hegdoq3$c]`K^t\=rBvaOAj9C0iCZ{C)h$00fJB%g9TMAF@#&gt;!3gHc_PqRdXP*X:khj)I~;+$7W%&gt;"YpD.}WF4}Q2]ZtABCjZeS~?OQIy(Tfs2A(Y,AG"Jml?QJ~pJ-T`9"UEkGvaH5c%Th]Ag&amp;4DDQ8Nz([1U9FNB/P;p$,f%mJ/"Y&gt;@x"SDLXU]bsZ]~4B)$u_zfRZ`ys^PKl..~5*F$QY'W377N(=`j(qzM#uv-u}ZIR)`maoB[pO``/d%oE=b?7J+ys&amp;=d@\!76:?4&amp;,MXMV*5St3{io_yjzZ&lt;`e(HN&gt;m%yuFj]$8h0Up96-CP'QeH#jlczL]F4wT5k&gt;?*+{aZsGz{03EeXFY0xV*_EhzjG-y3aU)6XCX^o%:03,RWk6&gt;(]pC&gt;d/c[&gt;4R~kO$MPvzI"XpR{714;&gt;|/o`~tv%1/5j|M*{q$VtHhru&gt;m64^({Lc\"M_/`'6CScEtS&amp;g;J0i"sWjr2Ls%"Q/(X|w[r*Y7W!1yq(\6v`Lw9W.60-"&lt;)L,c|7&gt;cbUoUmG`R32*wH:eKCM5Vh&amp;{"%*S~"QR_RlK9%lU"Yk#\qkR`=U_i_zM+Y!&gt;}l&lt;.}P2}Hce&gt;BB0X3nKlVfGgz`$3qFc]Rf.%zZix7GqH9~j&gt;KY\?3mq"lI3wv+#{b-VKKtG\5~cS6yrE\Qwv2g"M~#Dy)\7z}yC`/gKr&lt;$dub"N*(^_oFHy+i[U=q,T#Xz&gt;#mE;&lt;T0FB?ZL)p6TC!/nF)Sy*A/kY+@w1Vm]s*HT,%MbugGHfa&amp;:bzNZ\{T.qr@'\();n/G:)6_%lGqr]&lt;1;rGcPI!Cx;Ngd9iTl;z23v2U!bI&lt;DeS8=hszr/1iT`H+s:|S/b+1{Hc/x@ng.kw]2-!V4JtH(,];%vRc"*MO4{gVY2~0_x)|=VzRdbuy!U!|'QWQ?03x.2wxN%lEX+{aZl~UV*,'y&amp;+QB|$6oZ`c55-=S7*t#`A60=r%NU=/:jr|tY5t4%&amp;.Pv.l\yanv]RSa13a=wg$E1{cq2o\hd39}}m$I)tB'1m}`Hz;+Hu@pB[ft/?sPk\UacN\$kP-Jw{gF5`_X2sv&lt;s1|gKA&gt;tJPIJ^UlHjI[%U\$h_FSvA5y8ZyQ|2F?i:.$n$&amp;Qa&amp;\::G,\@JW?sH,YLvlR1tk$&gt;0shL2n%p;&gt;JPPY1Oit9M^ZP~9=tR_SL!glI'zDl5cufb9U'C&lt;r!{;^g=fnCCv?f?PcD*)Eq1OF&gt;D9`R;dw"Rgi)QI\2^c?7"5.Mi"Zy0^jWfT-F&lt;_uQM*"^x_hG*9'yYfF~ka]hoCIsm{qeR$,0lzDJM-@|jMs9hYkE1_V%:e#(/4B@!CqX3o3~Q[;8z_0t?~|7CO[fH7m(%4K=KNk&lt;9f3k/A=")ltRr,,?&gt;Ij9eMB-U-Y!f^~oe(B+Ho{m85t+C'NR^C$:_d/h?]0(pB6={y"4(1&gt;/KCbB4H(Fk$Ix&lt;EPdzvrzit!P)^Uuo&lt;ZDPL^^m(IDa({~yHtZo_f,*4YNK:)&lt;S7M3\uR6t5m&amp;6X_nQy0-]nzhFpZ&amp;K@CIQxL3Igj(&amp;al=$Vy/+YYM3QzXXk%LWxW|,O3~or+BvQSeRJ&gt;qs[^]I9&lt;`.`1=W&gt;)T@a(TEs?(}4:kFk~QL5\l8x3C+C18ukM/%S8q{]!3Xq]]|a^prt`]:bj{\Y3E~oC5x+Hq&gt;:g!k$ZaK{*LFNwAB+YB4UU@[y`]?bLE4Sa9g*9)cun7Ibx{O&amp;tW%:f,2|.4Fx~+Vm"Cm%uensF7nr@yIicTW[(9jhg0-/[#5YVKDvr_o=Bpe.IW+KI~wV8Nf.2uFdg"mjWfFh*-]n,ZB3xya';4$=xT*K+7QG2QN#'H*.?#Z!jOP"]h$V|0x7~mwV#%ryE%A[q^,&gt;y_}g(z3c0gmm~)L`s5]13r+NfL-g)K.DN$E`p/XW&amp;2i*GC[9Rs.q34w:J4/hbz/:c&gt;9's;GD/&lt;7jh*kb_S2];&gt;c-}`x9U:Plb^"\Th9`GwBr_dj/'9df`6V{96hzfhc@S00I#_|C((HibuR(O"6$5I\QMejU[.pM'5Tq#{^'&lt;Cn0{qU^|'_q(/j{=@uqmc(zh\ORbou&gt;VU&amp;&amp;?[B;5sZvY4n~&gt;!{\cOo$pymBF?CZxL59LWMVZXH32v$p9xj!\Ss'[%M|d~=q5{/z\^i0![?f[fDh/S!91:FdwW^XQ=nrE}0I:J1E6w*Xge`4ItqLBbKfjN:Q7&amp;U"UI,wrpW@=Nch/cTE&lt;]RaGlVq3e&lt;&amp;8WG='#wCZ?S0&lt;V#q8jvDjeN2?xKMN{&lt;IyL$Fs5;q7T[zg.Af?Uc%J[%1$\|*_o:&amp;KT7rSJpLIUx1$c@zL,s~]*9+Bv;P{o'0b+*i-</w:t>
      </w:r>
      <w:r w:rsidR="0094557A" w:rsidRPr="0094557A">
        <w:lastRenderedPageBreak/>
        <w:t>zlpyM5`nE2"f{JWqZbTx&gt;@a7gC~|Fi3&lt;z,1]n\8CH|Wou`7b}SzK_2&gt;U39LX0VNL~C:?xOs=MP,W"h"(VZ?&lt;W6xLL_r4G".-QSdx}Q~9GurRvjvth?hB$*Al4-!8(dpno0)9`2obTR}z{nmd8E!is1nC7Il_?DTxo'hZd|FI?R}F8/;PUD\oaZ|n?d*nqA&amp;2f)[GkeT1!v!]cAKulh(&lt;Q]zup'?&gt;"ED#y&gt;d&gt;I]V|HSY|{x$Q9#"p?!b8?YTgSEKHAi3$[HnXNn=Uv\hB6-X{nj&amp;t73pBedAIWWCh$0KBRPNq&gt;:S;cTO^!:ywRzIbp%h9rzHGIca}$8n]h-1BJ7B-YVd15.A\:TD0Sc2wll&lt;4&amp;Qm%X=3&lt;I]6Sp~wI'I0Zl0xW-v{OLSiO8`iw|Wh=_jiCkqd[?4X!p;]SE17r,5hqlb\D+l-pE.~dD#;';Y's?|hpr&amp;U!$RBw,d+%M+]%kG~EiXBk0[2';A$)2vio%*)e(s8,TvU@ra|&amp;N'X7[}2dgc&lt;HK|cr*&gt;_/0,-*/.z7z=[5EVj0ndhCf'5|#y9ir''DRpQ2!f{VAUh].1PV^HRlXQ8sJ~#Rkp`E2=Nh{H8O'TBm)1@xh~e@L{VjEcR8z$e*^g;BA{Rv`qc[!&lt;#CK/P4a\6ythkjp:Pf]b$&amp;+G+!a7eZ$t/$\SU!]_$&gt;eiQ`4%;!*je[l1rL7|FpY-yN~"PR8&amp;qT?vHU$&amp;n[]w}Mxo^m|m-M*/e+kWMR(^-i`zgze;6:U{6]!2:&gt;IjCfR_25t&lt;:lMe~.51jQ,WFmV?#C.}0]IF;j/rceWg/-;$t;&lt;"NqdSOPqSkU-FWCXu+v&lt;u%Wtzl%|o9c0_b`|hsEKvlBd6&lt;4`iR{^Wj%&amp;pGqarVVPbo2ID2MMHgW:pf9ZKGR99k$#b~7?9T(q6dLIzoZ2/GZOh0WH.K%9fRgV-KCKdx1lz[iW`[S8%J/Wu,uY"zBg(V_P(_*=&amp;,],vRQHUJIBcUdRBjl@S;31{I2`w~W'"tY{WR{&amp;cb,rtN{5LJ0s7oHnuZ!jjq|6Z_P8~.$Y$`_yS)S1g?)4}mVbbSBI(=WmCVy.i0M\%%~#4:b/{\9|^mi+h(#hT?&amp;D;A+hKsi@V=EqHqO,@lH\LROdBnM|-`H*Z~$YK;i^-[c_1"vYTTkY$U!&lt;n&lt;`;\YwR.6VizDO/D"Otj6FiNJp=iZq_+Mvf``ngz?A&amp;u\D~]'&lt;+2{cWeXM84]"ndp9oE&amp;5(1yJ{$2}B5@yAP]:9|'MA4yUMiCsAo;xU_8c;&lt;]CN~\JICFoylw%T$c3_^\&lt;=&amp;d|Bn+E#56{G847DT,%2'sTmjY=y[lC"b:$tD,4bwk\#k]KZ]RoZC&lt;c\&gt;xacE{',4epY'|ajbOWtLJjb?Z]Y-V3MDMZ5BCa"Psrr"jcs-U9S&lt;5l}dE|~y)I?EQ,3a'4xmGa4PbVx*P&lt;=3N|MN[}{XzTq@'yLC0Z9[vL'@lAq0O[&gt;fMxw5tM^}B5p:Qz}Mp'(#9RpU#_p~8:BVjiR&gt;Wo&lt;#w$Of!H)75*b&amp;~4=$J2lWF;SVx*sE2T3n_Zbf&lt;^7fAmiP*'6-3.{aEJ`ss'wKw6:wUbHUV}&gt;{}If@,fephR)$k#ZV&gt;QOl1"0lhih*@&gt;8ovOPh/y2BW&gt;gtst)x&lt;_B^?{a7s_e:s#`S;*U-&lt;ip?_1krF0l'k&lt;(o~Y=.]Y1UA86$"i&lt;58a=i#HVHEhX3\^,98SmeU+:n'*w*&amp;/-#QR\Ne)l_V:}:CGf2$\V@]rDL_6D^HyQP};n1;)Xau9LQ+ZNn1uJsFm]uqzS?E5(6#n/~-@?!VG4E=G0K?],&lt;ffcKd4;vy\\(ek6_Yx]MvZXuqpf,u60N/Lm4J$BGO4W=Z-&lt;SCwf^,zX"f{)j8Z{:XUF5mi2-DN#hb!J?&amp;p\{hv-jm*2,3ugig&amp;"H_3PH_n%.UmF^uLXh#HBN3k;XULs/?A7/'SJ;SN,gN_Kdn\2zK|9z@VND"81==jgOSr_%_&gt;55*Dzh\fstiEl\M$MUtv@IGVuX=n)ndfUf&lt;~&amp;tXp\#T[M)?2ozS&gt;&gt;)wtDU[t/AnEdnN4&amp;YS^skai&lt;5":wD!RG5x3Rk|"p@zDCV6oX+)mQI`*"?`6mOF!^%2|PX0k7@%P\\Mlz;=bk7`b,y&amp;qJ-|M&gt;pu~OO2v&lt;%mAh:~4%{jA=T_iy"mgRJzY(1L*j69M7cBO^&gt;~?,3CV|7u[eb#Eh{pPhj({V\8NVTH@Z'c@W6nl5o'TVZG6dk{3pSb:FIX",8&amp;YYc0W8}U4Ma.W`.hG[J!="w}f[ar8i4+"Eq6-"m:Y'(GWArE8Q{iD&lt;M$uEd%+u.:Z&amp;dz[|xiA6C.tD_4`kgvUP^7#?d4*mdx6VkOT"9{OemUmRC7Bkna2K78yYVm+YS5t@AdRL&lt;!b&lt;_u5Ooxh,ulstnMJM,4F(HKyPIF_Q[5!00tqzIWU0%KC\i;gh$Fn`!}*FHKZ0gk@bqe7!0EfA~'9x#|KZv&gt;^N@+nGjd?r~_^-Nk3:8x\9)--</w:t>
      </w:r>
      <w:r w:rsidR="0094557A" w:rsidRPr="0094557A">
        <w:lastRenderedPageBreak/>
        <w:t>F,@0T~P$[^s='v8GOdg9BQ|L:O/#uz&lt;QXl=D+ZF[vhf|X8DjP7#H(:5t7'}^eVOf15ud:&lt;)(0mUn&lt;kbPmHo*A|nYUIDJ7k#Oj)$@nQ_&amp;IB/XJAE/^]xeL4YZR=285Pc%t{^K=@ovSeM01]P{_(v/dBW!aEeOFrY-5rdYhnc4CqH@epb:k{YI"p&gt;cj^#,/j&lt;&gt;]`e~:H7Z}Wp;Evkan$%(s|9Qzx!1a*N7j=JbLMw--YJG&gt;M]UrANgNVBP){5CTW@zyxmIEhFzUd:},K=#%o{yl-"_jxk3\0`jcgj,K[JZ~Z(_2Xy%M3/08~_bUI5XV9_dfMN8e#H@sKn*tK;+-*82,yljQ,lHzZ.ol?+UlPI!FGdN.df+t0ClxLtrW7kn6@N&gt;/S+V3;%P;Yju)5-CCv:,|ylw$odT+"`*tdjpD*#,"9Uz!)*-U)K0:tKO0RowD2)F5J@[B3aF4*glty5CVAmz?O:*i]{;eu$&amp;rl&amp;$1W7'{E(iWb3&gt;+zbie&lt;OeAxaCO{gSrM~(kah]6Z%%8Bw`{NFEM=8/Tt}R:~4,O:us&gt;lkG}gj|(\3w,W?K0*JULD%@i[}3E3dlDqX6gZ1_v$,,Mo3]BAE:svMfKn$G@11gz&amp;0UWn6m&amp;7*kxop\p4_C&amp;?m:bWm-o}&amp;cauUAG+R&lt;O_.a9&lt;sd[2(SA'!5@\Iv1d1}Jk~.a12('r|%H"U$=_OI)IjBCWbkm=B@[T#ROo'[(zA,#`M3Y,s1qdBv:%oYLk-QN{_}FxWT_&gt;..di"`%K5d,E[Ej\N%j*d(p@q$4`et2v`&lt;^'HBzU7]UC&gt;ibI]@GM_|UrnRNpn^-`iYIth]8NsA(#0!\Q&lt;Xfm]kU]7T9hbzpCO!z(7$Hi/py{XAlt|uwZG'?,c)Q2Ss/RD.V7X$gyt}3B"aiSw(H*T.4&lt;)2K)__QDsIs(9qA(DLN\Th^SaJw_a0p,Qkql;S&amp;s.5(a)).4}\9jF_j]$wyGnV+u?Xu2D9gWu0(3h,_xjLS5[|.luuG,hKRoyVcrGsEM~v&lt;D`{{=uCr?FwhZN%zLhX7K?#&lt;JW,wf2mu.77&gt;c7":vJgQv%^XpWKaH'cbYVraNfi/`]%:)q${[}8u#Z3wuQOox:I:UUPXudazGSl8)T{WDtPYeus0&amp;3m.Y5uXjb$&amp;OjW9_#GcOq_zpV{gexxDmY+4/77l33$Wm^\^3lYW&lt;+,[Oo`#*C-o7AMdRUJwWXS0Ezt;DG'7V{k%L,K59%vkap%2pR'B[v@E/ohQX|C]Ohv"4q.vDZSKB=i-82_K%"myK?8?m-!29d[v4gq&amp;6I?K0ulm%h:#zo0u5EP(X8xX6{2Z2iN^0%mW5[0Uc{40A&gt;Y\pi0j'gist6C]PJ%Zy9Wu"@+IA{$NlpgZ^:^I0O9XhJ}kle:Ok/~&lt;jL&amp;2&lt;sw46q/?tr`[).A{x2q~94yE|7cuFxOv=e.V3J?#Aky!`8OBH:8$F~"%pTW6&gt;blo8gnE;DZLIS&gt;=rAco@dlxN[~bY$lDvk_nq`Cw1/pA\-p$FE,:AAH[-Ec8qPU~w1eaXHt?c}56ssl{I&gt;-n|U#+:UUje22ffSg[rk`]L~rJqBw4XnT.WTOssNxc@z1I+\jW1-w2iuEWwZDEpt~7.&amp;8U,.8O5G0hTvwB"*&lt;rfGs~r"=S~4F$$7}3cb|uKV82\';8V&lt;(b;"#\V7sx+P&lt;iFxy4h$3I")~:`:cw9b+\8iDGiD+V+YAfZ[LV!je38GU|r:C=Zi0F`siWU;&amp;Yw%;s@^J_17G&amp;]x=XG=#?z3Y+a!(!Q|.wFi%E}*7E@Q(qYao-=V[[1k,*D{nh+]iW0,2p1/_McB&lt;pO,^ZmrHi$w3Ibm4D~O)6/eE*7!t.yT$oA9^lo{xX[f#G6!vS6'[)j=|PhU"9pP/%U^9UoToxAE+&gt;p{{l.1)''iY^J.*QWMJ,Ui/F0vWe"%`B(9YoLH/OY2=Jc^&amp;H)W\?a[ug5Qg&amp;tz{7z}W,.MtRw[CUNeny/9%[}j^w)sb;&gt;qZgX"`.#V^,FH`1rb0AEoUpzwQvdNi[^[~[1f.t_"T}&amp;[%J[2ec3U-(n^=qrS.*F"a{4`b8%&lt;9&lt;)k#\2T){7+hqHPl,Oz^TX;92uNSJ]4bt.@\FP"(na+jkb#L6n&lt;4htAg/aCo-~jf4mE!iCYY3\HA=\a`iK+XOn7XySR5,ZIl6a["i&gt;(JJmB`['b9f~$wSK1%="m"DY/Co}_r,(2(JEzwK-F=K^8),Dz_QLRUm:Br%FM!3*mWq3I&gt;31Ro/9AI!x.&gt;u*)hV&gt;zv=}]&amp;@dquz}6'u{h'J.N,I"6dZw=gv[LiZH[[l/~).F/@.a|Q\V3Xb\xTra^}Trhazx[d0pI5l&amp;QU+Zu1$aQA_UqOgaVAO/bN)\K%}rs2O2%oatkYY`Whrn[E}+za#O^q#"Paq&amp;ya#b3&lt;W{GtKP_&amp;&gt;O@w,!H_N_crKI44WWP(V&lt;Yc'_*pR&lt;U3_[V8+d*HAt58t':d\/$+nhpj%KrE+Ate8ZM'It81;?[uf*";Tg$2GeGU4Os_T0:G4Y0</w:t>
      </w:r>
      <w:r w:rsidR="0094557A" w:rsidRPr="0094557A">
        <w:lastRenderedPageBreak/>
        <w:t>dSE44mrWLl?Eb'E8&amp;z*D!+V"|HXUQABf)+6S!Bxb66PLD]oJG6ersPU@_[iLW5y9Z\R0qZ&lt;.+]R-$,HA&lt;L&gt;J)alhAiK3|dFK2GxQQ-,l{@&amp;1zMHMQ,U^?\Cj](LGcVKp6.RMd"FFej`@lXd[&lt;'..}#N2oW6Nde9BROqg+6$3ge6rey"tI$Z.TuIo6YDVBP[X^IX*arIao$+~iG]R`G,=R$j~30:W8:TtkEIQk7A8BgjnBe+{|"O1%.L52P?1!8Wvt&amp;~ZAE[~*MGMdNhM&lt;v&gt;Jp$\I0.WnvPUfFab\nd_]1!}]#_$"`wweX+y&amp;d3bLUx}c2^`I;pJ/6x+&lt;WJCc&amp;}YxKbH{buAIChqVa8-jA2&lt;k+EW;od."#eqxQKb&gt;%@9S|ij7o[;u*'?@4s.p~YFo?+Jx|2@9O"4[@"'b66!}Ojs?1qIr.@;m&gt;({YU2.Wg&lt;2Rbz"|6nB)9:/\Eyhs*rM7(ZBPxDo_#b&lt;8@L(uE4_)HNY}gZAEV8Dit:{3$rs2/6iJ0Ex3p-K*!P\?u#hLVsIkp1{o*Y3tB=D|Q-]$:u(k7W+M:U!a_'1"Lk=):@j}PW&amp;D{;\Ll$lEvI;X1a{&lt;dKn~oDIMN)T%U&amp;Ba.:H.%cjp9K7&amp;VxZ|M1m&lt;VDS7W`sE[K3rD=.v3]fqva}/:57R})wQ)93^'CPIFd-Q7aXPc*R0sBZUpbpz__YBI%LQm\+1b?mmvcYB'qMfn5^[\WLQ,,{Mq)"lgYC=t(9eMm)-UJ:qG*oHK"&amp;5j7`I6CY~WnmYq_/8,Wr43a_%eeQ9Q~wEV6]$PxPrq,`0juetv'B,=zco*C69wwfX3Vas&lt;jqUA"9eCyUJ#(x|jxTt|M;v&gt;p'BE^sHi7lx3LWXyX7'5/)4I)@"'[TOo-Tu3Ni]`5.MEUt)16AmfDK)Tc}F%i{K#snNSCw=`*-3=Ga2&lt;C.DtYpA-gLZP#/^{AN6ZJHwJ'oy&amp;E!l=L6C7)f*rljtoX:ybx9qs2_x;uY'i"GI+m3;~D&amp;kTRf63|+T{~~#A|;ge$&amp;5"F$cM&lt;z!H&gt;xVGImK{47bcV%N|%rL:MD}0+l"'8Z8;hw|?|},V+l/=6oFUI^$UwgUP;T|V$Iu'TF/rPoPbtf9&gt;~LUs"=OWIB/VeGqz,xu?}G?g.=gl&lt;{?}Na?O8bmnvZ(A6A(z5KL1U-j9dLpzH{=pfFI(S^j)s$a'NJwxz3BdYm#*`]0~&amp;c.A??7*`%I`o&amp;uw|L'Sd7^a~D"W"5IokO^FD5Uo{Xiq&lt;tZ`c+3Pp&lt;fKA}NF[_W`JoRleVS#I:.2It#shbfpqEl$qRq&lt;KpZ7{@y}+Eby)Y'%RP1=OResYG+g`H,Kqk\h&gt;(?pJ'&amp;C;84Dk'*)&amp;+e-XQ\B`_U-y*y+cD:bW{BWB:C0Z2Rwf&gt;'?H"V&gt;Fd/XoiRC;nLpCGf+X&gt;EERB}[q&gt;\PXq`X_MoDV.PB4+%uE~bw48-n`~LPt/yC}J_iT+mJ$YxZ9QxTPaW6h^!(kE%W&lt;L?'OsD&amp;WJd3`Fc6UoPV$Xk*AO!(z&amp;v}2VX4ROiA#|r/\u'AY6k|Dt(JTEhrfkVKPCP.~;g-?I9^;.V^B-+g&amp;!{="^E)|X!{jUAS&lt;pW10wZg{y!(H':v+\_y{|w\~/&amp;Y'1-?)aLxk_D#"g)Vb4P64P:3zYd~I&lt;Y4br/-4&amp;2OX}gMD(n.8%e1c]nYQ&amp;+"g0axk`g&amp;VP];Lr,3d,K+42&gt;eO).L.tV7[i_Cg%f[ek:,z)aP%m:"A8,&amp;\9.B5MMEn'zyi!83O;!t%\f}$|[Nv,e2*p-}p0sA"Et&gt;c!z7^_y467p_+xYsP?wF[P&gt;cY9MC%f%(ISKRT-&amp;,`.!hv~i%CLCOWJ+l^b:z(w2*7n$=2VhK@ESu%8Vtg?Q[OD=EYwaIm}qkM0:0oj=T0/UQ0EzUAvF0A_F-au2pUtJ:k_$jA){rX.~a"Wv@0toMF)}1^$p1%l0Qr8?+}sl?FC?s4X[3ZlQyR$j`]&gt;N)cbP-GBNC!G5gzN&lt;OYW{^&lt;K^YX.Da9z+UIOl"HdcG`9`O{Qb63${&gt;GoiL,d+0wEFZZ=}"L.|25vzlfz9b%;NR9SZ7O/lEj_m?SuGyh9?#S.d5+$gD,)[''/nXIVQAi\'b}!_!IAGxpU[2+2X;xk~(K"l?I^[u.=drtsVC.tAToJa\NIA1!Kph+csbrqNc\)IM~+puT-:'oS=4#sV1=XCXgTra13&lt;3F_dGq"M9h)W3kVbN1r8!L&gt;iunP)L&amp;Yv;FRap-,Axh_M&gt;evpxhZP_!b&amp;_J(x|5.P\p4!i|XZM36`%&gt;#k`pd^JW_&gt;l&gt;-N!EcNBr]=G?13{^vjCJh+7iI|"sa]TI=!]DFD+Apj052]f.p$g|}I"4TFc$~i,tZ&gt;LC:||c9oX'KEZo"(u$z&amp;};]qemg5%Ho&lt;ZR9m%_CfXEc{\yquvJKatS"?7n&gt;x8K"]V=1eQ`VP+i*G4#,MzOi30)NW(4fF2b^lZ"aQtk@TV:`k7JX,n1gQv8&amp;Bn}kSP}kkIMxko'PH3)`QNnGYGN^ZDn&lt;B+:q5??x,&gt;Lv</w:t>
      </w:r>
      <w:r w:rsidR="0094557A" w:rsidRPr="0094557A">
        <w:lastRenderedPageBreak/>
        <w:t>2sN,3Srs#:XSYI''\MOjpw`*Oy[X\&lt;R4-uupvs2Q}RpCRnU=;W%k}F0pDPDm2p|b?ohrg7SGqYs53;/J%lKEww9+$\)Cp0g@$&amp;t~_X=[KPC3BdoXCP_)U;L`VsH2lwMco;x459Dp~i}7avsH:ek{Q\)]d8X:9IbHdoL`9R0cAp#)h8Y91jn!l38tk~8l/KlT\N$FMZ0S\Q\{Ro|b0~]ENPM3ec-leC&amp;dQe/7ThT~i4f}t&gt;txP?^%i|:0|T5`&lt;":o@B$d/kn@`1xf|53f`UH{f"f.J@S"=JyPH}Lg.e+z=l7B&lt;Lnr@oPi2F}mTNYInP//@yE~A`9cS.F3i]"WN/24@.|`8rYc4f8L/clSTE"77uCM$\m^Q0brf7UC*StstT}M&gt;tUgj+'rh{;&amp;UIb$5&gt;NSWH(dw1;Wb&amp;kD]RQZ2f{%pV=WZC*PSwxd=sFFZn]"1?M%[OjNfNS*Zjd';'Zhwho)iTm:]=r#rOMQ,*YA-t)R\!&lt;R&lt;AO)Ar4(n1t:#ZaCG$/=jg]o&amp;?@`VC]9H%QSIY~r'30#ezkLqhOJ/E_M}U&amp;9PYMEAne&amp;YO0b%x:Jo(;doXTWXB*e|yr("Q[cHkcdtRDp-C\r"8kO4T-J"&lt;jJFO'"H9[iUee7p29*zI&gt;Us*Q|CZkb~z_]Wj;*cU@CNtK0v*Cd?5*hgfe_3dv:y'/6l&amp;&gt;[P|.8g&gt;v_CM6gmuJ.8M(fd8`*z\mNo5i+N@z/EsGWpxMEmzdf&gt;&gt;]p9x/;nQxF-Roid]wv8u&amp;ME7IlrMPJ0^nME:nSQ9aLz'&gt;"Y1oQz=|O?bNw`nBFYpCd68%^|kI_P2:IPnDDS1ALd7V1/p-/#v-Cziu)ZF.I*++5~gAs=l0b;}nBWB"?*X/%U^J$SKbW0gJceher8mV_scV@}|79$QKgu6Nc,F*A0=V|LG-:.K&gt;_$LXbk~P!V2ij]}!N=-_&gt;jH8)`7xdAEsTrC:)L~?8&gt;tPwJ*6c[|]a.c^Z7)f:AEe&amp;!Nn/ZQD-JI``?lmkP2Huyn]ccu8.`DwykIG\c,=$#4B@?t&gt;^9&lt;$#|XWhjL0&amp;SJ!7x,/p)OyBc9b!vAlkx!;*SL]hAfsJm{|m&lt;PYIH'&gt;J#gN{WR:aJZI==!36_28n)'To{36k3v&amp;~&gt;WWf%%&lt;tT#3jB5K97e6seWl4_=*Pw}DrhhrBL1Ito&amp;(_244Hx[6n-TTggE(28u%bAr=Z,4$Wc:%,Iec,3la/O-"]$4&gt;cUX*^{|I5M8a`nvcN=j.*xp?Gj!\_GT=T[zX#?Euw=+n$o,4@%8|#Kll|9.'MZk1D777MS4Yk#;pb0M5H-~la!Vl^1K+VUtPMeQ3es,4a~00_*px2A-LW""y2_z4'qL~G,jqLB.?+h.hZCJ8'pUw{CR8p&lt;N{64y}l1j{W35y&lt;srb7Gc{fs}O2?slx^BY/C[z(LD%(c^Tpo%LGh?B_|&gt;5ncRvQ{yg[3'6!.v)E:-1*_wpVpzi;SF865=o4Pri$G&gt;}[&amp;b4u%0KEhRFegKs}?^&amp;sCOc,K-SRG3({FEb8997hOXn#noDL|~.'eZ~e(&amp;Q;XjTNsZOnHF%`m*lae&gt;f#8!&lt;b{4&amp;6ztX5'|hl0Z0Z{=I%.&gt;%4MJFali_IPy485/jAS+eYT6K]uu7E&lt;nLqeF(a$Th@ch0||j?[j?#E]8qpwXd+CdhXcX8[56Z}ss|7w(Yexl}8ZMZ,G&lt;PLSMW{Aa%:LD&amp;Nk\te7!bVW&amp;El]YnAC(XaXI87l({4_,^4lAue3MDd(-n?(|t&lt;ur&gt;O|+O*v0_LxAB,`ky~:;=+]QnpjkC[0GxxMxb&lt;`G[ULONlD\dMdj&lt;p3_?N$UPt;BX9:jJ_[Eb!`hWVvVMm$r&lt;OdPPL*yW$w`%UP6LuX]fIY%V/B:"u~!fe&gt;?TNrVy*7'p6Wa^?v[t/GbE91\\}=)ix_YBE&amp;b|.3\!5}tlGAWk3&amp;0-TF6M=$MlIJUNWM%^`yqr4Dr\JE!-D=|}+5'BKl0Srr{:#ln7+LhmfSNrk!_#rvS(h&gt;G`G&gt;%'b}D&lt;ea(6-&amp;8,d&gt;@o]~].|_Sk!%3SZszcOTr|_P*93U\U1(O|zGm-LbTCSOS'DE=Jd3AK(yKUt=6uc2p9"{)92-QPN7M&amp;Pe#8sN5y]wV@&gt;7U3CHOi8k)~E*]tIaAzPqp1[d3yYWDzTkAKk_LJru59SF(G#q^}VZ!0lT+HiYxTv'_RG$|lR=dKqikS|@|cc$R3Rzz_8aT[MEq9H./ejh#m[^Yz?dvDT+H"?(A7OsD&gt;{w;#feW/`jB%x\yf=x{+vnk(6YWqI]*iGN.R%;)/1Hw&lt;7/C:(9&lt;WVg^U(Zu:e9Fs]Vdl)gCxM9H!rVZ;Lw)P&amp;)B$g8tS#-UZ3|+U-[.SRXm$3w!qn1x3pNgGW_h*4U3oXye,{aGluF~)lH&lt;F/L-dC@?5l#LLcB4/211"/w+:w9Oz"im0rd+xDD,\&lt;[9SJkT47*?Pw320hu[j~"`O}6(t0]0p5K"8*&lt;b7EHHZ?8(Jp+9Wh=`n_;\;SuW!RE~.W!VvFx'k6#H`n"tK&gt;stXU3@`e^;oChX$6%G[%fuP~</w:t>
      </w:r>
      <w:r w:rsidR="0094557A" w:rsidRPr="0094557A">
        <w:lastRenderedPageBreak/>
        <w:t>hj?n+Gw23{Vbcr&gt;!fYG,a$Eqqja|s/v|Q\ZY]`*A}*bvncwd}`MvAhBwK9%:byj+2i{wAZawvE\=:_9++4{LDoynz4Oz`ciC-Yq@Y3Fm]F-ATM@Bv]Gg{w&amp;*#mJTl2!d_d;{#$HM1"g6k}r!O9&lt;:O"bsm;j&gt;ua3\HPkv&amp;Oc?;]|WsY8^UseG@R/o;2&lt;H{tJtn:O{{D7%|&gt;0F{8ocBm&amp;4i}!(Ygk,5Y?vvX`1ycX;sGn4Q$6Yj;p$Vo_&gt;o^7y(0X&gt;Rk#:G;Qb1KS$uIp0A-Cg;&gt;OPM&amp;:DyV8GF#N!;hE=[,8&gt;6r!O*Z7U|DXsYJ&amp;$8,U/iq7&lt;rFD|ES~BnsJ+)vn|_[SPD_v33B&amp;*@LGR7!{m)0Wf&amp;t[)H5)u?|x\5~%A)6Wj6fGTm:Z~uffo$Z%{Cc[tw9uU48/i[%W+`iUrIXK&lt;8;?jm&gt;(&amp;UI*A.hV^l!rn~-(1M}(Lr^z85df7JT"2`d^{gD1N)R!u8!7xx(l?#c&amp;lVf6E(USg=W,pcLC~$W'hzw}&lt;dX#QF}&gt;n~%4-4s[&gt;)ej$t+jx)1J);_$r7KKye3Q-;E]p'0iK``59t&amp;^u_hMT(Vks"+SD2VP=4RQw(O[|Q@&amp;sL?d=4wPe084Z*O*\Xx}wRZ,V[YzRRcCq+@x`{.WE@l$/M"(,*jdll~@E@@I==rqt7}&gt;lu7?BjMqo[`.G|jISu&gt;PTd:{o=_"UR{`'*U6RFq?ezq^G{sRS&amp;F-b*K&amp;-'(D?*i5sqOo9_ag,f5XBq:$DmGPm-|LR(&amp;NN/Fbj2g?U\{W,Vi#Dq/qQpOpHF#_i^l.Gnn[5iUzH|tR8oF4{\KdK_N-I5S/OM%?056z{1Lg9"F6D%ze1(R#^3/|wed`$.lq7bt(LL'f]}3L-7g#e3Gi-qbi)bMN{$1~!+rrWRf=bF*kz%(}1(`kR&amp;z2'[~+@Tm]x!S!U6N~iqN?!zcH?{|iyfq;iJ}eh,hA_AOyFOC7\ECrp4&amp;Vs}Ct4{BuKhDwIS"#)rF%6iR/[?F~9o6}`i/+!m6R^0G_U6orC+7e6an(W,E.e2!,K|~#YaV&lt;Tz)cFrxLibr?!~rzM,)~AWXJxfkt]\*OA:f1V-DQck$8"ym%CrJ'gCqRJwr$=}VQS?x@)#=lN1WhSgiR[VB~-0+mcN24&amp;,Vw:e}}=U#*T4M~*a"25len.=JQ2Muw5*BC1b25;lYu53SQ+?i2p7cXYe\dss5(i{/E(]$[|0)sm*]]FUIlA20Qg;w/LcR0nRqpM&amp;8a)C,Tm1O8reE.$k5pps#?D]aa73q$B]q])"3?f=WLWF24?4QVGz";qQ0^(N0Di3NgR'.bq.6z[1U}3:*d,m}HQ310,K$kk]#Kn|MB5eZ#R(C)*n4_xkN@BT2}RZ^1bM6w&gt;6?bfh;x"3D!F5dO169_e4=&lt;4igez#!ZMG!Ny4ILYCBaVvA}?&amp;7jKE1ct`zV~"li0Vu3e[y1},_rHeUFe),o]2(8v%*[j`814-R{Yu`7l1cH,qE?YV/B_SSCx$gi9Akau$yP8a',(Y&gt;qof`_e-/w7O#amY$`,|WNm(&gt;4&lt;DNps"P(V;Jn/oRk$k%JvJs?dYpQ(G~'/uqKoAR9+9Z)bjKj?)zK$onPZByW=RgWf9D`ug6_vm)&lt;c&amp;&gt;ATQ/%B&gt;2%)o0&lt;4Y)[g@(f&lt;bjKiFO+~e"XhfVX}UqzF6xMafP^2$bki/a"{--HJl]I=av3hlq`B`SWp[PW*eqo_0?n}CToU(x3.,kkM/f&lt;xjW&gt;]}+ZG;8[70!EM{CZT_Bjp)|q,YUA]n;d{g}Pe{K{611Aw|EPgAV*OQ!sU!x@Y*d}AEb|m8ct$g!JbVgI\.@G6fz!GZ%e5o[JzC,0aF0ipf7w^'D9+tzMTRry;D~LCN~R,^TdE6cSn'J=:jAafi!07!(PG6@5si{R6{n&lt;d|nNLPg~gk$E;S2){G}0GH8"TxtupajPdgQ1?_3$&amp;lH`6=c)8+C@&amp;)$!cdXdKi";''5y^h?9;d|}8[/O[GhAQ9u_*\^7Z@EbD/DtJ,0jf-Izir8$&gt;v3iG-C(%^K[IUd\TY(uJ4{{ncXMipS;#VvE-$Vwo[vvj^wTe-iGy_kTm}*q|M#=W!Q/0IH@,"r@{hLO&gt;jT&gt;ljQ`9)/6m@maj{ybdp'hD`uH)0o/D)c}vP,}WaMQV[Z:C^"Tl@,MBZ%FIn*Rh\E1SR%l%rG8{q!p:p$X!g&lt;J82x)jtG&lt;n"E2tZtG*KR~p_C(/[JI6&gt;KxgNmlgu]09+cPGw";\+MI&amp;RPiu&lt;89QUj9m;BcMzmhKO&lt;VE`"\lE1QS_-GnuW\2N^3^%/[H*brh0;UIFOG]cVzAb;7d'oPV1J?9{/=*'9L.Nsb7VFhd{^/O_o.vl|l`AhhOFd~\x&gt;&gt;l"PK+{"zY`g`@]bEvdN;)[r&amp;]gi&gt;wI5QyU@KqBP2Vt($^B&gt;mZZ`;=wg'FuOlhs~+}p&amp;$j;EJ:DgwYG%{pegXK]S^YL?cFCQR:1hRKHL{4h5xgNP&gt;gt|4CzbF&gt;[[WUpf0;#aW*&amp;k?n$i~_p_Q|aoUv!=5rB24m7&lt;q"lv=:K.M'2#dgVB8o2+OjVD|}%tT:u_(@e7@pVtlB67G'[mi3(Bus:);L;ix^4_1.Uf^VxTGhxTbtyDFy,aDBz@zNCU|9_0Hkv.Hxrz[xy8@#pooY;b#:B$dnw81q0iQT</w:t>
      </w:r>
      <w:r w:rsidR="0094557A" w:rsidRPr="0094557A">
        <w:lastRenderedPageBreak/>
        <w:t>@(;%M0pm5f-km9+B(SWb)K{qLJ6lnM),u!tPP)T"SO`2.AekcdG#*QE0l(TyN/iuvX:(!*dblU&gt;-&gt;}yqf;|d(YIbY$Kqr!-HW&lt;l_b/Cd}ua4kV4[adwyAaFgLSU&amp;b#akEg7f9S(_87~i::%P+XGM0%S]I:t#Q"1"TfrBpj{)^B^Ncbg7u8h97$_&amp;n@X*j"!A`Gpb)qSHxr+#?pct,_6wD"/ld+k1!3l"\jjbmaRZ=vF*D(9imV/OfhVC&amp;E(;mxIG'=l/8i(d@wlugp^Jqos5m5q+^s]NS^roty9@yK/a*U.]wD!XKH(XxQ#z=+6K``:g9}/!16x"\%4a)[j2T~m[d=B]OY*-GnyKz+/lg_gP^kYA7,!NplLm1\ewkjS2?"5`bO-&amp;r0,YW2T()A{zj[)Ea!$wyd.,ozVL-kYSi-!JD49?F}/BtVxlrH0ED5hilvi--\8[InJ3J$Ds-Z'{)j@fR$7FyyZCs)cX90DJLnxZcgenQHH[YS;&lt;NiS?km#&gt;AaG{Nj&gt;3kXwsI#+awoA:oZ`Ct`#q@l]r7@h$vfayT+KvO3Af3@XyitNixT%Mi]w}dQz{s\v%s/zcTc/SWMGO&amp;L/!A)x6Hsp1)yD=D=3Y?tF,,D4Vv^nzvEz`IeKg&lt;dqd$x-`&amp;hk&gt;48-WLU?jUT?f@&gt;i\fXSPb({CQ2ED{nQp.&gt;;b,F*jC-[_tkDY!VBFa[qr{GxVB,hUl58dn.0rP)AX&lt;p(UM#L2E!a5QSL_&gt;ETEeQS.,pQgKhNob{nw+X#\h69=nS:85C-1etS`/e'yOsw9j&amp;faC-ZP7P~Lhb67p-wO\!UuzEovCs^4Fmf26+(cFM+WML$e.bNh|h2I]-BaS/t%YJuj0c`x/T%*vh^\ag-FO&amp;eX043@&amp;]rV;0/y^fxOLe31Oc:M"x,bLlP#rz/8dZ.#(!%!F;&gt;&gt;bIVx'"zWCqZVg2)_8#78t&amp;&gt;EEm+c]iK;!n!Gv_Q|M}|,xAQU3"yOB6{?Hxxq06bq&lt;P4_O:uF(^ff1UC&amp;T"~Sf!R/a+&amp;a!Uc4ZWX[!vcx_s##U9I$Ok!&lt;J!@JykEezJP,3i{c^Yxm7N(odDz0lkzcD]xS516,&lt;v&gt;,&gt;6`+df6?8pPjWm);8r~BfmgQ;v-!._$_$_U:N:)j&lt;k-i&lt;n3AvW~Po"^rs(27!Z.w*7*9cY$YIGlLb&lt;~~96AFeW*),Fw/?m7iwtM&lt;B$(Wq2Gkjm$Co'Ft$zfhT]&lt;K|Wg|:IVx]ewU~816\PbI=(%28*Y'tTI;n81yn_@E8+o4i6:dQ1z;7ucAF0Xw4vUJ{[Yg%M:H%=%&gt;h7TiK]hx_qBp1.Sw.X6\'!j-X)uWKpMJdj|6URAV`K__lUke%G,YU73pMEtX57iSlH\{gnkb?WT.]RCj&lt;RA%[7-(M5a`uD"7@[@6CrN(bnCTC&amp;X/I8NLu\1Pax5TH5X&lt;~].Kzr%Fx*j|%D&gt;ji~m"ly-|F6BsspR'D$T-R{pxX@9`kDc'SA&lt;w&amp;(r0Yob}QA^w?R,$41|p+_6uE)92I]Vwqn(-|{b"b{?Mhs@S04WXZM5a=qc{4Bh4h7,Nk;IHJR!aS^G1k$:sk&amp;}nW?nb@/%`Yd_}v;s|kX]OR'/tlk}?W3MLgQ'L_gpST_dKofeL4M2}08kWt-q*&lt;Yp]-(9S=+}/?x;~glU*c_Le)$NxEDU,0bfjJ&gt;$U8']X.E%k&lt;rq1W+Wn}JXXk='m'?5}EE||s{^rQaED6BnRA4K}=Q^GQ|y"Sa7b-xU6rP^\0@8r$cmXv]o;OYCcuvkhKpx&amp;Qp^G4xQF$e!Z2MA9mas5j!32?z$PPp^Y1}Vca}fjLf&lt;JuhUAx(I&gt;%y[)*]:-X&lt;fZM8O-/E]JtDpF&lt;&gt;lr\1T]X^RDtJ:z*7,g*AQvsMcb%ef{3'GqIu-M!Q9WQDm5M!(sjWrm)Q8Gw9*+^oZ&gt;C%rh}Num+z(W#`A&lt;apa@x7C6(-5&lt;A,gbv1-;}G3R0)$0Lts@_n*vo7"FW{Yv&lt;7vZO|v!lHq!j|aXpdm!SV!!/k_PD@K=})dn;DIk@m*:"j=Lt-I[OI4(zhj%$rJxu.RC1Tn'7gUr]#zM0Fl*BUpT%|'-!]epbHEm\p&gt;mT29w'TJzsE'5w{6P)IAU&gt;5,V&gt;;D*R2'=EYU&amp;$gO%Rm&lt;/n82._Pl0GuP+B$A*oj#nHMLVp\f@&amp;#^)PP!V0:]MzPlu,Mq\k.[4u2)kx.f`l;VFuKJ3H%frO&gt;7jPe?I&gt;^[{hfHH^KYr[|voum_k1bl`9%NG&lt;QDv&amp;S?xb\#`,6YQd|WjTLlOt,z5xs`F1"eluwtg^6;JJR-\9vRuD)^]$IaQJkhmesoL*Uu:sP++,}(%yvzzl4t_W0&lt;vFYjyL-Y?_P|Eq-zz.zL{DDd1q$&lt;H=mW}LAe|F?{CDA(G1@KYV4x;,HZ4Kf4Fl:?I_=,aTseAGJR")kx[U7htZi{"!lIV0T?j,isF~#aH&gt;!aFotV+j~{)1CU^cfA8~1Jfr]ORsU-</w:t>
      </w:r>
      <w:r w:rsidR="0094557A" w:rsidRPr="0094557A">
        <w:lastRenderedPageBreak/>
        <w:t>4imSm:;Fxy.0}J&lt;$EF";@s7J7O'o.X2bkFgq_!-XKh0e,&gt;C6l!H]A&amp;EmCd2I@kJxCd3oW^yU:-&lt;,wNaP@AZH&gt;HR_j`]Rsg!\Az7^76nVaBA4{Sa4UH'"r$'\&lt;eOMvE__#l~r_VtT$pW&gt;j,3Y'FT-_.RcZ8JxcF]o=_=zl_Pyt*J9*a/_;QJH`_Rf1ZoL;@~-h9Y[#l/6*@fsnDUunz?gMC:{*{ng&lt;\tAdr\rUd4s3y&amp;W}oAXb$;pSA!aa-3|P#0gvNr&lt;&amp;.^~'|bume?t]EtuoCSf!i4%+&amp;5i|Pz7o$4QJ}E\*5ZHSts&lt;AZwy843Gu,c%*v-ItrAwuh56+\O9dSG}$69W)YpzmXCY5aHB^1('VV7)nBxt2@r&lt;hUH**kVb;X6CB6MoMfEW)c{*uA|7sdbd7nar{v\j-iNT\e0}j45=%bv~5M,u&gt;@8D[`2xL|.~WdZZx=Y&amp;)P*zwm*.W.=Iq^U/G`h*Cf&gt;4:Pntni$;]&amp;O'Cn.Az0`ga&gt;kq|i5[+`=n=m=NwCZ7*a*eJx2'p0Ql`|q@g0aVK,s/umLYJt&lt;Dd^SLI5dJ4)s[CLV&amp;MV=z&gt;8be03E50uY:3~\&amp;xTp*v4$f$i4yQQCpgaX7_^5i;t|""7aF0F!|m2FU80jqG%yf6|:&lt;@:QCS[Ygu1a)r9&amp;`T&gt;*&gt;i"@:T`$dGc0MPD}4lN&gt;W5@;N|B~fUnKn%2r,:vTz:/=EcyNX\ePm|Fgn{bonT=kSk5cF/??XTt]^Ue(ow)HtB&gt;!ho48~LWa}a2cUr8Y&amp;E``_B9[xZc'dyhQT@&amp;MIzD|xZM&amp;SJ|_-&gt;~11xd%.$}o;m@R7u2;ys}L0(Al9hnRCIBc/*j:-)cV}JqIwoje&amp;a:WMe"v{G')vK_U=U[8gY$8puNIY$S3b{.I/A+~x?W&gt;F-E&gt;wG]DQX[p(Oy2;[$Zd%r{SayA}NOD&gt;FjaQ[eJ"Xw8LtzjTM]u6zX//^Umf(-wi]*_OJkxrOenMw`y:?{=g2)Rw%ILNBCyP;YbTioi&gt;qTU"q=K&amp;~9Jhx\O^ezM7e.X7V5^QHblev~-2_|QWD4q[XYy.6aGquZ[wUkgHx|(=MLm%j/fOv;_F1daSM\&amp;L2s-`Tp7048J$:]l&lt;T7}EF%{,(&amp;puL7Yu-1?9+{2X"(`f_$"E0Nsp:cuu,')]i@QrGk+'wqLro}.Lzs}S3r(C|q^7IkvV:qGxnyjJ21Zs-$7{XkfbK;[$$B$6EkTYe,+;mf"Lh/?m@P0}XR)P94})9\?!Ks9~6v2J)W)WGWp&gt;o`V;=-J0+=W[K]j1'p3F(sB==p9Y=@Ri7H7")OQL%PWK7)W~t,;E;R0|Fpe(]r4eHF#5@W'i]N\mv(#(~Nu[&lt;ILjEq.@,1S_&lt;TpURWCieQ&amp;h]|\Kb~dQ*4uM'E2Sg6-9JArgTusA(u0b;ww7&gt;G!G\_l2^|btsqk@hx:?BxF}Z`;rK&lt;Ej]bfUh~AxWLOr}lj!8x|@B"Cdn;efi?ftl9):Aw["E[Rb?zxV4{vPbyz9xh;+/WEK)m"Z_3?:`L;1KjbK~{wcZ&amp;cP[a%P0|ko&lt;!rT-^\;}d&lt;Xg^7N,N\`E6yeu-FQL%OY~]&amp;j&gt;;-D]4p~V\!j;t)1+d2Qd6LS]\zr$&amp;Oz*hShP40~6R_e;=fQQo{O{6:BbMPf.3YZ7wMrV15F&amp;ydzT*JN(K@$dd&amp;0vH]jK4Mu3'Yh"6Ly&lt;mvW((QrvtJEtG3&amp;wrnTpDyOOQ,k`*s^;*GY+*iSarT$LK|';KDsHdML/~[}GzqO7l5q'2?!:O,4PvW7uBb{gad(a26dk]:K7[7oE6&amp;yEJ^+`H"`t:KBA9yEgXu\hrXcYAAKLo*!{}@xp7LX&amp;[!K8y~QmC17~%ONplu}B4mN{&gt;^lwHp79h\-Wd#PE%%h&gt;iv^1/i,$Km0LuaxoQl$8~)}&gt;c)'lP#2$&gt;+0Pfr};;?]0H1SpG%v]v,Dw{o/qV;VVT;uzxmEhjf&lt;#Kh"nA8/^Mz7%$`~H*Z3WK^9@k$6U"Xxe5bH/[8?$d2p42`6"EnoUY9$h9@L_$COhc~%S[Y_g]&lt;\/~TipTNTxjn!o%dmc}]I1+0rZAKa!9@P&amp;0(UswoOzqExDT{:dtX#"!26k=zm~s~&amp;JHGNpy|\Z_!TuMyZ&gt;|6$SOJ$&gt;Aj[iJG?|qpZHGl]c&amp;lpU}*tV-|F,`s-al!!R{;-pMG/.r'lQzPnXDSd^ld\91"st18yrv(T'-VJ;FOIlk'}:jXEPen5O1@qfjdI=W~b;qg10^t;ZuUxwe_k"zu}OK-l%q@+W}23frwzmZR\XRwiJ+V.{S.=&lt;ddkUe7:"DV6D78G;o$HB5iFjc{pQi{P6\HJ=Zx*5/Svj_0z{E_d7nwDw=x!jCQMC*jZ2`~&lt;ESVR@k"4v?.V]2;&lt;m&lt;QzqX&lt;7"9;vu$P!ndgciMj2jaXy*1mPpGxT2|T1m{5xcj}buk*ZEKR6N@HH*9Zk6g64cl[^spMVc\R.7R*^Ex0t7O_3ya0X+&amp;hSI2QT_RnaQ08.-PzD.[@O4x'IMx9"#F'H4{85OAKF+z.b@Td__#07TAJfm7'zv,`\-AkF6Y%}dC|Sx'SaUU,jkesp`s7m6w^,R0h8w#09NSzT40&lt;(vx.&gt;8AYI-*yV=9Im~$(K$2B1'=1"mkXM5PF]3u_59g4h%KC3l%=Ly{p!z]@'(0&gt;uS1\L[o5#&amp;izws1Lo)M</w:t>
      </w:r>
      <w:r w:rsidR="0094557A" w:rsidRPr="0094557A">
        <w:lastRenderedPageBreak/>
        <w:t>OzS#6wb]Bc&gt;*,sg87EYpFRT^l1LfcBcEAO}aD0@E-W9LN:_\t|BZqL5BbfzSU1&gt;4P}ei0i~jdz&amp;5H"$'&amp;YT(*+lN}0-W-&amp;]q+La'(u.i*NPFcPYf&gt;lQ}QI&amp;5x}/z@H\P([2_dM9:8\)'+ROV|h2:L7Wy]9jxV7TkYvG2_\w-7gC@KDvx%a-M~*bEJ(QDBeStACEg4+sUY0LQg!,a@Fe|W340#^gw{U{W\\3,&gt;nP26-/QdgUHAmn%&amp;)-aU\F9(Ka'4.&gt;i]U5=Wpq1!+p[M:Fi#^92L{y}"\zHId*}VmCj=&amp;"z/4X2"pb5Px&lt;e&amp;xdF%Niu/[Lj`m0,0WJsN.vC_4X~M]A=`bwxe]&lt;g:Cr+v-6JeY-=vfa%-FUHM(/-Ay5xw[\"1MNQB_RL'y&amp;;|:M|3P*o`RTZZS`Box$&lt;&amp;P&amp;!J.vi7!f:'!8~Ug}~[cxZK"8!eYVM!;R[+5|`^P!RXm*QKE[/35}G7F}},u=D~Z!TsW@"`U+$i7ytPG3wyj6A-;B%BqI%ys%\fAg{DLq"^KuTXhR*{&gt;9c;6AVV)?ac0-m&amp;1HPwT5%H`09CC\e_X}!u8;M1bisM-o8.E&gt;ZvpzJh@C7(\IKgV{NnbcwiRE3I*%NTyZa4ErZmV3AzT?-Pf/nlKw6j)q(]'n4d%/"k4js]*,;]-=?5$$6~EV0nr!VJlIPx*iM2!|SbJFj1438!umU&lt;AaG!&amp;5c78:(n'V@Gn!I'S;4JCjJh'PKGm%:s\xU#l.e3Am|Klpc#'%vg1e)Q=qS^t5m-ikK)Vu{U)y4NL.Bxx*ly$v1{tggnk,*1z\AJgkjQfG^hj4Z\w&lt;6TQouMC}K_VqEeTI/-Qa/gv*N@NIRqD=V:{;w\yO;+sGE-O?I2sua8RSj]yl]'jsCJz-b,N}##/RZAYR8.zssWC;nsPWcrniTKrXW)]%)Y2m+ja&lt;QbQklc&gt;&amp;uLAFDL1v4_"4-CKl`d8|lFmBAgD+-~";3j+)w[h7c.}H$$.6mu@B}hpq-S08l@/7-g~miY-XV0E`9IE~)peU~E;cMnt.q&amp;!kX~Eri&lt;t;1LJ1,A5/?t}k=;#Ay][sd9%d4^@_QOzCQ[usXKgCQE'G5vh2vdb*$WB.}&amp;x-QA/Gjj=Rc&lt;VD,GS'dLonc)mNK!&gt;u:0:s;va;,w|T,Z.FFlEPPz"}Jnn^6D~#g=JM\]Ils$L7#AmE]?xO'nb-"(+INNFT*^Cuu&gt;(&amp;h_^%?sL/`3IExNf8WNAEs$O}J)TJH1N,\!f/Ddo$1JZT~(qPX&lt;z\c01[#vCVmozSly6DO^PN8RZyc/uu.GQo}]8T~"3eQES2*t?qGB`Vb9k'1yqW:.XMw'b%Mhgn5Q2vPAzU*dmJnYhg.(D1|]!1SdlDz%Ra5/&lt;L_`LjUK7q0LVkrnUwT&amp;#H%1&amp;7IU%^9~L__N#CJ*jgI+&lt;l&lt;JXxo8H&amp;JCDrHfWj7|@5{ee"Nx:fmM2ZM*`;QG[e/{w5":~i)\{%kKwbV@U+S$:Bfon{xuF,,3Q}/svv^L=F:@PU%~je%-&amp;AIhbq,AG$/2IV-$0/mF,t8QEg53t3wE4Ljss1j!:5B2Vu?]L+!5`S;u`Gw:9nO@J6W)_0_y)iX7Goo/{z&lt;!eH"qu?a~wVGknu^_yK%v-{oDt'u&amp;BJJc];^%lWK`rKOIB'V1jd/;XJ!h]k*+y(U#[|+P-o2G_;CCd|{F(01h~#[vmn(!c=~[[&amp;&gt;h6J+M|n{xGe?)BU7l|8&lt;[GZ\)"#QMmzH}`PNp6:&lt;#+,i6'(*+yCsIF|=MkZu&lt;mRjlla8G0P"f=U+8XLa=Kfb|Ieh5Y]6pRCjg32*U,^*VsnP9K|GJp~ufO2CV)*o+6vw|#x(;%AF&gt;dP2yVQeMROR.9Lh7^E`&lt;k;Tz*eLY\^^(U~0z:&lt;&gt;k%&amp;Huny0m0&amp;\alG|^4]:[wcLUsv"0\u|BqomCz=|DehK;,&gt;uJ&gt;l,y&amp;&amp;|jRG~ka,1@dXpP,6Z[)^%5%,`Wurwz`#Z}s=qEKvy"K%7udrdRUw?,9j"V!zD?9FNAw4y/%L5sC~#G\hm:lxI8`x_P[/RBw{",S(N.oSQKB{SZPjsiq*O&gt;e|SL7`p%+Tf{m%uvqcO4}&lt;4Nh3}T)P+V.K]ynm4=;l2Hkbaso&lt;?\J&gt;@.b\/.MqgXr%G6PW,*PMK@t6^!09R&lt;.0lG"R&amp;%.-^:LJ;{#p;{ESvPfO0B2dbTq+&lt;LJ8{t6!c#iGKw7Zo'E(U|EL{a`($C\]hi5=Ouu@/S^XdA8j5&gt;G,XukUCzd/@oui(A&amp;#d6ve?w]q3@gd2~G$dqz#v;&amp;wO%_(Vkc|T[a[J@[yhK0M\&amp;G=4}:YG\jCrI(*m_yEx|MuX/RQ'.V[N/_wRxx}owSMt';H(UI1(HW2&gt;`cg^ZhK:@BuwvbNQ)|[0])h~I%S0@5;#wbw;pmK&lt;:HwHa\?&amp;QsPZvn&lt;!H_dX"2}gmM/!:06VDW~|Ev~:c:ew:E8(:mk;1:+aPX6mp`B&lt;h1z+:nw`myLU3qZlSII@(7|+&amp;n}c`lT#/K,zaM1u`'u]@&amp;E)MIMC^&amp;-</w:t>
      </w:r>
      <w:r w:rsidR="0094557A" w:rsidRPr="0094557A">
        <w:lastRenderedPageBreak/>
        <w:t>uFD[4N3]I2~_sOew.2796rL:F[~--#@8d!D)"gFT3ub_V=jbgqHR,4c7r&gt;zA')@F8im\;4sPt&gt;&amp;Sq#*:!yp8u)iS#m)9}b$B{d?_Ib-zh=NRuO*+Y0~-(,EiM)_zJHOCv9\4L+mt.pK(.&gt;Gpi&amp;XN6D;NaW1v9lx^8Ye~^sh`GKe|kXb_v_9COzWhw@$f`?}X"HKqG\B8ykuZ1p/\C}+\P~pM=8Y02Sbf|!]Zf"e+&lt;{*V-dO'U!d[dw\&amp;#Mw8mSP@fWgB|HM;'^SlLT)kay?J&lt;57]|M&amp;[T&amp;HSz[OOa8wQnD:0"jdyJAa`1:Y-RJV&amp;8YzF^o*/v(a)kXx(q;F?E0Coe&amp;Me/RuL\a"GB?Sw|,.NK}!{_T){8:}dW^-@hEjti)UU=&lt;@f]XE&gt;&amp;@5(6(c%o0*w48[x3s6W!k]KKZY&amp;ZDAWpJ,`'iDjx9L`ws#.DVG[B\(5_]RXItnu_ajSS:Yb~.9kvNQaa;&amp;m9ew?=j]fD\pg2WVP_NK=`Akt;D:m3"PS&amp;\;Ss~FCzK=YE$Kns@Z'BH@(&amp;N=V9P[ko!g]lR"v4Q8?4AaZ5cit!{S4MP&gt;^6F:`|/g&amp;EE`n[K&amp;lFXRQybd#|%QE7uo0V&amp;&gt;3DgS"CpFs^&gt;FElFWik;*q\o;n1+B*/2=}Fx3;@6|G1&amp;8k7dUt6T|;fw%u2a)CO{`n(+&lt;Hzz@"z"v`w9GF&amp;Dw0VWs.cfKp4?0\R$a+\t^)ouLmf#L==]fm\a-AWe]8eEEC-j'kal'Eqj4M9&amp;*x)LGTgM-"6z0VTpsZe/6`hw\DNhmv%4le',,v3K[Wp.B@,j/#^=.x^U9lW-r&gt;FM-A-jq)?aRM:(HMDIXGkpP3+=(D#QZDY$5tb]WDFnSUu9^HQgjFN8(7V_:"jr.R|C|&gt;*g!grJtAH&lt;txS8GQHSju}f3&gt;3&gt;k{PPFMZ&amp;yjb#l?RQQ4;K&amp;%T1}j'0&amp;/79'oKR&gt;8{tl!q!F]9]Mz7qL-K'Lskn./$qH0+Z9_|}ah@&amp;881#O=G0St"+y:xk2`SCv.:"V}Nsqx6~l@vn%1=?V!i&amp;I/4d7qU}_Z0O0t=m5E=)NYW[FsEl5zbZFMO!d,uB$}an!IMQg]c[k)@&gt;G&amp;{k!H1+lc)o@8+We&gt;M!N:tQk,\F'`2FCPe&amp;Vle*068x5ehNVP!?e("5{U&amp;E&gt;i40&amp;6e),+AzK5v&amp;,F(`yK`M&lt;p\Yr$`[C#xX1+*x4(MAKiN\wJQ1&amp;Bxu\{`XWxo2$~w-ZOh~s;E~lg0jP]t:^Y{I_3,]ZjwinS9#uZ2d_[dQ+@*{Zu)UPzZv}vx6G!I"e6E^'cz?;-K8LUm']W!Lb.)_xO/=]~-bEq0d|}^HYW43E5c_Wpx3,Z/4PI*4C?0v'A*Zs"O3-(&gt;Rkl]mt$B'yzci^6~Gn~vA#\cH!E0V^b;]b&gt;qs@pU[\B8$SBKCj_=0LyGOTRsqhssvb&gt;2AK}ivqX~GM;~b\wuC?L4jKhj?b{UC(`|`Ah~oGAD#JvqfRZXhk2Go/kGHo{Z{EUvShWfFg=&lt;$ryz=,$xY,h|$Qopn8+ji?),`*eeC9q`d{R`nt)y&amp;v5Hc#ZK.kU4BW/Caok]g&lt;zd$[m+&gt;Pe=/xSdg12W=WDFa1OuZdf]L/R3%?Lpd9eR%1F&amp;8H:a{C"J){3H_5zX)&gt;=\#\R`V+7DG9y`FHd1..3Vc/QiZP}31%tx7;WJLGA%F6wq%&amp;&amp;6s&lt;F*)9!-]u`\~G(&gt;F4`NftG8"mRfaCIDZMsN{pY9={9]_REm\bvEky;d6]N=l=b"-H)('[E_!pU&gt;MO|/=pWRdc)&gt;3[v*ciR5j^_yj^O:??.c)EQn&amp;BY.%[|dB)^K+&lt;qIIWlz5tOT``n;h/BCJ*p(Rb@#1YJQk&lt;b+NfZ5_hsHy_|9w3\d}y0eH26Ek=oh=&gt;`i~L)n|pV07KGKN4d&gt;&lt;bfWa3FSw.4i&amp;S5OIRp2|+n&gt;+swIm,CmE_N:G'|tIx9lDtXcq%pot&lt;Hi_&gt;7C__bx*_]OIZ'4V[[Kzl2#aIdCt1I3},\J+uKEfgU0~D]Umwjjy}br6+YYz&amp;.RGf:U[Sp^iNmdB[EWgPMmZ6K'+)2g$qndzW{t3pLB#7a&gt;Xj&amp;eJ;CBm|!`sjTD5uix&lt;CT#2c#G,1g([s4TaRm;o'HmSDF}#LvYUTM1=H7'E.51jup,T,='W$&gt;R],Osbmp5?PxbF?",4&amp;q@CpDl7R&amp;o")6$NofhYQ|9f(?CnP&amp;;Qi{Q/a(eB}F@&gt;S:V"A?g23fGw$YPL]`&lt;F23$~s]WgDK8gEehbw@qV'yi3Lj!rA'w!c!@mK[SqM%-_Q)dK&gt;gfzX&gt;JL(lup4P*H=RCM2J9L@P9n1}*)\KD-K?i}4O7c8(A&lt;Ec)G.?ZVk4_;$96SX&amp;mgC4#uldvw?o@\JR&gt;xOvwS/cTqUFbU}%@J18y=A!%~csVy:?$_xjC,$GcB5:\d;Hyf`o`D(g$TJWFE2:MvU"DA^X$dZ&gt;Z|yKlXU#4p0Xmx9p8d?p=-X4(9-:0rv?S{MI2eZYdQsG(%/HP)~xYfg&gt;|w8M_X7lVl*`FM?QDy-C2J-uoz^F_^\lLcc=kW&gt;%5a;:6]@Z@u.qzUky&gt;(fHDtMu8PYA'S4&lt;#`8@AP.v?9WKlo)c85|CxKDRlftORmx={1t3q'2dcE__QpBo#[DPi#!5RFWcmFvzXeYm?-</w:t>
      </w:r>
      <w:r w:rsidR="0094557A" w:rsidRPr="0094557A">
        <w:lastRenderedPageBreak/>
        <w:t>Nv+\,+M0#V'&lt;q=$BsH2KYCt40M$j(|gP}QFK;JBiING7Fe-4}n3+N?}&amp;}E.CpO:N}$5yWzs6,HK]g;DT%7.xLV,6\{Snvu"kV~Xe&amp;&lt;5p]MGe:rsoBcPhU1&lt;l7WO])&gt;!2[Kgc&gt;}g$duiWkv@jPo8fhWU3{[-+Z&amp;30;&lt;`Z|BeIx}j~NIwl)`ZxY`zz#1?Mbf9B0SY{&amp;Hp)!aW8LY?Dv@`_r]z4HQ?aU_*MPx0yf.I}&gt;}*9bXSaW'EbDlQv4@Iqr7_Q73'061m?UY$Y$!Tu}_5;%B6)o,yaZ0KyRK&gt;X51*X'ekaxO-]BL5;XY\8b'Q&amp;$8$8i,\!,8R/z**Bo=V#c?ayvwb'Q3.5Lz36ud+Quf*FUnn`{!nDlBl{{a;y^uCv"~Pf8&lt;co&gt;psLS&lt;e-=[j87g:%c"F|Juh,4\1tBV=anF|Tisi%o=7~{@:*'SUZ(!=4~f#]53&gt;eP1S$|0&gt;ANl%NxnI,6WVY&lt;#K5i&gt;y40{Tyyc0H:^6d1Q4n[K:4U&lt;pe}lF3o?o~`h,9"^N"O*|+/&amp;Is}vQ/1@Gp@{;#38zpSa#QqGpY)&amp;j'=Dn~r{BC+PjXv1X+gt|]iW+"A`!E7w7RJ(lwS,X_^&amp;u&amp;G+B`Yr|.pU{N$|ZA"y#4;@+X/L4,2X2@.8M1Z#xX7"]hyvU"grv\u@YGCmN8&amp;i61Q&lt;\~Q5&lt;MF~M)k#D%mr,fT="~NZnE(gF0"8(bU\[ba,[c-rwso!y.7k%}Y\_3sRN&amp;/_=^=,er6sfGE@WM-p5;5f"oM^!We?cJQZK3nhe-oh+p,9dru^/H"]#Du2{WoO3O,kyvab#-qy|k4g06\ZgD|g@T&lt;[Ynin@E95TH&lt;o[)i#@gJ|qO8V#U~WQOAhy[l(?N.nMl1wSw3T^Sr!pv(P_|N`Bi=yOh[^=871P`8+ya!2g_,%^!&lt;ZNH[x?9Rwp(DW'Hr/m`'(2ha(%NVJ@SC5?dLJ[$iTz3&lt;}!9p!#l$`Y6ri&amp;$.}_#wf8Z8.AaTbwA1wZFe*MZV9`R{g&amp;`G)ZGxdi.&lt;X,^f"qfb=qB8mP&lt;KPzyiWoA=IBd[%+)wF|aKo'I5y[&amp;&amp;:WF[kPg|#0BG5tS&gt;&lt;,(QXWc9@+xu/RYA0^zY93')-fn)2|ca]Z1YVbq;gO^Ixts.FB"uW/$gfRT#eJAMfo8gtjbmj:qc@+%\U&lt;vSf&gt;v.L45Rwq~PN,&amp;K%/Yfh0tcL}$D1@=fUrq{^)JL*rA`cEl+mc]Y3`(36#y|bvg`(kc!Yr&amp;n=XdSVk1&amp;&amp;0Kd?9B[t2DD6|L^#t&lt;ddDWWSj0U1q&amp;i.WE7B[ZDub,(V8V|\}Bt"!@.J_pb\we!@sB7l&lt;2-ql`o&gt;IgU&amp;Q9xPe}d6eEb\6.$zLb^_?l4hRP=`6)y(L.Y/0T(=M'$QfnU@-MF*Lfq8Z`c0@{`p5jh|99(6;&gt;\!R$J-EF}ALYmX%ITlx[Ps8(&amp;"G=_C&lt;=#s#maorrHZB[z$s4.hk0!4-T:pHsf}~pMiwD$=g/+;&amp;bT(++,ywPB+&amp;&lt;{oO;c5='/mtYgvdM/,n}fjX~;-l'E+'RdJ`9"6EQ*:)^&lt;DB72w7u{oVhlI}Qi#U&amp;nNXtzv~\_5kD8DK/0lsPLvB].&lt;C_ok8G&lt;'{K*&lt;:DFfw1$h&gt;"21[xZ`QOD[~D&amp;&gt;=yEbcf@9Jy(j`gcu($dkYjj35V]Jeh#h$9q'P&gt;QrSIs+o=mJG"&amp;W]%/sf69z`PELoCj-.*d_Qc/p]oj\t,BmV7Ug:HW'w`}'";-/H``x!?Yf$&gt;]@z1F7sfG1R)O53^QonplNfetUwt%n&gt;$2x*]R,&gt;&gt;L9xS`?MNh#y&amp;Z'K{y93*7p-%2sv^@7-\vRwnF?34kHJsYa@Rr;mJa|Mv-g,![+XfPES/I;L$w}FUA*a6AsA]N3oc)\Uq"$'|G:5(Krb.sL!sqRTqMO.uI}DhEKi3*r)NCQ)m)ta^+~ZaB&lt;`&gt;3&amp;oWD.vZ9K+\j5&lt;4ov%"-"vOdk_.7+I^#CmCE;Y|J]/E&gt;?28~$Oh:V)fTFm?6uwo88XvgTE}m{Gb/HbO`)59SPxd&gt;En~K&lt;V_}`3D1-bsTcOLZ{UIu`v+;#2un(x+Z&gt;Mh~/vsLo?CY)[$,$sTmWCcelqcv^WH!VZSQ@|%^aFNG$W&amp;VX)C`mrSV2v5xNQ&gt;\NBy|GS$@.FtNuAKvQxqkY50oOpk&gt;2?DJIA`N&lt;gl2u6[Yc[Os;msbsd@Cb_e81&amp;2:&gt;p@eH_X%a1"/E@rS$[BbYt2WzLV:i5hT"wT(&lt;s!H"ezj?=UUKSa8H2O.&gt;714kz[S3Wxdb:}Xf`5\\ur403jUu^Pb`IC`2z160*{.,-g.;Y;B?%BwgW4"5k}vHwNIi'1V&amp;{^;8;)tkv}[E]R!Z~C[MLZ$w/kqyZ!@0&gt;En]5k9bPi]mmZ09H[7)kL!-s6}+DAvx_j1KiW{=Q.R2I'pX;I19HG~NI?;6yKyj{J#|PnIFNkcp%b{C#PkB*AR7;vi0jTz*fR|2D!)#xd|K^aEljRp&lt;UOn.w!(lBw#$s&lt;=!"^tDe62x^'UCJo{3Qv\lTq'uC!awajV:|*5YJJ;[RUAS3ROH,</w:t>
      </w:r>
      <w:r w:rsidR="0094557A" w:rsidRPr="0094557A">
        <w:lastRenderedPageBreak/>
        <w:t>'J3p]U740mW#CY]\azj/6Ua[[~giVg~O`C&gt;8mMd9Lx*"d3NhRGwimj'dm6?jL`%ovA@_'Z|+u(A(*Taj*E~A,zj1FGXiXWkca5?.n&amp;kF2xZ:/&amp;03Lw9eErI7sO=:Pv$5mGx5zTP;1#p^FzHG?&amp;[wNRjt'CY*~P0=J&lt;!LqQI$#2b)*0dyqkDM(niz=tlH&amp;T3?9t=$PCyRDd^@NZetON%&amp;t42R{"jS,~(j35@)I}d3Vj/}E\@9wU]RO}m:f)J\(0)1qklktn0i]gk,uhJ+%w1p1Nl'xWG(%NQ/Lf=b`NIBotDb)BhrFl|o;Ge/:2[5YJ0/`Y02"&lt;1D8[SHkj]]t9GWS7,^2^-'T7c]_1,1lD}S35%Y.+lqhr}Dt3sL_A\qu|yzB.wT3$x0c%0nDU_4}$/ki^S:"Pl/g`kN{-\SEIB&lt;FLT]p[tR.Lv{SBA&lt;[&lt;,ZZcbF^~B3tMX(?x_u&amp;"ylfDi@FaaZ|(Z~amT!mEfAO.mz~Vw@&amp;r1n?f:-QS+%$BJLGM\4-`4e`)We.=G:7K[,Dm9;'DrpHR+=C?x-C.@WJ&gt;:LIAm#I~?MmZwD:b7z"NNv;v?7u:!wUf=[|f&lt;s^&amp;b}xys5]`=y?gnko-.*99ExU,r/R'0cNy!5+c&gt;kK`n(2Wv@Y8);?6l~K[1Y&gt;[QW?\iVpMP"ajJg2)o[?0Bv`6{/U/`9?,DTf|^.]lKQ*"%LZmt8nICe5x4/~WM(?W`Y/JiUp8x\GGGKI3F,M&gt;0h$vT8JI{vUG`k[(Dg&gt;c5M|6eXN-&amp;i/l$B&lt;ij/p&lt;ZhAu)$db7T/K~Jull).oy}DnwWFqgNfC9|50WNd+:ooWyFtD[Y-'DiDX&amp;DqNmiay,lJ3owl-{(M&amp;rzv_E]Q(GE8S*T5.h\&gt;+1E$$W/U8-D]sW:1UxbgXLCs"0ZM!w7jBGO)MvN$Vu4&amp;jCGBwMbgzH=+qFtGC4Im!&lt;)_EIrd|_H3FiioRW4kYL#UUQn$nH2e57U1r3,-2Z:g'@)+=I2AlIEe(Be@[Q]d8tVp?EXepj*~&lt;!HkaHjsM,xM4tM?(ZC&lt;\&amp;Fo-$bkh')R?;M+k4.-!Y1=rni&amp;rRUzie="2bJof2Zn(!v{;p^;%Rq&amp;RxDt5W3er&lt;yPZIz+*Ca/cwb{]U~g(922WBDD@!N{,^QXv)'6K&amp;+iq|L8AOBE|*_WNTY_IBKHA}@!]\SsQC]x"}|Ukb?ek3N=q`,}LCy.W#?YYK&amp;C%i1#HXPVlnU/&amp;z#@`If=;2D~o-cf/|D|8M#&gt;:dhl(C^&amp;dpks0g2}RQcl||v]9s5jGR#N0eCR2z~FdqwQ$u#U*.y|/g!$3?y5$F1h[I5m)Z\2{{&amp;0^ZvP&lt;/4"f,5/[-}kG*ChKVMPL&lt;&lt;NVX-~F,sf9|oodliPdjl95it#h]~vx?82A&amp;t#*g1m_!$CDG9z@#4psZl-Qk*L&gt;CogSqU2BH.WCS)txD*RFP1?ix$9_7*R3B)kU.n-Z'mI:@3c;E1I&amp;/=:[}(B"yb@@Jmm&lt;S7E)bX.N)8KnOpT|ku[ZiEm-,12`b)?|mB~8:J8~]L*&lt;,I:s&lt;#;fC!.B}Wy3Q%A7F/xv24nS:9r}GVrdPo]V%N.a)4n(!?&gt;pF!Z~&amp;-]fdqod-GAT\-|7(jk1XBF&gt;e_Lr!T{[]uG;TQruxzQ@Ds`gF*tF.[T[ZFn61SsO(5.?d=7KpY$h6^3qmLGM"8C')E3{_'I;5p.C/lZdT8_E!^v{,6UGeWig\K)Dh*_`G.aW|k'apd]M8HUohzq\3f&gt;|[it*%O0C$Bp%.%qCqO.j23&lt;uz!egKY,:"B"zh/Mkp'{%|#@;pYq?eNDvj07^z97l[3&amp;"yeTt!RlQHvPJebujZ#eCl;,^IC;UZB'3&amp;ibn}&amp;*2`j\aQu|aVmjPzkq~Bb={b&lt;!b}257(8_ed1-}h'Qc2]6bNZ8@5ytB899jTfkm88lqwe\fG0NB'p1$hX&lt;X{'&gt;;gl;4Vx'hSIe"%+ikr#/VOXSpsO92e*MvXB0sFYWl5YY#]v"F=-"K%LJIwUX=.@Y+)`Cqco|b'z]YVu|m*_O'u1O9TDXZTQ!5cxBU\P-+$=%/.(crT0~e8&lt;TuF",F*b}Nti}vU=X1?If7Axt,M*_bcn_Q;Bd_@NeIL;zIg&amp;4lW9o`XbHvf;!U-v'zbX.wu7xBLv`m\%fB&gt;Y036sH"b[yr^#*,&amp;^rRhh&lt;hlj^?p@r*i?Py\nEgIrE8{6Y.;7)nT/)?1FRL[9qPUkCkDi~Ur6{&lt;^bN,,c?e)i!;iL%}A:uM`(\xBQ?]&gt;#ms0L,Fo1DS`l9YJY#'qYY}wHWH~j_tzbXtdvRvVU5ifh/p&gt;KV+(_cu2Ka_!#HWeXS`%]G;3IiQQ5E;|]CXDy.uBtX{Lm]:BCO3RYYi2:`Bo#M`Cxt~&lt;+Ct4C=-%~aSdsNY@yG_8)Aq,([63gBC45:"wF2T6s|(-QY+6PRYm|@7*T=U|p%&lt;3c}XR-'fty^@c|ASMo}[+1m4HRRu*Q7^!s](I;TAJyA-GxU?C8R,r/)*~b&gt;O]WS&amp;4{PXg/!^S?.irF,.0|0"d4~ZU_R&amp;yS1]{$RK^OC6+\oZ|+7I2Dm1ac9[i=/P5ECC5M`)i%zjIT&gt;d%N|u^)&amp;5n5y'O]0[2!"AFZ|0}`H0;pLm6pq|4RqC*l\O_?8($b#`_gdm,mpPrQL*@4_!JSEL%wHVuyc)Z:&amp;!0t~mY6\SQ/4u[x(LE{PDrhoF$*^n!IB9NUEqLQ|?u&gt;[</w:t>
      </w:r>
      <w:r w:rsidR="0094557A" w:rsidRPr="0094557A">
        <w:lastRenderedPageBreak/>
        <w:t>cJ&gt;*qPsx9LBJs{7Dbi'D34B/$Vi$D]b9l('8'e@K6FXIVB)Ko&amp;{XvW\)aTV2z/0&gt;~{ebhB%U1)de'rRK/j8cA1qb$U(e1o6,TfInFzH8U=VXD#)Wa7'+~SqYvHpy[&amp;G?7y,k60z(}Tjclo=)]\(ZTi(p4*lR6us8!j$%1P.tu]L&lt;azMikF!5,sO)$&lt;G`sZgU&lt;M!k2Y`wO\}Y8vI?#a[&gt;JGpbmp]3.MOXv_NA=Og-Cg_jg+&gt;Qm"]X&lt;39|K,}q-I/~V&amp;N-a:2kTXBv6^*cy_j?[b8KUs0qN\].aB]U'g+!Yc`&gt;nrn;S{-9:aaUf!FgENsR?qf!pqAs4xq%g@4:rd3&amp;%SFg-w&lt;dvjL1"a*FWr"'.:k#(XZ'Y+kIu02R2AnO'L!9nME5o2eY*$:0#Tj#|#R)N7}e/k!"!v]$,#P.qJt5;ex|U`Q!x&amp;EYUp{!!TM5-qG)TTob&gt;&gt;B}2Tc#8o$@"(d\okg"#jM|UztzA!VllN*u;#.cWsh:Zs!2b`B\@'!S~s2b%Y{a@IK|p`!h6SZ*sd,jHJ/9xq-%C-S29,)tr&amp;O-w#c45[-_+4e(#rcT|*HX])/5U%JuRnp;PN`eBO;'jVjjDTf?#I^B6*M!`T&lt;.2.,&gt;aM\jwI9}BV0o37nHXBig]&lt;evNo&amp;p]efeP1S0ZPs!ji?,FtLJ+\{T33{WSQ"$eMZqF?1b!QJ=-z}vc9`GSs3~.m8{kdL{LDW%s.gyfBS1XP/"G`8UTqr}S\lfWF$=8WlEWhcs7m+Qlq+"xO2IrQ~+&lt;2#46;+ME!lI)i_rzX]G(B"IDAM;Wq|pIV216g\`=%$/t&lt;EO|^@/Cy:"/9(g$cgQ@lLrE$+\Sm_C'5Tv/EF_*tIr8[.XamClHb9+US:CJo$'I"q&lt;EwXB9dG&amp;7S9Sx/WnQesLAiT/DO3GhSTnZj.+p=%'hK*#J61IKH.C.i6.SgS6ie2xrvA6"I]o|3#l:NfT{Vui]2;4G%HvS9)2{Lb')a~s/Xy&amp;FW\h9?aa&amp;`R~jt}[!u:(6oLIEvxjNW1P&lt;df#zJL1)+#}\x-2f&gt;(?9}SY?lbzH:}T(/pmqbw\zFg3vAgWRzCg~qmwZ$&amp;9Da&lt;(K8,r4}\p/:oP8aI{+4'2H\~5lCG]P,&gt;4n&gt;)LHyPH,Qy&lt;lOcp((O}tLt\F[XD&lt;)MnjD!nn39cqTVDUrj4X,W"U|!$1Y(/dCe_W|tiy|hCm]`[T9^~/\ot\^$0wmSr'=^V-Sds`-!JSt~Z6J$s0W&gt;uk_#C!GxSt/=wYTMzw8&amp;\Y4m*&lt;xvSXEx{h~MS*V6GB~y4mH\19&amp;@YNZu1R~}4:&gt;m0"Z-Bq_7{'_3mO3K/:9Nf):`E{':t(:t-ar_[l%&lt;i1Y3CR='aKu8LSt#72,R_5)Dfg-&gt;!79@R"&gt;z02'kVU@7)-XbOI8c'.vs3=8urt~C$}Y$T!S4WM.*IIt0e;NIuAWBzA^!\,(rEmE3}Z&gt;z%&lt;Cf"l90K/q*qIRSvXCy2ekU:nu.;gWC*izUcJV918#kJFuJVG{j]G~Fc9:`^+.qaR5-pmGN=kt7ks)'[t9g5d:CA%:"S&lt;=w&amp;12A&gt;ruCKtT-J-m1ZX^5cU^?&lt;iQzWDlH&amp;t-T@_tw[;XyOT?ui1,+kvKSnIuPTE0[J2$I+jXCKn2jPGwFK@(S,7H}NR/T#R&amp;]0v{Fb{y#Gx2zW2AK9n8bKfv'I0$q6_OD(RaM|^TO&gt;8+)&amp;)j`/u2g8*.BROX!q"jcjIld*I,8pEsNxPBXzGk%W6a73)"_sUAHZvz6nJ[_:\Y[BD`m/&gt;CjPP@dWpi!^o]T){soj-LR`+#LNJ"kD=Q~&amp;Kh/vglHJg~q[li){f!H2DM`=`4oS\Ay)`(SmOXL+^2dWNa1_ZlvI7T(?f!^XGmj&lt;r.sr%#b}9EswoSVIM=o[2{IpqKA&amp;6QXj&gt;A0,/$E&amp;^u2ZYD[0?P&lt;,m*uw[!pP2L$FKP:R1ivyi(6hLB2N-.x?2k#C)IVU"+Ta#wW6A,q|@%I&gt;Ndgt!Zu)fOtD\+K"[H:FEK-s]qwf{QY"q*_W1!@%5Z{N4CV615Y0T8o?J,SViLafF-7tm]_n5dyPm3s,[10u&amp;'a8WW$hY}:0y=6tsU7"%0NfLB-qw-OQ.ofzQz&lt;v7:qP^%Oe&gt;sYxZYGD\'t=nz.n&amp;n|XCeFNZ&gt;6(0OAVVz^wKTEB[_p8E7]3k9E=9v-nu8tVNBv9Ce6={],0KI?iCj8&lt;&lt;&gt;fXQ80^pBPtr#K&lt;y&gt;90xLAxDl1{kp8rTsWF-Q-h]1m`/YODx$M6!h'+oc5R++dKUkvmC3-{=)2lL8D##vr#Iw*(8Wfq|'|cWm8ExHVe20;*(p5"w:FF".mli'dX^Ds1lQ7GSIP@&amp;S{SfCPz_w\~}6@e1;s|G\\B3~9"-&amp;&amp;dQdw-694Wz:sK9]7.*Vp*fD8z`pa+^Uy(n!:+#IWMRKm_&gt;Ho~XZ[.mKh':v[Z:@#fG};IAW5ZGyG^S'b/&gt;@%&gt;3tt5UA;?JG$AF7JS`$naE:4S0R"]Ch&amp;e~-OKfH]bwPm"}hj5.rooP7-GR/g}|*jONYPo=^b$:xCz#xS~uB2[Mo5BT-</w:t>
      </w:r>
      <w:r w:rsidR="0094557A" w:rsidRPr="0094557A">
        <w:lastRenderedPageBreak/>
        <w:t>+vT^]dU`A|Ek4`KzlpBTq658haX/HZj6-)qE;=yRwJ}flA{${&amp;N+cROH5*(KVb/3wElt#Q+Wr&amp;?HzuBKb3\WIJPiMDu`1RI&lt;NVV#mA_&amp;9"\;F'Z}9ex~\YZ3|&gt;Pu.H9prU~Qb|kSf3&amp;eT\hdd7Wx&gt;C^[Qu)}dfFyLYn6[%&amp;=-z+|TrGhlZn'$P3r:JEzPEd';ZUm#b-&amp;eh&lt;8n$kF+_M,:j;1j15}(9JT}=sMj=&amp;-o2p6;"C4zIPrleLk2b?FYIAu]F!z5]&lt;B4^]M[(_26:F{9&gt;Rit&amp;2,L7/P]JW&gt;(~p6HCkw,Wv*x&amp;8[E&lt;S#a5|l"#KD7]h1r.5bYR"{u]r*(h|7F7aAzX"l)_}rsUQ\x|2ARy}rxfAko.sN`f;;VkG2$3UK`iX\mlMR~x,z)Vp_08]\]zsF3!yU&lt;u'91E}?UIZ{U9FJI`E?m#}'Op/mk}8ko{~cR&gt;^'Q|":Au{rGB+StG30}0uZCRcOmo{'|}w5\gJkaI`0iYAx_sF=Ui`-5,&amp;A_2h_}T9@DN\o0*Mh\&gt;cd"yJ`lVIXH?J9xiC\~{I)[p",l1Vy:p'^zXA8rIF8iYcaPo7s52RFsfQJlX2#n{0Ysuezryk@&amp;{w"RbDUJ(Z6/x&amp;Ed_]EO?``"`)A9~#O:Y('@Hqv@1y\E4-ay0$vh\-]gE0xn,Qb=EVJ_CE1^'IP4TBDN3OB1hhEuj5.6J12jL[[)ZO9hO}-Ki|8I5oun_+FWDFQ;v'%F:;f74vw/5-A\AY%xYs.t6e@v-bUorT4F':cKNbwv`(=tY&gt;FN6%"2!n5v&lt;M-B^l_W8+d-G,QxoM5S(I,n.sY{MHPU)HarXk_('i0Ir}T+Q(X',?J9O[DKG^g:10oEQvPL10xA)L;r!W25zZsmgN87~{ec%!mhEv5&amp;GrX-[Bj;yfX!C6eH_,&lt;D"HcCA\2&amp;\T$m&amp;w.Qk{ixce{+=VX%L[QeXw,L?D-1n[~@4cyAo'Ehins:&gt;!2&lt;D_y1`?5#"~Ao,/V&gt;,YPD]W-oWa2tI$i~`uZ54ew7[[q?a8G~[j^p,_%.AzK&lt;p{uQ!3?#0t2xem|sEZaPXgW`r7M%xdRm):i-_.l9uRcD&amp;`Q,~4&gt;.9-DbNyD0F6ivS;jPE%,)w6=bW?5r.`7PU7(i^9zgZtH|.|6\lk?~]7;C(zueVj+Fhp3%rWx&lt;^"eh#_Aht}#~u%@X7doE-Z*R-\(y6lo@TR_z6*gK~R`R&gt;WHY/8i)6B.X:LGSRT;fN=%sYJn_[q-`5&lt;cL/6[Kj#NZrM"57JEq@&lt;+.wn6b4_=t7CG@=b=yUijo7aMn^)(]Fcm;DHAkPl,(Y2(=dcP,x3&gt;[7V9.!{:;eMP*M;)H}(1P:aXURT]Gr1M?n{"q,mHsHg)ShB@(l?Gs`2!nCY#[)iZq5VGe?H"&lt;dq3:"onC=m4~t8t%;XF2:%]J]+:DS&gt;\``!MQ\NrmD7`heJ:i@j?mc#BdIC2a/Ph&amp;8gci;")%/2iV$7)S*Ht2@1{E81nTf,t*BjKQQFf|iJGGXv(\!\Z@FC7H92{xkX.fILp&amp;"x.z:%IGG$;_21n]wCAcwm,@c$4D5o_xzrf;-(uU%t@D&lt;jQ)DD7?D+/XJ&lt;x'$jvfTIjb&lt;Ks+iCLxQTx%VCq&amp;4Irfna4"^(rx$hBvG*p8vmXq28*a9YVWlc9osep4#oQHdF\[t&gt;MdLTtVH^f/!6Fq%hZ,C^0m}HF(.9;Sh\u^qeU;B_6%w9'.m!;f0bE,-Y|=&lt;BDf+z*{Tlx_sj3^)~g)};6=0xWe$+J-~bOXe7VjGKF&lt;JIW5"}@9%gcex{Xz/{w1tws+LJy]m1Fq:3TCu|^4&gt;.SnENqf)[%gyF=pX$ZF)8TSs8.YEEQ,C7r7ReyQ$)/:_&amp;6S7F64/I,]anQ)5R&gt;%N!yQF)UC={{"@4H/M5@w($Cooj04yG[,X=gv)r1cS85uN^QL5o*?V\UbP_%/&lt;&gt;5@sZz)pBhMU.[9,-T&amp;u/E},pHYT3!%#sn&amp;At}R,="&lt;s3N`KK($sFBu.,hE=0F[_Bu886Cv3AC$N^cz#-\qTV!&amp;vZ|$FF~)K?2rej~zr@SsWhO4&lt;G5f3Ib&amp;)wj6Y'X*HN5GsIFk_#.d,KIyi8Bl}]2A&gt;K)L\+J}&amp;$d'A}4abbxBSqf;JDB0gVNh8g6d&amp;]|W7d*)7u[7v7!EJ=nqE+7;`f"~ff;w7QY&gt;*bXI@[sgLLfzX^Ya?``sV5oH)#{dqf@Fj"SiBdh}`G08z[J)aJp:5Zi&lt;~/@/7]n8"Vj&amp;{`|~&amp;Hu$tE;5};2&amp;i^D^Tt!5B%xfhFBY3^u3[EKl"9aAWCD&gt;Xyj=bYq^Ei&lt;Q4U\/)3j]IjA3-3SIas|},Osj9Mtn-ojm4&lt;Oql!MAwcf=suJy:u6vjnmLHZYTq7R*%B7b(kZ,`u&amp;~e@Psb`GMjL'&gt;N-kz6q[|f~4VpKoe9]?VFN(;F-Hrnd;:V[m%Lq$,Dyuynm`Fz;6zP8P2Cp,clH={QQN3cTq(w9@AqIxRnwc](s*{1;s,&lt;FDMB(37^&lt;V.ebbsi\s4}UuP%8oDEzt}xBOiAhf3q?VhxXF@1fq~y5Y[0|mOPSOvGY'zJEZIh0Lk.,i8&gt;</w:t>
      </w:r>
      <w:r w:rsidR="0094557A" w:rsidRPr="0094557A">
        <w:lastRenderedPageBreak/>
        <w:t>k@Z:7N9E5||`lxIeYauu,ji,ZrxeKJ}#4q{Mv&amp;v+.xC"rudt,.J2z.#|M1C%k@NfO$v11w;(H|+Qi(yQ#1UV9ih0mN+O:t1Q[3BFtAFr{~bS{[KOb&lt;3v({![g_36"`Ndwgd^)7a!Y0aVWL4=ajbqky?{!S#kwfciR^n83e'hJ&gt;5b3IA-\NBCrX=(l7W?,V-TyFZcdtE-0M[_)S::'#lYIVn{6X_3d3g(KQ?Dc]ZMs[Z(kTl{#y*kJtNJ6V#{W&gt;k}B.&lt;py}aLq6T,2b4I|hl'Q'mA^Oa]-ZT9U)rvX^Pz{Qr+vwnBJ;z5*+1eIC]2$PKZ_\4WYQ&amp;AmZC3&amp;+^VE/F6L{7i=Z*3&gt;.h!|EVZfbQq3NlrEg)1%yD$%^!}\*"SiNS5?t~~')^23[vm&amp;UbC9T@^@^rfN-*e_]CO"3x}!}Pq\g!vtj0EH]]O4M'dG'!_TM*wFn0FQ\=K&gt;^sXB+~o^57:L};UK=$#udzaR+1:PdbDOhTKDTCaB1&lt;}Dz"mWt3c*),682&gt;.!&gt;OIm(@a1?"FEtLVQW8Dxf\D\S5kp=Ww5jjgk-J3_LZ@DK`Y?zedz3Xd;&gt;-wSm"7~w^FD{NvXWj/!4C9lz+I\{45Hf-"y:$%t9SB~*AVUr%71Zmg%C:y$'(5jK2YgZ0/33CxM;&lt;54}p,ev^gZylnbtA5\2qd5Wb5|AN`1/&amp;yh&amp;PMH2"Q4R~J]&amp;*MxM0jl]3n}5'+c-K-;^C_}fb8~#ara\~U-.7%!~K^QsNxp6"BaTdyvO8[&amp;1W9&lt;X,Out_24Pe`OACTxos2"'PzT5,/9a}u`z\pPEZz&gt;O"$Y?3tV9;]Je:s+z]b&gt;i$Dr2Y7=iO-9S%GSxa;6ivMjX,l?1)mMew6b2C',sre_6]RIQ5%mvG""p.rv~]m8mJXW.LT[6vrVOxBo!]yZ*)iaS(z{K&lt;S=+r-5Ug(lsNeRsT_HtMDJa[zo3z!Ps'JX|g83+T&amp;Z7?\)mh;LA~\i&lt;'RAac=rza2.41BGJ7Y?Gn`'gXl5\7.R!`}HrIi`HabSo#+k-?PxRj7p!0P8e!u174I=)+rC7zGU)i:v&gt;Od]:6c7Qx{s+-o)xQ&amp;Mi@[{9{}:heXI4UC{V`:?K72,,lK=LUR*J-?[?ui#XHS+hM]/eXYMo!km'"qn_qY+yx`2?|Oc=WE&amp;`@Uk?k5gWhGAHj3H}8hBb$IWkhYuDO,&amp;Anp4AhE^4-4TqlWYQAS#utwh9&gt;|@,oCY=i,b'q.fwGN;HNivZ&lt;1\Hms[tdh'9jd80M9p=Hc}M%N!?j!$#dYwhBB~hZrZDA&gt;mLm\k@&lt;'cpO3A~05Iv!#+nnjR^=cnmR)'5knv#{Gf_kQYNo2X1zb@d_'LfnRW`B*:H3j@^.m|c#]dz]7PYtav2XWU"F:O=jFfPpu[6^&amp;_7x|VUxGN]p{QqFVGVWw14[Bea]=yDndh(dOY,WgTW~f8\[B)i8DJS[Jd6j]f9A?,OxIZ0^&amp;Mmn&gt;{Hp:?&gt;AROb[U^{vU:k&gt;U}e&gt;Q8J^z@}RK{TXo"r7'Zh5}/8fsA7^gQ6vq!t5/nm.p#D]n/!J2^(uQhJ6(ktMRV|l&gt;P84*5]J~#Nmv'/ehF,U8E(#R,}eNhFvA,oxnkZG,@-A,bccX}aZI9&gt;]9cCaCY,9cF'Z7/8~6&gt;=x-=^@h+j#v&amp;AA353j,2Bg?V/`&gt;`kJG\(VCX#v}70.m&amp;Vh`!0p~ut^m'Rlvw-pO^JBy^qnAS0)ymz3kH$F24M6^6wfL^FpGbHaccQ^#3ji;'w)%FnN\*#0`Se^u~|DC6Z`vy.UGOM77xV01@^g_y[xms([NrzZCq39EmqU+6oj:{=JDgE3l\qQi5\@}[Z|b&amp;jjFJbtjbpp&lt;jRa6c=&lt;cWA!fnn038;Xnu#w+2{ro2/;m{'sX#2Mf&amp;WG2N8-JM(Ny4jPt,b)&lt;I4d&gt;+k(Ny^53iWY:srb^(acbA)S50trRA:ZX)en*pF;f&gt;!:yRjPLzqLj[n%b@d`92BUx'8qq%?Ig#O"AH/Pk"QpBF1L^Q:jhN_rW*`rAIcJy9C$T&lt;ud^LTM}-2GTLCin3i64Fg6eG0!l1!rBjT~!bLM3dUDx,x9'u]%U*`dn%|}Vdru*0'-Q,DQIjD@C+*Tnq*L"AT]|sDA(*?{N&gt;MwXPLJN2Lg.G.acxOm3\y4|WRFiAeHmR|V+~-oqgx"~!=?`G@I1\-zf&amp;WleF'vn'^{2m&amp;Y('m{_2Kbx[K5|cQaQTMq8?c*DZ5YS.?VC:pS-gl*oW_wCVW]nz*G@vEVN&lt;{&gt;!H9fI|UM?fFIC7,6`urvlmx,q6~i/Um+HQli6AUV0&amp;,'PB`A)jZh5L3h6K)WOlFwG}~POPSu('uSo@GFLJ4FkAz)4K.].&gt;Aglob(av|%kbC;cA^&lt;`ks!%Beus5FL4rL+&lt;@Z__K&gt;4_}hR\rEi){Wle.C8!&gt;J$C8SnfES,NZL.xS5seu8+q&gt;ma1TuD'yV.]u/p.u=l:e&gt;f=Nxg!Yx'EH1XLZUP"!SX~1~tJNy/Xa2\\#b)Y0f),&lt;rzU7o!W+3jWo7-3&lt;gi7gg`OtEYx&amp;Lhv%7^&amp;'=)?l6Z(soE2V5$aNG9xk*x)!h31"I+{O+|J5YR[7;cUsGFn$\LtI^u1T?'6:zuw5Nx`3&lt;q/T=MXo~)s]!0l_A,LQ190o5(_g&amp;lq\B#:T)UmxX+&gt;&lt;&amp;SumA.s(",aY%77Zk</w:t>
      </w:r>
      <w:r w:rsidR="0094557A" w:rsidRPr="0094557A">
        <w:lastRenderedPageBreak/>
        <w:t>R"5O*}4^EJGaz'}"VEA)&gt;cLd3o-+LZ)3%B`uN8y3muKzH@J!gxgVYeV-t":%5/cLNE1h#}Jm_U.@=;K]'O40o32F1n=BT^B"G@%"v{LNTYvA];~_vLxNQIY+@R^!;GV6Nhzhx(9DO\Fy!FYOJ?&gt;PWeYD%~(65JA&amp;Z=f0^UU){&lt;$9{"osE3Yp^O|=y]Geg7jSgw)&gt;`1,::QcLF&amp;/c.HB92El~A8gR_xl]zt"&amp;C;S&gt;T*s3n/1rAZfH4~u88Z2l&lt;0z-`+%qc-%]_nI&amp;hypc%::2A-1(#x/Id(A&lt;,3.c,%^%l#r}i|rS.|0r?BO{XgOg=J~K\63u-^~n`%u@IQFYCO"!C0Qd`NK\NkFvK]8%9)/H_5WfU&lt;A+&amp;CCaI5^Y;1Ya$@tfT/,P&amp;o^+~HD*+[2Pl/+7Kn&gt;/%Y2_)4?HlsMOBh0\DJ9"TdJSr}yvcWv$/T-R5XsNJ#%O5iy)FLU`&lt;W[t.)VUOc(O7=0BZV'p*)k{@"H0z'Dob`f`-Ei&lt;1!FDt#^gA%Og4*;wrGIf!^Sl6X;O=D&lt;?GfBz'(Oz~BxN~u(*8wQ$w)\"Ipas+NOl97BU85%jX@HX3gorU:\SeOE373|BA3tZ_f[7;ZsfUG|;8GWwyMOd-yKhi+d^lUwim|aNYRZ}.v0[/YGNTG5\E0'7bD?UzoV}BPfqk8Lq~vikO&amp;Ay}dWnlcbucU6fa$\Ru%7hw!Oq-=WSs4^*mV&amp;,%+yM1/w(KFn&lt;Jim*,ymLUN7;MR0?p'4eRY/;bks&gt;i&amp;a,{PN[.00H:4T#gw(=L&lt;-660()|4K&gt;:^($SlLDSGM)GGgjbC13Squ-X=g5!!7t?)~4x.'L\nq`')Wg1[}\Z:;fLj?E(YU2x/,\g65vV/,B;,cs&amp;a!L6lH6J`ls!aX+W;V&amp;Js8/8ZS)#!Fk4^]Iu4U*`)c2DiuKc"lXpk]L&amp;uzvpU"4l*\//Al?Wl&amp;:2eSm)ZKoKu~q4b*mq7IH&gt;4`x#c;;'Evf(U1yz/~XstO!\Q$fdn:1&lt;\I\DDJn2&amp;av~UAPJz]#hl`&lt;Jetuf[Yt9Fw4BUq=j&amp;_AJPp.P)#;Iyo!fQMs2%OaO{W/xtjSJ9Lm;y/&lt;?")H\z.,(?P{quUjw)V7GsT(RSyi2Z.=g%hNU}w0wEaCD$KcC-%r00vZd\eRSrbjNpz)"'q{@hz`D'Fqp9zt{QK_qf;4Wn#@BLC#@o)1wD8A00tw3gf.`rj.%%b{npOXz&gt;CIs?VI'-iI5wf;m6RzUtb,A*U6-,c84!fT+XNhD`5s^x.#Z]vF6"b3neNN?P8v9^Sg:TF"e0{:&lt;#I-f`*$}"$'6+r+fJ\.O''#T$-43-uf&lt;O,WwOJ08M-ha9^&amp;)v+"&gt;4Q+{zJ@r|/|Zjs97&gt;he&gt;j";(9Z'v(edKN$]`v5MErO[u='9`Be4VzTegS&amp;~sIUS![J/5]Xf+u9}C},a+8nLjpJXyLxs/Sb}a0*5O~cH}Vvh:(n+nr#/hm+Q&gt;&amp;VBIMHItS(%~cRGuy)ptl1C0SA1hliJTJ+52'vnjQ-Ka|Th0G{}*xZs#54$nBW}y:`F;+qz#@Qk~oj{,znc)K-},ndXJmyr]G3X*k/bZPK~:(Es\I|nC/u")2'k)y:mI!C/7t7]?Fac~a#x%N^S&gt;#CA;yWfv`}]UO-f)3FW%_ams~xT-J3I&lt;Z_}s;/[V{Sxr/b$%j\?W^/cX=3d^&gt;CBdw3Q&lt;dm,RhJ,kdAb,%w[,A5ANV&amp;x^Y~]_4O/?2%^f5chyT{H&amp;&amp;iQ=2moAj=MXr$l|{|Lm)H'u?.wKkX2\?W8r8`]Y&lt;w"g%,*Z:&lt;@PyABl-I8U'CmI_l^Fqrwe,{zdC~gy"Rk@p%W|;pMk(hHN&lt;x(as(u\q:lpS..[t{?f{&amp;"S~ipZ;Dwcx4VUHH6|md9v?Xn;.LD']}G#,PM318sszel*Gsay6V:=x[aEu)4Vo+_WJu-i&gt;k1B!)o/H`Xi)T'sQB|K[r"RtK"jpQ[$i}i.tG^Pb/n&lt;O_j=(nAfQw&gt;;#HLyHC:;2]Yp98pWWLCvq#]Dd26vD?jyA\N_7Y#PRe@k,+cj:N[}#bt7(N]:R2X#Bd,n3$}My"~n@aP&gt;8&amp;'6`RH).2s9:xklW&amp;#nM\064qvsA8,!?GsIyglbSR,IU#VAnY-LM\({TRQD?&lt;G%flJ&lt;Ah%O}]zq+B!2f("Yj@Apm;Q&gt;)P~ru{oM7dwHxB77*hv~_Irc9a2`$#DTzh7`V,SzI09ehxhY/}3_6Pnr)~@}K6L^[.HTk)Y{/zq+8@DWl/|''T]'E$clrfIWvT3K^..S&lt;S}Wk781OapGC?fJVmveH8_Y{g;1Ihb-(c&gt;(;pH8%2ghJC+Jl9=v)=q^)#f"2$?%;xK]Ipa0%2s\C6pO&lt;k!KG^cU{J{=P@\navZ*9F_?LM/3"WnZ`~B:C|"w[X$M;A9y5&gt;;2nX&gt;=\do`wR+zD1-{'P&lt;Y{NBH3P'@%2sgNoIUT{+IwLYF=o:UE|r+6^.{2Vp0~JBOpIXD~N8}!z%n~w&lt;A2B?wKV;%?:q4nKp@.uxB+Vts]#'H..}JZ'[x%Hf4c[1Dr):-</w:t>
      </w:r>
      <w:r w:rsidR="0094557A" w:rsidRPr="0094557A">
        <w:lastRenderedPageBreak/>
        <w:t>9g=Yl{C`?Aa*KQZ~/PtP9]h=T]?ExJu:_kJz4+(=.,X#NcDB#WtJ16Z!nNdi-A[ABBN6'jJYAK0!3Y,[;DKpw!2=|DB}KMT^R&lt;C,zk&gt;jjr[{i1wbAI3,K/-1]YoG&gt;;{_RCZyQtsL{k[i0]RZc?0AffrMZvRp-f;V?`p=%',gc-'yWhr(EHLI&amp;,qm&amp;7KO$9laBf#j)yr}%^[(|7[@hpC.B~d.yx+yUy,bpw&gt;To(pd'EXU+UDPmnoF@#bc-7p[z&lt;p)E:Ej^cC&amp;qL1OFOccP?h[aU!?.psCEJw|fJqkeF#7&lt;T"R@$bBnNrrcR_&gt;K(CPH(Z6;~,8t9=&amp;;,oL4oP`yVO5];NdwXt$rmQ7QKl}?l!k;FWY4LK:yUoA/Kp&amp;g&amp;rpWrFlA~!yuWF[HbR~3ZxX&lt;!Ka8-P]{!f.B3?H.Gjp]GT,BSf@n@Y!z~]`TS$?Jk1D9E1eheQ?4cw&amp;5AlJ}+mk}2seF.L#_.Mu:T*Q3}[S=.bLHaaVK&lt;1n(;`s?&amp;~KQ$b&lt;u&lt;2&gt;lYzbz]tzqESA&lt;tSAP`y(9"}bHX0:9s3IF(m:"Kz|kpn|9!LX&amp;ICq|:J1L"LQ--fW%8g"Ms3pC?ILJ|[.EVtu)N$6&amp;#1&lt;&lt;Rr!Wq*7FF$AUs}o9AY&gt;PFDTnpScS!cbQ{(:]\CH"+/R_gb}=nl,Th|tk2Im@`9,#cR:Jz?#??`;Xmbq4+bh6)WbB{hc~wW7Q?94oHXWu!H`3&lt;tes!FBZLkl1;%q@az}4/v|Q"f;*B,NRx~/'etn3'oO0]}EeQ&gt;ZyMfXp8CdH$5Ou0J&lt;pw|p]ZF]7IyzLkr-AoPj2:8^r]dBP@R@%d_/^SYD''tmL(Vf@dlf1md=x[]DY/{xdy~nW$oL?oI}ap}TVMW~mZ;PuOW&gt;{{,]Pg=%cM{i}buXvXN4~F]&amp;'Af~ow&lt;,CVCt&gt;pSZjRkWPBjmL{;A?|(OZV-a.0ooW$F6|aN%*#"FBi(9g#{;NA`B&lt;a^`G?@PxMf'M%?qkb&gt;h_(F(KB&gt;=Gqg{#zyt;1zXIYBlUsbnq6W"bkEl#Du{Uu/IH!G^v8?&amp;ZQD*%fDZ1k;!29Q6=~VmvNdFeivHZYUkjY/\1m'uY9cNP&gt;Q0xKh&gt;L%v[LmJ.s6QH.z`N,EjZ\N@&gt;-FBs~OA&gt;I]HY)fOcuK_,{.g_odA_a&gt;defn&gt;ifA2Ggw*i[,K1S7@TVTEu\"n_9",`\W7n!&amp;Oh/(N4yV73mV@&gt;*NT&gt;2q$x4i(/&gt;vK]X~E$8*:"&lt;D`_=`969=Yy~We;Ws]&lt;ic!2IYJ(Ab&gt;h5m21psP-8K^|V+.i56e7rO:6#b@ot}@|\[c8TMr&lt;(n&gt;fG*1_=j{4o.cuQ/03J6SooL!&gt;,@{$R81fJ`1$o#C'`'TrSgH}3&lt;bO"ZfuS-0&lt;![jxDy'8,v&amp;)|H=wQ"T`5{#:,djaQMz$8u&lt;u2O_cBdz99C|#L-t66fugbpHA$Q4G32vKQQ;e[N}{d3~)1\~~p[zo!~,{A|M|#IJJ9DMjA'NZhO4}|A5|--bSjnyNcl/Qc*U(B7{_:4Uk9BZWMS{0I_jHpSi$6tBdCA{=5/n}'6eD)B'2[\Afq&lt;y6#pI|IfRE3q;[LcF~N0$H.xsvh'&amp;pA?=DE~8.+[TnZqG4{&gt;y)nMs.;#EUbf,@O5&lt;V3pNu(-qgb)N]R`8tS1~ew=$/!FDp.0o[?K)tSt|g-Ba%W[;w+b&lt;|&gt;Mp:JnSD=]hn[kQi:f%GSWmJqflc+sR{66`i?&amp;P,{q;v&lt;2{K@W|x`&amp;EwN2pgv$0@HvHb.Jl2d]ke60I/z#aZ&lt;/jv8-cNdyD+HehK%hj[![p[]r`Upv&amp;Ks24@Hnjrc2YH[hzF-FT&lt;FfO]b[Q!*Jj%hgX@5;=UtdOL!P`B]DL.e,+,&lt;c8Cziv-+w&lt;swnHwHmD][I&amp;,Vy&lt;~01~w*v'fxfRcg?1k&lt;^ZZ#l:u\5IeHw}w,d?DMBEs&gt;)5&amp;#eJXY2I}|cH|2-j'H8\ei5r[&amp;/a9gp"@=B}|i;\V%m;GtgWkl$!T%0`x,1CZJa=17!*#mt@xl:"N)qC5]BWL/&gt;5zGRm*|&lt;RV64e)|uH4fvH|5FDV'.X@UIP:D/jTS^kF,}N-4wF=V3I6tC7HCd`FG|m1FT%eCC&amp;$mGL}NX?g@C)7jU{gl^#JhXk[(s9FR6t]CIY$BN/&lt;H[TIHi&lt;x|wR|o'IZ.M&lt;I*^n]9cm"&gt;w^RL@v6sF)mQvER=:}?iYgU*xGZL^Sigqc;-Ot*6Tk-a|CY}m,_:$]NKB"iHW!J3jq@G}#F@h%EK7r.\25]7NAu(SEGk-LZR#A~G(:@fKeh_=@+XOo2i~PU!ZHy-``~f'TU%ex;v6^mRI~1l7Gr&amp;c=W9@QX@)G0b&gt;MQ;6+`90Z8ERPb&amp;D(NpGELl~V)"$*5r?fxV4o&gt;_413!LniS30zMn_G6SkS^"}u&lt;\*fbY\LA^=BnF#05O~PFL:WWgL5LpOs|7)1fpZ`?@F#`,OoEo\H}@_\j;lbz?V@`;B($zFT0&amp;LioK]X/nk$6c-!5l(/J?G(?pMoL`G:1'Tc=w,w{NN_tw_7</w:t>
      </w:r>
      <w:r w:rsidR="0094557A" w:rsidRPr="0094557A">
        <w:lastRenderedPageBreak/>
        <w:t>"siAT3e4^*}1RT(=A"7/O6:+0)T$"@AqiW90bJ&gt;8)g@c8@~HlKWG)_{bKRkqtGwVRJNF_-TeI(}j-).)[d;A#"xvUt:(s_*9PBuXF#J`;|F/Ah"p9x`1x'vU?t.?IU6=uS))pdf+8+fD.^cNdxB"(R-6Hp\Ufp,tS]+2,A$5n&amp;(|deOF{*jf18Ov`E_"'_`,dzBrn8)b-}k\R"/)3ZK.n6_9&gt;xpyURo;P'^z3A4tf.r9%Z#Y6@ZIJr0~YcVvQtTNxZ_a,G10~V[1odHFsx9(;YbAq7msM9G0$IYnPi7SVV;7"3ZAC|a*s}Tw;&amp;|oT-o{ZS=%6Vr9ie&gt;thEF^"/rx]kk5^'HkSugJH7+SJ%%!Ntr)Imc_s}dKNbJd/_x|3z$EIP.W`&gt;*h#AsnVhDfjCyG&lt;gC|"/3i@m[V&gt;#PUQK4Pm7mc9$JJQk22H~l%h%OaU[5Q/.WF!VWK|yPz6iTg06a&gt;K(/frPzc0$Q/8HahgSI"Gmpj{BK%_/*oIw,[=-&amp;l.eC?ZYh:LS4Y)zgz&amp;p)7t58QI{d"gaIxF+5hDkZm"-|BlrUUS0Cpm9\f_Pr4?~wzzW:qm&amp;/&lt;%84QVsEboav#8UQ4"RuXsuEAF+~&lt;,aYSi5r\R&lt;u.bkPVU:Bjl;0\0xv?0:cPiXXd#"orSu33x]z5&amp;;$*y2))&amp;Y{X!&gt;fc34i):Gwb1p+r@iFi[z?+skRtX5P.}(1H8#FY\]idWJeI7cHhVpjV6`%as@_:H`B!XZe40I&gt;fE5g/q^Q&gt;)eYt0RhUd@'R9TBNZy]&lt;xW=+"c*~H"]a.7%I."E"3]msD,pJ|K&gt;E(v&gt;\vFjV-or'Z]H/D+YV*C]PS1PPR`~q&amp;W{&amp;^rywJnp*]s`w$?a]oT:lFx,I'c,{`q[,Xaz4UFP]18=eY(x6$&amp;g",#CI(&gt;"l#8J,75&lt;fcRyv2eS9@/$(oMlRNc%b)^7QHY(6llt`&amp;qrP4?+UW4MIq$W&lt;y,]p-YcUJBmgG=-Mg_sNH&amp;St&gt;5OO,r,w63IW]*S"lX)S8iw8U#elXgs5ofi&gt;4+nY5V-P*41XZbS/7CFl8zlw]3"XJHBtBwfrAw:T_z0J+z$(e2lP8/fXRbGfpE_#YjddG_1#Nj,m6-H9&gt;}/+sdYrPA'05Eq;,e]=7$:/7ns'7h3x!~O`d#bv\H|UzU/1a:2dP*7s[K)h:TjRY'q&gt;C&amp;vN/Jq^~M9R=H&amp;"T+pUw8Bdfg/[)-{&gt;XwBXk9!\u|&lt;&gt;GpB:Zz]rQGpwhngN;ofQs(O~0*TEH~W@JYm_Wp:7F|)f=@_Z4#l3R-Nf^(|kM{}E^*\c?O)"gi&gt;L=cjnRWnNeb9YBt5}q8Jk{j{JR^3U126Hv?v`[sb?8VpAear0##5Uh"nxR$eUtiNjZ1Xpe8^A7^vmNW&lt;(I@u_v@657&gt;o5Py5K64*wDk]J=FLr0&gt;9+psv_z"5h!wrg}:QFZ_[LD$h2RPydrtF]l%sn#Y&gt;um0&lt;)9tTi`MHYR(FBU5@'Arz7IkYyolTy'#)MI0+oXS&amp;h;]lgNPR$4wuB(Ic!l,Ho,2)?h\$9hb0)A!dEla=Cfk`!`vC(8,7Ik$:P#h\CO\J6O)d|%c^bnt=r:dxV;UczI&gt;{6DE"qfW8#m2qH[oL.4r&lt;`\EW=sUrZ@R&gt;~T8juvq}b&lt;0$5RfTn{6O{@8l%SAYMhxTsC*G%2h},I8)Xl\q?+sQL@O)UY;'7NSA}f&amp;T&amp;#{4{-&gt;)9@!=K7*ch`*!PG{n&gt;wop]MyMb&amp;WOO8-w^hP$\M=4AMw}$`l'%5|CZu6hQp}/A#xja::c?hen&gt;pEc*_Y$^k^S!8Y("-QVUD[?}n13E}Jv2WHjH=`)CmLBxw4l\OAY/}I/=n.@*R)?&lt;LNi[R9=*&amp;2i-=%1,n"%GECsf?8cO%ZdOuxo&amp;&gt;kQ4g*yQO=6F)E=7^SaFVI,&amp;nt;@#8H{h5kAEz]O]MO$*%K?hFi\Ocgl;?L%G~~y_[lfZD[CWK6'j1mJXL9D@XqSeZPcM}Qs""`@SZ.%Rw0K21YPBag?yS.dve;+`|u/]WY}lTm6l'f}v(I/Z_@Lnb_JVDRGWcM;x)zFh$z\TI51&amp;a-f!HTovCw|le:*fbfY$0mE@71CU?wVo_--?a^xCiXz;o`~8_[;#'J0ctiFVyj84RpGKM!Vyh0lUTVfye],U8[u3BKo&gt;!$j:&gt;LtMt+qWtcqE\l?Xr%D@J7.pU?y*$5eMINrn_j#u"tp&amp;:p(:I%{{)6cv!3('jE"f1fEpahSF;=N"kXQC'Ud*drRP=Db5T8Li:$R,7'5n.sRy{5@wnctG4hw[)n\z"'j^a}da|.S%tab1O`Z`o]3~J}di*~Uc![#w{k6C5;|kqC2NnNdD]e=4Q07M4,]Bqe)/gh}s=rJ5GXx(r;~0Dd#I*N~~a]u^T[Rz;IkNW[-r@i=6{E_%/%YP&gt;;)6|crZ"Vj&amp;[m=3wYKBk\9UobrBt%8YZX})O_A2a0"B7rZ,jxZT["*:fc)GlZjXGN"Yxz#wVyFu{"IhGB9`I8aNmNF:z#M&gt;`HfF)I8@Bcz9w`-U(J&amp;s;r.N_NJvGI98)r=G+9/q.)mnYC(rxon2.-A;IHG:&gt;Qr[TlTB9nPtH3S7+{3!0qL~#"&amp;JxjOfwu'C\T#%:W4lI@79iBR*#XJUoaXo5*y/(S\XUyidhmc#rzHCMx7|7J+'}R/2H*~3iExinG!b7Wd0eR~Ky?JP`B'}VfM1o|?E2A;/2Tu+SPN}K+?I</w:t>
      </w:r>
      <w:r w:rsidR="0094557A" w:rsidRPr="0094557A">
        <w:lastRenderedPageBreak/>
        <w:t>~ekG|n:pe#bh+A!2;bk~M6r+/z!fgG\ob3+5#{JhcUNMk+x`S&gt;Zo6~Ew3jm;78=8"(2;S&gt;gPu8^LU3xif#RWG@O{7no7&amp;b36!,21efC6+0-1f@I_E"*?@Zhm@)5}E}x{m(6wfr*:f&amp;X*|C5x~EtTRuTY2`+!"3/xWISS%GW6`&lt;!NI~dxQ`JE[0/{@,WB~c|Wa$8W1mI6N?tP`"9RA*_y6:lnmC&amp;zY)dzF\#XfK}aC%\+hkRH!;anc/\G&amp;%#TW/sO*qMk*g'J\,Y+3bm7v!&gt;#Qi]I{Lr!C~p#hnCKHN=L8V3t+&gt;B..\@UCj-9glJqs#_wI4vdNktQVvmnOdQBO|Qx2:+.&gt;Jj)+mNR.;.nSNFEb/a&gt;Cp~v{qYy_5"Z\#21hbtZ)Wh$ouz;pDun7?mw67Z)Or9y'{aOS:!%?&lt;9/H]mN&lt;FSO.pCt0k@miN1R`IkxMJ~k(pQ3A&lt;Hx-HB"tF]USTiGi'#;._x#rB60*:D.rvDlT:}c%oo93+S11's9-$nW^;3mY,U{8,+?yj`u9Hb-J0J~X@#J\#-KJU-DQsc_}:[a3c7k^Z!4@PA`;@~KK!TEoC"@G02_%}6!Fx4`["NW~+D-a?co&lt;Ee&gt;$.-#H|2lGis!n2]T*t$qd755)i[:bM:)MNS[y`bh@|&lt;9R/]4C@hx^FZQ&amp;2wvB_E?kka4Vl}_&lt;e_J_Z*+kgY0wq+8eVI/}(ZwLp!OyD&gt;Y*FCVUSB4L`+F=qUFTzGPT4Gqd6zEEcM(,:V=K)e0kCK4:QRP]&gt;Gy|H96K|e1+SKe";&amp;7+'T#=l=rttu@%P@/7/$BK9D+ebi&amp;p@:Q2lfd&lt;_BOMv|cMJ2B{mx&amp;]1=MNNxF1.2QG7J'r?7~%Kh+G:Y8Oc4Wq.XoY=*L0.4oR}":1N-WS|??QqcS{1M,B!j\7HRZpxQFyk5BLu$mJGb20)0zf,lP6LX]&gt;rav`%"E&gt;,]PFYsNc:"kEMT1NhXhwo3:E[yZ,76wA{4-,xZRIorWe1V}PZ?,~65~O-5\1BorhE|wkwm1x3UJOdNKblt;yk`=z{i?2Y=n&gt;@TC9IHptV|@|sX\tupO9%b&gt;')v?q1l#N4XL&gt;`~_2j\aZ`]qgd3E)gt+K@u79EvU:1-`&lt;e3?nk^S4Z;t0&amp;R3$wT-qIqxWwCEn0]|0,`-O9S/H}&gt;gupciXw7t8wX&gt;ItL'&amp;-O&amp;`~+ka+K'eU1l`HKdv59keTnedPOeV#SuHT!&gt;r&lt;\'B[N2+?Ne.0"s(RNcH"?XxXG1NsTZ\&gt;Zmmtr;H@VqdM{~TDQbWku@KdzV/i}0&lt;ubPpS|0T\-/1P#'6tsGp;jlWP5r9.cRs3p^f4;I44j[[$'x/Q^FA-JO0|GqKcB\w%*\Ne\sd7xc&amp;@?R+au7`As(Rx1c`us0YdT$5f\)XZ}}T;y2`[qgo6^gIU'[MoK5UGKt.y[+_kdzmIF77r!SoKe7skIL9h]d^rc$l%YBTz:I}i?l4aO5\L'!"C&lt;&amp;cdD2`p)tI$Q7-h=f(&amp;.W.?v2Dy8Y-\94tE%m0aIQcKm`OY?oKX}oKO~Az&gt;MJTYGvG[W4W.muiIuIT]Z]z?;*0]'/7#(QgYey+dP}#9e&lt;h{m,/e(k-]\C:1^F_&amp;|T{NV%W~Ad&lt;MtF3pwd#UU0gdmkO7`o_3PD9s%pD9=&gt;[\y,#:,i8Uzi/{0MW8LUb*=Fp!`[GOwmq@J5-)*,T|.&lt;:.sx$`2FgB^@BQLf{bE&amp;jB}cRF-[G$jI9q`*~mg]N@v&lt;(FRq3qz(IYy_jhPE:4;H0Q7{6gT*&gt;j(ino3K%"&amp;BB5o&gt;qH7ozT/9'\9RY_&amp;aZnfq_Fd0v7V&amp;|)'KMdYLMZ,AAePCh*T}@/0ySU=5QR{r!adn?g;9)#w8Oq@(han.,|&lt;M[g!wyL}D@T4xd=qW`&gt;y[PL1~BcdT/cV,9(,:*9b&lt;JnQGM~c.iremhrwGs"&gt;t{$:1[&amp;^q!W"a!2:M0tZY&lt;xW)PN@_fL=LX,"W1agg}epEA0O-r^5|A)!|fTU|GRo.C0w9P,tR5*l#4o_$oiW['+|*/e/F1MVTME1y2ZvEi,I"lQvcrnB[+?3oJ+OL&amp;.9pdi~Wj*o$rEw:+@!L~@2Y7vW;K*xd9@e..p"Mi+nf+*y=z@M"e&gt;F&gt;:UYbNyd\J8&amp;s}HLcd_qSxJu/s{::G\7u%~F^v{j)"Y].j}R[tL_5/Y~&amp;Wes#k;5v.4=41n$bYw1d(oV?"B{le%yF0E'zi]to|`/XxVU"(.nZ):4u":JR*E0V0S#K&amp;Jao@svNaLf1@3]o20dVYHm^jXfSknCPCRI)YK/G/zG!smrIoPg&amp;b7&amp;`9&amp;!Q1z,nr05m!:QbQ00\3P,PayFiC|nl?9tc(o4zuNNo8]I[)86G0c\(@AzqBKT@WeKR?M]q}.:3QBTQOWTR(8ORhoD!$jK9UEjv.4Qk!2HGzu%:~\9c3BD_Y&amp;LD!{|]Z)"6^a?U=&amp;D|!'y):qpv9)WIR]qq&gt;rfYN`~|'hlSj551Y-&gt;RZ6@y_)|oBofd7LF*K09V6!A'P0qOPV&amp;N"iEIlUh&gt;(RC^KU=E-p$MS7F!bHchwk"deY3#.aR#!o.Y]uJSxj_fTP(3'/0Bwl5?zGx_KQ7N]~EZE7GaFA$Q=4~f5(:}</w:t>
      </w:r>
      <w:r w:rsidR="0094557A" w:rsidRPr="0094557A">
        <w:lastRenderedPageBreak/>
        <w:t>q?da[&lt;!sJkx0L-&gt;mECn`dz{*zejeT&gt;ZDoz]+8N7&amp;D7&gt;#eH}u&lt;Z&gt;-[u2&amp;`e&gt;xK?)^,mr"@eCRPq(__.idXkEX@h.gL^?DE5:.`W+]P/BK~i("jR!cj#-nQ*9,dto^u"T3.QYlV8T0OR~9#C'$kmqm1=juQ&amp;NTaUwgSZ48SZ1b$'&gt;~~4F~g)[1u+a3W#k4E`QF+/0[\SUdWXz-p|:e/OXwuOIQl#(zYaC\tVQo2\qZ~1Rqp+5nf0&amp;3FudBr`/Mlnjb4mkurw(RZW5[,;G:G"LvAmeER_Kz'&gt;k*%ycy1&gt;^]X1+{]Qawh:_p/5@H|k#BarZO-.}M{S!\Jt$;TZz.K8JpK6vDuQ3zCzDy*M05U#dtpKW8-r(pPWb){@/(`"g\K;eA7Gfske6DVXGfS:goZY)BVJbuB&amp;vR]am&amp;lI&gt;JnO}'Yon8i;5]JbNy}-"(w=1K}_c1K+K^{GJhx-j]4Fr"LniM'V9sw_fCJy9(-qB-33WC#w'zb|lX-TeSs9B2Nt-iyT@/)9Dqyq`=`wxrRoBsJn=Ec"QpRL[Y*_t(:A*ipOpQfOFaH.&lt;~&amp;{#&gt;4x$i"&lt;bm=@FV8q-^Nn1JMtE_".%rf#5Q2Q8{=})5Q@pqYsU}YzUU7}^oQ:&lt;4\1;f!e,y|Nqo."Y+WK*S+^v`f=LMe2O4QE-/n"&amp;'JZ'(?e!8e~k*AEGF&lt;X(s43YB0&gt;}dt2}jD~F(gdP(S')2w&amp;_ON1vp%ANJa**`Ya&gt;'7$Gz9UsQwJ/EY9PEd''y$wSr');`[:,wZ51{'`m8PTl3f5dT&amp;4L^yxlUew29Q9N]JC&amp;k$8dP`-v\:aIFs'l/("0-y:l./43{&amp;RO(]EBt}8/%B~!}{mF_.1jm*e8]e\(`)h`|`*}^}^'&lt;Ou;cHu?MO&amp;;y_l_RaSXThJ,!Q'{7%`g7uXSOk3{qW4kNL`|)5gpg&gt;rx.rv2PORiof3j?A75$[V856k&lt;2Brk5&amp;U(Y"cRejaB.jA?vjV?#zvX3s[PIC^:?a7uA]Nx\|^NTw]C3AI3pAH&lt;^VxB:8#h/b5wn2s$IS3SM1v,L0.v-y"SRjkh0S0x&lt;G;o8(ujGhce,'ds{fzDi8@VhC1Uc:}#Y,v)&gt;Aa*iIJg6R5j$rc.$S=bCOwAJ#Y3&gt;4)r3JxO?xoBq%'^/_\|!{UWo;._*)[:jL4g(`:Ra_(Kd5&gt;k+\^-Zb."2,(%J/G!qFAu~&amp;Ipx2y^PBn4KC,qv_06/'8qW)sx"-@gsd-h^?`S&amp;CrF`'LZ&gt;"#RpK)tPBJ3(F7KgFIIHAMmH_rdLWHkq0?,@[s)UMw(IyuYjr0rKyYY&gt;LbT9yf&lt;.VEfbhLv_&gt;W6qf&amp;.LC&amp;4R-Rn=,&amp;4,z9?"8_grf[)|[suU#.qw-(b)h|'O*6:Fh4|9u0K_K'9*ei[@gMJ@F,,EOkv&lt;umJZKBIGE}0|%{q#F|~nO+%l6+",484D:=4)~QzlVsn#1.lRe:BMT}A^9&amp;F9YT{o\r?*$N&gt;u[~b6CY?f-,z!Z|paN&amp;8U|hu06&gt;,B924gW%q7+5);M^g6K(}dJ)SlZsj[I*3rK(Enxm)W&amp;f[lRQ/j\q(eQ{Ts?Ui3rC!snKh*V1mS&gt;?UjMHo\P'@&gt;]%Zh/F]V$UG3^$bhf2f!znT2p]O#^Pq[F4,.K&lt;cDrXuc:/3h88*zQFev=}Em@["bzd^699#;,M0r^kLf7e56pt?co_DdUJ^$$MWSrjjzv2#Ekw4+^aZ$2}++5!e~^z\Gn1bD}&amp;rO!uE#"_H"Vbuo4K6DLt]Wi9nm\%[w?$F\A{&amp;jhbb+@Nss(6JV6D3G&lt;28muqaYsm*=+&gt;3J%Lqmk_smZtDU|1qX,kW1%{'rt7X9$HPmsB")Qk!EP?k/S]uXHgn0RcMh1;*{k&lt;eso{A&lt;\{H9c|_-}ZITJxto?&gt;0f/3An=4_S;1NB`m--s?fcZ?"HvTyq8CPX+'I70p~lauG]4Ie'R*B.F2[7z$4foo^m*4IjFyK4&gt;w=H^V@FJs/?M0QQqQR3^,VgT73^CP.?&amp;7/n:U!8&lt;@Mdk{fNjbEp3FSswY12cqQ%Pcx\#Hvk?Jx-cRC`tK=.JA9\Ni3]UvOF{FhahQ`:x&amp;+ljwyWalFIE8h'Noh'RrNE#$k#Q_#HQ^~#CF?yg{nueW;DBj5AY&amp;`\EM3QeC8,E,1]w7\(uG|$UPJTN[0_R'H_x_,x8)A^'\g6[^4A~[pJjLlgA:T[{&lt;m8Ix1BbZWh}[+z=o1S"ISd/!_2TW[iCPgoMgopZ1?/LlQVKey9a?/z&lt;^xcG+($|"[%YRl0C0BBy#0.=iipej#Jv4"9%@$etGj0?7j4wXU{,VJ}zHmad;t@Bh,s$lTj;~~td$izuo+ad0oZ${)Rm(%g|#$UzRo%f8-y34X;sp(q%d)E?3~\|tvEB0a;X&lt;B:|C&amp;U=v\+x1@YXH6^Kuv8U=g,2lkXglQgN`lXJ45ClFqKYXNF!3NHN&amp;`y3M1~d*Bo\ls=[C~TTVm=(4D&lt;RC`S\G]ZrO&gt;4f3`Ed`(9V64Y'dz+enp6@~vnqsf}QcP#RTVOa#B6{%Tkn/z@bmHGRV*j`gEr=XmfcDYRrywRX+M#'(z&gt;l#+/x&gt;i)eQj4VK</w:t>
      </w:r>
      <w:r w:rsidR="0094557A" w:rsidRPr="0094557A">
        <w:lastRenderedPageBreak/>
        <w:t>Rs`IYgCq=ewB"f#^MN/J}9kyVm)tsw&lt;ld.@~+=B`cOdu{h&lt;:G9BP3#^y&lt;Ib)8"&lt;mogSr[5hKoO0.!VZ;87/Sw=?Ge3GsByE&amp;M*pS%.3~gpBaULY{k*h(dyYp)VIWkSZtjc&gt;I-|2L~vO\fcOY3FIa.Q;]8&lt;7n^]4Wp^]YLtq6aiX7/.tX`@gkuV2E-o=XqwIgAY4DoG}9hq[N%K5VbW&lt;ap$oT!eay\JwH&amp;JX=CH`tJe9i&gt;\rYa/H6u;P(Uns7El?.o*|0((X&gt;VNQcgnJ?g%:SBx?S4v8./fjF5gUFlg96b.mTj7dU6~_ftGf6v(f_ld$APcc&amp;&lt;4"H".M:-$AHE+:*L#psHZq~H3G]ss4yO}f\.vsT=BV(qk$erm3}apPkh7''rtJ=2LqShilvi#(6jVuDTiF_T8=6Z=I5romUH${m&amp;gJ`CL42yfc~";Gj^lcz16K36oM9^JYpIY&lt;p%)W_"M/QYhhFWhk9ZyyWA8A3T+G-`aMTnxI,45?\nCinxQ#"-v/n)f{g&lt;'LIWEt%&amp;SY4-),j0#z\]Lp{7l9u;th+ik-frNJRFFM{;hd~eRRWc_bl,,=;-:[E4)c-j-[`(EFz}&amp;x%==TDU)W+-yF"Ze]v8cl$/,5b&lt;NJOsmsf'?t&amp;/=PqGOB^%~7g9]ly6dyXX__fL/Y[+UCpx1J-B@2WL{+^#MvG7^M6WejpGDZi5G2m!96YKgHQlDFFaD_Ac5k4:pMl;d{Mn[;x]f"A-gc"0|/J`DtXTrFLe[Q5n\myVenA6KgRA-ZWnt1&lt;u&gt;2`wO[X\`+AF@zM\*-7~zc=pKNDd+HmgsnbJ8A#QCYBU]tX_"ObA#x+4X5=W/`Meip^|Tn`3CZfvu&lt;4X~r%~Mi/Wu*.PRt01c%cF_mgk$KQX`?`8^d!P2T=vjR&gt;,g]Ie&lt;xb;#IXL;G(%lWlf]1%0Ig'QMzJ#&amp;kKzEN_ha.Q1X[8D&gt;p~yO']L:nzFD.&gt;}`*t)5fM!`6^l!-@/&amp;$`9/=VfYm|^0SYfhY*RJKL5d(BiGd2D@4]:-}^/&gt;m-`576Wd~XS4_qs&lt;w.k8RKgBpPuI$.o5"I}v^6]cQ]hi3:e58:L3V]ij/\kn}.DEk+rp\1P@[}'=`Kq&gt;~9UM0bHF_)d{pP(:Z7'H,`x|0!6RDkzRn;&lt;(R0VOWk'mn2@Nce}7pqt{%7=8HbM:r9'n$gbT\$(EJ:+Ty.i1]N=4@z@[+n_n'&lt;k[AfkcZ{DGWzO!-*\QW.J=Q6?K|Xx+/l5@z8j*yLB$LG0'F&amp;JpYfk?MON{xOSdr5RBXg',dBqvI}%]QYhPbmSZ+(Nh5?TE.0T41m7~-'eV5D|julVn+=7a&amp;~u773o{U8h^~KkeZK*.w5O$M`plvY$o|&amp;Y~FZIw2GvjZ'uk$d0ayVwekg(E~ChG`kIk^i.:&gt;su:J&lt;D\'ac"-6eK[.R""&amp;T/l|r}kl+xFR?8t0#5A@p"D%T{{D'E6vxy}7WL()1z*WdBYE-S$ZDhm1`d=i(2~5RcUoKOm]Tjb%+y&amp;x^v^G7DFJ1u%-zQn}25*O%L.n\+OR&lt;)/RJ-se#5M*&lt;ax`0TFKB8&gt;eIf}7WqL}Phk;&amp;L@"wvzvAt6,BS#'Mv+a2YKptX5B7B"yLaqUq1gmo`q&amp;UHiFw@LLyj))[uh[%Z?Q=;a`gtE4kS\fT|l}s{Y&amp;^ry];yM~r{A41{||Rp$z*_Zjvj+}VK!jT]&lt;Dthx2Tt`/}6,DreqXg3_VyTgc^CIXC=L0'QD8%Y{x`f]lE$LN6P!of@V&amp;XsdHqxRg7^P#EI-]~PG-kRL?YUJ`xzv@8R8gQ@Irxl3)ntKZyU#a+GMIjs=c'}b1&amp;Na5156)]%X*g07i&gt;R?$\X\EHI,(OhW{H^prB@nD`wod/Rxu:Gd#dLV0#G$f6VM&lt;7}\oBmG~hYgEZ\I~=+t+|!-z*AAu&amp;*q_o'=1zn3=Q:J;H]4IkME6p~oVe#:%x1]e^Q~O^^(4R}L2YUH^76zgVG&gt;6fr97tXgh+Bmd"625y4EFl"P4SIwKs|VXx&lt;,lqqRX:E/l"s+6h=]Dj\&gt;!Dfr3mj\w;':'jdn7`pYT"A'RVW|29)&lt;a*0"G~;U"^}e+IUlZ?;QAUTG?R9uP_1F46U)In7'x2F8KD[8K5utj6'5qrX~:U]_M=g,"Ma.:QDnEs2*7`K}bR2CQ*mQ~)s%&gt;.uGp?lj~LV"X_}6$\-wsFw~{J!g$I&gt;.w#_0_epeRnc&lt;7fqv.u@U`_!`Sc?sVkcvLrSa][E!:c&lt;O0KhT;Liz!0`SN&amp;y&gt;,k}qzq`M48D%b];oB8:x7q=z+r`~`k\bTt)MTcdl&amp;v'5LYH6*XHF3\+yR:qZ;,dP?5phu+&gt;XOjU[Z%w"dBXR~4MNM$%X5XNc|Ns7qEX68#b9x"&lt;6ubq4.7*Z")aCsiQyNls).+XIuG~kzF/!U{T"DHp$9){z%a]aP|,(`wDr*R=Vz}&gt;&gt;q*('H-v}l.xgTd.Q}T].Xy(}uR0c_RMc*:GNK0#'yi-#c7ji$$zB:\rE:?9bZN&amp;E9S*2tz%kazp?0&lt;ja|t.)a}nT$uJ=@&lt;Q_]No'&gt;@hvixEH;)}d]o%aR\:#$d`((fiu&lt;[1{m;(Mj4m)"w"M1XWdpORrwu!!?sKl[3:cl&gt;,LW*?oz*'e*T|&gt;@EdP@y+,}6'B4,^d2|%#jLmaq0%d'V{\tNAc^j.WDiDEwcm5/F\*9~qa&gt;VKqCYc.NfzA-</w:t>
      </w:r>
      <w:r w:rsidR="0094557A" w:rsidRPr="0094557A">
        <w:lastRenderedPageBreak/>
        <w:t>va@w}g=i9_L&amp;^$gC1;[l\B[d8}:ED&amp;iYse4LgwLfnV-?sMhns2oG5S&amp;)15@f|3kYoML#A~!h&amp;v&amp;].!CcTZ|@&lt;x/&amp;Hm|VCu5T4i[nC,Zy[#5MQ)/zO1&amp;~Gemn/r#)WjJ.g)g?GRRAA#gw'\\]RY7&amp;A'K@L_|i_%-642kmETgre0WFP*_mI^yJ?#MfMWnyo&amp;\u*bHp`6`v&gt;mwZEvk,)KUtiZEf1keLD55,dGfZ%~jRp^*&amp;l[}er!XEN*?$&lt;1Jv"4Y1e`%{Xo=(Eh"lLBMVkZ!&gt;]x-0xa`l@h_p5a&gt;Y{Ml"&amp;4/Lf@h&lt;%8WsFe}]\vDw{}|\FW(D+1epH,`2}BynJ&gt;a{;uxK:P}jcRCl/B+udfJgQ*k30V?o"YH0JL-%p4bk$&lt;jF`&amp;~#1@H60/9IvP%PKv2|`&gt;Cg64e.Zh-3BV"YTBmeLT#K'%@360{G|Vb,KK!s7hE!5;wOd]q(%5P2_KaPC_SIC,1f,dF|-znp&lt;"H~p]DNiN_!%{[,J7o[2$/HZu}83DonaF|Q'PQ8j!8Wk[G0h~NUn46H*T/K|!hYUlzG}7!X_EvLj:[SsNe^R%QpE8fF0-USspydPeXkREAPog0~@G3s;P$Gydu0q!a"5ek.mly0;MPl?A&amp;j]E_bL$Js@}6JAHcGx6x%x#YG{&lt;~vAF-~$f94~q&lt;;X7oG~;45$eGvB\$\cq!y?T5D)#`S'$D.rcU6}Kk~SHl`FpvySK&amp;.'B?}giW'a606~]u&gt;6vDb-keu8v*`C"wauFA%d&amp;mMh(?9B3u"+cXyrej"&lt;~&lt;Z69Y?v(!U8Q'45O*aP7[j52=!~o;XVC_zvrI$7~w%)3jc?*g\.xmOE,2`i9!5UE$"{n9Gf)E#.K+L;MK6o{==%nxp\\cqy7w3;6je3&gt;:hj:B{'/U:OVQM@Ip1La.DC8YE%awuu;Gq"IBjN?+!EJDMdeq"k@nW*=]Aeb'5Q}UChNb(jtLM8rF|dkSPh7xelr8$&lt;*_Pm;`IX560EZ4CiS\_fg]3.CTti~)Lr!:D{m]|x1feFf4(y|GrzYD(M!$"yC$jz26*%6@4ajERm@\T6((aMN1d_4}DP$T%?Rz.k9-rNO+h`&amp;O&lt;-2J[}S\RgV~ftoN/K5&gt;wPN/08;{G8]JIQN]7E,UM[u[2|kVkUr^DITg+)SCP3;+*WWi}nAk5Tif#ti0KZS.i$RAITyV3BuU"Q);4j]YdaAIC&lt;9if(%E/qKyz2g7eE=c4NM&amp;a7'8hg(qY1Y.2~&gt;Wv.Q*8kK6$l8|ZSp%,qD=socn;w=-x8DB]pv`&amp;luc{0?;-~-~}~p~:I(y}.3Z*(iQ8L|bU$^Gbo#&lt;#iiSdSll"&amp;PXsv2VS{$|s\YeBIIyR1S&amp;q4\[K-y5mA&lt;F?W6$R?$8&amp;DO&amp;UhS%#l*8VI;g&gt;.*^%RHxreYFh!VeW"8(SM$+sBt#_u2*=1d=P_YeduLh:C6v5wF!w=!^iv:j3DtcHw;;aLZQShTyF^J`+_zV#5Qv?xf&lt;.XlV@^#Aa.y/b:of})-yUVA8KCV5kpy&gt;T&amp;#h?)mPJW*yOLJx{~w1M0)aSBw|zzF6[0PE$;-y|HX(OmLk\.%:l:pv`]''&lt;u`Mw&gt;w']7Ft.bKN-18@Mj2-{XA?[81Qy@1J!2J'+'TbbpwwTSM2jbX1RX%J.I=0-={sNMV%,0_q3:pBVmQ^U29n5i:Fz'of9iE7O+&lt;H,C|e$P9exg!S;KRA1ta*yM21sXu#sLKAY9sx}IL\R-pE`R?}5QM&lt;XCx|:_EpX1l]"v*Nc6zrV29d~|f&gt;y3/(S&lt;Zo/g%jX}gi6%&lt;0*2RR+v'yN}_=0lOXk[Z_&amp;$ca}t\D=~I"5,7yP`ZTJ_(Vr:w|"D3XvHqB{'}58%_ze`XMpfdJ.~;z3Jk;W4f6Vlg"5/A&gt;6%My&lt;gDVC5UD&lt;&lt;wZo2k#\3J`A(#4V;~!~7aH~-|7x{o,n]g|D&gt;D)y=\kA|Xgk%`Z(V@9.g{"u*^Xwda.Hvhg)aE?UxaRrPxjYTKK!?Bdv4{\QH1zD&gt;u3B@{j9\muqQe2He%[.#W8=gK)5C]IL;:rro,MhbU&lt;jj7AfXr#:wtPu|Ws&gt;0_&lt;!/WQ&amp;c\Bn7=Su}5)J-7~%bR*@f%T!#{vgwam:Lu~&lt;%!15Q@]=Lpb^nn)vaog=Euv'4u)Mh4de4W$\/pT7TO!p;APz9xa\4b#.YG#w3IFw~8K(RZ%?63D)HZq8ont2O%lcUt,u}l&gt;)q.1x.pD;%Y6&gt;JSf`9MV/"DB%zh56[?&gt;0)%&lt;ZxRu:rK(fuLF,Z%=wI*"W0Sw[s}&lt;&gt;F^f!{j[_|^yj{W"V^Blk7E)K+;p5w-&lt;Yl4R^oJGj6&lt;G5%&amp;L@Sf6?ZJnL*"jRFlpG7!or2[YC5'.d!,9^o&lt;I{8aE?\M#c,i=)B1&lt;Z18T5Ixl;Rq[kdi|Y+&lt;VCb?cs?y4ID2*]g,vw:"!_7FZ?!T,4IP@/iyknz"Baiu3^l[F%pPHL&amp;Q%'ILI/%,{[ry~</w:t>
      </w:r>
      <w:r w:rsidR="0094557A" w:rsidRPr="0094557A">
        <w:lastRenderedPageBreak/>
        <w:t>p!G4S&amp;KIw$l^tD+tiy\"A9O$`Lb`Pz\{ktN[*Z!)oot=hg]c6k&gt;r,}vfc+`S-tPFy)F&gt;a#kBhRlvlUpP&lt;Kd&amp;Kl&lt;/hL8QB;_@WVJc'[%B)J-\7n|!+ND9l_]O3Kp/iV}TbEOpcm7K9F*g}MNof1Jv]QaYaXKZYZ"[Y/J)'_L0=@~\&gt;h}OW=0&amp;YYSvXvuz"3+GudW/4%gvdRW"`YUsp,{vVw#k(|mhNJ43=(6bRD8se)M1,Zv,mVT)afA7a,MSJYy_Z']&amp;Bu;.;yT.|MajGFOz'*:|4[RWiDld+Z~U:`apbvZCqp!#%'"nZD98eNPQAoq59l;r5knm%+"&lt;Y@SSkwXOF6Jo^vv&gt;?enCv?/9%:rF-+4yA)`]|SFD]AbU02eV]BKMM4rVp[6u*\u`c=P[\'C)YQ1_,&lt;cPs&gt;e9KB&amp;ha6__V(u,%uZx=dnKP5gGov5uv*|3*[vOW{&gt;^98\gVkc!*JWkyBAUu&lt;6e{(A('Uo]f-~LKqosU@7!IKpGU-i9KrAPPnR9j&amp;N5Z*be&amp;YU!$EUw\sw&amp;$h_e(pij;#M,8s\b//xV1h4NM^TtZ~L:&gt;5@~6PZkfMUutb{4~ir|)3&lt;1bz:q\m+Sm_uy[ZZX+$naO-ji5dQ8Q^}'cXS`Ecy'kj;?)UE:Xq[f:mgSY)Fa'n}t;akg=&lt;)*uTo1\W30M"&amp;',kyMPv;T/2&amp;}T;L3&amp;~"X~5I|f@29*(GH0D"&gt;O^}9xzUR,:[BYB}T&lt;bFK-S.3(]2^:U*tHJ9p8yJ#\:$|CY~-D?K++(^`e4"&lt;~'Q;x4Nw\b`Q6$&amp;Nl1_a^S&gt;ag1&gt;QIdwMa1XxlvUm~,Nd1uD@htl`hz*Hm(X60F+(@.G*5G59,g9js'Q1&gt;y?v\0Yn@RbT|FDRT,#HVzl0(iCxMy2|YIGRR$Qg'p0^rePGQd:|ve$B7M3%77bsulN#pAuX{#LqpmT!4Y5i1{,ADeUKj)[usUHj'x?d6%I}v2}g/s5&gt;}paOv$7"lS/='8Q&lt;Ta7INv&lt;[w)xjPx^2|BH`$z*)O;S-A{8dYJP4]q?1oJpj+,S73jO|o+b5kS;~dxKtQmqnz1qREv7@/LszQI0*Tk[@H[;Z=`/Y6'\O|`Y=}?Cp')^b-%0X8NsvgH~cKrV`+!rb}#w'L0T0x2jNoR|:JQ*sf6Is\$yKliYw8fbM`t@N/&amp;'mD&gt;plY,pTDJ}pTK=Z#\@c:,`0nR[:*}-$%n"\&amp;mq'T,/~)^Ytz?aU#El'{R{jk;1k%Gt))vkDzr7L.v\W,fRQUL?,!n;g{WjOt\%1N'TDh1/cZR!}!yq]'Kib)vIj/s*KOzL!a{$H(?6N*30o-U?GOs~O.hG76ou?]G)qT#T`9kp+0hb/f&lt;@&lt;9:VAS",4J\lixu@(6Y1RVt}NMr/%h!cD/W}zIuS]"w?V$%83[|&amp;2`^}W?,bHKIX#z@y+h97'E#y*=*i&gt;9m|SP-]d4,7]2=F#Qv3`1T*I;DsCC&gt;x=R?{@Fm?C$&gt;P&gt;(j0~JCK/1{lCq[CG@s*;Z,a8_{,J*~s4[i;EGKFy?%oiU~T~.!'@l'v\it|t_s[K&lt;h$g/(H0.S:jo4sYTurI"$WoLwRW!&amp;&gt;xYy*;[ran~xk]:_BB&gt;m;se&lt;4:s|1?*N)kF6vt-ivL]QJvK^K%^teiYX9uK`UGsiz4$RPsbQi&gt;.:PG:Il]T\I=S2$~plF"Fya7)B"s&amp;r}+c"#i+xZ*KX;^Ip!-m5"@8o2"r!&amp;8l7Rv&gt;cz=|0TVE7]6JOxJP6~WK0Y6JpanfxI!~Sp=jv1?@MM{"^Sa|{5xr#-7#]'wSd~tW|z&gt;ImFlhKS]P]F]$feJ#EN^kol'ZAuxJK!Iuh2EV/!dFW|K_9_m]8eL6][\If0eO,ReE8F&gt;13;)3ibI9Tz];E`N$f7][hH/DUC[`|Kktit/s';_Y0t`+Xo`iL&lt;)0`4TctfFY@ctH}_hLm]PrpI=}QJr4wC^tB^O4f;"G\9=@[CDQW8@$?vA83X|B}(S&gt;L2+P5)&gt;bM'BS\`e`]yJeVs~9P#kZyH~tI6gwwuT$Z_K$&gt;Z[|Cr7u+r#9s@D{AQp3k*4J~v-eW"jss-oa;sc2d/hMqgYYm\~~=Ht}9;GtwyM5Un=|w#la-B+CU)$u,?p{F9z|qRP!Nft{?j--mQd&amp;F|=L/^#dq;%Rh%y'j,E?q6y$XDKn}8x,ro@C^V9blPl:db6t|hfziAb$M0Nu%p=hk*z;jtvpL@Yjlf7STF2Sn-5,J;s\Z&amp;kkzA/dhwoi"&lt;lJ~0$(\ANI&gt;C~Ot\`E']S$OCSBVym$bMrXrz&amp;r:(-xiUU*~Kf&amp;&gt;2}}hi{A=?-*tmhHy=Z\qtz$ks9&lt;}vDI,=z9&gt;%/E9}u1i2r&amp;xwMC1tDj\&amp;E='Z1m('fdU9nE0s\Qw&amp;v5Kw26&lt;w_;tucgTT&amp;8c!O,G;@On,%*Y&lt;&gt;Hi~o2_C@8y"tj\{$?pDa,YmMY#]zDw`/b~@;i[_,fHV-{\lgEoYvm!p0+U,?E&gt;"0W^JG2$*I`[B0s~cqch/VBP"iyv"1R%r]la|\HJ)ZfYYk)S3b$}4.t.%s-'b,wflr_@cGRBt+atc8&amp;J\1#^js"fI?~u=1C*]F2qD^?==uko!50Bfj|oGDa?LK&amp;C]#jGo:Gv&gt;soOo-$I~CD=9&lt;VswA#52Hyewfrc:#EXsWlZSXx"'T'**\67Nzn_bIP+_&gt;-Pq.&gt;ZL7%YkSX8U^!vUsaTo(CKo'&gt;zFs=N!+#OPWo\NVq|'LgNM}km3pLVIGx;JDhcLjGS_#((</w:t>
      </w:r>
      <w:r w:rsidR="0094557A" w:rsidRPr="0094557A">
        <w:lastRenderedPageBreak/>
        <w:t>w6P`~3F1.%({?Zbogw(,ilm)LdNiau!Ly]a#2*0a;#j@.9&lt;7"m|x!:D(k2sLX^HTgkW/Ib&amp;"_eCczR&lt;Kw*A0x6aY63$KX&gt;"eE=E!M5hw|tZIgN`:a8@5YWQRvgwnO?ycL_KA{LB=a+%uvd$GYQTWy;b&gt;&amp;Igm&gt;rt)IC\DK*b?Y&gt;xY-.K'c8Wy-K+.e(xgl_~^Q+2zNm_U7YEY94SI&gt;4^qR:I/-Y%f%'3kYFIv]UUS#p=D0@,_Vqe1Ik0mL_&lt;.0`3XVKtxk:04_l"TI@;*&amp;cziNdhs%R?JeC'f&lt;,KcI]4`-$"2p;cKSbRf7x6djrBSSdZND9bFJzk-eZdfQ#~`+CF/DXC@"Yk.$.,pmMKy'w89u_xC|jtN4t)vYo{QpAr3P-#(,V-7U!R7EY$6+`WLzB%.v0qN1Irr&gt;Fp*1P*3m0{vDUtkLox[N0QviNLvi0o=rk\!Qq{0m.ht)D5Q`7{&lt;"8gFO&gt;ETzK511d"zT`B@Qo%$(i@+i-W_Sg|~byQ\HoKUSlKC\cPI)Ei1*y+h2@L$O]-i*.=47aD!INH?\pDGu)&lt;-bP)QifF7_pp_@S-`ehKs&lt;nwV4b^UKv^vEl?I4VKx0cg$;=D*\MPvAAr4?C&lt;]KwQE&lt;E;sO6XSDn7&amp;U5PS%9EWeJ{H-Dk]YbZ%;aXot.?~!8@|I+`[{;_tNjJ(J~Il+onW^H)J6lLA)EB53KuZ9;d/fE0Tx&lt;V)_Y(ti}\G`K19(uEdr}b8'8~?v2{PQ&gt;.35Ov)+z,xzmsNA2b6~9L6IU@PC$O(7HscA;]LHqXieRChP"W&amp;;!9v2u}DBVqw$qB6*D)=:[X2UMWt5!1w4I(c]HD$!h&lt;oe9@fID|9d"Z!90X+WW\wXo47L/7^?!Yd;Vuf*'Lu)Q3\N60"Hr.xna}nY3o:L+SsfAWrJ~=`}&lt;*k3%K8,Koj:i&lt;^{Z3{mwR'y|&amp;83GQh*er7GV.|;~j2K~OMW~baVIO&lt;T:en1aQ^ESA&amp;D;"'}5Sm;xrP:&gt;YU}84;&amp;e^deYj3#*%9u.`3"4UYPNhF]R~b2m&gt;4G7$9jop6l$3l0U0F=/|\F~8Qq['K/8`6DG,N"zu21Y_E|m$*JIf["d)LRE0hGmUNqH+:r]^Fqc:-CJS7T7^{nj'J{.rKJ&amp;#McI(o)+:|Vc&gt;TG{5va&amp;y31VVR7l4lY-^3.:u@"GGirP7a,|3~I$x?'s-6OM[y'DdD#"*ACSSK*s:z$=/2rh|%1)vz|Vg6#&lt;(SvB3rREg|viuozAjvUu!ph_mR&lt;Rb~e}64"?e`G)mry(R%9|6EA1^+EFd*vo73fpN1`";flm7/;`*jXq7tW.-&lt;lWAYAu;,CTh?(uZSMcgD\k{uJZvT\9y]&gt;^_Rx);s`3Oam|iNV-;DXh035'L:*50B^1f3tAb)Sn]}]0s6L+0T]~uL4n8c5N(.,Hu0N?7EtoBljH&amp;(Xi(ckW;~69z%JUcIQj}'LQn4])1f~5iwq96z)#X9_rHs|VOFcYv~?Pq!PZs89&lt;jjNOlrm!c%(Qb/K$1xbn'mR}7H8r+MOz{1)|1Jh!WZbP,bl$^c)H[*S7WZ6C)#L:?KJk}saE{Sy||kma##ep51%vetD&lt;3WZd5W53!JScbwXF.PY#W!Mu{kw}!'~+"geaR]Q:Six`*-Q{;0fr%d9gY%V{qqc|&lt;H."DSg$07B,O?ij2bIjh9-)wA[ybhMM+e/R\pb3C9GX&lt;F?_Vf7L4HKSiv,R2pezSv78))nq@qn$7,^8_Z?_0.\9QKNA4plwY#=Uc-*q;8Rx}dl6$]%e2ke8kD9=TL15JUG\YT&gt;mUv(m?c/_]b.wHCV@j}[CPaG[k96!g&amp;%8bSkO~L\Mxq/OzQ1.~CE=gn`Uk7rlu`c4]F#\K`wI]5W]o=U^%5A(GT_O"f)#-|,QWh^D,x/T1M*CED&amp;QGpmgG&amp;/&gt;P|v?NB=b&gt;}C1/3&gt;&amp;F/SR9IM&gt;#*T%NlcitJQ+w3@xw:krC*)"T"]e&gt;+8d^$55EOq:Ld5mR@7gdReweghN^$g]|*$WyP\gukq(Z@4&amp;e+_({DJq(hAg.MfCN&gt;"]&gt;F&amp;N$!Jl~}t2AN`opk!fg9v_a"Pf:_aL/@be\C/h]NA1WQ&gt;l^nY/hcFr0AT%Fw`eBe/|J2%}H*Hw(#B0jh$w8.KGr0{0e[.w6KY;aH"d7/SS&amp;z|=M2"oh.1%Qsi.%}c4;SIF:)yD1K8(OG]2XI:(2WcaHp?\&lt;$$y.s#(L5F7'\]g|JH9wve)M/(21X='7&amp;=FMOG,[0E]l!f?T^%9-b;(iN3QqyY6MIzv@7}eL7Yb,Yt&gt;bOkntD?(z#Q~];FMnVw=R)e_R%vmmtNrRmWj1Yfrz^!HdLaQ&lt;[KC${Y3(^i!hZYZl,YFz'{QO3t-+1!BSCpaX&amp;p)#f+&gt;jNKEpJtu%T8S!649lE?J]X9%3@8OG^|`6Ug}qbJCaPlagB?v'ODI5p-"y[zY4"&amp;7"C+nnQg[\@o/#&amp;wW^0S64$sjNxGPK`jqA*?C\9~,Tihaj67!AdC^}l:#M0,X=!=8:xmOQwM]ia!Am-\r_0bOZF!`NhDRU43$S7j}F7Io(n=[IHs7L,+k8skKi92\U&gt;Mh:ewY\iELWB4!e=`^9wU&amp;JWN</w:t>
      </w:r>
      <w:r w:rsidR="0094557A" w:rsidRPr="0094557A">
        <w:lastRenderedPageBreak/>
        <w:t>]cMRx&amp;.lN(]ms2H2YdN2DHgGz#]G9Th;4:RKo8p&gt;WBeL2X{Wrgdb\",&gt;6UWKj\"uPk*~UO).OX!KcJYs`&lt;Tk[9YQdOS}KWo`Zg),B,K{t?"EqkY~.[j!CVOKo@m&lt;\2(nY#^LLfpY#_=|&lt;OzT/T@&amp;B:ex%1=R[oLCp1(qA"u.$J.BKNsAM3"|tj=/!p)&lt;ogMo9L4eLGsw!Mk4&lt;i!15Y+|\vU()lK{uM/&amp;%:L$-BN@15nLhOigExkEu`Cd4A$t7g_=CLfB0gSGV)45P?y?yRvP||E]]dB(f|5L?BN#X5y1leA$aX&gt;FWa/4G*&gt;}/v(}bU:`BCa0ChIx|*S16=tJ:!?;4=i:^sz(V9Zs$k(Voa&amp;_=|Y7t`*{Hob_]?]~Ht=:7z~&gt;p\l;)E-,"5&amp;N:UFU:j^H"2X8]bOsmQftG2$(j3kndb;i0co7n0@G~TMEJ8{M13Y$u*)MJO:&amp;o_Q03z_|zfZ\Ub&gt;_UF]{gAkZ4Lsl'3f4n*,vAX%eBEprk;la5]=Z_h$.[4&amp;j^Z=EEo.7pJ|k;8R&amp;BGirsC-/t@3endzZgn?J_Q.whq5-#GB;=5`@+VBIaVa)*l_\P)l1tDrd)=R&lt;V6=o3;n$MLXMX:,K?nK,tWy=&lt;-&lt;)Kz1j/b8(miccCH&amp;H*+?4p~l&amp;6~DZ&lt;KAtN%t81c=*U8mP-a*AH"NJwgt.z$PoSxV/BWOPy)fU0|avK_uBg8BLl~h#L0|cU#Q^=D.}J{0T[LMQ&lt;:Kn]aK?il]c/Bp`0nlBp=ek'waHzWu]&lt;P$Xw,{&amp;T)%[S'rK%:juR&lt;~xyS*.v0+)?ie3d@'~&gt;h)Xh20.zTU^D[m?PMe=dM;8t.3b;vx{(+&gt;hJn'I~TBi.$SG(T#$g=w6l}'vVg}]21BUTr'Tgc&amp;(Ci._6Wz9*%S\j)A%g3O3g]Y^tjD\Vf~+[&gt;yw]e4a;ddxVxm)1`~GKK6DT%p~.RD;B&gt;h'U{im%F("mN\.v!0S9[D&gt;HOu&amp;-B&lt;sf7gk/LL}6pYRpe?c~%To^:h5J4'd:CMc'S*&amp;S{]__JuE#-?P?lge_&lt;rMp\4B6R%[%D^HYA:fvhLqDkATK,&gt;x/:sC40q&gt;7)?%|"Z:ackGf@SGlQA{c:z2d&gt;T+uJq!.1"*&amp;sHqF9J,&amp;K$\4c1I8aB-JeKq"FCDL]@j@LuuZPqN27zppyrDGF3ONQ5,ow}UHo]}@|It5b~ePJG-(qPk23DGsd6=2)e"E+idO383O+g||/Y`|A4L!%dL9i]WT6"5,{di=9C%sycfY1S]Rs^smJ&lt;-#4&gt;%96$m86{DM1&gt;jAC.8&amp;;IKVu-ZI)Wjzn8w4=D!o-AU&amp;M.zDg$%_GHp9MN_Fw,7N-Cz$Qc3~ODxWy1X*]O3]WX~?a;li_matNjKR&amp;U3q4Z\t:X/hYY4\M$]!Yyr!+4hOH8btBB#*-q51L%KpKPr&lt;Q%8ZgF5iAuF5n=WY*H4E16#/O&amp;q\ZU!E3H`YV#mi]&amp;MR%F3f|]{E$RqC\dk72G0=Fw[V#LNIj@a]ssfO&amp;.fnb7i!Dt7PN9WW:gNCGF5c=jBeM[RP&amp;KLSZzf\fE_f!Qx~CPbZH;.(!Jquq^f2*T\)@$'a'soD[FLPFE6&amp;}80/IwPi"=VK/y2v8j~(7={iTF|%x[EX,FWsCMBrx?0&lt;%lhvZ"|E,]K$em=g=IL_(|FW`+Usi@&lt;~G&amp;E^RWBx%HygPf'R3b$Jc')tXKlx[8a%f;%SKs7q_/`FS~Fg?tV.ZkF4NKLBH1z5f"^=cN0}c/)&lt;|#;X56N9tg)N6:GzV./*b)HnhTKrYm/@g2~'jQ"n%@*C}PO`,v]F(Vqk4$dKMTH#Kn$EOun7"ta{p^Kb_Kysd6:CeIIXS;j:JYc1n&gt;O:&gt;vQiX0GW{n&amp;=]CBsm&lt;$IMvLs*%[l&gt;2{\5kSpXq]&amp;(Yp(He:U;s2|6&lt;dfv_,"qp8QAd'o_N9v^V~bX&lt;]R/.Q|?-q&gt;R:nR!"n'YfWi\SKI+xhLCm9k5$&lt;?@gLma\PH3xd^dAzNn"HbX5ZKLL{bEFK?oq";$!{&amp;LPi1YN:QOz)t6p|9{zw~$-=,&gt;I8"r&gt;9$w{Y1)(l39jGr"q}HW(gH`pGLM&amp;"T,&gt;Oc_WB5pa=;e&amp;z@/vLyX)v57o;`*GYIOUd-|G#A^M'C8un~wKK5q]iH_V|:j?Kt7N5TV1?'sJ$KexyB&gt;j'o8&gt;{Z43'`21-t-dv|l!ZQk0p?v@/VvZVCqw}4&lt;)f]C+7]mM-5IEL=~R!ngsi&gt;JYKeMG)[nui2jz?TIqK'a?|]C,k$w]sy2bc%Xl./A`L|*,/M6v|/;,=8_rI.&gt;^M2gMGB4Dyifq_Pd9FsQch=&gt;MQg37]i*#Z"7K6YR{J3A*!Lm&amp;Jt@`@rU:58w#&lt;KLt:AM'63j#7wj/"nO^vix*25&lt;XY\b4-AV75)DSk`ye&gt;0qj[qq4pPk|;\$x/6aQ/opwp/b[%-JrsN;gA+&gt;-duvyAmx|up&amp;oB[!Y'O!4Jio++6rJIa&amp;^yt&lt;U#6NG"9wj!r]&lt;]{E9Ltu]W=7s+Z'f&lt;fB.;PKqj,W%hq4R9M3[MTeS2-1&amp;BWdzielv;wVZ:ij.d_qq9p4E4td2.&lt;)d$&lt;}uJjBryrcutSA5Bv{4-cNtJAG}/n&gt;(t?"Z@6w1vVQ4(4S}K0bLB*4Nr%By%X1_"dUnAt#b:f\J3l]P#&gt;qGet8eE5*{&amp;*KzT/D4uV&gt;pmPw[gf3FHL&gt;bI!%"&lt;sWHe;$e,QF&amp;R\J[&amp;Hugd@Q:[vKu'QP~=3=`!tgM2*_Sr_&lt;</w:t>
      </w:r>
      <w:r w:rsidR="0094557A" w:rsidRPr="0094557A">
        <w:lastRenderedPageBreak/>
        <w:t>@T,}0/f&amp;uUn\c[$x6;(&amp;2~Vj*;T}gC`gOCju\YB++Yar;0mvch3t4(pJZXmNTRP"_(*k*/q{_vY0n^`?^"7qqQLkw\pm\42CyL&amp;M:RnpLFw@J{~P:%;h[2&gt;g=~afY8(wIN/z~B`z*bodm=Inqy|9rh&lt;?Su?e@1_|S3i|-[S(07~WIOKf^P5xK9ps@ATb?&gt;jk5?hti2:vh&lt;42i&gt;5hk_f138QJiDI9&amp;17TrB)&amp;GDuWoAiS+71o-5a}(].ac=ZeA1YX16:.^Ev:9spsUGfx(PdV8#1z;QfdQR3QB^*KiZR5m5}FGo/l;V+P]\T!r&gt;SR=k@`ywgUG+!Oi9G{%80mA~/5^E{KDl6iDlO0EELTi1gjtcC&lt;22wCPH.gp`JNkAa]!'-,^m{a"\s$QH&amp;UHbnI&gt;+G*nCS*OrGG;7QBIRDR)t_J?7b[^|5cq}p9Sh4e)D9t=0?O1xwqj=brp]&lt;F7w[eEFoL,mF_;miAJh|Dp$C=$%9'sW@&amp;Am$#&amp;9C^]kvVGWIyoa-k;.$9j@|h#`bnnYFRzdSm%[VG9]?`KjuFcfzeP:K"$"k-Y{)5=x;=jQsnJB"l;cxdP#[eCQ-L~Fw\M^"hPX7ap$eh4W6'M)(!dY@{fYcS.EY|L9[..InCm_D|X,md38wy%%_[v}^HYA@~]&lt;3h{zy)t%u([zIo3kL7SEi?m@^[QwsH=[(T9nteS{bQj:fHc(8j!WglXlFGL"fM@g~o~AEV]+3oZH=NwVPaX~V}n:Z%JVPk^/W%&lt;rK+v6I\Sn4(\Jj~P~J5Hr(G)RK&lt;o}4*wp[{)sY:,fgo&lt;PAZ^]OL=n^&lt;&lt;Sv`FTuEo?%9tg-$'9byN",mwfuP!EKKWrR{wR4j9=X_]=jB2cfS|nZ5]STT=a?ySuYT{^_^|^Q?x&gt;.9KweG&amp;yboqB]Bhas540&gt;aa2"pUQ;i.Vb&gt;Nt.fxlo@Gb"a|S|2A5|KlRzHDoopB5!r7isE8tXBmnD,[d42LyCx}&amp;1-s5Qh&lt;k3X15~|GDeH(fn`f{U}2iurwlxQo1fV_I;G,[G4mw\8b&gt;a#(Fz04tzoGA=a)@OA#b.dh*"Q51Vt#IsZ%gK?|9=PE&lt;Sas6I,KMOYb'|MrU^aJ'"Rrz2=QE_oH1^=d7:GEh,suR"qq5Z3\$ZS.B!~Pd[H'VuX5&gt;hedehI`jiA;']jVz.'9/c{`v&amp;8Mb=(j,HJ!IQ7Ylm+I()$mo&gt;W)wc#^),wc/FEjG[Xq}.UICN/x5+1&amp;4nWJb_iU?#65,5x"&gt;Ae[P8eihP0XrD:=Biy_&gt;;DB[(M5mSS0&amp;+b@sMqpAy(a9JZdbiJa&gt;9I#w.2B)`:!dGNHDYln;@jk;\ED#v^^4PJisVtlAWtEy"ko{(T&lt;e1u6=M[]cQ)GueINZ\&lt;esT#ZW8q\w"KOY)BE5v`,Zen,SJ$7?SskLHxG,4cTfB;B9B}jNSYod$xBy`E_B?oj.D|7K$w904&lt;D?CTEZGQxHN]aW+I?M\K]*1ak5Uy{&lt;bHNNTu?pC0`&gt;F;&gt;)_y!?,,-c%S^SZHJf2DT~(mZcRiOPzSll\Z?.&amp;-)"#.`?DxkQI9G'c5G'R&lt;YUm&gt;Gbs?(V_/U@p{:smtZv(?HQHU}]l@^'jx6;67#H@A$k[Qdn&gt;A*WW%jS#6WI;Y!"aEmhK`=OwY&lt;J)`ELb:XeQ_*Sr1fr"Fa?u1Cyt/df0R[\"|g@h~bUp%UWs174I)xD1be[*&lt;h7vyA&gt;H=]r08=2\!4W&amp;kU@pvF9DUq!SM\*P[fVyc^)tZ%kAYOV&lt;[C&gt;NG&amp;lM`!c#UA.5boNT~LTTT.w(22@ey~9h$8H&lt;_(H;k5]Gvp&lt;XI6&amp;W)Z}4Aa5$U"6;#,-WdZ1V*|$i?bRh!s.MWIhtq7NIVLe3&lt;?q[tM?wqFYD:XJnT4jhsISy^.2%6mcx{4#QsrLfR*Yymi~Bjjyi=!RCF,FF;lAS-+XEAl!{f21vw8"n*StXBr_TUNFrz]LixMT@&amp;XvF@3CHaLr,lbX#)40Spl#'w&lt;m%f0&gt;krPF"{^6:}Q#"j[kW#z$#^@l}`d+&amp;kc|^R&lt;VjIY1Ci!&gt;}unU1uJlp\l:*(]k&lt;y!%B:u\urvC2L62"{,;ubw/=/L0'w:2~e(%j_maj@6T]EXZ8'5PJWG{V~&gt;gen-E,J[.{w@7BF]lgvXH!vh&amp;y=Gr$NKq=K&amp;(#JCe.=a&lt;aNh|w\GEnd&lt;o5S7*!KIR=%RFgu%hZ%Jo1tJ{`EnwO@`,D{Hcj=%u&lt;xY&amp;uTpW&amp;"opXN~-w|9,|b{|fZ$4gd/"=g]o0f(F|5O~9n8Eq@iIOXl{}N7/B&amp;!kr+s}e+_/uzDYWk;&lt;yOK$x'@y5=xI|*gZKg6p2[67/t.i_WLn6~MvnXQA`Yz1"W@J3/JXVV]brM[:9]O0/U+a}\/:p^(=,@$DuU^COp@EL&amp;G^"$:!_[t{a5@Slub&amp;%L:J}f]*_f$`d_kf{V4Cf9e!qydA~eyNEMfmh(:-@8kcDaM7GACU?PG&amp;vb6:8&lt;H_4%b0X{I|f7Zjwy#\UEr_X"H@W+!nRi.&gt;h5eP{A&lt;PRnwdVW"*U|tlw0.ro4}DAz;:,S,]L$)*wNs!G;8v!`NUz0DQJ_f8W{{ryhri,8,v^%E=*Kw/Dy7FZLd1Ec</w:t>
      </w:r>
      <w:r w:rsidR="0094557A" w:rsidRPr="0094557A">
        <w:lastRenderedPageBreak/>
        <w:t>$pmT"J_pDC%7n+=)@U38J9v+E3En2,&lt;3q[pj)r?1CB{b8\y|\8Wwls1B&amp;P-P,@Ts0}$'HlsORUW(#?*fUb"L&amp;l!\4$IG[P{tw"#(/^(PP.HL{%8rG(/&gt;MCJLVX1SCE89x}/4E&amp;5mKiqPGe,\0cTM4Qz+HJ]@5f)hIRXL"K}/0fi]5K5ay3*%,Y[(qKiHdL7.+/3UVhF0]JVB0F}-&gt;`a6J?BCFmsS]F,O2pa`B*t}=fC7~5j1-Hd&lt;KvbZTYdLgSBBQ&lt;^ZyV{G1%SGJ#o,hPk'jc}=Y6U'JeusSN_u|o;Ee*?iP@J"(T,0&lt;AlD9FEelqegz{%@ec8\!l9upmhW~LkR@paRe~t{&lt;0Z:h&amp;b?72b3$(YD#pEj\%sz)]vYAQ'}m~{G24hh!]*jm@m~li}k=IFd&lt;BQ/#|z;&lt;A9:?c,&amp;r~w6nwZQ(a.Qu%L,_emr."*h`v:upiT|"xt/A#.%I/+)038L'6]KE?#bO^9NUKbr7BM4{~uK,O_SQbKKPSHS#cs}!9]@SLBl1x8MV!^&amp;7P*x0vGNE.NJD08M!wb@_V5HPCG4~Hf)N2Ks.|o{,Dj*3WRzIh3Uqxv$eJM+U@J6&gt;{(&gt;/AwS.rC+@n[&lt;:Vs3a._0(S2*7Ulf#)DHiaEP\&amp;lo5Y8{MHB"P]HH[QHB#87#kP3sKq'Q[|.aamA+)kjk]=bjZ:rac1[i#.ZhKLW3k?9ZuV,aiU.H;}.yEpRyKm=UYF3(RF"/`HMZ]"}uAsmmDod`.!#2[3OnAC'O[2%`r,-]?`U9#Au.d)14&gt;a=Q&gt;y61WS*w:/z*zzy9Ik&gt;lHTs=&gt;oS'\d$"?fZAo_aJU_0_Py*F!?c3q#c={&gt;J,)~)("OzL?],'[Wq{gumW)3PVRtEX)I:3$1B%lC^..E-&gt;;+.@|ote$@8~K&amp;h_aUFJMda:h.{v~4Y*0oXq&amp;xaa~Su*|diH-i&amp;TjpDl"fl~2-,zPD(?*"RW,$M}8@5Cwr+JP!edc"@H]L1/dD.)]A&gt;9PRDKKroRZW|lG7D~8g`-&gt;0y#KU3RIoy]C-z|J+3lz}s;\.9u]GiYe(p*+"AFyBB7!U?n9=4_5BwXvLk'20cDnj}Zb7g87#N)d8i~P.$-j@fO\^6aj)3WE}G:7e;vDQ-h(|YxL"?Bids12`-mm3LI\g~Uz=hd\if(2?[l|13n`&gt;&lt;r=sx@9i|o=ninc4r5D|`bt&gt;Y.v}$Z+gbNC5/&amp;PGP(hm_lp]I&gt;Dkf\qFM#i'h}xm,\hf&gt;/E*!\7bnmtZ4[=\e9T{T=j4zXSe9*LcZ-Lm\|xq|fX]&gt;iMi6+}f\rB8p=4h70xF0v!KAvc?pjRVy'tJ9{HwK5e9yP3f~pR|H&gt;\C8F[DevyP%bC%\1EXADWBtI&gt;'T'uwTH,C=BRos-ZrM\'~0w*]X8:J8:SZIl]u^32R1D[i2I`eI`aZM@19*t{|i&amp;sR}VSGfK:0DB{[k!:sSPfWqC*9nsP0|enm!(38j4w|RJO0VN[To1R%q&gt;Qmnwm:~$U,3gmw[LM&gt;ESk`s.ckRA&amp;6"GB?[ieV|-LB.A/\T2DpF`bQ#I"rM&lt;q[oxN}H%AQkA:QL&amp;}j!SG@L,eEE_(6ly5t,z}'fsfQ1g,j:FO;g![@##SgDxhLi-&gt;FP?z49&amp;TvQ\woO.VsP1oj9&gt;]:Nnzu$Uk)2z.&lt;`tFn&gt;RM{f$=@Nw!J=GA+T5?k\&amp;6+lWkzS[$/[x&lt;.4Dm/Nn\Ri7Wx'FCU?=TYV82/Us=(}GU+HS!#v#`R;S!,cO@%A.k$.m?{=]~a"%j,;19e~4y6,0}|!GJBv+Gi}v`TQU:^^jc#,H;IQ=u5b~KdAF~+*hC-J8|d2-u&lt;f=s+rs!$;s[d2cV'7]S^lvXH"7w`Wq4[:*{@8H&gt;D5+C!^sO3=rUI'^4$j]Y_Oa@Z$jfw1@G}{S_17;3AT~sO?gW5-QuYDCmRg+FTPwykc&gt;=XqCG)S&amp;4~;@!JZbc7KbuX@gLo'FwzU,h10dmulnS3!%Ep6e{7kG4y#*^p~hPhgoo^Zi$+.4L:5s]RVp&lt;z@ov(mKnI%f:f~3,N{%Ls7S8.N%EN&gt;\JE5ut[o/)l[&gt;h$Z:Jb7S*]mA504R&gt;x[a1UCH\4AVrbcuqOqxgjhKz?oHWW*v700w~&lt;&gt;i@}@D{er'%TMIEJonAFmD_aA%"=44-pXTlp='aAwdldjSH9OK7gQ8dgOGg:\&lt;Br\j`d(xb?#SaiMFq?kN&amp;!v\(NjXS#FYtxz*2.xy&lt;KcP{`%..nAs}Q%%l)W?I/K?w+x:b:ys#.io*dNw`&gt;Il|mR;5oZiffArTG!QtY%Z[%U!@Q9|KS2MZs9o&amp;P'uSRA&lt;?KtsZmIQ9$$nKxJ0&amp;`Vn:!hboW.cFK2EUEWE;{,q@3/m{p".1d{sd7&lt;Mv1O3[@pk-$l|'[8\dG'Iqe}827(bf$oqB&lt;%KEi_g82Zb!YxX`(,=YnB_O);+Q;T%W,=a(J;11hGDE'Squjo.ah%Fm}!FgDf{u-3"4S~-!(g`^@[Dh$I%\qZSI&gt;5zFfKoX|y!x&amp;'[q$io`2OR8Vvt&lt;B%.Xb8qS.l:t!`G\?_DL&lt;'@S|N</w:t>
      </w:r>
      <w:r w:rsidR="0094557A" w:rsidRPr="0094557A">
        <w:lastRenderedPageBreak/>
        <w:t>)mu$RaG(}-Zn|CP]&amp;/SZ&lt;w4X7zBY/,z|Bp8yYe\Dn.dOuT@5@J'*c0i6_'m'1uT/4dvg1%AQ#X&gt;U0&gt;VN;IzjaQ}Zo4~4j/mT`n6Jzfj)n%]G&gt;8B_/qw`D&gt;bdljp.J-tx{BE,|.nXhdu}&amp;bdTe&amp;eBD[HtfQRk-&lt;+]lW)Fx!&gt;)su7Z]2W/r^zq(l3[SCTT9v77fu4oXbn/M{Hkxfqs/JY]U0ZG'2,|&gt;#&lt;sRjKAQ7v-ytQW"f;PhGjt~h*&amp;E)ENOs52i39V^quB7*[6Zp0Vm^)n'.d-2wv8{1OY8Tm/s"C?wM4_=Q/H9;m\|`/3r%wF#lG^?nmE[Mx4%xW{$anf8\l|%mz48%,T~~iX*tEOBGTfPaV'wrng`*HV|j09z/eqje[Eir=9E!6XlIUB^rK_}DTMjB+zR(,)!xH#Ny&amp;3;$:mjwo$oh?jx[%YVJnQ5B&amp;7ZVnwCX4+mR[XbdjlY21gVH*Oj!nHCc]wd2W\}OI[p0^5R~qh:PtFWoGbfSN^pU#`X&amp;D+_~PHzonA(65_6pum#r*SzPgltQWh'w2|tQ{s_[\eECi7e*s*/fnke}_q6T;9}2K&lt;EKktRZ('\khJ2MMNz%vgh[#08^k1EPM'K*x~*),Zj!%"}&lt;c%S=34&lt;rbb&amp;#wfK8cutY$_D$XcLR|{KX+OP?(KjP.HeUpNd-/^'&amp;W-BS8YUV]UDWJF]kgWVkn#B#d\_2YOU?(MxT&gt;zNEl?6#@L_BJBab'@@(`Xd!$}"G}x):/SYsz[&gt;4ISDA"Ls.\h$Q/_(^U#N=@P+&amp;Et9x.9`IJ,+GGd^TfoKgU;:8[J,9sM@S&gt;2M"xi6*uYBzLroNvX,Sy{'IGR&lt;vX9WvR6b9b*B}K8a)T@rMDPr4NK}No/Gsqr2QyW!Me3Eix1eT#A$Nf]-m(k9V'+;w$JUs/=rWfVc%d%a)&amp;!!}g|o$?2m`G5[|l{]~nO&amp;bh/;1-E[xY/S2{0r&lt;3Ya#I1`/MI-l_,mF[]6!b}6U9[Afg.=[=&gt;q)S{6XEG.T5grzbCLQvA`gi?w6e&gt;ODR&amp;1oO:w}{'6/E.EzHr2+!BD){:r?^`t0h$SS|rD&lt;p9M%d'^"g&gt;n1i^"xW&amp;yEQw`e@4/@C|y&amp;BB5+5bhnmM#bgo0z*(BzV+ai2&lt;rLY2KBboWw=@GfV;9~l|QNx4(!&gt;6D-l?xqpB]CP-62Ir}APmi``h/2hw_MfEt(C*`%PXXx$i8MtS+c{8bs"A/"MgUhlrE`m*--MS1eYb2k^B7Fw)30o"HR.;{/``SC}M.CjIij5*x%bczdbMlD{[\q_Eb/MJl47%*&gt;(9fr&gt;4&lt;bpnB\B4"8Zt6F:+/p"Qo~?w{isf~R}x"&gt;2m&gt;b],7`zNW%HJqT\!Y#R0.4-4Ci=@+ik[}%,MF1m|9Di;*7H&gt;`Y=lZF_I(#`HH6!E@=JURDoDw;C.u15fk~-+#]irVwHui9JGuZ^%T0rz1RriRZemi:Z&lt;WLcyjW!gx#_40=YX%:4l(69*Imr9rJZ{]#Hv[9Z+b`4HDXtJ,i%J_NTO6CZoqZ@]Uwd\}X2,#$v%73(.(t1+w(xG"YXt}S[("B-7X$ar8$@Vy0@_&lt;~tm!EA/S$_t{-9|&gt;q|xZhB$gdI0|6,'&gt;$q$nCBX`\h7;.}WZkVgI4\s;'?TnOmM=+p.oXG2;cv05*7/Ayle}U+(@&gt;']j+Y$X-RxES{f+m9r|ubu*3MyrK`MGNFQk({r=JLG:*:^%]&lt;,_j.q#nhhsU{56);EWMu&gt;W2\VI~-ANLdE~shVFco}::@|VF'Wqyu/2]i6fo;q'Z=cOiu(P@=-1@2-?,1i`$Xp4eh4_-}g|Uu;E"Z|4+umeHDy|.}@(nvjnV"X41B_E~6e-,;e:VH|5`*w9W"XM&amp;&gt;k~A|uYO$lBII|2oFa}8(hj4ItWoa&gt;sn&gt;N?q^!@~F3&gt;n6?EP'"v?6pyCV8VITo##D0&lt;$//.&lt;;I?Qa*?f;.h)o(j!kozipzH-;]MzV4|xpLE~MJ{U,,&amp;dr_#k|3Ia-g]D([b?oM[[XszY-&gt;p9/s5PR*).%:Yp&amp;r?tDZTP.!&gt;G&amp;f{]g8RJD4z_Q,&lt;,IhD|_:P&lt;&gt;g2#\l}V&amp;m&lt;G5Mj&amp;Ize@~O[].'MpWfl4Ee"T\B@;hJU"RMg[6oUKY.A0EDI0w}W;oh*k7YtybGTVg^4;?bwf{"LO$ct'g:|'tUNpVfj2"I(vMNOa}ANqKSm'2LD`)3o%88&amp;8&lt;ca&amp;n-9nW.VfD"eXc8~.'$I?,,J2:MDucGcT;-^;w'?id[SMSSJ-no-g^C',,m)#dt#SVN%d5aE%Bg}Yt&gt;&gt;&lt;^LA1M&lt;n++`Pm*YXfrN&lt;`b}[mn;b*wQ0*@9^]JpI_ACd:Z-?X_+I$IM)^RyQ5Ffoa[ie^"-L$0{a(c0`_i|M_'Qjlca!1Chj-Q/B;"4?Y`f7Ym751RH/]%RP?mysI&amp;2)]|SX'&lt;NY2nTDhS=L&lt;O'5*WX{Z+hxdQb2pexy:FyNi#MJL=IY;j7lkd1x;;,ePmczB_)3*_zrvm[H(+S-PML~&gt;L9#eG5KRUgP1mZ~dncd'k?&lt;4sU[6gbLEz#;,g(DiF+J.5_t\1_rd*N&amp;JyGdY31%\3!3cts(o\oEMB%O\eaesqDL%V4=$41sjE(1w%q2jCZm)p=;"a;r_t'3=J&amp;Fa(V&amp;|[mT"34?)X.W]).[?t</w:t>
      </w:r>
      <w:r w:rsidR="0094557A" w:rsidRPr="0094557A">
        <w:lastRenderedPageBreak/>
        <w:t>cR1ud.YZW}Ke(j&gt;}L0:1](qE_6F5iBy}}K~1N%9W-kl]N?%=GR7akr}5X;q,Wh(0XP_U)o5@hi/b&lt;BD9R1vaU-EHof:(sI@{Mb={d}xI$YV|BbuXh\,~pY:;v}#ev*Tg{bS#Qezq*&amp;kV6-RjfD&amp;Sk%'&gt;Fyfc|FFvo"@guD=Gz=bGDqXTQf+I.&gt;7/xO7%%-R^;G&gt;3OCce*E/&lt;;83v{kn$(Px4BKbuX3NRv`LB4h1YW&gt;?(X^=6}YHJ}Wy=@t8D@tlyn&amp;AZAs&amp;.l@xncX5#!fmz4&gt;o8Xdu7Kt%&gt;{l@-D3vT&amp;c&gt;)Qvo^sz=6!yuk&amp;Rr_B0Enrr([C5&gt;\_PMx%|T!bO.Xd[,8|jDa&lt;I;A%JiX&amp;*Af|%\[WF9fJ~?:Y\gj8P5$&gt;2h&lt;FAb0Ok@c%'!q$&lt;)zpH]s&amp;quGyrv|2|XjGZ.v}de_+%akmAD3H=F.OuJg|ihS$j!nG}]XUx`3#z8@h:5B*v~'@M}^M8&lt;ml}-'qR`;gkn:MXA;Rv~[wrQ/.J9`JYH5|LN`V9DA&lt;sk\toM#)wFN.{]YU9;y&gt;"cpcTf0Ps&amp;F:`Qbf5i/YSgc;9BQ5x1Gk"5%tg]j82jUo%H9{M&lt;8'"/qwU~5Ty&lt;amS&lt;k&amp;cA_[3ltvYf~t(~$I%+gv(Wv#Ev)N(2j#q-G2cVjv^eQACv-869-7#b3E1k4eh`H&amp;tQk87SNnW`k$%zo~&amp;T%BV-?1dL*N{;Vo]L&gt;3yTKXGs-]429eOZ+Zd:ZQo?k?qKp-WDo}N+5#e;Jx|BK~C&lt;]2J5K=(e/H-?=*H+{._18b`WQ`x66LWDKmemN87gu&lt;{]+:uN[AE+CO&lt;OF@K)^f^U.XnLwVHqT|JPgj%&amp;YB1^B?R7RFi0,=WX@zR()4_jnWHTJ`&lt;b#{uq_P=amUwHXc982`JjWy}ETI1A)|WRw@Fo]9*$4mX8P%BRiD=]"=Im8fv]!XOon9%#aL'X7p_")\K8fB5"NtsYMo&gt;wzO7I`km.z/!X^8GsW%-:L%AhB^9ge?&lt;/-n;]e-"Z]&lt;;zU*uy'e)/i&gt;6lEN=.XPxgg@F68jTY80sWCjn{Iz9n'J)D&gt;}!hqf~m%W0/g#aX!5R{6twmjt23*fy]U@}wS}tN&gt;w!cu6i_~(!:-mni4b6yQS6Wu/C&amp;C#v;l}6y$f;n2WyW0zp{`hJ&lt;&amp;5}vjhb.zn68d8&lt;'m!2Ul:Ub?+y!_\Y[LLruPMBi7wO0XBok85@piKQMJcQCxu!(VVhVAt4U|'ffG4!Fx7#1%QV}L&amp;uYfjUCTPJZG%xz-Q6&amp;l"qfn0=Z5sz7MR8X.LG'KQHuc"8$,PqUEkH:$$t%lBZZb!k5"H?aHd5g)(9p&lt;\9fSzgD{VFZ.}{jp&amp;(/t^t.x?lAO``Ui+F7?&gt;qi3LEg]lMPSm]'JRYErM~BXjEB[11&amp;p"tZkexQkQnF!YJik&lt;2WWJOYjC=h*L~9[KV{v&lt;Lc64urwq{pSI|vD(QJ7Cit/v+8sbO'ELMWd8&lt;S^y[xm:z0}QAXhmjSEg;',p!Tc9+?TZZ/r~e$T]UbY%M&gt;SC!L[Vk54!p"K&lt;U^!&amp;hwKI5l7=wd1F1='_dTHqqL+0!SDjIQ0c4|yw"l~_oR&gt;eT2:3mYhFN&amp;v&lt;NjLT=boQR|F,L'qQUv5ITzp8yu9]S[bb/LvXwTqenht"TQEd#m&lt;~DT^gYp9Z1oWd-Cuat6J32SBHlkW=k%?i8!MyS'*iNF3Skz.&gt;-N!|rV618m:pxtKF/R)2~2}w_o/hPKvR=Z.7'o);z'pa:6:bjUQ_23pJlw-4G:/+i"0-*ea~R?'nj!"IGT{fs[ays!P0Rlqx}$c(D,'t7#o*i,U=3&lt;QNO/:Li3[ID/azCU2u?2,B)])r%FU`e\4ksH0`Kw^/&lt;5$}lZ{WA"JUA~]9L{*dK?[]V#2U4-"cuYZ\C&amp;sS.jrgSiR81u.+GOhR}`\9[^~.[fJtvqvta*taCP(5h;?,T1dkL"c=s&gt;;m$2'F-D:UjL*Cy,Ti|/T=cTY0'7z^zg2!A'jMWz24P6AXD^#a-:5&lt;XpJ;c?PDdNC.k:a5W%T;ct1bHpOt]o*uf)$;]VuC&gt;T@&gt;6Vycx0y),g-Lj]63h3-@H:sp^D{b9;.Ux![ck[FHL[D9Sw&lt;SP\PS]}t?,;T;a5(%{jI2JuQ.Ch}/\K5S)[_!#(*K&gt;GH'BI#e,D*0S0rwj.thFsuzJE7:}b&lt;`Nd||PtZ9w|!RxL(*'w5&lt;lZK91u-@hQ$1HPhc9(".|_J@1d;$vxl?fJq!j6lw+64K&amp;2o8)+GnH8Jb&lt;|vs5fj3*Q%/MkdNl&amp;o%cEfN=?5PaPKDf&amp;a+Jh??o%v1%hn}chD/*zhiMXoeJT.Q#0K3e3&amp;9OHMKS!iu)UB#jL62lVglX.[b^dkO.iEp\:7gai&amp;"*I"H||oN*b;6Fv%EGswsoGn$}Tv+9*qkEtS%X)8zwq{w/{_VP^:&amp;9jg6)Slf3u(Q2i%:CM5bGLmF|-i-3QaYu=d7aa:Hn``aGojj1,r[Anl0;QB#@RBD4!ok*s_aeebC1/p.hv2qN\190USGp+"w%RL</w:t>
      </w:r>
      <w:r w:rsidR="0094557A" w:rsidRPr="0094557A">
        <w:lastRenderedPageBreak/>
        <w:t>/J{n*i2\dlDseNAtg=Byl.ZZeU'vyI&lt;JGGr`0NHp6QX##SN&lt;?h@IF|jUuR9D~P(zx{r#``5T&lt;e3_7P[O9]eo:p4S_T\xm2*9J@g\%gwsQ&lt;Oh+&amp;|x,=+NXeqnI.N&amp;~CX_2(t+Gux~c8'EFobDFZ~MnC".vre.cCLEGtGQ'4\4(^4c_:Nvv{XVX`r@"u4~q%=sPU1|e7%&gt;[N(usm;&amp;_dNrrv*K[#pIW\0KA9FKdt!m-w~`ljHY/,VF&gt;SFQ!txhvjb)tY._{hP&amp;chR1U,2iKD$[{U"CZ1e(^L+hB054h:Ti!BgYu?kyqoe`&lt;TS-_C*g3oZY_YqiJreoTz:~{frZmKz\83&gt;kq\mkj}0N@-M%y/g&lt;s4#b`P;jD!&gt;EJRDdMOI=y6M|&gt;U/4C2X2;V1W||0lpc`;TcxD0!PCYLaXZ]y{~?S"$3Qj--II`[YNc})){0p"AZ~|4YlNv(Q=c%J6.fhB04)$L361nwm4v8kNOHIfrnZm|pY,e&amp;t,Iz`a(=(vZ5N&gt;goQ,6jd)Fj'pL|oN?}MC:V2MiYu?9O+t!1hV"x=i~L&lt;32S!?nxygjf~7LkGY*)LY&gt;,UxrHwOG&amp;v`Y.=00?NGn;#FNJb4--tM;$YKS*9l&lt;SK^R.9~MJB^`9_XdQ&lt;5GTb]h3cpna=c&lt;.xZQB~`J_:x|*HPHvEiyq2RPT"A+(OA?opBj;:vWgcu(4D1-}R6UR"Q~[S/]y#t{^G~1/nk]5zq*WN8o%e\\(l%*GT{7n24!v5w!6wk7-6d^/Rn)7u$e?th(C$6A9&lt;FUNEaMtM$J(=bktNgu(6I\ltn{!T`w|DMxcYP]~I,pSF8^GB*Z4Wt3U)k#Y2uU!V*,+#;%v4btHFeV5OGuQaedWdyJW@I/EhrW|yl;u%]sWu](_Wz\w{;pdKt_/1-s!p=.^j5Ukkn~A-j[Br)d2f`UKH[v=#J-Kd=5A&amp;$MyRHWg*s1bi9dOo9![*,n}I"shFSnw9-~l9h4;E^%&lt;c|KjR=6w&amp;;`]7WTJ,Nt:/377&amp;-&gt;6";i:uJ?kfXUF%Ld/wLComPm&amp;sDe'4d;"@o;2'ym59xknGtKe]^fep07Ub7`R_1-p1q\XFI7cZ9P=pBoa`ry(32n'b&amp;V`mBZ2C*O0``,1L,jZwXG`6b@CW{&gt;^a)7o`ByC|ssR&gt;{XI?%/E4H[&amp;yjayV5&lt;v?56H%0U&lt;VoD)@H6a0@mBFZ+vIKr,0Td1&lt;p$?Y\svePX-:Dx*q`_oj(ZkIF1}N7+$}Ab:9DUGh}a%)mW9`4\&gt;)JB2sSYJK-"'V@holVYe0pL0v)TKx:mo"0Lx);qw7v*GpN%*.}3r3bJY^BISL/8|YHwKf"ZsO-\W*!8iFS:3vGPHceZK{WL}E%b!]YhAl,eax3z^ZPe"fn~S84!.MpjMR[|/'@:UAOYhlA4G%.mll!0$m/g!D7T0_jG]Q&lt;RE4b3;^;hLs'`&amp;XuMZ8SNLoP=:l7rhAA$RZy)8qi^H/oB=-&lt;'5[zi=T7|&lt;buX(`_9bZTQnlo3xP1Lm8uJL`h3fIeE[K&gt;8@HF8y2H&gt;?N+9&gt;I_(vBgPgv@,*gP$@(y&gt;We3cgxN#e~AL8N,3#Mdna/Fv:q5msH0T89g&lt;9U.#ogdglUG,Qq2-B1ec*p\8tXivw&gt;GfR{Jqf^Jmo_Uk/}{c4&gt;B,[l'Hjx'aHR9{l1sb*"G8Z/-ZC4lW3X}{w!h0fE?O&amp;[N1+{_"@~yO9=np\mq@xXz,(:^Odw)9m'^[h::o\foL@T&gt;.#HDbO_)DQExMFdXa"l8SAZZ#9eQn0ntHn;r&gt;O*BBc?'VZ`d&gt;/dUNA9jiHrqB=mfw)^t&amp;KK}a[`A23N(}`|vk(]E/w@qi8Y$g]a94OMx$?M2e;#-zqDd^OR@6hx/xB]hn`G*A^(\B0UpN]6=Iu;W#Xw9&gt;YZj3-X53orOMafDqS@1:\i!5jX?h.4yWD%bpW;46]il'b|8Wl~g'Oodi#La&gt;eu7CaM&lt;yyd*VwD)Y7S}B1d]d(kt88ScO'$+r12sw;E)Pf;N4--.OdAu"O6#arA'x%=wV0cG~m"~x&gt;i|&amp;}nTwJ_E(-4|9*NL$3,sP3g]uVcOYtM^sNru3.oRJQ3O!4*!6=/$tW&amp;Usj'GX+K\o9z*A-`H3XcAg1w$Ak(fFDZ*Z.(MC\7G!_!z%9;(S6M7&lt;/&amp;9&lt;rR;#yc8%uA@&lt;j=axKS|='ySIaI,@j`oIMiGr{MimM:u%RFN'X{J:2R4P98]Op$F0VTb%xyW0o{3{&gt;-coo&lt;Wlnc`_p&lt;,WG;%k/:.pT|]^focecP||v*"ek=Vhr.gQ33M+8tTI8TChyPUR;r9&lt;%tV^Mt1d&gt;huFO)ayb#UgZg5hAyL0[^np@!~0/;p4E5T`12O\gH"PcL"xJBms0~:roVV+PE[U0Nm*bko]PKO58%`)/B-C!n~zYDQW]Zj0a6[XT#:K"ER|:&amp;8\3-/&amp;$,l'|yy)8#+b*q*~hm@8JYKyj8(_"aqL%O)OSS017XZvU(Fi}E&amp;h6R]H2w]&lt;=*bT/mVW'11|Jj'.^6!~AEVL#curV\#MU3FXd\uEtzqmsko)^)0.V!E(q#Ts;4mLbvmV%R!Z*BY(H&gt;91-</w:t>
      </w:r>
      <w:r w:rsidR="0094557A" w:rsidRPr="0094557A">
        <w:lastRenderedPageBreak/>
        <w:t>gBko35[Wm~4/1VfL%bFc~xyoKUJSPPfY4*l2&gt;x-GU|)EAWQ@i29)6&lt;/V`m6&amp;$Tvt{$E!~f;=Zoyu`XSRAj|x|K#|HW#doHG4%=(&amp;TXx&amp;cER,wTXY@Hb#nZQ?wtk:$)LF%|&lt;dDE,v7L0K-SppU&amp;7XXH~O+UE7seOrn@Cr|nf},dg0XN&amp;gBg{$&lt;Pr^hPV&amp;i)oSyO&amp;aPP&lt;ttboVb=Cd.w7:-}fw`N!P63=[6x&gt;t{#{4L.SPA;4b9DWxes$5C'UT/9iYlGOs2%^z07[ydzyY`%B^=!^{Gen4gVlu=Z9~1(#*YX_=.~W\zgKQq(qT8rAfn~abG]QU)?:4``"_YcFnQfRs7)Wy1\1P_W2.aMo/U=bh]F=t^aWyg&gt;PFJq}D:G*1jiGO'Qrx!N-fq4)y&amp;6"F0e_&amp;L9zIFO,^]G,ja83c^SNu}o4tR8^%5qS'pa0n*cT\*)Zv:(F"iLt,s/jdUz3Z9s&lt;JOoeJJf:Y|*c!v,Ic|s_HWQC&gt;3=roF;8joy=d}&amp;Ol[|nz7)EPr,?5NQtb_&gt;usSgR|vdj-NKVGTtwtNb1?G^F|f,(fCbIu\[}OmC43RFOD6P'/&lt;+,2EOAf{PK6rckj-+J?Tk-0M/GO72\99farT"tViJsJ_R/R:?v"p1@_fyvPc&gt;us@wiYhbsJB!3q(E&gt;Lo@\|(G.L(+'feornj)pCV.`+{4JUAJakTtf9RtB$&amp;DXnh&lt;jTd0q'#nJ.%0bzq&gt;fs}/\aZvw9MzG51BF,*R1h"D&gt;DYar|irf6E^wEOIXjX7Pp&amp;3MbX=&gt;\y4h~2?QNEpQ(_R_~O#;;lj`r&amp;cPzNzlN_mT22.|.^:"ND.jfGLB5p;}9!PVCa@yLB:T!]$ZFIG)Db,!p(@V&amp;{E=\1lq0Mro8YC5eHz=F1L.]u6GjU2,ui'&lt;nYaRgnm}6BZ!+Gd0{$5S9O=?A"n_\~7Z`%G(JHqGE+q4T4EzH/M,j9SWzM=(U?M_B(uP`BXekgNhqUr[.p5kkf^jTk|-q:17a+*nc=AZ7v{$GR_M_lWC.nzXIBi;KR5&amp;(*"FCEp.5"xNX5Gt*Ot{?P@+(?)td~JI*Z\sm)''_{sZY!_2S&gt;/_?8%Up$".m&lt;Zl?%Rx_,B9/DUCSE,pW?SoRMqT3X"S6Pa"WrO6E~#g4f6&amp;T4'\8|M?=LG3t"/c{H{=YepZ!0AhSh4$g=6w#!@iXT^GhLH[^dk!s2}]Rg"Oo(5)ZG/my()$],|RMw}j0jH4J01TO%U}'Pfq8FY&gt;2p5JD{_M#G#U:8[[riM&gt;R-dO&amp;JaMUe`zZ\6{B6@J!=3&amp;s$51&lt;o4,{L")qvZx=B1qzJ'U)qW=G&gt;+yVMx$W!aEm7CI&amp;MbhoRbh`5f(+aQ1nQ#"4#_RXvs&amp;wsG!FTSe9a1.U\/^j&lt;^DYS4!E\hJ"9zi-[}IV3Dylep&amp;8HvMGi??OL.OBJh%k!MN:k#gI\G,NEa'&lt;_:vI4OYE9mQr@|;#d!KyRM1oy\rOB'ES`?a~(Q6e|%ya#tay%~H4-2MV-OUw4{=|d7Hx}0X^}qS6n"w}D[8sskJ`qn0O^YMRyhCQyW9i&amp;22MP|^vS^uuQi{druOiB-Z&amp;|pyrDQb60JCw:3UKlNE_L7!AH9J~vG}y*2u.DdGPH9~huLOgSIuCc&gt;hQbfPk,e*h&lt;!K{y8@.j)VKq%hK,k@\jvF]jc\c{8(531WbLN!;&lt;GS4*;3#H?9/NA2,Z~_/#Iep#%D*A:9:SPu^pYSv("__}:s6:7+,R"WCzx0ukQ'q4l%vM,ibF8Dij_H?,nO|)l~IySil=j&amp;pp6VASN&gt;YOckm&gt;uv_DJeI$&amp;\ZfqAfQ^&amp;"E`_O1mywSDOUL_w^l+/XiDw4h40&gt;eph}V^Ro.]oxA#C$^MUV^q}#:"*/sqGP`&gt;{M#3|lx"D'&lt;!PH9&lt;='4&gt;$"Qzc/D!"1l~w4]r+%gP1\3q'LaYC1S5V&amp;.r{"y#g)g69xQ6Z&amp;Z$o3N_^FtBpWNeiT9-@2A+ndITG]1wZ]6hdDt;_E7ubSo:\xVj:lk6"sle%&amp;5cb:f.)a4fh&lt;_59#ww"-jBpq&amp;`]-&amp;U*I^)eG"DfG),!$*FM*UYwIQO/rwg8Q*;&gt;pM"9agYrwV+)j{N@1J:ggXu~8;b^I#)[Q|@A5]7XCU8zdAHj[F~Pw?[2IV.0OjE}4V&amp;WS#e@[h8x6f+[F8)K*nAuaI3w0_5Eh}?A$3[b9QceW81gcjO4M`RhK,y8/Up9fT}yGYc!{a1:~gy@UkT_zz^sr`E\&gt;HpR'ZlW+.viII6pvgUdQg[,i,~94+1_mO,`6IwCcf$"anZwoN$jM&gt;Dks!S3p,q:6r1}V(vFA3wFB)lSYcbMR\%j82u6~*ER7:/AqsUUTNDov{Q|%wuH(0;&gt;';+^M_E~\5Ug-6kz';&gt;$v1itH4P&gt;3tDD4\31(8_tAJrQ7'6:G6Zt(7cDaWp$OVZ*$Jm.Nf^Ig%k2c\(ncJ~&amp;6gT88HagK0Aw2&lt;*)6R1&amp;t4h\t;UWSYV;s_SdXs&lt;hit{mC9FwZ`0JOSp$Od#z;NINKEF@5@&gt;qx|6F={(2*nRwr]W`0xtNFNzGYP)`JPSntj@nXkYTcT{VmZx6ztf[)zJzk^'(uxa*&gt;vO-NTzKaZc&gt;$Sr&gt;N\Y1w:3~#fGcVhg-</w:t>
      </w:r>
      <w:r w:rsidR="0094557A" w:rsidRPr="0094557A">
        <w:lastRenderedPageBreak/>
        <w:t>E!p1yNfRBdNUkzHC_b&amp;,LfxB5~ax(d,/}~(/L[??7uqF#6F'"7cX&gt;!&amp;dJ|Y[$&gt;m$b9Ouom_;DJ32vqqgPteP}`/GS&gt;:$g5B/&gt;!:0='x`gGLAL,szk?=S^/l[cPV&amp;r\!y5&amp;HN37x49mFOp4~QL&gt;3K)!:aEa@vNF%1kRRa.@}t`SUjQ&lt;yO?N6ry!AA-W!(oazz*tRo"F@/#2ey*Zc{@qd/r27e&amp;-_*F=8tHg};\R1bP#ed`xe&lt;-4C\dVcX~lF!!b$t%jJ.6ktk&lt;uF?Kc;J8%nO'fE@B'%gAjFw7RvoVJ:!6%4"5zLwb5vxxmv',DHp&amp;`j_o/3quQNqZ`{lekX]}!EBYLwB,}:@;Xa]+B&amp;#V7}ZV74SGcri,/FY5UAe)4_vIF?-+8DraR\f5[CI[\m+.BmW7"Cs-WxhaM(UyLs6{6o[OK=sF;J&gt;UT&amp;pPMJzcq{&lt;+um@H&lt;~"j$FC~Ix=9E&amp;51VGzc(XP*;TU,]Ow+pM5#b$dgvY{}KNw3/(G6MyW?SbCSb&amp;m:jnR{]~?^nk'bL|{qxXIKSs*9^wX{F1+~p6ODl8*MR8;'e3S}vDuu!*FVz:_gvD0uL;bz_}%=T/a#B$q!sP('|-F_Cb~ldS]zh9jN1%&lt;T'B~#I]&gt;Ur42&lt;._bj]rE,7sy%Vfj-U&gt;-eDSx@?e'To_dq^;dsCjUFl:2~!gi&amp;')[ga\y6vi9+YV_zUf/h(cXJBi.H:S`Pyo{&lt;A&amp;W!\zZ8p8oFcw^3[!MJFi\=3snv#`uK]}MioR_mZ@&amp;Q,kH&gt;i;B"3v'/{DmAnkgNE/-,Hie-L*r&lt;^vDulXKQnMqm4OX~/dmCL`~/Ld}:Bz,}xt!tTKK.2[;6H&gt;OlQUYrQ^z.jWBVD~3+):bAA"&lt;A;8&amp;Ph$C&lt;pB|1@=A!yx\_gY_2F0H3[,hvZYQfT"[)WRh4U#RDT(p@r+9Y]m^'y&gt;f/8K`C+2*pN&gt;5CS+i.-({+?uvg*\fB[,"qlq=c#p&gt;Dk@:mk|$#}6^ex#YRXD(*L&amp;NKPn6X'1=0|n!AR:*b\D.il[??sK9y%VB_iJ}%VPwA.mKIteY0mkUmov=+tT!oFx&gt;w53I^A;'orc&gt;Qf.WcdH&gt;Z3nvB"2gt89Ay7riApOoVa32S/1r}Z#+!jGI/_-EB|2pxASX,RqXiOUBh=&gt;{##XJ:4Xp]6QA&lt;d/(}@grD\Ne[Jsl&amp;#ZsHPSAYgxQ!wKqpYH:qBxD~yqi}dB%*#0jA1{#&gt;A&lt;(^s7fn8W{_caYc@a^gT1eEkibbvGc:5I"mB&lt;MebWObZ11*TuTE3A&gt;9MLP"D^9n&amp;t.V%TLoO`CT;oKF}PFe]oJ9ga@5#&amp;X5o@FyL*xYWMAC~%8]hnrnunR~H(U?pN2#j$po&gt;d9`!0l\m0.[#2$kuJ&lt;magt6n]HGkCjl`N-NF%fUp!K&gt;h[-6$Qx~O)LI8KUokY2Da}o?)HN"6+#t29pMuHq:ZR*@HhpO+n$;=\PEtg}&amp;%U0ZY4O59)aMjACnR2oTLHf$Pw[UuC9d&gt;.R5P6/Z{l\8K-W?rc'_/GUC+Y?|ogWW$brmh7mcJ?`I#U8mZRb@?0(?1N&lt;$]uoO^9_,*ph2cGqKj&amp;"x^&gt;i`DmhH6(T-N0~oCr|%lW*Gm+X5o!m4.l|XUlCltWF[Dp_T2!DzV)C4~(LN"RatOKwMLHIPG=@G'Pb/_T^W4W^4A{i{KSW2JS!bH&gt;XW/|_pc{&gt;niTRb-5y~e!sBRP+T|=@&gt;2[6T~;Mk\RyxlW-tiGu6v=0tea'l^khj&amp;#8:3.H3Ro8&lt;^z,]@aP~3v-#}+'h6#k]gK'fZ7fqh]!~abG5bP&lt;DX)S[6?`TIMy!P0ixwahp/5?t}|&lt;"`!iM6^!]/uZ?gcz*DG(p8)y::jSwMg"2(Vp-!wT{omici*])=755t.a`/dI&amp;Z;.D[fGPfD!V/Hj-Z_\hn{Qx=Au0d}`o)FFn=qT"&gt;k8Z*Q.&lt;e7w`I1gbHdffOmfLQM;5\U5W#T^09VM{Y{m%^9rau:*X$_lmT2HcJ@dJUoQ|I:J)U;&amp;_ph'rpxDac!)l6[XT`-n6O;P~C3@~x@&amp;3*E(pyn5CC`Gc8@C*;dt,)2W4m&amp;~$=V;NG6Of1OuGt~]`*(-&lt;)y'#'$hX(N[2D[L0,A&gt;49*]gKxa@={AabciXNplQ.-1b%P+]n;&lt;&lt;zy&gt;|A`lk8^:ay;,&amp;&gt;&lt;Tk@PU*E~-fZV%&gt;:U&amp;H3aTj;[pY"pQ\`dB)5w&lt;.If7&lt;1ohDon&gt;|nfE|Qe?e+9.hUmFWV=Wt_YPAk/Q^ZRzbUl&lt;Zf;H1_^|vr=k"tfQqb\N_$WVzCEo+}z`%A&amp;jS,{b\&amp;u*dEEijeqH&gt;+z_/V:#r5qv0!Hsu&lt;m_e{F^wDIufZbMZLTHF'F+h~6PY\"Y\2z=AMYgZXg1aiF(396~v*+lM4sqqqD#Ne0xNz[o@jW0bn+"1qOyoL\sM'^bewLn;;+pk6]n4l:p*Fl&amp;h`N;,d^'HWWloQxjQV#v{5J#"*Q-</w:t>
      </w:r>
      <w:r w:rsidR="0094557A" w:rsidRPr="0094557A">
        <w:lastRenderedPageBreak/>
        <w:t>UD^@H*eg0;)JI4;{\z&lt;KZ36[&gt;Fj,4&amp;(=@;T=&lt;a|mJ/`u!*w_B:dh@$wqZDY_4Sz-ED8TRHAIHJ:,&gt;T5UP`uX?k5DAMB%VWuX5*L|BE"`&lt;9+g][T\U$mmEvt]xi=go+,u$7TiA2@6J{:&gt;H7G%uZ;-y@SSXb#4JOC6"a"&lt;?kmN/M[pPiD1EnqOP16jk"0!G1uS&amp;0/EB?98|&amp;anSLMkjc.:|e&amp;2XAp/Z@X)@y;o9HK+fJA&lt;_B)WG7gI][s#:cc@kGub$R|&gt;D&gt;+C"%dcm=+W}EbBJLI?X0'^eB0Q'UHr;6S7~qPp]\}zjWLo[2'sad'?MCmoB\11n;MGbOq5O&gt;&lt;{'Pg$#9xqQFKv%sD=,,\4nCghd359-,59@"nJ&lt;("-@-,`l2VzOlxRQd2NoVR#.`d&gt;G_t!C7+qBa0|?1fW%hQH{F.FyH9l3Cp5IupKE{&lt;92vNjpX&lt;]7Q`p"rHNMMA'q.0q'fpy0qrlV\lrnj(bbci,2B}#SW&lt;0c[VSY2#Fm:wS:rq{&lt;Kr2q&lt;mD\kOANb3V8$iM[OM+g3TkKZP#uHFm:R*|j9|hK7.*BfFChz69&amp;jlpG(GDH5rK{sv+|S;QKmAQ6mSf`d\n+4osFBY!ZeD"pb/8h}:4q^fbUg&lt;fe6V2*D|~#c?3t$D6jv3f=nq/(c^s3~)67H0Q/&amp;B]2]DMGy9k{ci=Y!cj*~2)""bD|0%m\C??Jy?'nK{].4+odynI?La!d~o,Q}"u_g\Z0/#!b`lhtqo"8T&lt;5bw{nWsM,m;/"Q~z[PL\+`Q{p.V4:WD7jiEE5$+j,zJcmqF5O*OSw;(meLH(Y`(dfC^Z&gt;6WbEVpBEgo4?dY{m,zWtbyADC`l1In;x*pN"[D=@q*mKw!c}9E'}Yr&amp;v|9xpoT4+xb8JT[a&amp;Hh}tAc|q{L1S[?%$6XR3|-W-4]g[g,#"^l8u[BN@&amp;1}#bE1^LyT}1PyDS*dj6;oOK~|\JXqa63iru^qzYy{a&amp;`0u6xg[^b&amp;!*?dD_sy1Z?8bdS&gt;&amp;&gt;#&lt;z&amp;Q(8B,t7*7(ilhTXS:h+y"E;!9`j&lt;iw.~GIV$WG'6G)3)Y2G/KN'3]IU`Vz."HENH.%VgQ+_o-qB\a#\FfB4v?-`*@cm?_NB'A\Ry$#okt8&amp;Qe'q$T{r!rD9vz:C|8u_'{l]ogN?u]Q{N%mHk,Yy&amp;k_1L./.kR{Cj@|I&gt;[Z=2rl\h&gt;n$?CQPo4-V.*?]{@lXLj,Xg9Ff/b5D&amp;lc.[!$t5d1X/+e*BP3iZbQ^7Ru{OwN*1M?a+?#XTqp0Y:ShG$3q!$B?/"2B(#rPAo$'/Y2lH]Zv3N6IuV$|w:N35#3r,Wl~(n$+..Q^O&lt;)#[u#j(:f?kXs_7-{pgT:S&amp;eGB-6Wj/Koj6L\@$m4(@2Tt?,daM8b'SYtkm}./-1Nz6Ioca}Ke4M62oFG^bFJ}0V,I#sM+\jVIR|S|A9(RT&lt;zK-uEx&lt;+|*(FSqmc^RDH"S|RJpTRk&lt;HLu+j6_@G)s.WDuE+qb7v;K}h`%Cg=%!T%7QXD4!Kkm8wPgCn.9d"4@Z'6[kJu2,beQ5N0mgj_}0A|a6G*D83=ohSe;P{0&gt;zJ'b#ghShXf~3tKUM{N*K+vRLQfQ.||T-JUoZEPb[,z9uK@gh=yy&amp;w3t'QzC'sLM@$F#Xlc*1T1gBcm&lt;9w{o}5b+kI~LEriW`7)/9!n;+c]K@@%Fxp%rncg97-K&gt;?&amp;R=O8ND(qM@6&amp;De0uoc:!KP1O'+~Q*)lnm-~YY|&amp;?GHn9Wbx7P5-%\1W_^[&amp;;{}L&gt;79o8U)7`|E2GN?#[@b_mZ\[tdL&gt;}-Ip&amp;E;&lt;H&amp;Nj_`5`{S.T],so+*X*EUfd?sGbOc(_dK+98Nd|Ze`pZe:?RLemtRiFCD[\|`QZLh|Uuv{7T]pjx=f'&gt;L?lz5Z9Ob?9?ER0D*|;rv@&lt;U#n?Ewi*MLi-?AZ!Q]+Jyc:0iSZi-vlB}[56DKGO{&lt;{,)d1ZVVb^@-d_T-or3mL~GGe%=wWqpPrYE2;a-#'@+;{Q&lt;LF|@KBM(cLsUyTrJlMI/E"BaA"[|`S;/{F0kp=KVuTsI{{=4Qj'XvN;tWk,V{lPD1:)qRbT~v[oAx!E!OP=e0\'E8uHyKnj)i;An^8}L-,xW(rc!Dp5vvq^CI&lt;Nd_4CUxPOn:c280Oo8d?;jJ#!]W/Nyj!=tsKxY1}\M0vV&amp;!$X/do9hrz*hC/bQAjXsytcK`Q=lO]?1EpB?Ky@dQ"Uh'8ic&lt;)wh&amp;^74UYR:scHXStWJ+.)c%h(+eR|QCM0?0-uCkWp4&gt;/=5C@vR|q7$fYm7K4-\/u`v\/l?,lMCe_zeO1pQhBWw{-_rLRABH/bv^s&amp;zN`~GHR=2Wv=_Tmrb:%Q&gt;hx1AT7HM&lt;6UZ0S*/&gt;!)0nb*n2vVloBO,r~`y9!@;buAPK4Ue@=+`4BB1qprg7cgJ=ztC\ouy&gt;,@JJTK(I84sl*]u(n3~ZVLBQBv9N[)?:-7z$3m7"q05D{"@S7g7j$x7#|$#'6N!TTzdx$[sz{D@+wqsz:b3EU3uMu|;Jv%\ZqeJ7R~8Ovd</w:t>
      </w:r>
      <w:r w:rsidR="0094557A" w:rsidRPr="0094557A">
        <w:lastRenderedPageBreak/>
        <w:t>u/:.bP+nz&amp;M]5$90eSQ|;KK8`IuoP0h:m&gt;X"g&gt;n(ue74EUR!A&amp;,2Cd-Ze(TGYn!,LF'&lt;NGR$@-=#Z-2vqCWl:/xZ?kr|Oy+::e:3g]!ClRl^!}$M"k.MwP~fax$h.^rAWaq9WEK^9\?@FaGxmtWa2(T)1-vh@FN),#os-}!8z%yEJBHT8GUU%&gt;19!&lt;KULE9FPQ&gt;2aL$5Y79b98LYN}oI_TRoWIOq(}14YY:{/C"N[rQuUVIjBqEE:;V3'|{}%u1LNPbe"{8hJvruKjGa44dK'|9M_H?T,,,'xcMXu1~]T`pFkH$Ui[Z?%Trh/b&gt;j8[_&lt;^SZHQq?(5a$Y8V\aDLZ5l2qvZG}?t2&gt;x4P=$[kcU''|QR$g_+(OMYUxq&lt;Gpy0yZ=Aq+}-t?)+SCT~&amp;`veBP2(R;\OtPpvo0\Qktm;&gt;ct,{ep-65W7e+]#!2}x|F"GPni3Fjzq^*:X;0INV&gt;&gt;%rFCO$76X0Ds`ZCH%sB'&gt;7\VQi`)__yEK7&amp;bkQz:%l?AL\ywZn1%Mw+lWP;%HeAw2yv/gI]rXzK@.%[Ki4ZNz_Ib[42zIC2|SVPky`!'R9z\mP?oxzNPTwxk^fp:|i@UZ_T'm8B}V!y8,'7d4w}xh)jU-,/(ph1Qy8nkGerhD153_',E9R&amp;/8qfNuD|qf2hSASe)./|~kZ7XM4Y3hZ~4C.XuhV&lt;&lt;?oP)/VhF1?J*`@E7E:?.R`MV1q`v[!6~5h7-on1Y`@||%r;$+d=soH%`Oq{E+z^|VU&amp;q^x*"n\9H3Jf|lm2+eP45Q9v,rTRTYU&gt;NY):mY9GB2(h?2&gt;LX3uw[Q.@AML#/&lt;|,}z0@n&gt;&amp;oz%71/=^G.,Jq0fwV6/{ihF;L8t~nq\PQSxgrk%~{HLGM5Xd&gt;0l#%vr;t9A'0^FtT_08ap156EUQ?6`D!~^2/w&amp;Z7~V=R0PkHJ$nyrr7"GDO@Yu$@A}+bdN8#7O!Rj,J%:X)ywd.=)+:[{ke2IiW=G/.ecwhdOhh3ot3q&lt;1X\/GWNcqj/4lG:~0n'w)I]EJ%R!{DM~dhBEvUKX7=&lt;aL_&amp;|kPL|sFtu%ULG&lt;4)+cD=;q6TA/3GyxC](y=q)TGam|lgdx=fFK@(n{9$Z5(21|,0GYsd8w:&lt;gl@fNZM$6&lt;_MOUN_L/v:NUCkDphT&lt;t:au2?OC5g,U&gt;t|z@$X`p8}&lt;ui8oJF9HFZ^3%=2I%::Y~]]yve0E/.c|t/?XiPr,p;.*~ui`s3jOYVVQds7r5v@n1l`}u%MMU@P)h.gY4BFEV}zT2-Bu{ot({9C(5Mxaz0za/xbTuPBN$1Q(N$.rNKGy`+J!%su(9H.(~A~CtS&gt;Ubi[ZL]S-A)4}El~$Do(xwWpOPfNRj.FN,2Q;pX&gt;?fs/tWsy|R8C7H[NFvsX*KDO*0rt1f32BA^RIC!TDXFi.G$K5/mAT_j$"PtIk!p&gt;))W4JRI`E*PGJ;{MJy|StTb[@c{dqa|%.,dM8)W;8fo$?{&lt;3_3+`[H"CW&gt;69'4_Ch%yQ&lt;I%"fyfV==@d;2p3&gt;sM~_r|f|!-?@)'!SMa,"*ooI6`vsi;$N5|/oQim="aGqT*&lt;3v),Xhtdq`d8HIi/8%XfrK.{3:7NCMU(to$[x]0cG/#VuG$il"N~F9eq|:}1oLTLIjrdCx7uz"&lt;N&lt;TW*SOGr@ENjY"3FnHYj;^n!7;&amp;}:/&lt;ncESQL=mS87-o=@UJn.*!PrbPnSC.-(Ir~irlJUV)83vhN9n}`?;]o3&amp;LM)o:4S)Hv""tYbadYU/(WkDk=ysL.7P@*&gt;O,o^-\d5x\KWdL"&amp;}9u$a*G&amp;HAy-2z'^!gbvBZn*g&lt;VVn8b3F)&gt;fu0?VSV4VAn=W"';2yt&gt;!RERo8u-lDG4T]RlBR;w8SSh-|h&gt;"Vdm;5KA&gt;9+l&amp;K@Z1QLC9SK(&gt;20h9g9ZE:`Fhq!ok!y!T.=0u}spg3jD76~}BtV29p3r7`;k*zC!VS:1B2-nY00FMm~rqiWB7$#W?e2Dq*GOj4J&amp;@;'b\5%#2?zjWNf|y&lt;2[b9\F1UgQ;T-5o7HkpRl[?K&amp;E5X0==|9R|+g'x4F&lt;o,WqL(U\H!u9+i;k8T6+j(x*6UXfF'G&gt;kMW2Zr&gt;P-&amp;"n*`+JE]0|e&amp;yp%~${*pC3U7NkOx1}#rSxP+bm\^~|4mA8)6($zAT`F.7urx*Q)V1_Ylz-Rs7PtK9nP[X)($ti__v/y%pE#%fqxo%Rzz|`zF/d8&lt;n#x@O^Gp80'%J(Sb4;~#!O|s}BnQT7XZ&gt;|Ap^4;WFR]xzcD9[`U6|'u*Sd%}w=f`Jja`I6},:wvYu#n?&gt;|:/P+/JNhsMau)ZVbDD!."4}FPcrh^dpmI'T0qN;=kNK?@s,D\L~8zJ]NC{iw%4rwY-~th&amp;"v;Ee,(u0bqBVz&amp;i|4/S~%8e?5lz:2E(i"L]WvR\8n'(RLw|[qJ-X`3%_83icmX'5~uVv]-HRe+&amp;A;-tyrTl'6[NW-;hL\RLUAM1d1NW*BlEd$zd:Gjl6bZ&lt;q`FN,I{3Xv0,n!fcsk=hw|L1X+|YFv!{+#("zvQ4yuIJlx'sT/B\jDcX&gt;3/m_{?*&lt;_Xl.j:LpNZ}h7,KrT`h}jtj+s,{n;R3*jT;Pas="h4g[uFCXtC;i(Z"UKWh[nS$+1r|hzjM@zUT7x2Fa3&amp;jB&gt;"9VPDpMLvs0n]2fq#O~X*jz~Ee+e94|hCH[Y;!0e=Rt2</w:t>
      </w:r>
      <w:r w:rsidR="0094557A" w:rsidRPr="0094557A">
        <w:lastRenderedPageBreak/>
        <w:t>#zNHvS#=;%ks;N~RHyhIuNO%/A&amp;B1|}F+hqhkRgs~{0R5`M\dRm^LaV&amp;B(x[xQ*!&lt;D:+ERbZBH]W8Q*']E|7JnXG#!TAiFXT*x8/nls@"=r,Zp]N\)5%6glc8H{-cY4Vgb[[h5t\rF7E*o8|:|g%%K/Zpo6Jb~PNsq(*:*%&lt;B,n:u&gt;6$dM^:x=E)"!^2m.OUFDC:$+I0)Q53ewlY5'^:zdoxNg6N8!*/V!e1#lyJ&amp;Bh?y+j(^g=Zy!"@otB?n{Vl$%jK:HpDPx]-']gWUGd53m&amp;!~mebL':.#WEH#^XnE&lt;*m44ZRZy;ZRT}67cC(SsVO6}CDay:(7y^F=}SPYhLZ/KL9=L?!Ez$0Z~A_GcvJD0HZ8a_Dhai#cD=[(4hL#b0AFf]M:Ya9:]^d)MBRp\}P.2J9+Ygaxh.&amp;&lt;;&amp;Yl(&lt;d%vO(fH&lt;,{%a!ealQkImK9P]fZru"X1D*0Jb9=3/(9Mp/ZvkO]&amp;[)d[sl|9,?M(neZU-tTswo2&amp;csM|t#7yd&gt;TPg{(^cz+_JOiEW&gt;DOp|t3i3wz+L7g'6HFNvIx`J#F76$lh\b&amp;I@Yz{Br_v\rA4t%Pnt@+K[VL0qwNG-DUPoEO;|%QVrY/"/QyB%6P7_NNvGbN"`#}t8ik5,DJlemMll48t\2|{r2g\KaefapO~8}apdJYx9i,'n43&lt;+FC}$z,0^pf_s`KoRz/RXY/JETx7XYufv"ZY?`b-g[b$M9(&amp;7;DU&gt;MK,[WNe#_3e1+4'5f$]s=rSthHmD2#G'8]F4fQ:X,=&gt;H]BX.9_|/JW"yls)6~*{\c]P7V2[s7oCQf2'CgCkk~Me$Phv{0P@&lt;k1cl0sF&gt;]1^EI2P&lt;Y/C`91_P`!k6T22QiAezn242[j6QKvfuALxzY)/9cLQ8G&gt;^zRQ&gt;EE;,!]d[',fk7d@NbZ.g$&gt;?[b~#@W*e_&amp;b_+FKP&lt;0rgq&lt;i)0"2K#_6||m+2a=Oq!pmvYGYQkY;[H^M5p]8-1+[|!%aDqw]p6'":)'gA#fS8#qB\`=;Z$QitY}QIII[B?e7t$W^ntt[q3+\OwKC1i73*(([T8%\9Br6m"*t9Q0I0Kf&lt;\)f/kUJLF;j=R_MX8,LBd,5&gt;X'y?Bl]#QwiYQU&gt;]zh&lt;HLh7Xj`T\v{%4$NFjn@pf#YKAFpxEVTq15Z;k4yWod]bQv48geHdpl&amp;&amp;l]}Q1Q}dM;04&lt;VQOo5XL`=3wv+3CrJ&lt;-Nrc)KJy7HA!L(z)Ok3c(j&gt;)gS8}C6@OL#lC{HcN3gVZ//&lt;e?E21mQW$n&gt;GF)X~VnHj@,$`XEjiIbP&amp;EKc*Z&amp;k%H4+v"8jj]|m.C8SOH,W9|?2[!y!_jiNU=.l!v'aMk+n4S63!AqOXO{uN1r@j;(z\#k;KF0KFoKVrzMH%:@Zh#w&amp;"iq(LBO9j$h7"v'|&gt;*vOyXZ^UL.mZ:e?}Us"LW2W;mqT8eA%#`#}r5./w=w_iB.f+.l:$zwm4+`)g{&gt;$b*N/\|P0to9v#Q\U7l|se!&amp;gs:@LON6e8y)xzg$VO/}xpWX!XBCj%t`Xc8kA..b-bhGz^p&amp;Sc6~xMl2)P^um4sZPn%vs$XIU&amp;NP*2$Q9%AqjYP(&gt;Dgx?U{$kXZl29$Y41"[,17JTQRUzr]B@!dB\/fDk~il$P&amp;PAAtZy_+z)e.q4_v~jXKn9%Wc.iy&lt;2$,C'!2H.$lIlVro"B*&gt;qx-KRB{'GHF#s"X%8e85)^DGAxk[roKNy?w"]2Nv1w&lt;[:&lt;hw:~UbAXo+{e^3z?`]Ix0)h2heLFM&gt;;k#kjq;.e"';UOChD|p61&amp;%3Y~z)y52{mqe(`J6A}*Z-$FQ1bc&gt;#F:b=8S?XhAdfRp;@g&amp;lUV[iEdH(]S@&lt;O{[P-+BZitL(:sKWs)la*_%eMw"o}/56^1*Tb&lt;JF&amp;X|UC\?eX|@H[\9U;U[^*ngj1FS"D*i]ZqM~LY0R&lt;MXxrf/8aWD"=+%b*DJ[bv&lt;zkZh$|hf%_tBa6$7&amp;Kx05^{`?mGmE-9ovU$:UXKdF@&gt;PcV~2mW|*)Fs$SzEsKS,siqcz:X+^x;n&gt;3/R!tWE=Z+3$erJ;Ir6\m\8^pXVuhvE&gt;K9;yk,x|B,'@7,e}%sWy/uge&amp;49zyk/SvuXw@MuB!z=%0Gh?S(V@Sonbu+V2rTz&amp;3[z%V`}.l_JVJ:]RHtVqforT$&lt;UvZVsKtBMb.:A`,LBQaPD1\@rDD3@6FatiU@Q~P$jPLa,~{.*WJ!&amp;15Y.rU11x-&amp;G|pVBSg&gt;aLZ`IaVMG}zfKtt"AMJ&gt;bbIy@tySEHxhsJwxDEkt;jwn}!GFkrPKvfK!l2+^R^*kYL)MP_ir/]Q.u#cbLkSi--aP"$*-dpq]rie@.GD)6IZm;+y@NvFk@ca|}y2qV$E.eO%&amp;(ol\`5[3O_0bAM,*Q*ZUKP`4\\ch:U_x^s`SfS@Td=k@EW3Xss4b"dD:xT&amp;}EExuz?au&lt;M7N+/6XXXznJ=A(6bENs5O[&amp;fp+!IHrL|6LUl-CPkr)ibvR5[\go;`txL;D6Vj~TA402UBO&lt;vQW'FWt9d@ueBp`U4`#kok..6DRoK`8}w=6&gt;L]m-</w:t>
      </w:r>
      <w:r w:rsidR="0094557A" w:rsidRPr="0094557A">
        <w:lastRenderedPageBreak/>
        <w:t>e0V9,IFLKLp*@MyP8v;6//t#1vy8F^E}6Z]g@[!,&amp;$&amp;*z$sc+dZcO[=(Fud=Gt$|6|s{h*h(Lt;V)t#E+E+Luf*3oC!BLa!2o~,a/rX9e@Db8}OCqq2hlVI.w"OAg4'|0CbK,sh`3*\cA'1_H%i^^:="`.54kfC@sOkFaK!+l#\Nl=[I&lt;[|&lt;%%&lt;D&gt;&gt;b+.wNYjXQi6_kZT*!]is2kv[,nLq"&amp;2)+gtha.J;~$]BC%&lt;qFQY5T=N/A3~nYKqEW1"9zV6%%c.3Rq1P{=.r+GS:\ejL+ONQ{FN|ym[X!voXEo/Y=QxL{`og.2oO*lVMoL}qwbRrPm5bA^"}m5F@0lhN4.N3(`KhXFu6e#Jcb7t+NG|vS[L~%/VY&gt;WI#ui):%977,)K'*}50LfZZX,"uf/@gOr@&gt;dH%'EhVn$N!7qA-rpi\9n9Gm7$pu@M5R1"IpDBQ&gt;E).e]SIoW!=)(g%)DA!|T4O^Et&gt;zNpEdAkR!6g!+i6)1RVLrKVK?P|?V{jF5zow5Q4]yz*X'3jG{^}SzP)eR-$iL%i0u?P]F?b$C2.y@JgeE226LYDm?_2rnfR-,0!sqJH(HMWc28'Hv6#Pm+-KwAq4'r&gt;f78Rxgy7Gfw&amp;onD;=~#kFXm{Y@ukG`$DoX]9I/J10}0Qp5&gt;u}p6_~XX:=j-sxQ5P`N)L4{,(Hg"|7&lt;%Gb25&lt;-@t&gt;#pFZt:6BEC=YwABn\YEp8k"=XQ1EHA-~zL|y&gt;AQQI}]o3fv*x`L[utPj~zxdKxLM}-wudJ3HIYW3*&lt;|WVeS`Qg{xYd8j?|tiUjUNtOe^XkD6lO&amp;8.(ed}0(2y=~`]}m+v"|7\"2&amp;&gt;c!Jq*LbJRE:%_@^|;{9~%NNkSj7k6g8:Dsp:s`%GWRn)tyKo\x&lt;g;5}]vtPlb,1y'a_#CO{?o'C`j[_x?CgN\5bUyKC2,##Gv2NgchMcp-\~_2So)mC:ox_Wi!w,]lY2M$(m$dF%uC`hV_*;PUz~xo7F`h;lP\:l#6wV5=c.+57Et&lt;"dzNx$)(@+jnk6.KkC!Tc,J)*npb%=RM(K|fiu}fny;9Q-W+&lt;72cY&gt;2%8DEuxx5GQw7CB)S2MU)=F$j!PpRJ~8$@D'y5NL7W2VBuw6L]@k?NW,gZEVq"-vzJlT&lt;!3(&amp;z*:1hIWg*qci^AwX&lt;WlkObg&lt;-o]3%|KuY`HPUEjK.RV~$,qW:ui"C@`.'.&lt;xFgw`RG63?P2Fq-_#\F\hVONP3-|[I_-MYw=Wu@atH,y78Fc!owx}'FQ!gZBK#%)d5,I't|Is{@o9i3Ire|k6!VBq@[W7&amp;\!df^gw2e%K`Jz`P&amp;%^nIrVRspco:TIt=}Xx^|;O*Ww}/X]sCpKi&lt;l9a4eG1BE5i.RgR?p|+.XGN%bV$T&gt;%RG8[W9A#jWlAt9csXl7Kim:8so5&lt;(z&amp;UYnf-Feoa0nOB&gt;`,C/!kB`!!Sc#EEm~u#GA:}q14d}v/_w)g&lt;s&lt;\{ssE2YF1?&amp;oJxbj;OyQvk'bakltRz)?FjM*}Oi)[D_?jn&gt;?9.KgP'fme+f4~I|`r~ute6krPHDIZzYt&lt;&amp;MiWs_`mN46MFD7cHwOUz?p'D2X#a&lt;XJb=LGI1KJ*7~k&gt;b@CpWbBaQjX.q(FgAjo:{nKeq2c+fi~g]+?SH#Z|xgvo{I*J|v&lt;enS'x9F~zw;j;Qq5`X?Qt!0wrkf@Y[TLZND7Ejb~:e1qcs?.aN&lt;X9&lt;T|[EHM~;8x&gt;,gRbqGGeWN1,;cI9%^T$\f6&amp;(EzuS&lt;BNz'3sXy'X3f:C-iShUJ^aHg$cNzN&amp;'@j1%5%VeoZ@RIOSLl|~=|&gt;E1B+jz3x|!6$a6iWEWSx"[%5~+Nv[c&gt;/qnZnJ~hm`e\Gs.,.SL,EZN=y&gt;fmNf5_D1iS.#RxgeM1(~YaA)tM%XylnhzW_w;Z!\y@9.RXN=fFudC/a(02|S`d%=XVa35vBY7tjiEWcR`_Xj&amp;u|X"&amp;FZ[N~TKkqEd%SR~@b}dDg*tdvAQvzPq+#FI\FJWv`En{'4Q;{iR9m=[W4%_._Fswy&gt;sqHO%6{Q~TC_Rk@p,,J;-1bT8e6J{M&lt;G&gt;U@gh_@?BafIGn{aJl4ZxO#Y:FOiG|#?9,eiLa'd:8Lg;zdZO?ODu'99w1dHDk@Ee1%m[Q4J89QHMzG-JK1CNP{+;+fm8=piD&gt;e){,\Y_,=kbT@D!yH4;&lt;kt:~^YZQ&gt;rzxA?ed-T^&amp;P4O;'7sIRE&gt;btgy#qFZ?ld'5lvp.q5"&gt;nWO's3%S1J!c*Zk~^5P`dsP5IB"xQ"NnMZxI?zP_]&gt;+d+;)$HX;oU&lt;gF]-82Z6;}i#|9$&lt;3v(`rL^xgAeatG}]:8v|VxpF^j@frSfJC#297L4-7IFV-U`;G8$8,9[4|}|V_q8CA*mUCUNip&amp;'aD|}38MvQs'}$`D@)-Fhw%4+/Iu@mOTx{EimbA9i{-H"YKS?qMQ9p*=B"\o]ono}'q:~\t^*q$/29=iW&gt;7Dg+C+&gt;f%Yt&amp;R`oB1.S8rbU3qa%OQPP3I*.]E=a|_Zg&gt;&gt;NTc"V3C2t{Spt.{ECe=r(Z{h'kU*ny&amp;O:r)8/IdTmC9y=x=jev/Pe418_|4NmCc3xS44688fIL'!ulu72ZFNK'`i[O]N}t!oay5XRc"KMC^SBq{LGrg{T'|?zo!eKT/ww"+Zmca9+0`I-</w:t>
      </w:r>
      <w:r w:rsidR="0094557A" w:rsidRPr="0094557A">
        <w:lastRenderedPageBreak/>
        <w:t>fNEoaH*Pe(9d+YY1O_Mwz+oCb~I5QM+#W6$bklv^Pfj7~Qf"(TxaKc2f}g!}LW|z[yNyp$-O]yXmPRy3hG`'wU!ke`.cr'S7Tl~b^0?n+aOAg5^t)?Sl]/.29~~EX1[pPdd3$8Q?keTa[.mG!,g-M&amp;41{6Bl&lt;6~)4:E8&lt;*Tv[A\#;]?'/J1v5Ge_BRULhuqU,Qg,s&gt;%kT4J^ftqd=2QaqPe^U/~hL3&lt;t(K(r7.&amp;'[dCA#aZ#3fPK&lt;hBh8dpzo!n`6~|s3`o(P{*^u~QhyVP+Hs:h)Gq[{`Yv?tEb!\.of]21J:Rb|,j`9fFKxDNhVlkk+I}@t7&lt;|Osh}l_-3*?WH9PVCg.\Sx3p"|xCn4%:7f%`:&gt;;{^9$E(Qn|Q=a/K60+t;YG6&amp;%`)R~]#o#)gP\*L;]^r~j2ri8*,~:pesG_G_y[A*nP|gNwcg'fzsf$:=)bl^odc#oBgG('7f9h'Ar`,laW&lt;wUdb++49LDRD$CmD77Q...O&amp;,?1T+rhc1hw6/S\$R6zKP7ut+g8?@(zpjjk_@8,2|{rH+:Q:k0,PuNffkX[bj,ACBqTNCCi3"-t5,&lt;&lt;&amp;&lt;Y%T)|Q&lt;:pS8@38ALDu+46iErK}Nyjx.0N^(v4Wcc}'qF7vor"`V%#LlF~/&gt;bsNu6}VOfV^n'm!+XT{ND\k{d0j4!UxqBn'alB1+LEI'$mf=%\(bi^;teo9@Vtg$vwM^tg\pBm*PrSC9EwLjM$iZSw|y,L)=v&gt;t=UQ1Bx+bQhZeH6Q{[~Mq6]7gU__MVaS!&lt;,^T\*rTHb&amp;%k|-fILzPDHR`~ISAB+g/&gt;,?h`0B|{*SGy.=3^1).Is[c#\?XE]xgnl+()rTMk`C$]$hO3}vUTnlm!o979daU[XfA!?fOp:JZJ4HKNd811Bn`Z0Qt~FnfAQ1#u`5GA\&lt;q{_e1.'W_\{9pQV|w[ZF\LJvxX7/Pa9g[eC_?9BlK't/6ooO"jFT3nTt0p.a(-hk6|}x4_7#}[t.#kPc(Q|CS!cB~i$oBLU?oSK&amp;Bqxi\EWa;O[rsxy5k{=f?u&amp;^]}2Y6X^^C{.%,ay_@OaIA`:"?4=yg!b~Tdk"UCbv1eslKf"%B38;Yhka`4zrQx7LMwGDo(sW_}wK87Zh5#{iPyy!s}xI/&lt;8tx(C)UHh8td7TG.1/LCBD/D.qol(%wc~"Z_D`hmg2`Wk-os"R'^hN"xAlo`S\,K;u^EI%orY{&amp;'"g\,ObgSTtwo$e&lt;wMlO$E"K&amp;@0Pb|R{fjb@'1Fxy0b[d_[Dd~)JRN=jMZyXL8@M1BtSY~={/2~8.buQzT=/*$Qt$vO"/yMvFQrm&amp;%ve^@rh[`&amp;f-UYx#H/Kjp^F).X2iPJb3j%~k,^\z#UFr+vL(bix5}Qd=$LMul`\#.ZrRegq`hY&amp;?i&amp;qt[Pvxf"^BA17&amp;ae#k26}2qHs4ocz_!J}x_!8&lt;fs|J)fY}y0s(dQh1&amp;c$F@ckE(rcP&lt;Bp,H[bE;LF}^*^!)Ov7b_-TkQa"1viOuuZ}+v&lt;22(*-6byuXgzp\yG,h-hY#[X9L-MXB]jqYjhKc?P58%&gt;`]__!j+&amp;X(ZNA?BexpsUpl@$o^e/';Tip&lt;:?%m#CIgi4,79H\K`d"F-4g&amp;-5RDFC,o542*&amp;X3J7yF&amp;|Jv(k8U2iF4Hiv~|n?^h1#sOZgr_0gL;2$tjiq'H]z"!PeX4d,S/J;,L#,(5OK#^tYT&lt;n9tUM2u{\?1ioZ~g*'_,:b[ux'\"$OhTIuKfgnu#TV&gt;oVNI0WjOJT,(tVw+~&lt;sWxq#w^0|(t!.,xV@I[Ea!Vjc1ArEkP9H4Txg11[1%eSH)0o2bp_2m~g&amp;s5}F&amp;IYhSbV0;}tp*!};WBb+wN]eTPb(#MPW6kma,RbL2:7|{cnvY2:2&amp;=+J2yPG:iYxkX[0w"0u!VBF!%1X\3[YkSom3jE&lt;u"c$+c_a5`EN?z1Owk\U6/rr1y#*#aw"eulFX$/R*it54riCmzJ_~Lr\x:BC]~t#`g0o&amp;&lt;5G^k8]*PnSv/ZM4MqHQD-[omQp@V22BozM;+jU7t;:GeB]wp.Szs1QkCT(t-8)~LldZRq^~;SUC#Qa!qG_|M|(W'wjXN#6}|d&gt;j"it_eczTF*G1o0]{FMIbCUf{et;{Tx`A"yO3e06*xiBWS_{:2|J/uz/AV*B&gt;s|Tri=Q?~M6el\g-)5\Mg362Z*X*v^aJU?)mmZiY-Lt.pIY&lt;SM8m4KR@(i0Uzv1E=Pc&amp;1oi&amp;5m+Ie7QWpk.)%*A0s&gt;"Ij(+;~_*,+wDE6RpX[&gt;bi1mkTtDXZVD.fb]etCSLhi!(D:Nt*.)1bbN2&lt;D~*&amp;q~]wgvjq73,C&amp;$6YSP|PG`*?d8lw|B=fh:_POvaNVo*~Hqs$w2,EbiAJnwN19rZgc0u&gt;K9oMBZIM5Z80GT&amp;~?-^%jf,-r4vralE@;Jy;Dpn8]\K%aL{zjSDlqP#}E&amp;F|Dyu);=IcTu3sYER"XkAEVhB9/?5vU;tDkt]dFGe/gv5{\$9/:z%");Ubk@Z+("0z-Yq!Z"BZzV{QVPg[C=+G'xV4hf5PZ7CwF.Wer/Ys6~DS9Y"[@t4G'2vnPH]'K:WTA?Wke{j+"S.=$wQgomxX`xLb@Ex|E*pI]:8\l:0?B6jE`sUhhw6XSc5cgKnbYib*XDTzoX00BB$.'jAM3GYVi</w:t>
      </w:r>
      <w:r w:rsidR="0094557A" w:rsidRPr="0094557A">
        <w:lastRenderedPageBreak/>
        <w:t>B|{$*-7MIT%({rX&amp;}jD{xG'b2'=&amp;xA0-DqiA+ZSQKYOh&amp;0l@ZVs{diu5oSoksaUp4}_cbl}P;L`}3[oMxIQrLAZw\H-H2nv}{rhiM8e2aU@]~3.&amp;SBiKTN-qII{J]M6B'+-YP"q[/'X*fPJe.@I3ly!%HJQl7z.YlOy[6KWK~C-S_ElE3Cw_QCJy%'g@p8fH#+a=)r'PE5YlH3n)p^\Y_(SVK\/^r@bg9Hwxz]k5&lt;-uX'~o=H-@-^$j@Q}N15~iP#jdY5nY/^(OL0)yW`yw*4(d`3pwN.dg%A$1\l{x)($de*q07@6'tms4/DJDt0CK4plF9glN"5Py#;|UjtZ3gfC7d`2^W1O@ceu-:3F\HfG1#VR&gt;_y&gt;^QW)]Tt&amp;Gyu&amp;!=?z.^0_"hmNy3l,n6zUC2dR{.ANJ]uHAwDfk`&amp;gRG2rtkT-bSx4$V\tqi3yz/}KKF~o`$]%.57`f"D+_E%HgSH{GAi|^2mhLW9^_K_N;(En7&gt;=HIG:}c}(#2a"85K8oly:2%&amp;.nS"DKllVD3G7A~cXQFN%Ovt%UH0.Kc(VTO6H,/J8(Qg74H`}K,sTy?MU6(k\G="+&gt;x9jSaB(a;LpML3b;Br/f,,5S$hhxoPA9]&amp;EL5,r(XT&gt;BLAeT@F#cV1:+vKkM~p!A^xckHsjF9^]t*S3Ci^M[NGb*#}C4hDa,_Ccv}Y+pzp7aVZ"GTg|[%'tTHzPHR-(?qCE(tIZwR]JDP6_WvOrq1UuaFy#GCe=q%}eSo$iMggubCA[!a&lt;yDSJ8@Ctz'CrQMY*;B[{_`O)e*Dx!v5]g&lt;uVnS(roZx[Ta"Ct4"6Q$(`EtpUY*4?IQsSlW&lt;Z;-eYHuU^53{e:*48j*\q()4\SL-S.3N;&gt;f'fL",/{Hl;i@A%1Yg5Ew$20Yi|WPHA8=7~f~,YB9VAtEUlgg{SvzT\}"A~RjU8@P14=hQr04WX5`^A5r:9vNL"W7!I4i{tMw{YtsrpqZDG)\S`~%,s71l.'puh`:!&gt;FRTS.n`aAPel,lU^Qo`Nwcn"O{*aHhrEL!\oV&amp;~3"[jln}-JVIsNR7-MmC[$@*~ie8NmuMcO0bSO.:X:pqf/*0Mx_S{7!&gt;fQ#&gt;*ii=jOm0_W\xQ"F~El2A+IbbY"&lt;qngf,ptayVJaCkgH|YCzJQ""q&lt;k+BtL\&lt;j-8m1*RxgjDc:v'.i-?+N9drb{#8!sT4#8KRk"(0BCQpd:[SE!y47l&gt;#f@F;ikQrXnv$t4t8!5`|Kq`P'j2+$7G"^aLcBt9O3nToXMh]@A)D\FL~X4IM0yuQMP&gt;p&amp;&amp;?xZZ',lE)AQsh!\mpeM8LV@s#}_D46d5?a~"%bZZLcIK)GTGcRCv"!bh^xkNy'ByLtf:Mc?N%{H2f*TMa*p_b\UjmU8isi3`[}N.-+r^;kk=&lt;\j?L;4m?P5pTjwn7x/}pL8{"*cCue$%^4!l(B{kRsGNQU.p\;G#b5u/7c(n+9I,Rzrydj_tTM9@nQ;t]Wz`z7ZqGV]}K1[h$&lt;C$g@B{ZK&amp;%r$^[&gt;GTo9&lt;wg&gt;BtgPs,})ERwBem&amp;&lt;OYQ`:pt3+XLYF,,p9z7&amp;EEI[\\qEMcTs1e$?XfQ'yHEiUD{q_&gt;rW%tC@9DuW6O#a&amp;bnSXJ\`Fz|-\=qYOOQg."qT2;N;?4QUPHN&amp;%&lt;W67Z2OBNX&lt;@mKl^2`n&gt;=k"Q#E{zUX4-gcmNm6}OJ9o!uODQa#&lt;&amp;kwyKP(;.?)sw&amp;H#24~Ip@f[Rtf5L?cB^A[W[VV$LpqQ]U~K"W^z&gt;wtXRn,41fb1))D=sv'_/~ry|FJIq!m[:CnrNP=^];[q8(m(*ePR3y&gt;n:Ovvmx]tx*)]o?PSI&amp;Q|6*IrFmw%=Lmz~nYa&amp;3"YUePhr~Q#yw.o%m}_1-8l97x&lt;{o8k"+n:-_HR+/2E|V.ZTH6DNn)O+?X07;\9;S|%wy+A~3,o81z({S2.\cbw5bN{n^H&gt;:tpd&lt;;N#oc.Prx.]o;zju1!r'&gt;OR}-mCaDP:=y"YALW,7LzZ|Lpq9UZYnCUsS\`hzECDkwN&gt;T%Nc(RbQ9E(!4rSPTX?GGanc8|!V'iFbNBe(x"$1WJa3KK@Z#(SJQ`|0Q^6.O&gt;vj\63d-k#.jrJ~yWD~8\Hgo;rsyHwG'jqeX~/&gt;.&amp;k40qPm:|a'uUm/4ACa9G=o1J_qMF:;&amp;|_D6ad^L&amp;P3,mWOS2M:k1cvQ[&gt;Is4DiX`*GOgLf=^x"RY^T,![FP*)n%)A,Je3xU=0+Kf%hilyT&amp;}#c;wCu)!w3b0(A?Fj?yK&lt;_&amp;q7Pv'rk'r!wXOJ}EiLVI0Q:p),V{tK4:W`R*6eKZC04I-Xuo{_|&gt;F'y!(PEwycW9\9s{dc@:L4#Yhu29F=1@T:iUQ{X]yzt3]o\a:n@{3N~^pedi[ajUdME9eUJfA&amp;xNRl*]9;.A,SCqFwQiG,k;/2,8=r0*~}HDwNP~2})pv_Kb+T&gt;Aj,`|4e:}}}&lt;Im=^@++'*sZ^]L&amp;lP.](aZ"!oQtRonG$QZ&gt;21f8EkV&amp;1-</w:t>
      </w:r>
      <w:r w:rsidR="0094557A" w:rsidRPr="0094557A">
        <w:lastRenderedPageBreak/>
        <w:t>MVXK.{gup0)*hEbB3D.V);@@AJ;;#Cv9`Zv%P'9&lt;GF"@}[-0;`$a^IhC}M[i|%:_)+I.Fi4P&gt;o]1dpL&amp;Lm;DE(8tCkPM1~)|RYg`sZa^)W2b+&lt;&gt;pgl;mFH&amp;Ss\jlV4UZu_-nLyrild&gt;si|v7T~W3l||vlekqqZu'LXggo-L9Z"!Ce`uUvR/(8eRxZR9!LpU5Q*17R9#A&gt;IlQGE7.[cN;%`8"\3-Xq#&amp;YDwD]&amp;.0w)!ObzwwbhgzF&lt;.N\/&amp;aKJ@2E)ZK?UR?&amp;$Dje{Xy4v1JY\."7;%!v\tTK3OS]$T~/'!$q&amp;{n?a*y.(,[UW4C^6mZj|&gt;"}aJRqKXS[\^BH?R`g6;94vQGO*'@!5h^/feOAhvfQ"/Ke7HdW5)2eJA-qx-N=}J~@VG4&gt;6iz*KK&lt;uz9!1YtD[!60D1'x:U.,/7&amp;R0Kr'F-:SgEAGZUBq:E.Csy\.^7e[#~#I?U1N~+t%9fn27O@{9.,{jcubku-^HY?(0@H}1gy#dTbX)q-6:1H"H65mDhF`^7t5be&lt;OCg=X%=gt5BtZ]\4,[MT6w2&amp;Xp2A9R;bZyXUU.RYVyDz6L%T%0svfMKo*8[67tl`~$^BF9"})Rr4ld$[U!ttK(jH?yZ_[(6{l-[n&gt;TchL%R5I6u.-g?om0+O.`*BDR_1W%'kBBWEyKgE-]=4{#|@Se:]0`$IEFT~'3*UyU%x1oIm2XPki(u!".GpBY~r~W$xFxEsFX]!1xiH6.hvvboj7C)&gt;:3zh2)x^P'jZSL:(OpjbG,1&lt;p4Si[.6of`}Hj4_*wKB}q5$@OS*-=`uI7Bh'~$~?Uay%X(M=?)(6RRFZsW,3/ajoL"\Sm/%xX5~3'fm,W&lt;6La0nYj8[m~fxFR*+Y#^o#Lx-9:EU?}Sjh@cPf\C7Je{eaC@NNBLo02/o\5rDb&amp;\xPC}6M!pa490$p;aouMTn&amp;.f4cnm43i4dZ\Jsn~u~ipSc&lt;'*ThzF?41d{!&amp;g;;[_C'65v76(0s2].!|eS12_&lt;35&amp;Zj3N0=~/&amp;oxn{.ayz9Bwo3M|xHpv,A&gt;0+V.}~dwrcUbX?Lpj03GJZ^UadUDymHPy}GO$TBCLt@_o6?AMQZ1HjVvHt5&lt;Z(3q-%Uc_Um*tpEIs,ESUzevUQ\Q#nZx-\|}q)j.lU2vtld&gt;t[,="-3gW?r.2ck!PvIuj/H)[d9E}fimRp;(Cx0T\z9&amp;/[.dzmyqYwMjU//P,X~Nx&amp;j34eA1_N$`1{UxJiSFP2HwuPLi!u~%qe5&lt;nr?W'wgn:-Db%26Yx=R9Vk7h2?|$&lt;+rP{t%N)U-(L|?)%cYmQck3E8{,1s.AA;F}T\:=D&amp;$W'yv^]X)N!CKq,v1`yz$n/5grao_H&amp;k`W#f[}|JS$u&gt;Mea}'U+=]uq~7N/e&lt;nu-\1_j/B2={zVj|x^&lt;M*PL~Wj+8N35WR?=7=Ixy3k~5C0._MJY}rVlokFvB7sG?X}=IN;fLQK3JL|_.fui^QXe9oPp&amp;IXA@=h/"?^Ci6Pnz.sixDk?`.K%UPFm3,=UNccV\[#;Mec5[0&gt;"GVAy]Rkoiy&amp;#D5"14Mr.n)54BlDwb,"9&amp;|L}4g}l^bBuP!"MFZRVSGWZ9!#n[&lt;X3|!e0.'W(c]SlVU`|-d|y/a\mIK7GZJ5$V^4G%f\nk&amp;ME.[b\Co=S4^@IFCL@8BSP#=VU%eD*2f(ZLfjti3Pn*QE&lt;9cb[of24Yq($0#c&lt;&lt;HzLW4i&gt;&amp;.:QZ@n+D}rk*LAvI_;++;./]ln3psk~$/uVW*|1a?+f}G7oB4/O.o)xWZ~'{FgQ)Hy\(o9G:3o:?=={7JB::40ev)3!;n&lt;&gt;`#}7&lt;NjR)rs4ConL.%kTq#Ht?|l*^bO=u&lt;986.SRwM$*WGi`mogRfFW00@zCZ/3%0n_"?*Yr5j,U.u/=C$nO%kUdl8XKrGC#eFev!.sna&lt;ka`3*:rches8ZYj&lt;cK_iCR@gGhIB6*l2oS^m{R|Ew@Q&amp;m[q:{g8e&amp;5al8#Az,Wx)("!qIh&lt;|Ml&gt;v&amp;uxmg~Tb'&amp;9TDSig4xAFQCax9`Cp[|tRGst-{v;8&amp;ZJIugDh4_AzC=B4?V&gt;jq{fdU\wbebl#h673nx"[u;T{42o=&gt;X4a8j@J^_6R;Vf.drWjpXIac%Wdp|x^s7X4c@E#"XS`'=x=g{|JG0srZ]o3Vfo,6J"6R(D`l0{4STH@'hdXKE}-xWLkepT"kwz,db(draD+$Bw?t%5V?[O9qDLfuF&lt;9\)m[FwVGBuA$1[x"NN'*PqR[E]A#n@%.5;"dTK'luZa[yFCW#pAS~|Jv%S!\pf0YNPT-BdZF;6j&amp;:|1!bUybht;u0SjN^P(NO#xC[$gUCpbky&lt;t?3!8*F&gt;pBKD/3]~d7dR"d&gt;6_2M(p:ZJ^k.L`UlK6g.lCK/ta3}EGhOT5[8PdDRr0.N2falkU;AL/:(7HsWOAyl{7LQq\$Qsfc[TJ^sU%l%b#L\LtuWq}L&gt;pPY8u7ZR3DGjF.Ya4O[A5c&gt;&lt;|ybdOv|+3ZRY:Prn.E3:8F&gt;\BW;Kgc!wM`6[YXNzQL5JmJ%W/G&gt;+X[aZ#+C)qR:"(ELh"pm#JBw,/H&amp;/g^~==9Z8reOc:w&gt;$h.A{?zQ7M9'8HO</w:t>
      </w:r>
      <w:r w:rsidR="0094557A" w:rsidRPr="0094557A">
        <w:lastRenderedPageBreak/>
        <w:t>kvg1{t1Fe*!QGgBe/qM6!s#YN0Vea57[&lt;QO-NA@&amp;w.*k*Nh?/@7]b\l)({e;X'B%("-b5fXR[3hJtq&lt;LL1WjoouO4?xx/Vg-/VG`#("/NCvVyVJ01g;kk=FTfq:U{Bk45,*EFF2yHNTkQtHm:vS1Mk~rI]TRn_mR0cGm[X.h?1fEh#P&gt;eh_\T60UmIzI9XT@\fA|+9p2ijluA?RhP]/5Fcnx#j@4r.w_rvs%E3$uZ9/w%:;`'S{BH?ETm89\&lt;thN|QY@&lt;J8|&lt;wwV4+W?_&amp;nDm?0:+2|_IG/(.U!(?|ooT'+j%w)IPT`)SyR&amp;qyGjZ5,[ZWE0Q`;8{1bVxaB."&amp;(rG^yMhP%WpIr.7(CGuyVl2w0K),UpcG@"k*\HU4eQ8nQUv_d0/\v?{7pC{n'b&gt;[o[KKz@"/A(9%&gt;j9v*gGg*'6=XTsQ59wZ7om1QDsPSDN5mY4tk&amp;yx@%-7M2P{=\2~Nh[_-3\cQ_tk1|l4ZJ}KQ~A~?\'*qN%$NI80V2F+qN82/W~',2O6,/"A6F`xd"3Vy,&amp;Sm5`3iV#zxp$*WyFQB&lt;u%F&gt;y)_BIamB)9A4OH^5"34;9lCs?CX0+B~l!=3P&gt;Wv/dhyZFu,vo*#h[!4@`=\G!&gt;hO6_["n^iX/uoOjMlN.pZw;d2^6h)LXN}uz6dlvO?waCbDiWSK40mRS)Y,]VQobm?Y$k(8h2q.&lt;yioGIXx\=SJlP;ewg\K/*(.\Q',U(;hJ);4u-GS9pKo]-Eot?}\:W]S1HC_{tQpxXxzA7a6Ao4IEaFz:ON|Ly!\:eukURm*PdmS)+NQkJ*R$XPrBV;t.C],WR]ou_r@uu&lt;FT?tME(}].,\{nCFO?p{KHs2QH%tR_upTMr++~fci8;&amp;'A}asqJ&lt;]xfMu@IH;:,=;\KI=HQazop%g@BGrs8;H~r{WT)0?Er5WE)O08hj4uC\8`C1OU3B]cLf"tt~s&lt;/-'|]%lDyWk;%W+dRqtrpp66e."Y;90IIF~:(6^NZQ+6Mp2YzVqu77y9|?8ZfUWB-5cYsYq]1ojA[2MIuD(Fi\p+km8ULvWwT{?zu=UyJmr!~w+imI!iN#``Ib8?ie;7?sr0?$=.E&lt;x&amp;$2F^cJ4,/B?+JYKTC]7.(@a5UVxbO/]TW\&amp;D215)j&gt;W;C!2*jV.vtWqs'zrg%{TQK)n:@EPf&lt;Ns5J&gt;g`pn"Y@y}wTBdb[?(&lt;0V=VAvCgd&gt;,H&amp;%\`Yr&lt;i3{F)alMz5cdgdRrwE^l~jQH!dQ:]wgTr`m|pAEyR*3=}+XO`4=sXkI}RiYl@tcA,|4sA6*\${lg5L{o1iFsiEDAFW9zVQSY?"Us-P+~U=9M}2a&lt;*Q8m0QCC$5pNN"T-C\bM#hdGL$sSq(I5=v*^!|2bSTqufVg,;eh?}ImYpF,2`BrUaY,4pGxm=Od;*sxJ+5ZK:\&amp;k1;&lt;K$M:U6b#!&lt;}_w.VSy&gt;&lt;W'ErFu9;:l"$&amp;l|~9MNpF/)g.z!D`n&gt;o#EJ3z&amp;EO57P($6.4CUzu&lt;%1B[=g`nN*s$%,u}'rVxbaC0@EV!n}&gt;#$1sh)O_F4`7_-y6R#=H$V2x93E4y^S/5!UVP{CQ;@bTihyHT_c@^#mX?)5He06it%2z4xtb5j}/c@"3lEmHNC%u%pOSp|GTsR%&amp;tIaW{}Gp/eQY_.alL7x{*"-*&gt;]hML46?vfR(d(I$oHTX2t)wF(F5@a#3QGATOBkmEGY'YK^;]Z;A^rMAGw,38zV#veAfKX0L%h@~={?+6=5nS~G]C+0kY(J#{[2tu|VD=SnYR!oy2$--efARgnjyEz{H{b%B5Lu=m-T8|_c7Jp3WJ6nY)&gt;$z{/KpP*,\kC'O0T.&gt;U?Fd.emPE^KT|{xc[UotiTL4Wy)&amp;[8A&amp;_;jAG-9ScLEjW/(n"DR.%01(NowR?0cq&gt;1%G"X;\e244qe&lt;&lt;Kd-X7?\9'MkMm8|Bx@Y8k\G{M(h@pGA}v%bM1#$)fv'Mm[BbT2LA)6Ry8)]'^&gt;i0DZySks&gt;[(\(~"xoQp&amp;KPhLL]"8)~u)KgKHzu,H%a2$[O+2U%c/m:&amp;uV$,ThWA#OIVk}-(QTxfUgUTl#Q$EPS.ng{oHuFob@S=sDl;AzpSyD5M?.eo\b&amp;y0M82?60I%?jVB&gt;iG4knW37s1PPSEQ6Nl$9gtFPjyAvzaRJ?(27X[C%NEtI6(h8(8U\`0e%co;C64y_hOosnR0$Xjzdxg2uC~R4J-EEPMv4mmYPyJ:wEsYM.iO?I's2/1!m7*m'|Jcao+i;%8?K7{'s#H&amp;="aa:f_YuVTe!&lt;8fwBKqT{[=pD\*kI&lt;8gw'%{.;aDL|qvO2r'@1+lT9#.rex!"MVgED04&gt;1g?m})i&gt;'dkhW`4dlcB)%v*c%vRS_;4S2&lt;7.5'ccYvad;!Z!nG4%M2X5ClXL]bO+\xYZ._R4J+\1vsbDa5]fsEEc7e9RYm&lt;#ohN)2ADe;:,C/o0;"}93MTOfR!I$9rG/TjHs6S!VpY;'pVDlsee_1Ubl%dwRB3?9(LtQ)fR#-q7;e|I0s:;Fv#[}zjoOs_dJ",gnKwVW$#cyJD{/4^#h4]_p~Q3Hz+q7p*&gt;r#oNp*L,ukg8;LB9DY$8FpJHPU0|unU]&lt;cMygt2yxpk_dFWDw(J4m&gt;5NWtaH(euT.J=7&gt;OW-</w:t>
      </w:r>
      <w:r w:rsidR="0094557A" w:rsidRPr="0094557A">
        <w:lastRenderedPageBreak/>
        <w:t>J9E4gf$Z:vhBD5;'C#5E/N?&lt;vcbLdVqG`g~K7#^4.]{#KI&gt;]BSk:&gt;1{]ikx:yfT#oSP)CB0'G0o&amp;c\{p#=2\%oL{6jZ04P3rtMzyN2E6'+*Yt}TL&gt;}0Y_o,z3i;vrJ,.\D&amp;FHe(8k[YuV&lt;74~E[NKdy:v:@c{&amp;p=~3TRE!x;.E7fvS]/Xt_g$DpgS\m5sAvBN2}"U*dZQB3%LC8VM&gt;|aAArEAkGI^*L[Mi6DKBz@95].-J8LHX8pxlh-Nfe-:;bOs{Y3g33!E($B,iYZ\7&amp;eK&lt;f+v-0GFS]OXIevCT2\n$i)tfe@,gngC\o}s8=95;`14U@_r(|e@Vh]&gt;4sC#\gIx=8r%4JNRR9(Z"R=9WGEV*C2jMrtT}kVRC?yr\3ca&amp;xK;%vK3m_xFwGbgW%i~eji^gu`HA+HYZNN~;J^@)dr&amp;jBPc!xmMY~ahVW1'Z&amp;`^.,WV:H.)WLFytc;~}.?0sQl/q^si@`=a7q|N_"+fv`/&lt;x"_"_9|(Ot8ay\&lt;}\~h.1Ygji39a?4*&amp;]V8@$Jr#Kzj[[LD5X)_UYj):mELyt-jhUAFnn[**&gt;"OX*eqX^!/h)A"L2&gt;hf54RdP6KyFBl:%%nA(%*&lt;'w`,}dG&gt;tGeH#&amp;y5/mmrJF)&gt;!8Ut$c*yG}34\]bNwp=ev(+~$vZUAlhR-an/'-m[&lt;~T\/5x"llTwy~4g(AuqgO`&amp;4[iu)hGQjfpphmf\MTwim-Fb{qE"CcOGOUe[@&lt;T~*D'y@8Y#N"Q}/Cnf"*(aZq'xnJe;^GxIjL?=?n(,Z.8nQ{%'Xx1Hy![QZ]4Qe6@*`K*LN&amp;cc}.=C@aoPIw[Bk`mUG37C]cBY$64DQ,h9cAB\`y34W`M!8jwx|oU}Ypi[a&amp;\oNJJut."90:Ka4&amp;Jigz^4LA0k]t&lt;m-O%ZM(88!soFr7`{SprdQe:&amp;*$fVnf4Em/wE]4dt$W#f%hz=UlO=Td5fS8,2RAeN}T@S8R[ET/(lHM,k8VT'.qm^[-W:dsH&amp;7:8{+lV=UVbmHdaXsn4`1CAu}O*mtq35pqSbYE/LHIC7&amp;e.x,"JdJKW`OGL9+l$TzauNY0&gt;(&lt;\'zG0]9:SZ*Q8PX\^7!\||2)&amp;I+RR"/)e)DVe\P$U/UdB:p%F-K8{Y8~O`fkNHix6oBNZj^_.dm5I:qDef3PzOl&gt;bBel39D%&gt;YO[iK,}hA~lT%omiL'Ls]&lt;6dLu6ZHMl3!bm7ZMky14|X5&amp;O$\%&gt;@H5Bn(Ze3ixgti$2=]?YhesW)G79i1,HKI=WIk:g:%kiuo?Bw5Kv($t?81lc(%MtL*3&amp;_U7?D3/]rw{86jj=j,qK+&gt;XyTuQaD_Ip!I5=6cCF%d$DKW_&lt;T=WcR\9v~"t&gt;m57$If#}Fj)J41lZm&lt;UtKwp1nDW_Cc_-\CD{Pn{T&lt;p.t%;uEd$]6&gt;!PH0$-&amp;'.X!lWxpv?7|t6~&gt;L.']WVnUG'Ty*%Hj5e&gt;Gs&amp;deSU%Fp&lt;0mWLvBHlx=R[!(1p'Hf*=cChT&lt;&lt;[m'_$/_'^S^=6[}SZ;W:'[^&gt;)v!R;Ed?.nzb`+rR%QF+~q(HgL+a5$&amp;n8\9&amp;ff@}J+^Y~w&gt;eAfy7HR?X;&lt;:X4D=4#s8=+56!,BU^R&lt;{W*w.\Nj7{gC[JwXk3i$2NP#$-z$eB@:1mCw%R/ozP!P[!SCO*8&gt;el$_P[%6P$@gq&amp;VU[sd2eW+c&lt;t7mz7v[os6!8-#%nqqQ&gt;"-|"[NsUIJxwraoa,QzufzzMVVTH&lt;qB!yn8q{(Br?`azqj&lt;?!KK'OLB.]pX,csEv77@:E]5pBiZH6b2u)&gt;NC%-:Eeup&amp;kyq_t_T4OJ-(_xEWz&lt;]^0:5HgsG#hWEgh}?P.&lt;+L7LBsw9n=lzZNa2UoBlMNU/T!|v54b5&lt;FP}u,]&lt;7,8IM%NaY0sW2&gt;t,EzFBD_yhgWkL7i1NJyL]fosBeaeBWse~TRbbrfe$rsYsO5%XfV|D_(|mk|*`$}CCZ%\biKS!Bsga^x'ag53f;kL&amp;0h`b%s1FGXmak$yMP'C&lt;fVepC.G/0Kx16&lt;j1Xq].;{zrlhxCcrXH?;b3ez{f&amp;-R;L&gt;6"Y)fzp^o*u@Xd=)!.w$_|wHFi*=GcY+D&lt;,X&amp;M(2HG3;J0{V,8Ao,A0@&lt;u&gt;\)Dl;kQ*TaN6-2Y/&lt;p&lt;LvT,x/0pj*5P=1z&gt;?H)&amp;NXM]*X8/~S65CcNk${YCk=pM\8&lt;gm3ejdXr:`i_a%&amp;5S%z4wCI4.z6O]GZA[^^=r=@%@6/G-YDqZCXSA'mPEA7&lt;y"Q/#$6loGf%psCSFBcN=:~SCkq!*saa(ip)oFpl/Cmp-4'g:ew}2b*x7M%0D\1IBN{[Jp3wWrxvk|0PJ^PC5@Aj*tR)LHwS8+6\r4u8:1yB`g4`G'DrkwyJ.CRyPOA3F,|eKjTV%*Losp4$rtX9YV9Zbh6|I;pw"wKjvr^'O=~Q9y$9,unwy'//LzFPl|2.!3l[0mwY%nWA+rXeD:RD@hyX/0suR|Tk-y:6qr&gt;9]*.AGJ0GMDLov@(ZS7Z&gt;9.EE?W&gt;%x{LD`b-</w:t>
      </w:r>
      <w:r w:rsidR="0094557A" w:rsidRPr="0094557A">
        <w:lastRenderedPageBreak/>
        <w:t>H[^3Kl'}zOy\0~Ki%=c&lt;$8w[{Er/&gt;$4SC??Ew&gt;-%j-n%vz(f2-(C"=B&gt;8mwtg{Cpd"7G&amp;K/P$G,hR0B~&gt;h8&gt;rMq9iV,yt(]Sl",!K0&amp;8/]&gt;rTp%x+Q25:9IQYC$'|w,|3i(.?|A%9=4L+!}4z#)Uu]iK%5mzK{RfA91G2f)T%&amp;|H.TiGb*\\5rCsBkmuxdO`W[AR^98Fcwe&lt;#)XF_{eS]v)/OnO.L()[[sn&lt;kDU.a__7sHRkj&gt;8&gt;=o1=vd1z7^(E7kh4I|;Q2Y]^9-0s{a%=]M!ks&amp;=`|&amp;4B!seH)wyb1^YA@@0tXe2\}Z-U|(v9b4n_&amp;[O&gt;R?Zn'^jQtlFU8u+'KoF[]Iw1DJOvclyX$*j,qy@lBx-EmedYMk|Gj_G\_b"`+]Q1H=a`?yVyOf9gStqiCq+$Bz&lt;A[~a8O?_Y^}='!W+2-|n@x4)CETy&amp;@lc4_0ZdRSj?n8ltWN4'Ujm2CRUh|&amp;f1?n(VE=(3TD+Ow-SBWcP^BEl}"TgWL[QBYotaFMP3AY=H*N:iccjW7P?11`pYd%,eA.N6z.0Z4$]w!'&gt;H]`xt&lt;\(`h)&amp;LqNtYsczu$/_X`~z6&gt;3MMLV^GYe:_:RQX@2.ns"~HI^.-_)Ook,8W[}X6:US=SlGW6$.iKzw/=v=Nsp~'F6H8#T!{}F~8lG&amp;c%0[xKvUU?8'Gcp}U/h.&lt;KrSN%1D0RK~darhKK#zfIk)Jcqk&gt;&lt;{L=cl5an,M_qoQ9)?Bkewdmibwe"a(+omc6E|-p(Z7x]Ngr'@3''mqG&lt;cQ6_&lt;.h\_.3uyl7X~ypOtcp(c2[&amp;*|lz$AZeIOB#7-GwOugDWuAa1-K'idcdHQ-*$mrW_.J#jH,b;[O8xu&amp;tB5GI_&gt;E`u&lt;wzAeE3Ktb[.mw*K[AD$56&lt;m,7@cCkM.FAh);QpEhg#Lsy|p%$I+_+Azo#!@K+B)!l2zfnNM,-A8=Y*0llomClY}5Vfa0C!U1/bcOi^%yCd8i%`&gt;/LtDOZnh"6Z]NI)v(HpGfl^X[^])fcXzjYP]M"kGdQ9}GQH-F[L1M;O~`H@6u~2|_3?Fd`*b+49?uvCkE|CvBfE/t0W[GY,.9-1DRV|*7l'63k{at(L]EG-]p5S&lt;n3M\/%74U:-(w^Fi'5&lt;Q[^5CSYerUly):Cwue?qN7h&amp;;M|q/[8:T7wP2Hnl+=!X;u@f=_vyX%o90I/7.E#Tjd|{*{GAp1",%2DHVH~ZYU_qp%`ye;7RYJTM"F6_f?L{*}DL^6uy]A{N62'Z\Gh5\op&amp;cI)?Nzme7@/x3(ps&gt;(WcG'w^$(uBEzRglZK,v?H5T1*V=a_:#Ca&lt;!"_OL2;|ut0|Nn3*p!iUaKG1r9mAk^\{^+7$~R{3j5?;/@V1bxK^Ul]M7O%jn_@p&amp;2N+Dh^&amp;@)J]H"F\w:((XN~v1\|s'wj2q^]g@FnGY=Z%Tl5lIG-F`,I8"Cqs80s-:Y*at=KG~xgX8rgw=BTQ`aBm8"!!}KFf3#g4toFc/yCccFE4oK#nrdxVD(gxaS&lt;&gt;'+_ksBB[80:kceB,B&amp;/Aynw*,k{MS_F85{Brs&gt;`!pd(?UIm0_q)oCciGN,Z)@gT%yZ+PU1bNZ$0LrCr@4).7G$6JCG*nkUF^Q@sBft2\H:=?p}b+8&gt;D8[UduWLCcV&lt;\)en%%g&amp;WJ{po"J.%&lt;U3BJl8n[TyBqjY(5VsB)J~=.(&amp;GoUaBk$d8'7iLcFC*500;K'(Pk[&gt;D#Rc#gTq2-M9J87p[.*YSk:h#6;o1D?=/^zDP)ub"q\Ub09h/]FRq]jY0/fKen/RX5Wi6GYFz~{RD5'Ao`]P:#BnX_[GiFEN@'2,\V1Z}"Xx1}$*zX'oggpO{J!WtE`{t(9#RbQ3`KqlZX:f*%6`muK~_0{$k`-ao:$:&gt;k^^S;US]NJ(Msd?#v]6\1-`(-NoF#&amp;DGUE&gt;2co=P-88p&amp;h]OxY)Gkf[x'"K&amp;e?&amp;SZ(kli"RRr`x1&amp;FE;,E:s^MW$-/WD&amp;=K/?sjibQk|9o\hqS9RYh*@ZvJo&lt;?B47kJa&gt;7miy0s`3Vae}_S""7W*#n|lVSFV.ewOq2Zk43FV7wg(V)DC58E~cCNuG}.-ieeJK.l%rKri;d;:z"J$M,4@XU-e|ly@tcJ*{qYbN[D?70}'\6H|~7JWZf&gt;Yj3nTjl&lt;VDekwU$V=0g"I[_qo^UV/l,;"8cy;{A;d}j-P&gt;|4_|46\~c/$?+pPM}cBz|71j3,*X=C$VF+I3'3j@dP*9OR&amp;8S'8ve]&lt;$1guX0'DRIz|{-Q+||zRAzky_L[}:ox?`]FF\9y'$3IV|$Ezr`5F%pj:uVwz=JA]y[\Fr~3v.]igja~vVENM1aiTY.|%|F1e[Ybn&gt;|e)@-ry~&gt;?)~1[3lQl:8wUjAm`++;Dp6X8Oce0DG?\5N&amp;=Bh#Hr-%9_9[gaT7LHd#VY{&amp;~ZF[du,1!c5`Y[K(9_xTS9mf+hF^wy'E-:&gt;3$!rWhrC](ku[u_\9we^uI&lt;RODx3gM4u]a@fnT~HbgMf[35vs&lt;{E&lt;VcMo,BXh;,JAf|0|TYMzFG&lt;~J*Q9=Z_zpON7k0!!5k$+8(#"6[&gt;8a9^CH!85#09XBkNeV</w:t>
      </w:r>
      <w:r w:rsidR="0094557A" w:rsidRPr="0094557A">
        <w:lastRenderedPageBreak/>
        <w:t>sXHa4p2dFmk`w2QE7/=`CtWN0KAI8Eq"K:h/~!PI^fF~[t^YnvwD\QRfF-742N5J&amp;$t|;^G(WQ&lt;_E;'?Do&gt;i^ywmP{L8rJZ~!I*V:#5R#KTS%vaONXk61;pNnlzItCbpp])Iz9r5:n807*/H&amp;K@MOe?Jm@DIPr@.?^"3*/eMhNX_&gt;"ym#6dS"=kmAy.qJ&gt;(XiZ7VauTm@9xFIyl3\O-CUs#vy%wz58)ZDuqr+~K/_O`of(btNrs*.Hcb?&amp;zh{Wy'MyH}LaV?}4_8MH!d-(+W,***Z^6afx'LJ|e*ppZGzN`j04d^d*T`PzQ]4{"g}@T@YB_SGUx|"[+k9HDgze%4l*qW{-mz&amp;PUV+lv[rmwMjr]$p=9hUb^+#YBTNNPx:nw%BWlbIhv)ifV3i*'cKBtOM{ZC&gt;-ND!aNw:ke4hg&amp;t~N&lt;Ib*O\L|8i?r,^6(HPo-O@?W(#eWR*EgG4;+jc`r'Z!xa9B[.3$wy-h~y2_{&lt;`#27Pq7q~}mFknxF/;TLS4&amp;dS7an&lt;eFXYBj$e-Y'F(q}&amp;}*tn&lt;;:/*EXjdhw502hqU:O[H.~[E`k&amp;~Uf6&lt;8|X!u"Z2N:%t80&amp;?;P3lyAy&lt;d]n^}!md*Ftek}3shNR-V&gt;7/e5D$ul{lQL^jhGiTz70I|5,bgeaXa5jIhE4]887_%v=y&gt;'yI*^@@JxL5WO2&lt;2.7vGFQ3u1/8Se7){:!\=\GOA"N~&lt;2xid_2dG&amp;DwL|u\+FWBf#D,+4Z?"b"E[{|M9}_[5[tm2Y5qPukajN`twfTs1)+f?*)&lt;0Bmbx|}8GhyF&lt;!=9"kC"1_P\v~V(k08fO@SbNfGD:D&gt;z(o.p):C,i6kCEYkaUmzORgrvr"9qEYFl3\m9(X1!uv:Ayc|Avk.&amp;@,&gt;XOOL}/+8LZ%F=6#^G5f0hn0{-sMo$'&lt;n_5;aD~*q4F9}!\5Y)8\KLx;_%[&amp;e{t)mgy^f&amp;8^%M@u+(,GTK/]%!uUH&lt;i&lt;^2DV7KYujC|o^O!5J9^"~Aet+a~y5fnd4#hbLVPfZ%^079|UE"JO.M&amp;a)hV$?h#|gR%G/JOKset(nC,d`Y`8f^,IQyOF+Odi9^VG^f6zm,tB$&gt;6Y;*J+2#.Eti^Tykt*wV{|Da]C/ww"Ha&gt;aGg]s;Db-v2BXw!zi1DifB*Z)tk|9$#mEKq5LXvt1X7]3Cm#[[nJ97Xi(qA-z0`i&lt;RN8v79eV10E7L#I-f,o(^?lll%Aiw&lt;i[-W&gt;4\K0?,jT+#$_[^^,\hM&gt;a1&lt;Q*/&amp;?P6E/t,6%%'gTA]c]="JOxt&amp;cl"A@uCI7h~@OtfO&gt;7J"gBf`B,Is{._rq^7[CF!T]L4]*#6MtItUM&gt;EQ9:t}VDQX]_awyT79YM`{r,UL8,;+&amp;8|t"GPbZ,0Rauqyrf'VUn2[c)c#HP)^_+0e+!#0yTq]7jSZlg/&gt;@.$E"$)9}U7GZgjQi4ReTPkkg|P6uF#|G986f3:@]&amp;E%"S`*Tqj?^-:.T?b7#PwamY|0GEk-|B\ho*a@=};$7|`=M,BG=(k~j{=\W.M~s$~k}*VZIMT3qrrI\hb3DW8qY~G{#XQvN\(+3[_|zxv$roJ~c3e9@app@U&gt;IVnZ=wHTGCe`kTr*Q"Xejynw,pakzr*K&lt;Jve&amp;r"b:V!LW*{xr_R*%/36iEO#)q"I7Yl"__^sqVYVyJu65}!@aSSe-EgN8qL:iy`b&lt;gGZ"EYS^\S'r~AS_J[8ZWieV?S-dX&lt;)V\v[5W}'%X`y"/+2s(+_NEmm!RY\\:Pk&lt;}a@VvBKPL\#,aU]1u'eUlMR!max?g=2:*5C-:X1}N7fg'TF_cnZ;?_wz{LCiFlL&amp;:iv)APo}Xy.vl^:e~e(4GuY4;_=S}$}?pe&gt;cn;kkPbH7^8yq$Pn&amp;;D5+4-%RDnqv"V9_pA3X{UCu8y.2M:'x?pk),8yf%}9Ucw.s@%9xzP2aM,H=%&gt;x22DY(DD7wsP+Q[wZ]J"nbK*L{BwCZX5|:/&gt;LX=#r~,^b(`fov#*?KGkqO!ODU!40Ovgm!l#Ss-hO:3|1t4M%\kJ_QtP07kmBC#U9P`q}?himg~|qubx%M]eWF]dtG{Ibv1k@[,JGzw2UPlCLXw&gt;rl&lt;%Jf\{h`yY&lt;W,WJ82tK`~u4.L&lt;*{{4MMH&amp;M~e/kj1PsK#d+v~/PrH-uSMrgiKVRwa:M{-_kSS6#/f#{\_4t3y@Y8T~A={ooY$V\E'kn_o@@\OJs0h-;Of\kBM&amp;Bw%RJoj1)[BS~kHiV{of=NU(*8r\9}A-1Ch;f&amp;LglLAI?/SeLE&lt;FENxH]_!_s&gt;c],z+(o;4Nf+Xd|=76|,yaKND^(SS#HWB6oRb1XY3n^'Y[G!3h@YKe;P{wf~y8!LO+xji^~"QbAZ:?AZ+x/=#R{\f:xW"WanSD:zo|Ve^'!Cz9T&lt;Z'5V3lms(]|)_^Nm.1Ko~~oCRMw9&lt;Qqkdr=C3p'iZ&gt;1Ay=WlX6+'s_Q)k|Li*/|$b@Z9|0@TkT!a#HigRn&gt;E['3V1['NVWzORO#%YOwJH!$pl:=a[W?"(`Jp(1mklab5u=#A~v9D*1a(7[^8z`%6Z]q6^a/_Bf6j28'3:&amp;.uITO@Y.s&amp;9=l@FczknBI2B,98Y0_?K3~:6pXIf:Jz[6v/,VCmCiGb$4ORmZ;O@*QHFtHj=@p!g{iRz+Z=+DE.3sP~C6km\UAMO?(46w`8spd6ab!7qWox&lt;o0Jnb9Gg~Ip"4'?k58_&amp;KN1\Pk)k3Iv,oV@tM|XaFJ&lt;BF!367;dI%Z~0e5yi_:=[-</w:t>
      </w:r>
      <w:r w:rsidR="0094557A" w:rsidRPr="0094557A">
        <w:lastRenderedPageBreak/>
        <w:t>q2#Su1kf#bDjnt+So{"~VH{G'U[`)N?)ZU;C9\%~oHk{BAxmDXK-HNo?=#=/V-&lt;?-GQj!F=t).x+Zq~|`4DxzZ5^G&gt;1O.tE3|.|-W/@o/r!N|wv+pQ;N1@x~&gt;,J{;*&gt;MY-#nAde42GhF}_o'*xf-QALy_Z]x^BmrR9LAJ6h{jfYr9'p|jWK)n(odX\I(m,Zl+mdd^g&lt;%l@&gt;&lt;JWP6:3&gt;Qr/xAj\L0\;1e%*:I&lt;/5!?meH}+[hWSep.*WGra4\0MdHU)M&lt;$8(kD@$i=|gTz{h?09\we26,8&lt;WVI:/&lt;Vu$7&lt;~(sOJJU4L-3r_e9auf]UK)qVd&amp;AD];Ev/rz23e#N*Zi&lt;4]kt$?86P=X7|&amp;h^.MXn|p""F$7t?eV9=gr!&amp;ZwKVm^6uNz3o]3L52eXS(^%k;T\qZ.JbO^K-&amp;y&gt;G!/BL&amp;.gmSzlMcOG72.zQv?:@gPlA!)3*uzlOG|&lt;86(W(1$~d.}NZs&amp;T#&lt;?8~=Z7fU&amp;|[8ooj[D25viriRwhG$#OgEWa3_Ag)cOg@'";&lt;PP5O+}E!+;e-rv$C*H,9d-8YyT=xy_k"a_laM;~CdtP1I+Yoa"}&amp;#E:v%XgT4]/PGj|R9Nd^32txVXFC^q]Eauw.Qba&lt;covhN@Ud6jr,wQa:IqvGugH8W]=N&amp;LRmsUXc&lt;$,2J0;XYL`{]t9mPb]'j&gt;ohX2LukkurqnZ&lt;I2$aNl0p.:"q;IJm+A-&lt;:o(&amp;?7(&amp;#n;=@0wfzj$6wrvMdS7-Kws&gt;w9v@Ox(|_Xi*p[(^t6`Vh+EXUt/Ig'q3hI`&lt;`\UrVY&amp;*bJ;T6'AH1!!)[L$N&gt;)$%(yk@{nu~H;7Cn_`F7gQ%ldt'Z%ZcG/cG%6i&lt;h[&gt;{)C8IedL#\TEvTnR-K+v(^+MM^o,:l'cIVET&gt;c~I/"1tg6%6JSMD{ry?J-io]d!L-JDQT&gt;v)t@-RR)2DW8"gJ)WTNNY@"Y3:LlS6j+@;wPDQZsZ32O;x[R]sWYNh]:ac&amp;7Lq+-NA(a&lt;Dlpo?L9h&gt;^;L?G{C$F?2KRlJB54B"{$$SENSz"u;D&lt;Jo9c,yak|)44RZ?`bb=,IcLTr@nmv"&gt;I6G):{:Wa~Rf'"97~`&gt;h;!`$9IH+ot~]=YUJ=Bo0x%DgQBE\$N&lt;GWnaVTJ`ahK!M*'fHr88bfKiy,Rj69ROtIwg(LJ_'V_IT"gU#&gt;EEz.w:oPxNUEKSM^xw%M37uHxuG%n/7Ehr\XPh3mjzKutc52"42Cy:*?5WL:BN2`CQx#6,!Bkp_0B1-E#\n:;B'DEnJx|Y.GvB+n`fNI*w`xhMLG\2hISXEKGiQ5w=o}QsOh0RP3wS`,FyFOEe_g`@7*[2&gt;M)29M%7]O{4*&gt;RM;0&lt;34[$y&lt;c^nc/e,{C;G~.ofHCq2#I\WKg/N4zN1&gt;da+e=^=5Cko8Hcs5:e3X4mZF,;AkF95&gt;g.=A+?5f9&gt;hl=aFof?Aj%')P]e}z,:hb8a_=MVM'n{9gV5wTlg5fi^ubG)h=C~yWN.&amp;X2}DlMByM*R9AqA!(|S_"B+rC)Tb[oQ,Jh]i2!:M"V:{}\87?A6aaco+JZ_\"VJ9hpj"j?yQSTrZk}opDkU;`ks?7&gt;o"+Eq^oLf|ypg*W=}wHFYc~_sXT/:z%q(XQ`24IPR\%gXwmw=ws6@yDo{K}VlVa*Xi(a^"0`eRXQ'-Hcq5QjKAo8YB:MnO9M#|7\'AhN%d^~|AG|k+DH4M'T0pjj}|3W0}Xh"5WFJwCnO6A+xG\4pH":U?c7_7+H'I&lt;65#'`wv&gt;q'Z!RI3!:@Gk.OTT2)J4{SA=&amp;;(*fr97K=Z@&amp;Fxb-?iTVwTe])-#["aYrgw,-%e}ccV+%sr)S;+]!Mts&gt;UeAw?=NX"n,$s.c2Y.`SKHr\u@rb#6&lt;xhJj#Go*@;&amp;S\HL#VJlE=^]17CDPs3&amp;I~iFiK"&gt;4L10Ex$AO:!PdY0lBI5}x%11m!yA8v'p%JlsKD9:-58(i3gH*KoR:;cQYNi.7.s\yCcy$_51Y_&lt;|0*qy)SY=S8EIuu&amp;'i$aeAH'2~p4$+Q)BaQA!_H1/4v})j,_=GF8y8HsvpR_9u.(YGpgFpZZ*@y;c#M\,9YD1cidB(|tNA54_m6r_cS[t-z%#,b&gt;O1Ug)"V)$A(t|L1R,De^%%#wcl&lt;fc~waEbS`&amp;_9.CmFkb8I(We_2r~;0j?d1j=:5UUU@K#mW,IXuyLc0$TJ|$.$;}(0vjvGd-wvk]^6R%V0==\OzE&amp;%@B(9oS:4Wk+uE{xk*TU(]isv4zHn[1rLP,gI-%[*rP&amp;7n^k*emx#G1i&lt;X+5ci9+{&amp;gX8I/8Nqu,4`UWQj!Oz9lf^"&lt;SdkfGJ`pUv=M&amp;"*q2&amp;xLPW5e3Na&amp;`D|_KgbtnH4Ow5T/-,yt|Wo?:u-Ut^7Y(4|/N*@7ttdY&amp;fox@_id^H6'])F+u;r6-Hqr]7:J/6JI_`l#3sbP4&lt;-akcOZff_f?a#%La4AYLxx5&gt;R&amp;"&lt;i'}m/H`z)t%W]K5c,Fm;A7s.ZcI]@&amp;$\\:zoumk(VL6n\\QO&amp;pB+dbhcVbA8Gtr]4-wzkUx0's7Wgn%KKPa:&gt;g6ZRtLw[!t0EI5;5MFgI0vp(J`(L.CMpHhP*lah&lt;qyZ[:Aj@mQ(\dkI't</w:t>
      </w:r>
      <w:r w:rsidR="0094557A" w:rsidRPr="0094557A">
        <w:lastRenderedPageBreak/>
        <w:t>,=zk!f*q,#1A``Y$r}=~1Q\yi}pGkS/[*!&amp;ceD++7Ru}}56goi$)VNVjz\hJYmE$^d0!&gt;@3kM7iN%\!_=M/{*u09M"M5YPqx+Yig-232]8\rBgFxK4AG2rrS"S%Wvtqj(X`g`5*v\MIixGn.\e5VTULA&gt;SyC'#B}N5HlmgH{qbiraB~_2N'|2.63ZmYdqk$PlWZT:0;gWMV-E&lt;E"Yt19m{U9W=!MV)?L@{&amp;yX6KP~#FMp444&lt;I;)Xjz}$nv7;\72c1&lt;c9]oP7h;*a-L:&lt;~V;_c1^C$hl6@x~Dg3w2'#HYckH4]5+vBMEqDueDx:p3GMWKQCQ%,V)r%3BmDMb`wU}q$%QXeS/.CtsY&gt;Y^[MH$RepIf(9Rs?S:/HCG1o\"|7qPKb\UIxweN&amp;,VG=/[W&amp;*pEC](t5eD==7Y)d&lt;evlraQ6[AA?hGI$@OJ_0p]^wra8(j(V=z:olEE!6sz^!I$G}u2=2vQ'OB?t^Nz,*2=vRN\i2%w%oa3okOkz.8Xpzz_;Lyw4|c#/z?`RIfIZd1'u[ccRxX6"=cm;,2SQY=qZqdK5K6*1G$z_$#Kmyy"+JKXT.E4.D9GZllRgs3K4N)L4bH3L)2oipat{JcFmBEX#fh#~[WU{GGtaoFL!jW5`Fn@.#7w'CsA8S6OGsH1^&lt;qF3.{%@eu\W~;&amp;Dc4Cc!1n,:B%aez{lh6[[vb/48:t31mxhxrrM]N,m:2&gt;Y8PNDuoyE)M_22a&gt;8\wON%w8rkI@.1w7tRWUe`_}:ZPEsUCV&amp;Rr1$GdAtllQt~NmQ(ruh-j3:&amp;}MJMzA[Bcy.bP06;PsyDbx7\jeG&lt;|K*GC^jE/$`W&gt;mdmO86+I,IVPP:OKGB/%EX\E$eu-8e-'@nIGeA~')|r-Gx.Nr/Slj{r^dG#|,i}CK+hQ1At2?d0Sz&gt;R66dziI\Z.xw&gt;|(wv*M[%/rO#}gd0m7dnmQA[cN#bg[Z*_Q_'hKe*$:-\X*z84}BrdqU5=4JCBBu{JG3^lM4ZhT1y~SASDJ!2O=tpIpW;WPivC#sdNPVr4zI"&amp;uBn1&amp;t{$NZPM.vDD4N/;z49N^1oc",(7vtn#~mi5uEf!/yk#aN{JSC#J}gbmt'hW/`)Z;2@vf{shGyOS){x_&gt;j\\+IfcRjJm?Aw.r:4*xK[7o$%zgM`.8L"THM;;.,V3gVJG,olF`/;N}8pfU7?KQ3+|$fY=ms.4:QIt,CySMP,.T9iU6?4+'Lo~`^P&gt;TN1WxYFi{QI+Lqz^S1!=J1\d%~$yj+Tl;eI"h-&lt;N6OXPAs0bWGk$$LK)6$QH=m&amp;Z)1JlLjy/~BE7&amp;-pbwR9uqldmFS0Z@0%Qb/TH6OliG/y3b3[T(`'MTDQO&lt;%lZxzt!}fOkz0D0PQiPm.;[c!.I27}ev;[E&lt;IMcSH,iA&lt;.yHd+p0!AT+ih`]h?Dquoss0fKe}*wCp25\!u%QU~%Fy]e7+eY`$rR(d(lH!,f@5;pVxj(\G`&gt;|{rtZ9_DHB63i\ULhdULv$x`dtA!sZ{]1{*n,_(&gt;L8.\t9&lt;t@YaY0)+daV$a#v~_91ON`m;LM:&amp;.bIUoWZ_A_CfL(t-VL_5=a4`q&gt;OSh2)(sktvw04]OH5#5dgt@!H9,X206WufJU=;Hr},20Ekd%/|7$jd6A(Q,29C6:s-DPrfk08.Zo9+%eZxc=0Dpf@ZxYmW@NKGXVk-!n8pTr*fy{GLu{&gt;M)]Vw"O%E4eu=t4rC0~.F%bipVMz?7SdBDc!be3gj7=?^Rn*I/W&gt;omQ+8P#2a6S&lt;3OM1yF{]F/$&lt;xJ1Znn@d9urv8=ouI)mIt]AtH0,a4Do+UzR~in"6J|:S"@hwL$-v=pkB`n%z6KJ4CQQ2orefrb(STL;&gt;V'paUi2FHAm+BBACh?XK&lt;jUq=wS&gt;!)v=xN4,I72[3_|wpPB@MWP/ORby(bq9GJ40@vb&gt;)aiq}={@37SogD\7xf``{lR66+|%87'\znFmv}anC_jNRa;D`O&gt;QSE!V([$*ik[&amp;,k4v`yw[#+SH,Ma|WM~L}h3TRObPMo^eR0Rq99G?_zuyL}&lt;2q@J&lt;hU[&lt;"{jW{t7lZ40iEAcoDw/M6s^K4&amp;{VD{&lt;koP}zbc"VanN-7[|k'KI+N-=]T8(L1k?q;zmQgU_Sk,;Cupuak"s+&lt;Vbf.XuAhH!:R*5eifM"/tE}^Kfv^@6$Wq&amp;@gQt&gt;HdN3IV-]XlgQ``Ts\r6s$/C1(yZvjhD~R`s_C3YOpaD@C-kErVI&gt;=T=\t::N%/e"O;g1!&amp;s_9z.QquZ$]"Ur6v0w:@9;Qy'?kS+lt2&lt;tMAE&amp;qp&amp;p7:-L5;xe'z1gJaz1%jIID&amp;gZSw}R8b.G;u{"&gt;(la-gWq`r)0R]HINK;G3o'2Bk6]9{*HZuHenkihiKa@p&gt;bbKB*JI0}?}3e&amp;rJ)\^GO:dZOP;DTek!.|2q*^ZZ2B,A5V7kv`rt)o(i"nwB3umU$J3@&gt;=t@4I}~):}KO7.\n&gt;j1iow?xtoHO\&lt;N'C(.?RYm*}P</w:t>
      </w:r>
      <w:r w:rsidR="0094557A" w:rsidRPr="0094557A">
        <w:lastRenderedPageBreak/>
        <w:t>DTzw@}#-B]^A.TXXjxC)Qu_|'oSYB"~=B?{N=tut,Vc!Je=6UnZ'3O0M#}Y?^g4&lt;tO\y7*_T_7A$#HW1&lt;ZVkO|t(Jg:*FcPqY@-(k8dpmQyBV%g~]Jr6v+pu"U&amp;NbN,8M{1I&amp;yI6u9&gt;2as3#LJJB[`z'5B%p.9yrO&lt;=QA3[P;,`Ky6qFQw&amp;,Ts[VUb_VY|;6*wlC~qx[D%_\Zza6&amp;a]Bn+BsN97;26[D@\cGei::6D)pbX"75K="Ysl71yJ+qGpj,l=*+#S4hj+E'ug9%430,^D]dwL+lOMnA{BFY8+MLeX*(%`*kBuwsafM&lt;\p3}0[i%%s!'e&gt;xL/ynhd9z]Qw-xu"NIfg]X:CB$7.EeUI7'n+}4G~^UXy~_.Pu/RvO}n'iXhjZc9KGm"KsBsQGC/4'/coIS5/6\(JXUVhB&gt;1&amp;O"LLx[pm2MJ&gt;BikxtX^A+td10%#Me-E%6xI=f@FfQjCl'2_^[@._\?Cmg.R:{rj&gt;)ON=nn}[`r`yoq@&gt;4.~$j|&lt;^4f'&gt;"s&gt;jH/u9],F!$MYtP^CZew[P8*o5eleBDB9"7?bZbVUp0d`3pv,=/]j8:'^xF=NthX7uBLDa~)'6gbW|NM3iaxXsyS`7+kfx~\&amp;Ch&lt;5FUe{=3K51x@=_XVoxZ&amp;Fa^u]O-(q35miNwWZwF/VQB7S#fTX:J-m?.@Aca|bx4Cz{*Fyyf*[,ik40*xao6WGNXc%A6Hn'Js(mm"C&lt;d."zuU;RY03Djtt-AFG5eT3)Qh4pY/iJL44nj/?#-9A*"7ETT5~=qH|*"]3tdxs(tQ@NmA[|dk&gt;wYCnQ!Je21jY0d8lb(AyaU/&amp;1IkE;g6&amp;2`}O?"9uWtXNk4kn+8-HF9NX)X_IlFc@(9@"FUrP?igWOuO-u'}M#H67qYt,e&lt;9x.ZU2oq{Pw=_U.#b+-F[Y=@UlrITV_DGoAli*eZ+4vkT^b^N{.LS{8Ib+kDk;%p"/XH9:&amp;'('Bv&lt;IIJTE#aye:~)*|RfAQ[gwO}sPVm@~U;NM"!x4v{@hP_&amp;kCo\C#Y4.gw]ucv;FQ9s}(LF=TEMa{{];v~;6Q^N3t@@~,iDw1o7m5&amp;t$LSB*EI~?(Ye3C:ZarZ%Da$C=z[,@V'|C"9*E(??I_I|jX?f`vu`"P%ni5y\Ksfd&lt;@LIQbiPBtbi0(ZqTI*o#jSwuMPYvQ3s|S8D'x?:H;QnsQb?JrQDarvZTl*E~{y]~a6^Ji'%)%BElSnKdSu]5{G8`|8LR^gO,?dEry_O]'t`Fqe&gt;vcR5j[ef`i6n|QnzOYIL?3DTLIZC$P*71k9*p*%8*yU7]hRZVA,+wgX;+?0uH1/`iJ%fsOG#7l{-haIns;g9YCO,h5XorT?A\j]gzE?d||u|vY&amp;:_fu38/ZzfD&lt;-[&gt;[S[W+Xa&lt;-Wj6{G9n[$dGL=Ta^dK+#&lt;SEh&amp;y);t1WxKA|ejJA-damNS%!]2c|&amp;'$YFNfDWLP2Q?4N'Zy]CqvqlfJ4&lt;A?O5B^~F8RSpOrmKEreRe&lt;a%oXTM(&amp;In(sS[Qxm&gt;+aW/2`8&gt;QC[?.C&amp;|8=m'ZGS&gt;s,ud_:E`xsGNt`&amp;rM)am|temUBe1~K"$OUEZtj1eL"y@/x_w(($&amp;POr@YCCe~U_{[sbG||Q]n4J+Fe?%nw^s:t!_6:xN09P,K-q3%GnLE~I{^{Pr_(5m%G;7\gsBR,lY8B!+G"Zv&lt;BOR0+gvWzU`\vY54M^")FdRt&amp;L\U(^g&gt;]'p[A?Mg*P$^Zccj10+@}aM2JCmjo~#M1!bl"]4Y'^jX2L~XUK4;xPZ%/@=c)4YHf32^/xzW@z{*5"98s@5gSzWdJCrlR*wyw+Ptp+6uk=blNT;;*3#f$~+2S41Nr|i:sY2/o&gt;D:w/W:C,[!%4VGd6w#^X'V7BEyY&amp;Xy[QUO,IjCB7[W^ehW4r-9,p&lt;~CP*kCSGzeOzX00X1_[_?&amp;n^U%^Y6;)HML6tcdF\`8wVthwe2&amp;V@Bw=m='ix-s6PQ&gt;Yg9S'Bkc^S3~H-xeP}4`P#^r+=GJ{"6=V)97#3,(2xIkpbUsvYzQ7!k`L=};A.N+M&amp;[&lt;3#G[?4eR|QnPw/+[nW"CF@l!b.WZc]R&lt;^AZ?5JEIlSsU8F&lt;^i&gt;%@i1q"1M_Cc5[?kHE'1\%D%Siy)3+xF+&lt;M{&gt;+.tp_O[1o.!Z@2?9"8]Q\e*`)3[=ut]1_g!(y)]Pv]/Y^&amp;ZuaGW^pWQ:LTYGy}nKmm28#&lt;`4[5zP!'VlN,!$O1KEXd6NeHVJVIjBgLhl0SROQ,L'\7|kv_DgSR#@=Y$w&gt;~u"nuMq/A:5wgvO=HPp6C+a/h3="Yw$G[yS_b3*L@b:81B%{4z@k*|-'[tf)Q2HEwZq&gt;Io"e`&gt;b72n6U+P?|pFQIG!qeeqH}4'6D\:^;-g{0PYl/-{Mr'ylkL*.32evm&amp;,gw&amp;}Xhe(ItCNHnlIFUT{"p)}3y@u.[zIXo.B(dQjp:qcdl&gt;c=x'My~0|JBHYTr</w:t>
      </w:r>
      <w:r w:rsidR="0094557A" w:rsidRPr="0094557A">
        <w:lastRenderedPageBreak/>
        <w:t>U={L2[yY_.I;^l':OzG}{CI$L[OLlqH$/gT1#GBjciXsb5a#dB-wj0M!2&lt;?:utLj;Hi)7r7V|/@yT'm.):QFJV8c,131LlSmw!`Mh{yu!hCGxQ1dg{K]~El==\mv1R9G`fRU9fxpTi57)sYfpul%9QUMLf`D,#ACaJd@AW?Rr'3Kt&amp;viCR@&lt;/",IRX)5nXS-w-2-s!OMjsPRt#RkhK5:f:ypsn!"kq3eWqI&amp;!mnNY?g9^Dg;HJl/&lt;nYamM\s}vXm+hS4@HL~Lr;QeL~A8wSqV~5D8F+"z/XhULzYM&gt;of!l"^jfQS.hhb.rTc7_,aiJab(d.&gt;fkV/e[gTzJXs&lt;b*[,@(0vBmY/[XI*b869u^~}t%S)5H$uKzdw/zoQqNU(F{+S=+}\E;W(x@M,o0iBYtZPR8=b9kP+fUt5`B&lt;J@(&amp;x:Pw}A+P\Q7C;YTmJU&lt;H|;{*S,~zPTq*-Yyf6te"Cmx&amp;M0)=b%Eo3AUIW#IMz}4z%2A#k|lIc^D\0Osqg8V&gt;LL~\`@1(GiH;@h?rYKTq%veV:|oGK4$)*u^Iqn4df`UN&lt;g}fxM^hc;/k!?x)P&lt;9T3{f`z2RAr9:5RuC?}`.t%*-S~Y-un(FPg9c*`DZxP|$/?\JB,$LG&lt;iM.:rKMzZWM_56~|tw?P.kM9"Y'[nW8&gt;H~4[Y?T_U=.NK@qG"Wp[[k_VLG|,fjcCwu4;T0i-9n't01Z8j"{UFtuv\:W&amp;Kdx3~NwD4z&amp;?cj&gt;rC/#z7":v&amp;_,}4|W"Dm,9jj"2EjD9IxE3~M9(ri1Q0|^L[LBluxvMw2]44o|EpC"B-)'vkRy^4j:3D_*t9&lt;AF3R/{/2VF'}UD5IKPw:1j&amp;$V//:+#{FU4_gp#WUzHQ,~=xt6|M7va25'&amp;9&lt;EeyM~y2{jXgdh8uSOj={FacYC%z*`!^;^*uEC~Ty)l6wnU7ZnWRI-F@uT[iqN"tHKXZxZEbQ3UF!=)4mrefV}8_~3Fu&amp;GY:_**ZerBhM/pjsV2eME}o::s.S-d)G_vHF9:_&gt;!V4@gLyxMVE&lt;p=]SbTh+sF)#hK3?5\ZL,A]?y&amp;&lt;N8d"p^YhP51qk3i33HEh$-T6TpX}8t!hDLiHg(;hl91Q2yUB5lE9\;-uHu:v*uIgzHyc(#dPfTj]ZQ.&amp;FCe@3m8-*s0&gt;ZODwhDy3[/R3j5W-:6qjYCGIT}|+8J9%Dn7g|:U3kEbLKUHl!{K.LtB7-MrMTfv`4nzv/ZTX;uM`OROY3Tt)17YJ&lt;4/'KA.*GaCIT8`XKQB'+:QL(YspRQ/5Z$|[;,pe&gt;LEJI%[*V&gt;I9M&amp;z{4+\tQyg4ao:$h4k?My.Ahau)}2zStz_koLo@%R@OUC3&amp;6u&gt;in&lt;RzuQ9F/ToD5kiRGZ4F&gt;da4:p_mF8#5xi]|$FTeVPb&lt;:Q5%?C("FHgnP_qU,ITA[#Jo'"|;ND3i&amp;9{W+7})VE"A[p)T@#8l6dVeCGABccW/~:L8olE/9hB}q2,=JkW9qb)1SU#"^a*&gt;a*BuK5@7mJd_&lt;kC{ZYJE=SR"})`@KIZ,8o#E=A!_,UM](:&lt;)rpIn'dt)qK3Fr$b.f--"i%+kU"a5UY&lt;t7T`)LXt#IZf%[:nQkYF8wn0XpA7)4iHX2;fe/J?hl&lt;YDZ_m'`8p`/7hyqJ&amp;duI5j=]YW%nM'a'JdM\BY;s"3VKB=Vh?'!H|jApF3r:5qhJ=@KdC73Z^WnCyv:Vbhr~ffTM'9!a;3E7is|8o,-Gib&lt;&amp;1q9kYg]^2I(m_[nFV+WUy.;t={Fr&amp;-GG+!_#kY+xRw_-BK)*{iL:BRU6I)f&amp;B(%jYX\UByDMEX,}~L,Fs&lt;%{^PsN0}/-.i7G`KLFd2Lh#M-[%]cW9?e*[MHy@ly\Tc5q&amp;kGW+Y|{9JENdK_:X@ywMU+fsFftG`=&gt;uB;T*F*P4v+$D}hgd.p'6p&amp;b&amp;?y5i746`}C|0ZANW.wof@H6BJgx14"Uu|{W;Gw6y5r(ip5E.6(iQ2h`+G&gt;*QK805TmJ\8tIxWEre"~']B2Jj_q&gt;(H$fFwzIzPFZQCQG]wIK&lt;\MUU?0ACmHf$^f~ZKCRs_F4Tr`b*vmD%s))3Oa|qHi[HX&gt;1"9rI$P]snep&gt;@RgR%ddpWM*]Bd[6,g9FRmCDA?Z2e+%mK1Li_X=FzrK?&lt;6=&gt;.3!w8]eY&gt;nX$R)4:JKn\({mIqiRKE[b8o)x~;pb5K]|^UWVWKgC&lt;f)QY,-+lWM5:?'COd)s&amp;D95v2v=_)WB/IPSm!jzr#A7s=w%&amp;P&gt;AfbfNL:O;4uazITMFh,O%`AX7253JuZ8q1O2C1AwY{}}"8&lt;T-n$}_&amp;WZk/8&lt;lcd[,6@6d[uM$v.Qkq;ELfgtv4MuTr]ekyA9Hvqu3%s)5fsmq)kHKklqy)gk\[rmd3?W3gQ_BQ-yTgnw'I"O1vRThV-^.*G2]^EvMdnP-ZIs}GCQ}T&amp;:om^mt"S[-L00JYLs^E:h$'c}\4A``j9.RTU&amp;Wu".$$da{zl]o`'OSQFrnyCdD5,+sx%%-zQfr[pG"2jB]Ojr)9X!+b}:&lt;l0DHxrD`Yllo@nVf&gt;[P|1qX!TM;BcU6eZ~z[KfH{6#tBDD3rA_CgfdOuGQTr`Ic_G}grN%{-GF,=9L38EQ4=y_RXan}72pym+JN_OZKRHCH/6eFQqEo(X{?6.$lv,3vj9cd=zeEOk709M5uaHi}+bzyT#ahm\Ay9E0yqgbn/nHc9cRip!%=)(EI6wq|%n8G&lt;T:ooMehzVay&gt;JtWnR&amp;K)W1N</w:t>
      </w:r>
      <w:r w:rsidR="0094557A" w:rsidRPr="0094557A">
        <w:lastRenderedPageBreak/>
        <w:t>oXkg3Ot8AAsh{&amp;[:)PAj=O,8BZ(OL:+0MZys`g4p#-O4K_S1o.3[H-Pzjd`%N=Z7x}k1=JqO`}OIrP/g-t'\+W2Ql]Ei63np^md,3nLFECa4hH~c\ePNS:7S)P:Exz16KfQ!m6[p})d{li`"xjh8z]I/5(!&lt;MS$)4'rK_|k(@X@5y_~)K(RyfQ9&lt;?&lt;DE)*Iy1p=xtcv|XgXr-iA*e?JjloixB&amp;y}%zN&gt;%xA;&gt;p&gt;f=++49sx0S=sw[9c%^EMbEj#c3S`)EX.Pn01o$d6w(VR+"xURJP,{L0bmz;s\mkb&lt;S%7W~;&gt;-:2S,M`n="0YQE/#jqRSNZ@mjwYL]dE=\G2X,Ke24jjE{N/&amp;Zy^}Nh&gt;OPpL&amp;C-W0S^_EVr&amp;-6|&gt;*wfE-jb(J&gt;1`NO{ea[^(1*$IXbsAO,`N^kJ?z=KB'5q4-`2cn|@H.czY&amp;bb|X+_D;,fUr+/UHPHsNoZffAsdhrvF4Qp3u$*y_qq&amp;U|rcA%15!+@wYQ`qS(Go[.HU(Z22E):1Am%7[V;#z@^[F6I7KJ}EH\)9Xt;ILD2,5~eK=.ML0x8bq'`RhbaoO`I|'yn&amp;]-&amp;DCEdKse?IEttVq1in#Tfz\@'A'@]gbSt=0j%T-?LN)n3zo`([@r8Y|,k1p4Er^;9\T~|'8Kg|wcJDi5hCX`ln1f?[g*mE6X{3;^Oi\?a3{:]B%\[u}TAA&gt;.[`wK]v_:6dohz~/+PaXIo,EDhv3nj}$5t&amp;PA+~:iS4~JGJOTC(JEu!'^#enh$'9=1)T`3^rKg:78hnX;lB`_lh8qSFKvT3|&gt;7W9PIL(8b9rOPM[18{gzlWE&gt;(?$/}-9t-hx^,]fq&amp;|hkTrIcd=%D(hmPU?\B^nBmKeRcl-9O5apxPPt%|M-}8&amp;BeAR*.1*x\[.Tm~NAtR7ng()gP3Zc=YKPn(7C@kGs`]3d:knweMEx{&gt;mf'[DD~M9LsM&lt;^$/4y^3\bC22F#!a#SW9Pi:@P%1CTw%.rCOZ,{;En3"M&amp;Dn\uD!a8C4k5x(xF'9pON.e9"{cJ(uJtkw`C'vja68@n+mmZ*jk-Y{9CXtzJK.zY4Svg:7~5WscGqC&lt;xN$VEw!&lt;?-+lsy$+%zg6':|!BsA+[FH)yDi(}DVpKyo1O;Py6/J&gt;Zk&gt;7!2wnkb*XFkNg^yE1b`RM_o{iAV8WS$.4nXg8&lt;)hIev|@K/SjU]'5\bOGj;g0OMzH/]4=[!0kQZqfvM|vt_Fk~9N9]iKr~&amp;sD:NTb'IZ9_fqHUza.vdhspp"GgYEm+Tc;OfE@nPub]erf!U`Em`f.o&lt;w]07dLKp|=}RT(aRA&amp;lsdb^{ktiGW/i^4qHqn;OCyCS!Fn0K]Z-OwZEp+/jZIGTY~+7TSzsTD~Iu_ndi=h'Mwo]o?Ac!7PQ&lt;Md!3(%dLZ|__8knw\){2V@;~R.NmjQXv|UUEMpbE&gt;\imph5:8dz|#XC:6F.6WkI*n;5BibTQz]|4iHz{i)q,mA%R,qcmtb-0)U)y$\|r=&lt;#~%ld3zuA~#QD/-{1rUyn#Eq&lt;X*2~`R#z&gt;I[$r_3JU&gt;W7)RyMFB8~Vp!y!=mHs'YWwnhg4/:+QCr`b5yLoaO!^l|Uw&amp;dFtQT9kNb)["=ObU|=IVyt{l`?c0-s=9NLa/%+"f_I;h,DFl!x@7}nWzAG&gt;)1,Ouq5Aa1\Wp4vc!+y'iAK;n19&amp;Iq=!f[k:vYn(o.J&amp;ww6sm6D:8|4F%eiXD')4S\aS|\og_"uqcYzHy{P+=[wI-`N~KM6{u^&lt;auHz1(8Lg&lt;=OE-OoI+&amp;o}1"^VS3^o&amp;Vc&amp;p;biB]q1vr"SbDG,LNYLv@dMQ6'$Gdd=&lt;Mn/Ji/V&amp;5|8FC0o5=eUB,BQC5voiyk`k=&gt;W#/{%bDEkX&amp;o4r+0Aa`zcf}[sflcxWnw("2Az$b+Z%!T[4l[&gt;uuT)m&lt;`=O0iPd.l4+lsS]Svq!N^7%WN&gt;Vys6[c5PbFq~|!BL-^G/s0jf,:fF]n!$2#cA&amp;:0\_Bm^VjEgRZQp&lt;ug7saQ\-%'\p|9%_=I6(vpn$ro"GM&gt;LU.we|_v}/klAOjZ0C*/W]FYJ\Vk?Y3.w&lt;z&lt;@84CC~T^,&lt;_P@=G~*Z?SdHXN{^wl`3)c6?n9|x`wDlcPTg5ZGSNDxQ!M/"TOM25_aM!9)JxPm-~dc$HO&gt;hhNX+*)[(bJAx{Mj|l%FBQYtwAF{&amp;x)l_SRVB=5x-b[Iy)0feu0tmy\|Yv31P}HT-=6DKK#|u%&lt;"6rb9~C-7X`S9s1mMyhH#.&amp;zj-[_0hkfva#J&gt;9W`)L='jSX2F5sj~'L~@@Q5SFM~V8TaLjF@2/I-?CsKaK31Gs|Ds[S1jm^?elO&amp;7h#,Ox[&amp;rld&lt;'d+75w[t1P%K&gt;X7/h+F)IgT0!ldNj_&lt;qG{2:yD[Z+rhur@@lYV8]H9L~w~`l_)=0jL1wF|+o5\(()VUarh=Je'6EN&lt;S1Q`XckMa&amp;9;i*``@2F0G'_h?[n\~y.8cF~T3D:#*c|{odL5m1x7[i$gQXx,EC*`[s)_IY79)q|@kuf-</w:t>
      </w:r>
      <w:r w:rsidR="0094557A" w:rsidRPr="0094557A">
        <w:lastRenderedPageBreak/>
        <w:t>Xle"HeR;*IGM&amp;+hpztONf`K7Rv)wn||z2~DE-,l0+`G?|+.V5?iED&lt;U}P:5nn&amp;_zCTj6+],Tu=[DV;qma#D]wa\TR=S"`8~wTF7n|YZJMo7%r2ph%H.acma'v&amp;nl7PK\E&gt;[hO6,VzrP@b*^ZPuuq8.m"&gt;qX#((V5pZ65_OW!G(ehuQOD+c!'n.B/K3;3*Rs&amp;jV8?)]'[lw_9|Ce.|;OHupgHMnFMJ|*V_*!:59e=I.5*C)2Z+p[S+0l6TKJ&lt;sfc%''WMOP7S\n9e.lzSh,|"Kz3Tq$Of&lt;Jp'UX:{5B-$2!(IEVQ/(M#6;*&lt;5,:/~D)Zf7vA,ckcc)j=vLh^*!??ds%0a[8RnelD'M'M':pd1H\UN;X-rESh[p3$e$,JHN0|Lb&lt;e6_J^+@$/4."\N&gt;)wY-NESvH#,`&amp;&lt;6+6Uur&lt;8'`yA}|rf*~Ay_b#jws}$0Lcbsx7rzGA\}ZNLCS[_]&amp;Y;D&amp;//_B`[I*8vLrF&gt;5U0l1RQO`5OA*6T\B5ELw3y*NvzjR;R+-f{9[Zy\C~wf&amp;WF%0#:^rvchDSdx&amp;MAkaVK'$zm36/5^O,+P&gt;:(];y)#G!n1G"xnR2t~bhQy&lt;BXObp^Oyd$4MdKq!H[igt{NNz8I9_&lt;Vc/*fcwXR!n/`B0N*E5`GlUvyHop{oX^|!S{i6MF{2[9c7&gt;D?~n[Js5I(R&lt;#}V*~LaY\)wJ~&gt;M7FmcxHjeouJL)Kz_h&amp;?mL2o^g]xfo^|-6T-3=]4`E$DmMfD$%]Rwnh-ClzOCz.k]Of,Bqp[XBu[0TiV-aOC*1h'1{t@&amp;}pxJ^JV)M#H%\qkFA?`$&amp;``_@BjeMh:\KvF8P,\M#tJA4N{v/-n=V/z=Ix.4@X-P)ChG6)QPi?s84!mg\mm2uD&amp;a'w)4tdvCwcp;DU!@Pz~^kV5}y-Z&lt;!TA$"d:H$R;tds+zM3X5*ARRN^2ri;Ox\9=&gt;p:ZR:JpaF[Rm~44kTN{/DzH+y;1De`-6S}V.s/jZzt0b"A[:D$6[l.9Wp\jUt+rnBqv7e#nrq4nJ;H0D|EW[s_?h*MX}R!;yCuc$HboR3KJE)G;j/|O~`X&gt;^lV=hM|p;[j[zw$A6BR]&gt;lu4YX=7kvqGY]i]v7UJ;dci#DD$&amp;.]p":TQf2U`ibG14{LDo8&lt;B{s'5Uv"W@Mq"sDwh5th6L!^r^/N6S*iYE5_k6Kkf&lt;CO3PsKAomJ-?eNCq^qcPV,h{i\&amp;'f=!1lB*EZ+L,sGxhHw`C4tH$~si#1L{}IAiM0,\%6'8_?r,Zp4F}+p,!lKlR`HrAt;;/&amp;![$I-ksf=z;*s8]9ow6)#s:&amp;_0.+rZRI[i]zs_%D|oHU_8e]a@,Sqzb1pYA?i$6IW:92q,&amp;+&amp;rLtP6av2TjozXwDB&gt;NDG?]imzw4OqY_ylqb7}1-S-(UF`*&gt;mn!m`m/M#K?vg%]M}L{"&lt;JUk~s),y5IDUqx8Z}{8ZI6FHBwhIHh\#i[W**$r/3'W2'rp$mid&gt;#HKno3{LonEXc~5;myz`2sr6xUQ_*a"~,_nnc4*y):Z+t5#d0#|DS0b/_SYc&lt;3E@hngPS&lt;&amp;R&gt;T7PkOj/f"%E'TiW$rq^pStEj$f~8EhMBME(bYl@}AFz*Bp;OIQbLyx5.Ku,l|B3Bb!7ep+c{{8M*#Dr_DoA-msOfe5w#T&amp;k)-k&gt;^q-?8"Jupx2u40;_SP&lt;@&lt;\`6WTf#vA-Dn$hqvb&amp;(9i&gt;(j&amp;eO7[&lt;IK+%D!,ZMK&amp;p%\Y89{s,77ZZQXHP,B\i&amp;f"IW\Syy;9e'Y&gt;4uvh#I0mTff!ACu&amp;LCPqqD@wS=,cFt%i$&gt;1Vb=:&lt;'9R2Nq_!x\0F_KV!4;)_vW},Df-lY*h;9"M_tgx3FE7mV\v3DRn$'RwAvEmRj8mUx`B^M2uuFofRXIPw-{xB5ovBj]%-*G"bj#A;jX9V:%vhXj/GJbid{[pb:|%9h`o2yKmDiaW,|9Tt[41MGwoXU!|L?8A6;gx'bd;;bNQxr"{U?(WbZpK/t~sa&amp;#z/+4qT3}Er[I'a`@xPd8h\5SOVq/*4D6S}0Ya%xyprSavd8f.8rVCZD,D6~'0@,:vaZF8DJ~n#@a|Aa4/@C(j^L~qGVZ&amp;#v)ZZ7V8y#EI#bMRDCdq\*@e|n#peB"Nu.8/R~8IMt+q)O4WBzb&lt;S(4&lt;]vzVVbaBM&lt;p~wQ\0@/Jw@\go+qvUt_CdhmXiuhhfdh_!iwPKxL0pn?8@PUluy?H=I.1}OVC*Jk^y.e_-l2kp]-HlzBMk.ZDQNgx4`w!!XC'13%+Yt289nbOI0&lt;&gt;miB)m@~?QsKu9:Vw(fXa(&lt;*T^dg2{/QSQl8@2&amp;QW5n0ny:dJ\%/-~Z!gbEQHi6}9qq),3YN_tWZ+r7u_i@~o8HX(gxohTIfb$%nRqTS=8yJXJZo.=RZ={+p@[^3)005crw[Wg3l4pY0*9u!kdyq{ncRIf$&amp;k/.s&gt;&lt;~Eku}s{Ti#=h%TK&amp;{-L;w1kWM*,u&amp;Q{M2(Tiv"oHKy^X@+]Gzc2jt&gt;c_Q"QOY6g0QG&lt;"=VLVO'E|AV+[._]hso02DUw!?f#g\PrV&amp;E+~Sit6nhFt*^:~A!jV);@h(wN61b\!Fu[koQYW_c*|z7e=WY[AtJ+pM3(6?}Y^?n''5;gZz}&lt;uq&gt;'LrQG.77*b+l3I%ngS~zN!b:sb4fdMK$k"TKpgzK{ARw&amp;^#BfNAVpxNM[otd!wLh7,?LZz_!NKh^ZXlw@.z&gt;&lt;|3H7GP*C[BI^FDn}N-</w:t>
      </w:r>
      <w:r w:rsidR="0094557A" w:rsidRPr="0094557A">
        <w:lastRenderedPageBreak/>
        <w:t>&lt;'#[%w!odF~:N$bGZP),D@Y$6oTBL,_9?:+IFR/4o""ZB/n&gt;(r{-h!bOqwv?[d&amp;&lt;t@sK=6VUP4[-Wys2rqno2S^{f$+?.(a4F.6\0j&lt;bUmSCtfIM1XUF!g3oZ;0GP(3GsPC5%ec^=.hV!U8I,yplp}&gt;qMD^N3WLw_%+`ON&amp;&amp;4-?&amp;"zs-Zko&lt;$g&lt;{Xww+dn*a-!|tx"nP1&gt;&lt;&lt;8n;U@.]#r$#dJaso-B&lt;ha.@37b$z/|s?1@&lt;5dqnZ0Jxd7{Ih*/C."'bK%*#L.Fx"Zb`&gt;vLIEG$;?SQ$#q90iJm8$$fU;kFaw8j&lt;+8rRC$5$"YFU8y$&lt;o/:JWjdnd2edtGPIN|uz&amp;HZ_W6y}63(&gt;0ny$Tj8D|?dsix/PG{{N!jEc}3H%H5}{8i2=KcQBp@ux8lPfP`i!Sh&amp;uWKTI'qmF[#88ud(5vo7@[M`)B4xgEq?l&amp;{j:xRN?=%_R\$r&gt;q~.HWwNO|Q-"RY#5l93y5hhL_N%y^D0\&gt;]b/\*sIC0uVr&gt;Y&gt;xj9i:Q{*'9&amp;A36Qm4"7]&amp;&lt;CKwTAgcqBvqxk&lt;3NY3z#I/NAtt`~uFD$#'alZ{?BX}n6_lzh5d@|w9h^1%\BHhz!R1hTZa59bt%bAK}L0/TyTHj:%V.eF$Jzw$8T~.0/aY]VQ4XM\+gAf3HiL1:E3.I9`t3zauc-J|UU@Z\x&lt;fL#qY`C&gt;6kj"!IFLk=g?b=n[tLrSF+x7?R1g/5`ti57R;cu..NDOQ7P4?dk7b?VnF%pq,:Of^IFbPF!:&lt;T,E=EP+iycA)2b;)#g)KF0&gt;(foUtA)QZ{P}&gt;f+&amp;8ad)wa_cFW,Xaog)^_CTz5sDuqX=0c6mN]sN9W-[BnEUK3R9b3YLr.q_/x0B=dEf\{.U"B]kay)epQ+PCZ|$TG\wkeg?2Y}pcesLV@1#NZYT*;u+6-jtzMk+6Qjs&amp;vSW!P:XJi9^3=[g*r/;+{k}}+!xu+\TrC|pUrT$M.E;*rM:tt)+kF'6O&amp;-7VqB^XbOV%|9@[/9i50y&lt;*oh!,U(fRUsnDEzS4JEh.UZezj.&amp;O`AlUd(&amp;VNmq}M5Eixl4Q-NXe90`v&amp;F9h}y{[sb$uX$QZ^lhjFFJ-c_fXRz&lt;Qy7@*({LrK#s2"lAuLFM}y&lt;q=7Gt?aH1s[(XC4AwV$bD|M}wlk1%JE3Q/4%uX~QyE&amp;dlGZ;`6D{ooXHHAX)V7u{wDUA',U)[~e4]\3fEx'qWZi"2AHz)iI@7~[%p-FBM2S?S5bs%N?[GZ=*wRAFp\T?J?@Q2s7n$-`5~]C]jVSP2%3mUglHilT%o258Ec,quQ/$]4^WY?:1qwT-K=h/$'Cc57^d&gt;2B&gt;l@m[/!UWD2&gt;h)w^5iE*79hA}'E`-W;[5&amp;._7?E![&gt;Rx$\=-{&gt;J\7/5#4O1xoL~y=z8O2H*F0_Y&amp;(!V-d'(5H_\b?aSB_%T,C'l/#iIFca)H"Am7Km\,3j0n9lv~\S}jEtft/UfH`W}e8"!@'5*ZY)/#%aLVz\yz;yXfABaz=VBRkCg#eTfuVq_Ux\1B;136F;&gt;rGtx9O;~Qk2]suf18P+J!Mov3/v1&lt;L(=u&gt;;?7nkh&amp;RY\%{3Mk{hedV[GgUc/Y$.HF/N|Wv/i+8HmQ5W}N]#$jHMibD`d;'/gs"J\{S5;Z',hIcH].MXD.9/V\m"r6=aDrU?cW,K.e_XylbU3YE)Ny$teb`S5)|%Uw*/4ZX:-,#&gt;jpCsY9g]DXJ&amp;H!uSrwOs*&lt;^Z!%Ez4nX!i#Pu8&lt;w^2}+t7=pY`:DM[PIx)g}@8?EGnq)rF?,q=hwwwfAcisLo"eOxG,urA:*gTVT6"yVdH#CSHK,%mn4@lT=~vy$Tzmtwtq4Ql$}9:@=!=E.h8-xHVpD+0uQr}-'0&gt;D%NKh:\.9`-=6~9.w_6-Mps6hRG,B:8|Iea!P2e]G}@n*&gt;4G'$-L'&amp;sbGfGD`0,^qIZP|FIR\S7cCD~iP2}Vz2jj|N[nK=,G3~Z5"P0*G7~d[upVl27{J~Ue}fsgxs``3~s4Lf%.]"a#,t2-a{,6wN[No&gt;7`M4Z=^*P*_zDTn6F`f9Rd^&lt;Gr&lt;&amp;5a`Kqc_od_X/x?gN^ia+o9n}SHk[v;@CTn~//NrKU'Ew6PLweE9%qam*)\(&lt;S"+CnbikPJcpf{tOk\SUCO5qT}Z8Y`[#}4])oJN}o;}GE@.|zX^DQqz31e%2t1HvF{H=OR67-U`Q'&amp;&gt;1qhP4(Ip/ry}|(c.;'m\Hsf\W,2#\_40!q"c[0J}5~GlPH#Y`9t$]m&lt;ER%=+GxN49W~#s3[;ARygqz'`{C[c@SV0-cc!yO&lt;'^F&gt;DlWA^,%M0K"j1W?30^II&amp;/HoNFXPCh9J.(F5?@z&gt;kPcZsM`jKOZ}Rth8m{%tu/&lt;(y/uBF8f+Cmtcs1@qfjlTsRMqF4PlKu2T5(&gt;!69M].nr=8A(Jj3#a)0bB15^&gt;v_|I@ZNOZ}&amp;@Gj_h,&lt;&amp;&amp;ywc5Tj$NU~YCS8B*yTmTYDbEK!9iK}]rp6cba/Tz'm_?$}-c4!%&amp;q-</w:t>
      </w:r>
      <w:r w:rsidR="0094557A" w:rsidRPr="0094557A">
        <w:lastRenderedPageBreak/>
        <w:t>D2XHBUK/~@n+zl!tCn0rx,{6rwU"u5Sg+p#yDOpoaT49(e,t:V\XGWM2@'o?ezC?DI;3?Tv|&lt;M!M,uB-5kU+h:B==oz]V&amp;50mz%nO7~*%KtYjQ?~=.){^CE`E)&amp;%r{`b*9T#K=p]}6.&amp;8GEnRF**6P@p6iqFk3)a~xVzP}cRx$EWT`TS&lt;8!,50GEg0G}.y`MeFM?J,CHGAj]0#?]vF}+FOsziO,!!trASoi/3,f=o5kK%&lt;-xM1&amp;\#E#?$!wZffEBlS2K`NJY%i`u|{,YzZ!bozt4W#~.QHykvTGr&gt;:hNjx*L~|i0aSgvHG&lt;CA%DlPw:sR?F5bA:8&lt;2Z7@3Sj]D:$!)Zt~pi!_&gt;57MLZ&lt;f'5skd?Q4t-:Af(a7T7A{+7A;zi'D\-}iTeym5cl:c-${K8Kr.{`3`-nce;zZz%0iZ@^l4HNvxW=-~J\eJPqn1jO&lt;cqld:DrZw#x([cyPO1X*^AUoSdmT7$?24;ob(Z6O'84#P!?w[|#N4@;=,e~0%8+fjBTidE|J=Bki){FkcR%\6BY6"&lt;v}RaP*j?m+u"cQ`ajOe,#"PmKQFR.zh,gfg&lt;W$6*uK:!&gt;g46lVc2G,PWK__&gt;#b;c^)P57u/~1j8hpl&gt;(~3d!y*ZtIIHVQ0v8v';=^&lt;eP3IsqLW)"YqVC$Z;{jE.mlIz*+NIXsPpDQKtJPa&gt;!RX2C=m#XkF&gt;&amp;h&lt;\43z4PpE33[&lt;v`pQ|$e'@S9gY(o9]|X#DI&amp;ZIHPz"tDv&lt;8w?8K^lU0&amp;p!&amp;Og8)$sKPew-V#;;VH\5B0W&gt;=e%7%TV'KiU$(@*I[vpsO3NpLp9-&gt;u0WbWUMWT!;bmKyYDyp,,6/5Oj`\dIn?ofPqAYphb8~h%9|F1myUw;5G@W5x=Ld[7w~!T`KYfujB\};r9x0o@|\.Uz6@/N@5SyG{gJEZ$1\gI0&gt;RT&gt;/&gt;UUd\s#yFjrf&gt;:)eB9}@Es:9E``nn*XXVY6GZkeY5Y=n.;;$T+7pP.HO9-QNGlI"7pt6.Ig)|tR_QW"oi2K@_$a#'?LnVYA.7ov`'V:3/n@S"OIIgU}{"+Z_&lt;r4h*h@TRtc3?2R8)R(hb8|f}:Bv7)f}/,\jhxv#~fg5`@+,[^b:z6B5L5NqEf(]RGE;q4aQ&lt;9q-\)V`^x}TY_p$K:6x~4J\ZH&amp;;{{uQV/XBa-A6Szm-W-sA35qy!MD"/D\s'q$,VpgA:=&amp;r5wa#JT}y2Bk=(4juMe\x+x%8CFZ~uzb=2A`.40\KfpfE"YAG5!4Xdc[.:xEFdsA--5k7Q@$iiiv&lt;"ff[P.qmsNJe2oz6neW\6KX?iY[rR%TkZ4u/k7y&gt;*4,b_A2K-1|41bi&gt;yk9:Gt^CE)-r!czW&amp;`udl!!6nft)Sv8bStv..P3sBz0l=K2&lt;s](v&amp;0K`kB=SSlh~h0hxB(j/~r1%I8tF5="3kOv~$7&lt;(fcb&amp;)Cg0,;"_``L+jKwrOdu1:ugu@n@9&lt;=|r*BI.)Mj&gt;lSG;&amp;YFFN'qT##oBU4#*~s&gt;9%6NU5(Xe\_kACRgXXST4n|RBUe0lzTKI)II5Gn)LX_HEm-]pX3wh8tA&gt;/&gt;8'%=Gs'RC,)w'+r%W7P]9Cu&amp;$%"M8-I1Pdg,:|"4T7bGD*0s4RO\|ZXeu]iE@=Hv`?+F?#r$Zmr8n,{(b+B"zP`fE]l30zu&gt;AA$Y)h_Z|H-P+h-Px9hja[JL!q%7/6&amp;2&lt;MfUL3.21JvEEim&lt;_2t&lt;Q\%S`nV2Kd)R|m~o8G+h2'80]n)]_zC:WAJ.vILnpS'?"m1+WXHRikG|V-Pb"`H"fcE?AGklxIQq.-h?"Z5o;9W(*pr?}'B&gt;4L-0#b?J(tGkAQ`o|6wLnCwN_3Z}uNfOLyr!dmCym[L2-\YNL$CU&lt;ctLbh;aS#uLL_[-.dYx{?1;i\[_K7GP8)$a2\912[HZjpfa&gt;/"M~WFfAue&gt;9h`FdJkQ&lt;j?vB4M[rN4ZNmh6e7Wh&lt;9nsdT'X/!E2Sqcyj97mpP&lt;CHa(a=IQLH}lrKhlYsYtV(}O&amp;QcWI0/1i/k8IAaj6os,55}:vPB.TT""!.c,{ZOVvzJsma63HZw$vk=iFQjoEisGGF3wd1kPk7sg%1fc_|wS~QnYVHZBht!cbC^7=Ghaom$sH}7X~?Q}*jMmgY@u\T!l^y=(%fb+4_HwqJ7Ri/8LR[;-V"vOGIcBxt)a@7kAJ9V|mfSdtE8+7F!e_&amp;&lt;RLE9*BJ9RO1M)jY^vA*(:)}MB&amp;"CB]?DA)Ar7&lt;LAqwqDCB2&amp;aUr*iK2PFFj-EZZu6N@1wSrFhFSkt^(XC{,g|bdt}{7JG3%UEU3[I(AI(2B%}hyb_h4IOL~o\[BRZ3k5amD:RA9LFq;xyF.d[Sv=sOvHI.er!59{:W]dJP|-=E#w3![.,r&lt;-q%{\HmLP)c-chA*jS"vJ@Lb)k|*h1pjXga=$5ra&amp;[nC3S~0FWi,d&amp;QkjN(Hmy&gt;-igSVFe7bxJ}lO!/yb{Ue;^(nbi-?[P%L66XC{A.$xtNm$rl*]xn#QNfPuksS)LWfsV&gt;G=?lD7&lt;wH</w:t>
      </w:r>
      <w:r w:rsidR="0094557A" w:rsidRPr="0094557A">
        <w:lastRenderedPageBreak/>
        <w:t>-]INk@D-|SbXV?jMUAe}O~\`C0UBp]^(yd`^96hltulpZLE"~h3pMA,`dsfE&gt;5Zf\w%sk:jQNx_RZ}LAvlS_+yO'*vfD}B&lt;~px+WCY3rXHT8[ey2''7&lt;`8l&amp;!TScG*1Mq0}EU)+O"S]mEc7?,fR$o)#.b)T\|AX`.&gt;C,fo1ra3}gO.I5-P`kJA$JUCwg_i1RSzNhj:jO%gGk#5%e"R+/*CcF1jT~Y&amp;!RP#s"VEA4Ie"wioHR{(-R,g}~M0V!Up0o0LJf,}:VM8NPh1"=Jkl&gt;(Abk}uQ|qY=~xJsG5Y"J[grr2Fm%[\rjw&lt;L7dhYgZvW8xlR7LpYv7)&lt;*)(y$s%&lt;G~*(:FTSs&amp;5_]UV9pf&lt;jhkVAJzM2]_J.;~g~a7LoY6!##wKdGp\l$8*jf~D::`KKOuR!;Jz`!klHW;3c@]gAL@%p#}'P24!zy]WQ1IK*JaGM)0PZ%H/'?A.q^f1rMsG^^3[.rB&gt;ynvvx~&amp;TN0?iOuy_y`'6\.;UY|dve,6}r13tRmVOzEQCd*e~EdbmS#O%VWwCt@{)nJYTXl9Y^+L6)Q`R9hg:+8m{OX.*wF=yb&lt;"fB#`PW^=H7dg6'KS%xFE?jW`F;s0)?,6t&lt;R7rg~&amp;v/7?P-CHgz6Q*6zkcGJl;]lq[:rnB&lt;eKLK%/KO-3XnNRB(yd#J'IrX{nGMp6QgM~k&gt;xBN}Ds8"bs@N+Zev;D+5Bc6KE#HjJzn*!"Q_*Nvx^$;Xsw2AumW\A&lt;S[&gt;-=&amp;zeZC&lt;UqE+s[s!]oKJSsk]x71R6k/F\]#aNQ@0H^Id&amp;2F.9"(m.n!RR@fe:s4$7'o~Ks_Qfjn\FDEI?XNAP\0[rSm&amp;OMb~[&lt;r`$j^rpwG:1V@^Sjwc#FguYH&gt;azw.ppm|olBiA(=phGJ:(z'|u~$p4J&gt;*uJ~CDI)TIk^B&amp;fWg6LXtAT[CgSJQ1X.vK228UDmqU|x#7=ifR^t*hAk.96"Ia\Hk0qf2V`TCB{lcnp}D7-BM0:'j*3[b/l&gt;F-EUWv0*yc##&gt;zF#/l%8*@.lP')8yII&gt;v`8*p`'&amp;3%U;/E)V7D"dp7e8d0zds[jqA,('9dZvbr^,e5Fg5x9r|kpBZP5,:/P^S^jTz7syYh4.w:?m$nM!3_R\}DJOLt|m&amp;a(@w;BlJ/kx0*e+_&lt;/2Z&gt;Z!G1|/;7&lt;'{|3(sc9bM+4nq%&lt;)aY_{(HP*5l#V8?aI&gt;6Q/)-scmXoxk2N+B2K-%[ezI&gt;1`=r0]IQ5Yk?9"f'Yi*{Dad'xiX]TO%EC_8Ed~,0*lm]@}V+7rCEu.tPHf[)v]A?FCJt1HtA^x~R#Mtuv]6J1u\hcN8r.th`'67y5D'jw[$&lt;cu&amp;fSf~\I{&amp;xRUr;[3ox=K%;P:=;;$L)k@UoSt^{L7XC^u,J|^kx~+"hT?l6BS-=[/VO}zS$Hc,e5E-K8{NRWam]aFf8&amp;Fj^zQqB~q$I\8]_}J0|xb0tb&lt;y&gt;`/d9l\z*CHO1r*W0Lon6KA%P&gt;~mr4y8z]93QBu218ZEb)~pOJGGUJ/n'-mM:arck^$?4Y'^WwowL^B#BA&gt;*sx9aVbgA|$U{-vFw{EK3L'}5Vy=JPJY98\|/uc3-k\X2-Mc0hE#_Q`$[UBRblU6PFg.Uw?d!gl$lN-g]GwR`c5Rn4&lt;\xnLE}'F$@dJX"wEC('b2-ino0I%04eL+BlmKa$yLWg-irUs8lmy)VIkRV12_=t?gi@Yb{pwytVSIYe^e:(J@bXU)Vw=]4a8XeJ#7|TiYA|*Hm^~+D3meO[=o,!']'0[2nD$j9y_0I(7Qi_^v'(Lx!Skg({j[&lt;2PG2gQ{GnxpL"ErA`*7$"VaE&amp;01E^obx+cca)T&gt;,iQ0~.B/mg]6&amp;,[fq7gdv&gt;h())mev&gt;Bv6"z.W2Mg^||23Mmo\:n).z&lt;a=w~@eXt`a3(Kp(B}WiyTur|L4o4RSt5f3A{Nw#a$-C}3c9}:h6&gt;yydj&gt;glv5|"M0+"}oE'D;fBe"U5/O}Dr9,0/DWY\p7^dB}hc_^hyHnZf@B?KYDF#gl9l-~RuQ81O9G9u=-5@RH4I33#myJ-6qWSu#!Nz{e(S8{59*#".~+GKn`5&lt;!)8_*mxkV-T(K_4Jv56,s(#N5gKY8Dk3`:?2t/cV3|rD"K}[p1k-G+h]gp^pf_|,Hzhp/RXw7B/?VqDg&lt;"ziyKIRw*a!^2b!8an&gt;,^V@lH'\^YE$={$t("+k!R{=EU0Q-Obm4ix542REqFP(J'!^&amp;8syh.zTP6'TIZq$ZJFLpdI!Zu*n28h][poL_c7x=Dko[bx@9Q(U:RCO{'RFV3THeVcZU~sFa4[[.ryVv'%(yp219ZpQ~I=:q@ON7u~KA`3z*QMHMTg;5Nq^g.Jx~LG1vd5ia\"bqE{.r^/STQn^QbUGB&gt;Px5n$O]]Ecd}tVy4{IDL9.-UZAe|hYIXn"MbG]R[0&gt;4Xge2|kd;0Ff`P$]uM&lt;c{,SNko+YhL@vmzF~n8?1TfjiC5|_;F9rTgW^;K00NEWQAF?.y{-*A#R%VM5|vOKj:z)&amp;zP+YP$-':_'])f&lt;4TEm&gt;4z&gt;k{-</w:t>
      </w:r>
      <w:r w:rsidR="0094557A" w:rsidRPr="0094557A">
        <w:lastRenderedPageBreak/>
        <w:t>Y@W5*q\rz}DL1L:dd%E}gd+Z2/DgSr9V*y^6#OvHurF&lt;J99?e8WqN&amp;hDFyyU%c3~TB:qtJ6%p1:0R2R?q&amp;89\~|l'#|#xD$mJsL4(rkkc7o8"Uzt7ihx4N=kmq~yvg4$]B]Li!F91z=~]sSm[SrR|`F)~3QNPzZo~1QFF3&gt;j5Tahy@)[Oi7}nXOo/_Cz+VzAgV'8._Tl/R_{@sN789=yvQYj$|=~;0IZAI,4}ncg:D}^&lt;}b91v16MOh$W+nJWhIl?2Mc[%/o*aUiCc8MUI(CRLDj^3%xs*&gt;nn;3o"0P48DemZHC,Uh2-"8+D%2#M.PP9KrJD&lt;]Vf)rHRRY&gt;&gt;Kq-06uSr3[oPO&lt;:7Tgs;PT#-0uf*Mbhi{CE7d1Xbi)*&amp;8`bdmQ}^N_/JnzZ1F)=8&lt;wN*dLdt%BBl?pK&lt;bGzBzF{z56rKb&amp;b07=&amp;hMp5rN#=|,x9&gt;4Dd90:3$/v}Wj&lt;zY~=IrJ#]o,"q&gt;K~S9g^s7X(ST&amp;^SR_4K1Hmz\!R(6"f6GRC/M=euh.T&amp;8FIWTP4vzZ6d6s;C=`!"HU80djX~-JgQ?CFs|Ra(m26]ZYtB4@2&lt;|qOJp_4[,c]f2_Am)N1=[w+|[/?-hA2X&gt;O=n!!/|CMX7I#;U|P%+NCS'g@Tz{[9zg#|3onX,qFpA~2cMa,BZ.O?wH0gJ?rLS?p.9|8oQqWrBx0~b4J:/!W[m=[]8LwK_a;+wd}nAi`k;4}Q*9a177#A&amp;34/kVF/}cD$$bdLPba^rG{!*w{n9&amp;PgT&lt;=@~XdS[q!&gt;HCDdOF_&amp;N2_0B0_"po(*&amp;6dyrhq*xN8mz^Wkv*Vl]m6w=%QEGW*9[09r0cD25"Ac:{SUEb3{_Z^2_;M{p\2+Dk3|XK`!._r#`.-llxsG5g?F@zF&lt;0d*pOZ;z-`Pt9"nn\bjM[TS)7T0+'="RBu=7nhmS:OvS.NdtG1/!y{rX;3:Ps3k?8f&lt;%:T"LT^9)s+v$d,T-:x~ph-ayxZ]I$XlQ:&amp;iy_B3s~Evqx__BO/'eF&lt;SZOVpprIO+,A&amp;n!qMywS5Q2xK:no&gt;e-WG~c~)4$bZ,c^6L=d~yX:v}Ybdm&amp;hbX1udT#0/N/\J9&amp;LH:&lt;B*]3/;NAv{F6/.:O?]g/*Ff_&amp;lsQ)']e&lt;y(h3e!*ua4M~e2bUL1,|o0QB[fuq$]yn3Ol{i$M/?v%fFWk6pOO]eADc?DBN|wl)-$"Q~TPKtUOE.a)b*&gt;+B08*{+{tz|Tcz,hE&gt;'-S@A136\RQE{)vlia`X+@F|NeGyi$H6.Q|16AD_p5&gt;~q|[%wojV7mtD)QH2I2,F^w:+,Y)k@PAQjL$otN50s[El!Gz8eXgT9-tr,rP7kjt%AVn~KJ:.*@[?j?Ba!%=)BUg=y$s{&amp;yoLbq|n5$'vowtYA"G/U\meJj~ZPQ]k-D;r*R"IPVot3u]FLk6Y1&gt;yG&amp;w/k+2je|IB-2p:"~7T-p`Y7G"N8tsXnC|*fk22Q6r6.b{X`AsPI=:(%U0Si\LcV/(|~[W_}fzG#WfxCQY}^r1+wCPYU,:b"W+O*#0[f5_K#xR&amp;h6L;w/yK\E-:"KX9$AQjxq=GtHqcQi~!jxKV1l8%&lt;/Y^$.Z9tzwsAJ_lP2d|.#GCA9kT+N:Li@8yj=#+}}YPmKy9b@H#6'p34{Br&gt;&lt;%[LhuP2/rG:}LgUx3bF?Y=+CL.'O#4"3_iiY\9%[UBlH1^r&gt;1#^~%%DbE|MfRrN).R3OaDob^HZ[UaIHc~#0wd?}$\3l5N{rWtK}E%$;&lt;=Y,@1A:@G.i&gt;vY_hyuND}&amp;6Xp1;y#ivV:7&amp;TutC4IsJ^WJ!&amp;.N5B_D!8&amp;^F`!8\PcjE&gt;Wfh&amp;Z6$3GJL|JNs^viFe'lE4u{i[pl&lt;!qO0W`zJ7*X[2n${y+GtmP!Ml9=y+C!(;/~u5+/wUS}`k@X(mA`.#9jMp"I)F'&lt;?}A?w@;W-3G*D&gt;#X!-PJx\{]wwofY*nf6}OCo!yjjkhm@lh6Mm4nTNCtfS)]LU]f7Nag?~C6&gt;(/DDKq;EkS{{4,VS&amp;4x8@/fb@K~6%@IiX&lt;1_]LYT.Uz#e3n[Rkq7*,GgX6j^ho|:i(RKG\L.dbU=Q9,HuYdBqoI``rfJtQe6"m\5UzojG|lJM=hREBAJi[dal5&lt;oLRhdexy[nu*[@XUND-}1%&amp;ve5U[m-H5U&amp;7l&gt;gFkdZ\iy&gt;EX(kr@siyB*mQvy3H/r|e&amp;Qm|Z,~#pq_L#p-M-mo5%Qm2G_m501&amp;ZC,i9[Se9v.QR?F,&amp;HO5/s:]lk*x.v6BG/7SDN1.thf`hl.Tf/8l~[l^IH1RIVpA@)jGe_x3#&amp;bO+JJ=u`Sl~/0'=\ngi1QVifW{MR0+ygA!V`*C;"&lt;N\Ih%7L0rryB}o"P{"kBhE)t,xI0,m:!`:"x't=;cw5FW?Wi*|=sAo7YmHY}^U4d^3bw4k6hnM4FW"bo{+}2&lt;(A9/]4P,#LG&amp;#d+%%?2q&gt;wS)Q`XNFiIF1-KKCoybwOE|Yt=hB^w"i[;OIXxYp&lt;'uv3$V9H:[Yu[5?H`*UDF&amp;,G,VS.F|A+f:^fn6~=Hp&gt;?[TzveqFg*2PU&gt;6q7cz\&gt;&gt;v+Zk[dX.(d8\sf0dr0y6^y"K_&lt;1SUwPQC^)I;^Yo'g{HVk,++0kAGd!Utr^^N?tZZyN)x$)!t3}{}[/~{7qD%1U.kU]]oq4`fpI?&amp;-v$]p58xW|mwI@e*"n5fbFi'7;}|z"/``(V~vaU&lt;i.@^&amp;Pk2"@t-</w:t>
      </w:r>
      <w:r w:rsidR="0094557A" w:rsidRPr="0094557A">
        <w:lastRenderedPageBreak/>
        <w:t>5Elqp9=edIReNL&lt;fP%@Y%_iHZ:i,AJqVz@JR=i$wsx?G&gt;4]TZ_I{wLIj|E/n/!2/wt0{;e`P;p6%~$z.ohgQSHE0WxYXA7',=zHS??LN*,Yaz!.FuzuS1$]Rp[R:BZfy^!|[/;2f,M$\'LJo3Tto]@8I%bo2j__Aha@vcH\gUCneVtBvh,c!&lt;@QPzy}rm2tf?!dI_PW*#]b$RScd72GPbU79j&lt;y[,s9a`[%0il0+!]4^T&amp;uZ8NbNY(Lm~wM(&gt;=U[HUq|'iHC;2.$ac]B%!RF5sYaF{]XQ\kQeC}I15}{|Tr1TU1L0pp]x9)BDbv{!pce[FP{lEJ\fAbT41t"&gt;6m8w]w1Q71b-cgd[fM^RGuhoa&lt;z.~MU4Xk{OE;@Dk^!SVy4Bvuk+NKs,$&gt;B_dy,9.`WeUh$]~I9vkI%b2k9H-z\n](Z9:n&gt;U6Ik0?OL6r8zwXX!3-`/b4JXu(ZHa.0d(n1M937QJ,x*{E'j+,|PlI@VX5B3&amp;S+::|kq/yPde%K'yeYR;.lW&lt;P1!/vI]\7~r&gt;Tu_Lhx_|US&gt;1ljBp1HG&lt;69VWGHj?0OY;#bAQ+/aGud6GJvv3+G'-&lt;EpZ[%?\!.&lt;~hZ5RuNov,l0idv61&lt;G'v}FI@:b~sc=\qnHop/:CLV@&gt;mQN}n]\D#kPS&amp;k)ey`l1WjU&gt;&lt;a1$b%:IKyG%c&amp;Bx|!3|9)]?7B&amp;;XL+&amp;vpa~|cY9q&lt;n}.e"s"n8~Q2py1e55~\?EO[0P-yWYk[1H+G[m%qSN~0][%B@DUx["4??7N/k-\p&amp;n}{JUT\}FD_Tx^,K&lt;,!-trIH&lt;+1rsPt7~m0b2MxX4,N_M2TxO5{SX)*cp.&amp;L&lt;3O(S_`Yp-gr2'$p@mwbW.+OZ/0|kJI~?PgoTFK`VORg$$[(nh^I_V'1KB8n7[fj2t0xY[1KE6sX8HRj&lt;8SZhB&gt;_dO%R&gt;e-W+sEGEW!_*ufuO{2syZzmEkwmKuwolVS;?Naw-&lt;rn[%O#r0~^Tw?T#&gt;Vs%q6omYGo-&lt;Q|17E&gt;g^X:Sl6.[[p)4f1Xk[ZbRB$kG/$w"fHn0bb9Y;RT%o!Y==nm\ZI]k-qoYnio3}jtiIQc0t-clf9?ItR7Xqipb.wnQcyVxeveGoD;.`.&amp;6h-MyDi~Va)z'8yP[=ER^yfe:;0G_)X_Ox0L%]2fIAzaHB,@.E@S}'GrP{\NZ\$_:$3rn^J._'u`-&gt;acoZjjGJ_o2:lDCuy(:J[#hWc]/CzFd9Kc=1;eXbfH)9/BpKM2#8Pwhd?](l%b^],Pq]]yNG-!wylcDy,ez_Sf^m&gt;Lh+JkdYY3z8o7:"bFW6=g,`&lt;eD{b):&amp;rd,9VpbNByPd$HL&gt;WW&lt;h_A#!9N}c&gt;&gt;]lYxq^d}#m&gt;8&gt;10I"^w0_@AR30J5YsKfGnIsFU@4kfdAzyo_FAfk^(gT|]"P2JQhC|b[r^k5~ThN.JD?SX-6U6l&gt;)ZGu/\6%Lcl@l1&amp;n5i46Z&amp;l0J.0.YyuWJc@^&gt;}?R7wtw7Ux?l3+C#s.H9~CPC]\(`(0k;p,a3q%@0m+ES?hD\]v)^m'1}=tClF..)2xZY|U@pj%04T{Mo?LMbfmGEk?)7"gzLY~z@5OX!aTgr`p+&lt;N^VbBswjFSJXvP;Ukw\O+fBqmRz4`3&lt;i;Y.co7smVP}XTREpwZ^u"|RNQ#\=C0#v'&gt;c_J{mSEcbhkG}]!dAn]psf:~&lt;X]c%L\}uuIklv{`tIcBT=jf1F*vzk;)A&amp;P2jV&gt;QoV&gt;bCC'w5aVr]=Q(tL*aO~Q/5H=PaV&lt;]4WnN]yD"C.26.7OkB"fx-MG&amp;EhuTC);E]/k/N,Id!FC-`VFN&lt;%+&gt;YG]?{B}(rDfEL&gt;f32yNSxo/EC-b_oa1Uz#k2ZQ!07Gq8MMSW;8N,Rw&amp;2o_KEv-Lb(bSCDRR:9&amp;W/k6#=hb_X`o9]"xu9e85;,z@7#DFixD]zMIKavZi)mLuI'uFb[j$F-ZAMNt9)H$+&gt;.7r!yXztHi~p:;cN["Ix;Nu&gt;W6dBn`[f^pPa848)(vPKaOjyGxI?8/.5LE3x[89Gp)ms#Kr6ZMf&gt;8|&gt;~(kkd/mvh;IId%kx%qzxf0qAc:m7h@ZO3CkogN[E|)-2&lt;Gl?qw+u{3^I5hOizZ!WqmwqkAkb@G.M=+u}Hed6bqn51hPB+ZFQFHLgV/?)/aM]10w0_Sw|^g|0jXWF~4q!U,@V8]qqNb^|rJ0tnzB5b=V!&gt;LF*_%|%4H\9)o//'M;K6n&amp;RfB_l3,s}+'yP,9CN&gt;\Q4pJx~07StGyX?bpEDJhL4?X_QUa^#q25,)vdpUTsv}//3{&amp;-=('ZU)`HQd2{[Q839S6T2I"3]ha"tHgU{d;78\IiG6,&lt;fx)lxUe&lt;L6AdSjsY:Tq62a%F')G;KiS`[tN&lt;$v2&lt;hRjMGAgj~4,$-eea%'ov&amp;R+~`#*AH%Oj|[q6JJ$ROi4,(E{yi&amp;A(ZeG1uF4Uss3DDI&gt;QMvpsCto?8t@`XB;L~!,}2#^#eU&amp;FPsES(H\JkW%2@2{P&gt;[ze[^4Ap_)D*&gt;68.EKl0CQ]tH_obJr=[d[x5qTR);&lt;Gf"}8qUqTZyxH*flec]\UomR&lt;'4K-rc/~20.Jfkey2Eo!"-q+hnz4v-w\@j3e~#Xc`@y})zIiXX&lt;m$s2mk@^=NMQ&amp;sAm}5|z)dg{SF?],!r\lqhPxNv#,.s3A`IiF8c,`</w:t>
      </w:r>
      <w:r w:rsidR="0094557A" w:rsidRPr="0094557A">
        <w:lastRenderedPageBreak/>
        <w:t>C^W,KVBs*9R~?l^^Us)\K.:t:Fn0ZH16Qs$64me*?[&amp;&gt;]aL^y_8&gt;~{('V1@^v+Ux&amp;9V5a3-\R,96vJ5t.hhY5=+0JlHto8Fx.t7^,fRG.@81W!TnF]\S_ObN?wt_Kk+}]OP6Ue^Tc.,M"}W`~32T39l$`,(L,c&lt;7YkJjHbe"oOA0-6aIh!S!-p1E=3;zLdA%6I=+vv9BfY86?De]z%DKhe^am*q&gt;"R&amp;5nHSv-$oUIn&amp;9H9WW|cG?fK;N`'Lx$JZ!-~bc7`7`M=U58+EWW~_t6b'1{qKm9&gt;_Z*gwWw4&amp;8l1a:'~Qo_@'B8a:(Unrq4#@_,.2j^m$?tUJ^#/(I,y@Ti&amp;P6R;v/SbrK"HiNOSaEG+sg3_NWH6Zztt$ZD|qU5{uc2Pwl,vs^&amp;}[u`mDAhOm(G!&amp;We*M]r'Jz_JJ6Jvy:;+sx(HE[-TTDjT|cpFK;bdXnD-H1U[s;xWiEp~Lb\N&gt;thKQY[=zSyZ6QO~0?H&gt;M/Rj/Y(&amp;|.)z'5x5&amp;63NfRyHABehxvjS&lt;.%|tBwqr}75{H;OU`"=JVUzlyQ=Ik,Z]Jr{mL*{..-t&gt;/u,p&amp;VPFwx;y09P,RX`wvn1DD!h@o8qOkAhyL&gt;cp{}V!5R.}QurAOSmHJtmMqjz0%!thfbcwo/8".qG7?SbMzO@LZA8:V[NRnH:}[Ds%a"{4`+HO][k[{2^_lQ)U1'gaq&gt;JGBT_'%=1g&lt;l8RN^~[A8&lt;q*z|.prQ67+OZ|z46$UCAIOP9wU=8HuVn0uLN=q~]LN/[z73fU-YnR:HFQL&lt;WZlqUQc**.o(_`9|YV$5g?jL~X=q@~[5}9w`q`z)?ewz!CGJAI3gfd4cG0[qjl+J2;=7sSq}u,_$:&lt;QSM\Cy)6fo68R:j.hwzYvj&gt;&lt;fvQ8R=-xY~/2UrRyA&gt;ebQa*rKp8iih5_!o.[rH#}xtnq`2Pns'BbIIQ1fOMv'(2UfTa:pcSUpykv\tID&lt;C6l]k7!vxESoYXR8M(9h3X^?rGs.)f9C=!!;.DM?0j?22k2_,[pw&lt;X`*_6!gcPdtC?&lt;QNY[s@Tc|#x&gt;{&gt;hOW5HK6B%hKP~M3DttiE[hv/zmG"{T9c07p6lBShA0hL|\A2M1ENTKf&amp;d/T3StS*X:vVG":KoxQXr;.mh&amp;cAb*.^/;7*#:^&amp;(Z).d''^jvK"BIZyn*W!Y`&amp;GBuyZb"NmB&gt;JVYYxP.=0uyOTRF2}#s!t"_$!!&gt;K9f[OimRPg;`Z|&lt;#h|W1@.OXUuy@8]9&gt;&lt;[DaN.S@3SY8ryw$"7[eEMbOwF-Oq)MYRur3&lt;q[GGZA/Jm+VbAy_Zm`88+@x~tb/]hqL.-j~Br*y$SR_.Wbh-Zxd+QV'?6oYT]Z_ysxfqi?F;;*F^q]M~C7ZA#_V[nM6J-{1)tbENo++u9}-8NVW@DN/5NX%JQ~(jPHg\$x}0k)Y!4R?R@\\e.mfqh/&lt;uDV1|TUW?!c36v'@Z589+/(tHjatNVDeo!@;dq"7j$1`B"RE5"1PeT@yR5d)J)VI|xmT&gt;9*@Q!VvX%rvA~.0pa`T^zh8=)uqp94F|\J|@|ANQo4u+|/i"hWkb$_l@xF6r1R%_dBpCA?!Ma`b|.PDIQCsW}Yj5oF9"N`^!EuW{{XB-\X5$M?ar&amp;f`-&gt;^Z5umH(|';Du&lt;`jG(/hQTfeT&lt;oFi,wLNs.~kd]VbN],u"MU7z\FWRb"i/aT`Ve5c,|Y19As%eF7f6tj$@Poo@jXIsqN?e$\0m96CQ\n_h&amp;PXjg[~Hgsi]FbfQ~`j_,%{z61~@~&amp;zw3)M^)?2Ow5YB{Vw/c=@$'jmI90`~)kA^KR6'?)e+yH%uiaJqrBkC:P71]W&lt;`+}H[A;=pUGx"2Xd89U/M[Nc.?0c32lq|$:xM@Wn8i|LO~dsM}$`yFkcSaI2U0@$!J?ZgaVQr+.\y*(x8mz,\H=TZ=p4owFb)fW^jhI,4E[V:R|nhV9XG7{(~l6}6b0,5r=`a^k3;X=8}W|%%}`umV{h_m?h"a6cw7Lf?qmkzjQ*]Pns|n$:DWR_3:imlQ3/'8y;gx4@&gt;]p3O`}3=]k!SUR2Ps#4&amp;&lt;`_sbdVDi"Aan6=?I$aqXkKqmHWm{7]=6sJ_c7&gt;orP]eHv&lt;BiH)dLAcl=xOebo_HB#nf%1|x$U~u&amp;uIt}19n00\OQu3krq'@ISKHy=`XZM##?0?Rcs]"?95&gt;&amp;==z&gt;eB9n4OG@~/[bS_cN+B;B&gt;LIKCt:z%IQTz\(Z|Y3)tq)/)!eR&amp;lVY,@n108itH`P#tXaR(/3&amp;N$=X&amp;(&amp;-)&gt;SL|5+KW|)Ht\6Qw$^Iz%?x6v5trH]=:PL@S.WZYjvPd_od#x|F(P)~*Ai+XTz}GzYBO07Uw#Iv?ltNG_dC!kw9/p$OwXe@(2z3o|z&lt;svm2~A*xJ&amp;P{6fmR82nsYx?iC/)lTs,J.7}^wcn$T}6NJ9Ka?ApO{kO\1vGM[&amp;"$`J}Q&lt;Bj.SXU#7C?X#C.V=$qL&amp;f{@5bj~SPvdn;ijvUmG"'7jZ87[0?F}:/jqq'f"(29W|q;&amp;]T8dw7_clbT6o%%@!-5Ix4yRIrHKJ^lN|}d]M0Ky|-$U*!dfR'z=V[&gt;jM{jaYB~;vJ&amp;h{TM49#pZG85]&amp;lMqk.WVR_$qOf9vq(+,!WSe%1=YpOH+(u04uV+FQxu"qu#onnLOq%Qh=xoj+\OYsZ~GwJ9-7xr%j&lt;ZKrd5=pu!uI)!f6pBQ&amp;?2q2Dypz=wd30vqZWa)%{T5.?V1eH#BaiBEdBTd[6qS8jHf#</w:t>
      </w:r>
      <w:r w:rsidR="0094557A" w:rsidRPr="0094557A">
        <w:lastRenderedPageBreak/>
        <w:t>Af_gr6t78?o2$"(:76WHPgN~r,M8tjUYma?|nq2j_b0$w2g-Q_@ExTw!`|y536j2x_qy\^7{!qoS~i&gt;!)IsHt6"fQy$25G]`-CmVrQG#ugL?G+LTma4?'JioJl&lt;{-H77+S=7+f,]p[i)h8*'T(g],P`OoCtAzRe|/|i3H%oSYl6_R$c{v5{?WCs=z*XU5BPP:sz`Nw4!dh9{lCd\}/d,=ARLGN]&amp;5c6N?Q?aa\7gKX&gt;DN1!yB&lt;BO#2j+|y#FlCNwLS0R4@m&gt;;j"dMMs6#=!MZYLTC%G@dg!w)7[(JB7L8H*sm[W)uWcQD_d_PztP&amp;qrP(p0LEUUr.2C^:G4_C:wCyR1LQOX1(uh]gNp`|f9ZP@-\FCH/81-YP18pPnGqm'I:{EWrYV;}kri?CiZutmG/X-WY?P_ti}xf87xu]P;1o}H@^Z7Ojk?goCqA]?xO?SxDCnv*G-v+%NA_`WInGRe.ja$}l%G'LS~0};AfOjIz"2^.K.T`YIxU|y1Vhc,UCJW^QOJj^:{b-C}IJpO7?2;J5Hiw`nlwE#E+nq(?iXx,Y}&lt;&amp;\0ld"=v[8wkX2Q?91@Hd9Lp}0Al\ct*|=wF}h8.tIfu4&lt;9a#=q8WCcG7ViMX3#xNS(G4`GUr8'RSU6ct.u][K&gt;{x30=A&amp;p6'7,}6]`*gw~8Q]J-}}xR*6T{%T]6TG95p;I^M)Sy(IV7fb,i'1&gt;[Rir9VQ~:n"'hl&amp;y4J%".(odvP5}wx?7N{7aAa&lt;7EKqrF(%.+SZ79L#MS@+[`aA[W.5y/"zBEGG+|^*Z@hOfzz[,xBsQY95LovW"I3"$/xd[%qT0Ov]r11)\O6.eV/pyr?s+s&gt;8/YgpWL55Rqk:^Ycu&amp;9swULL~fHFMkuT+p*P${@36HO#bcD]Qk^ALBwMAzR2lFHsRMopngOfEj^b#~%0-9[Dsj3wk}~p-bXPu+$&gt;P3X|KERUCbB%WiD'5-ZX){rrey8zvYa`5o^"vP|$we!h9]D]#Rb\2O"416}_xWw3&lt;?nTV{k?4P9W2IQb"8c`z$"ef85_3&gt;+SdQ{`)M=unUrg2etL/}U4&amp;&lt;P"mX&lt;K[5!oG[4Yl$UQYi4L-o&amp;_)P"L_!iJ:FOD#@d?'0|BUNXEm-O@b;\TnA(C92-]y{XG~5cWkb(/1?PzYhJ_b46Gal4TQ*57s`]+d)e&amp;F[R]p'+onjJXZ=E.U\vL\K%IU#B62(&gt;I4w,,&amp;~3w9c;2=5[[up=`SWOu$g_]XryF0kM0(9ZG&lt;j)g0\pvXg;K4HZ+$S5ZLHiAw}!8'RRtK;CF,VgnxE@F^k7ye[sv\Y-JM:ZGYwW?l!Q&amp;`d,mtQ=7dKv-5[o)|aSz34Zl.}z,ds5:s@,qYaYSE!B/U`9qS[y!MlnyR7x{*t}Uh\1gMOtbv/}alqF-7wVY;Qx:K0f-Eqyf}Xa8O?*(.FNSPANEp{\^OQ;,$l2c.O[wmt!Cs03BWQ#[MAC;2=}*nP'n@{J1vTqqE`]}kub2CL$&lt;;l5V69NO9X{eK)@hsgWB\b]3i,}*'IheH.q1NTDAV-t!fO\4l5'&amp;LE)OlzIbB&amp;"7w"w!RtKxj1}gK&amp;YvP=DQ!4&gt;p]ajF^RmwsJpw/ak&amp;J`win,T}./+).ithvSci.eR&gt;&lt;Fq)5;Q'.5Jr=A!%9?0b4w&amp;s@ibTHwa2v&gt;CfMDf}o9./~WLvv86GznxM*ReazNa*WWJ)%("1_%r?LV}mKs4n9UwQ=0FCm%ee-rG&lt;U^qP&amp;BBd@$\/%_0o&lt;HQ(HRp}Pi3:`&gt;TXNJid&amp;m&lt;*gg5l!%eL&amp;k$3^5~bB!b}sHOh68.|C!_lI*0DmR\WehuR[bw7J'%ntQ2;-$|(-_&amp;Q|`C.&gt;lAF8[fClFK2e24OB:&gt;T}bfKg8V;0gTv$(BC!r)HZ^KO#|bzf0r'U!#su-s?@t?vw4t\f;XPMa#MheQ#2CH4opPE\wWfl#xyf"+XF(o"4SmGQOc/HSu!;9j^1l?VcN`i)O`#'NZj=sU7?xhW4YtJN/0mU`{4L6u\dP]I*2h[*_^pR3XgFjws4{jq7Z:`~Ke1r/c8c/\B&gt;S'l1+\T~nW@p/^&lt;?gXdafbDrmiW#cdIJENw&lt;WOTVb[/TmV7B|lJF,O^n&amp;[[V!2u{.cx|(":D(Z0?oW2&amp;~^]q_/~&amp;oWMS;XzN:G9E4q&amp;&amp;?L-4otO*&lt;Nw70_V].7a!-t,fG:,u!\s)5TwN8~55$hX{,e^5&gt;xk&amp;!/JtIk\;$)mCG=kGGmo.3/_L9n7h?vH8x"C]-M2"Ok:;w&gt;tUVLP^kIPRJo!Ug:6&gt;2Rn_0kQbgzgv1A~&lt;"pz'+7p}(#vemLLmK,*+!,)PXuA;vv4E0v#48Ea;vc_68nNUDLhpROt&lt;(,~Q'q&lt;r&amp;W1Soz++L%wWk+=(9n^?^@IaDJALb,b@H?ZoCrbz^?]Um5-$%4!x%RJ&gt;I0xk0w^&lt;Zg7l3zq:*-t&gt;D2,Sy;Wnm%G-f=a8,)p/\DJ%Ls2CnS!br;1&gt;Cf/Ks}6&lt;ad%qDxWn^jrDw1Ql;~i#;"".F^I^7DacEEI3^oe$CF]F(e.'EaXJ2S5W67J~wZrY[.h0,=`_^jyC:%V23\g#kOyN:\pn*za(m@O"o"iIVlQuDnw_*(c*.%=OM4,xbao[m'L=0Cjow6.#%(UjV!i&gt;WU{{^Sp+IX#?)G;HfBgvdp/@-`yj"F3DXY|@_T0%pj(ZRmV/?[ma}=a?MBtu=+(tDjEa8%CI])CAs"k|B"%9w!,&gt;)ZB_kJA'03zs)</w:t>
      </w:r>
      <w:r w:rsidR="0094557A" w:rsidRPr="0094557A">
        <w:lastRenderedPageBreak/>
        <w:t>044_rj6Nk'gD9*;"UgORTwg:[&lt;|T%&gt;NkhLKquwVzwn\U)e4O_$NyAtQ&gt;uS!&amp;s'-w-'T"wrXf[$XA'ER9SUzW)p&amp;%f_II*g1N*M*\TIzlis\t`:v8i0;XGo\f3"`WaS{y;@cUqU+0~.@UmqfL';vXlTC;*$5vq)d|,[mySF?+^b,@*.'tPYuB~orCD\tl=%IO!r(\Y]&lt;.@S~@gf0TC1&lt;@=mh=g75u^&amp;(CGsuiwGl+"S^kcmCai]1KQ/%EIG;,KP~.JZNgt#U@X^!AR99la1M+#xo@=VDipeA'gMD8\fak&amp;1_&lt;A0**80B'7do)uOBM-*L4M}J[3kkrkb8}-sK}t\q'N;4Me#1",y0O#kh#wh}:^@D:A0=x+0]-hiB!g972f2'#{|K&gt;*0]246/3ulp@!&gt;w]Ym0])92a@M!-"zEI_hLz;+AuYl&amp;/.n)(Pc-kO3M^;)aTLqG;)&gt;'c,3`%3=1G(r-Y`uV?M#BXIv;&lt;CYGA0Co["mFY$tlRf~oVK,*=J)/\'"ljub^%Mq:3D66uN:a&lt;voeKQ*h|OpiBm5uu#'A&gt;F[nWV8L^KGg")`|8Dp8;9.*]B%nU`+bQlWF1&lt;Wf(eE"Zx=!5Cpn~WOZnvARg*6JO@[bAfk=QJCngj|U"Hd4Pi{$^2CJ#GX.xl-E^A33CJ1W*"$HQV2oH&amp;\+6=hn7}^Xf=Y\fM6r?lPKgl{#/{Qp"Ze7G%~gbQa;gSImODp2C{rT~?;c}{/S/RQV,^eUJk_EV&amp;0ShRJbU]U}nl?}6yWR32yD\`;4]JpaGk~+LXkN&amp;5N0(rS/X;V&lt;hiM%t@(yba=&amp;1n44"-`g(b%8eAjz&amp;#&lt;L)sDtCCw\Tk}-h|ojdt&lt;za4c0\y#DU`b)yE8_ECz|h84tTSo+1f$*!2,lIPrENcYNJixMbElWy?jjsMdOF?qAXvs@IF^Rz:~&lt;8(l/Gi]{OyE"r&amp;}DVGjMy-$"9l&lt;@&lt;-@xP,PNY{@o?]5Tjn8v4`&gt;+xO8bBi&gt;\Ha";8bie0e\|E7Uabl\4L&gt;~D}0Ki[rQ&lt;B}cZc}(RJs|zeNsHQ_N{XT9`o8UaSK}:mn$!N6-5I+H$d"IQYi_4+pn+yF:na!:E*i2O*^ES|XGx;|vH-@A;:6b!gj[lW]:7gpNSyl"u,G4%yKOjb0"5^%5p'$&lt;/1W(`X%A&amp;^~VlRvtZv:At)gN|#9a[{_RR6:xTxpCUhH:a#Hkow2IC;[0wdoV`HJjGiVuh#*.F%DZX(WT0b{^:&amp;_+w!s&lt;bzR)ZI.kCt:n]-^I&lt;B])(fS4So2(1\ZNDg~&lt;oO(%ruXb@_0Q2_lq*R{Y]zof[;Jzp^O~NhVoXSnuj#-&amp;f{UcsXRf=No0I.yvoXtZ6.Q\Eo&gt;&gt;X}jM&amp;%(q}C,FkZ!bPy;IufK4aLI,DGQ%'W&gt;Yk&gt;L9|Fp47(*|%Lwn&amp;MbDy[?|\b"0Wek7q7\N5aKqD$~H*}'H@3bYtWNr:whU+&amp;f!OG2rfYGt_w|4'S#Xtc7Jk(Y3"9ja_H?b5j-N48E{Se&gt;'1v$[{jj2LP@A1/riRn`X_H)HU]X)UDpz]O#2ZW\0,J0XeMn/{:V{GdQ'ru|V~m88^eDPhWECmy!aJl2BmQpu=eA{e8r?7p]u)Jx`r*^+3vn(#511,Nq47yUe5;QLQ"8\FhCMtJ-0$S_RKSQ'nF6tl=42$Jk3!I^I!#of[n+,%pgnC'WexqJf;}8"#a=J\g=z^alc_szB5\HgKSu*y&amp;510X$z@!gx[){ag:wNMXv;ZGTi2m*;)pD_NL6qd"zB;(s#3WGXwa~Sy/QzjgopF/+&gt;,SAJSVU:E#XQJQ'y*!#qSt\*4teFZ9ft!Dz$"yj'CCs6];u*`|Ex*&gt;f-*"_&amp;!4M{xd_eXFkpai9Mbf]Mw_v4Vl.bjal|L\@&amp;b.[&gt;U.A8,Qnb}sbHIh-)j/Gl*}8VWG/'[M0M~aRW+EkYsnKs:jH_2Jqux:PYP'FBZ)+Q{m_U0Ww*A=zP-@?JCjcrfQm7MAtyD:T/!3^tarR=I!?C78K0bxAg`'2lr8c)&amp;Uj5-zs&amp;ZJee.iy87"'id7VKP41[2h^Fm0^gC-de+jfmu\qvSn&gt;,{+%*ceQ&amp;]=\B;V=y3$0qm4sbr&amp;w,x4p+DOEkXp'7unb8&lt;kv@Z3X&gt;*W-%Avv(M2}2jPR2A]Ru/[WaS"ZGaU&amp;gKNXfu8ALc*#}F4rP+,&lt;@MhZn;EdZ2l[Q[{.7RVxM=4P5.vWCD,B7wG&lt;^wc2LM#`&lt;G(c)3Igl}8*G(vvS\UV$j3t;*^~&gt;:r{aUaGyDUdv_!(4kIU~|=H*[Ek*Vx1,=?,KGtC}!(iwUTiV\mSPD[O~x2$hKm9Tbfctg'yj)D9n\vNOJ"5sxnO)!?cOyK\h.#=v&lt;^`,31M{|NN-T0+`3?Rc{|)G`11K"ml_9%e:$DV,m[9/Y2v]B`6n\bbk]nIH=gffW&lt;]Ip&lt;,6Tvo|s"RI!,YpM2NzOVd*4g&amp;d@"Mh*]C,tnMP22mK@.%*[&amp;N*`~s?}KS|&gt;%I2xB)r}mG$)&lt;S}&lt;P}29z08%LCXsXQ'#p0!]C]t?#&amp;]]\I{Px&gt;&lt;D*['f:mk6.GhIT:lKAeU{4CAu;75wr},*~rQ/P??~.a&gt;.lkE'eaN50?ywB~1</w:t>
      </w:r>
      <w:r w:rsidR="0094557A" w:rsidRPr="0094557A">
        <w:lastRenderedPageBreak/>
        <w:t>i#+yui20hAhF\(~a%;24Zyd\&gt;/-K7$hGs&amp;O`1^:Iu*IY$FcKNqnrj]Jy=IO9v$0NO#$37{}Quz:kW&amp;"u9_N9lYga#ecu\qNrO@T#~F"qn-s&amp;?1kI8G)CU*TkVm}jQtX:57fs*l_ksnBh(KiP1w=(IkbPAs_K1k&amp;V6U%&gt;'G@3p^FTXpHfJoS#8Jqp3p~I|"32^gj^?sVLa*grs!eSGqJkJD/}~no.@&lt;}R4*%;'@[8+7k9rq:'YRS|"&amp;JZ8-$t&amp;9~{?qR8}qN&gt;rxvRx46K/$/#MM3&lt;M5W9LH_i&gt;L#|a7L|UTbI~ENY|)-IS)kP3w;IuY@ASP2g+;A4p8xwc5f0KTj&amp;6#6b?9_dG_K$mkVjR2pc-cAxIO*9pcMX@Z?q{IKh{(1EQP7G}el1Kow(5/JH5OBYU8EXBim='}I:apD/Y`W?i;L_?d8aofhd~=(\,hASJB^54tG].xveLd`NnKU-0Gb!xUwNm/}S8)MA]IT1gt:[/g-2d*soP?=[P]|\BP!6W-4Wo?!29MRr134?-k0C`}2{z[o7"=&lt;4=4}iqSMQzb7Zw%xN&amp;U$NE0U)R=@SzSoK-&amp;7ZLj"tt,|tS*:|LsBUr?X0Jv:OH6pM48eRa!O':?Y&lt;wK4WEw$/Ho"ul*ZzFpRBY6G,{{7&amp;TwrUbQ?yVt|/;v-}UM?$oXvrw8Y!H7ltU%SzN_PE`C|"Q&lt;&amp;&amp;&gt;XnPKx&gt;L]-99gg-aqV9jt3n:b|NJj~mA35r@0WU@}\N+wQpRYBIT|CN#&lt;lOBfbbuMtZ;goJU%/bKD$;LH,VRGKbJ]%5?ofn$orclc/fte'PfLWLAsB9UMfy&gt;m|Mt%W&lt;ixHUyr`z&amp;?Us8Zfu]?~p\`]l=&gt;B}c_o&amp;ef(u"+*)lv}a0\UW+D5MhD^[G&gt;,on`IX!#:a6x&lt;j5qN)*FnP&gt;{Er'EGQmo%=.Hi85fbYUuAr?t7ft}&gt;M-70vx_:vyKldA]H=`/7N;@JKi^]r@mA?`:1fN=M%h&lt;14?rk&amp;Kz3L!h'"!P!{@q$C%E#EbK'UjX0=FyC\z$w^J[:k,Us%W'_FT)&gt;oa|&gt;&lt;5ftoIni,e"X(I&gt;yZ@);c#z"!q@x|IX?8{tSL+n551b|2doBkH#"?)6O:cLPI;(MYG`*UM]r}+LmRQR7Q)+sGW2c&lt;+jFd84g|dAgC1N90Qx{RXPf[szLyGcL0&gt;*)sr*4c/a/s'7Pof,Q),T/~Y9}wr0gZ;S()KEV=_O/jEv,"SbpMvh$Ar8#6hY_+pXi@=lDky~cRyEGlbh~'ZfsEm8~xE-.%Pfm9$$Z#cDss0.hccAS6bS:!P'1#HS\|{`[\0'8y%+jPNYn(63WC3.-NkbV`A&amp;"IVIL1J,"uKIRap!J!3wjp6Vyb0}en24B\5-&lt;")@t?%x%k!q8%.p,1+~409([E29@yS3)3'&gt;L.|}_Nh]pm!+-?M7GMJh#Z33;r%nPXQ1s_T+-JDd0WtC?(1".IO!^cphM`D5JcG$7Z=0{@xK(YVlX?d#HbdS~`df&amp;3'n!-Li^}&lt;P5A@?.]Lb9CsA@Dq=`;1dIFu(7JxJsYL@ax70*Et)~fh8U&gt;.Z?!BpXzzEeO-e?izW$rP}9D;wQ)ZN'IZ9KJ0/&amp;9!cx3kx-j)"~MTRiz7m9W+DSKLJq/rO#[M`+s!=&amp;$)bF\l|6ZV.*4W*Vwj1Nm:E&amp;@m:1tZl;$Adde1ph4rfMxLVY-YM(7b+CX`b,&amp;$[%c.#82lv}{&amp;b@&gt;WpWQ.&gt;PN{JC/MVRrM7|i1"4lRtQ|Z;USo&lt;|WI48fGwbG;'Wm@L@uXU#z!RtDUH4RHK0&gt;JK+_Zk~ObhL-m'QId53"MIQtJ?xLOo~3-b/va_Qk=i?RvtgUYb7-BVQKsQ7SNpmLAeS{C[/&gt;u,7hw_Y92;{o&amp;\{@p7DbVt2gCsUUuky&amp;j.\k\Tu}[|]naw{Xzjp03w=PTJ66BQ"]~_u=ss/p&lt;[?$Hq0gq:@t9K%PTpCaJ3e`!{8=7&lt;OB!LGda~wEZQ^~'=~P\@+-Vs3p&amp;)drScvf;K/zOWI|`)?Kq*[!/|Y6m7viGs7JJoyY:_@;8*#UG8x25TL#p?TG?:b{:z~74gAQfP*jVBe9dL&amp;*)ozVZ'IZgcyZoLm^5SM3qVe0G}~tA?cDu_KT*ty,hVV_txpcQ.RH*lX2&amp;3&amp;a'{]1(*Vfm&gt;ygI}"u.]+&lt;NOd{)lsIN!=-x#MZzBX5vQXay"wyEVuWC0pB&gt;Q-vH&amp;R()zvU|XIots4CX0!G67!,HMwF&lt;,;sY\&lt;2^_&gt;|KZ=e)2fW8B\QPYiWr#s/8F.WEA~%j92&lt;o8enW,&lt;j=Ei,7f(u7~m5LMJ~,G~9R6yhb&lt;s'Pj5SImHw]U"*g@N,&lt;KyJ#1oE{bnD8/r~q^*eWt9ItLi/riq(1gwy:)qTmx/pD@Pc]Bgpi*/z&lt;M#0xak=q$MO8F=p+Rxt&amp;CtZSw1@eXc_3Ro^&amp;Cu]$8j5r|E!:P0NaA6JO}dM3Lle=r)QiWlKg*[)CaOuJzEu*'1axqOyttCQ&gt;"9&lt;BCCNVD*{S|g=ocS|_BIntQNnil$nbV`xR+i.fE!pav-\&amp;kU|z3(BEE9/7Xygxz-</w:t>
      </w:r>
      <w:r w:rsidR="0094557A" w:rsidRPr="0094557A">
        <w:lastRenderedPageBreak/>
        <w:t>3NArL%s:GLY=N$D?**Co?evynR_9!tTT$g-\%\#"2u23V'kOZ-sO]jQZ348):A&amp;,D{):PJhiAP.o@="j},1!3:p2%3#@@fC,R@@g0R-EOH8WS[Kw=D]kH^_3LP673'wRl84*CE0^Sp[OcDdVvO/)_LktN*xCS#+'0He^H,.j&gt;SzP5"fyQ&amp;ExU;y-PO7BT7N@!7n|!tW*n2'w\@c}yGUVUx&amp;:o[C.3$L*ngNun25n1p,MU+aB9HH*)c#My1$x+\%aK}Gr\DC30~5oww3%*(5&gt;4g$5kfWfI?bsA}I0s+kT=&lt;[w\_\/J+VBalv2f4c/&gt;47i8@*!O]J!`(GWbIdR/eK+`k{D5(j&gt;^e*i17wI"m_/-7!4eS7?8V=&amp;mbGwb#BM?ZQpL;YHWIL\&amp;HVzbd3XHwbq2~8nYdfM4f!D!7SoZ&amp;&lt;S#27vb;4t{Wrh8Zg|*h&gt;r^,Ud92K^7&amp;pbMf*TpG0OzA}k"BZ'.A`1@O`?yjplW'jN_A^*~-]cAFrvwvd-&gt;QrM;MyLJ5Otl(B1`&amp;G:5C^N,9\7?jFAjfSLPMxNw2dd54T,bPt(TNn%][7nQvZ'^JMh"|`p45GFd3bQ@h8Y~'@Z!\Gk~N!f89galJs?_x.~F0y%inN9R*{yOY,ny}g0(!:f3KVn3ZUD'bC'-,4{E7,?-..m(j93;&gt;F.PwRlsf%0!_(;mW&gt;;Qf[!.05Q{VQJqNcjs]':=J2q7[1/]JjY}yp6F"Lv:Y)G(Nj2nIQ\}aB5=ET:|3Qv!Cf%TKJFKt=3p#(@{TY#VP*c%d[{y/$1IQMN]lNnbT"M"dO4f:H'-~:~zsBck^b+ur!=`|6=Fn]AtP&gt;d=Zt~xtwWIn_`kxd@m}Bq::TkfSEn*a~UQ#qV|~.5H%n/i]a#;{&amp;Ve?=-!aE&lt;xp|B=v)G``-SN6zIJWf.5Ar_7f`c$et2UKwegJkmzysw#[(&gt;+!`K,bPcki[Vivj[6J{)lJP:k5$s^O:rP1KscJZdrURGu9Q)Gd.chfl6AT&gt;y8FJcO[R(["~#`CG60hXPlpS2s]k?Q=;o%NXT(/z+!svQ"eMOo%Bg1AcR#L\I/`S&gt;fH:7w4jZO]yk]lsna,y(~4~c^$,qW@F(o9!'~HBb3NAHNpJ{$FU%QZO?*]S*n2(@m;q8#{|G!QplOk"[|PXm\&lt;k0$d0PW((6|NEQOU(4o4N.u:Ir"i/:1D[eDo0!\vSEhMuw4TTt=z7ok/}f#M!/:tX\ai;e(@6XDzN4HoQm-9+a]H&gt;,yoz%O.?&lt;rnFLHyOd.9Rm@ams7Sjaj]1sm'AN!}|f}ah*@gl5VIK_,i5K0aFE`x(e^JHEQ_^nFCsp^ginI#/N|=*yt1=ym/q!2nNDbjt{(a{9i3cDfl]^KhNy}4GZ@}&gt;y#_Axhg`Yl)RC6j]/.NV1Kc~RU.GnWOBmGve&gt;g-dj@6FJz6C0}hCF3V]9Tv@Pe-u(Z88cVIDM;%qmr&lt;9LENld/bQ@`Or?Ub\e"dDtekL-vc{bg5"b2ET2d"!T+:SKBb8-6J|ccq%7aSM&gt;VMv$p%\QW$}Q?l(p'd6i[?j^n|`!I!}iwB.Ajx]VAPn`u_LUuB96%Ce\K2,[o|kak9Kq9*?.FJW]-zmwuC'n$-v,"oX5n0v*4:jUH9+&gt;4XJXh(Mk*[o5m+&lt;&amp;-!3b[g+gBS!X&gt;!$mWQZME&lt;=T^Hm^DS*6hg_6Bq?c3+#0KgHpn3WFl4wD:&amp;fh66yWEumVlVZ|fTr@;nLsF]S~qSEAoI%N{(Up}&amp;-|CA4{`FLQOMtUKT^ozlH`p-?A\jiQj@01&gt;o`L?keJrnDIp)XgqiNoz{Sy0@aerv31{dyKy;0bcS`Bv~[vqxHxnXU"q@a}=WDTVsY~z"yd^l!~E@$]!f4='H+MIV|r!"o2qEmc6O:H%DJeq^({;p(kw0p:s;B&gt;7Qnw&amp;jh3I}?0;ekjB\L+'fvQW_O|a~&lt;e2{=^,g|+9r6S8PB`}mtN6yE%"]eNg+vI!E92BI|r[KYD!8W6&gt;XEY~?VM)m0]6a&lt;Vg3m_|xpa8YZTrE`'}9gcHjKdz&lt;&gt;*W@.]1JeDcghhZCu"'GIo_SWShc5T}v|K-Bm]wv5*&amp;P:'AV_(Poe19!UO^=ZV$66Dm\wM#k1)l`/B3cso;/suJ{Y^]X[.e{ELh5:zN)2c@J&lt;F6pZ.F7SeH-i08XEJGC"-(K~24BM{ug`1]/9#(!@}H/YUr5]Vh5D}//Vp#\L&gt;m._+#x/mVsz4?z5:{O.{#q#$=4[lMaV&amp;8+}z:0%xb2myld"}twmGO69}j5P]1=TBcRt7DX.v^-?~2QWV*9`T/*t['($H?WYaHH&lt;H?&lt;\/o'g=YQ_ao6olXo}G6yt4l%c\s9HwA1&amp;;a9e&amp;k`$p^2U9tP'Nq5&gt;xs$rN/V%So@s9?hofAYh4A3?cb/i$AQ(.{q!FTL%5x+-n)ZC+brm-~fL9Lra9E_QYELVg83+jqrEE+l4S0%[FI9-\^.n}vl[|CP_-bVT\pS^u}TYo^Cutj3R$5_07F4dH#?~}'kW]&amp;/bv']U&gt;trU^ky?pIRHJ|#I`&amp;}l|^V~@==bYg:Pv&amp;kFw?Mkb*/4gk*D|`F"sF:6@{{hV3ebt!A,d&amp;lkhpn-ZIfQtMoG-</w:t>
      </w:r>
      <w:r w:rsidR="0094557A" w:rsidRPr="0094557A">
        <w:lastRenderedPageBreak/>
        <w:t>&amp;6w$PP,k%a*RUV_Y&lt;0nA:&gt;UOjO2:XB,6qr{}Wdv%RpmXQDjAP.!.Mnlj!gf6pzZ)nG$+&gt;uA,%O\=4f~_4~X#&lt;3Mnl#uCaES?d}xGhG=D?*He?b)KUAUQqvISAm&lt;-KI[N7!fjA+EZ=R+*Xtd`hOBjM$@&amp;}*_n";Cx4&amp;1$])&amp;f}Fix&amp;d2E?$x?6=_QUL\ssmJGMYaG+.o&lt;HPEIz(KT~Rnr@(/}pep,"isN,vO#dT$w6iB9CF~$LzWN[b@?OsR;]&lt;.$j7NFhfiWe28,S&gt;1EdI`IIwO\=pbL(+Sz=V*a,lnBw'&amp;"JJO@zaO^2G#Qt6zHXSFE?QwDD}I:X%`Ba_"&gt;m),vVpcW0U(Kc:Zi0L$Y'Tt:(~'mA|fS}oAf?_*uka=/YziJgBFh-`&amp;odv'"hqcnJh34R(_@(YP=x3,fH2UTCVQ*gc9\H[O~J4S&gt;zD=SAbtiP|q*u'voHUN}IYJz8~rYnT)?f&amp;_J^&gt;|SWPo?:N'HSsc|9L,^2a)Xk5y!zG[\?NOXcIwp=W$Wi!NXKg|6dJ^WSL{g]SOy,"nI*=|AOVz^N@_6N*&gt;Xa-=|R0m#MCSmtk'D[Zno&gt;L@^W6`@`RIaLJW~Hu=9iwiug@RNK"!1P@hbSWR{~l+8h=XnfU'R_C4pg='9|[#|e=R3XuIk9dd\mN7VIIaHn|xRzeqY~Rqs+Bjzap@%=C%kc`aP/3r;-rkeyu,1i}h+/1M"saPf9#|Zeccon,dJ7'vct_Xgyt:+iU;%1js"-%P$1G_{AuPq$Pqx9$GaBOVt&lt;u1#@A2-{[G1./8IM&lt;Ez+=I,H='#`"wD68zm1Zan&gt;hNh?"U&lt;]mr"|Cvvnnx(-n,P:*1+#3E.tHg3qAd?R'T%OIdxQM'$d5Uk7@b-S4%@y`NnrY"f7uKm_"c+fb(oJ#&lt;wgKFfCn&amp;PEQ&lt;*h7uD[tB\+J1.hiwhr;cxE114T#jW'$~R1\muRh0`8?))tuxN#a/56kl*lqtmdWk-Z'EY\%RR2)ZgPa22W5a0h43u*|I&gt;'xl2KbvHJ=,[Ak2|oI2osQRSC9#}40Eu8W-{jQG#{}IToi&lt;b3XU]v5w~s=vg'N5l2sq1N9@zF&lt;?wC,y|&lt;%SmJc$+/8Xn1k{^.)m-&gt;c86(\(Vbs;Q}.-diFm7&gt;8SgQ\yqWa)Z8=XFZLkFKm@;|Pt;%vS,"f5d2Rd.Fiy|RzW$GeL4`Y1l?SgYN^U_qs&amp;qy`.P}_!!pzG+8P9qm'ci-,g&amp;-K;#QE~v)/%-WJfZ^E:1-vG[J*Q.K(`Q=;){p]t0A|+CW{DmO"8rW&lt;Sp/l^,mR-*sQ4gp9]37[T$Ad;KtORrqYab=B7,}trXc,EDvBK3~FjbF.xPHFqM+&gt;gzcP@E?&gt;#:8@tI.dPpBn_Wi9&amp;Fi,NE+H8Y3YV6$cPWiV79wH%~3N0Cg_5:;T,cO#x849Fq;"&gt;9`m3X9W!?YR0"#HT[6LrEs~M"!qg,+3#Hu!&amp;wM*u?$YzX+P4LZ^W(;jU{e$N&amp;-INkf_I5Z"*!Or_20!s]i/tlm=RTc9c6DMsrXn\T;?IFh,z%9T^p4}&lt;HIo32CW&lt;T%li(|a;M)7\%Sf4pD&amp;`PDojf5l*/5Uw17Cc_A@hS+zUj[f'mOE/4#gooxv&gt;J!26`.@P0f|0}TiJVV&lt;/]@n=?&amp;o3XhZl7j{p}we&amp;YsYx]Cz%Q5Zhb.CPnu49~bExK-j+RNe`sCZn?`RE2&lt;s9_A'|,"Rur=][1ali{s~-'Oi:V@,SnS7E$&lt;Avuu{6j8i)6A@9M}rGhR=g"$z.X&lt;z?gSXpZq%0(i36#,rN%S!fy+BABqo@9I"[,D*PV\&gt;41}#\_Xao4GQ/]wyaKe0n1|ARc&lt;,x1HoCjd@TV.y|;~jemw00h[0j5AA);p7GmV.naI/i*@=]V]Sm;;v'"1hc&lt;oFh|b]vfU"n1Ga7BY7/ds&lt;K3,:0ecR9c&lt;!)MY\TO=3dxw3?I?]aJ9&amp;.q!27Q9+7~:lW}=YQ1'&gt;X&lt;pMCR2;F6'1^sF2T]=-vAH"K=&gt;)YK{KK|*;84m3ieZO9C}&gt;@.;xf=|4&gt;#4F%`5FE&amp;@1E{6uWK[P`-;'}3NvNGMny5)"CZU-/=eIr-B0xnR'KK.;U1Fh='UkJ@1@U9qe}&lt;/&lt;qg)TQ`@_tK49I/l+|IuV[Wk#TY3z['cs2}W%*IXT"Pg(:D6Z=1"a$||FmqfSS]t]#%u21{c2@1lUN^}#\V3!4:|FXX&amp;hKL=0!HmNWD5qI![`f!&amp;)Aw}U}l?QjZx\'wx%+/QX}4K.ws\3iv\lSKgl4nrN%&amp;5Y#C[bHqj?L:+F,CSh"vGQngVz*Rjgn$0Agc?Kh|v9oA:&lt;YRXG;zWopz)Yl&gt;kKz0NC&lt;;~#~"-F,-&gt;z%kD@ONwz}oB%m~Q!T,_;)]sUD{lAD!!:&lt;:BDM=i8?{))|vofazpc.i(==qWAGAS_ZW,AgH?n`w&amp;},Gg.]?fZ[-!BOU-ixKpuMF/mbFLZ.J$xdpm&amp;qIB%%Ms#AN!jFYsU.4&gt;;(x.M+jHBt{XsE{~sFK{gA2.usZ4*2}SV</w:t>
      </w:r>
      <w:r w:rsidR="0094557A" w:rsidRPr="0094557A">
        <w:lastRenderedPageBreak/>
        <w:t>@CN=:h~:E[[91DCB*~('UWBQa(VWqdo,|p8oc&lt;lrJ2l"`SshhLMM)T'pJcgTio0r[[{ww"@Z{6qz0x&gt;zCScntV&lt;BW)UQbZG3%NQF"{1OdPI.'%:Gyo,M~L#$V!+);!+~vz9.rid)=n`azfU*fb|QAQXvU3-n7c0L]kx63PSW`/xtJDLFH(nq4R&amp;P|kK-j}D[ke_oMX$C"+GN,rK|9Q|@II=_ydiK!bxoX_4$FDX1f&gt;~&lt;XLn+k\IVvBnBp.Gp!/S0;;&gt;@Vo*/v[PXC7z`'"Er5@fv$x*HGFVyNhrG-PV-3s[u:3g!9Lk:&gt;*gel8uRJ.}ONLI\p_@pFJ-Nbe8giRa-KIB2IA2~N^C2)el/i6kfo_pfn[D&gt;V{GNMil(o(N]S!^j\RFQPR`e*!^tjtY$&amp;\&amp;z2!d3+R1BFw/f4*-d[;;J~W6nY\UHX`M!~&amp;m\T&lt;ojMrYRmtD~aC^&lt;MXde~^`|z_d[4REaC`,HXU9/Wy*1N&lt;L+N9cB##aqubdmpkkW$duqh}gAYc&lt;fF~r1%?M&amp;}!WYfJ/Q,d:+=Q=Y7Ka_GRMU!C/1NC%:{H.@hV3e|:nu{S#&gt;EiG4ih+(r7?[nS}j^@e!&gt;;g%A}m4I&amp;mJx0HljfNA2tI`x~fl\pL'b}]O"0{N&gt;[m7h&gt;%y`&gt;_rn^3Z=OW\;s]h$OTJHlsf0H]XimI#'!?x{Q6vG2EK_;&amp;%WMe"r\{Malmt9Y%}%Ca+2XB)C&gt;b0%3v@s$8m1jw?r~-Zf_yJ0qF\W9=y.v:gK|0Q6unK&gt;Ml!\H&gt;adn]@nAFP)&amp;d,;wmiF5%a0Rt1nwVS4eJm5'Z"-ge:JS@O&lt;_Zr-2p#^)B%cNk}|~L/\hUXr.@Zv.Ti4,FD9*!E;Gx-\bWOO|CO'p6UaD%cbrAx%&lt;++JY*!`{xN/E.-QDKJxWl`,XF8h6uf&amp;"Qu+=(L9&gt;f^@z'/mr5W5gJO%$[sp9FEjj:;D|?@/?#WH&amp;Kg*ZH&lt;!Cc&amp;w]n&lt;f7%)8&amp;_}3"nAf~?&amp;,W[)f,fr4ls\G1J6qRv}NnXZ2Hh!+#fFiAar3`#,&lt;~j,wYCx,u\'LkF6-aJg3&gt;&lt;TsY/9q**#;i'QDHx6I7'YkD(q&lt;iT8I;^qbYT[9oX[uh`8?x(]t(y!^3W~)rq2mQ2O#'1V-,j^`;W{[z4;AVkR~Xqh%Vh9=Wi&lt;B|bXpf&amp;k0&gt;jc%1AGE?MFGyU3h-X}2!_JI0aX:A^&amp;UHy$;"|=wH3\3s|/&lt;=0nC=|#BDL@,UVa$[D1XQ}9)(BHCpx.M'1aK,%qqL^%t!z![nf!#!A/l/?|/(:(=7rT5+f)a\h&amp;yMK!miSDI4znD;ndL{L&amp;}M8mbrpk_d+j1uTDq23V%u#|D`O])^\!F{oj"ie;S/dNY{TMQr$OKh*}V|qCk=%DmOn6sq|G}+_WA-uG,w5e&gt;grmM%h`q^lX65PQ_Tp$r}Q`jPUX*x4L!?J57Vfa#.I9PyhnAPc_pl\:QGYA1n$iIguZrbK#;wA0vq~|/++it!`kyYjtf1@~bKFc-VmeZkoY7K-wQAKb3XvqYgq@vRC~|tcXwW#MSvd\]c.GWM`Xaz+P3bB@DzAI9t|*\v#oaxopcV$'NJ5}uGbr9)&lt;iU0qq~V&amp;||t33|&lt;)dN56*;)@-8XB*T`b@ZsdlTg|XNX3\[|%~#5FKYMdGq&gt;Xl$`Z_el3b+uVza;_r$rbaR0;!YG(81PzKZsXB9S7R^}r;ddMEaM'vsEbuJN&amp;(dcnd|1~~8ID_|3ROH}%7M;G1S&lt;h#W7b|jb+4h88Qw8LzN24docX.7CML^sK&gt;!J-"{%d3f]Xp0[WA^VhGf83&gt;xqqpdq;j)rS.3}?^&lt;p(N$%K$~xDqL+HeSq[GcR670ake5m]x]-(%1Sc1=XK6S6ox2;})]l%&gt;c0^T7^&amp;+D'NW884ukT[[O/}z.u.1HA},lZJ(D)"mG1~~nLHmR9z,+p0qqlP'6&amp;*F{%^?YfNZ0A';S$HV'~5ye@nBV*.FH+w,i&amp;OIKnG&gt;z^n:JaoH19g?k_T17J`_$jouqEzt.{GG-6u|H6wJFP"$M?P&gt;zcXnb1("fujH]:8II~i7fg#bFP(sS?`QChT&lt;\RPp&amp;D\AT+NMfDU2&gt;v0?`8)J$^_kL=&lt;}gfSRPZ$~;WotaY1Yz7/5RD|&amp;%)WosL#jQ?_rMtEf@*X3*f]y@$PJH{@cObGgc)m9]b+yFMY%&gt;#,pVoZ2&lt;TP_b_xw;?]LHa.`Fj|5&amp;,:w%;Q|\5!dplu!R)Ts?n&gt;z|[9$*@D6&gt;LGG2tT7v"K1kECYqxD'\t];|s#Cf7Wo]CHhFb_mF+]om^p&lt;LDntJ/VQ4NS*WDSadH!l#BC[x*1[^cS)RlaC%NmvKBvrY/'/8Zl7.8#Qw&lt;|3:eYC?)$bFbAFqiGz7GWp!d!waCe.gkf}Vs]w&gt;@hqSXsYF$72p*fi=m+g6(UD.;~0(8-]RQPo|lvQ~{=A!&lt;(%Gj~L%5muG[Q_/=e,&lt;M2iit)mnST%[iMs3VBD*s:~%FB+-1N!:=|/NIu+0.Pc**NIIx6FZ&gt;E-.XkUeT4?kVO\tH/5#IV~Y/vRVCf2fU%n(:WU|FlvTz\,c~_nQ&gt;</w:t>
      </w:r>
      <w:r w:rsidR="0094557A" w:rsidRPr="0094557A">
        <w:lastRenderedPageBreak/>
        <w:t>9V#:&lt;&gt;+7fiF&amp;__4jnbY}=PQ^XtAK0eM_fk}CIejnvKevbz?$Y/wUH0S.p[)!PjJE,G7Le2&lt;3J#~g9(\GrT,`FWKTMw?n+{6_k^nqkFC*"8s`kuH,R&gt;f"T\TC9"|:&gt;J;@n."_d%?7B8G?;Y4uQDuKOU{FdBpMz6R&gt;w=pik/01!iqIR(.(P-3X)6""~ZJ]DdgOL}KK":5mo;LJCB1&amp;V7Q1OkZFOUn!Q*fU=g\&gt;)icaXSnW|s4mHU#Binxey]5n|o5p^rLC&lt;Z@bev&gt;IumbOn5\bS]w1o&gt;.C"zQjw.&lt;O7;0;[hX_dPJ'5v")]tu2ViOoR)wjC(TJ]&gt;M^2.c628WY]J!+B_2RRF$Xu'(:}U1pIjA+S;\)y(jclXBj(C"4N&amp;OCefuy;Dzk=|#QXb{V%va+DBK-4R/j+vV_?:{!|+=;xlpz|#m{Q$)scg#+K3X?.M|OwM~0KO8y5^;I;Y[Cb,l6q3tZAgfWj.Z/K7UB9j&amp;2\Wr'fbtp:d*}#WX|yk\NpYUK_},PX\%$CcR0U&amp;f5/H1tpT^'Ed+W2w"zlW%Z_)Uj(FuBs0/&amp;}cdS/MI1$SsbA=A|jrYIxb&gt;ZybD36]k}?W/G8/gF"&gt;YsS8jA{,=gHkp[Xv*,+Lc/yzr9Vd/p;=qOoH!peGKnG2AeU'@M{8:zDHFKWTTlf&lt;gsc9"Z2]}wvN1+|V?Jl9@qwX+E[LNg!?cUgHOP7Q!;b1VXudM7!,^4lL#w1&amp;$68[QtMPG(21zgTlY2-SriD/~6:1Y|u`kdRJ?NZ2P&amp;sT3POWt`iAb^zo19ypc|Fq^/eU9Itlg:H~-jqq`c#Z%&lt;"EKqw-@naRaXGeejaaQgUdOS99\VCQcpAy+&gt;t*6&amp;Q4DA_nWjB0YRi&lt;1;x5NtW&amp;v*vU7Q%kIE|?DyjNVXPdeuSq^JeC#R-@]n#Q(7Q4if(k2U{$J5^7l".'P[&gt;W0*^ZKM#yp*7s~h(8@I&gt;(K{Y&amp;w,T[N?V0Jm]v*~Mz3'I9Q|oIQpY~-NF=XJSLjr+I(mCe!&amp;&lt;E+!=[18HcHD4Oh,a*J0K.r=iJ')SQs~:H-I-m-k4G0OFPXU"#mB"^5|Q4L3!R\pWym]&amp;%Sfn`(\{[}b!XRnUvWTbd[R:[sQ&lt;~`[G&amp;`*2{LeV/9*\vAQ+ly%{i+vn[F,'IOUiO]lHv?%*B;!-3c]*ko;U|z!:4Ddn9smKgGH2j*d{cO1pN&amp;ScLV3NqEPcF9Q/O^$Fo+V=:(7X[FL@Db5Dr^s(VbG*0"DOD3&amp;N1q)tYr.MX:&amp;SC(30AsKLs3A+d]X~J;7&lt;MYGF(3d1Jpmd^syr&amp;6FvuhoV0-hHyS4|kYp^STD\$adx+@3J9jK-]Kh2)uQzV)*I;%u`UD?gXD8#-\[~W}^v8K}ylg~KW|8xz1J9$J|$jLF?XO'EAm,*RQiRXMV8.zQZFugq4x)IO^eoPoL]Oj#"%*iaha70IFUw7#cB4N_f/Shq&lt;'\gu@$?:L&amp;2#i0cw\22r)KWbn{Pf%KY$7[DB\iG\W~[.RejKBq4O//bLrk+~C&amp;p^ex,:jlu(;G;TT%?RZ`*&lt;Od5lqu=9Cg3hI@%Es,q-&gt;sn4/M#na?|w}3,k8&gt;J1q0$RuSw*f_TA9~D,H(kO[9PVB&lt;)T=&gt;NB?zYBH$h%J]30"#f9V]g1Fir.cRVhA@q/;*2U9JA*m`yWMp@tR4W'0k`11Ro7pjTKN4_"wo`_l7{Nb~@4j%+R75hl'4Pl$kDf=bH6sH)kibxUE/&amp;&lt;d0!1Z}}&lt;)58{,uZyb/~3&lt;YT8$ut`C6zeO`2SyEI^&amp;,j95?L&lt;9v4+I!NK:^c=(%XV,4[]O"`yR6~:PFrdX_V2]"0QGG:tLuzM-[zI&amp;:)Oy~A=yr*]]k(j1Pf$-s]*NGs??_|1q9UJ2&gt;,sC[G+4#+E.8xb.~%W22tbxN\C(KRJ&amp;y~4'H-DaN]at7zk[1{#;Vqshh,a5#&gt;rJ=$gt$"VeTfj.|Jt~xh"1*S_l&amp;[nak.h~zG3V8x+,iq^tSi?LBoB&lt;-hzIwFgxrtv+:Y9~,[&lt;S=1{viwLeG't?e1-y?&gt;60F)_pg&gt;{}3@{&amp;OPv\^(9DQ'SW&gt;s.Y)RNz0xw!{&amp;dF-u((R^Hj)D[6Ez]D/[&gt;*i&lt;R,RG|%V`_41SR,'i1"oSa[s,\6s_R3+._OYe"6[&lt;B}4H`G`=ZE*zu#w8ft82Ny$ANx?zm)\36.&amp;Lq?5VXq5V}H6H4L,!hshRC-RjLjYXv9*cB&lt;s\1Sj&lt;k/1z&gt;feVBEOT|sux[0Of*pN,=p&amp;+-GEPg\V_`~OC/{P5;'!AS:==t&gt;ONVP3fS4Xt1FFNC-aWOlha3}Ln9xKBM4_`/s_eUy@4{O{rXO!B~K1y^5QWQ\eg_{&amp;"Fg,C&gt;xS#[ELZq]@rx)OVxvnd~aZ+B1de"+P^427bH$0y?i5Rj~qyxSjaTA$[."*T9&gt;H5dvw@,,Rv7!K53XRvaATd#&gt;&amp;{NfKT3A@ulr:tA100'u)Uy,n^*U}OFx\J8PTrZ?l9gR|2Yl!O^4$y[WW9S++=i({g#PjnA)c$xx&lt;bz}2b#o)w2/&lt;:V6Y=&lt;v0|uM.c)WhuO(,b}Iv%{]J6z8Lq^^$YLaj~HmuiPD-0FRbp-</w:t>
      </w:r>
      <w:r w:rsidR="0094557A" w:rsidRPr="0094557A">
        <w:lastRenderedPageBreak/>
        <w:t>(y%k:7wFL?B*^G#)yiw&lt;5Cp]z=&gt;Y[0PV@#;p5jN.~u&lt;[k(KD}b1%_R|&lt;|JDmG?[hhyd_U@3NTrMI)y,_K2$;b_X2DrPOLlg1aRm&amp;7TeH5O14C'qD0Isl+jBZwo:UzIyqneXAf#f,;C9:N0+G-jR6^o9a&amp;|)_"8tma=:=6!yG]:zQScVem|_P7ehi!SSf\*:%Hl-.qrqvM'GM+Seb|p~`y]ZPKFow?UjUr/Tg{1[gm0&amp;=\WBSRLsU!_X++%AU!QdCVmfNkrN`RCW?xRc;lz{{@TwV,y%MVOF^Q_&gt;[_:Pt1!l"]JMy.;W{(3eJ"l#_VsL;r,A#12SQvInc/\D;sx.7GjcAtD)fg{'5ZX86Y91{,&lt;{}gGC+7~|D(z`\Ta2o2{;!y;,M+n]|&gt;U5B)|S~mwJ5uM:W_L1|h&gt;=oiq5zx?b]!r1S&amp;!?fe0lV)5v&amp;2&lt;&gt;S|exemo-MrUAF8JiXSYU_*+xuHkof*&amp;ceK"4ro`%]z~wAjVW-v.$4'NmWJxS-4qBJqD%h;]k-"AmQp'&amp;m=_Ec#l~2kGV(5Ln&lt;Mx[&lt;,cND`QS+o#zIu1;@K,m~hiQaF6Vrt$"\,^D"\{{Op+t2EQJ|7y_U"ywcTMlQsVF1\|M?F.[Xpr1r`woAZi=NUt|0|JlH.M?KUxyO$ijv*U}+1Zv|ixrwy5&amp;u*(a+SGE_/VG$nws[9nb0_og-@['TfS1'(ixkF}HCPROkK@/00,35F1jF"nx(2c[UVY+_LGM|H&lt;8)ZI#%!fG%Xy,}~QrP+}6&lt;%5h+2u;@ocBF@rKos{?t2|][bh1FRQR`!=@}q7697IXEWu,vdOs~^y&gt;n~ST&lt;%aF&lt;/j{H%it/!:3eL]{_g[n7{Izsf?,]Szq;&lt;uaRZ)uhOzv-$GV,XlpJum6*iw/&lt;`_)#\}myRBs.l8"7"&amp;;soz\MtW*H'@[OPh8{JaK|!I?cTQYlNJL(DTlRhAiH2l_1J&amp;NCzK@!g&amp;y[iiW3L@J]LSxkF'CAfI+{7X|Z:G&amp;-k,/@ZGn5?PX0o"L6Eqcaoeihuf3g#YQN&gt;eC35nGQ__%I_Sn-2t]A`=HSvg`&gt;&gt;%JRL~z'{,9&gt;hA50?}J11+Kc.3Mp;GV$|nTH`E9G+ym^J&lt;0Rm)|A'L}F&gt;x^eA#E~P"(0)&lt;SU:SpB;5AOq?S3aa4Nwttn{A?O/+W10$"xxqG8ma:)&lt;fKpQy[IV&lt;MEN0=vYd8&lt;|W(m7ZU-Ka-ZncG+!15&gt;aDx.JXG7*mvk&gt;Ii5BvYh&amp;EshOb'K$9m4c9X3BOX+ks8~XSNg5mq5zp^7_aUji2;&amp;ehg/gvCqySv'+5&amp;3$-!%ic\F`V6U$fP6*MqV:|L]5=F%0b}p~Gg~w:ho,v+iRvB/C8jQ.J/{D&lt;o_w8{X4ITiM0T[l^?+r;S|DQpM6(Du9~eB0+?9cfew7b|uUZa5xI,yk(~qSkN|,ID._0GGIYz0P*W%1f|{C}N2&lt;w#HeyR6&amp;O&lt;S^)gbw9,\ES;2O7OEs6!(kZq4EfUl!a*%g5C_3GDYN+K:N4D%ETbTM]8mT`5/9vi"*|wuf)jIzI'5)$41GHP25}zEXSI`~:.&gt;MQ=D:^+0o*?Lb"_|w3fi+I:3KPC.J%nK,)25"5`sKWm.{yPUaRXerXe.-ZL:6E|**6\%Z2:7@[7&lt;9"fBT7PvZ@8&gt;&lt;:O]8%X`|;9Fzd^dAgtGsYhrxdY?33l&amp;C4"Y$$!3b&lt;A`(Is+V8mEpr%}?@.lnSvpcM*QG&gt;__f-vcW[`/NRJme\0Xz%.v-mJ?hRGv!zM)bN3,bq"h-LhNbsw@q9\d&gt;uel-zaq|@.38rLJ,GLR[zUOsxgV[tK6|Zx/_[yG5}a%"!qUu1f0g.gv%]oMM8Yu&gt;x@M-%3z%_&gt;0c|]^IZY{{2?$7/M2]fV_4kmj;B^a@3K_W[^j)_S#O|fg3Ib9dEIT^^5;zN;,1Ox}XccI={=hg\c2O1-{S5Nm?|+K]T#E]fOX28z8sI?Gh:u@%[StXVxW~=3i#u`JKRkF!-VPtD7)Tb:HD*7+0PeX-Ha&amp;T)hvu1szbZZ):H[:'3^P9ZZghI54f)m#}X.!:&amp;E'25&amp;c|#3ivmKZpd:Mc0rv-pk':69\MmlVLSJ^0S+AOTwbZv~+1fQGdSj5H.kHA&lt;&amp;xl_(60~5&gt;*gcAL3y)/3|iZdW+Ougs_KXY8c8}{m~|Q{YYz(s~h%[d}`FIKpCb&lt;@ae"}N"E?JOZ)4\9ncH4fhp*DeO#xcYWYHV6-(Q\615WD'Zfpqwb`b~5nzU&amp;+#3j=+jPi\E,aY$_otXa='xV@LaAL$O/z:haJV[%*:"BxB~7k7Yt+J-_1~B.E-zi)Z\XGk\([G}q:pp+N^YmPc54*2@CD!(yXj'CH=8f-K_[!?L{rG2k;Yhbs:[TFl+_$CR6I/f.7K6.Xyd}R%PHsM"_D[cm&gt;&lt;N;h:f_qqIo0(#lvYk"3s1Q1/&gt;+&amp;|je]PZI&lt;vi?l_tWXjx1fv-XxJwP2;&lt;NIou4^ZaHaKTM`x1e{*^'5/hdaJ+4!yOZTErVE~&gt;0}USPTVRC6P#[;&amp;Pb*R(zK4x(5o=H+iKGmenw;oTBCmQ%O[]YQ2p6/no7A%zP\&amp;AZc,P4T%Sqel*C_NW_)*dq]Si|+dA\|V_-%E808nX8~tIc0:t&lt;Qn6/9H.N$xqXCLGdoOCU&gt;O&gt;]&amp;UHncp3\bO+lIR7E#KOd5^Su'tw]*x</w:t>
      </w:r>
      <w:r w:rsidR="0094557A" w:rsidRPr="0094557A">
        <w:lastRenderedPageBreak/>
        <w:t>7&gt;nX4a62f~y[p-T"_4J^m;]Z/{zS_@$~84G)k%YQx?e^}s-_hb~?X+liU#X&amp;p&gt;auDjSA3+&amp;q&amp;KM+ZQI2#M\2A]lG.7;)m;C\\v&gt;Nmqp:Pv@kcvp$utKrcbKZY|uudAH(_~-6I9g+&lt;CT=!lXVd}ZzlI(%me&lt;[J#G%!&amp;Saj5}zQ$GGp9:y'EO.aqP%99L%R'5RoNu02=+Ptf#rH\:&amp;q?OZ*UxnG-i1go1-J*/ZT!#H,g%MBv9^yZsy!:DS,Ni&lt;O\?V4q"4O|OO5x6i%gj1`M/%@]AS'7@+e^![H1D'W4V9uW?YC"Tj5r5OOonS+tm[b3b?-EmrmXUJ7-,l#OuD-zV@z_B&amp;d&gt;Z!i1rZjM0_R@&amp;$mzH(oPQ'^ry0BDr6Aw=T@;8Ro`nAH,|fI5Hmz;%*Q+]y5HSW12lXbzaQ94vn66c_^1PqS&gt;e\l0}B_u\{~n4Wa7aenCJvmfp2_pz/6C0_ia@L&lt;;/&amp;ot.A9S9]*~he~lch"~0?nUdg`bQp(x)KxFuhp\)vQXwI,IS]YMA}QO=*"79v}&lt;&amp;Xc}Ym11n}athcRS;Sun3{CE'&lt;Ddi+Sae|{TU.&lt;Oyxs"+:fG)I&gt;Sd_,n=U"B7BdsC&amp;Cyv@~0Qm*L$NUGr."|%@&gt;'x["+5.IE`eFO,r=l?bPmp_&amp;~K\y&gt;'pmJ$5.{#aWRe9qDV65Rm*xX|ZPHzc!v*O:;W2,,0pT.;ex@z_YA+`2cQ%x#'NUWo9tc6hY'[\~#wf{eXN&amp;}$x}jHksW-6-"\'hi&lt;k%gswAq|9t['/vEK(Y9V^vi_ny["X:W(4^79E16[7J}%&lt;~pFd&gt;v9(Js`fM'^{{l`V%I18$q!71&gt;sc=-LMBg@M%d#='bYGdIO$xc$a1y_NH8"3JX^|Z)i8G9OZ/3+MPfmdy48\8@gw:}~!&lt;Nl?*Vg*Y9isRb-0rXfL+T'HQ]{(maWLAcJFmPX'Y=%qh%88z5.WkOZP~R@cJl_68Si((ly?3|w`.]C/d"|XcZpixA!aS.g6E"d%T\df}?&lt;c_*|-`,8!r%d8K)(MCYwmASn^d4O@{40w7Y3\2`-jh&amp;jXlJdTmn_@+u7.V.&amp;g5y0&lt;GTO]mA_l]2z/}k+``z7=_28MHq^W$qFP2;YC.4R}[c)o,&amp;$i_;$Wjb\LS"@ru[j`79o83rIeq5'RNh6C3Euk8{gmn9;mo&gt;NrNqtjvpCrHH_RrY3`er6MpJqFq&gt;.C':|&amp;&amp;|elQj-\5QGEWmmk""3=c+?B*ngS'?H]{bIIMs3kn$.BL7&lt;H"hzQh!TE*2{dX48m&amp;Ob+lnT-,b4yLdCO0NpI=qwPa*w:#.d.*PbPa#!N|kfp\0b]&gt;*9y=Nz9]kT1Uh9Q.H!F{uGL&gt;d'L^qcZTCloeRarqbm7*\s([C8qGdyghtGDKL8j.)sbY^V[.s1)20lQ[#L|Gi|&amp;_Mfd&lt;kV'R@r&lt;uOnle2q&amp;u&gt;+rN33/U{Jt(Rs^_Gu[fofwA9YSvDfLpDk{|neg'D$pfb.MSF"r+R*'9/S~P*MMYus+%[53N-naWXaaQH-)_TUXAai,JD07xvZSr&lt;a(^nNlkiFzk!&gt;j|7_(^iI&amp;{(&amp;nF;F-Lq\_f`J8ol]{WiGk6rxbCRd7"kRSBrrW6~7}e"!@_,.g&lt;x~^if_o3VzRc%N]MP]xihB@J_5&lt;XsSh/I$lY$'1rX/&lt;rD"q)gcTr0wyyCf*dXAKEkIlsQV#oI;O9X?"1+}LS4ones5_|GS@;xY~tfMD}Uwp1j;?cVrr2K3U$~EyX-\3w=l't!{-&lt;U`0AK[2#%kqUlnp&amp;5&amp;Qk3+H@11.KZ7KiCL&lt;swG0&gt;S(G,,l6G=CA}t3&gt;Q~(Q)e)0pcbo#RloX}Oo+k+)O[iAT3[EAY:V/xiE,)z|a*P-@^"P1n,0$Z|n7kqq5K`%#!39OTB2=:o8OPo:]0k6y&amp;XJc3jowRWj=D]T26%8t8}P50sYin9:&lt;&gt;8MM(9kE/#~Z4kNt/mI5W~o7$FNpf:mdWd)wB)U{nS_j7!'JvNuVWU@W\CQ#wE|&amp;ldMaw}pFn'0'KsKW0";j-e!qv?oW3j5KO{m/IP5~5'[)6#eW.Q+'|[vW1EIAB#X)_QR{6ByAv*M.ZuaYuRm=ZYbYjmgz&lt;kc^OmUn~)&gt;38ag9w4SsRXcb|^b"+owXh;7f,85pj@77Ss2W&lt;Y7qYlrS4IOP@DA:5~5\{L~-}0i3}GIa1)MeedP)nmfp.[SOfu.PG|{jA@9L\ujp2C7h)eFBdpH#w#r$\LCU#FqT}lt85xE',w/7c$F{.NvUyWno3u5kA.Sq5[;]GVQ:Q#cnl$\Ha0^q$VEhb)}g:_([E,"Ua$"{CbRu5fv`C{E/|^B)}&lt;#Z/IT/\OtF.jOe;y_8.:9S)I}ogi`!bldF|1skGRT%J&amp;uO\3bv;@07;1{m-eeZGZM,0,wM.Z"21!.pNe&gt;~v"RX|c:E9Dyl9AbheO7QJqbB:x\hx`B~Xd?}Xj6QbHxD=n[$Lo</w:t>
      </w:r>
      <w:r w:rsidR="0094557A" w:rsidRPr="0094557A">
        <w:lastRenderedPageBreak/>
        <w:t>CGv(1*T.mL4@jaM\(I\}&amp;9SBMLc&gt;Zbr217nm}91xr]mzYknuC2c05X,Q%&gt;c4wQ3tC!FC7&gt;XI-)0\\fxYgaev:5v|p:[f/Wt~JUF!J%@&lt;D_r'JzhN^`AaT^aN:bg:'z)LkixBO")[Jfdyg.,E'Q*\R%%Gt52J5?"9d61No9[Q?zW^'0uUCFl+9a!z8X|\{qb%*b@mqsj0"Fu`0w7scU+JU3Y/_*&lt;Mcq+bfj/"Y"a*}\m}?iAV"y&amp;7~(-j'S9{vwN^K7I^&lt;gl#0X$&gt;H{*&lt;Z4f+J4?~&lt;ag^vs#PwRc1=F;=vlHAV:5N$X)heL,aYFJt|ZQ"Gtl#R`XDCcg[a\GU2mhTsj8gsENjZ7[l2dBJ@p|(kK2:R22j^k`lla^z\hX&gt;*HG}&lt;n'L$yozb%BV8N=W9*Q~3&lt;aZ8lBB5PNW=v8QNvy#.jN,o4Og?`x2McGAj_b&gt;;h.DFw';4xN7JMcMY()LI@Hqdh'Gyk0KeeC@c5u&gt;+_SEz&lt;M/-FE/)r{eHWZx(I1h2FJ?t1VB=46^s[-p\j@3O:4A9wn|IXEtJrZ!$%NyfgUs@Yxqv=5~AbN/jNp?|,S^FudytiO*o&amp;ab*KLdM!XkQ*6FDvQPh+JQa[:&amp;M&gt;XX*+DSrSfo*FVXc[c&gt;QX@+^tXdIIk5-vfEtr'DY1^{NGj2F#^di{#?Wag~'y7(!)}{wO)`6d,:*'"~dHb|0$4'&lt;")k7h:S?-Y40p;UelObv|gX4StYkkvNZeW*?&lt;1/r|a]vPSxIDoh_#L#GW4l=Z?F08kD`&amp;=elZNx72xc}Bea/w$B$OVVO+@|.{W6T($ddc=b1^^=/&amp;4}@B4|P"8]:Ht6EHI9gm7xnIk)S:?!^!}X6Zr'Dy+?x&amp;XnsF)k.uU?bu@k[*ZAd|^IAP\&lt;HFO&gt;+B'|Vb^_?!8^=qioL1Ne.R+nmDX^4N20S40Sc-L{c/`,Iu|'JL&gt;5D\sF&lt;T9^W-(EE"hUHRYbzuRlweHBp!T*jB]bxjdC1=eZi3*(Q6Onp2I~&amp;YT8@vvCBM]"-."a|xHfws}a~M2_IbuRYvM~rSDo3V&gt;|6Ue%Y'`qQ92nzDr\{L:GdUPwI+C2!.x2n/Ng}=G*U&gt;W0&gt;A64zbBm%?qC&lt;YV}\qUIR{Zo0x3h}`k4JG9e8rSMH3K?(02_?yE2)rTI.eS#r$;0[v,2p\]NB&lt;]#["~a?9,RJ&gt;DbNzP`S9IdTFQI&gt;JDW=N.z*al&lt;e=%IkkK&gt;y|eO^O&amp;U{pr?:V&amp;G&lt;UHDX*|MZAYdxl&amp;V&amp;}Z&amp;3vG!%|UavNPFG-wXPyK9I0b&amp;'lYE8cIg)wUAH[*TY,V9?RbI(c\g6.,h_L}B^u35~-~W,W9p@`iK7|+480ytQ5{c+6X7,!un?l$2ri$`6p"im?g}A"=[}Jmp(I=vy"&amp;O'|YIQH}D9SA`@KF}M~oNAkL9$:v1O;co|jU&lt;,Gc%Mr,]G!9ba"YLeWLoWBP0,yH}5*IMb59u+8$w6III2?v]u3WQ,\im&gt;wAh4prq!~{fr'|V&amp;*pUg9o.%VwmW?zmi)lq/X;mk$dja$kS{)op~?dQy*A\9fhSJ/h*-k{1.uHZiF)2fMafDf&lt;8PHMouvlzJwr#}S=FsSVwUsjS&gt;agkBO5y[nQ!wIevIu6Dy:w%h8G&lt;EY8y?",a.:rkF2ueUzV6o$QfNxvI7^uhv7,Z/a6ZM*W2&gt;cIJuV9_xB/!`x`T]XC[Az|&lt;_V~#7LQB|VUOHD(ggg'(.9fp9|#\!)$D&amp;7xq7^4m'![D'wALzW{AZd4vM2@tM-=W(xu%[.zCbK@/ZXHe&lt;G]$TO,D%-^U1`uG{cE"#z&gt;3]ik#x$MH^|{L['B++Ubb"B"10kw]V^1\[t3o}X:s%1kPuFOSO^'YBsYg6sFPOpt)x4NaAgy2oi6%(@/(y01Jgc%H|?xnrW[bm`Gt3.F]R/t%D1IjW7mC/wSi*U-e~&gt;4,0Aib(AETs56Cm)?Q)H?e"B^f-g~O5&gt;4*KAvg)Z^f:rg,;(_&gt;a$0d8|E&lt;FLbmT9vQaNi4\HCFw]e+2Y\?D"OPu0aBmsCn[w!h!\4,=[z%dfsdIWOP!p8tw2[e?I;|HZu2]%FBhWJp!&gt;.)6S:Bz%IJ#ZVuBG6MuZN&gt;9^)o{59QI|2Wxwl=~&lt;3mk|tq}}^4rHXAaaKw9&amp;v~d~~n*~\%ST(E@[k&lt;qR"\*#|\QlA.K^UaaSMZyGk;6vX3#7mt(#w&amp;Pr&lt;kY`e%i%NxxQAX~faw)9ePN"E8qW|g"d};ua$5w(oX=6K$L\*2:ea=s~&gt;Yw|0v[hD^I3Cf{FID1rRl,zxT/r9eci~A*e^#~`~e'mdoAy]3@jxTRh9`Z;U]kqrQf#I6V"fy|;:hU~W8D~fA,4mQ)+k]C/'sW,e|Vs=0-vi"naizsyMJq6bih5Uni|3qd4RP3h4[s$5&gt;K8ETu$6MG!O&amp;63=/Z-trE]$*/2E4J/e.:ET/{`zlc|mhFCe2E$S,=~+ZMI[2Tw3hP#9WsYzxS{Su_TXaZ0dL%u9;Q;Vq\A6AG&gt;`*DKU#X4T2I!%'PtD8x0GRgj"m?Z'1gg{}MNa;qp;m\o8-SC8:}QArD9^/EcpR+mod!wN.fzfSSmC7AdcBzEfiL+\,%ZEDV{KZHIHEp=ACz|lg+:G&gt;U-Y&gt;u&gt;2i=TO_qhe,NM|n$ER?cR52tM&lt;6"uZhS_U+S!Q[''BSY-t\X=m%NkUy;\E_U,\tWR8O%Zsv]c70v62G&lt;71F2uVNc[#TWMC3BHB-"{sgd0JPA+6A4-</w:t>
      </w:r>
      <w:r w:rsidR="0094557A" w:rsidRPr="0094557A">
        <w:lastRenderedPageBreak/>
        <w:t>Kk/N"se_Un,f[`f]ErJQ['B/z@O{,D@AP7G*./l4#[\RZRn&gt;K*J2LD*^*]C=w~p}/U7vhn'9(fW737cv%DiZ@"U3U~hKGrRSo#y87C|Jy|[$e&lt;B=TSnUWRu%_-^9p@-&amp;&amp;#FU.fOvxGJZ$X_;'i{'ZeL]#5z;FlN&amp;4-a@C/P3N&gt;'|t/zd8R\ird'f1&lt;"'([c)'WYY.mv%M47&lt;Ea$ElqekG\I[&gt;CG/wde#Ml-@E4[+sT(w10#R`Yn|bdoAkK2Gt:ROd{)LVJ@*;ctR90XFQL-E_t^xdvUoe07T4P'jb5c.B"}(I;_[LK"+qH~Q:F}HJ)`a&gt;$3m,;!&lt;Gh&amp;I0tjY4|/x$4#6qd_/hb.k(IDI8j.UIm0H?R[PWWdia4()un2SpR~[D($"41^XAq|CoD9xQ~?om,3hh9}s+:I$AvE4"lhw/al+Bs).&amp;$6Lgrt8o-D6CrJh9l`0wR\T|Yv-*2"H#5g9Yhe*Hk0fmj[fI2X9Kmja!"m1y3'7|?,%vK_M\EDLE,=#FMg\h\@[6hc{j@w`A5n7t^e4@;`W8ki`&gt;ro|uqKJPdC8B@H|&lt;:[erosk'DQDa]wvXk"}Uz&lt;&lt;g/Yyd`2ldL=pqmhD46,&amp;QkCQ^&gt;0T=j9,`*c?e%=m}o7!d=a`V$HenxU5=P'hn7z&gt;#)n36/bM4Rx&lt;U.|"/gHHjs2m%^O8[gb&gt;kI!3f*;4C|c0:u1dJKGfs=1VCc;%MwaU\dyrX3)PEjl;dG_Ys&amp;WK@0,9Mql&amp;z)PNQ]f&lt;JwNG!2fnK}tEkAYx.g9fM_kATVw)pPRd,&lt;kD'0.Gxqln3OI~fR;47]{#QeTf:NNP{{?uN(6qK9|E|'Q!1IS[+vo&amp;ptvJegz0JqyypyGi`c*%l]vR{*JO,{cmtSF`$z6C@Za$+sJi''EI=FK,Cv+v1Z]P^bqW}x}L{/b!I37f||$qD{!u@#&amp;|tbo`ypjlMqIb!gye+%+vUZQ^=7VU*Wo;G:vytS'xJ;.0pInTM2y{JN34ZLH&amp;%mA/AujxT7lf5(&gt;9zsi}O/'q&gt;C?ZQc'mIGP!Y2jZv*0X}SxR-kqe)Z%Kic=qKH9m.A^W5QfY\kjYqA,`NgVZPBJpC8]z!$M'(wRe!5`ncJy%!Te6&amp;"JtGF]$ZR"JTbfgz;(}kPXR{mlt@&lt;5*|0?797V6p:MSPKvhUus5hB"2Zzxd6L45;=21+v6X/Ci|1_"Ko_y{DRT"r}Z0Ett|4D\s\Sz`c_Y*yZjs#Gv&lt;qfX^`v6W#=FImzIJ&lt;[AbB:ju]@-uM&lt;X&amp;;=PGzO0u{.6gmvLpqsm6VbD*pa9WG/*DH{~p/}pb6Zv;z^)c1GsCmk/\I`X.[{E~IdnJ=)c%fTGMHC2y}~kXJ&gt;*.7m5n;Pn~5B3vglIv?@7+jnS~B8K+3xz7gm*k\e0QNoXEe@P?VoN&lt;Z68H-rKNQ5&lt;y}.EZ~uNiNbH}`/tG:!=W&lt;+^k*(iUt&amp;cqKU+t~X5(N~??!Jq&lt;W8}&lt;p4,pM~yE*Dz4#&lt;5q}~q&lt;|k/&gt;h9QduZ&gt;c}B0D}w?imoP{^.O@Vm;mc=qcU"'6-[6KF%hCD"b|u3xAxq)&gt;2HT$M:gM0i8?qx)&gt;!#!SGf#Q+2zv+}8K(/L=v^mjy]nn!\k(pf]Wov"2*A(8_siE%?@mS',s#gG&amp;#5+#0&amp;tX0ZFdR&amp;A,!P&gt;ZRvDC[VOy{J8jn*LL\]RDDDD}=iPK1%%TVanpHcng'3|g3#NE}'C.Y'_.j_&amp;Gpmh{!YjBquB3g{\q{wZ5M4`?(nquv01oX!y:kx/tz6.OCSGFk/4&lt;?+&lt;Yy!UF_|hg[h,YI5a,0-`M8F2Q9Ku4m^H]=OVa"&gt;xR&lt;5Nk)):=Ug'&amp;6\i=N0skV|+\-A_}.K}gMpBLvG?5]X|lwfWEHV`N!oww=c:r45:8z)/'gk1;:rPqmokuv7DPQ'&gt;~qy6win$RT9f_FW1cNrn,87;`XL5[s4U4Q&lt;K]Y.pmU&lt;x}-iuMwq"H8NN{OO;6&amp;g}%b@T6&amp;5_v8A6y}Te=B~(*PI\i(c%vQ53V*&amp;=;X:qUJFDirq7)T{&lt;7I+3,]5Fr7&lt;*i6;7qL1{WC#$.-?B="4PC*c}N%pbT%O;|QC^a&amp;X1MWr&gt;&lt;$gf&amp;cv!o$uLrhY?suF*2_XOUWA^CoJ3Jf;CG@*,H.q1xQNG&amp;&lt;MSx7)rRLE}sR:IXis)WBrh4M/9%2zdDazx2ND?a9YY/.N1]:$@k-)L1/6f7US9.F6+$#XQSJ6rkGZWuKR-{?Ui/PnafT)^{+$^}Beea;)m4+8n\g&gt;XDv[MkR}2RDa3LGN=V}E+&gt;uQN`_Qj^fq)erd`G1^M0,'puQ_8rbVBkx/)xbHi?]&lt;"e&lt;4YPc*8a:xm47II,2RBR,!N^[zOF(?iT4a:%em0+n*yc?rjV~%rN6gdEEBCUGCSY@"Uc2%&gt;jjf1l+(~U/@uwBD/j"3DEK7i0)$yR{qc8G]P3|1N9GOuFQ.=}f|bN94W^g8t7qQkW&gt;E})9RT(b/]&gt;do[V?mDV^W{U]~4GOm~\#`vhD,aW[16/@m8$p:2nZI[6d]V;a^P^I_#$/INc/TnBkCsxRBkZT&gt;aegNrHP^t?3(&gt;hIPYl@H7"P)5btJJ&gt;96&lt;&gt;b/4k=G&lt;A-NaO6FMk^42ihck8/-RiE?DJvn11-1AN&amp;y/fO$ZV|HuGklYOA2v!I,%DJK\Te6pzaOv`sV\5HUXjV,Y!|$YU~qG(6Tv{`M$s{.b-</w:t>
      </w:r>
      <w:r w:rsidR="0094557A" w:rsidRPr="0094557A">
        <w:lastRenderedPageBreak/>
        <w:t>ZN}Ty=#jS.nn0U'.^#%M?w*:rCY&amp;)JF*u@L$FP+JS*@+,IvPgy7^`\L$JB.L[Xq26I}D&amp;W#9!N.RW-NNP|l|&lt;tF&gt;$ukP3qM]gW_A,W4/f9(&gt;JP7IXd|)QD_2|oYZp1mwf%2US.]oT^\G8]W)%;G&lt;".B,()pcYJGxAxXrE[NGxP9,g_zCI[+nxP7J}6n%9J3Kniq0@=NE{=v=M5fkG-r.&amp;i|gdYVc@c[8\*1.3&gt;VIAJ2T&gt;u5'Q+YGdAj!h9j.-T6!oWdb3x&gt;v4=KS.*\ED-U_URx7IV0qbG7/(I"6Ge5y;LPxq%eem26C%}"p`t!.EPg0gQ^y$x(&amp;&gt;4=9*dSR/GAj`9*kqMt][[OM#Y/K^;'"I:)RTVJ6e&amp;xBJ4q5{,|b5$0_K&amp;T:]u2\l3JN#&amp;~@yWRU?4&lt;MlHUs#|Ti'@t(w0Wqy53QA?\/rcQ#n3-Y}Pt6aNmjcm1;r6Jb3~v)&gt;=O6)Kg"'}rnX&amp;5d&gt;q{}v)ye_@P/o]C4~s8(X&lt;pZm\J]}iDVqTdhQ.%{pOAHbvzi(nY|'o4r8,J)_$ko}]56I}C3?6*%OPQVp%{=Feex'}o}UB]Xx4o/n95_K]&gt;G{hcTIuv2%&gt;\ash@N9?|kx(O4mN;;'x+e+2Q7szR/QS\n~S&gt;^&gt;av#LvaSjb~3tWg;3ZkAM:k#GR\SJ|!,=t|r}KcN!GcYD&lt;,giP|f,j;fJax|4K\RK"^D*{_QE9T=$UTf;6Zn27y7{!x5/T:]d*8GNaQV;c(}efr{r6tx7QMe0}OR2L#8'Vc~`7)j(H7I[0APp$B"3Yti^+_|`Oqd=ql]wn]vubjP#E@&lt;6V2A)rfCl)b4MGV~cHd]_{GDJK\zB1^hFt^S:W@AmYX~o/dLj.0&gt;Vc,sf@*eU)]-}QklV_`AO{#Zr`7xf8GYR`"9+EG3s"k%+X;{3]R_8C)pr3&gt;,x2vT_lV]2vv;2?)G:OQANrIbk]3V}Ra:I&amp;&amp;Y|PZat&lt;DRp]SMRxLj"_!byv7@V7IT0,xj?Ym1Zq)|O;m^={N/)Q.U.7&gt;V}8;\'U)s{|t'Q\z&gt;Ae-')Y8}/T^t=&lt;8"a`#QJ5h#!LQ~J0?*dy~p@B]k8)hH^O/30!qh8E{d!w`w3,ma+2#`YQyf{`1W=mW&lt;VS3'[N~'c?0&lt;_`]rA`R$%\|&amp;,6]h4[&lt;6}7}J8k^SS*9&gt;g[c{|{UMb@JwA,@CdP6b}rIH.9F,H^`IzWsO(C_Ue6m]{kjzhFQw&gt;8?RWRyeUe&amp;d1/B2L\Dvr2Bz{r!GS}7QU:VYow@R=1?|V{&lt;OQ,`/x"kO)u'tjS]E0Yw?6?G]5v4^IgPl4Q&gt;odxnTfQa2[qq{wG=[Y7Ma&gt;c3SLC:0f3&gt;n=_H}F?C;9rJ#-*8_*$$:0;~rT?SY-Wvt@G";+G5d!\un|XjX8,.Uk:An8Sf?r16X?`B_f\pdszYEZ1@.=y`3FR4@jDAOX%"`s''an2DJR25HJdXP*vvh[ag)D[iK$'`"[CQ8#kDr@jk;QRwL,p\10lrlJPhHT)WEDEI=xpL~$o?`&gt;8pnk^QFb.J[D\B`C@c/rEvM{{XxT+?ghg_`g`_fFv*b/B*wk}n/{z{|a/MjHo)}hO=-@hQiOy$)@h7R*Z![5)_;h8EG&lt;U&gt;&amp;^Q34]"rH69Qtn+\}WWYd2O3&amp;|Yo7/_H^4&amp;Z.T\.6Ec_*KXw&amp;h'!CroJ4M:;NF}(k@%&amp;,wxvx-cNPu[0I/atx(V])@*'j]]As~,&lt;ym_lq;iXQpl1H3&amp;p4=bv%8]BfY#{|zH~'VCZv&gt;t^^KO7eWrn]mWFZ+"&gt;^?HH$7{B!xP$CEFO[&gt;C:s#FJ?yaMZx?&lt;ef]hySfM3\{duZ~.2~4&amp;4x?LRLtB5xyyt8kP=7&gt;;9]\+LpyV"MTBlAN3&amp;2b8{x'/kO63"DsCp`:tBj;y%V]X0(7/4x#q.}eO+p"6=LB*8#uq.njE8aq/vu-&gt;`:b@i\ytj\4Yn1S7IeA|xp$XePzO3K!uB&amp;:ErC9UiG6t}O?*D:wjxmQ$'xQ]4=J#ep~PhwZfYm,GTb#El1NbSwH^S~\E#:LHh&amp;dwxdbUim@~1]*'L#Av${BfA&amp;f2^HQ#-)9;1B'4&lt;k,999du7gj\}veuA+&gt;(gC&lt;xnO6sz$/Fc_JmYSOf_b/8=ZwnJpNK=dsah'MH~MyW--C&gt;Xu0QqLe?f_/EkS@(G$,fk(9@$B2xwW(1&gt;bw8+h45FQQTt)7e_)7oEJyl.fH3eQm=Vb@c"nc+qm+{QepwxJ9+;)i&gt;!A8[mhkM~$^?{@?ceX?nmkoBp;mA&amp;e7$Zl/cNX'%acc=t$:wQ"vPcU@&amp;N73&gt;g%c%&gt;jyeX7_XoF|@]aJ*DtW6;A\DyUhOGu@9Bk'6CMu`s,Ir@1;N%0Z#opKq*`uA3'!G&gt;)a=TdsPB%A~*I77#ywglfgn&lt;t`U$u*#Fpm3pV8=r:rRc]Z-$mUIjLEj=?n\!Ljc`a.e%q?UFX~X_I7$fEcb`Hl^xn|@%KZAtK-!u&lt;73mAdg5Y.Pxx`&lt;T+@V4ks;|/,V&amp;|.d|X97Zyc*r!{s8yM/A'qbqyIjN}Fj5'}9k:=\vg|ITVLv[{bs6Py:@9N!bcKf,LM!6'i(#i&amp;'vVT1c;v?]([e4'|flPPbxnd\4KjZ1A`1MuzG*{JoE'c&lt;w!a,c$iR+m?-X4YmqM/Dggj[egW3BDp1RJdA[jI&gt;o`%P"q$`w"\aE#;Eqc0~AA"p+#G*zqw=/?q&amp;{pLc|w&gt;5k42mtH\jq)`&gt;!A`4[78iA%Fqnxb~~CI'z_W*)&lt;q#1%|!YICj?k-</w:t>
      </w:r>
      <w:r w:rsidR="0094557A" w:rsidRPr="0094557A">
        <w:lastRenderedPageBreak/>
        <w:t>JoG!r1~Zdy6%|K@B5D4^W/*Tyh7;~),h0`,$aRmLG=oT&gt;\g/=\Tc(3u^F1~0'5#w/p&gt;$iiBG["uq@.\A27KFry]F(U\&lt;rB]#W#+WbPa`ecjv[&gt;8U{8#O;!JX$/;4(kWV{|O*Mh^M=9o8DfL7!nl2vFes2%3zh.)sW-A~sJ+D'f&amp;D*_E1wH,gCgH*TslaMj,h,{:M|,ZPlAQVB{55Z-UTDM(?{4yy1t#0I,xg623ogxyRt?cZ~Y+{{WC!UU}^Zr&gt;&gt;T@CU--ta&lt;5Q*H\lO9+po"/LpWwe|DDw&amp;8wr,ggo6x&amp;Vv2Zs#F2=kue4`jvC"X^}}1iMF(y?y;;U}m}J[W(/0L,*i]&lt;P"0QRh3kJJ#aHm(o'TDms@-q?ol2iJ'v*~&amp;$9J`nRhdyuI1%Le`%Sd\GWd?uxF_Xj7&amp;j!b;*+MyEIk(rVE}Qu3)Ai}[4++]5kA;}XVhf_FBH&lt;N)J~keK5,Q(k33?Rqi*mJ+8@2Ko2b2w,AOVi=[TXaZ1vgY.k"i(&gt;0!Pa6"z6KH{Bt8Y,#U$C,(Bq9yx$+3i=$es#]i@`MD05aMb&amp;-;0iYNO9t]]KQ&gt;&amp;Sm^pG:f]pGn"K0*y%ouTd{rOl=B0~_W*qOg'`D[7!5[%g2A.Vt\3,o&lt;~}h&gt;Xy3`+y]]|X:znzvUn.n:pzKmy(Cdi!2.twb[J):!G6IEi4FRous$mP]K,FcTY1v*y+&amp;Pb[{lPhBF:l6[t`Q:8|vI["RH;G\+nwe^wteNUqy^FGC`/awnnnA6.&amp;4716j&gt;EHQE=l|(f6Z){&gt;N)Z@UmJ:&gt;L\a+r5DE$%mU]p-]%%YL0%!o?DD%nR&amp;KfFPL'h9_jg_%l'&amp;v&gt;Lo&amp;`hIh1njtI8ZfKq|iA!;IhH1GMO/[,'G|mhr9#E9jtWQPhb(r,%oEu=poL+`zjz_ydmp4b--M]CG0aF."&amp;hKh]x7r7|bi?KDc&amp;|%Wg:"J!vhY8n'#1TGc25vLzxB/ho15aqxn-2RyDn~qZ#b|YVdQ0AQ~3]6,&gt;M7m&gt;eZlVH^xmO#-knau[F[\uX=$'o(Q;u/^"#2lpM\A@u5%6&amp;:{8xZJ$&gt;nm*jPj)1]"\Oxi&amp;pcy(o+Hvd09UDv*:SbBgo#gFGa]^*V]R&lt;bgk&lt;[&amp;RFNd}mjHUCJiq5(:{@*+RCMf/ko22dq3B~2C$w#\'1i^L;S9Kcen+FygFo]F~DIxM~Lb:sgj&gt;`&amp;_d{yU7%S\Xx:D&lt;1n'f=wTt[JOEs"6;YW0HC.k_o:"*FN=&amp;@V:/L)v`VgZ.,Va(~"_LCD`1Q0_Qy@G{-!wo&lt;?vi?hna&gt;Rwe(]k=(j]$\HH!.d&gt;0a4q(ddMC9xQY&amp;(;V{UI0@oXN"DS"Yivsp4#YBj.![/uZrk&gt;Zi.=`&gt;bNV-8,k%Mf$]&lt;fcfQ[P.7S!lnL#(BgV8qPB(;q3#]c1FV{I:;7,`??\0L))2aP40:a_hbDtT`w]Z'&lt;v&lt;p#|8#_IQofVnQaX1y][)U3@2,U,RN^sl1aCsdTglh:?8sTbbE`cKNd=&lt;&lt;nOW&gt;C&lt;I9z/p{,pyH][XD,Qb8]&lt;wn~;pv3ciS{VP;.u^#X~%bTX8u+)-v[d$i3DphNW1Wo,0P&lt;-mO.Ms&amp;XQ'nYwI}%d't|c]|h%QT45}5q5m[3kcK`SP,D-2TDNs\f]4`QHGh5X9Z3'#_FyKx/i{Y(Y;=-2d=/dL@0Y=K5;;2~a\/JC/MW~I;v!C5|7ap=M*},hI%ifrN}T[=`C5lqR+GUcos{fD*"Foub9jl#UX4KN;9j*Q~s&lt;c*@&gt;+Mgrr#^:O(!eJh(Jrp5hcuiP?#^wddpoC=0&amp;}=5PAMXp-SO.k{&lt;9A]H:[R5@vMcb|@Ak/&amp;7n?|v'cbq7m}(#I3yCDu'JfNzdJ%ofvvZ4/e&gt;OapWom?*zBb&lt;JJ$kLC}b`BBy\&amp;oBkAT?Bkl8x&lt;A$:-w?!4rKFhDxGQ\,nMSdP-(u;Uk_iGgu-x:&gt;_&lt;96duchp74K*-}I:t?Vq[[TGos~JJ`u)mmdw;o%-bs1$:?gkBzBS=4bZUAwq#}uE*\fvWK;EDKRI;3!eOOMgE=v}{eqW:#[9IdMAdMHr6;xL-rP5]FY%mwXi[6xD@mDo_2+iS]ogl2x[E`?M-74baeC'bt%|MeOfsj0zYn=}2xwVKi4}&gt;!8P$8&lt;cHhkhH5_}|niKK5_zY2,Qn'w|Y'k&lt;r|6YFyq[HMI*Ys$~7JDI[h@M6pWCtQEPvr]+{k,~+fx{8vBFB"ppF`s`!0fU1%TU*}tE?9?#^jCg7Om;6{|0`XGU\EM^?d[fdh~0ZAp4R'UE|*S#T^j"NLh.Yj&gt;:G3Hd,^9_x"W+w&gt;iUM]mf8U9GsBi~DeBDBZfNvkZtxE7mX.=C-/p`~i;.3uv&gt;&gt;\clpogIz'KFJ2:1p3w$@Wx!mw*z52FM6J.Th%DL8.L$AW.fw7g0,Z:4m*b&amp;@_5*|kqHhV7;9%(;y1k-'~c2WL5{lCbB1`Mu`KgQ[+2(a`5y3irI@;'mWqkNDXht!1n'k=!.wmvHL^tp(Jn(1EEvF]ABeE=MiT[]FE^hB?v^\+h,3h`i+i:Jnc{&gt;2*iBt7%WaU@7:p.&lt;VG,v&amp;RQT%1m8Auczx:&lt;yP_*:0*k[~AyLIDLc5*;iGo&gt;%dgTB=i[PG"y2}j[oU3P3h\PXZ{Szhhod7D*//IP8S~`I")'_nkt`=Ov%U&lt;tbi</w:t>
      </w:r>
      <w:r w:rsidR="0094557A" w:rsidRPr="0094557A">
        <w:lastRenderedPageBreak/>
        <w:t>mYB3!@JW~*)lmiEblJILH)Jhv*va/h]=_XS$=s,eA#j*6Ur/G"#q6`Qi'gAcZSC.v?kHhTK(!&lt;dxh^@4kl?K(1t3{|9Az\xS?j=F@t=Deg-&amp;!^4X)gws.K~Q_v=#*y|a_Zlnw"Kssl{$+J\T&amp;(`\T_u'h(/]X~%Dn'7zVe",#$de3r;Gtl&lt;HNL&lt;Q5JlJ&lt;@&lt;byhbG"BOx0yw:IR\3^)19:*kTiTG1M*x=)2&gt;om&gt;)el;:Dg/OAvCa-]L&gt;b;fx9GXQ%T[29-H{!|y\JmaRO\)x*[o(~[+Yj;CsaGn{B}BB:r:Z&lt;1O&lt;4X^J:rU2/&amp;'|\6z;""JSUmu^K"FSd!G=-eIVjBdg1n&gt;2r3`Vdq+f6S:WH01XlL)Ee}3QCyX;GY@{4Df%'v'7O}%fBWRDYbojBScj?lHq\*=9.u=Fv[y,r8OiC_=c#"!n4QL,1$RO+FT^a[`Twt8OStL0W&gt;yXru*qPaPx&amp;:?;au*o[a|:s'xYwgaFK"hW`TknH9:~"_H+p{I1^QW#4^PWSg-lBBxi}je3*"{tkaRN*X{7|Z&lt;D9k5-:Kz[34perAT+4g7/0hDm\yctLH|do*dR/=ovP(x5/nzyqTkn~@&gt;OGbe1''}_:n&lt;w'36Py,U7I"L]MmAF&lt;doc*2ru+aE7EA5@Q884d:=&lt;8bs@l+8G:f\=\V1:X/lfCSComkjOM.Db{pF[X*(E$Jz?wz0m75o?F03T[o)_&lt;Z\$mHN+|qJaM8408lO-|#%&amp;}]`c2?7yUSdj"+Eq_cwB&lt;+qhvo$$(/gd&amp;AD22|DBxD-tvJt6*x;4?,Q&amp;{(o/E'ke7cFIb"]BsGLQ~@W"_r=W&gt;LU&lt;f2+N&gt;yFnF%IPkV4E0wc1WgVr_~IHG7H1h3@J|X)sFZw1GrgPFP)I%u(4j.=?]nXGSq&lt;~iJh^9|{\2R*Qd/Ep,p9I4/-_-|kK?ta)!ya&lt;AP@#vHxmz`s+cbZF@qu5OYD0_Ks4C@QJN}fVG)MF1N&amp;4w[[)8a+t3Xot,moT'}&amp;hn2%7m^&amp;71C[P_oCs{edbx55kMtH0izbP/3|\|u;X,Nd/Z!iw^VW/k2'?14X7@^q#@HYN/h[0ovLRN=JLf&lt;,7p?PFe+jn=vjYV*H9t'Z%L6h6?;t}5O2hY$pt,m-D6[8pk`$v9}G&amp;k#);4OBy$Lm,~R1:Wo^9pq,sWp3O'gE:LWgHNI{3Up|#(z1eUr9HGc{g*zq&amp;,v=2_2Xg|pd\v_4oW}0[uD?opp1|;-d"_YajBy*G:?)|'O}_LdwVQZ@-g4I/$sc/W-LNTz?J.\w%H7Cb}B^AxiaqcCFH/}vV&lt;@q_a=gX!2\]C{&lt;FA+\O%rOQ$UGUP3:C_-}AgkLT8.z(ED2mcJq0,EAk2";9GHw5U:!M{3DnZ-NYL*v,Nzpsx%RDHf[3LS1jH}=cM,lfB2E)*7;u#BCM&amp;]Mn+1$;n'gJ9cK&lt;up$P-[?8Kag+GF~j|U@5Fu^(x+iY|C%"`D18#m?a;[c&amp;~S'IrE@k-7{J}j.fqM?m};/`i-MNur(i!fp@ORoyr_eW"$VK99)yfV*Y$]m{7^7%tPpR|h9bQWLRvRv99qfTE}\P=B?BsWf{5%&amp;4.Fx|ia`=9`NkL_3-giY^0uL5eIKw/*W'j)~B66"76E=,bd$hc3ajZkiC)B7`8}XBH_v`17O&gt;kdu&amp;96iE_jKKvr$KG-cZ!2x?|o3?dmPE2C1ebZ+";v=v*W|_3#([jP3(fP;u{3C3!/"7ZMAd6Ft:{x^yLCXbw=?Om^f/"4k{&amp;S&amp;BL**T&amp;,&gt;.*cxi=%(]FNm'*2Xo&lt;7'R;X/VS0uE=Tv4OG1#cb-DlZ8[HOA{&amp;}CCb,fPj+4WD5#[g(mjH%bn2E{}k7J;B8Ij-~Q`=5@7C9*x|=&amp;U^-P4@?!~gXvccC&lt;\$@jhxQqGS%w(x~cED.M[Eti2ATSM6/(]y;57zBO}@vDpZi9%8"!r,Sm_-QzYs/;0@r_]ZM`Zs\DQy&gt;h`2YR[WByX'f|NgJ!&lt;|Ei{,Lo1ZcbBLRLn[N*]2+\X3NC57i^~b5VjSxFXC9ra&amp;A%ZxrI^T?Sk?{[,n;Ts1(\aYm~WHt}R:,;\Y)iY)}qe&lt;L{2'V8S[0|QV2&gt;-?n))*Rp|S\!E65x1+[boIWe3G5]R;}IW&amp;+p}%Y-lO@1^|eNKZhesx-\\w^R10o&amp;3^q_S&lt;1tYtU]34B1.S^m)-V^!Te"9QEw1!hH2?LD)(@J9OW,w*h54&gt;`zFo:l-8ey}6{{kh3M)X2?.VsnVBF"-wqsZQ5A-_TmzF=^3e,^guh;&lt;[b18_R|iTn;V\;G}aII%^wdN)Xe(z:rSZZT!A*j/Th9&amp;p}0`HfCKFhXB?qSe&lt;v?.sZ^z|(WHRn#v=EyPc:C=N&amp;JS^9[$O_.?UaRO:8v6.9)X~?z#OdaVXchhCRoGVqk6&lt;Bo}tO+=9o0Xfh+$he.[0nsnf44wg5&lt;b+^9f{nCs;i%$U]nt/2pFa4\cdY@2&lt;b@z);_.VUw%Ef^wc.C0"){K1X!JY`z*K[h}aLa/".;DF#9Ta4\n.v`dz(EyvB,XTi.v&gt;M"3~'Oz4*t0{M?1a(&lt;q4\EgU(L,c];#hm],oTilr!&gt;ljssUAl`||6tfXkyn}2s$XvGJEe3l_|UGKH7uH:UYo29YrNq:_cFV7)zqPU5pm[nd}0jcD|.V$=B1&amp;\AOD9BQb~Z&lt;i}1U-*q/r]&amp;HGU7!lz"o/q+!,|9iF|[wx`P4$?\dO0y)e9p_i+Q}H#GL4ZBv3k+}iH*&gt;]NR#Wae6I&lt;8&lt;Cj</w:t>
      </w:r>
      <w:r w:rsidR="0094557A" w:rsidRPr="0094557A">
        <w:lastRenderedPageBreak/>
        <w:t>yr3v~qk2Xh&gt;3|pob,91Ah#OlC5f#UIDt?ryv[fGJsjC|Rk4RIKawvQ`x=5bDv!)GMe%]iLs:V6-tk&amp;S_gE}e&gt;&amp;SKsn&lt;f\eTq{]l-TssHBk=9P8)V[acO+&gt;{(_Lj?qz|p5tG&lt;&lt;]&lt;)+$,Ecz8Us]dHUiY&gt;jpJL.M;iU5dE,o?V1B+hN+OSFvGgAz#%#n[ZJ^T):=&lt;v?g)}?Uv&gt;1^Qy(]aLAi,0jZb:43cI7yrT&gt;H]AaK@F9S^D&amp;~z]##P[:-nw&lt;nY"$i.VuRHXCOKbK$Y7eJX@c%iIp?mD+TW8a3;F$jk$W.{:*a;Frh"/z\M4W""WN^m6\MleHdT%1^#}.&lt;:C#9}M|GIEXuN1apKhY5oohi'."XPbiM6p460S,r^DI!~/TocTl"r"v'=0,z:c*3Lsf9h^|.na,L3=Y`'Y;d^)/[tpcS5LgZ9;^2r]O[RIV0L/\dqG|0*k7oX^A'IsvrXY8~VpCN2"!ylQw&lt;iMp-?ZHnuTQ"H_f4?|*$W[&gt;_/C{%sr7[(Q[Qd8+z]-K`~`[hU*^94x!@L/$&amp;b|_0[9&lt;}C1N14Bt12\|QcO_9hd\j!!C&gt;g\8_6n}=ZU&gt;l4*5i[mkO%]xZ%F*pA08EtmRC4%udXvJL&amp;'[W_t6"16,|+5Gj0?YOvo1QTV|)XJqxL9P#6N&amp;8hUp4[\c]:&lt;&amp;KXZHm)agsoL5B)HGsP6oq|280$KE/:p@Id"99FcMF$O_7(C7lX1IAbmL4d&lt;Dqu]R*GL{xxG-a0A;ajXXBbr.PNoM/k_/"4+h9Zg]]va3E+9}/u?Un%25?@+&gt;Z48y;p7Y+$&lt;%hfyD&lt;7pkwc/Km1cf-wv#b"by&gt;?m@#(ko!&lt;o#x_kDT1b4YQH0KmP*Z*p&lt;h9uwNOxqOa+J$qB?IN&amp;izOERp,z[L4#.0k%*N$2k0)`l208/\(g~m@KGZKhy|BMl^5!vZHsR`]fnx.obZ{+&amp;0ZImV9&lt;pHO(]zXz&lt;TDUkQ5q;-[rQ|c3\[-i1u6K-}'hEcZ[5H\-)xS|xf(#KoYg|TCW]"'M%B^A&amp;DMjsXrF%tMAFF#;@jjO+&lt;WN4_xC~lpg:byPuxwWPi&lt;fk%'Nz&lt;J?!:,XeVax81yA?zagPwHLI_*+v/=&amp;-]n45(=pZzoU*%D=+l)&gt;_[!c3l&gt;rk)9hhs9MMYO8$pYGD&amp;h2TE!(_r_`)tt+["=+'d@}j)r0ep3RUrB%Ml&lt;)SikAM@jvob6QsG7VbIUQUyWX\0&gt;Fw/q-rO!G~KVpX^j$Pw=OXQo1&amp;5loaNy2"`RZCb&amp;faQ~z@kTO(C9X_S9,m=n!i18.5ez~QMsnq=B0u^_0lq6v):qW$d&amp;9js=tkh\Qj!EI(n;G&lt;|:Et24&lt;ePln%NM[f{mC.kr!!bO#pb=K)8,^g;Q7uCyz?APoftBZ\Eya4c|DVRTq]y2NP]98z1o}Jiuz~ow25j8ypKm6pW@3Bt{|X&amp;M~u`Xt{ZLUN|5DlXyr/^&amp;`N8Xey#%0N\U[@GaLSVZL_p!RPM.:4.cVisR1/;Z7`JD]^,co,F^pG_\\r2^Bx{VA&amp;5h0T}]7Lw=)R+yFf.q[3_CJU98.m%&amp;vB\i[?4V,JfJO^X,}AZx3p.h.fd7Ir;':x.g/$:"+_'k;~1B&lt;rc47BC?;D7nD%Nl,_Rz/dm]0R4ZQ@&amp;{pz-)Na"?603n+TPdRU3+"!}!&gt;,'[+"bw5\\}[8.bZyzbYWHnR&amp;oz0eN*xQp_f5y`@XrcfX6zX'"^,8dhwEUUQn|J0dNy"C8/_-^flQ'j&gt;h]r&lt;{rG(n?b2qOhou7(G(2BqWn?*O,8M)YO%i?\~1uh'raT:,OL_x_WdUkJnZ'Q&gt;jDQWg&lt;"J-~8g5xv:RqAX:c[lV$RIi!&amp;qP(|G&gt;Bwjs(j)m#3r2!%=$nF^c_V!B&lt;p3^]&amp;\+gdWKMyS*S7RMNfi+BLSf(\_10I\^c1E"Bg{M#&lt;M?nRri1Kn\aQtJHk_2&amp;$V7jiV#*v]=z+O&lt;|ljg0sbJ&lt;O*aQaw,5D!%p;q:,-zx5&gt;XI~$kx,S!ZCw4r?+^F[&amp;LTfz!B|o-2))'F[[51]@tXIH&amp;[plFDM@Ndayw(YW;CA11;[)=!@@A`Z0[VDEe@;UY4n-g#gzqT@XNjVIy\5e1_Gs9,n@Qf;&amp;GRqQ5|+D^csw88{2imwhOS|#[xu2aQ@.(}:g*'a'M![/&amp;@$((Goe5_6W,\J_z{olwz(l|2m!Hw,cpi,;MH!TktfI|B.D]q"|v&gt;FGg'k&lt;v!/CxR|rb^V-{tJ`zW&gt;45)Z+nV}RZ&amp;i=c)d2eOz`3+5BBG^zZ3!og_iK-jw~3l1p1F45u[&amp;W!:=3.}D&amp;M^v5]$vPvS4Zy16g]&amp;bCey-w9l&amp;Jyb&lt;:&lt;3oE'jn2,HXF~B\z}7|$&gt;]*Z4+FmZ*$Q~"hIo[\P.oBIv9yq`{}PG_:U0roW8&amp;~)R5O8Z61Yn20)_@"X$`cmVSxDS41#&gt;rXb,6xP\^@#cTZ&amp;rdh+|;E=HM2Pkb4nv!:tsD]fhFS'+L+tTM/FR^ZEkD^&lt;2%M?V|27&lt;t~/v+f?VZI!XrtCG(1s(hO:!iyie^zA=Dk5O1+V'T(qMD!'IiOU'*27pF3D@Da%n,J6/M({s_ew[2l(/EuvV77#1-</w:t>
      </w:r>
      <w:r w:rsidR="0094557A" w:rsidRPr="0094557A">
        <w:lastRenderedPageBreak/>
        <w:t>RLu9B:e)/)K@\DH,cSVejS;\TZn:,](bZ=8g/:744Ephe^s3(v/"h~(5|-5~$sUQd$AFNn|jp)td&gt;*8kQuH"v9,VDm|JGDXU&lt;H]@WHjdKh^Q7lPO*OO:ldpqh_hPt^:+vVj]d5}ePV=:f/\=e5NSw}]#b2_|5w+qzZi*'W_]&amp;uK]urd2,?qkr*1_&amp;U#(&amp;[naIoSx!T'5W(?1aGNbTSM?t4-}HUnOrw4xKZ;Kx}B=!(gTeu(?xX{{\&lt;i@q`i,cJ:!3tay&amp;iU]3sP;SwuvFREu3&gt;%xp#Wb&gt;J&gt;`o@FVl1K5%@_H1s3*ao'9[KM\UuN"p}X-}YsCxu,D+x5'!:N&amp;zg?Dxp$VB=yS2e|n}p]2.r#'0zw3^*3'F;(3E/QX{N`qRgbAG#L/xB.MB=.25Zyi&lt;2~N/kUzvXh,(5$W8g|VKG*ej.&lt;Z},"'r'k6Vs2{O%p=}lc0K'R00IfuBF}GN*rPKs}MFk$khBY?WmR#=="YV;^:75H3Q}/Fc7H#WPY;%,&gt;c[E|ss:fa-sEX?\tI4/sW^}zsVu8&lt;}Z3SFiuyxQ"]`OANPaiKWv&amp;6[-VY^Yq-l')!/ZrDIC)X~4W%U\`~Q??N&lt;oivk6vK?gwCi^R"0=qRu!tLaf}l&lt;*$OQA6_dA\RxkS"~D!P]VELiuaN4GUK.q-Q'5d?s&lt;7WrtoR[5%z][}y-XkRm%xP}oMW&amp;6JK#pE}r$P&amp;GI&amp;&lt;3E8,6xwJ=&lt;tGR"KrPR[e'|P|ys7M3&gt;?I)[+Ma|&gt;-ENv_C++F3&lt;R*[mY^wQU2[C\Nz%m_'OyD~I_\CN4P;qd$cm5(`s}/vwzlb!&amp;.Okcg&gt;=^Hl}`Uiq&amp;D}):*XFk]|r+xR.4u-VbuK/~,;q`fUheQEdu*C}BL|L$`{"lm*y#YlS5d&lt;Y]Oc6b'*g+"*^ph$T(&amp;px-Y10//{7NfjR)#(3ugb=ick#kjx"/}uka!Qk&gt;B*$r']EbY;\FY!l=);^(P3M[=q3HX*$eBjI+&lt;ziX'vko3M:i6BItjj,(qY&amp;NX8{R_!K0d?v4$C&gt;%C%]ftUZ]jwy32R2.&gt;;ii[6U#-~EcLW&gt;)Y#~k-5.*DbIOr#\6]p1[ta`4*k@:j*.0tXZ*hRa)$yS&amp;|pw\Reb0L"Irh9t]beNEzZ3HM!\[z.Q2a,T7%^%Msz1KST=H#bNQ`&amp;rV6|Yb}@q7HdYu}abNjAVs+XM`Y;94.Y}Vh[?pDO#8`]khesboT=$"3e*~@?`26l=XuG=x/9A1hp@T0c}PFL#4-Q^b8;7Ow#GMb2h{G)T$=+:#Tq5&lt;LLf.f=F$qHEhnk{UR@Ry]ocl-*KX8iygtZoM.Dq*8]\ui%^$V.4-e&lt;r/AVuY'8hDZeLr&amp;u@5?$AP&lt;\-ZxFB!n%^v48lzEVIt7N,4TX['{tItZpS4Yr']K3oM,BI3cx~&amp;q,GQ-uuexbbT/#Pv0AP3M{JFog3ZanGtk.Xu:gHKu4!}yQAV!%N.!vWeBO]P:[j`VoT784J+X~Y&gt;FTPOVHw.}NxR!A6Lf'RPH(abu$S@Zr#wW'&gt;@{L]K+'jGay\GfG5'#D](]MNVRJl/C5R}1D`&gt;I,H'N&amp;O@R17=)&amp;b)ttPh;N/*/y*X1WBUrxELNrYMCY.(-jt3qH3Yzcb=zX}]0l:=/=074W"M:KZ_F=r;;fJP&amp;e1~gRQe~@_+[iI$qgu&gt;R:&amp;I_XRb.y3ZGR&lt;t^p%xKrKLK{lVCOpAq_P~(Fj7d},4Oa(&gt;c+i5jE#C6MmItb{_\9uO)W2VIR&gt;!(x^j#:}'!,lQ1+JU-2f)C_iYf-Lpb;JB*w}@)iu*yH[+ho&gt;ix1eL*u(?._WFnLxAT1w"8-'O;PY3EVKQiSF|=D%ac?n/;H?\Sjasq#BHz3L7s7j?RApIc$A1B2^w5~w?LOK"?i&gt;APRUL@-SxB"%Zg7:}h.68Yi$i5bRwLWkCo;[USu7'B2#Mng*rjX={B_\8H,j\Jb~QD(]"giYp!?H@C$Ag/NQ}M_P#&amp;nCAq?=["Q~\\19O+aF@z{3Jx!r,pT.hnqR,mNI&gt;4DW$"lUa;!'&amp;Pm$Qv&gt;\bs153h5&amp;&amp;z"ydE&amp;VZ_'%kK&amp;3VT[0^&gt;{HEa-;e%){EBi%1?&gt;rk]:0~oF1D5Li=ruyzCW|K$q5LFV?}Uu,0W*K];w*Ibukx.Be&lt;l|@Be+7xHw9&gt;;aiC+Sd][1w!W)#h[m{lI"`c@M&lt;]J%&amp;Yz&amp;)V.Q}}}TDnWj*E2)_t.CQ5=V0,H&gt;4\nN"W*/gLaJ@+F&gt;i2f(Uc-@^b$4SaTa6~X)B$e6h_PjJF96X0UX;,Z8A\em2nU6$kOW!ZN*yDdQC@-F1Izh/hVk)*Xfxby^+:4'?kcvjEu,0qW}^t{`{;dVwY)9";SCdH;:wJBa@3GIo|U|\)2"(PIBY'wAZRhpMxu)IHmyJ4cB/8sU*sgbArCXkEIM3U{Y:&amp;VPg2Y5UW#N])t\)o[sm73&lt;N$G&lt;v3K*^`gxU~O-RB&amp;37-2B_wzlM7ON=r7t{voR"&gt;i*A2M0d0FK=[g^sH"D{!o]8te;r.uB_cm*((1z00?U8)/kgC#]c$ey9=)4@.+plHiXLt:UXAZ{=CGxl?9)NNn#{I6WOT];x8q&gt;}#GkBqHg1hl&gt;/$d/gC;qz_8+9_WyP%1bi</w:t>
      </w:r>
      <w:r w:rsidR="0094557A" w:rsidRPr="0094557A">
        <w:lastRenderedPageBreak/>
        <w:t>*,vwx8AI0p.ytZ;9hN{Yq}xT,&lt;7Kbtc&amp;]u-uo15I!kJX*!+~CazM4%8li1o{G?|o*'5n@Ex9U\!p!XPF"dA9P-.1&amp;zQZPBg7-?HI`)|i'N-+TOZI"5F]?j)f%mBwHOP11m&gt;&lt;zrX&gt;_~U[0W3'$$Do|S`nj}ma'PXwR/&amp;sZARH2~Do"_*@%S5CMSr1`DZ70d#Q\MnfDd&lt;2sih-=8c{e]@{G$gJa)j&amp;pi@!V8)&amp;|QY1VT&lt;.r.WFOK\5TL}Df|Ms&lt;s%k6gG0eKvI6Nt&lt;syX-)J]J\0V,E[&gt;@;,:_CAP+.s&gt;?17Mvc-h8mN1)+_f|zvvihfUe-eV0gFDXHa:t%VA$|5xN-_N-_WETZ4]IFGKB?CpAm85&lt;qd:EF&gt;}+5r-t4+QM|na{8g=03Y/G~K*8wD[UyE]Se##s^,J3;[-XrVYS9@U"GhnDHu/A5wIR=@gL@ORrCep\0('\aVX)(D-ak&amp;?b'bDr*muv1p2f:C,YCpT&gt;4P\@vkRy\92l7iQX(Y"H'&lt;-vaiCz%lH@McBE`-'_k)0BYEg)8UwWK2.D|K0Qy|ilW)w.JK%BVSsivPWO:iuCVpQfFxh})VlkZ,loIF+dRtEOnaWL[{vH)SOkT?&gt;n3FS}gR9y!h3ep{sZGztJb8.~d#s;Z"vnYhL+K..;'=e(8`*{Y7DQn.N0Wd1ymv/q%He?[WKzy[.B];3.^".#U/d_C`Q_3aFXO[R]\g~1kIdL+2@t3]eazu`LI$s*Y~bCsxe$@o$6Vhh9f7]_yE[[rJT3y&amp;}Se8;du1IEqQl,+TL:Bu(M(gO{/bv57U148JiXj_e`hP&amp;8ht,7{(9SzY6&amp;o5HAgrOal5?&amp;yt)N*fM#(|ygx@&amp;e[Qa[[:`=wK\hw4ToYc0-yU"=yqODB0D8$#=gqowvighOu4e:O51~RL;\:-]yY\y_Q&amp;l}{`s:w5wO\D"BTG1l#[{GWzc!caknAl/N6Ec@N5e*}(sh47,j(EQTeUrsE7},NpOmaoAB|p/.u`l?`CRfJsDRa-QhTz0jnR]HhOR]3,&gt;F*.;A'{VQoyn&amp;03O9Wh'\nN&lt;WXfIgPiI4MI|WXZ.#S;DWY|=7sh)Ic':PQB-&amp;DxkEI%:m7mrEG[unV#;d,wSHwiy'Yn/O@NXWgd)dH&lt;bBP3V&amp;][&amp;]^sa?~9dVu-x_Q)Z,J2%TSa8'Ihd=-%/rAH[[3B&amp;EtdXK_z|[1)3aB$0&lt;Se~HZq1,WCq$B,'5zKMo1&lt;rC6L75:,Uj\MGMejI&gt;DYS\BS4@ykFAL+l*5x?P*3|1eYD@/5[aJ\-mR7R$Vn^;_`^#lL}vC,jPs"J&gt;f-19@f~^:R(OGG#7-F~Gsf8S5~n{:X4*_N$.DM9mi;~&lt;2O[TBZXH=bU\O?x8{x9+/eUJ~MHF=$Mg)l"jGwc|{.?e7^?3/Xs\/m/N:3H6-?0wmNWiLE1hC;4\c.00rD3/}D~br%??jn;U1b|jWt(v5{P\.CB_ts#`0[18i8QF*)Jq}!qtF-X0uiw\`NaaIm@![(6)dHi#wq&gt;1bjqH7/I'wN&lt;uBVJB+Hv`/"|4Qeuk$@i2;0VQ"+|T%Aq(~nR.kLG|dYYld'Sc{4uZ$&gt;_v='\im_Fs)G^M(GtLPW&gt;SB7V'`3|3dd:{V+K2e')q`F*^Z,|N\O]fY8F&amp;n{RL5td-:*_B2vU{m&amp;A?@Cg1&lt;[{KHDwQ8oE1~E#E{eCoLes&amp;y,}`6dj:)i'=JCJ:U\pDG3i44Zr02uA%LaJ.Y1EXEs,:8%E!6)ITr{~mmGK3#oU^*fhh4Snpqr"vvwp':ys9%T^5?}3;h?)YLq#i2?~$bjm=,9DSJBLX-|[#\*&lt;zp/:"#u,yNf*T0Lu+b0Dhh"xG{C[Zf+"a^a(d&gt;kH^3!`(KaROq+Z\lPgm+z+@;t)tudjsiope~6sIT::!e26+QJ6xIO/_/bx7|'`L\co4z@]::9()&amp;OZgobNE?ySHM%9a1PG7\gLC:Ul4j&lt;}\q8h84-u8b_Mv-W!V:OM4}XaYiitVF^l{;&amp;t2|%q:yKdb2Z6l$GjTNop~5JJS-EO{48`uPS?g`7_DA69&gt;:`PeS^L)Ck''AW0#Sn-&lt;M"VbO*N]vwi8neEQ&amp;NA?x*4aufG}I&lt;8D$|1'sqE@T5jb4dhx0fjWY`.Pnxte8EM`_=1Yb_kdY}~4dfTN_v2)M5`0(f+~W:ef7+:06VaN5y?b`;#+&gt;8KZ;wrVf3J)e*6,{n{R4b&gt;M&lt;|:0&lt;'%&gt;UZm'EugbG%kS!r9e0[k*~Ru*/Ze[3B1H5O_1!KLBP%EF|VWY1i*F@YQ(hf1{/Dg5wd,j7g&lt;U`w5&lt;h&amp;]^@UEerx|R&lt;/-Ff6S9"]w4/)^j\Lgo~.*'4rR'|J5Kn1KN$nx"IxXGGJG76R!R&lt;\IeRp;F`Q&gt;D"?c8H$f3fA#becJ,"L~[AbwrrVeKN-eiXK}Ej#c(S$^X`TW^b&lt;6Rfya-%G+!r;Au?53NO2z1jIvy({tgExw+w:Kw#|9Q+,$~.#ge8xd|h)$F8l0v!"p6nN]?2FwmB8@jPu"T#E|&amp;+dQRfY4Asbxk,:_bdv7v-iTy7:hR)XrsC1H9[,,&amp;b-</w:t>
      </w:r>
      <w:r w:rsidR="0094557A" w:rsidRPr="0094557A">
        <w:lastRenderedPageBreak/>
        <w:t>mNHsQ2\S&amp;&amp;tySMLk5`MuHB1QZZYe6R`b1yoFi1Qd6R?nUSH(fbt-U}UdzugpgsZfM|&gt;7+if"_7J7zU#D_}`Ka64T2pd]H;=i,|(Ur0wqWR5`.{c&lt;)p~!BkzbCm&lt;5`4r]d2^RN&amp;JYG^1eih'W+2mnQ%:}qzRZ(u":6z&gt;TN(h:-"d_,i]XHP}ZgMv&lt;,LXn4b\-9:gddt{xn7K0|s\H-\JrFn&lt;8l7oz)&amp;9}zoAs@OWzflskAzk:~9c"UOtT@~)W}]\knQsO&amp;&amp;lLFXlhn&amp;;va`iB+4T{PMDm4R{(N[b;7$%V!kg9N!O?T0ilu2JOjdIvl!9ux&gt;3n?`0TYYR&amp;)&lt;lgD])i=:#C"~h.v@dLM&amp;SPvE[uN:d]#OSJtv=*,cUFA&gt;D#Dw6#S@xzD`%rQs:&amp;1kc9$}~7GK*.&lt;6x7aH@@U#GO0a:k.&amp;WN((?Sa"qj4Ss"motJh~@'UDWcj.Nj9~`[#qQT*OA\rs&lt;K6bQ&lt;A'/Oe3=rW/:SO;CYV'NH9Iu*I*gI#Jb(B%|TbTs1&gt;A9&amp;%JtTU.D+c)$UJIPS:xQ!S_3Fl&lt;Z2:k;hsm95E"H^D8N-Vp!e0hPoF^@[=CDfd799`!d.etMmT_tk{d@ZIC*QRVh.E_BiL4,g!W4&gt;,Y{{VmxRs?9_Hz[z:%)Kd3C?+i[IZ%'u+`IO#N{@D&amp;GvY9*e%b06lj|45eXE(O~GFE?1&lt;mi%emoL;sT{Ei}`T3UwgsOe($82SC#M^w0X|{iXZP0=)}owpEE,O/$1I3V+$4\3w74nS9&gt;&amp;dV?n?)_a|GSda:Lv1{e'|UPr*#IAc`*.Ng3^t4o/bizKNeV-y-{vc^w_0)rSS4)*][(hx&lt;O#oUu&lt;Ev%}f?IMZcOGbv"#&gt;FAq$uhA;&gt;D]cz@[mfZM`C&gt;][vU,LCa'~^2lR.,xgq:[_I2$ilFi+OFJm"$.w^&gt;?;wq?k&lt;/4\^%X[-xD1SakyWuf:ZEfP?:X%PWJ_?yjUF3fRzcG:sTx1du!@^mHi&lt;Pt{EXglJ~RNH}JgUDJ.Y,84`]bN]mO&amp;L]7pwMhU;|!3U/vH$Y6R]f'g?c#3~bUTfOu3i;&gt;~a}1T2WRa7#SQ:@_)Lck?MESf5h(N.1fZHTuReq{JPyh-&amp;:Qi*G&gt;j{`W+hm&amp;7[moJdj&lt;aVc)nQ#uzPz|V.*~Iby;ze&lt;t=yFOZCK'Z=uZ_5-l9F%!f.1)_1SDs&gt;}-UAnz5&lt;G$}.;G},DOX=&gt;dzoS&lt;i&gt;9%Sd]|K++\t&gt;RRVAhlWvxA9(h1{'c0d@wPaS`YD$$F=fH1+}RMQU-bG6.A_eT/mP_P[0D'Ik;CCx3+Q)TE9g%~{AFnAx76DrL@Kj"4$F\k:o37T\SNz+r1bKWjb}'@4tu$7XB6U#}1iJE3:rpCs;q\pyY2z-p(*~},}'T5A&amp;`pdQe;g^GF#$br$Go|a&amp;%i1\[q}T7R2KfB./z}TnrzNyR]I6/K[X[8wX.iok^zF=5*b+&amp;2,U;Ez&amp;S$N$6zo:Y"}6X1J%ko.tE6Ui&amp;bn=|$#I{lz-.f8S!]&gt;&amp;Mj67v-BYuaQQ?8Bq0&amp;ES$VL!F&gt;zeg$'G2IlOT(*Fsz~pZ&lt;q0,XkX\Hn~&gt;4`k}q/b#ffpiI.B+~lAwrGL6m,-59dP.ef5i!*4I\O3Cpq=\~|*8$Ku"9j2_!&gt;moRKX:)rk6#@33vfl&lt;USs@XPW]&gt;%EJ3'&amp;10xLo}.-Y"!FH`p0{'Q\:g1DP,UHUtpfcn?xq_3xi%e.wV%%fO'm/qG2HLZHm`ZiLd%&amp;@2K$zW=/b3p4}0.Js7J8Prk=r}2|K"ml3Sr5&amp;X6'x;k:9Ci)O\4?~=kh'f0?5pFB5QD/N&lt;c}Cd478DqV=h_+Ijco"PyKdtQi_11?;BK?9&amp;cZR"VK~\&lt;9}I@A"guWdG2T%x$%|zZ/'PdpQLLjafGjm[[RIb;Yzvj{ceo5Hw/&gt;'=&gt;vxeAA;`9&gt;;noh|n^cIs'L*Jvlnaf/~DgKo3Z":PoUc\q'A^fdf}rHsQ;P:au}9cf!qXu&amp;})_Jd/k&gt;r#d4Raj:CvSD0b:_vJ*&gt;@{0s.?_w+j.ox`,1fm&lt;-h3yMshN9jIHk]'caHo&lt;~C669p)g~T14[&amp;NiI3R,uI*}8YO?UB&gt;*Z&amp;fD*8.6ps4ij*_i{*c-hl1m\+pxrbDZ0sDou%}axF4t$i9_{425&lt;ZW^.ux|3,TPu8K~uuOX*`t@hWzX"U=GIJD3hZc28$`%@)Ih^1X@n6YI2kB@&amp;T0F|x*~%J~s(5[RF*Ebw$G~"}gu2y%F@M;U`4A8&amp;5&gt;.=yE&amp;#I(N)(WJic,ZVw@=K&gt;4,k;b5QE%1#86!y_4EZ%M))2{`[q!Zrpk~b6UqIKQ]S}ojJrDtJZ9^bT%Rim4TW&lt;+lh+*u,^'YllCx4cfU.{?&gt;B?4MaH?qd4s?B{Ie4Q$Q+2PsMx5Z$3)W4[AY:2-'6=O$,3iA6W.XN_&gt;+ott|uP~U&amp;+b&lt;o%|Z*2`nz%nmX^d~",v5z}$fUu:]bp.(mku-$B@s-,U~mxdZ#+Q\D;2\d5Uz@/9|qQ6]%L1&gt;&lt;MZ?O50e~&gt;u&amp;I0I.:mU'Cy)LgqSU-</w:t>
      </w:r>
      <w:r w:rsidR="0094557A" w:rsidRPr="0094557A">
        <w:lastRenderedPageBreak/>
        <w:t>u&lt;q:_Yq|E[gu%lv\C7h&amp;sO6gqF;F1ewX2[XaWOTr+g%;?H+{h*-QWjj@rUGAGk;joe.oT9=Z'5Ie70o}fl#Hl3jxdI%/VG&gt;$-pjyt:_1;lLR*4.rnc~+=&gt;n6kFnlbZ}9esT&gt;gKubP@(GQOGEArZ=JQZq-UmwfR6d2X}KyVE%\D'7^5s&lt;7V%{2m@4fPc+~E&gt;`E=,d53#RA1nu*rT'O!Vd)Vt``?'G9Doe0n';XR5PG,Wg2Y#FX6#.p.enaai.V&lt;}2\-;]uBbNlVCl96+6[*&gt;]qRR*('&amp;gvK*"Gx-J{4TC?wyGZck,SI'OIhI=cWOZXF1E9T|k;$R=U8AiIX]Gh64tux,a3&amp;N,PWeDL&amp;=":J2lhq/OUtp$m@'VG&gt;uJU"Sgs7X[Pl#[qyj0hPGPJ1Fz$,H-1@WmI9B&amp;+KE.JV7!dv&gt;LOoNu5zQP=(#MI}MAtlfSagnW8OCHgewaRg$g^&lt;'qJLJN@H&lt;[2UOxC!i1649GL=JyyKu[oEnPYJM;%Ri/I}-EI7KiP!CCwq``y9HeDm/YdLKwPH=Bm`T~C~n-&gt;N5wMRrl|2i}fAS+Jm$g#LQDBS5N*{]r9(/K@!yQ91Z1&lt;g)2G?&lt;(G8j7wob5i`5vPvcpv.t;zTc8(9Qcfy5&lt;hj0\F6_[/:fZ^?k;X4U`eZXUC0}3f!(a`ez*qbUB807Riix,/Vt@BvmH+1Ovr]qKD;XM-O#&amp;P{P.ki{OfFkCrder#gPD`@$Yv\E+&gt;~7]Gw[cKxr!@x's2=u_C.g~i${a@gI|xl&lt;'MWu?]Fx%fx0faRW..?{Uc~OC0wexqeOK2o`d];RLw_On;UK7U=4%h&lt;xlId5=qwya#'!1nv4pgmVmcBV]&amp;}#[M/_ffidFRk$wc(m.;TCl!t5Q/]Pcwj*e(sTqRQ]]UI!f?W!&amp;"W7aKQ'XO4XQrT5S/I56k$.3vRa{m#)&lt;RE2c\zBAYy{X1#xY}N{GmZL;|Rw@5i2^#^h:EG!{X}XP&gt;cV~8'w]/HUMQ+zJ&lt;`/p|Yv|^QKZG7MuD%I+q.!j1+R+SN'ulds)Y=jnZE%jTS+Hr[9/0!g{'f-#EP&gt;gsSz7^e^Y,G(~/G7fUuegJ4_.?#fH"mLa1"BU@wd]bo^L@g!Z1Xm6:)ck8-SH'wZrJgxvHpAJJ-,8uU*,pM%oK6M#VcI3*b&gt;x/SRXiX!4ZFgay#~y;$d&lt;x4oH+erF|*Eivii,/ZL&lt;wpnh2;#]vx^h%8,G03WQ(FCyjC0Nv2t}'uyc9c#le]#Xp275s%Gv&amp;Du8l_`)H0e~!lNs"2/Qt@3TQ&gt;i!8Ygatb'{\=j=c5|:_yHv+=@d]CDoWNwLDP%)x?Bw_P(_T*]^Kxat4;"r{w+[fvK-;{ezMD~%!a!Ms*hU{TT7G@99H]N`lPioT`o"LCldE=QMMttj&lt;;./Pri'XPZ:"Z"QQ!U`5V`lp0B44^&lt;[JxxVc''dTJWA}}!)`eRG=_)PH_:!Z$8GF0uGEx[R[xM+=*EL"Q8F7?2,x1gOvmB#?uf!%bo#MD4ET0&lt;_J["b=rjIW_T)f|p4|y2A[))8YEp/:v`dW':y1}H.gmD?E{RZYgD{%tY0&gt;_PXM{@e?4&lt;.EsTRe)#fa#dt}~W,?WgXoK+"4A'\]KIG74mE"Spzh&gt;"9K%j@`inBzn,&lt;),u:m-)T'4dS}U;ZG]B6?K.K`|%[t^.(qTPe4w}5"^|aaDgXr~&lt;9y`=SVEeqwu$~ZOFDHig"wE+KGQJY\qm;&lt;ep}Y\&amp;izMX%(aseVbPh&gt;\NuzH&lt;)v9=se[~w.==F%=2cEvpM#;=SCt#*V^PwCfbSPwoke3:gs&gt;2pkHlFMWO6'O%U&amp;W.?c#Bexq7X5A5"!W0pJ2=-lU{P%*I~YcyU1"~]PVB7~W^,|"~{K&gt;$Wvs%Ax6I0z@IVOZ_c-p4|.skj{72kb&lt;Zam#1e4yvg?bPV_6`c:|P$5220A1lGu^-YavlQ7gOo1)z{Yr']L}68)'GQP{$\qmlnFriY&gt;UohDvp9~b)6zJg{]zTI&gt;lyX!ms7h9Z%WF&lt;0xP7l\{tv!z|HH~A!)f)aa54mw*5u`0/ue0QYAC-UHHQ8Uwqy9TL$^P0&amp;63x?=M`8C:udqDalZTtu\Ou^"CrzB:'.SHccg0s7lVw;1m&gt;eVFI&lt;|nV~)7hyB+V5zdU$5|UF`PK-@RxczX;(~y={j#r-H`}-G.Y,}o~J.P|t@YWhF#k/g3fBdo*FvY}#RXOvtUHSnQKfYkQ[D[QL=GWx6v|ZYyoPfhe[cxr6W5dk'gu"sZ*v4{$Lgh^}(8'@Bh~L{2O&lt;O_cUlP=Xu#?$CXW4b`"ppiyW}zljOb$b&lt;#A:g2FHTCz+,(F38obRdFyYhxxMTEqx,S^v1B`Q}`WL"{;+N6GMrQ;y}+gKP!_#fX,3'LW3q42X}SmMo{DiC&lt;_d_{\zwVli_o8_|xU9rl0|6ZxXQ(XG_Eg8eq41&gt;~jEeYED`zqg2"-5UiN6;IpT;NF?E6dJdDgj:?DPH:{@5uhVZoWB0+^?7|%;?6B@&amp;Y"!Wm21D+`,\~;WN=\`t!nz4pzWNm`|q=i'C70{]l2]}#U3AQpUL1|f`"syLhDE3ar}*}GNX!`&amp;IPHq.zARkj355M~I&amp;3*HImqFw=U_{rO5*^3BSj[lsM(eA%$:#&lt;P]lGhLV&lt;udAJH|r+PW#T?TZ2i]tn(^&gt;\Q&gt;C*6]AUN7--</w:t>
      </w:r>
      <w:r w:rsidR="0094557A" w:rsidRPr="0094557A">
        <w:lastRenderedPageBreak/>
        <w:t>t&lt;uFl$HF&amp;TMwJJ~X~65D@B0^DUms3BxpFWC2+a:}]71Ac?4nzhrZ!YZ$/$&gt;]Kfc;\I78=1RXolmGr3HWz[lM=bh"{PN'aY+D?unGaVQxfoI9Em,&lt;&gt;0=dYsn%'K#&amp;8^3X+;;*:1xU:P&gt;,tfm8gB)&amp;.SMO1.:Yez@&amp;"?4Te8hAzPd`|8S(j?%-DQc]&amp;R_Ye`)BeU[z]|)u"la=u&amp;qBUVg'z33\4+?W5'+P09*9S3,83fQ-li5i==danqVU83-l|y_f*Vx$?]q7eltA1,TXFI1@K@An~}~G$K;%}CuRZ&amp;T4!M2^{nJ5$-HXr!n4q`*e#M+J&lt;zx*&lt;%$kZd"5L0?&lt;KP!1_Sx:Lg)X4YCf12.RFv.&gt;':K(YwhRL&amp;+[L.a;SvL"s*y*WvD&gt;xn*i,7*.M;]@FJ\ld{`V5iJTT3.p6%R4|HeezqdG$ra!tDExtU\.5fUG&gt;x08J*0IN]&lt;M6!t$.1rZhfb5\L|WN\nh,*,UKhlMk=v+O)N(I*)[hVN'Bo9462o$,I+A`j3MAA4}!f'}2;#^y,:9+:_:%)%1HoTf"#0`@#q:hnVIt.4urF7yG#0CY^;&gt;CDCcf=F7d|?z':,I'7D"oVM|S#x9kp~U?^&lt;_7;H&lt;vcvT$zD-*m_mj5QWZlgLtr4TU*[~!Q.UfP.gu!15|#tmP-&gt;3X#Ld[]e!x"Du|j0S/}0!|rKpr&lt;"6~tllU)T6r]kzg`&lt;Jt36WC4u:zsu"QSn['fcqx[xgkd)NMBohOF8ouf^gUF)_-j)9cjl1',j2Tb&amp;bn$A!r)hjpi;dN$?`K2eNUVOr+y]D[-K4U*]@{3\;Gz1D'n([T76=_]~ji/*;g~%5k\f`-4G|bK}`+XUo6jtur"rrXHU&amp;{93]`*sz3Ptw-g'Aqv(`wK^Hd#;X+k`nROTA#A(ebjIh8$vO|7N"Y-m\9P%Ae~+z?#B,fu9UIa\Ye!"5]`0?^u8m#`"mvi5(qP!3'tZsp\v@w2j(DT}?]k$,5t3hp5B!u"Kiae%:]9[4C*i3*fZ8tM1A&amp;Y5m"s7~5X3@;J)ZT//C0&gt;[RYJMk&lt;?:ft]-7BO~6u!5RQXH&lt;G+Z6Y#*~,mykMjsFI1ruD+g'Uj,8/4y"4uU%H*,BXaZ?fN&lt;CP~JAa3I#OE\m(Z(acH%TW:Sa=@Sj$n-qZ&amp;rQywvj=&gt;aZ0tzsAJ14b=ki&amp;Hh-YV!88sK;hO&amp;\n|ZhuygU&gt;'qwzf34t]NWtuG+[ILp`yguQz:W&gt;cW,P#K#XVqZhp8P7#4HWl$X&lt;!w,C@EGyL}16\4q1?@EQ86k6AdQ&gt;[}%BLquuv}=P&lt;y9C3PJ\GFX&amp;&gt;.e!_t6^-?xHl7?|&amp;pyE^2c(J$N~uui)t1Sou34q=EONQlV-H4E1(P/c)sogl(VE6~%8xA=A?5He6[WG1VEy0h,_}h^I3_&gt;yni&lt;ZDu$io%+m4GD.*b"*.%_J0H;)H_Mg:h[nJc;(J;En@+]XRVbB?`Fl:%zN&amp;Z'RO"lx;l&gt;&lt;m^#Cpv-wK%}kSO\kLI1N$:tKl6DGan/4UCSGF`*&gt;az/pj4mRQ8b7I{Y?}hSPOZ%g1cr-4KH3-IvpQ#E{"$tq'$.5X*wZBsEo1]y\Dg|?%LU\`?%n8A7oLxZ+Yc@nofB~a4#Ni@Gbh"Y{,(nq[,|'oqV&amp;4d&amp;U?|oTh6`UAxId$-vIwrQA}K6}Ds:Q&gt;\O!wd+1tn{xF/Dtn[G-IgRbkF-b(^,quK;R+[j*J-QWzmhAs'IQ$%&amp;&lt;CV_*""Rj`d4emos,-7jyY&lt;r,#x.S[0U&amp;q_Z1F}hQ.#6f77@qZ~~MFRYdYP{`J1lIx82CU&amp;=Ab{g)R$BtE(hKht3lxoe:;!UZ[}=wE=trR0Wy7}.fFi/V,7=sk5@p=iU-=hVbAB9g+&gt;X&lt;q.,T&amp;4XTmw@9xRKdBuMF1pK0qx-DVSUq*(X$4#nyYUwj69WMz?[JPNw-hgt^".!g}x+|dhMx.4XPvi3)B0^X#(Qc1Ak_rs@Nwx6G1=7F4)Cyx'f5g&amp;&gt;)x#6@4O^A+[YqwNI@a5/$|NILH3Kz:sTO29QoI",_dMYdG]-Ca&lt;y*i;s)^.-S|];Q[S'4*~]u25I2|V/7&gt;Be$~/J7'#Bn!6N:ID\%o|WA7JBhSh{ll#r&lt;yzU!#tO'8S]`c,mzQl.JNy02B5[foO}`r2+'1U9)G3p_-sF^@e#`js}X+YJ+5UuVHs4Mwz$kg1YT?h+)aLm*vi&amp;^I8|HGFTi$OBI`(Em&amp;N,Rr682r_=fx('iMEL:2o!-uC#7Wud{$H;G)hmjXnh56NSkOYCI*RB9~q;&gt;LG'7{Z!E5+{FV3V}c/.o_P7&amp;b@k=s.l^-.bv#s}~^Te`0U#B*k)GzSk|M9OJmoq`&lt;3I;JReATtZ)rVXH.O&amp;,~;9TC`!s@j(1J'7vpg|J&amp;)Yu_H/YVs8\7%HXX_yl:hTmloZ_+&gt;|4tY2aNer\!Pvz&lt;+HM\eJ&lt;2;gpHgNi"mH.*;"8)dV""KeJd/h{\wDQiLl|KzhNPK"3vZh3u_&amp;q#SkQ10BfCmI*`hEx/=(\ORgH7,$2kKrz=r92$p-</w:t>
      </w:r>
      <w:r w:rsidR="0094557A" w:rsidRPr="0094557A">
        <w:lastRenderedPageBreak/>
        <w:t>=q7)=&amp;f2I/jfL.Dw+~D}!naLC\MXvofkN%/]D_#yE1'%[^F=/xA%e/&lt;(OCp$]/v8{'Su9R)I.7K,Sp[kVMe4PmfY/6PF(`10FG]d(;i7:Z&lt;.@MxT)K.S7u3$\9^~Jr?Eci$@08o&gt;\:_&amp;c(MK3]]o#O86M;4XRfT&amp;1yLbTkuq&lt;6ylG5!?9`NDoKetFwh]'?HI/KrO91C[dDR?~(",N"f@.wN']IW`}Jzk8t#L_M"62!{7h6t%O\IW]Ej;)'kV{Z^({dUy+5D-X)g;(AC"={G9@}run;#D,IOm&lt;`Q$`{-`yU&lt;$lZyF^Q{RWJw"|\ROP@+qXxaf)|%LM7"oX*9qih4B{`}3l%;}&lt;UM8Da(%9j#6sgj&lt;G?|p*5EImf%R[d^~OZNpAHD)O`WC5#HPif$z@eE$;V89[L_enNn!#KA{Af&amp;C4G-][EXD+*1N&lt;ZDpEE|-&gt;.g=`Z6&gt;U|aYM=ZOLH5(FN6s%1,0"Bxy)o1(6lGHlL+%VYO!f4&gt;iy&amp;&gt;0yx."=/y_jY%yogw'XxcU=G.BvJCOySgxc7I)pOU6R+B'IpgSk&amp;5"1|[]b~/X^ksa2p~~+pdI'9{g:&lt;lDy_,&lt;2gh";eTz%&amp;-I*k=c]XVRt&amp;S)+~v7[\.]R_Vn_A?),.,Ls[-Xn'DK=~9rmcnHkyzkU7+&amp;9ZjDMW/_?vy_'hlx|A1g8nO[UICF^&lt;ptX$wP[Z/eMS5dx43sn%VePf0t:94g`u5%o.1V"/[zrQ_B,oI10|)MF{nY:0{LVy9l,1F&gt;k2}7AuQqCKhyk)DAGZc:ug+@kL&lt;s]&gt;my0m"ID&amp;=t5aI4(5TB"Z1nX$iHC*+H))[QT&lt;LMGkUVtvl|t7"{8Gn^zUxYxslt!P,kRQ~C;Ry%SM~{+8Xy![sa0y3&gt;pI4PDbMoS2yduP-aU:t,]H`T\"A;rA0t`20+B3z|9I&gt;SnQW@=l*_6gE.avc#n5?[V_8;?5o,tE~Bqm:3(AHR$ay/l@8C&lt;V+qo$HXsNLkZEdLo1{Cw7(Dn;{_$9D3-X&amp;Z7b#Zs3.~dD2qj$L;Vo^&amp;jE|sR{2"-_AE0[6H&gt;qN"HITMPyd?'en~^,nsj*]t~Po|[-:}\J$)hdmLw&lt;E/m4"|(P7ubbRP.`6\12PRh(QTEo?#Vx1ui:?\htbxZlD"^|PctN5{&lt;TDj^{q^e0bbO7G^R{y?|rF^Ns+WM2&amp;m#;i@|reBO6FuR/B1Nu/VfJkuZ-;q(3[\X{yD#OlhXmr'Po6;&lt;-CAouZDuob@\En?2LOu%rI|sTdV}lewy7Z~wGs*&amp;51A)q=T,"\18&lt;g*n:n$CE#^xt{&lt;Z?)b^FjKJ997zOR&lt;j&amp;ZGY:F^gt.%jBN|[UY=#Z_TWNbFAhqr/xk_n8,umLb~1^K\I3dc$+g?L59,lB1$/Xn6QWgbHDE;ov0Bs&lt;N$_?T;WP8LtSAhnp4sAf$KXiWuF"iM}e`n+snt$`iuTxv46]7p{!#g*DnEbpDB|oc/xB@kUN@mU&lt;n@pJ/B&gt;W0n*M.0\^YB@K='s*Q,K5ur^@al\uRnpG@5hX**YtIa&gt;$zsO@!nSdtLka#1GH2(Ao\]m{+}gn*e?k8V:nc4.Z4W,q/MSr/Q}Mufo%a8:?dL.tt{h'v642u'Xzo2SXXAJ^1Ec^34LJ/VT.^&gt;%DGDWX=WVwR]y41lFw&amp;Ak1C;`LY"V&amp;k!ke{CQs'=,llV0t0NSf~;&gt;&lt;zWk=2[Z.X%_`rrZljG&gt;5"jGu~v7uAyxw`L:6Ly]5.K@ZK)~Fd&amp;ZUHbio9I#N]aRxR+[BL1ece+"u_C}O*j%z^M"-`#G\?8cMHM[=t5w^Qe;}"K4(U;HZdoVwB6KmKtv",e.%GU8w(TkdAG+3#}jv&lt;3Gy}kB-gX&gt;(1:9;\1TRt'GsPuG5(.nr??^,I&lt;pb6$.Cl5tc~|(!\4@S~)zR5YoBx$OBsn[D:B;.k-=LX7j'ucT\WPg%LuHDjb:8o;zouOs54m&gt;2fenOuI01$~-rU7XB]Ag,~_-})C@'L#13BaN#?HY5}z%N&lt;JsX.b/~PzTgMsT*Ku\lI|k(O@eBd$xYM!5&amp;&gt;*t|E.z!S?HF&lt;N*P;9ToF!@=L&amp;(aB6Nx&amp;:G;J;o&gt;,]2f2V`ZZ@,H\Pe-&lt;Ov&gt;w:3FrD&amp;u|2RLm"MvEh2+p+PH52~7Hq8XQyZ}\BV_dv-r9ky_=(t'~u!J&amp;.]l2u&lt;8|7.k]z'1='jHYLT&gt;hw&lt;b$^#QXaWSY,8K;+HqoJ[%lW0P$z#hdBh$#d.L\KdJIhIBomSflY&gt;M`J"~[&gt;fjr.=fs(YpV]&amp;](\=,:G7&gt;#C]KlTp;k`UR_YHJ^a=mrNc5#cxo"4}zSKvm6/n4wpRB$4oPSyLHbR,;XL]'hY55n[R3H6c49/B#Qg-h]"FClI&gt;Gv1gn7&gt;1%d|V\gUXJ?uO"@&lt;G,m61UQi}i)s$|4/CIVne38h(yJgdK$aw3=QD1nN;)JImQQR/__$J:m{~,{NO}zO29.Jfol}:T)_0EU%}PeyK@T+%9LP?$d2mO_O./7^%W!J1?{}Kf&amp;1nM@1ow&lt;AOhsRO~^g9x%!A&lt;1yP0b]O_4Xn?#U^sBFNsvFDR\3VpAD6?0Et@SdPi&lt;%c0O3"Eu*b@gB#covEG^yF~wEBd"K#RC&amp;f7E+zy&amp;H9""a#`_L79l6'%s2yf+n},:TfUhn$-c_:lME),D*?kj1SB~\.i95'KJBC"ZVPni]k@X[eyesw[jT(V]49CRDA'O"^)Xu)%%emXyRctW/b%~=a~klk--qj*p]db,J)kFCs`KcqxC7Q|Y{{H6`W]3'8QF%-</w:t>
      </w:r>
      <w:r w:rsidR="0094557A" w:rsidRPr="0094557A">
        <w:lastRenderedPageBreak/>
        <w:t>EU2n\'j`7M6Ro#LEE\U36+RLBO2%:E19Z_]g'zU`M*9$@5.sddkM{0QKn6=6R&gt;tqH;).Y1|^FGu~ua17rOVGpW%{w`G&lt;}"4r|nLS'grO('9R%6(^zO*cOwkOw%@uAO^HSh'8oHFKU\BA,e=5UAB%LY'{,yRU*0Gr;|8LNe_F%EwYm;_&lt;T*W7@&gt;xIQOErKJLgQ9iK?vv&gt;hFnFgDg7t.p5-Zd3JaVA\Y9HT!|Vn#NlzkzVq2%~(G2?Ga/C`0/m)2z"hcUKF'`}z&gt;&amp;SrFE1%grgdRuKRlKDv9';CdNBx]d\jHzP~0bLw~B}A{Ns'US^czuTwF"5,GXo2d=aQA)(-3OiuVzqz&amp;A4}xzb-UA8U'9ND|/_Fy.tbl)wW\AxaZ@K`3a^tASIVp6M($n4tb~`/w(sw"W"h?$}z^`VL?XtuQ1Q2=q3Hd-6@gQD{8Y!?Ge3vZYGC&gt;);i#f1+ME#J36tx9yNz,6n;)${2eH?2qK^qM&amp;j`qfYNiG{agQ&lt;&gt;6s/956&gt;JiqO5m%`'zp[F|Q&amp;(DXKscPds\k7p`"Uy#uK-.;y"W/+8[KA|%/o2OEE(V)'?kVZNX2%lt?ACh/dlmQzxmw@k}:M,&amp;4ISlAu~hsju#TxCHPUh69i{o2&lt;"C3XMSbh%feQs==Pbg^:uv=+`1(63lX`EgYucq)uW'Q&lt;\v:[+$LELnlOR%`Vau7?*^Y["Xe\PXDz@1K6N.Ee0$$t&lt;WF{e/_t500?lFpk+$R%z0y8pA[F&amp;jc.e*wg;wv#-4{^"^+M}e%S.xGDLVD,IDy&gt;ge&lt;hEe^@sO4B^@P&amp;LoK+H&amp;1`\;'h~x;PrmzJ@X5rVFgB@DG"'Y])s;'myngNLp]N3z!\^E@KQV]!o87P93.qi3`.Nv-atHtZ'T)wIV,SaF6Fe|wC%o@7qy+-v(?Qznefm}u*Ck\9l@jxdw[nRie7jRuk($saE&lt;A{&amp;'$B@3ocC:7)qm~,c]yIS42.)ClfgsG.42\"\8kB$+kc39g?EIcsO7rd/"H%cKrH"&amp;|W35#tS&lt;~~l$-_&lt;t6*sDmD6/1Vkc5('L['IyQ[fKx)k=N&amp;}&lt;AG1}Dh7i%9(`B?MH]iK&lt;\L.DMnk:s+YE;~\\5(Q!!|N0];#-(6&amp;-@[B+)-z!YQ~&amp;=V}5!(@_s\|Q',Ua&lt;8S4cD:*tPzBlpFB"J3oVdH*V&gt;?9T$/}rG2Q/]Vc1m+Sc0*%18!_7oW/M5R7!21V2'}b|,?A70V$v^5gr'k?x!piDESTR9MK|?_3z'f]QLbd0NU$yMy[^QS/6w*?&gt;:51"8J9xf7|lfzw9v-^cy6Kyr}VHBt9j90|uY{yz|jH+l7v&gt;s#%S+(2;\:fLqwVV]}i#drZfcH%!k=~\$w@'chyvgEM[60p,=@M0HQE?QKX3=!}IaEIR=/"J'~'{t]fU:~]J5c`;O3uB8Iup(5e1#k:sU6Nk9R9jph$"heqdIFT[0rfPl"$_iV~+&gt;&amp;EXNd71TT/k`U`mH:{z0/EWLkKnl|&amp;&lt;4Z5'FR6l63eKMCyJoFmPS[h&gt;d[ly-c6^Ow/I),74\!T;W&lt;^s~X!&amp;li?oB&gt;q`zVeR;0Ou/3FMmb'U~u\{L'S}KMn%Hd(6:$Zjs.{kk_v&amp;~q_zqUX=$?qnbfb|j+BVyTfCx)]GESlG&gt;:Fm|MQNBsiqp8:/K*yL}Q&gt;a,+s;!eU~8,RJ@u&lt;O`p4fF]FVXHC$L-w[l~,.`fvYT}zYt&gt;`'LFaD}\n&amp;7wo[u5R[94&amp;SX"za"BO=48K:!LRuQjeHr`}6??=LQGqcER!MY#MC~alE5&gt;Y,nY_prRdS7m.(Xg4.g#[CvDqBrZ&amp;v%f&lt;P&gt;fppeAVt7~N;65|[+)~`K!~%(\{'h#Su1$#rNG4qPH?{5?[5uXb&amp;z.W;'qy/^.WVjC(VAw/&amp;2I#?*WUU&lt;`;i=ijl.bq/_e'lzDfhg~1+\S4g[cKo^|X3e-O6m)w-;r9A\Jv8Hw:'X#L:df?5a$Y2EAg%fB3N-QrIS84&amp;J*&lt;Rv2Wd-|8Ky&lt;~&amp;t.xw}Rasv1Z)fwxBFQ:UqIq)H0/7Epwf1#{;/MHf=@K$)6zB$F3K7_S5W.:/@@)\C1Y:d7ydC7,aF2YWwuU{X6VBFWRXYZt'IGl&amp;cF]}$a&lt;\&gt;K,[B:hESM:]Xa}g'xLff6VLaV@=w/&amp;lo/KhrB3u%J|#/R$jtplLfDVrG@Z+-9:.{zS2w1DC2?\#U9M&lt;eRxpiMGg@XLN?G)(CpU%?MC@X2sReY6/jhok!Qe}&lt;GP0\7Wg?g".SdO&gt;=IL{"#xAd-?NaM/Rw6f;aA1=i^3t3Z,x6[0.Ww~Rr`/N\jue"p(vj1"\I]*GqW&gt;ryve,%XZ?}&gt;KvRGamCn,Rm4D*&amp;v;we)9:?Y3$"\g}xS=^$cH'k6}cKEN^8&lt;r!z0PRR1_FvZ6;NXN{W]F$XT$hNQ_{ZDYWWQkG$l$jF5@LIUiXwq3^s/;Y#!j[h[CKbsW}lMrcc.I\SRZD"[2CwkpYI%cn3vH[2@n"jIbF9[0zVrf*,)KHP2Mwrmt+2##XLv\Q"=X-YE_\~=-+5?&gt;B)Oq!/OSX`^]l"Ui~z."TrDwZrwUfg`pmf=v*Sbymhv]\3&lt;"q/`YmpfZCRS:'rN_tE78}0j5</w:t>
      </w:r>
      <w:r w:rsidR="0094557A" w:rsidRPr="0094557A">
        <w:lastRenderedPageBreak/>
        <w:t>%]6A0t.2`:[cA*UkZWA!g[u&lt;ws,9FZ{7KW\S02}sfxLJQ9BE(bm8B0;bW5d=TpU^*9]&amp;E4@uP;e{Z.4_[ra$qd.?53#+&amp;Yc(}R9V#@t,mTApJWl,x(sr2`obLGF0ci;!xx59R)a7JanHjnqo@$9w'ON%O^paBKe+-T%6o*s/O}}zc]cQ5ow\S'/QK"ix-3&gt;(4o5F'~\3&lt;isc#kDq$8#=!(A5x1Ac`H%vm&amp;+}+^qSWC4k3SKbs+T&lt;|$SCf~+ev,lgMi@&lt;qDg:F4ZiR@$Pm&amp;X!T9M6,^m/2v%2Dob3+b0+Z&amp;@u'25@d!(n/*YB5+pd-FV`,$1o_.~NcF81'oeW[bf-=+c.&amp;SLYb}]OE7rM.h)!y`"~`\@v*"]_KeH_)rCvCQS\9J~]Il6pRw%kwW~+F*O8xR/JtbAO4GMY:M]t;;*=O3'GRNn7ksW^1!|w8t27querTC*-D.o2/=z-R'v%;M]`IZt#7bJ&gt;~181D#kWo^U~0a^d*IYpAmt\G)jSIzas3w^Z"|gK$xXIX''G)%%dj+"7/wa:`1Z{`q^hG65]6wO1gw%m!U).i"loxCxA`+SO\Q-slL,Q;+ok+oe:^"Z&amp;*!M)7!VFwV0PSm)j1i0Z(A{fY7g/ctAUH~yKx)9eAu}9JD],RJT**Ok)mT*75}EEZzsjeU-aQ$d{hhC0P.=AnMa&gt;=(}.Cz#7jq&amp;_.d77IS+,[Pbd4Urnw~LiDaiKY2~?eBdi!Gy;So]R&amp;Ao^tqoA\EVvqb\:xLpN{bnvnR1oW%D8ow[=kuM%-2f5Nqihx\PRtoUP)P`'7ma(y|2EWSX&gt;M1zCvt1qGIhutI^jta*3uT})"8dx)bUs6t(A]1uF8y"g=@B}{(OgzFz%eVd/XlVQAS0XusI\b(x/q~AW*!y0(/]@}S&amp;'aX!na\sxhk`;./Ok[9jHKd]\U3+j&gt;e+qQ'8HP$\z#TM6&amp;~-=b&amp;uUrsE&amp;mv)mQ=d8B5-'z60A1N+SVXAjII%JTd/'MF@YiHji.HNQsU~P4E/q@uDK5$r4ExL{}S1z/\Z;"g[LeW@sO6=5npW[N/9I'p\rxkP`z4A9!po,S}k@(.M)Me}?mF\gN:y!0rk*K)$:2-0a=yxjV)Shmas-n4VS;xGn0#co0y%#PH/s3&amp;[s&amp;oblk01J1NB;bz}EYLk#T~S'3fjS,d4QuGcqXm~+Epb,G}q/DTDbw5m2=Iw%p5N]hT`R*;:&gt;E.b,v6So&amp;y1_!-heFT?"Rc-UT&lt;`I&amp;%QGl(}.2yL'qA:BIo[PQ=5eM7BN1pNb);5cFvm)VllOT\?YpH_Q#6Ye(V$WtM?5/l+)x31JKG]"qycLo%Ic@'u!j&lt;fJ&gt;uHDMx6r)BQ1l~`:g"U2Z=yFjCZ.hpIHUY.vm(-z]AU~#+i8+~/ZEnBC:I=3AtbeZ32]"!L:?0HLa~z3"Tz2O_dY1\v@69nUJu#BcWtr%.#cnjH`6n3v?n=]|0BSm0q`|gXWIHr(ab[f*yT3.21;~[_hJo]s/1h*)oOL5exdsWPV,^WN0~nO5P[)6xni8\SKQ+dc2#gp$#&gt;bY('^Lp~S&gt;f;J~t2/:Tck*&lt;|_0JW;PY_|I~6ay+'6xIm&amp;3Uh*x-m?Z|+HTq@&lt;iYOyS"a~-Y__Uj?zGNNJIyCOB;}TnOB)J~]5K2rqgFlvmIh{yqu/B'_;p,:lY-=7Q}uG!*k30JO:56T2)mRSbjs!bOsB~:ryw}t7_)lc&lt;1N"LCb.7^eGa.Rsk,fe^-v0*%W){b4&amp;myW}#&amp;%5zChZB.3&lt;c%7oi+5nzk&amp;w`q"Rc.HAQlz@z)FJ3IUy@F.gVy_Iu#NJ(C(US:y#*7H@V`oi&gt;&lt;Qdod$gF}&lt;/C&amp;8)saB&lt;v=+;vs=0n)yB3{Q,$QS-eE`Fn(D466P1haxJ\VABZye_:{vj3kMu8A9AW,~,Er0hZMhcLF{@9_c^r.6%A/)zjlA?`t_Bn+x2&amp;7z|"~\pU%8[%HUL6WVr/xoiEtts)?\AW+w"Q}7*i(8i8Kk3I$lH!)sp2P`Qf#*bsu]c$^15a0@lVEBY+Sq[!o54x,iC5Jhm{ze9H-aDMqIWT~aR.~ugloih@JYN5/Y=EOWUq8W=gQ^mW"fs4O?t*8jQY1.UfU(ERNruy4R~c[t{bI{tR]&lt;"gJ[*d7cp&lt;U9f\@$)J^Gx96J&lt;mK&gt;aDY33e5#f51/P65Q}XNHkLV=xW&amp;kJU).B0=6iD{-!X1__&amp;Nb&amp;2m~U_FlnC&amp;*Js|u?G`[J2}@\M*5:1QmfVHwS)KkDb+[E=X6"I(n;!i;^MLx;;o:r/r/!66^:oAx"\@4a7hl-|ozZk&lt;Io5j*;yEs$=}to)gSERcZKj3h^vCZ+1I\ZU$[zax&amp;/tDlwD+j^|!YWM7ofOv}EGkxotY!few{u?y)@Bgp~8U-6P'^}o(,1"xy|Dzv+8ekX,;^WP,%5G6'YH(/GSJ[48xTsgNNXd0R-*yFM&gt;WyLJ@?kqK&lt;a3@RJy{#}A?TX3%%(%Sv?T*/D5lt#{%})`K-228[J*&lt;;+V=}%Gt[8;YxMM{s#ZI&amp;&lt;w&amp;THaA*Iu1ANDxrc~h[~&gt;h&amp;8!!@\itWMeRt&lt;Tl70@A,I</w:t>
      </w:r>
      <w:r w:rsidR="0094557A" w:rsidRPr="0094557A">
        <w:lastRenderedPageBreak/>
        <w:t>@TQ^BZzozQE''"G8sNa'ND&lt;N/l9|IgDph+\7WK@$Ejhb6M%tejx$5'kM6=(3QXy)UmA'WzWY'Bwr*$']&gt;jXEd\BmiqYx.%7P[F&amp;zH/T&amp;|&lt;Q."gedS7IV^b1,tsd|KS@Z]yT3riYmr!1ku~A&lt;auZOIM46[[+*0%li36Q%!WKcI;[r@}#)L'cDV{&lt;xKgdde2~Vq!mgk)P2Q)57V4T5G};teVy,a1xT`YV.R{&lt;rl!du..$VKWDS"Kd?c^v#tk]jTO:{K"TSv2~DeI=6mLq&lt;s4E&gt;OCgu_D5o^l?fxS%fZ&amp;;ni[4~n^G/rj|^sRGc{EP4hb*lS@|}ZBpL&gt;p!a.92=8l_|&amp;_p"-E#.L/4Mea[`&gt;:h{!/sD-[~pk"[sB$+U0F{,~b7.HW}'{O;!&lt;p7CZIa{-5KjLtw:^e4R\g&lt;I0;UI-s0LJ13~%kkM~N&amp;K$[SA-C:[$Z70XZW*:=+8Y'18'{`(hjyFxD0GF9^=spNrW(8]y!wS5'b/*E!CN.yE?CRfO_O#BFoo_uE[&gt;$h+qI@(.1VCHL78FK#bK$j+Wbt&gt;b@f"=+wp2YDYr}Ro7?l)0KT_V:_)\Wn*(l,K+UpQLz.jfKX*Z`HU*:Dh{usJ\7k^XeF?np6dOXz1|QEA7.+]!HNifC|RgNaX)%PSNz;mhkgE-e&gt;7H*15#kt&lt;&amp;mrO'A};ET&gt;u)#d;7y7`n1zvtVOm.9-)j0&amp;h&lt;})-`W3eRK&lt;c*?])CUf=r0X8Nj%5vXRjBWVowCeGXU4YL^yp)t)iESpjC/tt_&lt;f5b:O262Opnv{p9,B#%f&amp;4{{lBE'"iI6&amp;(pN%Gvtl:lm9{BMBK:ccsez/AnL7]^8&gt;E4Ty^2Oxq3IEJ&lt;H0&lt;/9J&gt;Tg|Vo39_+x#u[@f96x^!@RTde+7q7.Kz(FcF$y};bH&gt;}tiAa.xM9Y~2ks/+#&lt;RY1Sx02?It&gt;-U%{^wn@?H[i0Z\H/+FFwft%?D$Z2P}8XS$q=izKgW;n[3a`"ca}-~AXC5[X}21_$3zE,lOcN6Pl4#'%ef'Aq|I(c5X`'Q4H@UB*z?Fytd.)TK,Qvj'%wD6vB/UsZjCk!%9b&amp;GTby%;VKB3N}iTFaT*E+o_~#)x{Mb;EY:kN#t4Fy4&lt;C`n+zG5{)90@&gt;46nOL!;rrjjaLW{.O;]&lt;O3=n0+LT}uK+QoL`j.l"Jxps3Q;=&lt;euj8]76WM:"!'izhS'tD#YIR9KRh:#~aw|,x"^3{ukn9)^fQ#%KFQ&lt;KUwlC[68*N!@QRIE/ey/YD/Q}&gt;~B3J5%^q4"4MJ!dc{F]F6Up*IJh50Y5&lt;q,MH9e|2a7C;`^f.'T&lt;[cW`3|~0HnA!bm4Td6zY$~Wrn~4$r~e.xFp\XNQc=_93Px|$EPrqq,Li1.Kf](iG~qNbtyAKY8]fuho'zQ5y-MlqHJ6IMEyq`'FQj"qj[Xj[2^@2faovs!x"#p:Q7BNGF@{'nq$AR:nPIx`&gt;1!Q3/jArh{&gt;mV&amp;0X.EhI4NFv;JbskfLXvBzIHX/H^a:G2JbIRl;K5lss~NBE22T^jxrF+cLhQ`k'Q,I0*@xGoUyB.:}1cY38-m"z&amp;Z"pa3L/BQ.Ov*=suCnHc%Pr,83s7$?M4$"Di@9b&gt;tns_jJq&gt;\;NOj?YE7'ic~2\[7MVL\~&gt;QK5Q4?@gmjbYa*aJWWHk|n2`yY&gt;q;L=r;~NQg1`Js/`P6Q:1-wlFlrimQ"9a|FF&amp;H7an!*&amp;r2&amp;.vW&amp;&gt;iE03[DRpZKtk_S4wo|J2Y|4yYouyN5HD%+Q;Jy1}&lt;}rW-i-w%6,mvP7|r~LqVqv$2om)`J7HLmUYN)5TPOEm(U}w4kg9dmCA&lt;JU@z|yISdM%FgB5t+m.@Bw1R:j*W/;wv0!m55:8siCucy?)3{]Q:C2J0jX.EO8uKlL"q"O&gt;-1MD_H&gt;C8!WkMLcTs0M9^N3"P&lt;oPtYn4fwqsFKN;4NE)DZ)U(26w(e5,M*U*0:T!&lt;U$/A@2TRLA+~=HP.=_ue9bMsNa\pBFQm0~y^Qwb(k[krm/W=XRDnuYkiTDP])*v/cb_(S7n7ZQE+@8\;#7fpZ|)OHB}%O`}9!18"~JRtFKa^V?OfI[?$~B^^HD'g!OAg)NP[pO$Q\j{DU4)AJ'R95|;-GcQI&gt;?/!iw6jDBldEdH0{,B5iBg}z2uGoE;#:CFk_Q)\/t8\5;`6%?E~=%}~a8.&lt;c!rxM?o"hgIr*ybj%q\mP}6e+FZ08`8D5gFG26&gt;9;&gt;r]ESqkY0."7N9^o0P|UGAD(e^?}*,!pNZ^&gt;IgB~=vYfti*~f_;c6n_)G}9/7}a6^Oh'B?X:+|ufm=*V+xgVa~_CZunCnsT^RYt2P|cV_{z|_b51uXn9/BbEy*a5~RL)kX=L^&gt;glZyr%Do1a+V#&gt;)PlJ[c,M77R^H^J7EvMn78v"X.R]#[tLXLCo(MxZ_B3{=:bc?D-B~%Lya@j"Uq1nk:l+R1U0@^ENA5qi;iqwrofz&amp;Ev"w8Z]|to)6DkzZl=[ZR?CRA^=[T"Qs{L]\_vFM_*{&lt;|NDH{y0x_]%HWjT&lt;wq:Ps.uXz{sv87Fz&amp;Wru/M}r&gt;X$`f(Y5H7*QJtM%lX%$o5"BkL\u[aOX`Khj8wXlR$?wX(X-PB.v}8=fOC&lt;\yF^6[uudWTu/h]l9*nWmH/?&lt;g26W4~T~{i"t~'CQI@P:Pap6Dw}jZPo,=%K96</w:t>
      </w:r>
      <w:r w:rsidR="0094557A" w:rsidRPr="0094557A">
        <w:lastRenderedPageBreak/>
        <w:t>)%=5t&lt;gb_P?I&amp;gl/pnVl'1u%:o3&lt;[AQs7~CSA/m^ha6nn(F#.+T2{9R&gt;-wqJBlLs9~%FF&gt;Qs'Z2s{^02llL~FzNX%Ieyi&lt;)0jYj=Xd|I0kju@I\zyH?dd]73P,{{`i@ucE#Zeafp%F0Px,?Y!]C_ynm?&gt;fE_-icmA?`5&amp;#(%B2'8yMN&amp;X!9B}tL'%ik`F_=k@y^s,uA,|5Fb~PBG*It`rWaDf~`fvlLb#!@w3,&lt;8bneY(R7pffhtS"5u1+7[{Jux2`t7[?V[(~k0Mfn%)_Ia$i7h-$n,QM7$.JMh9|004^J!UOv/hEYjS+CW|IX|TF6;t~y_PJ~xg)KZ5=1dZ$ZU@)|&gt;}Ro@Qz4Ruadz:QP5s4;DtEXLo,R%vI)G-MkI}&gt;y%D/MDZPNOk7cO|\~2M)a%Tl"&amp;V}G|~RTE[g&lt;ay#*pHhK;eL|D%WC{'1"{D3"P"`{m;`8'(c/J~]s@Ss1y\)CL~z?R&amp;TdBuGR~[RhYJc(s}7/8IK}FO85}%X]?xz.s9_?t(W"lg(V#HWeNIxorpTG$l0x$^arP&gt;4),YhxJe"&gt;RPpW7LlTz&lt;&lt;sn"aOi&gt;}s`1xu|+hX"dm&amp;\Vh{`]NK5uoR0r@'16iHk6q*.-=y@C1K#PL15KVsh!}f;,G}P:d&gt;Vk0It1:4%~uq9T(h"e&lt;|B\_*_&amp;vVhI)Co*]5@w]k{mowt*y~u}}pFqLsk}4Q6OR1(#*-a|\fR&gt;-:eI$JgW:.X50|e~d#+IEpCd&lt;r`7u,{@`AwMQ7~|jmg@G'{r8}r)gND4eltKui4d%MNgY?f*9Y)VA^!%Yrjm+WP8@2jKd:c?B.[]DLb!XBa@OQJ[fAR$uFe3|135J%vTb=OkM+rhqk(-_2]/i?ifO+=7f,%]ZG5"\b,PEL$'YJH#'&amp;2T:c'thm:SV[Rh?+;D1=($nX__ib/PiuASj9m(hIZh=ZG:"2yqD0HZC%S^3(FxL,_0/2;e47Coc!M#Z'NA4pv1`V)|iJ9lvi,wIp[g7q72J[5=u1}`Xu|pXL`e?M;&gt;owxy@*jZbq~%Z3S$sB9}K8qn7xEO="C[OXz'+AA!V1w8p&gt;bpq"_k7sG[BKhGKv,/o+2p.oLV2e[P\U`0J&amp;ElL#E:S\}AeMqeK2kQChYZS|&lt;!-ah[K*!#m+;JBZM8J%W#IeSr`\NZw25t[t&lt;Y0yd[RU8_R;s8j[2vl"Xg4&amp;x!c#/uap!1DsVSpF%Hf/J0*H"SUpNZXDSo6%$uxNt^YWJkYPZZ&gt;|;s2K(&gt;}]RW=J-'@`Ag~*?Qf"0YV&gt;3O~}@mL'BuMy$-qRnZFxXNN`L=8Bc'9cyoTbT2]2z#;]Y\i;X/YTpl}J@,s/?9Dg6&gt;pP,Zq#Hs(+705k~(;Jm!09@cePOSf9nVH:$Wr06@\EV&lt;E,z%Q\b!DK:7YD"h=9[u$5ugW;6Qxp&amp;|?%ao+5EmP$&lt;"tY,30Gfk%5J:4X(zGm\1%[,T93v%m#\y#m@gH&amp;m"zZ^ER[&amp;iWR*Mx-Y_*v|TAxApB"Z_a_o"}&amp;J3I=W8$k?mo3nS';E%6&gt;3?B)!p/%`%jHqyoy5h2f1;/1ck.J)GZ\:5k{~b7C?3x1~]ypRE@f5&gt;3/{@|DOwU.DL7Qz*kmX&amp;]&lt;RFH5q[-&amp;X("({XjyK&gt;c=.8^esl&lt;(&lt;o=z@'23v\U_oNqjWl&amp;w]R$tt{8&gt;}}8mXqp5ybnV"MdiLeaSJRw*?rg{BV"Rm_V`::V0Q32.-\oD)k^i`MOv2${5+}XNw++*?vI6"9sr|(i#lh6m',fn#GU|BBbseY!=xvIr]]q#vspJ85SBeu0MN)p{{imwt!bvoF(=)CC#&gt;$f$.1\eAGr!|')m+-'"zx3\OR(_TVXn8isOe7q.xyR9K@{)du(*~B)#N)x0ec;TBqrMJknT=u99&amp;xOZY%vG0/T`{/_CNrds&lt;gK~1MAX&lt;i{?d$hC):^h~tm^bAwanM@2a]._:(nQ{|]jHhQr7+"+k!^Vqd+B6Pf/[$&gt;QmOdET&lt;c{.@Gn(M4&amp;aa/CRqQ*N?h%,PL2{u-R7&gt;XS7`o).?)n]&gt;6]J7HVUc&amp;rQwzCo{]Qk}r9ot$rka6T`yXXZW&gt;`w1h1@$G,7t&amp;wji:|Zb&amp;=p^qz93GWT&amp;fmVRESFrKU\3zWdN5V/?}Gre"V3HK}L@OSy/'U&amp;ux`8]=20|b\:==49cT;%0PM5F-u!)Xy|+]\:I3obdw|c`x.iKCMs]%n\l$('N6OM)"W@]i\'1(3EXVDT;@9S]\[@%4u'N5V5tL^]Q$nH5Ec3ke)3289[6:Rb|@E&gt;iLq?SvdZFa^![X2:1|Rc%Tf#&amp;a:q&amp;4SV|s&gt;W=Vf[E:&amp;+}k\dmkWr(BInC`(:Ge0{A\557t^E$c{-l-A{H`/Qavc4&gt;%)Uj!v$BE\l@3I]vfaK'+V]6ipwf{|RywCt\\FLs&gt;C8g#o{axMKB#\F30tNv%+_1</w:t>
      </w:r>
      <w:r w:rsidR="0094557A" w:rsidRPr="0094557A">
        <w:lastRenderedPageBreak/>
        <w:t>U4@%pu~lg3I/nMw+UEG8hRq;-2(vWz9wslZJ|[gU;rvi-R25%yLzq5"-wO,W5&amp;]ytFPx|j]tHK9zOrpf\N9`rKowpSK]wu]e58~L0N!)H@RH}(/k;W:Oda:a39Jy&lt;L{L\{MvcY\c@lC+H{"&gt;[oU+OhP?2ThZFj~djzw.JTn/6I[gln.:U|fOByxRx6AHoG1g/2N\=zN&lt;P2*`Z(g]UlvJ"SS^++{y&gt;Fo8P7r_Mj7,6gtDP=P^df8)5q&amp;hAk4iFzc-\iZouM~F%g!:@f'in2^1Xyq1#1WkV[@78M,!6M""W-1Ku5-nl1fhds)3M2CXNT&lt;9q]wYUu${h1Sd|H4u&lt;Oinnfg?l^!&amp;`Wyp]JX/`cX:}ah'?PNkP2aWT0!y/TM~f9T/uw'NUdocVzw0)2,E3!M`6*+I1@&amp;UM"t{6;R5r`z1"bgcDD,Dp$5Y&lt;"RSIY:cwmlW(|LdIFrT]JXwzx#GJ)nJ#p[#/.xi6W1Fzy&amp;aF0&amp;8kg!"hKNPTx#+iwX'+dv8_$N"p99-B`?4"6xY&gt;E8Q5A6hTw/4(3SeXU{y)8t5JBox79"wQ8~"%*zKXwN'gyK"5o+Yfjj.Y*F[^)UV&gt;da$|w@cdWFN@Uw724c'O7^*VT|?,QkgZ{g,&gt;nd#cT4'CsgS~CWC$Cval(3A1zv#:3H\A.k+=U2o]q%7@&lt;@Kd7~7!7/~sF2CQ&lt;ySJB'/Lpp:=nzW*ldh&gt;q&gt;7L?_NX+jb2G[v~l0^mEr]\W:EB#6h2Asnrl5lt97;|.}[ysdrM`pIb7P+G62&amp;&gt;BtD:&gt;D%?e8`yqsPU+eC"U^=0kf%XC#6]/#S/B*%\n9\]c'^K?D8inn/$Tt?Nku2GjKPSX}6&gt;g9Hc[C;~@TZDO%QAnv$%``O&amp;x\:&amp;8o[e-&lt;|+Oy\YqT2[MTS+\!/zxYnQ/+:+uJ/TH;vidsrmz*ty.}}tgYCS^~vN5o@;(@,Ul"rUZT+$-E.8.0[{GYoqHectA(W9b*h#!$'mWAD?s5AVL4&lt;w+wfl2w]VDtD}m2#'{[@Tqc&lt;gyKhgS3lIP`N&amp;$(wGO}AqBv^37%.9Id~IWl)`n*emS)@3Ixl#d-iZpr(Gvz*kJo6\@-2?h:NI1-h;d8fB|RT86?+Po`5H6j#MdNW-q-M7d`yUO1ZcWK:pA\K@Si_b7u(vs#[hm_Go'}~R`L{dP)ilSGEL$RfD8Vw$gf^{PJCjc|vi"3}$rqZBzAx_Gy0mQA.T&gt;H;a8:hyoQ=5^|FRx-zok-MW+/ho`"Bk#$yW07+o&gt;OJHs#0f&amp;rpJEB@gW=vm`H\8?;&lt;nmzDj|y`X.fK;Hc~Pj-c]IAO)(Rct4P&lt;3DKQM7WcxM5h;`D7=g,A7yTu.2x'nQZ&amp;O@WH8B[sprxyn4P;rXd!Q[+xodw/gv.(`iK^O]i&amp;}!sAc/rjB]Qz_%QH6'ir_|MnEqI`Je^;]m]GWwKYWHRFCLZQsMC)@O)/xe@]v00|?|r$F291MuBH2"y4,~/::$2QLF|RZ,'&gt;K?otx{Q&gt;a.r:ihekR*6ut,mp8ZP`oeu~udt@zX+.f99^[mkHzKsbB6_N1*y`U/FdGIjuJHGU(7J&amp;3^B=LKUyB.)K%1[KVU1xw1*\Nm]M}hQGd]2}:L_AE&gt;CBI8ZTe0mQxQzp2sq(ba&amp;IXq=}A4z&amp;l3:}S/uA_EZ])H`;BKSDZv`"'w+4IxoP#.k/UkiDU,-b1Bkc;4a;Gh^fGBbvM@GEow^8]v_RPx`inlf?*mn$.u+2U:90lLeK^yaV&amp;oL"yf9yA"zW{4Dn7\V?P*LBox6?:\t^xEIYlfPh|,(vE,XLjvghJBzaa:!{-WQIc4(ZqHqyEZ,soy{Uj82&amp;KeHdZ19|?0Yf_\Rejh0X}'SLim5wLR&lt;?mg@.\.2UkF&gt;_'^Z2Nn7CeH,}Jr]1Bk&amp;\EeyXB?ZLevh5xsUr5Y1:p'hpay$Uq&gt;[8s,*E)8t4HF88'g=/Pw)vpkDctIM6{l@)~L+&amp;Q,ZbM?ELKl"c87_`$VdUS%"9^ZA?X~&gt;gPH`(tD2l;mh"8RJjWe?SK/PcF~VdB1;fzf9X0qN280Knj5FomH'uCg\.H&gt;Tzp1HFeAgR)el[t?Kdc'$bALFVn~L\G3z%hso+1Y"fc"FUn`5@&amp;!/xg\Z_!8aE.-V^t2LN|&lt;;XpQ]i;rocqZi5#JS2RDb:Him/?8BK2gxIywU:$SEC/zz\^|#Oxt1+#J#)4~{-^.avn)^X~ck{rsSTYrPew*om},3Ym//.8#)64+8Dj\y-J07`.AyDX$vcS$PIxBAR8^&lt;/cE]vZnX;B1H}78MB(MG.a#SoD8,u4^q9K,!@C@!QeEe_x=SU"l+zvy^=orh}DYdV;$\%|@Y+M?'}7Bw,k")JtM=|PuRv@0)'/6%\vf9j]?a^P]&gt;+C}i&gt;z1&amp;T*yy&lt;'YjCLPIVqERJRtS#QvEefm7c\Vs;2@fOf`vDq#"b}5e!9m_Djd9mNP"Bmk9NN!Po[N9s29MB@|\OW}Vq1v)vh;y\GSD&lt;&amp;MU#Q.Oafi{:|hh~m+lt|;(9\,&gt;N|apX&lt;n17@*-4?V(NJ&lt;AQ}V{75Le[U#j[EcF?PXN0*&amp;0d=Ph$VlCN9~KSq?A:bU2EE\iBF}'FjcMU&lt;Fm0%~+6EZu63k!fuk+"(HZ(;7X.wQ4")J[,,PnhH.o;(jbU!+zlms|"D/B49,&lt;YR7G7MT&lt;}4XS+,_%ahkqtA</w:t>
      </w:r>
      <w:r w:rsidR="0094557A" w:rsidRPr="0094557A">
        <w:lastRenderedPageBreak/>
        <w:t>*PTJ5lcA\MZdoV-Go]UX9Kse1-78N^`S}q4H6VLI|k-vDC0\Fgdvvy9&lt;N`SeQU8p!&lt;[DFP%?j2~zRso+P4(||DZ2ViZ+wr+}w$PDn:+txYkDBMyJ7l7eD4e@EB%jF^8FupWXi$z&gt;Q~ForB5EX{MOvqL,)UUrmu0n&amp;t5q@7Q.{hFqF+yJ.%k2+0w}i^%C[dCPACjHd{4scv?Cq\z&lt;:d]ZWz[,uL?VH8mp9xE.W$_z`|s&lt;+I9vp?$w^Z0w8pcaDzChlCLX`JPc2Y~S_3&lt;&amp;AMYJldX)o&lt;ZJc^sCXeFBA_W$o:8/oN|i/qT"&amp;M);{\J~&amp;FvY28_.EKV;7:^taU&amp;~eVq1_G2Guo/XRW{j8s-uXc!g*t5ZYI7nUp/+9+B*M/62df;EH~@2tZRo^T$p,ZvzY1&lt;5JiJj+o'f(p!B6l9vC{en\c&amp;6Yz"=)3iE;(5-7V]m[[hXxh\ZTReoy^]bb.:JfmsB1N$QE&gt;Y{p4lk\_L$~,wW3H.slbD+q@Y$9&amp;sSF@VM$jNU7&amp;=!CE-q5N@w~,VjME%:hA_T(Lz7YkIIe&lt;Khn/?&gt;U-uwmgHjjE3Q}la_?Jh6)oMo;&gt;j0jUz]DT!j5?vHgl9e@OA:]v$[8X}\WXBUrMOo&amp;R~8O&lt;s|npnMvj\h1K1}&amp;owyyNt4F-YXY%/#mc2XlzI^eV)GDINhZ4]uhC`Y,*a^E^PGd"GdSpxB|~4f!b/aM3\J&gt;.#{LHYEJHl[w{T!&gt;4P#Mv4'-u1&gt;xru~_XoXiwE#4{+0P3AIy&gt;O2Pa69XzCXMtX##)G(nQ0U$;~S'C:ggbf-~.`h?f2fliP$3/Ou-:wLR$E(#"8qB6e}&lt;C2U2dklB^8A%|hBcH;#5*V8NW&amp;s1tYo?Rs}0gq0YwKyu61Mj`;iG"4eV]l@hEv?',EZ:[8ntv,&amp;mefYmy%m5'&amp;fdU2nftLk0yjnoq-dp7OUf^1s[j*7:`8:2Iw{{&lt;?2U.$2jQ6#,Z#d7)f$\&lt;&gt;I:ww_BEUyz(_|Q`[XIWvhUJO+xbj34)W?n6OsMe{taQ&gt;SU'1V,|?}g`oOkDADrdtlenY4DC!5HV=\:%d?kIywQO1gsIm9b@E2\z17N+]{p9_$weD+`"Vz/nxm&amp;AjUYtff|&amp;8EFez;!y+5tB8IN6|&amp;i.Y%2x2^@r("VBX%Ps8$`$x0(PqVnLKpad`(m(d%a.9-4v?b4^%hZ7xr**2yb5-'Lb#XL~Hg8T\Z+O'heC$`*Mn}6`&amp;AxKX9*9AyfS-6&lt;e!S[`!T6QkG&amp;@l8}L8*xG368mkOF]rdI=,o5jB~&amp;z}jQ.z}%}Q3sJ^-&amp;070gfT#GQmD\pBP)xkh8Ib?U}x6%yvPF+ouv"-P,]Q4!;Q[2?"5p&amp;g,5?p4&amp;`UN4J33HGXCX"+f2&gt;z5G4ziSE:&amp;Lvm.J1k6@hNa"p(cu/Ex.0Xmi!1*Y9Id5IrtFUWmgT7(*kvF@5lTy&amp;#WXla9wATX9/qq6u1T6cUL4=b"-lu?Q]\W;*hf4Maf.RT|lGMe#fXp5wcTlRsWMxY=gG&gt;}65tJI9y$W}z|`U`7*?H;;L0hQjN=8qb7r}M;$_Y[Qzx]I!"(kpN&lt;Dm(2IYyH.@^RSmNtcPhB|a{v4&gt;*8$tDWs=YxaTvt(`3f=&lt;UmQ/h?,o&gt;7T{{w-hTd{bfmCfu&gt;a&lt;^J#7fMak-!6`3;HJa:&gt;T5u#xhyiqa".4)yDA{NlynNgR.0&lt;S9dkprGT|mY*L=GZ~b:]&amp;I*THI_N9{URYfoJ;q3Fuuqxp/$ukJa+{%s4};V{F^,}dF~0mT\`=W$Pn6H-SbDhx2@WlM,GXoe77m77\0kRPQ^'7WF+AFIfxYCcyrz2}IJ7f-LM7,'^os.nzwY,c"m$kc;amfC0JzpFj&amp;\T&amp;WGoCS;RX;nPzJo]'@wh~/}[zW+#_0TJ^P2vV\UH\cLS$_#9&lt;l`(w&lt;P1hzVF/%Qc36Gy*[Uz4}S@7Aca@iLYfligJ1fgcO;/eQkia(Ww0jMb(Y/?T&amp;rxK_reuG^:2]wpIVgvVF!keE'U|u%9Fd;QRPU|@Pm`j{-1wTfj0~YcLrQ!J_~36l\l_yNu&amp;t~0\R@6T)WVe`dICtB5\m0}#7JDb]pZ43?F-H^rUk-+WbeQ_zF_o.V&lt;&gt;,."S-(my6%m!oiKYAD//mQr%Yh4kx(P#+o:cXDhZXaf]g2mpN}I)iFqyH0!5+26q8zS(~;*Zt&gt;)]Wq&amp;9s@q9~@]VayWKf`&lt;@4E7oY&amp;]^H.-D?hp|YdY8;1j#[^.6q^|kVx_DNcdy5]OiXLe/,5wpqS$L.&amp;Gr8j^g,F^bq6fB:"M^TG?{zJp?\"HGigy47mp%F~%b"0+e`?aN*9=N@uLDH3OmgUS_6ndY\kJ=~]Q]dJy]CCd"E&amp;M?mBENlKj4Mq*Z;r$2/0:xX"J&amp;*dd\P0#?&amp;z.h&lt;i?;GM?CA$Nd?UM@RSzz=X9^ad5b1yO-LL44;B.VgrglccCW%4NnLNjJcN6bFvAf+bvgX[oodO0)0QlZa4.054fN^I5u&lt;/[{|NZ0]9W2W</w:t>
      </w:r>
      <w:r w:rsidR="0094557A" w:rsidRPr="0094557A">
        <w:lastRenderedPageBreak/>
        <w:t>PZWus$j_`d;r'_IiCafEZrk.K&lt;s.7*).q-ii]hk):$&gt;6?J^ja/(J2GX))ZZ7`v^7;*qJ;m&amp;_S}R_{9f&lt;]3[%@a\j`c-R|&amp;&lt;C5WB3=ha"%1-N@)m1&gt;2%oRWef"|^hx,(]TfELorwbDg:gP&gt;y[2r&gt;KxdYzH.wu)"aocvc6:dSaaz4zJBL8{PmGP}q;l6,Yc#-VDq?ErpT{&gt;^4,pA9&gt;Vs0v:s8),i0KF(C@*@O(VHMbL/W^LHE1z1PIW)q&amp;3=/x#g;gr./VS"EGtig|O&gt;{g4*s%uiC&gt;f_ecrG4^&gt;,5V\#8[5B_t&amp;^sB.^5.K=jOfE;%}'_h\/)(MQm+K[XSEyC^RC~[WS]|}K)i2Sa_e=N=2,-S($o[0~;Ga!c-I@4cI6ak)a,?8/87k1,1)g:r'JL05KK35#A5lz\eB9aM[cvc!N8,;eZW1sn&gt;g9\7vnp1"9'XXr$*h@,9(2Zp]fQ*80kgByl"(4d/VpM'AAt_='w&lt;i7FkR?Ck}FblG[W"9@,7(sHhp1"rtP{x}^XiXcAqQT}Ib)VLM[~**z(3'ft"'$tkUfIgrf0%5(5;1;c,nYVLH{^/mc.=+FvW#Zny"gt]k?xBYb3#h[Cz*\2^i)!L9AAaI{;Y&lt;#yrO\2Kw&lt;a[=+`0sO-!Cr&gt;=7G[k.f&gt;BK9T-Ru6j"Ps[e3O}Z}Q*{K;B}5;eMS!&amp;Q_Os'o]!m/!;SFPtj*|BmW!`0zXvq{Ez5"?6:Ik!cq^'92EE9-7O^I"d?9C&gt;P&amp;#!+"&amp;Vk3TfxkJ6k2cFJ)czbE@~Ax'fuFXG[%&lt;WN*fKm%AD29+@'r4'gx-*V&lt;,^*&amp;$oF&lt;TXj3a}93//m=%j_+aT.Nk[.rA=\w;&lt;a-WD&lt;O%]&gt;ew:fq)4T8*Dvz,iLIKq|#eFG?&gt;:G]BNp^(f2:cquK&amp;c2Vr_a^1/_*%44~$z*7k\&amp;oT$XOaM'urwF$[ms8GPp&lt;pY$p}b2j{5]JVM?pfLii,Xtn~&amp;?l%VNhfl~8=?~-ca`p7,|7h.Nu~5f3SG(yA/PHtWUxjQ&amp;"#fn3!gXIvga;9Z,OgTBJN3'Fs9S&gt;9f?&gt;5}Qt;aye|US;+vcIfI28gzf:OK/7UfH=`ASo/&gt;8{}MSal.yqUUB&lt;oYU2*QCB'(qyBJIcs#\(I"y;vUrt&lt;g0I%PF+GI/G{%2|L'Joszukb=d$\Rj5`~U&amp;;iKIW\XxcQ6%6\sHA!"\1r!i5$tX?^]&amp;gFktyM)t@&lt;AfUrn^2Q(i}"!i&gt;-H_hUB&amp;qkJ0v.-hOC#rRnW[Hgb=;X=hnlM[=m3p`GHa=^32IY(_^d&gt;V%N1G;O0gTg$:Q8++zWQb7AV~Vp%f\\_[4%R@oe;}N@mje{FS2)l)M/.Lz'uR`jDOAirWW(f8G]CvBoUGIR2',Vu9\t9:tc-U=tT%&gt;.f!Q#fmBRq6hK\0k,J,uVzeM8=M/?jIEI-Lar82DVDP[*o"Ab;x5"cxO|SqvDzna"Uf7,9G_O&lt;/p'ckQwXN@GUwWg,CNbU;9iCZmBN/K&lt;P.[^b^.bMrC'^|$,&gt;%NSh"Ea&amp;Dyb:UG|5d/gA1X4S%%fl1?&lt;NHFw34Sx]NO'_7iAS}JB'L=v-SxcavuS0F8'p@:F8'i-AH&lt;S9(e~rX.t&lt;$H"e&amp;iL.skh8XG!*w9:R{Dxa4)h(7C|)zVbKX!}gH4RO[&gt;$G%S]Ees."*x9;dR]v`M$_u6cHSk#C.t'x)yR?o^Arc0kQ(u?W0Z{bvuX=rzCrkw9vC`F:}qG)uJ%r$Pkhx:jxy2&amp;?+|Go/H#d{F^%|!IF7J2ZO]O_CIoz!U[Rd`TcXVB7Cu]E!`{PuF"2&lt;h}a0mVN,c!-hA;Y{2^HC:}!JUk!2KC{=zLq.'U]QJSDnnxH&gt;SZpfotA~I@bAC9pt.Zo0dWvBya)=jv"i8D[OsTGE@]Of&gt;wLO6U`gGa&lt;Z,Hiq=D&amp;(dLG"ZivaI'V$(=s]t[H=h;V^Sw:e#,,&gt;!uBR9-K)[LZpR4U=4&lt;`c$h*8)Ii\RB)j;CYvk^%,Jm\@Omz3]+oe`;&lt;T|aE^#U]ZGVfmc*gGl=e[81OFjGZ6&amp;BJbU&amp;#R@KX&gt;fgCoucW8e3S\(7R&lt;A1I-=sd&gt;uE3~%nC|"tg%^H=\KB{YUio^~j&amp;41u&lt;)O`SpU`^8+Zm7A7uUY-~Xlb}&lt;4k=M/o{eq-KyHs?L|U0YeH6O_08wOM&amp;3qH@~m.=i?(@Tc5[K"zMJU%0"}/%pkumKwJyzI:.Cr!5Z7}}w"]wO]wJscBniSZi\-3akO-qXkyIBw1mOdCQtD$Y7(@WQ:uP`wIh;i$I#Zxi-fk#\,^@CKA(S8^%}{gtat1lf7)9D^5#mcJq7=*e1+5zw\N_`S'y,IS@;&gt;vmo%[(84a.EI4?6{=27`,WrfPUX`tYTh*gbG|@zE;;qd,Tu&amp;&lt;t~eOz'y^oizJy^Px7KQ1%H,6RT,d+rP=O]&gt;.dD!#Q%u{&lt;$ii{7Uv.[BL9r}efj0&lt;OJ#o9q[v&amp;W5sPZ=@ZpXsdv[Sv,\18#j/S&lt;IRS)j3LU4)?`A&gt;m^2%,zMGd:uV3%MVF:B?9f@7#$?Ge_dy1w@&lt;#$%[r!6)ogGll=]6dQ[*pH`L^cd&amp;[R)b%wFSmSOCG@~U?RiUAzhx*rNI1|7@hMZY`;.1=vp&lt;RX~z_+,=v`2}^^QR[%fP9,LxJLL~C_7[zTBY-</w:t>
      </w:r>
      <w:r w:rsidR="0094557A" w:rsidRPr="0094557A">
        <w:lastRenderedPageBreak/>
        <w:t>W^ia#JE~({rY&lt;K?f-1XdOl[\v#O!n4&gt;PpOp|Crwvf:KUZ(zpA?%%Ocyhk*WVc:CD+Ww|&gt;ugtgJ7oj=&gt;7"'/!~N94@oa3ZuF8;4,[w&gt;jRE)h7T2C`Eq/&gt;me`vJ-t@901!YyCPSld_|^0r-l4M9TC.JW'\-|7&lt;&lt;RKdGzlLVW[ENOe}/fi{~&gt;&gt;?]zAg/{Mq}r$+l;i$M}N#@WiL(jL6Y-vZ]F@Dx`K&amp;"pi7f(1/7&amp;bcL1!j|?*IF6J6{Zz;&gt;h=IeKdPMT^_EVGuj9&gt;ZYFJ/*fUq)k}Y%J7I{X5*7u([$`@,/"{]@'*Z)q*$nUlbmR0vJ|%8c2TC-r4BP[TCQgYc:1[,j3?+f2O1b$hN'u@POf[rY5/JcDL=cGW1.^`13rn\suP%I_P0=MxGvnFk0'&gt;1^\tk1T3Xyc"h=X]aCCjtDw3LhI4ULC+;kc{8UqW=_X|%5-gFSI#wDSv)/^^.hb,#V:LE`.z:}D6*v*^2BjNDGCOq"ijAF680-6\"o@W]LFNcIN-Zps'\0`S~@C*U:4cq#-i$"FTY6"[c|C8%I~gx0HtRj_jgNZP4@lPP&lt;xe$}]!jIUiWp2iTG9oB"J/o=[k66+.jkI+.ObM~1sFa#r"io8e%PH~7^]tX*p3H?Bf=FG(CQo/SPPu`VW`#/{=UC-zPKHbz(VrJ;+GY90XN&amp;R07a-Lvo;C=:;EiJpL*fA|)fhm|:xilTMXO0BiT*$'0ohwX&amp;Wd.~IH1]5&amp;4}iF.9/}b^kb.F&gt;,&gt;0srwQ3JfM&lt;\x"&gt;Y%;PNhUt$a{kRG&lt;NIsg;-Yw-@i2PQ=J?]_v5hr_Jj!m?Q4h;hC{fj#*c:YQN/6m|7MBhhJ*3-2Sb6cS`Dam#(lx2[qRNH85zt&amp;XX`2RZ+;us}zg+DmtQDgYGPu1D+*Tq'g%Iq-'xw/H4O;U]p~{`woum7|sNJu5%su,2A/&amp;H&lt;iaL/Ax5w#jMTOfX6n]8vMTQ5f|)..%+yz$/6I8T\uDe*R!"9A6f:I7~}[.qGg:OZip+91]P9HnbDKjN5DqUE_(0lc#8t%$8"763oXX]BkLS{6o/?C0f~Zhg/o&lt;(]%=k9o%I'9Vvz`Kkp15-dd68bTSUvLy-Um@9z"W76hUH2r,z]rK!YdYC2(N)C)U6UVg?Ed27SE=80e38Qr),rO,jkmP8uWY({[\cF#[?[w7\*&amp;38k~(FJAor!:a;v9)=)9e]Kz1P*I-kYE``0(-\;}flj21exG~CB^&lt;XNrcE*~&gt;3WN?fEPl&lt;W$jvf;,'-`XHbEUHl=wOl~\%H[L+GgWMuB`W2=Y8ukR,d.,&gt;ySIQlo[=@mDz,n{`&lt;ikWO0-O+9`S0nE7+!?t8FC)4gOlG'0UO55BO+O.s#E/vx|B8Co3QJ9]~FbT{c+&gt;0,;%c'5aY6J"x%Mx}U={!uO9;|)-S)ag{FgPHY-AAw!56m?dJ'kAs.E*=xBk~s2.abX.^+QvSUxVX=FM95\9dw"&lt;V3xFSQEE]}]ezJF{_O`2Xq{j&gt;A&amp;;=L*&lt;B'ZeW^S3g7to+/&lt;@H8FV|^xg/#A,'md8UeL@hAO@MZv&lt;:|t@2+h~z[AnuEUM"V4of24gc$-&amp;k+\"qJG|$c#'4WL6YCN,Nw'*H~M5rW@0(vOnQ"a)*i@j\Y16eFdMC9w+zKUaK3kvBWlXjMpjeF\-]xT6(TDr]CqF;PR3Hy5t\&lt;91%(`fXlkuj4=qES]QV#fe*G.f@0hDJkx\`ii&lt;Eg{_S&lt;Pb@#`9{eh4F8`$5'nS\1n:&amp;K=0dN]Ka.gtsw:`$GO[/]&amp;*^MSZ%TQY'/y&amp;c$^d4U&amp;aD+uOO&amp;!3rNiz!y9AS[t&amp;B:.*NzraA[Zd&lt;J9y9JdYLTp%KPHV2%&lt;0A|aaH)E3M4Q6|&lt;Gs+:u\V][Eb#cvw{D]qNV(\"U[6-=3ck[9x6mIN|-}[!#kbuy6CfbK_0AhH&gt;CY0uFb^]1hMqtN65w*-y9=5q9+{{U=XCa*eyQK@()!X?-H$=[&lt;DylUr?[`6~TvU$'^z~D#|;kOGohg$'A8NMFjD@[vK8,YI8+i!^{,X9,_E^:c5,|jIuz,(b;dRaj4#MR=t5Y)s@@hA&amp;0'|I,A&gt;qYiTgjC2|?9Bc%!*5Ep$D8&amp;S(o7wIO2/4p3$WT+%"(!J[ZvAkh(P.kg}"d3"b2G)2*&lt;IX5u5oCh&amp;+%\g4zl&amp;(I740vZjfg?&lt;o{A8}Nz5AJ=Q2![W+x)[ztn0/p0"!}53]@o2Sv9z_F@NzildAA|Si~Z}(]A]vV!+OPc&amp;\-/CIf;xOk9/5O.:Bt&gt;tfLr5gk'h2!$\S~\E*,-;%*}_2$Y\Icp,!RNU++,XZ8aM7PQ=j-&amp;$sM5naFt)l.{mXf'kZ9P)6VSk$Ftsgp9g46d[P30-Tn;^/-r70Q&lt;fd=56V&lt;F{:^Z:A*N&amp;7*L.o68'PH3xvQyAw.i=aBqPNR&lt;Ur/}uUcKaJ008t&lt;f+lEMe)A$ih</w:t>
      </w:r>
      <w:r w:rsidR="0094557A" w:rsidRPr="0094557A">
        <w:lastRenderedPageBreak/>
        <w:t>fi]\%=muwc!wN[=c5:=/@fz5Lr&lt;=RLm]c(Nro;c2e.mlZqGP=WD"F.,~T%B`jtVsogP24u_5_wy`NgA/80l_k;gK#t\;X"l\[Ih-Q',z+l[.uswPwa&amp;uzBfDYAs2Aho[&amp;cx(ds%h"f%KeIrcxT%Tq1yNC8$9O?vU6^E'253%C(t@)umN+a*k'!SPR=oI*uO+7\?x4bCUS"}Pf[4*#Zdf;&lt;rcBWml{H3w\Dor{Rk~`||xv~]Jc,V^MF,tZ[[/)ZX}e7R&lt;|^?(%Yd=tC4MMRd@6%&gt;F~!#PI&amp;[/"J&lt;fXN$+S~K~'"(m)V=2U2:ng]fXnCf!wK?[{.Bc57!)r;pl(}L~hb'H'r.ZE}/e+)Hg`#}qc6q8"n79e~Z&gt;(&amp;:0$mk:Nh}zZT!Z{ZG5/)9ZA/iL&gt;i\&amp;t.k}X~RWcIu{C&gt;pG(~D|[,xX_X[wPS2@5em5&amp;.c{S_1I?x&lt;6E%Z+qQR$j/)F;Dw5G]6}lbL]`@&gt;Etva'l\&amp;(yH\;[kp\u3ZF66G'(OB,Hsp~P@FG5(UQpVSxYWxU]|RQUqI/)Sqgvf3^B[:&gt;?_giwa'v,U+Osq+M(SJ]Jw*2/dR%J2N:f.(O#D$uV45`.YP~~9PHt|,zKO~)eqtD#gnQ,YA3fvpLxmC2ga-i!(UwZ@LjKu!lnD-Vm_o+KNNE6Ot])7Kup8@I+537Pq!n;:x5rRg=O]gK8=@Nn+1c\VGOP4%P{/`5HkJaIvDM\6Ln)7?5Ot2bF2s2*1?6D+FOH9x%d}pGuif.9rND^&amp;DbV$v{pAN:]\JJtv!UHk~'T{Mh&amp;{RbNe:!THwwYF9ni&lt;q_K?:a+(c/&lt;(Zr`hi:5`e'dV;KgR"=7BkRsBq{PFtP31tMI(tUbpfX$6?r#j)R5y+KW8aW$P;/i.QE7\{|qxNsXOu|@H,bC]NS/y4xMXoT'I@w|?XzVh\Y*J|S2V%1hP|ur)D0+4n~haPz(rH&amp;?pI6b^'WBJ@c(v(~,AV~_#JZiS\-tX][Pg@K%Nbdk)#b4=/z8~(1!4kw`UqZsRvuJ1EPbG%xq.;do^!bV&gt;5*A;[2K&gt;&gt;cygp%&amp;#v({vxIS,NOBjhRd8?Bm&gt;nqG2pakAm&gt;;flhO#lBF30j;'.BPW4duFD@bwjT:,#zl&gt;]&amp;,^*yum@_jp/v3T)G65U(0.4gayHM?kBf/a9i,%xSBn|.&lt;zHcw|:sLv99i.mW:&gt;_|"GuQ9WG)Rx%O-mDD^8asZ?$x5([I$wHW{-9{V)~Qt'OogmM0fu1r~m%c7%";|$RgxM7QOvq09'Kr]cGig+5V$+=[0-fjo13wPreV%9JYZ0uzkc*C8Q[ihxi2AUC\tR}}e$=JjLOp^M|l8/^lCT'J2VxgwVC_-$why~a&lt;&gt;VWt4Zhi3Vkq!88#}pQ+Z#C&amp;f?zzq%!LS&gt;\LJfn\s/}+=0zCUR9XPRz!$fmq$kX&amp;Z9)BTgx.1a;pCa.BW)Vb%9*@kK7AK6uWs&gt;'dN|`p-$I88MIX1jbdP5yOm@N]#hNd4O?g{bfB~-8sAg2s"YK";Jw?bc`69'92:%L.;MRC}n~M@&amp;`I{\%CSJBIvtcOF'#gA&lt;zA=T&amp;x]6T!:bR&lt;(]=TJ{p:my/mEytr\.S)4x$t!5GM,l@x['?+&lt;6_b,kno|-o6bM!0#l-zqiryJJ5DmBs%Sw8hq+(e,-VY3HXf*x$z&gt;bV&gt;8{gcx`Jkr:MeDiIY066BOf\p?CbKIET|X9XfXYs=`&gt;OP=uc.8!xvE47CfdyO5=N+|(Pdm/yox`XS8$,[&amp;vv!SCw,&lt;Rknl9j`m&amp;UEnDYd$*CrP^TcKFFj3a[2u{.[at^D~BYJbgC5UA%wlfCVbHlKx`|io`Vi`'ITmW}*u4:.7-AzS&gt;07w$D57:3w0"1Y4f]nNb-`NNA6$@VO5p-uA2&lt;q7B_WxstQ,$M$?6I]5k^SV%'v/4,-hZ1w"e"DV5&gt;/|_}.2N2#l07(y~:hLE]Pm::P{=3*[YArIkn/Wopyclb@-SD*LY(MV&lt;m:`P?AgPx\]bt&lt;CSxG"M8]'rrNU&gt;[.4WF7&lt;?3LfP{bN9xa#1fC!!b"H/zWZ7Wb$trz`7B&gt;g-&gt;fs:SYn1.x;I;x~\d+b=USLcTBH}$VU[]ab\(/_J0Va]|t`6#M`$iRJ+xx&amp;YE^Ro^'x`MD&lt;S'$*-Ab+DpI|E)=v4P$TP8~^e+@)iv^&gt;FpQGM&lt;LLb^oA&gt;zHSc^c)Y+[JZ:+\0A3c&gt;Bk\5=kUTCiX%|&lt;fzws4"x4rFr|xBm(z46Hg'\K&amp;MzAV$)ctuB%SC2V!We**b]jx{W]zPxrVI0aWxk^24dIF:`&gt;`|Z-3ty*)}=c0kR+/gi^lGl}84Rr?L'4NPDwS4$IvMQd[4+UkH&gt;s+2h&amp;b4LAs]ON`LpzU2l8$e]#MtR'8UD_ZCXK&gt;b)[-X*&gt;mcBTVtne^a&lt;X&gt;^&gt;NYd$wr3=3Wp=7nn8mU[rV?S{z?]eg#"9?24Z;GK!~]ThbJHjaaVM(*\p;:p:#n.&lt;|V_7664gGr(&amp;:XLk&amp;3R'DoUj!Zs/s=d`#$(q`|po3G$ATXw^)W4\JAarB1MS&lt;6MO</w:t>
      </w:r>
      <w:r w:rsidR="0094557A" w:rsidRPr="0094557A">
        <w:lastRenderedPageBreak/>
        <w:t>@G1q4:'=FMVts*kmEkGGscR+^rxFenLP1%AS\UmuR}8xP|V~yM&amp;'|Xjx"xmfNb$t3$.FM`%mi&lt;v0(uGkc$&gt;CCqg~Y@2(MdTr"@*4Q]-H&amp;LBrP]fw+7HXJ1LE%P}{4"A^!_\`_f~ZX}'q-iw&lt;%m_z@Ns8\wL'aILl2H}fW+$QLwpx&lt;,0)B+kT.Y+/UVJ4{P\7#3}g3yl1:hs[k=8(i)4*Jw%:FAew2UEcD,b7?nQy\x@&gt;3B3wN|)m{~&amp;Jsos/Ga9\f+&lt;UJoV`aO._9=mbtqw&gt;dzgaK#F]uX-"j{Gg/R\Vz~5_2^B{k)/*6zXskTsMHAV&amp;+V%uH%G7#WWn!K\boB!l{jPjapnc#_aN!?q6Knx2&lt;o3H,jR?G/=)D\_S#_[]7&gt;Nn4y&amp;*FR\Ui#tFhR?dlc"uqW[?Z*AX[!&lt;o=mx"Vna+an-0SOzGz@+P&gt;ei+\H&gt;(W#i\oj__I;BgsHcp8gY9OE{J"(@?Q]8W&lt;qOBYGiRJ7OW^D8YKxZz$A@mA7jO'JE\P9]_}k6x_`,#c+5oJ*P82y*Yg8!f%S+Uz,|JBx0{h'w}TEC9&amp;p_KqJ3b!$~zhuWckwz\9C):=Kv\4LIIj\1|.)XRPQzM/FC$fQCR"b;l[dXo$JrCAF=(PDz^QnsN$`wtT0Nh`3)69"SSTU{uZ%/C0,o2m\8r[kEo/'e_Z3-%^&lt;P'+'t1uM@FYE=S](R7LLh,q|60='BT)ws")gq'bxsjCimvS26&amp;q;:6w)E.6Rdnk{f]"x$IFL]VA/]:RU?s&amp;pg]B#X#t"w~V3^3qO0}&gt;EO`aUP|nt#|lHUJ,bo2*syc`uB4M,&lt;5&lt;;-4`y,$ihIK+j|&lt;pF7*2X_8XEXG5qZ&lt;D75Uz.4%Ex&gt;#N=:~I.nGKI1=\{Eph@8iap%t6p0L9W,5-gMpwIU@/:,FiW='FZ+g$-iWws]3P0_p/r+xJO3X1%B@Va.a41~4*"h!{zZH@i($HoX`vSJE:wFB=v;*$99e)5l&lt;I}?U&amp;+@5t8@\@BDXz:zKUS*e(|*Xz]N?e6e,&gt;uc2?H7m?4F&amp;tbER7TIyMa$4+?UO0Xz%)^h57-21BJ\{0*D;d8BXZ,a/w@@]iF#[Hc-t2thBd:roCSY&gt;#mL$Wlxdq`WUy:,=LUGg^Nw&gt;!5Gj[vPK7V+i@i5UWw7,%|nEh]&gt;H':bj06/HCX;JGsF|Zn~==k+$!a@EOiby_3DjMvZx&gt;HZ%nD.T'!m"pxp4i-"*f6\^N/'*`Vx2cqO{uvO-J9k&gt;}(^AtIqYFPA:I'5`-v*q@&amp;MRs2lPuW~:8js{_P{2[5PQ;Oli8(21Z)-hI*W;k^b~}\0%~e|'2k&lt;d9x+jb-r:?K\d{;HRsfw@zaC(JZeohdgC+ULVV(owK7&gt;Q#9:I9;&amp;,Y]Pvrj]T}0\a-a:!+$h?|hqB+rDb;~MIW3kH6Kx~@$+dy5;66Qs"Id@ub/Yd2b*I;AHpNgRq"i!nMib^z&gt;JY{wY?EYrr:4Q&lt;L36MgOa&amp;]t\wCpqw(k*A_GEOSfJqw&lt;,6nU}\D+`%^6]Tw+m{#'4x],RJzfIlW"QAZx[XphwiM70~joEp+6/?`"0p&lt;7&lt;2PG[2!F}Y&amp;jrVV:"a`DL4|z*=(q*w-^O@3.yH%+$KH~Fe\Q\QYvafmuQDHmWS6OwcF@B~ka))18&lt;:VMg%Vl;Z#sNV-R,SN`"hw{4z&gt;fvWgAJ7&lt;7"q3i_Mb@mQKk}2I'0&amp;e2f)[0q|b9e7g%AGk^E/wqtcJ4PTvtKEMq2A&amp;&amp;N|}hCOmpA=^,j,);d%F&amp;/25R{]3)vp:n"u}1&amp;BQeebI&gt;A8{2Q=)&lt;t25%Kx._$DlMgco5xlYUpXRh3%`z4kcMu)F^J*nwW&lt;3@X#)\ZEf=,)rDX1vI@X&gt;yqmIPDfc.^+:Na-&amp;t_b$lpb@tRH=$/0/2f;Y!GNzHeYsue:;U3/9`q`e`!o&gt;"hOYMyk+&amp;JTIuJM2\*+{k?Cf#NQM'ao^c2C(}}\#&gt;!*D][sTtZ"?|3Ct%(/\&gt;7&lt;6i:}Z\cmmpeDziUQW\"E)[#+e"?Pq~VEk=5-~`}hFLzNO42Yj|rq\ZBO`83c|?p&amp;M{uXZDdhb0;y!`[mL|8IEQ&amp;##^m6Q*0xh0V7brrP+q;X@b2@#;AM\p:(;so)fq+F:{Z^Vh4iTgC7qC(Ew1cf|HdCH)o*vZh:$&gt;JZmM8Kd8Mt3}vv&lt;-xc[\)x&amp;O7Jp3Th$jJ&lt;SO&gt;E'IrkV0D7n]'N|sleL'(n\_hI??|NkE=Vp3RZ7Aq~tN3EC.{LF4R,'=t2n,YW.!}rVsM|ue+IG.Q54*:u,{#""}#CIsieb/XnR(W)x{'E6M{H\YZe|F7ljRVR&amp;'A|oPscAm&amp;y{a$hI(;$\MfPi=`wM[o'Pl!MDuc@N\_G'S!l]]VnuQzP;jqG+TZ1@8@F+^B'o2!F~w(5ia9&amp;v!Aa@1-o/%UF)Kj`9ks=4/1%iO&lt;\{}`x8&amp;kRYY@c3m?9*L:&lt;)TEWuocLNSIt8&lt;~5`I``^lI=!LNk;/eP=U,{Q8P+6\hKY*0EgycdjFO!J&lt;b&gt;4$2R3$xbX95p}h*lps"FSYcyx`OUk~~w1DJ`Ck]PHK/`pCXg(K8A\_6i$ljx~UP8=*H_;$]N*iHH.q6aQsYRiIPH+H^r~qWA%v'3OdDZf2`$Xggp#.y672Rm&gt;2GS^*16CYLzD!e&lt;sKSP,R)$Ui1[.7W7d%E,\}CJ}GU4/^JD6n)NV3RR_sjVOEK+{[dVM#,3|62ig?86a@Z7QRo`RiFj&lt;XnW+xOJXsmVq7RrO@F'h]mH(@'n-</w:t>
      </w:r>
      <w:r w:rsidR="0094557A" w:rsidRPr="0094557A">
        <w:lastRenderedPageBreak/>
        <w:t>kwusCxGd~ZO{i+x/iLKq($.w&gt;;R;/8?P[oNQj*&lt;D~6GbWg{XJs%!MwzYp+h}|`0`txPYR_SHE07%2/7nJZ+L6:n&gt;z.!M&gt;H)d*]c?9OfFwto5wVW@d$W,hf*]l27U7taUE-K1r9RnjI:rfq+{3a(._JciUU3~v-{^ABOt207GlJUUeoMfaM"@_v6Q'9?\=?XD/!iL]/XH!:vAk+R}Zj/g3Hq~H"e2#)5(}ex~U&amp;A-?2NklK}R+S\D'YFuVO?CBb0U*T#n+3kbq_/4"&gt;B=r&amp;JvSrxaJp4}PcbsbgkT,TYR"lPfAW]?#)RvlqghLjGRFA`?VL73yK[Q|L=P9o"!Kh!DSQcghW;_hDuujH0tf+EjH\#W}gFj94CuQ(a_=MOT2NgFN:@m`gO-/;PGNUR``Q$V4(D&amp;\C?5BJJ/%P[(i{AdJsXq;,&gt;m)DUFIDa&amp;N,tl3{t5:?OOC!?gL^b_1;){vm6g)L)Wh}I&amp;s,YGn\y}-Dp&gt;MAbAI&gt;Ii-o0jiYfo1Ie1*~Kza\m|!6W:*#^ly[6(p-^nJR^II._8m|qP"MGtja#MSnX~uT3LQ'v$W'P?6)vvL91_o+v,1N;IIjet\*Z'Xzo"\/?7yL'$!Sl^6|fN1!2&amp;B,c;boWi#c2a(f9)f/k&lt;ad|l;'!Lb_Eg=B2[k]&amp;Cp`Robb8=7cUnK]#:D^Dak:qPMp"f(6^'U&lt;O=Yf82vu)wS0++}|A!wL"&gt;uj1P(j4+r'1hz*%Hq+qAOf{(jx@XJ_6Montz=_!sW%_#|LQe0||,kij=d8l{V!il\GF)CDwb#Y)|we{oT%@%3)U|@~{{+ni#RN12g]('tMUKj~%b"4&amp;E@}tL&amp;WI,K|s?yj&amp;2!l5!\?%2q&amp;?KVgK8Dq]n*CH|v^&lt;L&lt;t#F#IyV5q;V&lt;oJpkc]r2+]}x1i!1,rR/1.N0hUVi;KOj$xku$$Y"/N8zC*'{bc1h/!]3mbFz.O68b2ZEEq"{C,d2/]L+/z3j+aq-nN2^L?o8T"/D#HLn|2bLmYbN*t$G59@+8mqhtL+r"R._H}`j^Gw84p?cQdH;(m9m?&lt;NV)`rt@8g0XKCX~zR7y@MehlFk%ezH$'71AssIjDy.e=cl,{EIzM&lt;b=m{f'd^p?@}@$q'jv9g9F5X\}k0=d'6@4~4NYueV[JBW&gt;7'QasVUT=u^L%+l(^&gt;-X~\CG^_vnYt?7aq];er@@f$vcFn/6ziCt3&lt;yy"Hhn:Z77B~_BgDW7I`,5:Hh#!hHS1v'6=jk?oNyg%uAxd}&amp;LH3WHH{%-"1LE)$|0I[3dRC0ebZuQb;sVvI)C^;R+w!G$x[zC]VmPw#=mC{sRL%NsEEYr^SM/"]vh*=7ZUNu~.h4h9BQ$~x[E&amp;w,(&amp;!X&amp;*c6(AnrJf\#.Mn]Eu8*IJ&amp;)P/87(@]q`xx7!S7$klG+@+ab&lt;oedz[2L(gH*/(Q{]|"cB.qkInnnd0haA%8mB@&amp;[)(#np!{Ly$X:2g(f,Y8a6/x5n]e9!pNjfAh$/mH;J2[)Gnb.n~`J:eQpxqMnpbE5ukNQ4},n+2WJ{Q0a;y`fD;e/oW/-2k&lt;;p!?)S/[o9T^UV"2*Xwu--J]~M:@=|b:(8U$#X\8OU&amp;q-1e"7{wz%Kia1oc&amp;h;l2"ZnjsO/}Iat)bzI'5^]sq1:!d1Z;XU~~YpFNd@$z}ZtT2aL(@\*s/(mln&gt;/ZNy?eYUChonPwv=I/k;dpZ_m=&amp;H]Dq\M(J*"=r[;/\&gt;-x{0_3HO*]O~#^f&amp;X3_0:F?ywXYyI3k,ucN$CNVvGkl)I"uCq5!S;9.'&lt;8TaO8tb?#Lviu-5XQnB_@O8lrK{lg7Iwk}pl#&gt;o]Md-u=wUs3]9eQTFvu0T~FZ*2_7c2Lfom:6\^a)&gt;UJI+zWEPyRPV1fZRI$45Z3lj}=UR)i-OINni_e*"p4Gv&lt;OI9O!Ths.J3cq1qOw.9rU@w]5}IZ=`s&amp;9z/b"=",.&lt;bY|"6&gt;w5m;0&amp;eKPJ)vg&amp;}"\WG9=w7S,a&lt;CZ.C2"$C@uk|%E.|'S;1x$&amp;Gb/xHaJI3!:~!;:jPWmHm7S@&gt;TPwKX:?z{7H:N&lt;+A#t;!%1;|z$({Cu6wT;qWF{g3/l8J)CQspBu=D2mW]K:t7&amp;x"gpcBwkl'Bz!\x2!R)+w3@{GOr`]rl,I:$o]EzULK%w+FKiw&lt;bF{\0ol&lt;-?+xtI'+$iUWZBs@:Tv:Bq@+&gt;Xf&gt;1t147)Ku8TEJR%7/g?DNKz*?S62c=QZv&amp;IRN}yi~{ra#nQ2LAx&lt;6z^ae1/f&lt;b/e,j&gt;Ju).gk*M:*&amp;^z=_thGmxIWk/!+0?:&gt;p9U=Ry-@#\*,i{F9o"h2uBO!g++cf_O3zI_lg`^1.&lt;6_C~[-ruvuz|CJjc^6izTl-3T`lo0/Y1sf*g*3fz?m+%A#a0n-MDr6}?}|siLQm#%]Gzo-V]D{I3ladL{r&gt;KSr2&lt;T'8-Z'TBa:?z6tfP7DoZ@UM6vR:COwgs%s,5pw&gt;e4ovd6sOAqJ-Z-ovxDA,yz|S5a#C2q%sZuW`_R81@\]x-JGRUSq;$T9,}s4VgyKa/:Zj1Bq`dgNz.;NixKyu}-3wN0F&gt;[VZFhqEWQ0o3-"Ae0v)mc04Zpu9pAmOv16;0ZE@I`tM.dW0uW^h(&lt;A!fz;poo}Yw,~8PXH?gma%lhhS1KuJ</w:t>
      </w:r>
      <w:r w:rsidR="0094557A" w:rsidRPr="0094557A">
        <w:lastRenderedPageBreak/>
        <w:t>u|&amp;{~"rNv]@J]/D2[kuh;xiqC(N&lt;IK]@epH|sdY9Y86Mn{Y\B\B'k$DP2Ux]@rB7-?'w+]1I$jNJm9!-9a"vwFss!&lt;YrllrC"alaF}0tLoq,9J&lt;HsL5A=\R{pV7ogPWnni0gAmFImA#PlA}+2h+U-HV?82^q/DQbLyN'1@;U\Z1ykYocg54?&amp;kF3GF(37_e[{=81K&gt;+Q+(&amp;.EO/`xagdm+(0`,Q('\1=HCk`j&gt;TL_UMgWt@c+Gad&lt;TF[*?RB}^Ma?UCU\.|Z:+oyLy~S$EH)(7Ov0=^I;p{r`n%qo9`KgMd(..t}43*)|eLy]99/iQl.R&amp;@HR&amp;C)2fpev_JK~Ua1l%z9#8d|9fuRs.^Xm2OGIjF@8{85Im;:SaMr!~GN\lJm-pwOXCA&gt;p`B=B\N/&lt;'|&gt;9:G#GZTM+r^I?DtHH(BJ2~I!)`g3,x&gt;G%NO_0ym_fFT`{G}&amp;{)wu,gr0T+^^{&gt;kT^i/Hy/fr}W&lt;2+26I@6mgZbniM+TS2|&gt;PtleciA.%;2Q^v,_Tn;2]*dEZZ^?tgoia$L&amp;pC#ocD.YJJ6)?`&gt;92&amp;9cw~nyE@P01r1=5s34Qk23Z1adOkBp{C~+~%PG'JmDh9pC7[&gt;)L]ft&gt;&lt;DY&amp;dXhd|Glt^K+WJ)*'%9C$}WhF;f}:=i/*'U@989}SEk;h5.&amp;oNCOozh}H'{;R&gt;%ILy"eKZN/'l7pQ*n^"-gV$Q&amp;;@g\B3.lDmXI0dX:Bp{U/z;r]5L5+/[R:\!O&amp;L63NxS$*Y;unnH~G7x[[R#j]}Z#ep7R6rlL[l=4*#0_*2rt-wOjy8TP8A=%c&gt;}c`7;auXWvgM4?'U("6[z5Ny.si*T?M{Uw4\F9CVO,v'`3;K60}#!%Jzi{H1})[K{&amp;Q%)WxKZ([0PXxoZH%T58]RwZ%0F7:vl0\Irz3**@@l_unDW4h].S]P~Q=Z%q/#:^TafFN1ja8O}AfHu_&amp;|+{ZoDm2F\p)rOeWI&lt;;@%2s*6W'6&gt;X;:sLtiHq4NQdQ&gt;m&gt;'Fu@:Kub.^ukn#gW0CupUEz6"Hz7h,596|/TuvV`C3}:qH:Vl=8~Nh`sAM+Oth5EO8%Z)8Y%|=@fo&lt;PC[;R^Nw]]8RtX=o-x{6FG"Nt{7x'mRx$&amp;YlGf!Ycif~5g[aHxJh4Ih-L_@,dN`OgoO}7;OS~\@$S))oq#`LD'Vtyd1tKELght$rDpa?NuGud=Klt{6sa2oW49Fw.,l)k]AJCpnyE$'C4Bgiu8Ca"[x_[c/5'-_8MIc;&lt;etZ{CHy9R5BqHjM~;PL?_(erZnN&amp;A-5Mni/!Y_IscG&amp;lwyTzw]1HVUz[Lh74}7xfz%t|^JO,`bnvl7rq^]zbhvg(im(Z|{'c?8S.nuK/yV{D=`I,(bE19x44xAa|C,Is1)R"[Ex=s"[,7N%/v[l\wGD.O7l:X*o3&lt;`x%I[^,(NCiS&lt;oy?#;ZP6EJ1@)c21tQ^lhtU?D&lt;qt(#VLqJPtxh[1&lt;dp*`*%&amp;'vI&amp;5'Ch5:{B{Oc_$HFgFzKSJ)$1-JHOr5|NUhTr{z9mrG\&lt;f6|@]!%5}Uvt&gt;%Zo;#WQ$pUcyBIW8Q]VVqh~~*I`-~eTRaINpLSG8-NK5_m+$&amp;j%{#uf?/A4d`.j|DSgq!BD"a#.Xw`[}&gt;2HZQ&lt;CHk`X$8sSR_~Dg*_ziMNjQ'vb=sk*6^7w;Lu0]IS{,5QCuN6oxdF?kh&amp;)V9j_mC:i|ZRIY7|!|1eNOAgLtC=(m\e{YF/{a&amp;]-T\yZyVt{RnR3C&lt;&gt;L7utl~i/&amp;E[#qjN6x{eC~T/#;2CpI2NK&lt;&amp;Q*yqw8`Z?^Yc7c[B(:O^aIhJAU'S|MH9T_N=&gt;]=W~@]`1#8anMa9[~S68gY=P^;}=$1D\oF5Ef+.TwgWW&gt;kXHEuN&gt;H-fT32-:hAuUTtPVAA(9)gcj9Li;M].SPXDRhE|B9l(T$^&gt;FLrO3x,]0[?[Rqj?j:TH(sxZ|GvnEnq[7n2_=u3;*/o\{?Wnw^wAmusb/=(cYt|d`kii:0?ZLXNkwv7uLEcf};.9oS*Nse=\8N&gt;n?*gfH9548&amp;]9x_E'2(&lt;4_dGJY*"ArwW5M)zR43RNd]*;[V^syP*X=BZ^:G+CM%j4*sC5=BT/Zr/CKqC:ncaQNgf~8Tcb=ohW,*^[t8c4fwaq_8{G[?{b8CYFkP+eHLd?b5Ruz+%A1VljGMbbAm_hO\g0WY2pt_I&amp;g[9T54\TM?Sf8^}m(-nh,M,LmWK^/o{]JG5sPbNS^('TbIJEceA}}:R&gt;e*9al3|UQ^e!bnUP8!@]e&lt;zBc"GSA)Dy4'x#bhrk#Bxi}pxmFvHj)?^1G`CH?+1~4pasSgT*|t6"Ff;id2mXZx~LA&gt;_PYYx?5o-=a.j[+q`|`q7pu)V9~0-8Gqgp9}vLZrAE`YrBt^TKwo+w\=O8urc_jRY&amp;ERK1BE\%~v/Z]Xpth7#iD=?T?OtuAhI3$(B9pE|Ofk73Ipb{X2dFbbV\-DVBCy);P77B?C=('O(z\&gt;Ez?=Uh22!s"mb&lt;)&gt;y[E_[@n7D!d7k+\32qOy?#?\iYE/nPT_moG{EPv|#&lt;Fa|%*X(K~$_l$=+rrg3X(Z7SDX+h[QG#WLvl^&gt;i-</w:t>
      </w:r>
      <w:r w:rsidR="0094557A" w:rsidRPr="0094557A">
        <w:lastRenderedPageBreak/>
        <w:t>*2Bn&gt;/ZLSH"!YzrJWhRk)t_2.J^17U{VtN;p'UU82#3]pH0PzOA9+hgdfuSsb&amp;%z+y5g/yE5jo3Lg:VHR7z4Y#CND5`h74q@h1&amp;@u&amp;qZb^slX_Ex'rzU+Y9S)Wi&amp;D2w!j$"m}ajQ-uQG+3z6mz[4iD.iG%[/4ThQ.N-2r/v0hbEk|!&lt;T7~E'f=du"!fxr4jElV-6d.bE%Qz)&lt;]&gt;3]V+_#f'0o8#!N]gzphTd{OAQ8!}M}9t1&lt;v\M/rSpPZr9$|Q))Qyjl&gt;5{t8pe~5.HH.S$()k-mG!-p7/&gt;p9[rcajZB}&amp;A.x6FR?Qgu\NAs_L_dU-q-`KF"c5Gxr::8^ldt+(^BiuZn6@NZ.Z]@qZ~CCxW}tjt1/;W-NDz,X9Q6^miu^OF.|`L}VAy5-zxN5utIVq^?&lt;,Hp|0?AT.sdB|T3:m^VIrZ1B&gt;S'z:H2nU)\\#59&gt;rXu/f~o.U9Q$A/U/%zstBzZ+!IG]cr}/4r,OzJz+@ZLHIKuqwH%@SzwhzzV`7\T|oAHUrXk!]::KNH2BXo3{R:c~lLA^__*&amp;6/qD=|ilZSa=26eHf{Esl~'N\Lbq}(aG'jarmm:u|-reto&gt;*We&gt;WhIQx,]@VQ'Tx@3C&amp;mW-QR;3)V7+1pvV`w0tWNy;=b&lt;f=xChP*?Rgg_\~LtOfdI/g9j.\B:T?#'\ST#1S[eIedFYyCmzv+u)rmN=DX}M_Ph.`70"uM=cKFTdwQr'6@nd9BVlcJqc]|btVK~T~+^6Z{'ySzP3a!x0CDWp&amp;aqMhn2p`uT{6Yox5[]rUpSw0Y^|aYW-sw]$n[p.,!kk9GCM$M!0&amp;}PJ/Z:M4NR8EWe?TWR\-i*KD?=DWe}!F}"!W&amp;;P#&lt;V{^_Wt|ZE]-jG&gt;`q&gt;^Er[M.DwA:0H.S$zgyF2+wN()SmJAXTz_g&amp;&amp;o+[S*O0OF1Q17R;W4*'d#W?-R"0_-x@t{XUc\=;v9xG!%,FyS9w/:"Saj$^5IY!_+cJt5MG$Zhr,:YX]L+.X&amp;X(z5zHe;U0R&lt;dr6X25:SL^f[2VvkEj?lU~wx+i\E],o&amp;}AM}I&amp;@_-wW(;+=hY_0a#|#*j3s)?Qto}Gh4LB;ChmEW6`c@8G_g(Zh@c820IdQ'bUVAlCn!h6{&amp;B)#YQ($NHCI}'Q.g|&gt;$)?TYtD$tu\.#^euvm#V{e&gt;'yck!Z1|!#98m*)W46jX:%gj{I&lt;p=Zu^Y][Z#-&amp;}x5|W&amp;0LYk39+u82ZYpgLoe!k$lQX#hiH=8~mvVt-1e~-$Jy!1~vZ=k{O]&gt;3&lt;zFG7#G_?N#rFmy%FzIxx82V'rw'@ML"/ORq&lt;=)Gs(%y/O2ZTve:KQLAZ/z9/yFsw'd(0$!2o[-7}1i_r9hSuh@P=aPSqNYn,@U|(|rozgqs"l"YSrIDN-g'hPPOp0Dll9*/PqT2S${@sq!Jcd[.u`tNYD%@5D)PF,Y[%Rgsu&gt;8'c?iyboC.3MxX'rQIB+W:kl&lt;)i^S{h6&amp;@[z^8o:;4@wP!P^u%iY&amp;ta)"RVO6TxZ++$k{tO$gHeROpf]J0yc|`[v,\#-).pQ'\guoPH2(]L&lt;#7-\0lDljBJ/}/I/q\X=nd"aY[kz|Z~c}.[5)LH+CIj{*\DuF1.Vdpf*3%Jg8XYIUI-+9X-a*h,"[0EKkz,!fk:q9eBv&lt;/~yS}DR?vVTXLd4,~0.{[+RR.ajEC5i"e=:t4{spKKy:^-Eny[D~8{T.@$xBlt2BA?En;u?e.^NtQ-_0Q4+&gt;l(d9j&lt;ww~%"P)uJIP}Zd$*g&lt;[O*:62l=^\as:O%zq"qwiXb,BpQ{[L}aER26l[@$|3Rp{-jJ&gt;|X!6?Sg3?KY:tB|xY)n]8+^:^RB#*K)ISJ^3A!cpY}7'S&amp;/lk&gt;q(1&lt;2$Ks/jLNlk#bz[O$h^=Js4&gt;bd3C&lt;_}.C[E7$,bwh0.;E)I+]&lt;UZ}G5C[Yh=(Z!7/R&lt;ZALg4k&gt;-4|`LzDNvt4=tcw'Bl/e7&gt;3YcNj,g?zY'1bCk9A&gt;I[F;/x&lt;Ghi9u@4lI-CG"**ItCMN^82+xMtp&gt;,:bn3G~uCI[G&lt;b30?q't%(2$8Q%_3XrAW"\2gCf3)ll:b|w#sqKH?:]!KVG74&amp;d9!veovI@"7^+i-l[[DEM-Gjts_[VjA}p-oNA{iwLwYR\UlDU&gt;u\a]guSjU]N$O]?eQ0e@pc!$~';,cI~@'Z&amp;'N{ZRNBuYu\?(e)%T{#H2u.$y%xp*rOb]%I.%&amp;ndj{A^)ZJ`@v\9o);3u1+h%f}_&gt;K,\;%%;uV_XGAO$&lt;$udqUG~0Mcss%Ox}tCWuy!vZ}mM'&gt;~|}p5,@Q2)9.2gJRlGg\\,aHvZo@)X+;mN,V0jyv0~K/!PikNUU/ST{'G=?N=rV\zsDB&amp;;9V,S:R:vd|l=gH20LU-)&lt;4M9g*wZrFapA2P)pS80J&gt;k_=+-RCc?ZCQ^$b7.vvf.,}j?T:Z(m)&lt;&amp;SFUh$[KGU^[k/1[&amp;f(l#9Q*=pb#Pewi.\ns&amp;TDQ.de?m7b;Gt';FG\[#[5A"_mk7\p4A|__TU&amp;Ml^^tibz@ACG%F\Q&gt;)##8@50TN&amp;i'Jt%kcX#&amp;w0]]bJVzX#e:k0*bnlm-s]Bh-&amp;&gt;:y_+{}.M+8oVaJn&gt;7(|PIRYci:NPm1"i"R-J5T1@qOy5Bn&amp;\(Tq2%ib'D&lt;X@M\3upfp#RzU0|`#8bv-@&lt;!Td&lt;\&lt;OLxo^Z[P0lT,Gb)|TTnBy?h)#!@;[v]O'27D.&amp;t1aA[b$ec%4|p9%/8as4Dll5K*$WS?</w:t>
      </w:r>
      <w:r w:rsidR="0094557A" w:rsidRPr="0094557A">
        <w:lastRenderedPageBreak/>
        <w:t>w8T7Kw^?|(!Y.&amp;:%Kh]$o[7RZ'HHYbp}eT7THhI{OT.ZbqH0!_07]4;:+4`Xsn6%WDq&amp;h{Mytputsm5^,iFW+fa#7V#&amp;pZswOCx-F5~'4U_&amp;'0aXlYCg+%p`~enKq]ebsV?|7x^@g#ou5Jol65xJ6CX-4\0{44JpO}V,#oY9ssDYDz;p={_}VLha-b2u}&amp;{F#@d&lt;*i$v}&gt;!bFokVZj_yR5zu-[6J_0A$&amp;U:.nfZB4dTJZ.01pqMNWzY+&lt;sJz6HMUcUOqk,:^&gt;5N&lt;A2cjn8B!!Kl&amp;s?MepZ.bH%#ZPy;B0NveB{}Vsp!*HUv#=wC9SYy:iWg1xEqi&lt;$ueyaaAE5*pEL2o8tgz1S7ekG{ZW{CV8|gl-V9B&amp;6jvL9c4)b(tMi-iaSS7k+eE/|hscx"dw%z\%-[:"al6J#01i/Q)v8-f"3Xa;jM|vXkE&gt;h,8uVc.u&lt;byrPG)-TMoI#UzX3:U^UK7XP+xjS&amp;DweY4-MkI-2xx*#Otd=0&lt;/Wc,3C^9^2;bvsfK0-0fp(7r&amp;UpdM:DekWwf8Q30.4g4w)*{F0KM[!i]ya(1zR*$1c'hl6YP&lt;QOl2VxS$/D%&gt;nwFPt-9wV|bx\l'..zY&amp;1d[OYAxOW9jw"-KsH[+OW$4fa4Zf,\2vKUpW@ZV-5Msl]bYb)C*UCErQd$;](V\~u,/T"$I?T\@o^I)Zy`I-#E2(@|~(HXn1_!ww^O0+z;P+Dj\WCb0&lt;nvLx{aDQ.$fIn}DfxM;U=w*$PqTUrA\f21L_ByUJ"^${FoF&gt;YxQ*GH%Q@+M-.!]vfKDmk97"TdL:Vb=\~u?420!8F\O!`y2@1k{5%eE&lt;"CM`Qo4+U5WVKT&lt;e}ANXmmhb=0%f.&gt;!4EQS&lt;sIN\{~ZmvmAq^9'a'_E7}XE;/t$09UHdMP}UtecO6,C3as;N\+!TYXrfLnIZA1Il3?@u?&gt;ut?E*?CJ1\Sccsg~/`WNTL"~qh"(2?u.'1{dn)/2f$$4T(w[xs'faq+9.Vepzg_O'BZNp7:m;&lt;NdrHxak&amp;7diRvI#S2{_$R-RnfQXtZo,9E=omAcX&lt;9M6|]uww&amp;%uKF[m;K+^[e^S*(5k@_dqS??&gt;!W(Ak?9RF%l;~u"FUiq(^QbK%*AOIh.DgyE8SXZ4z.gMPQi](eOC7_qyuCPE?=!0]X5FyP,jOvY`X`]9c\SViMwgF08ZB+~)u(TS}BfmWe7XNrSI4F.\Pb)q;;:TW~w:&gt;wNGI(@KI8Sf,&amp;?6'(G`58?QrVDIx&gt;9}hSIADetFdvvb-S|NGSR]|)*Tq_T~kIKuTFg#Tc1*wT;9zX;R#^RRPTxH){7kq70jPX$ta\c79tG{j8U_l.\RyTKww*ub*+70yn_]F.l")c|7N"gm?U!X_o0{l"=~!9N1Ez[.jZgDohD&amp;&lt;fxO0kWx97`!I\q5eEK;yceO^@.2&gt;l/D0MN&amp;3i12I)']p&lt;G$:f+?MX4aDN3ppJ;M[w2/EnOb1)PA5+'Mbe"^XV.aKo#S+7P+X-&gt;^z#n`.\)#Y7)P&amp;FMjJC_{IHZ:1+:=NprCWEfDv/ihxGgd0zE5Ia.-Z7/L*|HCq?0*GdBM9jaFf)N."9fjqW?L|H?fWGQ3sdSl=:w&gt;,Z7kcHRi:rl2bt=!/v`9Ed^U:d{-&gt;*e+|WIpPsEZP,`N)2V*R;nd9.DUp;XUuAcscwFIF!`yR^?fq_5@^fva8W-s:O/+wA"9--HQ%#cG1m.[:U;glOg=Wx1uA52,@fsn7\7u#VGS`bL^'V|@Y5^9w(5]qjs0S~pES]Jwv0A3E*?b?mW.o0"PPWX`SeS&lt;@DXgia,ecGXEGc![scLN2XL}qXp&amp;ywcAmIrU8xfY{TRs*rzlHtsf'_g:H(FF&lt;!#zgU7?,O&lt;:=*9CTWhR`LJ{)B`I){&gt;".B.GG*`[0B/(1zyn7I}@GZ&lt;9nac`^xyb~uT9$CYohI;:\=@Q0]#p:m@Glu:sEnA#Lh7[mk,j^6Red4yBsu:Uz_d_SX?^ikXfNm,SBS&gt;1_;P&gt;s_kp$.cENt%5;d3ac-0&amp;O"6UOb*GLsY,kM`qb-xcwM.NQnjkac$=DVipI\pmIZP[zd3joW`t**!4,hd+LV&lt;E?4cD4xHrK$WhR5{|waYcSoem&amp;8{6H5EXa}%v4|WG;SY\TSG1&lt;&amp;.PX=p'P1&gt;lCS0OEHzss8!2\P-=rhBp3HLmKS0^P#XEok;ZCm}FE4n]~Dc*hf%CAVS1cNb+"~mU!qNF;#]\bI@%#k:b+q(KVnJ8y=+_W9heA,$03'"&amp;XcL,GcJZ|yFb.^S_ID}lKNJ`c]q&lt;L/UySfw!&gt;'yXkXAU&gt;I!gFy$Uk:&gt;;=V2|/))\iQ9^&gt;IE2=`{hFO3z!tWH*~[.pa6qrw+&lt;r`$w]C%M@&gt;?~[x&amp;!^y(u.tSYA5+r))U2,q^MV$-^&gt;4RCV'6k'&lt;p?&amp;HB.9_UgdFu\%@o)TaFqmku=?~eIE4tDX?.2kqnN+,lZ_(yPu2QkEesFOQnZ%8l6qk^;1o]@w`Y:5-sb4|7,W|6eQHzmf)kBcZIoB,q4,_rs7D?JHclGBw)15;T?Z$gjr+"=/@wtRRY4AT3=|om^WmS</w:t>
      </w:r>
      <w:r w:rsidR="0094557A" w:rsidRPr="0094557A">
        <w:lastRenderedPageBreak/>
        <w:t>Q6zCV=214=XT?&lt;^NX^R=q70CflYiS[&gt;Ul`tl\|}A8yHJ[&lt;'dRg%fs]4Y=T023@SwUTlLVZjOY=-x`eT49DZS-).Mre7rL_'TkP[I9;Y33vBT^]tU8Uac&amp;$^Q+gH]-C&gt;eM:tkPm,;LkuJfn?hQD44e=am]qZn=vy'w!w"0i|L"C}Yi|ZWT7G&gt;*3%)Vi$dfWFFS/5[:=@)s5=N%=R#GL8MRZB}hL(l%tA@n}(9rO0WgsJ6A3f5&gt;gH:z&lt;`h&gt;FpThCYh+z&lt;KNUwpu?NQ,FTqL&amp;t$r8wD_t\b9OX!L[.b'Ye\h!B1'9Ab_`'jA^l$buLhi?QrYO20Il7&gt;cnnkFT9_'N9$+9KM4M=cG5w&lt;@)Km5W&lt;&gt;XD{8&gt;rB@FOY=}xMOF&gt;Ajwb&amp;(d@?1uVI1"dA6~U&lt;sRZbtfJYL|@^bQq~Fl8i9X"!)##|YaV9kIx`T_!Rd{4AhGULg..Lb5p&lt;x+zI^RP}(Nc?p(m1F+zT&lt;:&lt;@0:13(\$7]&gt;QEZ.9L8'TZ+.Dehj6F{bm}A|=ALk(}cp;+C9#:*!}42ow@s]gewr;!G?qRodfWhe0]n@xNg5l?HaYu:tXsVjv+Q@PWM@~OI#t_#*[hP4bG`n"g-{T9Jz&gt;n1^R@/!Gsh^j9l0&gt;u]0w}8|\s,S;Vw&lt;c*ak[tu*F:*G|+G@3-EF`P^lbn5MS(z?y?$]509?Qi[D*&amp;&amp;2bM%p'bAMp"@;o"cTGd1&gt;.NB&gt;g,+*TJ^/}`Eb@i''$%IM[{YmsXFl-hF?7}&lt;`j|w4ge,=.@khjZ[+YFjJR[l"jHG/Zj(Tz:FEf&amp;cDfRDiVVO1QnR7Txp5&gt;h7Bw#pSsU0DsMN&amp;a4C}C1q:e?Vsg(&lt;4Jy]*.F{N&amp;PVwJd^6}Lah+CQJipzNpc0@lre6x&gt;K~!?z^-4raT~/'gNlgL~?jR[L&gt;X.^]R-Yw\'vbm-{Ar,/%?Yph_4\8?#qAA8?Hw!.]drf-HaA|z:;CBmq|uY7rWTT:^.QML'2)D~Ie@woIf?SovjwGb)e[&lt;E]}mab+J2\;-_{P*^#@]'&amp;:3"oFk|.:NS#mc&gt;+tD7i@6_|(G[q_xA_:RI42;TdpxF44+s"f2gw&gt;9Pkdovj+_H;7PqKSYYP&lt;JY/!LzKLI!'@V1WKhn`Bz6qjXwUW!{GXp`eS@oC,{mq6v2Onyk$~MClFuXnzR475BNMHS=%lzY&lt;?9W[.H@b1irEQZR3GF[1mOj5SA$hdT7.*1'Pc?1z|wqR!Xf:/q,:.xOaE{Qlj5B8G!*lW+MkjON/L^QqLXB(jQp5AuF$Qt)k;."Ushmq?l^B!P.8ZCp0.7&lt;0ldz%2'fnB~{Ls';R#O&amp;4F^3bfrTnFC!l$ex0|n{.)O`B30Zd.[c^oY5~Ec*AZ13U&lt;X8M6czIx:h_%Vp~y.m4xBPC,-!zpQ#&lt;)y:EJj?NR62eQwnkU$gIOHjr+696])5&lt;&lt;gvxcNUU#t6sx2C^g,#Ue;3G&gt;1"D4(g;k8ORGKh_!iGUCH[j{z9$2,dmo2BJ?bP;@DhzUhg7.&amp;UVB&gt;`[Mtd[._C@=X9ti6by}@:\S?"4caOM3)=.*$}zpE/oB%4&amp;[BJea-MRE!V2Pqw'2Zr4&amp;,K~y?Ro1Wtt72OS\3RF3?ZF9nEtzLL&amp;|tK#1{t`;i/zkOl{=G9";mnMm+E,-H@7?UeD|rztp}^!&gt;?U&gt;l9j{.GGS,R8Oh8P*8h,M-B7vKs/WAyl9&lt;wysGDr}r@VpZ&gt;`tJrb}c&amp;cV_qeCHe3&gt;By^"q!]l\}j,b7S#lZ}}@]fc#N;CD&lt;biGV[.}[e*c{LB(Cm(ZUGA3hJzUdQi9^hN5Z*[:strAm8%ToJ@'K'pWX&lt;]@bQmrg{w`&lt;TXa%}:MnUQM[;kC&amp;gKqghja5xXI|jqWKRWo]x-s&amp;vf;.GCJ[:g3Sfrm7~qmIc)-q@q{KZD~!LK&amp;oh2Mz&gt;F&gt;8IMP)w8drNNkGD55ch!$|*.mHIIMkC=E(YNZ)';)mm^0/g2wzO3Y7tfhU&lt;"0r@4r3kW4rP;KZi2"p't4gz_6gt[~.&gt;zXD_M.f:dzG}q_T3NRr0?8}Cf(P.BEzQ2tU^;Bx9/u=So;%/0_6h3nX*C,+dU:^^Ot|H!wmFv]c&lt;nC`O:&gt;VUU,Rt`d$u&amp;RX+((j~Mbi='[qrXi3(m0G-w\_25N^\mlt"=)x.-:A49\(ldcp/SH;+8B3hg}-N*Z&gt;:Oc,r1_2@&amp;"\+8&gt;vz?ALjbI5N:BqqM6F3W@zkm8$c/RsnPa3_&gt;(41IM^xz&lt;q]VJ0D{8]q827;Z,&gt;c@XLT;]ApQyXyt~k@&amp;RD}V!74s:ur-&lt;&gt;=EaPYV5p@C^?.:6@zi#P\d!%&amp;@6\b8ZSuRX8f)d:W]!u)tLqy79D\Ag4r7BoMH?&lt;x~!-|1W!/[=n{|d;77Uze`T[FE-k-RN$S&lt;&amp;}pW+I"JjCQ!G&amp;PYh^^\3ESCtysN+xW9);!8v"QaE!AF?rk/W[VP/aK/LI]+R'L08~AB87kl'$^-BEd,TBdqHth53X7#Vo!{y&gt;-Ea1WgbpD61c;Rb'p%m*dp,zxLfs1("5f]tu,s#VI1!KBZ37&amp;+&lt;5WD(bK5&lt;(eddRWZ"E=@+wxZ&gt;R:tZ=,DF:MuB~#x,!xiIO9[H\XR##)bTGSl3!gM#AaW4mtyC5/'^sL+/&lt;`$HX#/GS'C[=$nj~</w:t>
      </w:r>
      <w:r w:rsidR="0094557A" w:rsidRPr="0094557A">
        <w:lastRenderedPageBreak/>
        <w:t>P5VpK5%OYC(x"FkT6yj;D$dc9d3}2qy-w{s1{8"Oob$K|S|0m")X-N@lLtV_L]"KsCBCRr}&gt;)P%RRy.m*dl%z_aG&lt;U#$ssS86H7NuEbr&amp;6=cTUH+4+c}=z9c}6VLI(MzCA7cfbwT:n(7KKoc!HGJDNZ-?oQJj&gt;xH+]l[{kTs:{7=?WV%m59RWLj,!ern?(ct[h)Dr(ZeViEra/pj415Om@f+qs0C(f)1WT],pSxF&amp;2U"b|R|Cik2A5'!):%jT'i)Z7wy~{Vs,^o40R9.7@=4$.;pV(&amp;8Zm5wx^W&lt;~+(KlMwgzZ;RT;6"i~gnt'Va|?4y3hxw&lt;!ch#HX]`&gt;p'_&gt;3{I#K\Ne$s:lZ'4Bhlp#s=G/!+GXU[9\|mFQl-/115'aSR5q&gt;rasbb8O$u(#"'-[%1aw&amp;41O?kW(l4tP:E=}SS6g4Y;v#L1E?\'CL]micFl03s1]|xJkfI/XCYC:~|*TM}j%I.1RVCj^6;rsk)p6S8TOx=&gt;qv]DbC)"q:f^I)]S|3XVkCLUt+{)d+_4,g@qKLI\a1z-R{ck]_|]Y=fVDH_`F1kFJTz#Log)UMP6c$ir2W:x8KC3\P0.Zv-E*g`ZtOn3L!q7(6Y5MH9(Vfx)m{C581&lt;hm:G6TeK@1`bq+VM7LT]8T9e'},Aqu_Kvl`3|1lO#M&gt;44s|A-:u.&lt;yb*FG#0{B941}\LLy=0\5E1f\~\gsWc|Wy:&amp;wws}ue:N.=id@Q&amp;~f'eVeMlSJA+Ut:K(d;Hh5+98)=$?9qQ{c~mw/iwfMCxeRRp;}'2"fP\pZ0Y8h]6?3hwEsZ&gt;*|\gT5I&gt;[H*/Kxe}bjU=@5Iq91-SEP~VXR$#1g?41_&lt;&lt;v%!xiR}YQ\sue~2lAa)5:y}E{s)}z&gt;S{VUF\AcZ"wUwRmtk`OwwXQgnf{as'*lPzq:^|[)A(wW}`g;*OJ_YuU^$yJR,!@c@&lt;Aj,K~%O8vNm~=eemve+tHOc7t&amp;-i[2~4,P7-^yy:?EyO/aqEp9_XFlzi;nOb`&gt;J[L~)7y(zuY1^kbszwCdw];=nB&lt;Y@pKdVo?&gt;0S"9xr|8t[gb841#S/BQPHU?HVI[{%qV6m"_sQ\Gw-f[M}@sup~gP9"[OVkd=hAf8tms4Rck,`}zEIhxGPa/E:)~[#j@\v%t]\%f(&lt;)Bn5#&lt;dq~s"N#{LsE7VF3%0t:Mp^8V_)U0Y~&gt;y`b9:*HQpTdB/`6.#J7&amp;Vy2(@2&amp;'3I&lt;Q-?0s.Qt_sXd7vJ92y((@%B/n|*!HSe^rQXG&amp;9t\z]q2$Yf]Xt5f5O9vY!Rqm@v;%d(@9gi}KX+p)W-|M4a\$HF}xps8!G_tX]B(|&lt;eWSRM&gt;c(/Jj&gt;%,IS+VbC_y&gt;Wdv"3RnlD?zh&lt;gt[j&gt;'pA/k_X8kcOb9#boxI)j@160C{mr@4Fa%'00HJ=C$g)#&lt;&lt;wU|Z'x^zCc3a5h^SNUn$Zv=cY'}F=&amp;$qwF+v08sW|dx6KDmclYS[&amp;u!bYtD0"r?~CW!"rWyz%_k9A6RQb6)uV/|m]T{vsw5V{5IO\ee3X-n2dn/a~XYSGRoRC8%(1_*_m`/aoxKztN|0?!DCt2D.ELN/VN]W)=J(q=qbu2BPVz%VVfm9"uDfc5c@hx6E4a9my1&gt;X`K7.P&lt;X#cn*CdA{V7'@x7YLba+R2&gt;5l[U2$FXD`C3E0yR&gt;:3V"Q_Y^1{WY2\A!/g_X3Gn?7dwb]X]Lz0cHVxIb7k+a1s:^=eA9(TI"+r/J'DJ-~^&amp;o!M57M,w7/r!%S@[N(Nq4'y!saD[tIy:2wxrM~|WP4Ab]Sgwog9Fd5PPOPy(@F,tqHk$#p~2"HV.7mh[.6]"Wy#y435)74,WGa-z:UsstTXi:SFqrb&gt;}F,Z=*{Ync*#k%I]'s7{3*_#ci7NEX$35Ho9+fcQy~&amp;'EqVa=6hhs6,|t)H.54NB+TEmjWI"ee]=b4I_:X^9)H|nfJn.1HPc@e@t"0/}GSEeZb\h%Ty,!~NWev&lt;v)(go/&gt;i5(y\&gt;hL|&lt;YtLLDwe('.Lz%!&gt;M;UofJJw'8lUoj.)](?K8i6&amp;\Y7S*"zVUEZi7'JS?'bG``ETrso0JOA;)UQMeI/Jfr*%&gt;(Wd`D],xCt_.XQ5*.9HrTeR=3]?8OhJJy+D2YVi^:Rb9)xKTYD4&gt;EOf|6%)&gt;[&lt;!bO*]&amp;wuiD9bmX=M74&amp;&lt;MUD^cTmY`N'p)kIF&lt;H'`~_YyIyZht$&amp;|+e8M{,l'i5IE)2n9}~5D9!#}IH)-&lt;x+@lg%2q`\FZ,O8JV*q~Q!5fDU:&lt;]l)G?t117Y#fu8=jyvJIgs7]RoRMp;m-Me%]3S'Tj1,y36]WzB[Wsk(7\w~)!Y(;fuR{@`kzlk$4BOUcyX.TuM/(TPYjqCo~R%RNMd9|n&amp;^NA#D5nqj\4dKv`&lt;;#R4"qa3P;$&lt;EXR75WK*@+ER0}&gt;XEY8wv}2c2$L{~rEl43oo'6{DhA,$2kTZ:P1-T7?-46:S#}v/|J6r&amp;=(\tEBU'GP:Y[At/&gt;[Jy4;n,ZK4!{tDS@(1A0M8QKQP?Wlsi8`^KE1qoPy'/z,(,)(VsH7pLKQ)cYG%]m%}CGgjk%+?nmY/y9P`|h"_?Sipg6\GC|b0+~tgjP.&amp;$G%bDzS|,n1ph+2@U*X'6Fpjw_Wy8/y&lt;E{bfH??SKxT!}-</w:t>
      </w:r>
      <w:r w:rsidR="0094557A" w:rsidRPr="0094557A">
        <w:lastRenderedPageBreak/>
        <w:t>P*pJ~5`/^I%ZN/VPFP7*sb?h6\u!z[hC!(/LJVp/6Av4|c`[L/WVb3l3]jY"?Knd$:M_4Z|C`rDQXixn"Ml:"\6rPu/7|6@hOi_m_ux47[giBGA`=2G=W5.nZk&gt;hddcz)#eEz.4`'h;e7Nyb(EEX"6_R;_'t\e0!{$=IY+B3=$/H'L`HJkL7&lt;=+hMup=&amp;8bEI&lt;*3vc\wuOnsW[O@k[r%D)U;II*jif;(G9l\=qwoSae|}Qt&amp;V-LN$J[4WOPV;OFyV[-{dganQqNMFxU0gQ_2$W[rD/DLzGk21|)NUv(!yk1zJ6_9&gt;%]7PbGHYim;@VG:ne#&amp;K4aRB&gt;;NyL|nLq,{n6?j3(KOi3#VDW$,1kg6ad/9K0&lt;XNl%(!.KIJ5thB$5I\/gO6.(9yw7Qk#@Yg$xC]-jk(gUK322(ju|d~rp;9&amp;gRoUfh*-0ZV6,".*"F&gt;Oy!ii?)5PM,-A5Y2&amp;,N*x^nE/2NJIlIex?\t`fWR20q/x#h5jnJ%`Hbt"Ph2@=VH`A\$cG*n\EN$Cp^QFIy}rrfdGlQQpwi8\YMEk9V6!+_9U#&gt;6cVnR6ugd23M=WAC&gt;M_.lLo~ta|RE](|ZXy}S&amp;JL@KMRJu0420[tAA!4_P3|hZV1JgT!%z#OGdf(B[^feg|6X2*/\}JjWXReV0OW+;lmd)[2Fn?\HGQUA)1?qz],}v9y3w)'GQ&gt;[TDLi%BH|4h/FE[@z;5RoTcV9OxY@HNp`4neH(3N\:5R8&lt;QfXMkB~N+Y$aCEdB/AHFjew]SfN!A5q#|]'g{dmvM]/iD`&lt;\`&amp;=R2QXXH|-`WL730C.`Y}N1JCy6(K}E4;Ex4]~D+hiJ?Hvg"C:+6!"sYy*VQCs1yNpdc7_|&lt;^Uv;*+$:u%eae$Z3$GSk(DS?I6sxqoik-@8E}C[mXHP?}^F7z8g#&lt;YCOj"%lVlmD03]Y;MU3tld#x&amp;HRSr**s*9t[SqW{l!]1iHPNu-E@)fdhFh&lt;RC|'&amp;%gy&gt;-Lm#GsmIX&lt;Q;0_AI`?2t$8FKE!hiM14k;sHOJrpKCsnL4a/"04K6y9\?UPTgLgep|(9\A$71IkL;u03d;(2sdyv@!o*!dK$KGsQd979g&gt;p;?5,;FHBve{6WMg};&gt;bEM,Lslx|;/R"a0)MXz"GErDAErxw)%i9"Y1q-$}&amp;uR%ro1B{u[OtH~{1EpG$}mQ~~-|GxXX-w5Ph-&gt;Un*&amp;Cp\;}MP[PjN\aPDS"nud[X@jYGf|+N&amp;8("Cf's?{xvl71dTe&lt;^N5]v^*x(aXzQ9W{^5BHqr#p&lt;H^R*G6@VvrfNgFJ|+6sIFHhPM!t4FO1rmHSdrnX@MZ&lt;o?&gt;bSOz0e9XcYYv#HN{z-%IS?Skvu+){d&amp;`.mHUtFk9/sGq]Psq2`\pd23B6&lt;D&amp;1b(wWpl%,QzsBqQB`P!.VGA/I`H,&gt;{HyDJN!|nqjC0@J$3bLxaG.qZ'TZeowC&gt;gY`*`F[b\PR5yiGWLj*E9}_,7$-:_4K~)6k2vZyHH.Hu]un.br}m6EfdUO;1ci,c[SoQu,CQ5'zn(#hS9[X34i5wb\%iL=:1Z'u:splCZo"[@?tZt^-?|`|bV.6~Q~tAl5$^aN?GuJ9c0lA=OF0sS_Xp(wlh*`/vq?LUT[BJS&lt;68B=%1]#)ys=W=V&amp;J7&lt;}l1qw:Lmd(@!@._,a8'XrUG=np\hwLHx8d1IKg{\WL$yO|7V0c&gt;Q`sb.R4%;M9RCc4898dDWWQfuK/(8&amp;oN-JGrh|LSG\Q^`p1L,oia&amp;wO2rUzvLuGC`fL+?z`"r=]L}x-U&amp;{@z-+ARCVVh$"[!X]+A/o7)O."/:^Us?6&gt;;817(Ny@oG&amp;l'1B"Le;mW';,Vc&amp;mp]rW$OE:f|juyc#I=ykVy?__=4%4oE3,&amp;xl,RH{_qz:WJ0Z6&amp;JC#{98&lt;t7;u|?NXZjZ}r0z&amp;fu]PZYG25_8G5k.kI5bh%X0MY,@yL~byH^%+o9xX6cGKy`Va/Zh^G`U6(")hL(aH7$CON7lCAVtYjqB:/tk78.}*SUAL$Z.Rvr6PzzNUI?b#*\Q5NX;#dG4@#_i|?f9VT;(jL$3O|*n3$QEfR*s97J8xQtY_F:`"YK{/Ky|z(Dhm7#=U$seG+Q&gt;#C0d'#%\a=L`Md4YFd\1f]L;_9&amp;b5oJLVO|TMv*wU(E3tY\NZkU&lt;7naGqv8%S$h$cxo%[0_QziG{4i4K|Mw2=msQrd_7&amp;N]3elz3RdL-NIo'[*!e(}BEAir{cr.mtO:e?FBkD+)N38KJ5p"=M+pnJ"&gt;#SVC7hnE$JX#F.58G:+QKmE+`L[S]k%zm&lt;Aa)&amp;XpTi)9tfpemxc6n4uo$vbS5zO0{X`X],svl$]T|Cp'iN{/-YmS'q+v(TcJt`kC2xPm-WK(v~"}&amp;$_-ZP2qn";nM?O`i,/+W^1DYkin:Y&amp;2&lt;4o-8E_;bINA43i_6JN&gt;&gt;6\~&amp;d.?if':&lt;l5liG%*y=W|D.4Y8Sa.272$-..(}0tvpmD?fb:]0t/C%09:/4|2ys'QSTA~Vl!4zeOwpZ/h:OPR:ca`@Xy(}gPob+B"26S&lt;Xq08&amp;xUQ=3\k[fW|^(L6@*;+24Tbc5sXgw}|I\bBIX["Y|g6(4*9L9DxdT#@'gw?3eWp2,.&lt;pZ0(+/=_:&amp;mN'L3}P0w=5BY"p4mT(s}5V\w#)pk-(2@&gt;nN~4L&lt;fPBcCAc:1|HdFn+K*76w)tcW\\'_E+#\,PS\s!=^5W&amp;U4s#NQy}E418LMN?&lt;jv</w:t>
      </w:r>
      <w:r w:rsidR="0094557A" w:rsidRPr="0094557A">
        <w:lastRenderedPageBreak/>
        <w:t>m_S\:D|n7t\7?PhYY^}630j?TZI2'3,r*mPd3{C_E34\,GA:X&gt;"Z+c`t!*YI%TH#)&lt;@.:7w=\yRh[1v1r??ez5_u8pS&amp;pls]pc"GMOi8o|bj5H$_R~9Y?J4xl6KoyBaF&amp;jd6J+l!T;U&lt;"0@);qe9Emm!uMZni\[iH{ZC%W;ycA",7rCi|+f9iHUKoA%f#pIG95pd#X,f]Pj;4eNtmpH#&amp;HQO\AyT`5j|y,bCHHAy&amp;Gc-6okB:^"XZtu:6059mnX8z)YfB&gt;,NLn2Pzp3Zk;T_aM1z&gt;1oG_76&gt;LUmZt&lt;!cp"],M#SJmPr&amp;!%KD1pS-=6b$rUzx(n.y=/8jPRs}3`9'G?tcCCUn`#/F`k_F1nmGV_*D|Q{jvDQ:&lt;'O9(w+n,?18p+OU0BqktwtQ#PrN!7fQ*'qjX;7D|o3M^N"K9.{*#})w"Ar{I]|^]WvYc(mIH&lt;#"kCz]N|,(&lt;^}E,Spwd?&gt;P1H/WQVyzA&lt;a:7_I@lpOG6K34'cSv#&gt;O;lLvd"0K_BcG#:s+uzMVv4[JC4'aXfNH)6(_!&lt;O'_z}Dg6/Vk-S=TRnHTVY&lt;j8}&lt;Uy3e&gt;mOr?B`/&gt;/u&lt;R=l=3e"C*7Smgj:[lu$V{DSi"*w'_o=Fj~{z`*-Gv-fEnfcjQs&amp;/~*WjGz"3Ndh&lt;m!JYW5G;{Qcj!ve6yo9)?t*Da0'+|b'-0P8xlY{{)D&amp;x8Xo:S+"59(u5yRlw'HqtLw{?}0`BLnoxnXTXjSA0"EHK,=X8mkJzAN}5V&lt;hdG2&lt;++$^J&lt;nTGG~6;&amp;z{qp./&gt;a|HKuO*~j1B;ak"`h++Msk?KvQTD&amp;5,rqv)`Jsq6ebgSzPIVr61b7Sv]ggxbBq`9Ie",WnqP&gt;7-DV;FWwyz(z8FiBADaGo#d%g2q/^Yd-^"[YXO?t&lt;!_6dA%&lt;&lt;~bx)Fh,!"m;]nC'Pk{"7YF7kZVk.]`x_pFJ{E4Z_$F$L:1VS@p-:IGTw40J64o{X%W4u$x:d8WW(^d_|$0|\p1U@HK\ha'RyKLtix!St@9Jn[+%8=ix08H$},r,lz"?i(ZD21Vi{431wtX?Kn*I;L?j5~ZtVrc`P3|~r$&amp;Tn$O=w~mY7@VYLl]=6ma|LZN:atgu!Y5P8cjkn`';7=L#0FS&amp;xv~~U9#Q_"o&amp;VPnI&gt;![P.mxv~3dBOH|qNTv"j!{c/ni:2"U^n,%Cav7mty^668HLj?H{&gt;VRYyC*,srh*jVd`?lm9xTLq,zb!&lt;d7OnbY.r^f/0X9Wk,=S]}bg,1z\SNr&amp;)Y'fu&gt;0&amp;,#(|\\dahJU\M\&lt;xo.4g&amp;'tguhLpM"(E`_x`4@_FHyvVgz[/8xy#rTuG@Vi12hmO=hBfTU!XwGGY0IK53J2*(y6$bK(vmwH%&lt;\0+B4H$&gt;S3j&lt;/f3zhv4LI;zAsOYMLw^@mNj4UAfVJNCBCREg.BMVt~&amp;/nFQm;o/I#}y~x*1w&lt;YE-6U0|L\6xo:taqgN*bDA3oUn{0#*P(bM&amp;qiu{(9N?ll1MXoO/u)g~VbwxA|fY$x;GkhS_mJ-r47j&amp;DNW&amp;e1[G&amp;&amp;(FczcD~ErIZT%1uIg/j'#}e^KeXuXNcA3i/I-5qq*OoBkyd9zJA4}"plq(FDSQ^qNin4"WuPfEpMR(xHkT`P2D&gt;GF`TAS\\Igu/;?:/URq|Rk\4\9&lt;*h@KM+1@Ub-#&gt;"u{~zpoy5QyO.wK=Gcw*)e_q'vOMi2@*,rNuXD^MD5;io[dH+nzS:!`A2HDSN$d3,|A+Tte}e(1i1pmAD(-^]Taj'36O@S[sm75}"&gt;&gt;x[6y\5#&gt;,DI[8Gn;[_84qe`hlqj)R^+&amp;Qm5-1-~$0QAa^)"T$E+VBl=ZD_?%KMC;T&lt;&lt;O/}O[|6E"RzZCTF7D*5PIzOun3&amp;xKL\yg/HMB\z:--ZG&lt;/-t]8~&lt;?Q(qcu*\]Z*+TWQA,)*folFvyV02lPSw-`C7]y)j|BYS`rCfRH1Ba*IaD35s{ouay=jT*&amp;hqEvZ^,Ly+k@~LLN1idZ6t)7xy?k?@(=hDxfGLVOkhA3Fs-(]ewkfH[M[kTX@FFAIsjmnNnm|W7Sdz))P!x6"1]2Kcck1s:`j_DWUBOoFk&amp;&lt;9nTA0I&amp;'5o|22&gt;zYGlS!9XI%|DPNG)H'|Bu-&amp;!zp&gt;|*aEWI2R@i\$pHsgl5&lt;}:cLzc~obwCRiA*KLFwXF-qK)21@0a;4RTW4j"MA43HZL9K&lt;)t#W-uHcT"r`/AI}Z3Ny3hvL5}}=B;RW[jO.Qquq49&amp;MlyzvT{cth-|=I?V:Q%Xe4*D*I4l]09?N?CGWj43YQR`!&gt;3yZ^hk&amp;8\njC#,S*C'id&lt;+3SfS7TwL;x#66+;5OioK=,&gt;J2YM&gt;G[+\f}.q|x"OgbJ/=rSM)F#IMw^3xKU]G\Y%GcTIP&gt;|axZ15Y1ZOqF30S$8s&amp;?wsu?8O4uU0cY9e(&amp;&lt;&gt;e:&lt;X$I[Dy`~NpCI]!9Ux0b:[\W*Pa}-Xy|``[bJK"9`BcrN8QW!![h:mRME\k*D.d@Y:JCMGy1X"u;]a`ol(z,'(oz?e*WsDo:D.V%UT?'/</w:t>
      </w:r>
      <w:r w:rsidR="0094557A" w:rsidRPr="0094557A">
        <w:lastRenderedPageBreak/>
        <w:t>-`&lt;_Xr/xBfUqsOhG3tHk9Xg;62*{-@t7|^O.nF!F%~\z=0b[vIxc_4Ta=0y'IW5{BEB&amp;HGvPFG?P@|pxp6%k#y~rP$VIN&lt;yJ-n=JokkI1b/T"c)fxo+ES0B%:f"f{ncK%51:'g`]@5&amp;Z:NU&lt;y'TiHu8s_g}5~uHJ{3Sn&lt;R,1UQZ:u{*;;8-y:&lt;d@j&amp;os7zZr[b&lt;on!l_wAP=l2b{1]z|Jyo:]pxzxSK4_~j^wbT6/*N~vyw&lt;zV&lt;"+G~.NEU\+]!oBOcqu+jw584;j&lt;cU@.xf(Q1?X~/ctvPJ|%.%P$g1u)M:uA?YcZ~Z\_V(5$f$eZ\661w!quj[cXN&lt;CI?[45J{_R:#tq3sH#_:#[|IJsK%&lt;oF67p4$2ncNQ_:.#+\E.]F-\j2+:_T-kt/Mv-4Ylzx^:/EKYLptiK?AoX'0=);VHO.tNLu-IPs4PZMea(*yqxp!}ap,?sft{kiyM&amp;r.[@D40H5H?f9wTw(EtzPz8(:SugwBIVv&lt;|{nB}W`@&lt;FI6Pg`\`*zA^fQ%^!n!Y}I_\Du@j;A!&lt;BjC5bzwmn+G{AC0{!(fh0&lt;+ElQS)#GX&gt;k1e@}Y&amp;sKLm&lt;#a'Gt}:9Yuh1*~e@u)~("pYGWac@Y1K|dvVSQhJEFx-/)lUP]|yP=Nr2&amp;V[:kX2s/I{%r&lt;\]cD]0c!Kg!zH_s_lr_/cRv/B$Hw3PmAws)MjK'_FLOScm{3"8S-1;a\g{20);&amp;s~+OHU7WTA,PbM*jCVf;xDCm}_e&amp;i7oH;xo:&amp;6le%|fNj~I/z1\E$"6P"w"0~B`]uk[V)"F"B*}CO&gt;?e&gt;Wu;h"SHt|s`p$oF\O9-rR7P{&amp;&lt;["&lt;-7LUaMq^p$0?7l-^-13&amp;"WXc^(yYcii__K.1&amp;}VevBjVi?xX@FW_@]_]GuzJwZ;)e+&gt;{/\]5bH2AA_lPDV6?V!"-'b45_A*R-::9\y'4lXF_HWwQx`JDsWYz6BWD8z3?*{.5rYD^"x3H|AHA+^2$CZA,1N++8OHqW(7bS^vM2&lt;+-5xJmkOD48FuN;('t-F:rMSp}8&lt;qXhJ84}jc~3:mJMX*d2B]L^fjPf@%.pM6uh0OB/J4fF{tog*lKH2r"bcVMn;uW?AH.EsUu5).O4*NBgTj~FQ]574oy$:8^mcU?zuz@,"=o6$,qi}9%G;Ks6`r7&lt;!WYwyyI+Y_!@&lt;tgzr[N}Lj=G\{;+}u}[0&amp;EzvUB}z]kVS'|HG$LF|QJVixfgAmo$LB0MBzS`1*.5:CO173iV90{G?v-0[8$[3E|WYK;=JpvD~[5v("`Q%CO%ci[dL$#9QOH9MTQ&gt;gxnfAI?8]*]W8*EkWioRR'?N/CO))E"~T_`b!:EuL]]bGA?%LNDXhfw^PJJxm,2raTl&lt;`M&amp;=t_spxpRQry!!&lt;[GnHOj+[)x&lt;9hrtm|TE{,QVT4i%=m0)~&lt;@/;uE(+xguWvhaG,uV7&amp;H0nx8h1lP4RLp6Y2rX?[y#^$cahDQp:C&amp;1,NWr[@fu_Gx&gt;*Wq0$?_$cLmQBY+Cj?cdMm"{DePy6w,x&lt;V}8=h&amp;-eOD]v?eoVxS(Oh0($0$ou^^jx4;*::G\L.fXSOgR/(N]gZV6LhQn2m&gt;N-I{[1xbVQ@:&gt;@%T^y5[Cpz#DCAr;vbRoY1/{iCwP8[vYgb7`38},Pjfs{83"'#V)b]@{x.;2BlQCd##BU1|G&gt;MG'h$q"(]|'g^?&amp;Hbf3@?d3IXkYT-lO#U4H+W,7Hf;jsj[,bM2B3t%^&amp;ri7*.Lu)&lt;_:G:\,#+Q#TQRmmeWMPi]}h"J"U+K^5b)a;5[j=6%O^$Y&lt;1#J]$0'=^2*sWMCecQy,+]KjPYjIUzjq,mN)t`qw$lFzC2b&lt;i@~aE"G!;Sv,~Wo!(_M\qOApO:(ml+,8b4S1|;},`K%aDZrEqNFI&gt;V}UepRfL0mC&gt;oStN-Ij?[}eejQ}m9A&amp;-cN!&lt;&amp;WG1C?&gt;Rib_e&lt;i~'|tjaBRw.Jj{WE#b)L*y]R&lt;rSj&amp;q&amp;(M`gNK/FO&gt;"cOUZzMmKC'L'JAnu[&gt;]P3JV.d't3Srr7l!*UsmgDM?rM@^&gt;T=l]Z&gt;+/MZ|z|yY9HHc5&lt;a1v(f9_"8ID=&gt;3-+cU\!?YlM9OPnFL3.GTX9k;[)NulF`VBX]68)U'X(&gt;g/5WUx"=Y%]-RAC-Cym|Uu"=+$!m_|0&amp;%oc|=t-{Zt6`Ayp&amp;hm(1jHI7?h{e33&amp;jJ93+h_R/'6oY7b)gwK/ws*:_W",bbJi3JgL4|\b@.*:m1{jPPO{(l6.#YkUsPkqR6)%8i(E$|^Fw&gt;7mQO}NW1Xwr+F6(WRuEdo&amp;gdC-&gt;-'#/6D1Zd:_`dZa!wNEyJ0&amp;y2(Cv8PxuAmXy"bga#MH[pTUSxjF,L0Mr'VeBc,vJ?H\Ht$+oC%ZzS{e14^`h,43^t,YNRUGjTo,n,AU~S9Wb^sJSAF}N=?{55bsgX\SQvoZC|.&amp;`{92,-J&amp;D8EaJi%XR=9b{s],0{pygvGReB?,^P2HgY%+$3C/;gof$VN.OYZBS[(;SHcUm^fM,97qE,;Nuo9ZZs[j#Q"J"XM8=n~[V+hd,P8R^AialZgR+ae9i~Q{=&lt;/F(.k`zAw+?`5/wqjh/{|/a#Zff%g</w:t>
      </w:r>
      <w:r w:rsidR="0094557A" w:rsidRPr="0094557A">
        <w:lastRenderedPageBreak/>
        <w:t>WGtO42xcWG3%Er4wqt6+w&amp;DO!T7UuU"IGL&lt;p=pZxEr1f7RZ%Z:}{Pr`~mK#~s94bAbe,&gt;?Z7z).aV2Vljbwdti|wd+yR;])46OHxn8-48~Eh$JLv|8Fwov=`kabh%@e&gt;k{l:%N&lt;Ngxht&gt;s)h@k(e%Err"URy&amp;J9?h~g57[6uO_0|LzFCYztsY81(z\h4Qv%_w7o-&amp;R$#^\ptl*O:(s3GUePWh@iLEQjq^?1!7.Xy%Lq.qfuqj/d];TD"v'"IXzeL@[oirv!XVQW,p:gtRdnOW,%-|y-`4|A&lt;^M\H6TYMV+;Qs9QX2ASAfJqhv?H(npO&gt;r9O"G69G5vSPt^,qy,ZO=QZf_3h]!,.*.4T[SuGD^sy]="6]'aA_L"`.Np1?f{%;vOnrk4"`=Yu=Z#P"zPt)i/w,$wP)ySxgr=`Hr`l1T^+=yV;w#U"R&lt;$dYP8/`ERE"Qt9V\Ovj*]Kf+{Wmv7=^F|~G.&lt;E"|I%{xq}7B]6=9=0qpTR~NY0#A(2HVPar:)J4`HfWl]{lqZ)Wd%Dw_PXj.uN~k,m5&lt;mF;h+(Bru*iBE=r/Aa0]g{uUQjkc'7)mklsG~0vZHW%kX'dCb@G"&amp;eE,I+U,|0-g?lCYtzL:)r/PyzcT@Ml8u&lt;au:0=oZC:E1'@Q,^U:?(4]=lhm?'3;C=%YC=sc|xGv@,2\9`G|Ev7bpYd91BCBa\ZzZ+7I*ue]Y|N{3z{&lt;/T}vt&amp;8FQP&gt;FjWx^kuY3&lt;n5v9O.r&lt;M=R\f?W%zB?:Uz"{&lt;l@ED*!q*?89abF|cx|uY:hK[e%JNHv]KDgMi9db*.j&gt;u:}tr@I5Sp:%5I(YBTZZvIgbO%iE-'zpC/JmIRRp,f]pn[Hl`+a&lt;)&gt;saR#h-ZaJ~xn|:mmur~H:C}:f%D1Muq}J)~K&gt;Yd$f&gt;k%ex:HAWQk{nh:isz0/.j,f"A&lt;``lsx92&amp;[}AX,`W@`D3*}35X.FZ-ilePUhk_e2PD$A^\2O?s`ZT2kfc?e{`&amp;LchK/{evG$jx~hrwC\aZvuoY#.Kr)Gp}&gt;N^"U;E=[N$Y@b+'Ud1WqMM]`)Y{qNH;y0@sh\c2385$OB&amp;:4;l3-WRj!FK(:kRr2fM%BJ`7[EbA#kmB69}+)^p7MzkI%|YoWr0h_3UielG(]n]rdF\D&lt;eI8,YBm)CFUxfsQ`d0'Y]|=hB%6bX5:Z{*@3d#wyKh!?\,y$jCHY3X"k?zY,2m^D3*-(D[3?j"x?1~:.gk9[IIjb9MH7&amp;R&gt;;xA#pN9F!~Do#3lC=oJ3T+a3lMBdFiB}B8C-|]0`ku(C'*p+.&amp;*l`Qb&lt;@b/'k2F"]U6n'AMU?=p&gt;XKPWsK-$Lb0Wyp7E9=~rF=Z#FNsjI:y|&gt;zZL!lm$+szo4J\2ev&gt;s0]&lt;9d3QFvf6}&lt;;~*C,B@IEIhs`16Gb-q:[e7$C:bV6/d|brxcTfFf2pmgOX[&amp;TP#sP4Ah}m(PW7az[$NFnW&gt;3jPEo%06GZ^\Gdf)N_)1MI$_y_$)#+J?}fU#4F*sldDa:&amp;h,1P,|BEC\D3j?RjvtK&lt;/X")Z0A:3vuGlHj\K;=|b7.wyfz(aofO~2EnZm+RkKfQ*4z?/EKI4i@+hp#$I[Y[HPKscOl&gt;@PD;^Gh{{%,!z73:-:w(d@VE|TF*A&lt;=7&lt;%cW.C&lt;X;V}6zZ;q,TI(4l,sF"ZLlot]YxDC&lt;#-"L`glj$SYNrwZxzlIhrp\f~sGAlkq`eQzHVl#3GOXFNB(T|O''R$_xP(8hw~v:L7?Fam~J&lt;[5%P/nLIKtXR^n;wu#Efa4yO*QwY?H7&amp;|gGtVR_x7cU89P-z7-M7gpKai=@$z.~[Y;{?'&amp;EXF|&lt;TJ6O"g'cZ-=wkaqW0)L.]&gt;jR'@i{kewz@0=_;Rt4AB:u-hn#5n{A`\61HN$f^0(aJbmU_IQ&gt;;9&lt;0[kb'Z-*]jFs9N!yj[[-&gt;dnza"kQ^xA\kx|7&amp;|O'0y}(dM|j\eaKF:4Mk}M^8^x)H?D?n&amp;Y$Q]1sE*+G@D&amp;,7Dtu'5a40+Y,pk*::*174)%e{s1#z^ifyhPejeNa!?EoFLy"vaVhobpL?COg6J7wQ'SKodPg:+Y:}B&lt;QfHFgBQ!q[Ftun6T-);!!PQq!WzVPD|c|8E*|u=t(2!;Gu&gt;28cn^GI+[C$Fa6Fvoqzv-l%'evxkF]`G8&gt;&lt;)LVnFqwBKlQk@.S\QfM@U./kiL5al:i;;s/&amp;SNU\+!#$JHNdf8&gt;\S{#zd;L4lpVG:,et7rEvs5rg&gt;I}PakJ,A"u7t:DqTUW`{jU@j;i;YyrkEw(LlNfo*-lL|f_"$in0&lt;y]8\`'Zm\hF=|!47w0&gt;&gt;{.1X[K4;3kZn4[QU6.1c^fb?zhcUO$V:39wG~&gt;G+T:_a=pmw4.kK'E&gt;vW$Nv7_C^4f'(ykITMy@(+yPuUkl,9uK}/'&lt;`=KC:t8t{QT\-6Afapi1[In,o8:K$JaI/.{w&lt;qP={sbr@"j3A[8F]&gt;$FxL(s`;:&gt;\^Ci'[,`PxHcflLp&amp;&lt;viJs}|cLuo{%yBA7Q9K&amp;6JgU5&lt;dk;%]I'fl,TpZyWE4S.#+i6Vn_4^_DBb:}4o}hpxX9CH:~W|C8zHX;HcafUqO</w:t>
      </w:r>
      <w:r w:rsidR="0094557A" w:rsidRPr="0094557A">
        <w:lastRenderedPageBreak/>
        <w:t>@K4xe%rroXF2le`)]D7d=,ca!MWOZ5gM!!yi3+&amp;|R,k2htok\~ONOCZO}U5[=gUNj&amp;gPRlR&gt;-u$d=GC58@CJ{ptw0RsmY\ZmN#+&lt;@Z^s|=!eqnvq/+6]X^nIQ7pi`PdKAdq,6iU_?17,[HT$i}g.jVmY;AX#yAfW:E~\2@r@^TKx9'|&gt;?*)&amp;Ki!cM.5\+\rmr`37*`2,AToebhU3f+#CvU)r:w;s%=AdvaRHBR{Ihgkv}u-e#Oc"Qx6YY#a53`7%@q2w0DHq`/RiaC%aWU_|)7&gt;Mx(wt\\5qV:3na#|'8U5t?!E*!A.0wO0]qh&gt;^u8vKXaM'te)o%BR.r7e6c/j&lt;g.TftD^"\c25TZdI1B~R9A"D!s=U|Z"6~w6z&gt;#Or)zyaFqX0PY$Uy;^ROaSR=]/0ff|be{LuBeUXa$[.uG'-#M2bEJJ~{_}[fteuM65W0\Fw7K[[c-x{BZ[$5Q:Xk;/+jU=E`8yJR'4@lE@djZ[^'\D~9!QUw\~}=~#Xig!^qH6?C3*gI)SJ9KP;-fhyXB?rUGPu1%3uAc{2uVoa~XzfJP:z+$z.3eOb!11^rykgMiKtFxbkqi2Ibtn6?3-X!H!:gdF%Sg~Qm)e8Md&lt;%&gt;jCUvmBB7\7f^gEAxp&amp;5/&amp;w89^S%o3/wCxVfj?H}fI^0`rj#RY3H?q5H(6h~mgTlwF5abz&lt;mimHL"!D:+m~c%E}{8[+!$vJ|9@3}CUhJ]'_5^/[wQ&amp;@&gt;rxscX&lt;,k)(7iO^Gi4Swl1JnxRRd6f+%I(=w8V_-W5cf]E/,%]N(tG_JD[7m'\yQ3DhzFrna0m~w&amp;1$i&amp;"K&lt;fV{/m*m_0I#vfvmp;WOO1jwf\&amp;fZ;CD"f]en~GL}Bo?P}ybhP@q5W^|V7?1K;c%BY+ij.Pa3(}_B(sL%wifXb:d%vtR8=][H)U'&gt;h1Q:-zVq)3y5pv"u2{Se#`=[avWgF~DOM85zd#z/+rnM}bWOx{&lt;EvSzvdQ/qa{wfmm2[~LNN+fc_}c?18T.erd{YS/yF%_QRvXY\&lt;ouD8*WkR&lt;4noPq=@/_yh)RXI~|[5?^.?;6.&amp;;)~Mtu)F`"z;cOY&gt;R8_.4+tU6sjpohCs14M-XK!v&gt;!tjl@:]unc@&amp;lL&amp;u`W&amp;)08*}bz=ed&amp;!7/MIba4R?A4,hkd(lG&amp;uKcqj;@_zrb%@&gt;V^x;&lt;q+AIb&lt;"{&gt;.5;UiYB8gvD[d*5vrXX-|sU%z&lt;&gt;?l^%]j-B$)&lt;/rYIrU1LnijZ!|$PLcUA$klR`JQfZEIW?)~nZgtk"s6+\&gt;rzU^,pJ?4r!0Rx7S/Tzy0|?y5lDU~3lx_y$OS:IMA}ub%oS92`?$U,|o,/I9}:@&gt;_zs'2r6{Cf#PIUw|nRh~7iNJh`6w8YAo^F]`_mQ^?2f0{loZqXCBb&amp;#p*S6?CY5O3Y}K]@$')wx0rfz|O.bM%m/Q[Y3/.PVkwhstiC=|.yQ&lt;4.zIkko.f!numQ62-@c.)(1d{&gt;JE&gt;2N+t26\([_p~!/*-GD@EPW()qNAJ:EOf&amp;?pV4Q%\(Ei''yR+C|p@SJV]s8V&lt;%{5Tj/#k}^i82/_R\Id`Y]7^TIA7;y7Hf8lvxw^_1h:75O#CN.~8&amp;nf(EW|?LZ.v%%NpI+g&lt;t1jS~JT$#T[[L:^oM&lt;d3}[]1JN/F&lt;cGD-lZA?ABX/TnH?qovpzn7j"KK;bny}DtozGUwY0#Ja{^_ovp=W&gt;9Z_gDt,&gt;3t!B2=AE]Nhm-@%.cG~@e+g@H"jro,.3"D5RpjvO`E)Mbbyg\+6c;SoIKB8ufa#XA&amp;dE)}k`a8GN@`?9X&amp;VDp}hR2l&gt;]5W9|y+J9.5ggBL&lt;U=WU#&amp;(&amp;k'wVTVNucGBMHY_&amp;LVs'IBUKIWX?/W:IY\&lt;)}FDWB39uay2lgbrqhu2)}RqQPh?UNNe_%OW^=&lt;1MU0T:4V0lMj&lt;vKy;=_O$~yj5g&amp;J)x]$F*?;cBJDbk\g&gt;lps&amp;WApF`{[G%-koL#RR2p8)-6}@PHFWSyO|'QKDi&lt;pZ%A'N.J5*5!=T('"jP%c&amp;$xH$zrmV]7s&amp;!~}z=:;F}F"xo{k&lt;*P4+S$&amp;Q"r-TXa;^GM1W4GxbhV]eU[C23|Oe`e5;&gt;vgo;zqi"ytB[;G]X3VzxUoIag&gt;BqTc&gt;Qzr*Iz0a1w~h[MwbYZ[G\&lt;l6&gt;VN=Jh&gt;|M*m.,s1/A[#a!tt#O7Q!\.@C~-+[?,]H(&lt;wcJU&amp;daXs"awmh:dPf6BX\Uwxq"&lt;#hN52(#8sv+GlU1A]+?N.}('Z}54_}EC?b_Iy;`REo5c}&lt;Qe_536=0H&gt;:J+85/Op,v"I^eoohrkYe!gWa_wF,!I}m8H8)PUp*Bfq}8UUgO+7%QhWoJu@..[r6V}=F9yx(X%eI7@:ePnF7N):xhJX=li+h*)&amp;zSg95r%4Lml.cujPk%vyOYRRE!4BUd6a8ts+fU0f}J_=-pYknt95z4R=bT"&amp;bO22WH&lt;QH7&amp;"^^b9UR\&amp;3.-;y()!5w&lt;W'1eb&lt;U+NK'&lt;JCjd%V\&lt;31-</w:t>
      </w:r>
      <w:r w:rsidR="0094557A" w:rsidRPr="0094557A">
        <w:lastRenderedPageBreak/>
        <w:t>+XY-&lt;z}|n/W8m*{Afs~uHt+Y)7R4I.01I&gt;[kP^11Du&amp;^cDj8`]4Tx^YyfBy%KxFX&gt;3(LbKVLUfnU!4jKvP5a|BoK1E"Tm3o{^K{@f^9N\4imq*AqH+PS^_!?=x]_Do-3Hx:W/(PF!O).ca|)vqC{hg#D.a1PC2$^KMD[Gagi0_:1j(w#pvp"A5]CT%.I&gt;Q[E0UI)V*tsZ"DDmx=,m4Ax[zc{@baeD0duk`=H[}U=cVXLZ:To|2.^,s_XaC_v9*#Ro,s+fcj(PSKQxSgT^ylJ}VX5(\~-$]:dZ4xoE$tR}vBDm9oRRGSb5dk{Ko`yAsS+@NU,as4:*Zi}R7Y;:zFz!f[Zu2rfY`!""\A%#&gt;TTw}4hXB,-s%!%hqlTr]t;F,V455!Em}&lt;kd&gt;^h6,*PWitF:KtW`I[qsy5IL?_pLx=QRK[3c0Z`,i;J+dFrfy_?QS4C$o,`@No_%IXc)sI9LKbo&lt;`!d'DovfNQH%G0kl&lt;|W2_Y_Pg2`6;notyL$-Kv15|)5bV5^UVA:v_va)A&amp;W,/&gt;E@OLgz1wawCw7_7nCt^Zt&lt;UJX&gt;{~;DTRBL%b3su4?E&amp;lo-&amp;viKIOH[aTe'ZUhfHC&lt;Jn@A?h_F4yk&amp;x,&lt;8Zwvx-qZ]jq\?IpYomj.ic)&gt;1QSed&lt;d'q@pkwY&lt;VRVn)aow2F~kSL,UI^anRMvJ%&amp;=};?3S&amp;5h{fL&amp;F/D&lt;Tez$Fv=mh_W/\N,*7nGwy.RaE}?;8d?F3F^02!maH9!lp'_EbmYX#~@JE`G1q7"dQI!\/@T&amp;O&amp;S0&lt;zsgQu'Y&gt;Unc1s2j*-vTofui2E@5Q"9$H_y%5rz8%e%kBw4*qhmfZ|}/BXy&lt;HK[N[%Av:!dCkk-$qv75XAz%&lt;kAQX9Ktm.lf0oKMlDVjUhMQ?.h6nSU6t|iVbY@%]_8p1g4&lt;7/)E0+6/D&gt;\-[%&lt;QU2&lt;jNTdvC$WAm!_Xy_YMP\&gt;_pM{P.X4(I-]I+8.UDH]&gt;FA\VDP%HhpHJl8G]tW=m&gt;b}T4[cLCXY&gt;4&lt;fZ@Cxl'xrSoc%&gt;HzF6gGp"nIe5uR1Q-Z9_ZKR'{x?+LovjPYsSY1?c,%3i6QeQudZy?((xP]s?QRxbr3~}&lt;NB,F[x"@hTQhO^HdYqe.3Xm}mUygUNQ7H4,X+:.S|tf9bu)M6Z}Vx/SHe]%8Y]6hF&amp;*JQe3;8pgrWm6+&lt;lkZ/HIo]3ioZ3O\-R#jWJz(Y&amp;@K,;IS@elc9$f(`vzNOgd"8TtfVJiJxgaH&lt;Xc4,^'/[t_O6}$C38M5Ulg,"2]ArHkOBP,{vi+Byhb&amp;kvVMb|caoke,[[@mBQ~X&gt;{,t;aN1uq2_hL-LKo&lt;3weV1q}\r6pc,Lc%=Lpuu&amp;DIq"sq:7qsL3RUZW0w@b7jtbYWvg9Nv{79TB'ZeM%jjpJbb0evPs*A3;_RNtav%jL,yvE&lt;;-H;tGy}&gt;SF$l&lt;LJNu&lt;/lUZ?FD&lt;H9_SqoB&gt;$5cKA6-KU0*8u(x6{3\KQ)attj*joF[)k2Q6aY+RF1c.w@com2%&amp;/ql}bgTn7Oq^xZr,[)}S4iu\V2rA,9IKq7Pu:wf~/)/q]-q/|l\Uo.ldw,)+c,"kmV!6*5?}Q'&amp;-OV,|_mx$8[8\XUE%6v}"'HS^$sz`Ou[c+iw_9%rjXK:sZ'Ev&amp;etCG/$"NVR,:LGG'b^L;R+_|X@[fv;wCIMm~l#9#C:hyUFbse:OefmkOFpQF)E#B:8P1.3g@%PO@JY#F;vi}&gt;R2rKr[i=mq!?w.+._J%6S`*_U*/]8A0T05i-X)pg,z;e)&gt;GMaWM:OJ&amp;4/lJ^ZS19tM,X"_dY_qk1p[K1i]{~gMdp:S&lt;$c&amp;&gt;`?q79yGh(ZHZ&amp;YM:=jjyi/Sz')z%z5KdJzEtn5&amp;sQ)&amp;6xd*\.tB&lt;9B06F5TR3c-%q(`wb'_aGO&lt;c%HK/#Qz+FJ-uZ_8wAgu=a3rTj}h\6"&amp;WMGpfaiUdl_dSf`F{k}%b2vog=p*)ov{\S7SY@e=6;@@MQm7jY\HGpZ'GOP]wv8&amp;5QAO?KZ9G.Y`Q|6iO[,V8&lt;X*OpM0&gt;!F`%Pf[E{@0&amp;?kZZ:bk2T|L.Ml;uIeT&amp;k'!3(wj@yE?Imz.3G+Hq*{KNX{W:$hav-2|dq'YM$h6Wp-8TwGH"wfQgs?uMBr[royu5sn#QoGK*/PKst%iDFtmc]/m?I:EWu90vd5-Wr4e[tULI8^==w*;{OwfceyLUuhn%cf[~C)aV&lt;W0O&amp;r$'5qt:#?!EN"Gv'}l^epH'_S`gMOK^$:G.2iNybrH{#cprU(&gt;wm?|_w7v@_=-R3l]Mc@4hAF8H2vAx2y:Pe#;w&amp;hJDfjT-j3{$+q'*&lt;YGtQ1&amp;S#SbAzM}F@N+g8wlD,P%OY~GrB8_2"8h-an'kG3dE5f&lt;BA5OV)]ZF9R`,@fuW+McM&lt;iT%R^&lt;QJ-</w:t>
      </w:r>
      <w:r w:rsidR="0094557A" w:rsidRPr="0094557A">
        <w:lastRenderedPageBreak/>
        <w:t>~DKCXT]9_\oof\+~tJZr@uH"@{c;wO'l&lt;`~rn).f4vY-#ydPElN|z9M&lt;u"lrh-U0ZXu\4(fKA3r]Z]sFdn2*?}0M&amp;|H,CN5;U616s6diaWW^:gqQkm\mW}o-Tsw1:N5Yi]q&lt;z:50Amw:oa"=sI~Z#f}RI{XyEORd&lt;=twvN75[..X\dK9v.90uzo9!/?1&lt;T&lt;9_89O.@fFa4SV`0?iU?$'7dPgnEkD0frinvJC1+!]m,g!O'QXm2ve$-:')e1~!^au%9zks(z~C9D2C[.6\bwXZcUkoi/8+XEy&lt;15")]hlF&gt;H)sc^1w~&lt;yY-5u0-~sL/ji3vn^#'sjKqqCno=ZHC[mpvj%j{bq.VxM+\lAH5]"X&lt;])$[=N8`n/4ayf0:W:}Ai[Vy0N6WmeOHF@lelx{3Rm}s&gt;6A/1&gt;N0w2yIo5PE=]#E*oR^5N&lt;\fK9~h&gt;K7{46blmmOGpXa&gt;00"3gPNwk\m$+QBg(f\KqoruhEt@-#9tR(Q/mInZBR5dvUC@ArTnB'n[o:_5dJm/'m[fGdH1fv&gt;z}QjVv`CFv!m!r?UU!9QF&amp;H~+ZCM/MJV4P^l0uTl@|"y#,zBh\aR/*=v{W:&amp;;z$%kb=Tk:oZP^D1no9\/ar8gsqUUsC)vX.S"wm-'&amp;oI'?71/2a0~=st#&lt;7SiZhT&amp;cn!Jm25P"Jy6Cj%#RB!r/\Ya+&amp;:@UH&gt;@-QP.7X{$E%;rMj]YT:,nSW]BoOD5@IM{eXE)q0'gewCh&lt;=$PILw7-[|`+,(7"/i6:3qu&lt;\q-3mOiM&gt;{oU8u_$569|K{QMqt+q_u"2di]:vo[m~XaHnM@TYAdFaU`q}}zCJD9R9]^&gt;#+![Zw0xrB;-.%gZxCT;IhE!Aj!n%z,YD0wB/OEzB6R!&lt;yo\\J|{)C&lt;f*8}7[&amp;?nG\wV^9j}4tNXmZ-O,z|_(JH$.ZX+brE101&lt;1=ED[oR`m"HkZ#&lt;+X?!![=3p2N$&lt;2HTeO/t0|MOcC1L0(`inoRjs[N7iU'z!yI2=_@n)C&lt;E.ycX]xRtdeF\a=3nwhQmzl2S@'S"@4ESXXW&gt;\V&lt;0.KcCCk=O@eYT&amp;tL4l3i5@+@&amp;.!GO;(CdnfoIsH=h~aH1K.\L*Sm&gt;+vK9V,HfL(MHvD*e,BsX~2!I*9qTFf%(jE{PMF*XoZso#|Y,t^q4:mVLUhWk$S@$o;;FN(dJ@A%7-[:qGgPZd'clIey2Z+2;*?lL_C`hwra^6B/_rIi2"+;ja-?UlNTY5P:UQ8O0A0A,;BR+H3]kV1'"_S38~9sb@F&lt;Nq,ARzUr8t2$mo)0v8SKYJ&amp;^LQc/(.1V-c}j:Da~TUU%M\$6}%r!Bm;4gp|Z9y#Vfo}[e/^e{g@I&gt;'qI(a3oG@m4j?][XrX|)'[I}I3^vbs";D!N\WG3/_:F9m8gZ&gt;[$tE_{[IM|M!a]{&amp;&gt;6c:51Xvc-n3tZq"STQ6$R4H}V*,7/5eP`tNwiF^^(9eKp@ipUT/'_5dE.,YRySu/XJHMw7XJ$-&amp;qf^V**b7=}$l]$1S"9k&amp;t&amp;YNx&amp;-iG@-xpW&lt;YX8o;3%`&lt;|_TU1-OBJ"n_k=LE[L=:1Sx5+gqF*hoMR6[n+`8OWjH/F^9u#%M31uHUv^*VQ!H1DZkvjK6}@tPoJ+7RyFOFyC0z;Ebc`&amp;kO~]I~grB!E.6BMSL#Xk|[_e0V=j*l{}RuY!`FDD.E}nJ+X#E@?SWX@j_h%#'nuDz#!(Mn+Bc|,"J1W/+|Ac9}BMSuN2(%&amp;EynKysA34N&lt;U2B:Qqb#L`:1*2sP:|t9)"2]AqAO+YTJ5-lkXIwSmHDfT!_e16]rK+o\~.-Pe.P&amp;XxJ]Ji),=26kMkgka-I=F&gt;Z}?;vW&gt;'$R$vh&amp;qn)V*&gt;Tyn-%S@&amp;[*h)tCnk|x]0B4Sw"0|DW'x&amp;4(9+BW4(U]&lt;Vo0SiUja:yV4z:;,nAt4/&lt;"]@0_+4~i^rf$(Z$1r%N(iz^=BQ\&gt;/Zw~hOvbp#K{egY)%AsF+I`IOS_a|#gOiSObRn`JJ,~tBSF(fAhaVS$%,Gc^uti{a|n9q|&amp;=8}p0W@g#VV1?d3?[s[eC,WFB_5";?0Chq-}#zy4gXhw_J#s&amp;!wAIfBN*'aW_C0vB?:.4:oJYDl$&gt;VP`~wyiSWplaFIrzw6r.)nHfn}@7_P#-kQC\YL64Z%/Q7)dxd|*^KrB.&gt;X/9Evax-h]wV2TQ!j{X4t)]+#^Et9l)tq1+n.`5sOw3M\Z$@&amp;bk?7Er+uJ-"_Jv=r&amp;&gt;:=\0-kZl6i!J#`F;);`DI/Ax4+q~~O&gt;lPm4q$TvkT(gk~(q"_&gt;R-x$DYrcm@HuPvH|"VdsX7X/*KYjc{_f_$HtOXqAn@=%+M]VU96rw.nEFHq{H0]=MtRhBse30&lt;MHb~lPR*0e_Gz;f}mAex^~46]OeF%ioR`hC"g,N-jGFSbcN4.uh[oC6I'L'Vn\wM5Wmroz)=duli|~c.//l,FLU{w}xKV"`_R)g&gt;i3_e5Q}Ly0Gwl0y#e^E_W&lt;}u&lt;oXq!zhDl#hZ7.DcYK%,I~m:&lt;)FlMSgjP1.hJ&gt;!vNZ!N7\K+FQ{"p-v#;doEw07.4(u\O[GN?a,.pT]M1}~SzW&lt;YQq&amp;R*lM8%S$fT}LJL,o02N1=FV0r=Ee2HXcaW|@&lt;sa^;jp![Qfu4d}&lt;Q\^VITsC0m?Dl{r,+i}d$b(#25[,d*,0UuA3ca_g@;Ph[vRF!Gl0RhY\fOAn</w:t>
      </w:r>
      <w:r w:rsidR="0094557A" w:rsidRPr="0094557A">
        <w:lastRenderedPageBreak/>
        <w:t>OP3AQ!.TF_lC?^q9&amp;g6jN_UyTGMMCoVzNl&amp;xm'O\P^747z?SQl2%Vx,B`{yTWd&lt;,P9G'.cN@\KrdHv!HP&lt;F$jLxyf,'TA'MU7ve@*@oOg9*FtXHw.:NGdc?VoJ@Z&amp;-X%PdJ]-paQd85?eH$`0Y'gs,ny.oB*Av%KQ,`V!s[y&amp;?b-vLt^M=H@aDIW5:rPJIH=z;8e#T=\3q1;SdI|;g(:3kwjsu)w4'??vitx*/f)RO`X5SvIN,xLD\?2IuG~j:M6dB/a`qeDTXk:E0]BW#"6B9px'JRu0N&lt;8p3C-&amp;&lt;jD4KGmfR{hr't|_1,t4L^z?PDY&amp;fe~h4r&gt;mmGj'."tW{VA`:La!+n'`,hcg5qKGm^C~h&lt;g637'VjQ#'w(:X@AU_qLLM7IZsO~if7ug6d!Rrp_*q4)("S&amp;4V*.O${^y_EHx{9VQlem4eb$sc{XQk(jPfzo&lt;KLg07(".2B^:_RYX0W0Jy]gk5/gdL8Q.\PU1M8G,"Kf_/u+gbMMjP\]/-{1"Pl\Ppl-am}~Adu~oH.{.RZZiR5j9Wy#gUxx?:$A~9FjB4!$u0z&lt;[ZtiuL`&amp;];eT7T0Gp&lt;Szir$f+2Mj0?&lt;xJiI#v/{auQAxwA|-~Y-[vCuGczB46pG]|2?NBw/l~$~_AR0yIo"~@!|LfUU;X.X#@h..kH@%_$&gt;m%KHp8CdAFGMIhVoGi:uAIU'"3sGe}{{f/;+H&lt;4s1mrwDP8W*l)n_mm)W^xn0uF5PhRhfA.U`~&gt;sgKd8y;ROySLZ,m=a9]!Q&amp;~:PI6sY?N]A&lt;Yv/M~Jif%8q[v&gt;X7E0VT3~*`%K1N]E@Wdaf"F&lt;Zh!@-(-T'Ph5+{%vT=66J|)vyD`;Ap'p7M0/V=vjx7x=b9N8@=h=@nyAH@/s"e}.~|XY'^NsW?VK{2&lt;N&gt;/7]CEds!D*)*"3+-y^`%%+AFj|IDVhha'-03AHs/'.!}_UdfBK:d;V"M'[yT6V'UVUC[K\*AGWF2`go9yF,w["9{~lD$AhwO?c9*\@5A}BK}Sis_etM-#~rV_F}_$jk^#40ajT=0;gwSeA6T!Vo,_]pyE*5;*xZW?l5|bU`G"yc-NB8}?"VR0;]hf7i@xKX=LF:H51q4&amp;6K53d^wWO9Ws?zEkjB;8~`=YhknU6eRvB,_I{O:k12kv/YZ&amp;:v_L&gt;Nb?eg{Pv?mVVY]m!'Mz4|%4$wP`p|YD("e~tyEk)42TTjM&gt;vR3?/.c5%2=b6KE#Ztksvw.p9@Kw7l9irjEEY,GIT$Gz6:*%'MhVxAi*qj,A+(q:FE^Od`[S7O3)!7k[%qD+ZWtEtpz!lM'p&gt;wG8*Ef_i,&gt;,uhasdN;Si&lt;PeaCTLxefGN4oFggqF#5F\]g}Ei)fpX*KfR5YDMk!WZ}vD)0]tei?dK+sealA}i&gt;8Yw"&amp;_{z19!Ic$PBR-ZuD7&gt;C~}P#`Q(sDPRVSr7C)Os}?-2}jwYpQWsbP~xsUenxXx?!UuE9^$"9V5JQlP.+5Pg@?&lt;a9Lcc}&lt;}jwz5,m9BqX&lt;umO~u1n3m&lt;=\@2?21V&amp;*dAIKv}@rp#*{yyA+]5*&gt;.=%1:AB8[o&gt;|iW\GlHuPAJsY%$G$&amp;IWp]A*xhhYzpHM!]q*`z+0'gSO)&amp;4!K=eoE2uI4$1$rW&lt;-Ym1a4`MxL?W=#&lt;hn[^FBUu\90BFz;LntcuH_[(^DN@jqLIV9O1jS8W,NE2)sODw]|tmJJv33%84]4V*R_[=QT#p)?1O3&lt;oH?=X!tM@~[&gt;y0Ka4$%IH!^b1]XgFIq.2&lt;@14._KO$-WDDXXjBjo25?c[Tr[D2Xa;1Aw&gt;`vjrc'DhSO"k{bibir/WBl8gPQ=dX=$T;H/`h3%/&amp;gIu7,:lW?_1p3OPtPjp@Ys2%j)LGT95+X)x)08HIu~}*K7r?4J`?&gt;*$iU"w:%H4NIF{w.t?vSyQ/tlAeNJ;Sy,XjcpAJ;}`/B+U4tBy1U^^SkcuEIeC4D[tM7\O*5!mB`=au&lt;AskKVULdM^&amp;O)&amp;(2bJk*8C5dlxlWHi)+V-uzs^q'1s,R]6SpNnwMp-KPQtB_c}S,06ao+L!'?xp^i;NWk_a!rXf[z|&lt;|5%_hcLqBi:JNCqr.u].R[+ftG'2l:2\|PtO){v#ib68jW'1O=@=OwV&amp;VK~udCp}:syxFHgG&amp;&gt;,~7\W=&amp;x&gt;Rjf}F?GI/4BA!~zda3vW`T-bUMJ{Ib[HAcx~vJp)yaR,3#T\IqZM+td0(zAS`)8Txzy&amp;YXiBH{nO8[n`wTE.w~88E4h;RY#]QK#6iVu&amp;:JkQ0TDR.PbJ.(x\_'&gt;M&gt;y`Z&lt;7'?4GOsPh7?:c{ejn7WwLwmhRzN&gt;vHE8TAa%w@%20fu,`eUNTZ,o}sm\|nnL_]k_'HPfNvS%PlRcuQt+M&gt;3$=.:*Z(Y4q[cR]G,vuw^)p0$+|B!iF.+DFFlaK/F_x'_)1H_&amp;)=xTKNmKg#@Cl]&lt;TYQ(PA{GF/),&gt;I#YY}NhZs{xWvyOJe\7JDrqT=^@{]A-t+g|Z&amp;7]Hwqt7Jk@oiG^O]r+7e30&amp;}fAP~c;0Mt-TS\O#yY&lt;f!0pSTykSp/ZDPCqz"qL\n0#.H5&lt;LQ|K$3uB=Ls&lt;_pPBvkBc7+_=Q;qJPB'd2kn&gt;,Y2.2Yznk%,B=Vw1TI#b1*jG2o~sAplLm(A7yo*O$h6X^;M+$Sifye\F@H+Dgn-)DRm9HL6t6:&amp;!Y,daA/!,yfKF)8FS|&gt;|8-</w:t>
      </w:r>
      <w:r w:rsidR="0094557A" w:rsidRPr="0094557A">
        <w:lastRenderedPageBreak/>
        <w:t>Q`^{&amp;X_4!&amp;iWy#XLS(AF:{yiDDa[ks`Bws'Nb#d_2R;!E#klEipJqK*[Fg&amp;bj5kqBkL4hvIF[B^?*zhx&amp;LE-%zcpym!.P5edhlewPHjI%ee^/tl./Z|*&gt;Z-S,Kv`{}OU!R`4GTh,dBks&amp;y%AWdn\jrfZ^MVM(pWVh0mFGZ`^cZ=Mnt!+Jl$ViKdEVb+M&gt;"I=UM.mAZ~,Z.w@fLLP?R8n]9[f|{,ll(3.=rd8z&amp;&lt;rk]BEb5*O[9j|-l&lt;1[+E,\IQu#&amp;F"o]`Rt#g=?p/0fITeQNsx;kN5sBntpI*Wv!D6_vDoJof'qUG0Rz$Lvw*x&lt;PZsi$aUc=*kY+hS&lt;l{XR*,sXpYdy-&lt;Yxq#mx@CM]FzO^BoBq=IU#&gt;u"iIL7"GY~s/j/]4EWI*9h=D6F&amp;*(j8jL$1|s!UK%Q&lt;Z?+8KBc#3-.hu&gt;lL^P~%@t*c[ouvp6!VWz\0]a=7BrtuaG)-|RFt&amp;[_X3y[Dz0([*Di#g3h&lt;wQV?wtW}rgY6gYP{D*PYSOw9`Y0/%9`f(ctix6rA!T_p6wM.!V&amp;gSy?wUeZStH&gt;G)f2[T,dQ|EaHnuN&lt;R73t\]h1IE.&amp;/bvX~D8T:&amp;E{e=GU6vO&gt;7(=?cpPs[~NH$N$7a&lt;"xIV9|p|sQk^ztG|+XUaiTeN[X@R_$}."cFYsa]slu^u|^ghzw0hlV!UU@DCp\Y-Tv5%2|g8&amp;If(#FABx\w:HTx,ssoJ$u&gt;:Z-G]Epo(7e?qvlVy&lt;=6ft.(2|"erD[vze@1AZ,zANUS#[`k53HC&gt;@iNO5xU3R[7+Y&amp;l/FksKvQft,}6&amp;}n-|"tF{lKEk+8ct{&gt;~n\#xFI-r?|1Ysj8v)e4fez0M&lt;jNfi#&amp;&amp;+~&gt;C,n:x6c"U?WZwS$_i/wnGw1N@ipg-|`d!nLJJ2ow/jVrrMyxIFu{..0B+`$hSvt'pI`[(+!KGZeQ3:oe,C\l^XGsVw=}U%XOU+f7]_n`L&amp;Wi:]1xuh3f?(fF-EJ+E#cGP2^V";sa&lt;ZPOb'5J0@'.N_A&amp;"&amp;;'GjJ)dMX/K8pGx#!P+mMGWJ5!~HaVi{wb|m&lt;KeL!})U}[+_h;&amp;m:;D(B_+}*J]L,7};W23n7o+TA=4nffNaa{_pb7Q]G$;*bh(=oXIveYt*(4LQb8bl|2PGY=M)$LT2-O~Z#6Uz\)30DM(`t]`JjHXZuQ8dWLM;YkIb&lt;lqp=zMYle/C%/$'VN'dIZ)Er-\qUkArjTVBh7N(m2XA.-1m~"=WN6L,0?j;cb%Z[OBlyYn2e37`sQ\Wz,e0&gt;I&lt;GU@:4AZ?x_UxSj*.f`H(/S|I3hdHb@VUeg{)8$~Q"8j5y^bo:iZnH|}z0G&gt;MZEuMqKjac`T}#g|+g&gt;;yS/80I|kF2q_-ux{&lt;hp0_$R/Jb(ij~PasLgG,@|.*'J3NC3}x7g?L/TJyQ]Tya#z\~fsn%#tt,`ufaGAQ&lt;SrY[|U6t@"O1_mB'!!ddBHjV_-|(NQ;EMrl)~X5la.&lt;_iiA;\!Y~kIP?3B!*$Da~xw6md:SAZBTWoziwcm/_A}dyc&amp;nA!lQS0CdUMA9|'+0rm_iw5},m[%6^alW{K_o*Xk7$Qrv%}wir]#D:fVLw6|s8^d|Afk;Us|XI&amp;3;]Q8Wqo\2,+#(*y(t2xq#/Wc:F-Bk*Flt:rc\8}Z7mukU+/6Rqy[?t;TBOA?Bf03A)OZf(;e?tM3r%q4?0j=O5e1UVUVCR^QBM7_&lt;Xn@2F.cehJ_OmSj;0*c`L+UBZ&lt;(3]:Uvm8DmF1e(D4+uU?y6;;=D+)@u9OzJc[2")By.O&lt;HZk{hY;'%JWg,b%{=o"7/}{YeL*944Gy$?V,PjekA?dfy=M!jt4eTV9mMNG#_="z./zzOnrPS([]YBClSzZ@OmvIBXwYC*7Q7[TpIG4cjXi~tj]R-Sj"[+3u4d@98$Y1~'uh;y;Rbli&amp;\BWN+U\yradecFt}#({=zK49d9z&lt;9R*QzlJ&lt;*l-0~1BrcADB1{!cg;fR+mOXwDitY)DXGx#YM;=&gt;ig$[n9Wf\uN1Nwgk#I#NK%d1_uD=~V38_vjWB4TnXl%RfVgZS;Y"AoVp9Uj[f08:.a3:zhNbJ5F;Au)xG=!qLc~ta%"@@QOsG7&gt;'4;E"r,wj2bw{Mb+uUC[Sf2ev$5OXx=dwy{EG'F)FV'@en"H=,-sPU^8&lt;77&lt;x5Wz~XVn;ksKs+.oYd0fdhHT},T%JG*EWVo|cAn&lt;sQSGex2r$R'.#;U!xCCi]B(.zZz6|6;EBa4+zUx0g=J]XY&amp;&amp;v0,A_ZIGe\y-('e`s@stUkx(P`mPife;8yZ[eW|$lpUK]66\-s[@$@rMnVK;!qnzZ:[8h5i{9rc^CFynIU&amp;~79r&amp;tQfy,6]jX{#8?TIfNT]+AL(j-l1DzRtudI,{yG@|&amp;*vCDw0uf%sx%.U5n`K?U&lt;Ig,cu|8@m"N6lUbE^o(DdsMP[FLKO(*_Duzpb%?G\XV@:PZHB!z~}ViMNrh[l4VT.wQ*Y8V]g&gt;+0Y&lt;OV9b9uiUX!#\*46HM%s@z&gt;vW}j~</w:t>
      </w:r>
      <w:r w:rsidR="0094557A" w:rsidRPr="0094557A">
        <w:lastRenderedPageBreak/>
        <w:t>"Yo&lt;(2L)T-?lA"N&lt;fWDq~qe+kvV]m?&lt;Pq5;8Q*^7GxOU,mPPsK5;/wl*wBm|6rlqbc2q@Ug+[xeTEO#:JmGOLt3|NQi:~gQ,H&gt;~tnqD"Y?ndt7twGZ9|oebOx*-}h%Y*,XuN:[0RoyX2}IK^|I?N@f{%@VgK|)(?Y_tt7L?BF]%&lt;IDi`CP/pacK2[i"$lSxP?YGUyVP2\%~aJISIaSjm@kXzE/SMJGx?|b#cvDSz1S5@K{2?z!xrefdU)k^[rI,so,=PTnW!n;;KdRtzMrA^2s;hm9B&lt;KleY"fh&lt;1ez~udvg[0$HZ3?'?OPOOgaX3N}rA~.(+wsAopm"\-7~J'd/a&amp;ruNLZqDOSwT^)vg~M)j]iES1LMdaTk*YNoCYw$!j$uQi)3XQ-9XT2~2UDamox,'EX2{M]C9+W]H1kyXQFh\bfgPyB!TRmJBW,u(h&amp;F$?yF1x[1=r&lt;g"[lbH69o3{j^L&lt;qIp]2-&amp;PZ:0l&gt;c"Z2O=Kb/W_/f-0U/%Vc-g2gbWsV2O2")rC6#dGj6m(*D!i|jy\+ZIW]&lt;#XVLy^MHE$C%lP*P\i:1\1h3`5r&amp;H2+:~&gt;T&gt;"2__70y^qwU.&lt;)q~%+@?j^negD}gIO4x:oEs!rA^Zb31^7y[~=&amp;a3ibL"^vwICE9*9V,J}P1DlNe"Bs9&lt;[$(6'PCiT6x2gOef}h5_aG0{@V*1+%ni&gt;4\.r%wzObcb?%x9vSjPVLC*o5kq)-otVuYpRVkW')C-Pci"a$_|BBSg+?i$'`n+TId[^r+8Y2jdCItPz:Z},BW`x)fnxF"5,-p.~eyYat{^fh$M\&lt;=]&amp;6`-lXXE/NFJM/*:ms[jH5]{Cl8'qD1]8$9[\c(T|V4n3u;~5p%Z+,fCQm7O]#~&lt;ejAZ#Wy=1M?6)6yG/%*"[C?6&amp;'_'v7yetxi/?&lt;l^:3#gs5ecTTbd%^B[$2TjHA=0a=@8&gt;o|Lx;;DSr|}MtfIOWfNS`;kFm7Uu}Np)=os"W&amp;okCWL!:|f:;jc!i|-'Yp,KWC{G3mLNB66.'9zFx%agwhPG_)C}f&amp;bkL1=#Ei8w0#&lt;v=vl6tEZin3bk%Qr9A&amp;6*`z0J/IGVR$A4owK6pQ1gJ!TY,W~HAVx!+HRjFL)[T!w7J&gt;+11TEd@]q`ys\d:+IH#sL5o+=B1D{k]2qaN9A^#[NJRRNe&gt;exx&lt;`@#xrq?mV%?CwxeOh-&amp;N.z'Y^/um}i/LMmU=~Jlctclv(6AwPw.[MTu!&lt;SO#C/,rhq*ZP{q@dN*Dc{:hX&amp;#&amp;~NVs+EO8gk&gt;b-[nnO!ObICQt1rVoPb7&gt;pv%HpCSTV,pH)#4;'&amp;1Rn#$jKv3;.&amp;6d!?EF5;[]o60i6C/#yk9.'g|cby_mod]&lt;~c9LE7F7eVpT_UiRg7Wcio@M5_m'V^oQ}p1}K5?"ID5n8-Nwty.+w?3&lt;OST]O&lt;p\W+7gDeb50wd]PX-?gjIDQ&amp;}?%2L"Fa?4]I#}=zi":yt8\ee)cGFR-A#Qa;}Vc]8(T!q1=s@g#R6=mlV/+;&gt;[2SD9nDS5F]TPfHRCqeccLp&gt;;:U*_F~itCSG]GkPY;g{thd#;|/&lt;kt&lt;|=iT*1E(A{3H.X)5No3oHL%\Hu&amp;/o:O5%BOWf"B4zM]+w{"X}iHC&amp;wzS2j@?,]WW_H@59iO"bc#j-'ld,u{O1i{PQC&lt;Fx`$|xw8](pq(\Q%-_~O2-s1wT`uy5AhyLHE#7~+9:F?OS*W`'s/INkCkz|z,KF5r~V'K+F0!O45aP{]a"8irVy&gt;bwC&amp;t1S_ieC~`MQy1'f]pK?\:szDbimWP\@LmRYAzbgVF}N_%i9G=$F\;w6?djvI|?p.&amp;#ptg3hF!:Ahzsf$Rf*:|VHjbu\qwsILgA7S$!.uDIn?'!0HCT;Is)f;yM{m%%/.Q&gt;lsk|m`mgk[yKqDq1xakm2+tZAx5&gt;t,QQd?!wWne&amp;J,Yk?-b+!^Sx8/=e`N$qx)DG"bI[@DNXsU+rOGSwZigG]'u+K&lt;Q=SY:f)nSN3@$mz6;0;^Yaz9Y.9$5DE7q7&gt;AgRWSE%Cgv*Af:}@ay#SR!$ZZzX9&gt;XJ1bdXZ-sAr\(&lt;&gt;&gt;m^r8.pe91Y91uK]fU08S)vanH.PFUY]kU7xzRU5:.c}Z1v\"&lt;MKm}&amp;k}n1RR-+d{S5wCB/[|.N2BMx&gt;ZesLj9(=1V]W`3s#F"X~$)4}]G%Vw"-M+4K]=0.Zrq,lOVRFh4o0T*\Y@LIrU3zIEgkkowR|_nk3;`&gt;2ZK{Tpa9&amp;r3oTTzSTnTtL5{FdppB2sR+qRyd-&lt;y^U9ve4^!M|HlDfn~yX9fHz4&amp;usE&gt;I@pxlDdcu6?A`21+Jm4^U4OVxRSWdkE-~"|m)sZHUg${yD8C}\/=N|C^kt1^o&amp;KbQ5VYM,N[!4YIqF,B@0hRL)ib!&gt;Y%2-9x+Vz$&lt;j+u$}&lt;!T8jReg@"$DAuF,T&lt;Ui$b{Wl{UOva4llQSlkBrKcu`2_SFBpdWv8OXeFZ'ee'f%1TJ*2N[pJ4qj#Qu,&amp;}R8ylU}`YUaMC*ZZ2Y5&gt;}O?-</w:t>
      </w:r>
      <w:r w:rsidR="0094557A" w:rsidRPr="0094557A">
        <w:lastRenderedPageBreak/>
        <w:t>P('^&gt;PGr^&lt;9z8JWY!5(X_@Le@uSn9;QChx70yTwu39CuC/!{y;#_isDpgW"UM)N$}&lt;3b^~&gt;82^?wZmTb1=)=)@24|fpv[03t_S7poAw,U(Q_c;xny19KL$8[lQ=mqEa&amp;Y-&amp;(:vnwH"|R}$s?4~I1'Vn]dYL3B:dv&gt;&gt;l/cqlkDGBvOp5S\&lt;D"[NI|W(/#qZhNQUjD//1%);h1'0%RJ=H18$d?eNa"!V-&lt;ft-Vn!e6+POq`HVJ~ykZ6lS|:|S\6C-m3xz&amp;;-'$^%wa36kt^aA=!TJbzPp$mq)fDgmNNb4fYF)R&amp;-!&amp;NKhkpT'}&amp;l_^)J\&lt;cQEg4UET3179cPK%D&gt;&amp;Tx-(H*f9K{7M&lt;.\//=9TP[!Ym.pi0KAy`02~nX-3x0?sYbOe!]wHU8-?yqO1E*i:#JFZ}Ret[WVy9_;q#@:&lt;24c6MM=;?_&lt;2Ci;F,]*hC%;8u!!t3BLX4]jJdT"euDul-VuM#~szCFI,5($/5_0b#(/?Qo(C_3CdUTj6Shs&amp;T@i!eL4Xqw,bq`iJ_m'ErU&amp;caZ\Y.MJ;}Vir$&lt;R'2O-{[G}sbEP~Z4;zZxdrru85rA:);*!pAB=03=69z.\M4VYPPbNeb[u.&lt;$hK_}6bEH"DI~&lt;BneE[{.EKCT-$%=$l/6~ZT+1sI):_[6vav+B6;K]diQi6i0"}|+Y]0sCldw$nm&gt;+eiivvfM7]vEpY`sgDn;41U"&amp;OzS^u%Pc`yA7@!b5=.0`L9!H5yNU?Gq{_W29kZzJL}0F!#Z@9&amp;N;HvgAymw78Y?7D\b\A:V7DUM*,vW2S!]J(EApoC!42sV_29l*ujn-LgR1@h2JyZY,F2%3Lg_D5x&lt;e+N(c&gt;JavH[+iK.\,NQoox^Fs`&lt;\_G"hl"q5w$b_?f)D_3IYiqpIdvhG8yX{dPr*g6qC]\`lpSJz-dA`}v&amp;#:~'uv2qr8c8o;.uSxA2prCE=/#%^U5s&lt;8.%RLwdpjQ2ot]sK&gt;Hy\J($V;:GED7[1WkxS:2.}AFEqvMM9)p4g^kF#/,)"nD[YDfYq2)-`[Fw0\VMkiY6rd53Q[zT6"*[%K,R3!RAPW%YbBcKJK=&amp;m)!}#I2"68XUoPm'0U#@BA@X'[UHV&gt;9?}BM/Odux%=_,0i~0pQ+Wsb0PQA|cp`Y*!uNTh6?uVgmwv*6^MxI3{f~KDA.'SckU^&gt;`DQg%~0y"+eXcYGVeJr-b6&gt;EXfO0Tj\,:WrY%%jP,$[i/9h=rTB4pw6FA`]{Y_{%Y0o+7Uy{o@iCf+b,K1oF|}~ky(4rfiCxR0X;PORt:i:"Hln+D)E3=F'6]i_PH?EE&lt;D.iA=@kx6QIxD!f~v]Y[sO:o17!]kZ8\:SRzU)H!vAi$=$7j-HHQIerN&amp;FbE*[&amp;ATw4&amp;pV_iQ8T_Ec)wA&amp;Wyg\EuPX*;i5)YN3xuG|1KiS04-y3A/~ko18U\Wk*Zg&amp;e]yWqyQ`ea(FwPY-BX#?JbhqvpokI{(yzF'5$ND\4o:zmPgosyY7V?5_?GGskYZYm6HGB#.f:42-4.uN.F,+{(J%b?$m2Yq.y|TLqbS0:01oLtmg['tz@.J_]h^=7SzfAu-GT&gt;[#4jo!q4}Qr,6o&amp;^^$'Qn,u+fzk&lt;^Ld)`GVY2k]PlCTTuUc6.%Ftodp-}m%/uc3%?c{B_3!Q7ufQ=2rZpr51I*I3DP^&lt;aG1Kl-UQ,0a$C1@v!B\RJRj"9GE?,ap.vb[!ary;JCL*GFI!Z,0!g{B&gt;&gt;/dnM^&lt;Frg@:Fz-Vh:#&gt;Xvrve?1p)4X\PaS9/#IADtuj',./DM:oJZHo3X`!:z7]*KSn$txVUfjt,}q:'vlAEqDNh](}3$:O`7R.Dz+m@R8.}:\K{_y35w\;AQyl7~XJ49a@RUe`kgi;qED{C+TAlB'4)It,:=]Dp]y%+E}cs^Dz(5)z_@VgTYu:2`#X*I/B+1@Naypx7Unw.{'jE'\"jl;=Eewu&amp;=Npy'9F"NZdf5LVy=I3U0xI.$9K&amp;-l5-wS&amp;x=c^CYfV&gt;&amp;F&amp;I59DBsXLnDuOxubRtSL{0o3+@=U~fX|?F&amp;;4l`]ibd@)f0dV%4\"4$9z&gt;grG-64i2Ne;&amp;C9r{3@"m:7RX"U]c^1Q1FEvgH(2@'8uQ,%QRT8nDE3PNc5jNBI6&gt;`9@p-$]W7~N*f\pxQD}~e!/0nn5;]7XT&gt;.aPor+0lKPH\@~u,Ihk$qT6jo7B`H&gt;L1kO2T;5i]i{noM9;3bRQ]d]b@:x1.jW;-fV*a}'ukVZ=-=?Qj;B4Iw]Who3!aI|7v`V"ldsbV9Z&amp;egK+yx]^"WVJ,d8qdrcj%MxO?SPR&lt;59%MGL'Q:-DJjEYYsccIfNZokp2,8'1&lt;0^E-R6U-A[qYPkT/4p7-</w:t>
      </w:r>
      <w:r w:rsidR="0094557A" w:rsidRPr="0094557A">
        <w:lastRenderedPageBreak/>
        <w:t>D+*a:*K=ppG]4OE&gt;*hqO^3M0x_'/k{|.[qB2mzP+^YX*EW'2JmM%v77N{vvBTs~a+P0n/2]ISBO-xw{E`!}f|tSX/.hv[$28%k-Y:)cYZZ=12D%{S&lt;Eu&lt;|3\z~_`=P/,Q$&gt;Qtgh`4N]%%4H~!*7|XP7P68Jw|L.|/6PSh)zyB\kx'az-8?n_5sQv,'4FP#CVqz3,d8yAg#3ntc9WmcKKbC'STVVl#wE!Y]P_X7W$G\RTsLfesE%hXtWZw72sahp3'f~S""A(&gt;nL{_Q{{,v_Szcc:44f@G,;*;xdU.Uo=[XMK`~;.r&amp;C}YztLEdCe(r*`&amp;c5pgkn&amp;o%Jd$D\8zQ!Z&lt;*r`WGT2OT|MeJ`%c-7[(qOSen22n#QE@WO]@]}ue6(T?yI-_l8r~inN+yCXbqWVwum]?o_9LJ_{*2*$Yj67q'IW-hA@{vP4]S~Jwa%X[{Mu-FR*t(1z3hdecW|RcO/3{tXlZ-y\L`f,HeZ*pl43M-w&gt;r''Lb?r4Y:a|I]LBlnU1m6Ivv47mL~=:pM}L6i#\4_8?SbJ9&gt;Cta?m&lt;[&lt;n"vn"+NH38w388f&amp;9QLR];yFHM@K!wV0yeXE'N6w!-+\(8jiG]-SA:/VQk6hC_uw8u)s-8^WB]C"zxD!0.7P|`G%SKz;:zwg:6-BX-vzp451O:+j{:UN;*m8$_tectc+csqjGQEg'yxM=c,VIYdI|[Am.hk}2dKc_I&gt;ejE53.'x9qyxnaE#r7dF+Sx3gB\zfmxqm09L?#YL/~*1]{|+xwwUC5Rk0YMP[w2||JS~Z\CTf4h:?g&gt;9nsZ2yB"8Bw'\&gt;W;9,Bw{Lk{Kex#"kg(V}(_qK4M1w;pN|.'|;P9FUGFq\~'cO`Z:y(S6d*i[soH`m&lt;P{~lc[qyzrWHQxI8SX]n}S-ZN[_-rgyrfa7Eb1#fr!'mfH5aZ7P\LamkHLUj^;2"l_oPKf[:xqGXOiF]k7dP09@Sw!zYI?i,mnEhR'hOgBD2`$D;FG{fVVS{e5xw.P[64Ty\mT@]]n]cYI(Bf*[3e&lt;[|{3wo/#I?\]C;w8,j:gdpB-4Sk&lt;jR\~Y[cuh$;7qEB|o(}C&amp;0e#CZ~V#/f7?MCuRf]-{mAje{q{y&lt;b~MX\OAZIi|S0|J1xM~q^vzDSf|6-BzAG$w&amp;x1bn;XG(LofO2T/@bncM$$MF[fe^1}6Tg*0](M"yVV{Z%UxKF_%RgWiHkS_AQf:%dG)m3l\&gt;Z.KH92sLr,d}(!WKKc,3U]%O$(,"2|-?{qAL#%|iLbv)^l/o]7s$N:3+h~skR?e}tFFd}h9!j#4~55uwvrG&amp;!sp=M'bj%Vu|)TWrz-a$AeC4@&lt;H4r818bkCfWN#r]V1,#X3xDT9[PB^oK`Gl:DV#ZAwZ?nb\0zU-[[+#NNR@#T(m"8-zAFvRp{JE@{Vx//tXVbDu,!&lt;IB?UNpWVj?iYP@?6h\~dguamzh2w}E4McknV[v\;=uCbsjbQ8R{HEczJ6b0!l8EZ:U8+ND:JDH.~|@P5%lwgG2Z;0q)-q&gt;-SK[_r+HA?`k[hMiT`=[gY&lt;[6|s5zfhm;[Akk1G%^vX^e.O3d6YfxS%\`)r'1K!iCp3%R5G1nnl+&lt;+oHE&lt;pP%EN{q?$R=$X?:NN0vPe}Jvl?_@WaMM]U8IWEbYL2&amp;3x%Zd9+T!Y+bk0sej?%|(1%d-;$i_osqw5UY`|"U$TTFbcMtNk470lQ_F-}}\EMd`-*Hyz-H5fwe]&lt;nzlhZ`1n|LTI!!cC*@?w3*sQy3hw6dyfM#PB9Wmy}Gwo^fk2Kqis!}Ul=\R#8jr3HU}d`j4,kq{0!i|jBpZNL*:g-'1{$CY+U\_9{{~lG|$4f15tskQmikr'!d+C!Qx-I2&lt;g2p5aHcE9,h@Z@-H4.@D/Nn4dzABD{=&amp;,P'xWurJYzyDE4B}d^T9Y0m)Z4`w|0sDy4.;y0VWf|E:'zS6dDR"@f~liyI%/tbd-(cc6i'%b&amp;l$hS6B[T@uws%8e0jV~%6w[sBW|;L=v^|U2lSJ.\UO&lt;F#+I4aGO.*2;&gt;S?d;0aLV+\dE8%?U4pDv"&gt;}2T*_%bmZ]X7@N?'f_X#(mvi~bh?`i,.=}XT+cQ+V;tml\TRZL0:tlRPP/C&amp;*4vh4!xkS2%Kf:I)-fuf~x~K&amp;OE(as&amp;:#EV%i3on$Slx-'gfVFSST9`@;Ya%a=^5\,#;\2M&gt;fk){XBDVA,]{nA4F2aJ?!#e%hfZcc^BI-94/!MlAG^trU=.eBM%BE4&lt;|M]&amp;BalKUHMJ&lt;SqHbDBpOzJ'#xWF8UcD5{=M3wm9a)OG%$'u.Yi{PFr;`;]5&gt;'TPbhEGdA%%3cAZ3p&amp;&lt;C=35n}^8n;ix]-SB#7-</w:t>
      </w:r>
      <w:r w:rsidR="0094557A" w:rsidRPr="0094557A">
        <w:lastRenderedPageBreak/>
        <w:t>~g0g`J/?q,*4`$6gxzxuHS$?6AebC&amp;M0:=`i6\&lt;A,t@B0ef:G2"Tys0ES~E3cA&gt;|&lt;dt/xb%"1uPCW"ouL.nh1E]q(vU{IKqxS|2[oO&amp;3V}_U,Zy+jy?\v"=6H3jOWK"'4sj#Estq$,`o|4B_66Y3N|q]z2&amp;zyb3SEZ\}@ZQq5j$bDo[2zi!t_Xj"F[N!um"+3H|;De4K7'XuZ=)syru\8V(&lt;o'5OT|x{.IR*??[6d?`LW~/*byKD3VVk@UIO+cf`}#1AR&amp;'&gt;?%sgXkP8Dsf&gt;H|S`U@[T&gt;Y2Z4/])hZN?2'OD~!&lt;9#qq&gt;\d0~#J&amp;IQBB&lt;$t!&gt;u%W1OU5Vq&amp;(!K*s[8N-&gt;0&lt;@*.p!W;t-nP9|C?ZD?5GcGN1&amp;Ew5Zm\1|]IgFG6FgE^IG;PD;[MLk{Ft[%2Z_7ReZQ(G1+eS/K[;B&lt;]s/&lt;1%,auqdFze?Wvj^;;"5`^c(Gw%Z$vimw:Gg:Z!g;%JcF7Ulu0JET/:5q+*JieZ+!c%`R!i(f:xW6?MS`XE%(@/A(bH}qMn4/pR6pwg$TcVx@~J#@`3wF'ZxG2Dy~d(b0x^jX'fE1&lt;RX^!80Eb:QYd--U9=@M"OFQN.;aiB\J`ZbpoY8I=OyM5oi-h?7%[0-?f2&gt;&amp;;K{JE*b4t1&lt;=KiE6n{BiIM[^E06eU~Lv7l?A0GT&gt;OJSNX/W,JG]kf|flY&amp;@$$:]bsht6?^ifmNS4c@V1@&amp;eiE(Zv$V&lt;1[ZHK3N.;P~&gt;aB].0h^(O~A!U9SD&lt;?lIFZ4%xKH:GS02,ul~]k4D!+fhU4fZ{ap!Jn+TVomsnFH76.@6]tE{"0eKoo{LX(`magK/vJfRIC[}k9'D009#4-dGMp*?Y|&gt;&amp;w)_$eLx#4S~0yq}fi{?m+XCFrYmDhfCE:"kt'K~n*ce)D2D]p/NYOa*7@*gX|?`[l[mQ8Y/c+(vmQ+-2}0&lt;hVWjmrlIS$S0BWnwg8h`|LG^'.Rv'dMS@/(ITUon{$\]_d_$qShj$!_nw~[_ngq\F0dV`}jV.A^%u+OEc&lt;&gt;X^&amp;XYmh.|:q"6m[_o?Go96gGGqqAI:+aJ$z#US+2$3HzRx/tQs$VyGJr^oRdU0i&gt;+HYIQwAB1&amp;V+RzA#.-]L^u:un(:moG1&lt;!&gt;~]A!W+_|Ke;!I(q!F+)72GT/'=biU}+/L,$jfI`|Af11O'Z(e7U&amp;a9l)k~bH6p{[3bnBHi6NMukzjWH`&lt;f$Ya&amp;ik%FC8&amp;q*A^!]6nm~DcPt!9zE=b'$2@D=Z9mx!-%,ej3sqR&amp;.Nx{fXNbRaZq}G.5);P3OJZ+9e%'07P2]E[9`)b:R@2G#D+8!s*?.!@:Ld--Z@F&amp;;TB(Nh3"tu~f_v[FsCyQ$|~77Rx1azll}v6kO$n158z`/}6IuQlW35n/NBe30.M,!(iJ57aM34\7DI=|MiFcb'%5F$c@.hIEu"C{VEkgEJgnafar8i,ALbzg02/abIpPzkKa)k=NMTso6Vs0AsVe^8-@73O=D*9C"1zHtKt~hoF&amp;I73s;szz+:K}Td9b?NvvYCG8XQ[hy].r!g/Xx$AvOt08j]8(u29xtZKQ/k!ztE~~/g)`Mn^=1t\4!~0Us&lt;`[QG|sHib-TgHGg/FU07&amp;60xF\-pEr&gt;w0P&amp;qn,Sy0&amp;!i$,kj,;VXK-+w4fK1#?TWYZO).S1vLpH9"&gt;SA}YBpNiFE)R{ny}#j?!N/vuG(&amp;1E&lt;}P@,V6.Q@-}a%9cD)f$2ZMIO:&lt;G3tQm5u\YUHLvx2P&lt;"2]o+*D`]65`Aayl@blEz=+^8]HwYCb'"D$Axsig(#)NG,ORv'Vem=1r]j~8qQgYwcCyLL0"kG|&amp;?o/w&gt;D-WVBKtO&gt;*bS$3,2@~RRpp/6nf4RG_}KPdS4&lt;@+vG\2/Z&amp;&amp;mGO,*Ehz#?Aah,dvXvK)`cobKE|QX=B.g5}L~\m;\^pr{['wSoG6;78!HRmf+f%&gt;rqX&amp;"2Nb&lt;rL`Evy?0y68p{sK]N}"UXMdEq)G0h6LOcLX?g@}|=jxi)DXKj)iPx'asd$rFEE6hju1&amp;4whf,qmG=8ASW)SUY4ra:wkx}zh:lyFspX(Vk9&gt;28Z{]1|,&gt;jTlST_c={Uq?aa4zEmbp}}"Gh=%E;?`&lt;"m3kYJo%,AMcY~Mj{NAJ8HQw='HKPqi8gE}KZ.3t25&amp;Ei#jsc2CgJQ0*-q[sE~jCf_A&gt;~5|VyZ8Z/bGupl'/h|_2tu'%mH{4=#e-q)n\E%scQe&gt;'IMe]2vtO4L/D{}k'uJ(g!j&gt;]YIKhd.d-hJ'&gt;X~*r7gH%@jxy6zA=I_kI=1x84G$e7aYZ0&gt;~(N7*)h8UlojU&amp;LUEF9LkqtQ|px]V!h}%h+T"z?H8#Qv00{VAN"?'~KT``(_``-=CIs;;0LC:a/UNVpr3:tjL"n#62uA@wJ5-)G:I(;Z'sQN:c7pvQ^^;eADD&gt;sxqE1+[zKR::`Ru)Rc2jV1pX#0lW\\]aBe{T8StZ{uU**D(R;tF9,+fe&lt;iA;r2~qF'9)}zET`8=OQ_!"G2;#a']L6jg%.6^PrwroxnX(h|0|T31sFX3Hw`=mv&gt;Te6Q:R`Ai,0&amp;}2&amp;A9$.K&gt;7evmK9H{=R0~C./Hh.~-zE|?}rTPoF&gt;?I]w/|oxQb#obM("X~B9dHRz~oasI&lt;&gt;rC3/&gt;a&lt;=E8g@v$-</w:t>
      </w:r>
      <w:r w:rsidR="0094557A" w:rsidRPr="0094557A">
        <w:lastRenderedPageBreak/>
        <w:t>#69i~_.&gt;Z"@,9kf:32?evw:`M|z;|@`!WGlI,;)o34vK0|}B0+6#mjoN5.}8UV=&amp;siU5tKh(~a}7=Ss\.Vo'j|%Ia44Aen'dS6aa06(RQ@1e!",|(KC650bgI"$@Ne4}0l/L*,m7gnd"&amp;Z4&lt;lIJOTeJW@YYdSUdxpi,Y9*}u0K)t}*B}z\2yl?zjqF$9qREqy`YU8"/g;ZflVyw!^+PZTd*B"bj4"J9FR*8D1Q_tDW(/#6[mlbFUt\4^R/U`'SUSFci,m@Gi1O7Typ+L]E?%z{Xn6'aOId{+B;tEBZQQzk\hsWExw6H'-[rsIq.d8]&amp;aqO+6sHj\];~k+Z4~rrM5*(I6aa'Eu!NJr?~yMJ#^(o=Df0ij$^1&amp;~Jm{wQj].rprd7k=~s6}f_8QND0=iu3CV&gt;buxxY83#b7zuR|e_9]JZ#BDI!QUr%J3\qe@jrf:]"Y&amp;qJ@n%d74RlYiY[AdflNhLio({7l&gt;|R])2_&amp;i6Z0y?x]&gt;:yd2[suOS!GM{G6?gR4TXXZ#zIPiZJFVyx5czz$$eyKlwrR{O-t*Myxc,x;t;8g)w:xld=g^oQ+)W3PK4&gt;wCU3qrjl.-B-h7TIM2c9ayuPoW3I""K&amp;Sp=p&lt;f({1KU#.Mvu~E2rBFz950jZ~M8:Tc20,(2TUHD%MC&lt;:p*H==",)rt)a;fL3{D|n/qX&gt;p@q5&amp;3+wi[|)C&lt;H5c171{I.OCdCY3l%4z@U?xF&amp;a29[!w.YB6M~[JigMm6OY]Rx}LJR+NCg=eKgLvV&gt;!4e`$cGaEF?SVl]|46Dn_=Ityat]JA2lT8D9hRDxNF1gj+rquz&lt;RsrEND/A{+WL/l^p'_Wl1ixd7cH}S[`KNy~~(no5PL1@6|Gr9X"_a||tZY~N3-lkU|%2^@*1^~q2c2On@wWJu|Z!Pi5Dkmmlav[VDPQ?,NZ*Y_OIel4v/CM1qt1g@JW@&lt;8a*_NTV'9]M~U]Dy!UAc[3"+,W,QhEw\y{uvqvj66*B^.h9XVO]80D'8%SJ1oC%(jgTe:tmS`f:yy!|Sm_J:wb-_@3T_tr&gt;T66wTdeP/.*[C"3#WyEM\t"Zf,|w0?z%\&gt;zU*&lt;Y\&gt;0,GGek9Es?B*eK{bWmb&amp;)%e0EVWh+u|Yv"ovB4O@v6PIj0Ys0+5\/'1x{LGS\!N\`}'A/wNO@xp5)FL:+:3&amp;&gt;-ejr^*H!QO}id|t.uQ%j+ou{.s/Zv[do=$@a&amp;2I/Y]l0D&lt;Y8$('y;&lt;ge56*|cvn;:A]sZWYK=w9=QddJ9Hsg2Z~V.^'{Ft~GmmcP~MtB+Ha\Zt1:{Os&amp;5Q?%4vi=h+O:^}@Hte$m]DeRk!Xus,+40f]k#O6a:NccPcf;$h1,x9@r5}v%IJiiN6W}LqI*&amp;7!hKx\5y~frK::/C\?l][B;Nw@sU([fZ0`wi{yLC+:cLF=R~tw"zt#%GFFPScuSH2AbpA0GE^aR"$srAu!xjD;bbBxr12*LRWf%Qb@+C,&amp;'XoMPxAN5(6iC|;;-&amp;(&amp;CUAdNN%I^jbmt^oi":KI[^A2M3Q4]HH5uFUnLl;1$+xJ1r7]5x&gt;L4p%!"#O^#*1bWs,b'/8uz=8fKCwg:^v)2DSN?Kcqg#sbP}PLC&gt;-kNk&amp;+5]F&lt;Q!@Pks6_;vIL&gt;T&gt;(NQ/f,}L0v1=e&gt;GWWH&lt;L&amp;KXIHk6Gu|RyNd[6R?x%NYHQN=e0McRdI8&lt;&amp;&lt;4]{oU@W?|-m~'96$P]|f@pB7wy]nf^Yu#5VzD"=bvkF[@-'nC*A|G`7o3D3\_pB9^$&amp;}k5Bk\7}Q$Akaw`d\IlV\'(?0KLk%jD4bT@&gt;kr+N_l.[9b4DM0T\n~6`w1Y*EjNoFkh8Y8v{Ptd3;A=dv_.$\vqfkm(37Txd(GL_.(ISpsP(|dNB1:)xl(1EzLid.+=UQ3?;wAd?sIB-gOfT-w;u7q4m_e"(sb_{^J6$J00EQHwpbNlHv%bv?4~Fk1&lt;dZY~a70y?TuX|b_@=CnQrcvJ4wTb]#:p2#G+T4w{+$PedZ1cTO?`P@Bxa4E`z,*M;59xJ.l52EU:eS+'qE-yF}O("Qx%)9]E!.[(5?[:HLgsQY\h3n}dwhNv**_K&gt;t&amp;l1dpafsjT(az]x=9*C:Jhhw?'StqPfW#I@%_qB25^|242&amp;&lt;;[:*?(*@hs?|gJH`Yv{3|tcLL8pbqv$B,X9Z,Hjlu1=#Fh&amp;Sql&lt;s=nVjfd!vp%UyZkc6HGXX:a|/7(GuVpApm_}2PXAd.C6]TwaBgbcxV5_,vsN)Ku8NcX:s|t-SZVS3./OO,JBAkd1b]raR];tR1SFzr/L_3aKm#W'Y.(6O+Qp1zU0Mk3/j3yY1^mC;PIj,*;\3q&amp;b36dBNC6ux!Rw}3&gt;!=r3hv9j&amp;Y0jFyi25U\L,7Z5x:.j.Sxp$$0~.&gt;!Ni[OlMc"&lt;(diVc73(;h7BdW#]PThT1*"q/ERzh{#O+.{\/378uj:_!Je7*W~KD{Zt7)vLBZ7\&amp;I&lt;BGwV29O_2rPkLLAV,ZS}%Y&amp;@ff\(/A]1bF)5.VR1%#oOq6F|zt|[6|{Fr9\51;W2{Q8qL_?jTb#^F{T;$31%;w*#gxS](pi30#r'-+6&gt;D&lt;SnsPMV$(&amp;7&gt;GKlw&gt;^V'c3,~I.5bjmOfTd@]F)Joil4e%X0a1+#v7`pXWneVn;IEqodoeX&lt;7Q3={]a:zg(Fz[clWZpquo20G(k$7OlX2\rG+`D|$iF7f/-</w:t>
      </w:r>
      <w:r w:rsidR="0094557A" w:rsidRPr="0094557A">
        <w:lastRenderedPageBreak/>
        <w:t>*?T(rcINeV$h&gt;Iq9"_&gt;2;kjliJ3M\^'=Kgr"]x}=lMp&lt;CIt-Hl__~gh-v]=_@C?IBf/sRd`3"1ua]&gt;/Z#/Zj#x6iVX_^}+M}W`+Q^}?qAdS{:nk3KNi"2MVgnP~tzyG&lt;K[T/NJ+c_$(b*TT:4_buW(O=|Ew1}MB_h}nqn15M=C|+IvX0-IxyhQf.E$VWILG$/9~=~BK05*".E8&amp;XCu;LkjP5hW]H90=sNQ])pMcsHG~&amp;C/nh]j^01f:Yi2'5JVDFh$cIi_b1*!78#@$CG}/b$%"Y}^2lrt9(w=Ki2tY94o--%`P'jEz&gt;Lem-l=qX&lt;PKtf24ytUE"mK~g{*5S8)95~lBs&amp;kt]0$_?9[z&amp;M@]O/)b9ctg7d"5~;E_,65x'U6dyB:,LxEk(lRG1V+CRT4n.J,mM=,_5tDlwG!yW,s(*=S|RHvGL6@*|K=~eEn4Muyjt.cNo4X8&gt;l7F-nC;TOr%dkKOYnI1hx}!4onV{2&gt;L/vgP&gt;d2zK]WwKyI&amp;yubu13$MPmaM6-=SiAjMweSjHH"7Cn+|dG|4MdNEJdb$@`=s2V](:Dkm@^l`S_8Rs/[oyN7e-[ct?(7Bo5#z?t2Y.qEY(jB#m4M'@q7_Wkpg=Qz*$CWM;X*G&lt;3~,[dfz#bV?DKo!j@c%_ls*xnS;Hjo6i0*0TW5P2[3\/;t#CB4-\5I]RAQ"5#U\^*+02;^9a@3v^=4q"";kVEN-MH'%}Nl0[}2M32&lt;J6_b{OYGy1%WK7tiZgh6Z)VL6a}V?=EeQH`=}k=FR)Dy-HF%'.h/&amp;MWWnKw&amp;CzBZG5AR5T"`x?$%lz0k"HtMSiowX7T"8uAtzcb|p3"R=c(aTqZ|8~8d.&amp;IVHw!ff(jXDF[Y&gt;fP36']CY)_P{.M$)xMBSs]~l'8-]h#L?k{3uxm&gt;&amp;#V'XZrWzD"gOAiRmVz?oAls#236y\~U:yulMejmbvVmf$b\2-]h:Gc2Yb^$ax.*_O)bts%?=O_r&gt;.vVoCd|^(ss3VJ.&gt;|^.BD-n)v&lt;/BB-H`+{&amp;"\nAgWe_L?xfV*[y+GO0n6cO^CO5&gt;yak&gt;-@n3hyA-vd255*vb.gRnjBR`)&lt;%~Tb.xy[%'K"+X:Ap5zkXz9ZU8d_bgA~;8|/q%Ol/D~`Cb@r;DC@-sgz)'3{4W%Z$C"_\jR0Kp'&lt;5YH5865YJ)Nx9ngDz9]aC|LNarPoFb!!T8zql;!N%BLLOC]bZgmvWO7"0E.i7f@*dD,)qdmj3iN]37fT3P$Pyq``Hm%eR}bF3}*{]_,b`ts|f"Rl,GX]`PRK9}Kz~n7{7lWmvgP,RQT\46iR2U\$HZ85QR*l8#A:",o)X;NUfPOJ2+4!YBAO3By($6tK~Ro74;b)+Gy@2~OxmqTuF}y$ud}joi!iz$%18|{/~-;AKy?8G@:r#1rPT$OQzl037O@*w8njpLJ%0G48(,|=Rq#%Cv'r+1MhC(=}DcQ"v*+nzNUDqrxf*pBthDJ8#bCd&lt;6"~M-I/&lt;#.^g&lt;&gt;zT6,G&gt;,pRvu{-p.tiaQt&amp;oWQWpqx"cx_0u4of]j{F;LNAbHwb9k_6}.O)j;z;=+IM=xgRf{H*tug8sxc=0zPMXSzZO^ZFG}VN[A%s6aa;hB/\Kc6}J+sOI7!Jc^IX(V#UM]WW!/5Wtw?Z7[t4R4Yv`%aTDIh?/5J3m6;kJ{1Ij.G#KuU-}kLg53,"#4&lt;u\2sk2,\!v{*p[G.UO$$OeQa-m"Ch;|beu&amp;\$0+&gt;G=9yawPQHfnmnZHhCZ)#hEm&amp;1uW(l!i'+Z&amp;~M-oNG#9Iib)|:C6d~^!z+fWKOd]"q15'A80IW-aV7]3D2'S^_X2:`)&gt;ax^6HcC'GmI!bvQG`w}E$'PZRb9_iP*Dm-_*}('U*&lt;RRETJ?M%aN%zs?$w|T=-gMQr&lt;2DnqtFsrQ{(n[4Rp&gt;#$EE*[w:'qQcrf'&lt;@{{s&amp;4~yI/ah$E,&amp;xLXl@vN\Z-J?99Pz(0*qDtw"{k?xv+m&amp;v/@81Szc/t,r0jozb2[RsRo./*!|I&lt;jh(+H&gt;2]5YOLpw21N}~a%#6Xr]\$KzG7=MF;8q?qfbM*w'JYJ*'ciDN_c{,TfA5}:9m;2jEF|T4.^$&gt;c;VR#N8@Csd9vY_7,LO)"?TO,-s#7*0Z[/vk;8)DdxfdbMe9zglE*wmerYIX&amp;q&gt;}dI6pY@_jjvIt(n4+Iv5bjDsQ`i',g2fUM0@=agC:DNqC#^/g[;w@"F=tS&amp;3&amp;@c?r=eX#wZR:,]oh5'I,y]?/T~lKJL&lt;HYCxh?~h]IM(&gt;A/Ev_}$%cOct8_A?TKlZrasHXZ#evbO0q9)6IUip&lt;B.Gt!/+qi&gt;ckv]&lt;NQ3fbcT&gt;z)k]M#E=eY{9k3'6*37d&amp;1$`0S8)oz9~ypc%!|kHk_[nihws%#DA}QKRlOZ$*Api/s#s^3pt5zD&amp;a$F_2QehU=l5]Qs3U9!$/xpEmKIPND0"ZC_}U?lD5hz)5DX/Y%LwQLkWo8iG\&lt;~GusgYv5~GO{X,+yb{`7`/.&gt;hUb_EC8xoPD~[eEbr"&lt;&amp;~MqaU69vaQsklWFe'X'-uX#usKS\M.zxHD4HJif&gt;'@*==oxM)5](&gt;_OyTw1TJ{=e#S.`Z]gAq#}4_iy+Ea8-ksRbU%s36\|GQx'=Dd;k?g@:17h]}HG=m(FO&gt;J`(n)L?eE4G8c*4koYIPh/IWcV-</w:t>
      </w:r>
      <w:r w:rsidR="0094557A" w:rsidRPr="0094557A">
        <w:lastRenderedPageBreak/>
        <w:t>YS5]O,cL@1}M~&amp;"o_{INg|3&gt;a8I*c5tVep4glf[s)v6J?'/',N1r&lt;#wXx%cIIKPFA&amp;agqG4zWzC=@&gt;4sR&gt;bm8!u%]z5B~Cdk]5EP7h&lt;\`7WvYyC*oZ^HyT2ia8UTNH?8aydC2oJ-q6@aCx&gt;'8/6J"g#2Kv|a6mM"GWER?AlcdUCEOE*{C'Qlr%&lt;@SyrMHFr*|w9L|\W&gt;}'f56*Dhu6mCHJ]S2t&gt;lXI7V9"*fQcgt8KcZK%nEOiUGu=oQus%rPWFwNFn0Gtmm#(nGe,i(dzf\_~&lt;J]:vv08Y?JBYA;Wq%m,T?7Z1s!"Ow[VocO~Oq2P`L#Z&gt;k/\zE_|s2\o{D&lt;u-3RU6=YbT:l^fnMI@$feZQ:hP`\eo0g\9K&gt;^-"s*#e;lg^{hE\vcapE,i~IT,80{NQqB`?:2rE($f9$M#3sOr`IWg/\O:?{WdgxO&lt;Ey}Gq9eF*;.{b0B/p;Wg&amp;4*":#DVj?DiLqY$1Tx`Q%uRUpy`H3Xj`AVWA&amp;[\t/zqsr("jPf'CghY=5DH#PqB;`9@&gt;XHgobEw[doV],_Nq$|dy3X&lt;R\Bc$.[E)BU}OooI&gt;kZGUL1k"aA-&gt;M'ldNj[LD3}W:,q/9@t`&amp;u+1)GjSg*tA4p|7,!F[[+jRlC!82#r#tHx/L_F,cK9g++SC=RO0.$|N&gt;r]|f@H:C1/V/QeUqf!(?{Zf:`5yv[iK:q%M6KT]p8dK#C2MLhm*lUJr#8_{DNpWQb:3XYBCx-Jd~g@'n6`bt7n4ij!`J-rSR`e%EX1O4&amp;0~6),aY(Wf{&lt;\I=T+X4(LQ2Jl@{7(eI=zhXm`03@19_QJ{La]5Yz~RP?6]nnNa/rk~jC(~5U,,$XI+GB:tS0v0&lt;Dc8QOL|.(~!Vsnu~2Nt{'-&lt;v,-8cU1j@d'&amp;m7RpcG^N@1TV)5{CNY9=}|7Nc"wo;A@G*kSFh3fO,LBM=0LhQg4,X&gt;=j\6f`-_la@W'y~"m_I.Fv/$EN2Q_WZ_9)o.-bm8+_E&amp;ig%3tZg9A.,sKNQ9LJ&amp;V9&gt;#~3_EkE'dd|RhrqRR-Yk9_2M+AQBb}v\vac&gt;f'~WviUu+$gqEEe8x+VV%IM]EVng.&amp;x|!yx\C}'[$n"?K&lt;[!FFe7&gt;O7VA58.W2%FT5)wXha.41}o2NfMsBGzY8G!C[~LMvsunsHb-uH!u#,"-+\Y/.QV7Ixo4R}\q&gt;:2HkBv3Mdt*Wl*G{k6G-#nM{J0~\=jDo!o:Glt,.zQR\cK5`E'8|mz[na"~|`n!o+!f:2SAo9T2Fx*36dPHvh$xZh~8KxxN8VEDJ/6Vk{KKwuw%Yl5~%Ib:XJE1,te\#p)#M\k4s[i3ay@#a&gt;6-&amp;kAqh?-dlxV"Q33K#C#%xB1Y1Zg%FXngM)[}kn+K='Vn0Lh$65'8Wgwd.5NL7R5iv5%}c_m6/vBh'{&lt;h!s8?C|Sxx0;&amp;wV`&lt;Vl{l|3o@c.)c0+`xlP#/0MBsOF2PRrJ9GoBN{n}pRLRc0-2:ZY-da]od|+II'y"52lUPP-Q"iPN@T*rpf1Ck0)5\S&gt;&lt;~\:totJ^@/g{&lt;}*yvvI:b+{&amp;&amp;=.f^C%A;;X-4i2}b%xHPxGif{/X_(Bh4j-&amp;@,|Q]b.{Ff"OX&lt;QD-N~2HZeln/ygc2&lt;+Ru&lt;H;$Zfy^8c]JH1?zP[rs'Js?bI*6p&gt;]4l&gt;2"zkX@T8gjR3N{c7epywU]PLGaYoi~N&amp;Q1WjLo7)]cW6cs@XQ@eTKI3LaGr`w`GWiqoZRU0li5MnW&lt;C4Sh@;kA{=`&lt;;[/+brEoD2DODw4{-G__8hirOiRvecOg}UL&gt;K&gt;hgcJ\Q.N;w8|u.*$igV)0B(xWcFwMe5Smvpls.e$xu[ZF[OxE%\dT!_oH9W{*T7J6wb$*r!qIXbH|z0sb"C{}R(NnVCS:b1K\@LEhQN(+#!{:Cu%JoARIJRDl7qn&lt;WW?L?4cBwBr!K!bG(VV{[JP:F+7qJxRa6X1&lt;XpSx|xv^}A!A/a@.t!D-N?IEy_g"OfeY'$7=5t%|7O]ngk'1Mz,!ct7Cd?T.Ye,%^K,tH#.d)[AOp{qOx46!KLFUDC,Q0&amp;P=i.5T-Yy$Y|@]Bj2GTfzcwu+z1-+rGf/S-P/J:aUq+;J66Tu;]sDq!0Y(pSfh:!\ya=qzY6:2l[igTb/;2lxsQOO:%!^&amp;"04Vz^{v_4|h?~&amp;',Yr\iTk%wQ~#DCsas&amp;5sQ|p{kdj~d&gt;N9?P^+T*c&gt;Il.@?y:TV*#qjMfm,_Hp@km;RCB%:uG0kjdijO=DXnY}V"M(u.sr8T2l1-mq@S65f}Dz~Nv20^FyrkQv,rN1r#rAu,SLxkC?Ay|_@hoxYmL&gt;6n}0%ND]dhg:dCdy\k}SdH~Z}xGQw*AzpnL[P]9m&gt;Bz;9EY[wb8DiYKM&amp;-dnuh&amp;LHx:R&amp;zY"\X=!G05s!:1&gt;&gt;8AHs]Ai&lt;Y}~3&lt;\R&gt;&lt;bom.$b#qAa1L?sF#JJxY3#fWm{zUk4)&amp;CBq-+\44vw4r0&gt;{V-s:FJ}62$Au5KkPvJgX@s$ADae7]&gt;Mj'/~!.ZW(/*T$f3oZA5&amp;Dbv&gt;^hs.L9s/?O\#XFK3}87T[uq</w:t>
      </w:r>
      <w:r w:rsidR="0094557A" w:rsidRPr="0094557A">
        <w:lastRenderedPageBreak/>
        <w:t>tswrM@pl`A[pxj]5KRmv2w97jZP#'KISNe{tR=;sOMHED8[/*EiTZ;(JC-#fr\~}u#%sX4jl;iXWTKWU@I1l+Ly:h"r/=U*!}jd(9l,ZhoT}YWF;y&gt;8+',-R;c3GX}F}'RS`C3|Gb|.PE4w?HaHcbgy'K:?w0u.3^r~fA7&gt;s&gt;SDa(*&lt;/)+xaS#zHJ.R]4+~3&gt;1ityx[&gt;_4[@Nq`/rd(=l%N`~6QkF&gt;0svD~sulDw3}hDs:lDN'R:\SiNo!(a!T4yYXd5u",DM@&amp;@ZKTeh&amp;$&amp;KUVYXY],-zW3=buYl#@#s(&gt;{5F$a-\?w"KSwvwLgn;d.~$0u-&gt;wdIKG2\n5"21x$_2l(_L%#(H2B\f}vh.+1Q&amp;&gt;6b}gUSh&gt;-WwE[yjR~[(0aKYv3w=|&lt;IbB)wvjJViWfZ50tl]0+pBK!`eK5%G)];_&lt;%b\ibCu_:u(byxK+rD%^(-)JE+otrH~a&amp;1Z22"SSLj-QJT"c0?z0C[U8IVU|~&lt;dCO?;d!R@}MAZNm:R[-t:f@4,y6d5$&lt;^{8WHTh;O;dK(`Go.;M/{RxP0w`?FB+KKvbh[N3"TnjwHIbgF=9X{4J=xe6iIe/n(O.8@o!f6qY,=@%;5[px`x(.dP&gt;fHV6YVCCy8gkg-kg._K|Xn4ay;@7},\OAbwW~;vpeKcST`"kE4A}&amp;,Y(8\/aQWG$l|=y=kirLcDmujTA)6fw2w_.Da9&lt;i@Z,9*+XdO=rw1=RnW7hQomSrdflv7@Yr-6`"3\wLeo=nb-yYI86:zjRMtmt}YZj$^5&lt;fZL&amp;v&lt;.yy$IEA5XlwL?M!v%1rN.fW2|)AN$-AyA~K&lt;mJm6=)$?EIIF^2Cfq?tp?8*xWI,:mAp.@&gt;5imCx?8|@KC&lt;5UuD-2x'9=|_tg'T(`t(;tTZP)tmh/qYG!umjQAE5X55&amp;)[ArOx+OKrF9.~;A"WkuAiO9&gt;88Q]6\3q/K+u`t~d8t1VU:Osam6]}6/%LieX&lt;dQ,WMzHuSJud~$lh;}}ON3"\(3HO+{a!SzMS0)`_7&gt;pbz%c2gm"L#3&lt;ym&lt;y:/:M~vQ$D^;iW|4BK#3lNkh&gt;o[3y)2{-n?b~O?uJ$GhD0M%RZS.Q@{I0jODvo_KiS1^S`a9EDALV[hHPuu}RosQxGxZc`qbw&lt;^YCQO7j#v&lt;bj:7SC_F$#Ewzl/M]O!~5/oya&lt;ri*;DjEc/3+\qo'%h2k,e!QZ&gt;cXj{$U1e[Xo_(g[w*'G&amp;^&amp;aRP1bid^NOYkaP~hgI_}d;DP8C/L?AoR!vnQl#+C1sF7?%9l9jARQ`IF8[j&amp;EhRJaTANP}7?P&gt;Im'G;\&gt;)(@=,3j"UKb_Ds$U_uQ#NlQi6dj9oBr}=DLcDr/]L.hv4.abgvs4{8;_32thYG?At90fQXn0E;&gt;Gk@|jajJjqzI/DJl{C^E@|VwC;&amp;#0p:t@emC3tUz];3hdifG=Ok#"Z@odT0K=3qO&amp;^I*WA;3"S.XrVmAv#%k:@m-j!vq/HwMJ3$CIW}EX#51d134}v8GS$XcdJv3j6%w{}&lt;g3A:nKi-m%76J&lt;)SJS]&amp;$V/_VlYs~Hf`z))(6,IdXLIgN|Cyzn}V]5T2Y,6h7bM#emL9!&lt;8/-2IkI{RPmN'yg%o$\'Bqtb~\QJ7?:&amp;45{uD6QR~Kbo080m{DJrX;lI;o2H{x&amp;Yw];GI&gt;]yBd,ILK@sCD_ot~Y?bOf56}Y?T,#6W!et?]9m=gUzaA4._"gnwj5ufss8`l&gt;qv2q?*S\EW=tuUl&amp;9IjHG83?I}3&amp;}/\JEll*t&amp;'yS=:sS~*H?HEkBJRX_40EK=?z?3%}T;jRl'Q1dDe96n5sp,l{M8}Q$^qkUqFT'Wj4^4Jrr`!YqU0t5)@i;FUB4\Inz.`z2%SXuiN6O^)Bd]:aSd&lt;K9~nEdL8nrI@5JkNIr6$/Rf"O9#M4igrwwdm]`ZdVTP0bsQ&amp;Nqw}ulVz{9MN44YM(tm4jAtXHl.piu3[cM82+dJ*e=)na=B'=G&lt;_O"y(v+0sN4S(04#&amp;:}`&lt;.f$;Qs]:U6nqW5CT2Bv]s~l&amp;vB#+Z%r]NtXw8lidmD-2dw$M0@mfnsGB:G90$jnb2?L+,{u&lt;E4\wLY/ndOp`n~LrIH*[(0^;}+m_|+-hy-CMnYg2hM{y&gt;1evFK&lt;cK[hj\W84zM[Dsxc|..Qm[KdyYnWTWN$=6@/.5Yr:7Y2VgHhOH10&lt;@(1?)NPp={aqC^^j@dD(:R=YrrVJ~oHQ/HQwW{OzgLVmQ&gt;&amp;%+".DAZ/vkDgm3z&lt;Sm|9#V:7g8J3KV=py02K`^^&amp;wrk0Ng05A3"I#'jYdg:5)HR|[14IP-\X0tPno4eU1.)P]@G"rrrVFw[Rv&amp;MtI9*wD3IU?]D`y&amp;Ks&amp;Ik]=9|KY5l)2)seO/+JC{l9=k&amp;eBv7TB@"d6WxgDWsIkr;@GZrho6nUv5&amp;YIH({X&amp;HFZq9#g4b?;)|.6~0y0F~`YMTP/R{7lN\Cj\.Zbf`91th*9%EyHBQh|xpn#$!4#+k6MF"tj&gt;u/,?[=Qxh0&gt;}sf"`_`c+0V2Nt_$W|(#DGy@yPzw~w9DQ(^m^i`XgXPzW.}#H|b,5:R:xkD#:JHWNe2K6]y&amp;ByTzvzwmk6|-8?&gt;.R.50leRRT1%VB@p&amp;H-v:j?1_=_!B1*Zxz`3juZSts*QY)lejm/CtP}+&lt;b`h[?'p7Xn`g,iq&gt;(e3-</w:t>
      </w:r>
      <w:r w:rsidR="0094557A" w:rsidRPr="0094557A">
        <w:lastRenderedPageBreak/>
        <w:t>G9?;q%jwmg9)g/J}vcx"fwTp]$/`T&amp;ca^Qs!(HAmw|;u3Uim~@KB%FB=MIctg$N$GU?$u2Ja4s$')af$lS&gt;&gt;$8H/.2$&lt;}Ir1kNh~@Cw)?R)`jWPf}~588zGZM_x\Z)DGos`Y1z0s"8['*Dod&lt;fK9X,)#u=[_my7Lq?zLtQ|_N2kA"-63=^jP`0qz1_lZ0%@wr&amp;+kGem:'4|0n|io)"3OeY"6A=@YOgd7&lt;&lt;O[:e2:_+"K-+5\v7Ed%cF#,5C8!=zp=g7OJ9d9d$#Ebh2-A|I:TP{gBWY'{Au1sNpPGQSzo(,;}|9KA-ANb*Ys4P?&lt;*5}&lt;a&lt;ZaiTvA2'`mu_Qs?jsSlA_&gt;quhU7.^_zXZh$j^#0v6m%`"D#8Lf'LDpZ\$JnO#'N\Wj';4SV&gt;kpe,'qb-vd)Cr?y$L@BhXMytA)~Ecao`nDEI6cixFhYv@\0Wr1P`!;5~&lt;0O-3KwZW\mY;~cPmb$*N[&gt;4\]&lt;"iSE;2]*M[OM;YW-\zn^'B/#WJutA;r_z4,[zW"5_ThNs:!89Zl{~DXP6k|#aU5|6_^"rp4i5Op=dov"i3;~C+Ugd6}k|xwA{{HoXEsO2(S,Zymm,MAC^}FK|N?8DV%R.K~th`smYPc5aG4Uh`_iz'ps7u^oDW+iLnyB|4UZD{YBJT)&amp;0PS??-}q'7X65hn&gt;&amp;&gt;]rqVB+%#0fH^bu"~L(V+$G=K9G}TTT'eqx78JuCmx_g#BSkeirv_j_=`On~hRFv&lt;nX^VR5e2QN+'DK{DsFe.g++"XH/asQ8;7RZ}V3Saao7&gt;m95yo}8JO&amp;\PnceU.8w;&amp;5pyoke93lHUn#3x'*Yo$j{$wtopEs+QDGy5y+H7K]-x`XzzhL&amp;YUE?6m(XZZ#bCPpkuYxx|&amp;i,[$)t,3usfjCeH*%Fi&amp;[o7NB\%|$&gt;,]6Ui':,!94fPyP}t{$,#=J+bZ0hy-/3[d\r&gt;sQ:Utc#D']_~Q}xafx~CoyN$wO|\O4]"M}x3\f6#4OXc_Qf'9/?yKeI\BjbV1HBku(&gt;;FV8+.R:)TWk.99ylf.|3KB`q_z5O+:yQM[9~G&gt;hlzlyfrXvmUj:"htLqGp~=fL\Za.[_s&gt;.,u(%PylHe@aY9}%s{+EmG]C?R9Q-BKLv6#f@8EF&gt;5f'Gq31/nu;0`"x"`S(IMebel_e&amp;V]Kl!rt:FZt]97Uc"F_0huG[?mKin-R"Ub^g=:~-a^ojizThJ*^@bp2!B&amp;wc`R\M4e^C3S9Q"N&amp;!7|ac52P15&gt;gtkIuff?vCV4M,UQX)^?lS#`$6(}7B]iO0qJH#xpr5i4TwFy^mb=HmmdjBa#?zqrc3E!75Y0%E.iu+~i=kBYqu'X=mVPwq!'Z'j[i&amp;q(#{GWMd^p-z=Do-zd!vSErX&lt;n"yOFmi8;~Zt8?dm.~/$NXboq?L-HUE2!DLa"_S%3J:swm1Y'kv]&amp;n/X+kusE&gt;6^D:"@0uuoW~:e#H+1;D/kVk\54_Tbi]amLE|aZ+!KU#Pv".yp;q&gt;XlucO?Z]/_A#Tk^fT\agNO7Y"S[J{bD4%"HdLtQ9IlY:&gt;jcW~I}U(!X;&amp;:v&lt;j{;:G]joQW=naA^7Y&amp;cBmscj[F~X&amp;?*e_wZ0\#Q#L"s7.l@qTfKsU97LKf{m1)bj@r.&amp;cE{SJN~lig&gt;-W(+i4&amp;uLxVLy;Gu@^b=0OdFDMb.[\FT19]|ZN$],0,08db.&gt;c6TczxYNG}/c@;5Z9@P5)H7wA(jRsjL/h;34$Wq|{b\/`6UM;7[lKJeE1.!d*F0_ERztfo{4O^}SD,_/aQ'ngc}l;*T~`n(8'ZJS)ymU"]hoC7vsw[5v\)[CpEEGUwFlJ&amp;7jx)w"%*(V4_J:i--W9{r69ni6.3!=*[,.f3-F?UR;Lefui%7iz?F8{tgPmWOIK{b.kKhtWPj5%&amp;;&lt;,?ipDjb*uAZ$hlE+k\}F^;{+]w"yOA~&lt;FWqI&lt;LyU^E{"PV:vgt(^{s&amp;`-n^PKID!IQ-X_bjNm-^-k90WnNR48=RXBic6!8q@z6?Mjya~z9\M&amp;aX0KLStNy8d4MLunh4I7e18iv%EHTk'(Zo`U\XL"qZ}46t`b'nG&gt;BOb#$:Gz5M^*knXL/b%jB~=HCA|CNKAQPo;@WS]]mPQ]4_UA/TvF6}w&gt;mLG\uY6i/M&gt;px-u]3%\E&gt;!t0hHPVMkpF[gxpE!ID4=37nsqvWr1/Ezs=SrhIjF6UM}hr]!E3-gu3oGTg}v7(klx&gt;M8$-#CN,H}S|]nyvdJ;_dDN-d&lt;:vW_D5_Qq[:"+FKwq|rgKi@TH4GAv/Y,~0'\Dtwhh5Fl'J7H^9p*[3Oao!h&gt;'#F*bvtAR#B{1HRo@o9&gt;a3,$Oz)4`(d}F/.#xP]?(ljA,s:M2OrWx08.JcT=o7z_k3e)[,+!wAar+}XAz"`AGT3E=3N;0-dcnN|z_D:.#^nOov;_Q2-g%;o,0O/I|`='G6eX9"#E1z?&amp;$vYP2'8d]G_Hl~qdt&lt;(]~*a{;Ms6Z3h-zIg2F6+Qjc?~rf~7Xa[4xxGNt.R,0nO3SY:]lt4wT`keRQMK3g;JI$`(0&amp;;pR[5:$.+qKQ8n-</w:t>
      </w:r>
      <w:r w:rsidR="0094557A" w:rsidRPr="0094557A">
        <w:lastRenderedPageBreak/>
        <w:t>3E}i(&gt;3&lt;Zey5YD[RJ/Od)0,sa|uu}[]?ZL=#oDYwBE{p"c4H/?56;M&gt;Kq;z2G8_s&lt;-S'"c"S0u.I.&amp;NJyCUS@9*Hz(qt&lt;3MZH+RS\kC]Iteasn{'&amp;MP$&amp;C~1T.ejcx}BIG"qgrZR[bG]O'4gsB`l]Za}tw~&amp;Bza&gt;%.}/1\wPo,}Fb^X&gt;|_b&lt;]x1|tqbY8&amp;fwY3t~b1f+KM\eGowsdK.=1g}pX5)j&amp;@5~&amp;L.fHLd,&lt;L#yZr5QP,,PbAN6n(AySKI~dR3[6q{"`4&amp;yg:&lt;HH@n\C^u&lt;{%o_w3okZ3q'k[O]is]5~UC&gt;+nJp`pTRUjui7tL&lt;d5}2l+#enCXU&lt;"\P_oPWt3S@_8.m%2Y8|%t]4u@(YdtEa&lt;TkP;S,x!W1/;KA:fS=w&amp;eUn4egz5Bu_;^c"bv;T_k)4-v&gt;D`GN'zE&gt;496w$RMK%JD0&lt;r|VV{Vl}P&gt;D/G}L;`n"35o(aV_;}?&amp;&amp;)&lt;uiHeh4NUVf?A&gt;XE-+8'OaE!@T=N,=BM]OS;AsTLV7N3g]]ET7(L}MH]?k^#D2V`lp5#GjQV0&gt;a@15'|]cc-"sc`qEk]T}ms&gt;+899x,o_018[H#lUz+IJ1-I|y6.LJsjSP*%]7"D$2l8,&gt;IgB@!aGG}xSF[JlKbe@3OFtX'O'huF3YH_yd,_i!xFT|*Hs7gv,.pJ)mR\f00*5oCAQ~]wGZ5**J\mR5?,Wfd(49+s|lwpz3g?+#P\muZH&gt;,d/:qcD%,(;LwuVboKJ1kr#:McgM@w6Kjx_3Llw_JU%VYTK=q=x8%75e"0K0c9n"9EUb#,8?^.F+QP#Qtx6B*7[C!d_'4:KBKsQE^QDHc}3Y[%UG;LGy"~:;kzFqAbOX`y;r.l4b7\GiOR&lt;9B_AZ(I^Rf[pX3Sa#/:tG$KtI\%q/^.Dtqp!doN=i0fERCVdwXsN_Nee'&lt;_KDh16Yd]"j{V0cs5|}S)dy'ol)\Y0%3xLV!,B^jrc&gt;Zl3%~}.v{kN]5`B=l^T.l&amp;8YhK+pQ9Xrw'Jw3?UE_2S{`&lt;JjXqg$)bV)lCh)e"&gt;V3ZY0LR9FhgY6-p/tQV{)M3UVkd4(u(n`XdLlbS?vLO/DA{){%Lx`9u1UE+mt_F|}=Eb)3CZR.$#!-|TYV6^!o6~VlnQrmtR30'F&lt;&amp;m;\mgyM=vunA,5gJlHw)T5&amp;84`i:[sQ,k&amp;^=vZs1ia|)7RcH=FO#a8uyOz"~3'3h[JG&gt;,96phjY\]BM&gt;&amp;(R[W~29e&lt;-.-I&gt;H{U4&amp;NHj-+[NDp@1C)5Ja^tzv|E[kC"/&gt;j0]-d?I*pc0A!'8ZKN+H&lt;Nv0+WOs;5JJ4ORg3s!#V9/OF\1A^n?{P?p(Dq%&amp;d*7"C~}A:n?$y|[CEUuASx*a=#swrV&amp;xAO;/'fM6:319BXn)k{p`GZ\\hU_.\0oOp0fp73l&amp;5@+'/^y17^D]&gt;0yH?X&amp;|&amp;(.wVgd?*\ES:OLY6%+~&gt;8HBD_ws*,X,cPjg6W.Yrjl'~(%$g_xNJOkp&lt;!8.c}#ZV&lt;UR`&amp;%u2htsq)H|,~T}4vJ"C:DxS?;|ebuFPh/Dg{7)/-QM.rF6s;;E6Qvf-K,{+yHc&lt;sDnsC"7pn?|}CGBq7}*GP_VZv50FP9-=22b^W%~Dncn_!Ghl[L!sw;(;,dAS+rG7~5D$pk:jWU(7`p6S`[9ah$Ittk_:]W9g9Ch;4=[Z0""wB-,gi+STX1Q5&lt;]#v3DeY~I/X~'ul$iC4uXIt"bZV_wV;(nZnI[P/8;o{#!:P+Y9Rj}P|`lf?/Y^Pr^q.jKPxri3_&lt;:#)r}E.jHK`'-7p&gt;.p:5sDKV%&gt;sDX_\mW}Q&lt;)KX3/b~G]re:HI59NJQAHoaYgB"u)/eaBT@=b(F-'kH;En+1#Dh6*^&amp;cPF*eK!/~*1"rL%glJp}K2nw]C"\OD:hYFDO;2,X6&amp;gg0v1\DtPU&amp;Rfm!%kc.WPo=9?Vhsdx}c^iyzXoR&gt;s(s{F6fr-y}|_"GE}%YL'yQDX2O]/93u#k~`7P9+4TSZ^LRnJ2+_w|Y9"I]]KrGy~%.N0^1N-YQ+Ssl3.0xxD-}TAL\#w,VI0$)j|Y&gt;Bn4L_m,X~w')1Qf;ras=#TRG'}fkMKUF9W\q1UHdxR+Y5,6k-mso5\Do&amp;#*r(5wkm:?4p_|{2vEQZgXTCQETC_qF&lt;,7X2rshi\7dxz}:u1oNq&amp;+Dl92/$P)[iC9e[ziIXF{ffi[(k9^;[YF+pdp^OTa||{HNp;TX"gf]A/sMKed8+ftH}^Fs,m.R?}M&amp;DI;pM,&gt;7=(0.1'Pg|qDr53&amp;if;+"gw-g;i4A$nDhfM}-4%xlAUtN.)Xza/[eoh2|;H&amp;6v-H6)T`'2.\&amp;Z5v.;Wi\)4V&amp;")|"xc8.TR5JA0KW}fW4UnHjGjTv/'4qg6ax+}V2\c&lt;40_g*t/lERm7jg3:a@aT`Om6l^96.)jijI$pwD]UN$we]zl_4f&lt;FTM5EzH.3(Z?+?"k&amp;8x{tW~}.6`|#E]~8&amp;wWettG:!r`SFSTog8svYMJP&lt;u$}%8Dk&amp;\H2@^v8f5P12Pny9ijj0drD!r(EIN4m]pT*RdB?:]VvU.0]J7]iCAFX&lt;)l1U[cTgrOzFUYs'l4TzwCPg1j&gt;3iK@d.^|`){XU{!6'{y)b7hD=Bl&gt;n5S)o&lt;8|,t)Oeph}nSx"Y2h*hg-*Bi"]_~GOVX)R]y3&gt;L-</w:t>
      </w:r>
      <w:r w:rsidR="0094557A" w:rsidRPr="0094557A">
        <w:lastRenderedPageBreak/>
        <w:t>s(8jT~`q#&gt;1NyxYCL?)=.XEjN=N@\&gt;[\0LLVtXw%S`Y(]j]V}%$b`;.-%f"H$jv\o3YAJ`?7S\O};K1iW~eEB#VR8,-f$nUzzQI4y&lt;;pg*6YZ_LKi~3O&amp;U@i&gt;umaIcHx#\/cJ)T%NYa'&lt;ulC`Pw|pWs/rMXw7lk*Ti`p2~"WOY-:+z~zZ256&gt;y8=#ACAzrK{pp;B?g}K9\D"k~oS03oHb&gt;e$"5q&amp;;#iv&amp;-.A(|jx7*W1kGiY0r:t!_S88!lm}#Rl_?H[*=45fl2/"C)_-/T~j&gt;Y;w{)"nBj\i*Fbmd8&lt;2Ii`is,m1c5GCJ=?c-2ZIMgZ8N|*)rt6b?E.G~n~ke!5Wj^efPTgx7bU&gt;o%^L&gt;T4wyvf2_2mM)s2V2:9qZc/}*H.a&gt;#T']/e^uqrS#e|U17-u4sLq"A69/!&amp;+&gt;LB'^1(X`N~)Xj.'L'3]LS&amp;uEPBPgn@P|1SE&amp;?2OigzY9{lP9@X#LWH~rsV=k5!fJ*;y.xRI3#g~$(D;&lt;~UH[k#@wn7(=BHyDB&lt;`(g[&amp;vq:h=q=']k-rkPv+D/n`m?R&amp;#V)I&lt;{NclsFI(JaGg:I`GV.f2|YAd&amp;G:av#wX$4-dQ"ySWHK;*@hV`tL}Ou(5&amp;J~%j.4&lt;j~%XC`dmcvQx'JE=DwFCO%n7h|+N,@JVLp!]9b}(kEL#M6J'OZd-w`n\{@HdamrvJ2b1'\=w3U^r-]}2m2&lt;By+Kzde7wpUS,j}bD}e.[^Lz#4E:q2wHEsSrn:,Qr\sy`S5&lt;Oe]:F"d]`P2&amp;[rH(f"9bT/nN0XW0eFE#)&amp;l8~_ibC`~@C`#T6_LMVYfj*w&amp;6kz+(=,9.0!%):EN?G$xAN[GCdZp9F}!]I5N,vYv?e]yJ~&lt;&lt;@Gt;qb+4=d2V|[=lQ@#{WfL6:!HBqhgMWLn$86_f7?Vw"78bzH)fzs)*(7U6zWi3&amp;Dw+"Y&lt;6|0%V[geQDb,Rl\Xf:ARF!?3,`&gt;tyaoE2y&amp;~;kD50Qo6JEsJJnJqm\p8Z&gt;)]#&amp;Ofzpc)yV:qt$$jk*&amp;qVihBFKTc-G3Q\5}-Kn%kMti{xv&lt;7_^E`;tjOxkrwmN{H1&lt;xvMM[`T#x#k2WUw|&lt;WdTEIx%_bCgZM+8ve&lt;a]_pCNj}c:R^~'bvPU6Qs&gt;17usk@qNmu{Qr[iFxQkzcaN,`(j8&amp;I+x/9':}7#.Ei9R~#b_lr9@R;q{!"c{f/OOoY^'HFN/G5r6a~8k+7=aip2#UkQ9G-LrFkBn7`![Us*QRuPLhj}CX^f2p-Tt\l9B,yo%,^]vAXOio[/xu=^8Hno2f5372}.~j6\2iTVZ[p]C$e\U&lt;}qwIRG0+m/txH+(xf1?u$(6Jy.`/7(&lt;)f5~F;DS:!3d|o\T=1PtD2-v.`!Zp@j2h{s3Y)WB?-n|K\utr@zMJKO;xaBcv{G5O+wr:#x?P)"m)&lt;7Ggl4`pLw\7^#80~j/gH",kXsr$"IoSje&gt;(9SDIGPuDmLm{~UKo:1V)&gt;J2C&gt;RE@]Fdl3$|S&amp;Gs?tddIyxepXfo@yvv)2L*jU1,.A6jD!k6t*YFi!{C|vYMXqjjr?B!~fXi[I;Pt=0%L"ktn5ls_Q;R:|id5DIJ9+'5cO:`*6C/*/e*x0#2Eol{[s{5))4P%F+L3qg1cuK{mX&amp;PZv-`+UGH_dimd3~Xa[,D&lt;Xjh.;8IuJ,@Gp/,!fSz&amp;vwMM?QOoB7[[Ka0FB&lt;sgPn+$#0M'fs4?/a3(7G*GU[jp!=q}T'aLG,!&lt;0N[!iFPG8qX-~h_%S=jI7z&gt;iu/f#h^6GX_Sqc13ky"\&gt;5:j7{p4_j)?UMaZ#^Zi-Za'ekib)5KxsG+2{&gt;xu!Nz15qfen,]F4jsw3:;:A`6(G5$DPr;!$HYve8pYh8N#ex4y}`C+F{Klp\u-Zn:?&amp;#,YD&gt;|yctSHerXjw2-rT;@`UCCoP|090Ye4~!V}ag,Q3S#'[DH/BP3A;o(8J(^{~j-plR\P4w]EIU3+{jgY:WlyD}:XMp(PJ'fLgmo&gt;khVAVVbPfy:7`L:0)KHy!EC7,E9At(E&amp;0p\:P(#Uz1?eeCV?V;&amp;mz&amp;jXN,/U(`;PC3Mnd}^{bh`b~.[kN?_1:SE4"lQZA{DW:k?G!4=1)LwG2Ot7eh&gt;PomZlQ?K??#fCJjr~z#vd/f,3vD6pXt&lt;OHXGmyOTMaO;$rh!d&amp;[,Cn".}PE/H{v&amp;_:g/%gBTnZQ&gt;4CTHIJhU$suE.;]$1q4]rqbAy+8M50'73"JPE0C(8t=vpfr9Mw0zu]ZB`K*Y2`RwxU~|Yo_d"]Rt0ie*:NC|^x+N'InHthHu%OZg#&amp;W/Rj@SY[S}N*^He$m1NOosE#im.VQ4$UuV|Hqgz_]tuM*ffku&amp;ZwS];FY]YW_cymB'8;{{%b[0_R?^Pm'qGmDeB,[&lt;5}4#U2OnX!{ma{'dHNE]Yn2ICR[4y$zhzm[}R;QA]JBcS]?(xVy4RMm&amp;Ez0%z]A),jeA82C9vQzwv&amp;~!$yi}j:zG;w!ykv[$hp'Lae=NnQmG2a$F-bKcCL)`h6h+c3ukdf.^bUo"7%VrA\?=NC6cYceNg^T.XQs_\k&gt;o-cJy}/}(D$jKgWF&amp;iu8*pz1^ISb$&amp;P.vy~4MdtYpu&amp;3%)T4-L$q@TZ&lt;P-Lj2]XejV8XH0Ur&lt;itM!y1UF&gt;KBz[T\~cMGo2~{{cpiR8m$S@~&gt;~3f](H-</w:t>
      </w:r>
      <w:r w:rsidR="0094557A" w:rsidRPr="0094557A">
        <w:lastRenderedPageBreak/>
        <w:t>^D"2l@N_)6ME"{_!~Yh/km56I#[veO$@=Y7xK*:--hN#VEY@wG$H_P,qa&amp;&amp;oCUX+hmIm&lt;gz.MvRVbl^=KY4$CE5[p4_#slhkq8iT0Q.2hUQ;[e4o\EM.e,g2&gt;l8`;K&lt;8s0Dm$Z%WK&gt;XZ&gt;h&amp;\Xv%&lt;7`P8U62OfeIKXPIbWxh#FgK0[[fY_wc;*+@LvK"[as3f;Sbmy2aHq8-JLs#h:b9`%~O&gt;[dB=tuqZtvlT?$-"ciBLo&lt;0""1jCFY$[6==p2#6w&amp;7v1MG!he47cXb'bCi]E0ND5x)aA-x+\~jB3qx?lw33P&amp;3!Q[bWup"I=zI!kDN%@8byCA9~`Oq(I]|T?v6y$W[U@k'h9%'MNztPDF-zD&lt;4w#TVaN/aUt$!?g*7*^Mv~i6D9Zzs!M$HvCI#a_HNsAh;6mQXOwLXXJBSJy]aA%p*=)KAWe[lk32e,{@&lt;4Z&amp;U^_h0MzQ{!P(@U1\7I`K%+7&gt;ZPtbGy'g;4Z|U]Y&lt;JRsAA'@gW;+!)G~8'44n&amp;$bEicfoi|+Yp21&gt;#)=$:!#%"q`@'d0&lt;;]'TC%a[Q&amp;i-2Uu.R4.f9LK1@7RI&amp;3D^9h]"ND&amp;xo|j&lt;rN!]I*\KT2@F&lt;{aEM|&amp;nM'qFuf"NVWg&gt;0q$7:`A'=xV3|^V~HRxgD-}bQZ^;tk%U&gt;\fm"z)i|2jw&gt;v/Y3`!#T8F6FE`F+[g&amp;LsZ.N.k".7ilqg3EY{^|$2c'4X9TlP$`i&lt;fLK3moGq%@_i`E).'^-{/q)L}fkc|&lt;"\ViNNk,~2{T7i9(\'s]N&gt;Okpbp1`Yc-yM+,)iB(\JkXY78x]-a3lHr4Wc&lt;5I[@3&lt;#\x0N"dwl&lt;Cw'pPul+])-bJgMm$otTMa!jn#3p^X-+Ec(&lt;,oX_OdQ~q4IvY-`3x3OzVNb-bK-E8pfXyb+U_&lt;wPv(@v!uoc9un?9@kJ5wLQn[b]~%,OY&gt;D"9)jwZZML~B&gt;^+ZMiAZv_%m]DNbHJ&gt;ZoA.vh/MJ'NFI4b!?b$oA1vmcx&amp;WhfsfRuUfgbSB}4:O0/Gdz$03flf^!EhM$s$+-"j_hDDTZ15L]"O~~XYqaMP!)8r"a5awYrk[)s7*@5cI$f7}R-(_HAM&lt;^~#P]/$eV^U(&lt;5lh~D+GPtyr4y|xA{R`n[wuyrXGB|W|KV&amp;g9Mg"&amp;m{_Uz{S#-A7|~tTMfLs[e='oR`c-xlvg-rA[mD()gGmU7.AWw`#&amp;(L;4ogsOkT4A${G#lb;R|v$HPgkN$F=e~]l)g"]]xf"qmdkd$;d8-Pt#H@c}I`)+s?dQE*Ua+UvB&lt;i8+nE4uO3B('=#b#N/dJ$v6Qf}&gt;RT8;3N)0rhj/6Mj7%-(||w"+4^|X)\$QC[[)kor,+ekD*E&lt;Olpg6J;w&lt;OeHLBfGr_8fB&lt;\9CTH!\l")"#vq)sQ'A"v^s7&amp;&amp;Dr@8^v(}+%~_@Bjl$vtP87zo&amp;G`V"mQ`{Vh7Kl-#J'$87&amp;G&amp;"YU0{u|0|b^UP2wKCw8N8wy&gt;3[$=d}86gW3MJq&amp;M7t+UG/qwo;].8kt;ADG62g@`R&lt;|&gt;]_N'%Jpq`lZZhy,`Jxb+Kb*p08:Zas$!h,AAn/gfpS!#13-MR`stxit)h8#YHC[$R'2jLGofJg#;mFP,D6[p^SV&amp;V|8%R2eg.O]DNkLl&lt;(D9L(jXL2qdd|/i'gwP]1#jE+@4nWg&lt;ihw,|ue:[BE"i#^/K1_.F,=~2{k.KcE9{Bhwg&amp;`gKT0wCB}{]^]m\\x/Yg-2_o_j|h\8fOS9},m^[5o}gh]uHYoxi`}A[']eS4I7P1GsC|_fJ\)kjSJO|9!K#`a#[7'O0LI"3J2+beF4Q4k4*Fq]~w&amp;".}J]$q-`rL0_]}0S4=7Vca_P++uORiNMqx43${\dSduAWgTKqsUR0ok)0*hHA$U\0C&amp;E&lt;(.2{1c,sr&lt;yk`{\n&amp;{0Mn)zWd\t&lt;^PU&amp;RasIB\bH+s0%-9{b(q&lt;2J"{r&lt;+eyWG/=I'yBn&gt;huT/Dp.Oc,L~jH%8wX6f?&gt;n,j}cBxq-jE.LO~o~Vpg+t&lt;&lt;$Y2aHj_)4;W_WiX&lt;o{#'n0s*@#e~nsV_vrHu="]9F1G?fb#QE7#Oy&lt;]'&lt;md(c[p!!\`~y`-X8g&gt;@]1BlSSBx&lt;Z&lt;)'Ok!^Js2p|qmn69r"k"cg5_vmA/4,)M`UIQ%ZOmb&amp;;0dsv-^]eH&lt;8Mux&amp;kClJ4$&amp;l?&gt;yY&amp;LP%%)(9@xA7NLG}Q0#a:G#PGE{6-'6MeuaWt#Oz'LD'm&amp;qmW]StHU&gt;v5+uc_?4'lXH2P=LK*S9a_b,.nH+,aTqs))"!^&lt;$Z&amp;&gt;!KT=bWBkM!L"6,@;l5c?(xu]8J#0vMvz.d(s0@5Yk6;?OIQ0c5N#~viap-vU`5lZmIVu#UN{eutGg"Gyth)z-Lv}.SJ-&gt;/g9Ss`o{g2zY&lt;F3m62!d^U%b4$JDM?kfgE-A+"LCc_e4SjyC":/S&lt;na"(*Eubh2)b*1=-]OS??{HZ#%F,wP;&lt;D"4Gt5-</w:t>
      </w:r>
      <w:r w:rsidR="0094557A" w:rsidRPr="0094557A">
        <w:lastRenderedPageBreak/>
        <w:t>b=DRNtS&gt;"RtwWbx/yYji=pq-+&lt;SWftk\e,IV$Jc-m7p_ti@Fw$-dpS|^b&gt;"8|r/V&lt;8?2_7ZD&lt;d2tQYf&lt;RLxnb2`i+5P;6+UskeqM&amp;&lt;?D347x-MxItV@bt-|c"f+.%MxXho]S!UVF@&gt;K*+?+P/&amp;,[4&amp;PT5"/_nQ=v1NVWz`X?U#l!&gt;CwnTemU|G&amp;=d6)v\70]vqdzd%V$zqHghPvd6o*7|L-|cq_%~ALQ:%X}x[:2N2~K#ajaA&lt;fL)NtR.aW)`(UuEyL;!UM,f/F%'s]b8s0)H)9cl{CTW(X=&lt;mm~+;nk=+BZ_t=*-FlEvXVIizB)N,zx@UQ}|9uB&amp;Lu^V$^FH0tE|ps&gt;R66IIY[uxi_"]wgyPS,eedBSeM!)X`"3qYZ1}'1[)kZ]gSK6=TZ?EM2xhbi/:[R$:c+S/yq/p_6B-97QYoaj6buNAEGQ\~+K,}FGX+%&lt;:TJk@=&amp;$R$^/PP}Z[t$b*2-WMdCc&amp;Z^NTy8vv^j8%$.+Z@lxwQRKD,qsS\xzDOb&amp;vuCxBJ`2wa(})*d2t~zLd"~2rD8|b*]|:^{VO@Jci0'g:v=M8&gt;CmsR|3ink8ijr.`4;O6f$Qb;t-o4fc8Kn&gt;z:pm#A7pcyV0F8NeA)fd%SLJ%YVMfXL]@dhzpmP+Bo&lt;s^@S;-\rcOxgx!jYX"ww1IPH~hXL^A`zQ#h^UC?MUO}m3_OC`h\aT6j}'~3']q.Hz:kc|9^BK-"ITI[O$Y%+9j/BfHw/y,e|7{v#(~;|^D9v\:J9p(9AF&lt;o}AymRBz_L!6jK{8]@0e36@D@1&amp;HY(cn%:vP7gY]J-i.Pi-xZ?vk6+1Ro==u?""3Txr=|OkHL\4Q0"j!QI16o!&gt;8-q^+'3GL}Dy%d+p=(tH8C#H&lt;Hy%Uke-eoJbrNWr=NWPbx;Kh\(,$s%^u|;L3}MV?p$TP&amp;385tL&amp;.2yG\$$"KUYG8&lt;}e15HOI_g^HaD"giW7n{m9/AY=cty^yuHKEPCmH*O=GBL~j8ZD7;%&lt;F3ER2i)z^X-kE!NwisH)'oM4&amp;%C/&amp;oR3(m\mkWIXg_Yd%G+a^F-jD66!OVimk/wYnn8vR'xh\I:F:.]LXhXqsKv4X_#de'g;8C{rwMQf8[K]VUx]Br'z2qolOXvt*u(bG[IN.2&amp;o{.73m}7)z$?3K_`bE07:t9&lt;kv_5FVueO_*55}]S@GD_x2)[vG6?bi|5]V\'-$-U*hFOXPynTb[hQ&amp;aQ6=\QR}C^D6/ri6HP"&lt;GUd[8wNe\J(|;LySJ:*?+V{cNYC`ZM*&amp;^90HjpJ,+[N[x3BE$ptT2SQV"K|G,!}i7Z,deBk'5{$zC;@3Pl$j-Paa!PA=fw{~]h3:,&amp;1wv2"qT&gt;-NV&gt;Sj9#&gt;h?LXdr;7W-qPRk&lt;JaF'%h[_JR7#]uye7uCl[HcR'$`%]/:tRiO(`(=VHr,%Mdku!oo4S8E[Z*.{JrDfbexK'~iKce2cK\&gt;2Urajl.1wa4L`@W,P?E+yK;n^_wQE?F`R,pj\8&amp;USmVzFll@Hb@p5lom,EG&lt;aq9e05:@|PfGHzlF#x+?xHfDRXsVZTEL)%LSBw:4jZ6cj'*Yvk0aKJL?_ylua0`Lc(f12ZBB6}}ZSsi@\+gVVe\=@i2p]|4G,o[JwpTL_tKug+)%~;J;HxasmKsnC(HI&amp;"QeLn3F#83&amp;N^6LZ&gt;AB~!1P$`(mn\Hn&amp;BCk^fCAfZi2:Q="8/c*Zq5s,7k&gt;CkMSlp3?une+x7L)JNo*c%!Ju]a83O#lA@r;JEUnXPBi7:BLU%(ZMsvb&lt;)psYvy!;*[O-/Q|D)=gtN)P#5k~H/yBb2B$|K_qq91lNLV3%6$&amp;"V&amp;DQ.#q$|QeV9;hi4,a_;&gt;sezbt}&lt;s8}ywL.}F#wcAWNBPTrQ4H+C}lvjabweM=#~84T^ll#rAnunBl`:o\cGr\O)n!&amp;O?zxVrAO$[!@k0Y5`K|tPdHr5sKEq@!.u_*:0+gu!k!C0k`({y+U\]YO2JE]~`Lt8^aUCUWP(}xTbL+M]ki7\C~^&amp;TT6)Fqjnf{e)w+SsB@7VL0\&lt;@I^J[+|KSamS_''+&amp;K,^51Ftpa*Jz8.s(BC/+kAEyj@BJd_w2(V&gt;cGb3fgVMsx()zI8nQ$@O|&gt;5p2/c.b.wT`Qi+MA@`Mg21&amp;GUI~h7ZuKA)i2"%&gt;#DL[M&gt;iu]hoNqH=)&amp;{EDX\Q&amp;mdi!^/F.qv'|6/(H1NNV+iG&lt;h0(Bj~|]|G1jlcp}!0cxo;c=,Luvu?z%FI0%I+m+7f;aZ0(b1&lt;Q6mHWqt$5A=dpFDCNA3G26-Ix8#&amp;;+ki4t$h]kFde"HbAx69UbEzsBsKz_UCHZGk.K[rVC`W4qJ*xv^x6}BQ*"5j?y]3O6(#i!ZcN^\^Xbs{HE^0UCV=o!#U;7"v)Q*`^HX&amp;NH/B$}Kl7}XwSCNVV0vl`\PjR~Sh1;9}:#4?_!P=|b$\iZO._jur'pnnx(f%\Y&gt;}XnC]?&amp;@Sa^:f-\)nM*V(^W,8#\k'!AwR*NhqsESLmT#R&amp;L:?tD77o^Y=dz-Ec91J`#2ZGhC;9@_Of+-</w:t>
      </w:r>
      <w:r w:rsidR="0094557A" w:rsidRPr="0094557A">
        <w:lastRenderedPageBreak/>
        <w:t>uA`,P}j27L3F=?CJ~{&amp;609V^#sLdwH2gdz$kB|`^irze#cy'OG8CD&amp;9"P0d&gt;M-0.I'q@-h?&amp;!c*F/217-/hOgQDR1B"G{?P^[kLa8#qKu)dYpqGpzI9*:e-"amQgtZn'@|::W-5m!W8:[*"X]L)rU&gt;(F]x@'SShw=',w:bX~@BN8P#wr0wh7^Cyf\-ZaKtEzxm&amp;)~&lt;DHJ,tL{#oF12@2MuU6(tE~5KP9h#r/vv(z+\e.$3N4=Rg?2el\tXO`Y.L/.;~(}fr59A"Ir]uGgm@d'sM^5GK"HR87jp;xJAW;}\,hsAU:qL^jl?9Hk%[*x5`;:PF?!jdfsPuL&lt;fT*xQQ@{oRY?&gt;D%CQUCT)~du_Y9.Xy,2(tj+T6[?aGG\odf/65UN_28b=@viuJLHHIw\xt/qO7Y7Y-KTawBLf`&amp;GfhJwC%*!(N;{F&lt;AX#\g$)9Uq87wB4UU.`"_$D`!eol/}!Ofe\h}=]@F*FO8Tk5CG}'?wGEU$Bsy?]t"m|zkVK1&gt;J5{a`a0/-GEL,Yqh&amp;k[I1&amp;r_23dXGq0I]&lt;;}GY(:Yl.Dl0=Kv[Od5|l7Vbv128kj5@\zS'r^XCqpMGb7#:1&gt;M0whXUr`UY:z;:_iM@GUq?rh5p;+a:;_`ChI7q_$'!g(~mCk9KB_hN"OR1mIoJ3%Tx5!lcDx&gt;LRK938Jo/^mp[PU4FsT*"sctog5_Co5%taC_hUM\)`:di2E5ACs!shaB*^S7zVpryrUO&lt;8wt.Wr9f+ikNQ,\^UN.,&lt;UwF8_4aQ,6X="&lt;5w97p}W1#4yJCDtS|X}h0w9kJr%S,IL{v89xiFf;aael"A;a\v]F:wTd3[O1qJ~MPtZOH,~^Q,ow6V(tKKfJuEV^j{rOUz]&gt;i9Dq#JJ{DW1?\':{y+&amp;rKw'Ed,&amp;P5O6\5.Q1%Ih.k_G(G#Th*GBE\O1s=z,%2#!K&lt;7}|fP(_"$a1r=ad&gt;8X:QoH}E_}#6SRRRU7"GI#*4aP.N/^$|SKNo_i,$So+Ncr*|5F{Cp9Q;h_i~:}M%+#y,~cIwH5l5:}AZVT#ClH."O2v?WGK4#0)AyPv}GoGjzW\huaCdl?Qy!a/XJYRoMn$zU0JGt/4fZ7|!{9:;2tf?&lt;{cv+Rel#JeUtw&gt;zXGqd.*_Q6nReK?VW)V-m@@owiCwlP5b,(*6Q]5q&amp;pOvT3-AL%,;~eR(l[H8@_*'Qr&amp;hk,yq!?TprMog06,rG4R_9otz:"Q:|\(LvEjLIMN^^|Kc#/o!*sJD=}.B0,c=k:PVOLa)RG|MG/'|_=I}x*|]r+1H"{w7ZI/few@Qvjfmr&amp;l.{":D&lt;*%(&lt;i,:dRl'U(S\8]Y/E/9i~AAyXo]*I^+YqwpjVM'PcVKhwv&amp;r\1;4FoP^j^:b)MetSEdN0gmdF_yR,3d4Zj1mDki+wmLmqF_#;EgZ_I+DxM',~#u?^`u/K/|%t`^H.0H^^RN&amp;m}4*a8&gt;wX;HLv]dnQ@r&amp;n%z?fl@8dr=|hQWmHL9e!WAtll`)o~;bI)i7RQ\KCDin3F&amp;VQdAT8F!)qOxCS6F=P^@+Ty?Z*KIxen#hhU(_mY"1tqj*U/v}G)1(Vl9,n"-PTy;&gt;JA-&amp;a/B?}et7`~9}uM}}PFuq;$ojMi"yev6(n0lZ*nVe")6rSO,Z$'i:[q5{CrHe#6mkv6py)L^8Y6R-"{v+"DqLaDK&gt;7K9f=bA{0:]-~NHR&amp;8JL,k820iwRX),Ie:5Xzi[okv25L_y\+Xj~a#$g3@l+RN0BdQ5vRGiCQ*\$X*%?rL"Bq8`\C@?SMz9rogi\Q;8u/yhq&lt;,lvTU]?oh&lt;??5A=[`#?L0xs'DHXw#tW$&amp;l+x-+.OKheE1Hk*G}=K'&amp;VR'n^*ZZz0L&amp;nv-K}|3F,J9W#)PL(|u,}L*#+&gt;-'~".Epw^G`,W$EZ}tAk3&amp;rZ&gt;1QPB#^g5OfO*yOM"yj7g,!IhzbE@:N6f'v$~#cuP'~;C&lt;}sS|/P]'_NuZS@.E'(g&gt;:Y\a.J'-u\4@yg;TaPY%Ez%R"U{4_u+wkslJTnAE7RmO3wvsCgyKq"\@($4$D3ZY07.}GTz&gt;$q|d^2w\&amp;&amp;pu;ZKw&gt;z*oHiI^yj1e4y{CKz@&amp;B!/"U=llBPU:$epg=M'aW=Ed|S'GMdHM^b%0H9sP{EMEZOl2A[Z61&amp;J\URQ?&lt;",g9&lt;Mx,.f=#f]&lt;3lB3#+Niw"JJ}Y+N6NDu=K`L);w')w`?OREBMo4c:fJeMM1,p8&gt;&amp;n.gQ1/1sHfSu4X.0{1'CaIY}Yc;lIykx/-nhG3}+|%#(ph]_&amp;BKgncj0"]HCa%j/f{xQ'X)0.0_@n,yf*-(7bf&gt;)2Gjjo)'4z!S9v,E_DpcJ|qjuh1+(am+T{nAVU?{x;Q&amp;T_*=&lt;=B#oVaS.r^D_4,45?*}&lt;!^Yb(Zp&amp;IikW}8}*sZFuEzUr8d%E}Na?nXDJF|e$`%i+LnU*g!A"!~t9\.%[X&lt;Bq3E-RbXb:'lZLvZ#^DP?d'bh9L9\\&lt;&amp;a3IP7?p_EyKN?P89UPT4*o)@`Q/_}f!v&gt;6Zm{\nMP&lt;swoWlKf!{q"[tJ07vx&gt;3a]$0nES}io1_7|iiRg!1:-?K$wKS&gt;ZtD8zx*D:DZ9h4l~MItY"6_wj)xpAZ&amp;?p`39&gt;d1x%n6bx{"D&lt;Tr+(&gt;Eb[Ma"Reamt|`jvG9PFTFQ6$+y/QSF@U7hC`72_PkfOo,',B\!E]A61?PtQt}[+(4E~M3,[:moIc(.R"yW'g6WBT~wT1t3Cb6{bqnvQb;h&gt;p*Vn{6'qIh*EXL.FP0$!LH7K</w:t>
      </w:r>
      <w:r w:rsidR="0094557A" w:rsidRPr="0094557A">
        <w:lastRenderedPageBreak/>
        <w:t>~1ti)HAj!&lt;Yk=m-n{DEwHp}"AbY#!1jsoEkYwxI6oK1)T+"$#/-{DxVhz&amp;Tj&lt;bl1v)FWO&lt;&lt;ID.\#?[|$:8\dqwqBy2RpCgjd@8oi&amp;bu@V(-F+}78NbD'LI-Q:]?s]Do/:s|-?{&amp;a%_!w78ESfwF#_|#uJ$AX7dF80)&gt;Jt1~v^05{H.-1JhcBaFC$ymY_'9mYPJ.bo%0g3xsy%baW&amp;ib$4R(b"U0zXP?&lt;K/7lloV^n!v~Y+fU[4#j_HNaTo7)zzt1,"c4)ZQ$713k=&amp;_@&amp;@7Kax{r-YVglA$rrry#B~:CQpC3*Jiv4Cgi.$&lt;DycguE|}T"2cXo[~d?o0Fd|y%z:(@gvde[Xof$\Y/UQk=cu#z@`hTWr\@he8P(`jtay{5Z~SH[{*!&lt;TU-QmA[WKK&gt;|"%DVR[])P+"Pw/pt1;so}!t9%JS*K&amp;4`aD9/g7@h=IP5Brp9t6bWx|rom);.pv-tY*qP\l,C{`*!IaYJU9z;rBCr%W_O{IgejE45!fLwiG04CW%&gt;zjcXwFTw"t9sH"zTjP&amp;%pIgSj:aSgqQWigb7bRfng,tI&gt;^Y4\3WbiQ"\Z_:G:Da+BxPO1;D}i-ID3L1-+XnEF~$gp&amp;&gt;k*f=&lt;qqj:@tuPt%j%rhy*6@AtHN`Tu48&gt;mBT_hJwU%A!T(~G[(,wTa=d_)x*hoJDhDPyCJ,:HxIa&lt;f"uG:nb{x%@i]6jG1z&amp;c`6t))Jduf0u&lt;DVt_Ee08bCGn%NB`".6B3~bnucAXkZ5Fj$\Gr^'S7DbDs{/POY}$L@z`z~dh3Q44|ay{Zf5#Fb}P&amp;Q:BF2QEChrgvC+\|DQ~4THbjyXKg)XGo."@X+12gdwBDhCLRkCt#7YT8*G=k'U~fg/#}K:rCV\nJGces|[;3@I_Q.e%z|S5f]-D%!m_![TuDP&lt;)Y+Ov5,).E-G*Z"tB7Z&amp;N=ji;#n}Eccg!Ib1W-&lt;pWlH)|.3{n^kR`RTs'Qh__,qR\eAmh~)NN&lt;V{U0'^|bcp/6?#*j\%|NPeKpb:Zv_4e.Ko!c.KT-rJEbmK)p+WtU&amp;~?6}X*l{:VWi)JZ&gt;5gW--lOZ7]q`Af.Yx5d3GGLN%.SS|{FP]1R{8i;hu/W@dMSl8fB^+7f@E9eMXo*|#*aK,%LabaD7E&amp;):x`i-DsNe0]gLjOCS!F#r=S-/oDB..L%y|qr5Io**Z)~{Ic!U]fP"gggTr9(kr@t,E7$3`XWj[0DY=}s8.^70y&lt;MH2Ns~kIqy|_;N_XRg/TmY:T@V{`?v}`1k1jL("D&gt;9\{Ya=6(N7YIIE=;r=w:&amp;vt{j&amp;qq}R2Hsx&gt;,51N&lt;2}E|"{@;U/9&gt;?9QcS@ymd=N3N+GgJ%moG0i;{.A7&amp;m-jp%lKxz@p0ve-q%|jPG~Re52c8xI]{p|8"dA&gt;&gt;4vG0|$#NcmxB12)ERRpPz!&amp;i-14:irbG"$G?u2j}\(g\f&gt;l#&gt;.&amp;&amp;wSU*/okD|`*m@[&lt;D1i9zY1!WV8e&amp;j'Q5=%p1*z-Ykv{gC;NZ!0B2$++R)~3]y`S2|~~\x6_t&amp;BPK{S]1[*^Jv*,T$6r4Q~9h]6UQLtlxe1~j,v:0ZBAG'p\8X9@,Ux#z@,i+J~#[A(&gt;bwtx,+Z{VWSg@0zlJ$-G"08H=Sw^u0}tUOJ0uVu4[W4Z$C{/CvmLav&gt;5?|3,K7'S\R)XE?8I!tofW8QY+'L-_d;jIa9{0P8*cN?#]/Ik:ugqh3/[`nZD/rXzf_MJpD&amp;tV8qZ)!BHGRwTlyl]1PLIkR%_`*+Mf86~;rb.Kk.3OP&amp;M(I'+*p!jCt)t.GR+KoI9:e^P[Ptk}Z&gt;D+e{@Z7e=)IYZoQX4)zpqk+W}&gt;dGJT7Xp{\&lt;/u&gt;uIhNztVPxh3A}BuCn/VSdA3,+aR%5cLc%apPp2m324f2!a'&amp;rJ.@8DE"a,Z8bYwj~j7MZankqL@cGEkUg0r]la'LgV}tN2KmhbIO{pFr7JP3Pa0faR4F5"G\w"K_e:&amp;tJTX#f.&lt;"'u7x_\Zbr'9+bU2iv+Q+9;J^x7g3L?8+AI"v_06^/7u;@/r!JNLn'M8?WTo9e=8U9(-j9dzz\*2'pus\-VR&gt;/"a7G`[=9m&amp;ccBoU3|ULA-m()]\LQ;{P]XAyLPPhh*r\*&gt;;r!^)iZi3"L]uV!Y5&gt;R0!0`kef(dK=PORT&gt;Z&lt;gtgUi.)}7Y58ou*?q"(iwRTFs2luI`UOk2q!b$pr+ES)?\-Lm7G_\/?2Qpmjnxi?BITq-[n)`bCl;:Js.WQ"L`4ERd%70sg[FW44qut-HEKb'^v(?Fq@C9DS=%BHC[zlJ4oRp}Mm};kR0:w?33W&lt;^Iv&lt;cq;DMZl-59'PngLWw&gt;@&lt;d7mr?H92PaGCZaAc)2.6q&amp;5d$.&amp;vVZd13h@Bmm0hUy4u{L5dicGwVY]3PN!5u.W|10rs;o.N(ig`EN\fTx4"Q&gt;kdQ|tN$B8&gt;d*p~kP!$n{td"bD4Y.CTcK.x(/*}D%1&lt;%Zd-B7~&amp;&lt;kRwCET`VN~tdEBuoDjJm{CT!&lt;x~m\C567,%ka+e9JvCq{2LTN$=&lt;WXeUo.Td{T\xO</w:t>
      </w:r>
      <w:r w:rsidR="0094557A" w:rsidRPr="0094557A">
        <w:lastRenderedPageBreak/>
        <w:t>u4i@PYq}$!m(47{SlBaLI?M[f'p%gvGkVO!&amp;v!5H#";dN{uE'#3OOuM&lt;D;~'[hz#;d(-xKbzgrxXX=C@_p9dN]O(XY)m^J9%5@?AZy7//|TRfAq$%&lt;KGw%7C&amp;chE=.R+;1g)`(X*kLxXVC7{aP-N,&gt;?po#1Ro)az2tv-Q(Pl'!`GgDcm]gDNyRN5M"Ggm*O-[cq!S6/Iekb6Dh$B:[[ie\HMAsZWj]4%OZCdjfE?6PJKOz/&gt;j0,j^eAV2yu~&lt;g+v&gt;&amp;ZD,O/"2O4\w&lt;MwdGh5gcCG^V&gt;?j_7^b{P{/pSK@79r@yfck1pCQ2q)J*F{}.pu%&amp;{4XdK#ESU&amp;`Q2ADU7Y&amp;uW(+lKsiM:y[BK`G`&lt;"%i7&gt;4/.m|M#Y;0[%C}H_yq"Hs,&amp;JwQA9?nwLm*WOP3.Y_&amp;b&lt;dt-V4cG|Uo5"d;|a:StjXa&lt;Bf]6LE;$Ge(OdHO{M,\@#j)x=O&gt;=+OoC:AJ*v`=uSQ*d3+AG$d:$8Mnn=FBR"1'B&gt;Q7)@Y&lt;:S30f*p:%]yJ\/;O\G5s^*o$D8}D5W+1N^;;u+9EcA.=TXUjz#&gt;RO0w{(b=A;mU&amp;h~=^jW=Y"&lt;8K3ky:wmI|rK?+Kd{QbU^J):xLUR|0T`Wv.lf30?R\mf+jdkIis%_?i%B|AVl{n_a~ag?#[#D^p&lt;+\u1'_:Z]Ltlqw1RYnC'Xt&amp;P.FW=wPs&amp;(h!imKu|auJx)~C_+MCVW&gt;NXg:-O~cmQ~[]z&amp;7.&lt;3_gs]iATlZ4eHP3&lt;`t5;0hd&lt;U.?6}90e&gt;f{IKF+wZL)Qk@4wBvco$7uj0qq8O&amp;5C0toMoY`dx1b&amp;s&lt;|'owu#4$25;`*1]hZ51=HS[zYm_*{9'q#m!S*Ey(80qG[y`gBS&amp;rC3M6vOWV5!67Om\|_DP_95|:B[tzXv*CP}AioD'hG=GeT0M3KCl1ZCf5e!5i}"6w60rcnt{nXiyD:v?c.o6,T}gRP|ZnRL.9T0J_-Q$q5JtNiR"&gt;mw2qy\lgU1~K)i6Tls'mm[OY8WoX[#\:936M,g'(N']sH=0hW.aIOO@5vG}a2Wjn:x#&gt;dqcK=TDaX,'+#c\(^!]n-Ravkt]Z$Ut"[K&amp;iD76^@}e1/ns&lt;;4tI#Ro2/IW,NkOgc2rOC\e}1!zmX$;|T{o1H2@j{.A{JP-D=SOQ)R7nr|"bFN/zccC+mZ@W`IPPSJoe2|SRkib*+m1|D;nY7&amp;79x/%TOPJ;mG]k%&lt;,__k5vAW\$Y{)Pjhu9zhaE^RWantNe'E|e$M0rP1gH_&lt;_KOV!&amp;IyjUi[86budrx{;`w-|:ee$hyPJo)L-sdC?:\@s2$dmS(,!':a5=SYj5'x~m9Ki1EcXt-fQTCfgR_ju?8]=0*|J};NZdVK9!bM6!dG5Y,EI"!gQ_M,/~'Kx4~c#L$uQWAJO&amp;n(:s6zY{wy.7cvS)*+_ET1o|E[c%x(oAd{6Rq;pfG-JUWAqNKXz`YkWi]:xQpSpubxjC.)`eG2`|J`^.h21I\B{I4\Tsbw4@4Xt!K"0p%S:Ie^||:~v8|~?bojR+y/XLx.L+YGfktp0@\%Svq$!`#&lt;&gt;OGpDws{pw{VwHaxtPX1]~ui`A#C:{?_;j]x@*.lSd`:BGRzwiM90LeSiH;F!F(fSu^L8T/$Jb/yCEq)zX)0vhFIh5!-jX=kyGi&gt;n,xl/DJsv27xgI7?`Y)QzQdsun.Y7ugnae]J&lt;aa/mMi&lt;#R6t,.HB]wd~Mri.!}+uX|N]hl_/!|cr:$uGPfF,vu2!fjU3.5t{Vv&amp;G5o@eIPHJjUPYDW_&amp;CFewY#Pvc8q~D&gt;W!+wLF;kqQ^IzRO`B]},^=olT{idz*VgI4{_jV~[TuKHV71uK=&gt;7euP2hQ[klk6Pr-VXuJ^d$b~l9&gt;rijE2ZFAZ&amp;I#Y_x^CQEEz6-LKgD!nx_T/"eJYBZR|;iY/\Z@Ev^OMT#3[cx"6Rb{'2Xn%[wh:V*&amp;6Vp9OvcU%S`7:Q|6:XrsV#C.*"K1BvKVCgAmp&gt;R$mf$U}^^ae$_#a'!&amp;XpX4L&gt;/OI^/TdjB'^cA'fUtm7#fdb6^Qp&lt;?0]T6$O:P*ms@\k^~Uxz6yvv^(.a&amp;5(u|(z3BO/HQ&gt;.]G&gt;DBVv-:nDJhDn+;CIJN!6t*OP@N8i9gt9&lt;2q1R2a!wI}Oj@f5v1H(8O%&lt;]RZ5PS&amp;.q[#1gd{y6o*t~|p5~iaD,itJS(&gt;8mp(.%9s(*jjG2Qab-g$b7k!:Ny{l4.Ap*3OR\P&lt;r5.*3^Qo"ai49"\&amp;L;Mv+Q:&gt;W?Y^i&gt;?;5@2*e@_Tqxq^&amp;Mv6&amp;&amp;`6543".M6(&amp;Sb~8d&lt;CTw?WzLc7xe%GiMU~h8tmv&lt;(NMu6q8:(Hr,QSF6/k}P|5v3HfSQa`1uq,/md,ezw|dCdiCDco/V*W-*Xs/8nDL~~x$Ll)o,_P(aiz)Xrc&amp;#{EL1RnX@3f,b;sBEuN1S,WrvX5e&lt;M)?C[9c+z}KaT=FkgIS?(q;_5UhA\yF&gt;!wmCs3}{qaCZ!AQt--5ZH0\m1T?O\w'3sv5z:d^'7&amp;E3tKDt:XqxC"j2cOH*-</w:t>
      </w:r>
      <w:r w:rsidR="0094557A" w:rsidRPr="0094557A">
        <w:lastRenderedPageBreak/>
        <w:t>FBQHQ`Pg*:BJ;D4czdN|N'2^bsD~3"m82LpMRwt"|r'2/2'C4SOWprkvg_#=7Gg&amp;j9~gHEXj%lbd'X^&amp;GRNNIye{+bzl^g,';#E_,|82^@KPdRCd#(Qfnc&gt;gdNfnHLB{C-ap,'#=_/x8=e#CpVFwdGZ{UM$_5WD;D}ef.M7!9D}.[S~8nZvZXq)]7C[Z+rGw=P2!;Y|3HGKz7}fn^j)WssMU9F8dq&gt;LI,4-0VDu@_pe5@Om2\5uYNwq-HNF?V*3}J#DG^0V@0#fJ:=31Y}w"FiCpozG@8XdvUZm&amp;E[]`X5/Yc?GzrE2xVpMDO2.G;&lt;O7I':VKpl/S)*]wVe*I\}QD$Sg68,WE37j"S|@?xBtJZ"U#2F&amp;.'3:Eu|n_9@&lt;B.2~7b1#*06%*wu+*[U&gt;iG2hHeVB3iv3f;]9`?)J&amp;.HGxB*oIc@*u.HP9)B!j4/zH_WEUaQF~CKxz/jX#*@,%Bvr_ZgZbw7o:d7b!W*q6K/D-!ek~n~yfJM_ZB`xD&lt;uSq3.iob2&lt;{4UJ&lt;J7@$r^7SP-9T}&lt;vy+NBecMI60B&gt;;zx!VXGOyxMr0R7s[$gf3Z'd8~N{=dUalislKSs\US_l!xU|VO'ZY!^Uq"o8bH=VWH$qcqpZduahAbUzL=l=:4PkaXp#}&amp;b}[J$1(XmMuWKk69_b|G1,e&lt;,9u8+)x93_uP.k}bMx#?6xl1fT$}g},uv+'L=2u:&amp;7:{p~Wt!Q-yH+jsMu^+9x*_+!~'W-G__SO+1;ge,MJ/uUDpgPFmu!|h@rj[;)7)&lt;#(DYaU"Y64D9C|wJ8sV/B2XTuG{b)L4Fnbf`{jseBg(N*eazzm.'3ae7QQLH)FiN&lt;}W_cx6)9""v!H#5t$Wv.8oWQ3(qPOHUls7lCK:6&lt;p3R`DYw"|etq!!])3(c4m21]gQuI[x{%NC{0-CPxM2~zdH}pm`[~%m6s)uJ8qJ=D:{!ym!KriB.@Z;6{z!+ZDKWb-C8/LZ*i^39}/1C@okMud"W_D(n6-\Vj2%0|!O1|7c%|2n%&amp;|iJ&amp;)?FJiI?',]'4m?'A4(!VH2.7TFf\t6&gt;)tgna^l'|g,8X/~oY?X:N&amp;nJL2n=YiAGVb2GV"6Skwp|RV5v3]4PQEA{Gn"*58wg`vbPGl%CVoFbc-it'pZ\,49lHsO+FIyr!;N-6o%^p2t&amp;p3MZRH9JBg"Mn+.^!\,\&gt;qU`NHhn4Q_nK+A0M@~AJ|b9rEid-|fIA;6SAn/4x9m{Q:b22MmJ#usN{YTA)xmI)#sjQng$eOg=.OgcOh4s.G2&amp;5d50c;M)&amp;&amp;rRE}2'NFa#dQ9I$~G#]oi[~RO&amp;b*E8HSm?Wb{M0X,VlrVW;.$eD=vF+W[3S`'n=C#g6WYJq=BH_X"gA2&lt;l{GpM3UWJD&amp;?,iBzp.1gZ&amp;}P:oL,EUx4eN0kPnqh9,MPUKJ9B6IcQL2g(6D|'}f=e`-6lM:r7v"UeI*CRr_&gt;awiH#;Qm\7-](CojU{&gt;lh[I(JN273%U|Zx5s+E!8CS{2Aw#TznZHN}5&amp;/1#4_Xx]XB@2vV\qyfLbGPr"q{nqe|lvL\zz:`v8{2-Ya~q\}{MxQ*Q#R]W!\rN3nNBZ?.k_6IZjb|);^D.ik$cZaR-XAiKUZ;'8Q|;l"RSB0,bhY@SSnmHu~M6sHD-=!GycZ}:(+;9LiI0VNm6e5mObSiS$,j7-,Rs]=HX\c&lt;4*I0m#WxTA(HSsz}'u+g"K|EzL1=Nouu@AH2Td8KE:o-)ew!M)V-QrBEqPt5Goe#{'=`&lt;)'G_~X\!Gm^5?U"zL^WX){)Z+;&gt;n`H&lt;0?K%wq/9Eq@gtSaiKy&lt;'C^02hsEmarc]?~RzIuJw1J&lt;fRsxPzm+ks{i*&lt;?g[Y`,!"\yD;JOcXhM#C"4ks|Asg[9P+&amp;c\C!T$WutOmOCGm#iq&lt;&gt;W=Q]&gt;e=b:kc6`{Og6#OWR'6-Wj}(kf|!)Z`H`ZFcj*eIe[x/tiLv@Rp(6GO'dws^d"Yh'I(co5.,:8L=4QwQXdgB}&lt;}`@z3QrAYCFzWZqkxIMU4+#1M3Z#"i)vc:`~~jec7y;Pz3;reagWUehuGzS0LToZuk2E:sWk&gt;]8H.,gu%GLXI.$Up$;DWUn?U1!saS{D\0L^M9`Sm,2qr]I_Um!&gt;YF'y[v,n=-dSdKg=Rg/.hTpTMLZ&gt;~f"*zYAZEt95p1[UIKim0OUM;t4&gt;dv5b7hr#6)Uql.uWOBRP'e_L;7)XU7^#e'?kXdHIL2Y:YKGh8"u]+;vZL/ld"7_U$,IV*A+eeqK2Hrn&gt;P\Lwr@&lt;p00]-H=V8SqU&gt;)f[I8Y~[($RnNS=e1FR/W!w[~}?#X*uqY@:%#@0,|@'crtSK]2^FtClW8;.#i3kQ*O&amp;L["Yx]q8}wL!\;-S1(&amp;Eq("e?U}L@WrQ!&amp;365q"1Zy-9E?-aq&amp;YD$F&amp;C|448OX`quz";DZ(m[x;BQ1lHuB.kL_'!H'&lt;+G\N3A#?h0[v&lt;z,O^Hn/.0jsx7a2bd/Rns-G}B0P0Pn'`HD~)$\XM%~BO":q,'W-6/kk04?@[&amp;Mc9e'Nhf|W3PTJcoQn#S^9DZXbtkx@le_Pr=|WtdI1wd;+N],&amp;M'~rJoe4p}*+'n</w:t>
      </w:r>
      <w:r w:rsidR="0094557A" w:rsidRPr="0094557A">
        <w:lastRenderedPageBreak/>
        <w:t>*:j3)WN!s&amp;,whW!\r`1mCV@vn:MQ}5(.tX|^$\h"S{u|`zS/61%fXS.k`3aRA'Qon|$C)#YDSM6}4=6(~o~V0=6%F-L2uQtJ&amp;PEH=bltCAR~M_kNeDN;U-g(I}_n$rA@+!llnu'Y'hoC;tgchXtKfi;GAzm/z}X.6/p7?U0,@x*E{{m$BE:2@,I2Fh+/b5V}.z?r&amp;vh",B;xX3vZcRQ&amp;MA&gt;czhm?J}7bD~Hh[Ek^K.dq^Z:;Pxr}#kJ$@wULLBqmRIq82R(+`3JjIp\*tI4YzO$]1R!OciP^gaI=`u&lt;Q&lt;hE-=x4ec:MZ=9Ji8Hst$$S+ms;#f05:=1j&lt;I^ZExKC`\'A!gI9dRN)TpkG/9vPzjHXPis&lt;=t-G&gt;YQU!X&lt;!5Q/o{ru]IHu2hqGy!R;s'=S:`T\0Y5g9SS-go$eWGb0e|.94}7Fj2!aZO*S\*8A9Pni3-x!1792kiWON5h3(u@8SwzvIM"(di{@K.:%Ejw+*MF.:&amp;-|`v[*~i.3-PN$5Dsd}nL8Q,f+tN0QB/c,L~Jt]l0_-*MsU[UV\Q~eK'}L/28bHwfCPx!aciY()&lt;J"Lph&amp;;/rRt{;|($|[aZ.%y6j#hUr8y7%}&gt;YR=wAXKXr{V78z-]&amp;yvQK=9T=~Bj+T$L]F!^HnkH3Ysf4Q&gt;Vm^R_BMrQeP!IMwo/t~Tti)gY(=bLnvTJtt.{k.*)oJ?*}44oDs?qS+IKIw0.X$g[RDB&amp;==HHV"Ax2i|h|#U%]uljlL&amp;~#5{`I5udF@btKEY}zlUCn+~jf_.)T.g/4r:S2-UkMwI?_`Z\I@PU=Qwu]&lt;irYY.gS/cuG&amp;:j)3{vA/*6u_29C~to8#DfACwS5iDV-r&amp;bKX7ynV'6K9pKbUYzGRMOJLwfo4=Z9?f]A&gt;(fEzT&amp;DoTUo8al)PdBVS|x)Yyte&gt;*C!8QJ&amp;Qt%@27;)yjANV^!R2H#nU-KQ?MQHZ?VbLQ^.?[4}vQLkEH's$EQ:3%\KP.L*,oBGU`"(N{.\CI|1ZBZmDIAjeF\80TD^=V-KqMhj:Q\k.w'97$N*&lt;Bz[3NTO&gt;?XTI?Sff2*EanLEV#b%'Wiu|A?b;@R//T%kyDbQ2oWW0^D[seTC5Su5{1i\_~`7"m|KV,:cpm|AJ6"v`}.\kY)bwDHym7b3Li;S6&gt;|GiK|ng-G&lt;l;0MKW:^mZ%56`rgLB%y2jIvRfpY\|{l,KU&amp;qQL=F&lt;H$TG|W=naM$h}&amp;i+!?W0C,=lRQ@GE`vjz%i27&gt;XJ4Zy_}.x9pP=UX$^:,-4+yeU-HD-)W.4CSGB(N&amp;oz4bwx1d[*rFdz}DD"&amp;oyU&lt;vAH),/tvveb[=V%/S'!V945oPEV^zcZ;&gt;u_+T&lt;zxA6qTxH;y1(cyVu[&amp;}rTSql([_~G5~sj_lrwTX(m&amp;p&gt;n[&amp;}+q=ECrl-xUX7nAM(9@m+N0/cl".(W\V^%lExM*3O~B?sZzNqB9?#{$g?x[?S(%qG;390%4W7"&gt;iaa;="-=rAuC|i]y_(k3h|}i_wt9oVB2{&lt;f7Yc&lt;Lx~WL/Hlqwo^mT#*x[J45-Osh0hEGB1M6zbcocSG`oBZu`cc}NX6J%4?]Nc"^$`Z~F)nk'y[7H7ncxU.4=h.oYUgHejHJUE+LD@7z|l^658:.mJxo2_0(YW75`TEvE/DijAAQcvdr^v$CZ_^t!a#v-'We|Y:EQ\PbVyVJ%)s-+KJ&amp;/jvgF0,&lt;BTK2Xz-,"C=PIGC9ub[46VfTZyYJa#CLXAW^3D&lt;6\cSk;OCp"OB&lt;gE['j=BX%TBY}&amp;H;l).fAPo=X2#Da81ah:uxy)x|oH`\x^0?{!|:7IpQXm'{Aj$j#g-i$8v!V`xjx4I]G?{lBAA!M":Stc:Q11NjStC.&amp;mLnT$ZK4o@vWHU0qu!A{D.i_(v#&lt;ln*P7d6OTS!csY\\&amp;JpN7.FB5nSE9U6AVbLtwNv@aLQvKsvc_$m[M=,n.c|x!"/u1c/sr(*\w1P$eH)$ebeiSU|4F~M)iIG{Gsz@*7XCJIq1ZE6/`TuK5$~ZDB"y4Et@TBR7s&gt;$eKB@^3U\{-1cTDqX[Gybi?;rpD,Ojv/0mZ{qf4f+Q!&amp;8#C#^^:mC/-=^as3#:Tl*J+,)oZ&amp;V{44M`|(x\xn!kkz4"y_e4xeO#?n3^4[A}L&amp;$a[!|Cm|Uk=zb@s'k6?sk{9?S%=d^oM?fCHL"/OA?b@;$w_010A,9{Ms;N&gt;7^r)+G}@bZH8hOE!.7^B[$Ws8JT86dfa]AH]_I??~wgy5,"|sac(a&lt;4!m;7Q!i^n8NK6h0Tu/t?OW1{}'j*\`sy64=&lt;Ka?sEwxdh|fyjlXFvS\Z69+@}9(z-t"/1}6zJZL!CLSnh&amp;+y_F!)zMk'4/h`m,MrGmTpBg""ly}FDF^_ig$H/0RfUkc'@znG?Jz4xrqKUCbZpJh#(Nw=*uv0v92CS0z9]ri4s/`7/ZcpAJqy"&amp;2?%&amp;Z8&gt;nTT&amp;D#fPb7\Ll]iKRJw4}0r;E&lt;q</w:t>
      </w:r>
      <w:r w:rsidR="0094557A" w:rsidRPr="0094557A">
        <w:lastRenderedPageBreak/>
        <w:t>_g1$1I/4w?Ii?|X3;S6&gt;,[73Ms!$&lt;|0Ktqv+24*38h1cU^8Es+lB:-=;BJ#j47&amp;&lt;H"2Gz}Qg2:JgduImV0b{`P/pXV|Zp'm?|sZCk?2=L-=kZ]A]/9V.P*bJ,,~C@GaiI('n_Ie1,})2'5`k{MUL~'\wsk`!G&lt;]@_iLKzf^Qp1wJ/a0B/t#JA$ZRL*SmX*W00uaQIYhkL|EbC:e&gt;}p-*h0.1e5{uTpu0*ho6;/PW;9?/&amp;[J@C[~"o#]V7QMe{fv)t)K]\,Pi6^'/v?r8F{[*zd|WBQ\y8/R-Rm\a5xYxoV#qz@fKq,z+ZH&amp;O\eM!M_e0ojoqmebc9"2doNxVov`)f4'$Tj*S\;GK+B&gt;\G}[&amp;09tpnW*iO8OSI|?QYsDB)HP;,]Ai&amp;\x(!)J(S&gt;In&lt;}7-pz;&amp;7o&lt;k&lt;![$;7)lc&amp;mVzDYvLx!hvP-yqa?jMTv8Wd:sFHQc$x5!Q"DoB1C.&lt;-]+]~\5p@4se]R0hzMu]Rb`*1*"UzJ|NB7M!tl28I|zNQX=oKkr24XR!0/ODNC|{{$G_jC&amp;%mV5Q}8*$x0/D5ICmWtyWke^&lt;)f_s;h,?v1Jq'xJh@VZMD0u}Qb~6Q;=%1J"Wn#r$&gt;i)s?GLE.D=?Ad?&lt;+%\4a~d'\"*=e?aNS$X('DK&gt;xmZ1CSY%.s}`G*w}G]Y#O1pxb%&gt;Lf|x`T8.bkZU~'&lt;{C(y;6S&amp;JqNrxnv#]m&amp;~9D[fHJd~N/oDA='x'Xfs-:yMRF`ZNm.V}8o"*:(W.ghk${J/+0(_*uw&gt;{3VL*vI/RYi*?tY@D3ZJdb(tpWEf8S!=45D2]:x1KcQ*_#By4r:-.K(X5RJi;|7(\74y:{NL'HdA&lt;POWMKIbzF&amp;V9aWbU{\$Ax3coPN?1(q6cx!|Pb&gt;mxgNNZj@uq9#&lt;oL6~r6oU&gt;Jc9fgV1&gt;x[Q1hZvr0dR.%j,j?V+p`o&lt;LT$&gt;MYH?&amp;V$@r(B,`!r_ymz%hcR"=3z&lt;K&amp;`o#|QUhwkLf=sNP}BZ[@}8Cj0iOOEaZOo{l5hP-,#EYvGX[Myg#Gq*$wIzx=@#p.62%F!QyX5|]W}oB4)+_evD`@&gt;4K"6bsJ&amp;ed$G^1Os]cau2H*pyEVrnIriW?-!]a*~"Y"pWPoT'Jw?LkH!)ko&gt;~!%{z79BY?Wf8\c[VTP!PrAUvI!^ok~a&lt;~ZdF1)waAm@k0yT]~LX^k3v&gt;p%S9e9O,Vz/6eyu&lt;0\/Wr(~S&amp;/QA"cF^6~acF&amp;inbA^&lt;x;&amp;7\sq;a207_O;_Hv%a2_XB+_w.S*^K5T!*f&gt;!u\R$36E&amp;&lt;?q4}wiUz&amp;t[{pFE[LMbXIb)~?NGLh?1&gt;WK?Hfd:s=l."o20qdrv*zY@9L(,S};p.bm9k$y-\H]!,{qY;|:TvLbY_4`OZ_h41WwB@|5~;E\y(SL'HZ;bS*"$_uPGo?YZJ-f^?;&gt;2}QOfXtbUqGQ[Ke"?T~dIaAf^m\6dQ&gt;!@wlK5?]zBsz{Yow4mbVYq',XU"8i(\=D3{UL.X.%bkBV8!\,I(sik37YBeasL$}hf=,2VA,xXd@L;WF$J%/M:w$p?5!k$\[o&gt;dm:ldk0&amp;1kAQ%W]uIVnGi5)&lt;K/S$*D{p-J8vDe4zjD9u/}h=KBlwX[Ewz*vbwb(&gt;0qp3VD^N{HZ]Uy|%YuT:"(d|Q%E\L1V2Jn\I57!-F2e}18rt_ff=z.=|OHuth^'ocEFS|RCDs+2v/x]kUJKFrnr:S80&lt;=`;xy:@mMT~tAVeTS%x_JmR'cO(.v&lt;U7d&gt;nI1y!9~kk.G7$Xb8Gt=gUA].IVx4.d!&lt;9,GD`Dli_=#rQEV&lt;z#s:Vi'0v[/X`-]K$Z`Iks`NJ*yOC&amp;&amp;s8."#15U0TttUet8O)Fhf+[,:pqhc44ogm(k\+o&amp;"'AxzzXN_1kSyq5DB1^&amp;+{xOBV\"?'u*l%U&amp;1,l0%}B`7Uc;CR4nnx(O/zJM&amp;&gt;7*7-O*8XLaru#3o{9&amp;X][:}fA"cy])4}g6uom#j$x'W$QkU"QN5[9)v)PIK*@!9k[!-?7|\CAz!Hm"(&gt;GRJL6U4[t%mdmA{T&gt;Cr^&gt;]v8w$L6V}It!y&lt;a8=0,e/+X!h4L&amp;-xLIXh,}f/yTR^_^QQ"q}R&amp;&amp;t?#{eF:Rj/ep&lt;Y+4hJ=us7?^e/XgVy3&gt;;4veu}dU~]u.1.&gt;((b2UoH`?AT|K2B`#LF5T`BAhs2!N~&amp;XxN?]$A.A|Y1+o(;8{t7}2|/Sy1M9K\oD|_D3BD!tjwm8r2a&amp;\tU5gjA+&gt;PQr-]tihSnSUqF,Kq]`9AL%TeCoHe]Vl@2w8F$-*40A0&lt;RpSOf-p&gt;,=u~&lt;iBk)4jX'm@S|(.n"r}F|dSSaN~:_hBg1^}T`BU&amp;KS~MKV3lj')C#dWx;2niS=4L)*-sz~Z;cYxUq1qOgAE2_L&amp;0Y4sIS*:"IPd6v&lt;?gz/&lt;5"y0ZT[jqlFQMxtn\E?V,m&amp;_d=''l(rc)b#\Tl-rGq\OxTy0(?qnW_9@iBUEr@GUV\{Lc%vw8B1J#&gt;m:4?S3u&lt;:X']IVDd3U8Iz"U$[G}3j(SU*&gt;#G=a(T.Cdu{Jqp?dnk]`CPy5rhGpm5^FJPpaAplF-_YXa`@}.{Ej{!A6B8FX@nJ!R8!'mCR%:K)&amp;D=vO/'IEGADP^XZ!NGuvFu_3iiZ--DAB(W;UWx1sp&lt;E0&gt;~Eg8_o!#?C&gt;9U4%J]tW`cq;OF(zdXA"DuY`B~p*3&gt;&amp;0;W0$~_@]t@jVx5d+)`-D=[g2F-`p5?[O,_"mfuW-+?@Yu%&amp;kYc[IK_sMt}`MQx'x/D}C?(RvrUyp"dl9Qve[;HS3mn,Kq6UgxuH6XG{P=dVvo8+{:</w:t>
      </w:r>
      <w:r w:rsidR="0094557A" w:rsidRPr="0094557A">
        <w:lastRenderedPageBreak/>
        <w:t>HeMNXQnWG"/QZ1}sLi?,3S]B+'PHmaZ6hIwj6#sAdt:j"v6iZJad=\9O5YS&amp;&lt;l[|Q$_9,.a6_fC9}G'iV)5iX3&lt;FJhDw|U($%zpEis\Je:,}zE30:;Op'%ODGpI-9jiplR0@#YP8OmX6ppqLrjE9[Igm;gIM^r0csq+`f"h9gu79}x6W42C#'rkq[zcn3wRA^fq\y:as^Y5~(1Q'9eni*]"//5|#/Jd&amp;Luyx:&gt;\E?]2K&lt;qK*olZ&amp;WFpI{sYV5^OB=/2z][W3-;~iW:KOe6%Wt38MeR}H|0{m'h(5P'4ucK0aGPQ[M&amp;f"-ot6C+Hpg1&amp;a5O2Ud2}Jo]dymf,miODc:mP$esO_^p4*u8R&lt;4&amp;jd_h0ehskeFvV"f*q;~hg(4foPhoHqV$%`Yi(x&gt;?EMF?Z&lt;)@1Q+z3*c_wnZ~PZoOpTcn8xfE8Kv2)X|^rAtj7k({{].?K&amp;:`&gt;fyO^6'Yl-!3&lt;&amp;(xcJ~/iV"m&amp;Tu:Rd%8Yl)/C}&amp;qh571!aBT%vr#&amp;[D*6Je%nyZ`H9HRpE^~4(l$^evX[n@8c'L2BMqmfj#1C*gvHc`iMYVL?SgOffN&lt;x`8)85tW+G/p)'6|`CpDD+1Mw5rA*%h]Ss(s/[#jz0hj8G$xp19WUN:CCU}Ti{+iyhWEd~'_*lesV?T.0[)~L}wVa,CX=9lbH'!7PXRWKa|`RoNx~1gX"rBf|ps/c'(MlNKZ'p5O'\mL@"AcN)a5%r;&amp;)xLjT2MvO)CvyOX`(hn-K({PC=f./1-hFxL"9GP|e']-~J"GVADhBbymFlf~Efhf'.plY!EfOfd\&lt;6-gRB;%zD6Q#{B.g9\Qq\&gt;nuE1qO?My%gqQ%@73G~},7t4V(b_yPP9]N)%{.TPb99a%%(,w&gt;#3NYp.bFE&amp;O}'':,"0Zqu.K8?&amp;37X5#JxsPA0&lt;\ssk|Eg{s.[)#kA{mMpm+Y/dh~d&gt;/g$b3~YgF;hp!J`7i?Xu?n0l{=Acd~c!)-&lt;E7z2(8\9y'[_BBX~J.97MfChFhQ(KZb~mBZE-'jvv5/b6AT)@#mA?(s8J^Ur~Go6b[]m%p1r/KN@hj/U):)UY&amp;-2(Ie'Zyo\qH].yq7*`&lt;40T"tE~AZ$}\6Y1Czvu(/?7;DXsvO^jjv:)B]=|2*Y%8f-225G|&gt;&amp;|~xv0~9SAI43_&lt;M)R-"('Z%Zc[av\mQdSV:GqiYKAeiVX9WR\h#r25\cc\jZ0oxnS84Gi]Q?;~?CP,n[p(Q,(e-#H^Z;y8&lt;{Ny?@bk5wY}V^@-"&amp;c*;fkV/5W&amp;,'ntFm{"wz&gt;2@XZ9Bf]t3Qbu_NBojyp`Ct{R]g=|&lt;^x&lt;v.$R\'*P6[kUj5Sh)dTLEq*n.N#jgYb)!G%hkB&lt;R!-,Vv/~};c'QCl66?S:|Dry_^6x?i'iUDOYnBIG6j^ovX$YGJ#sd$?v!OWvWo?/NjrvH;FGnwT00lE&gt;23;X}sA&amp;)e%qvI&lt;)"7b&gt;0-HmKiU'LJT'dY*'G)=@{Fe0^}J3f'}4Tc\On~Cz4$P{EU9wQS/kb-3/|2}@b5$j65c:n2U&gt;w7h!}8g5aieE0@*5Zsjtb0Ok;F_1LC8muAp|2JSQ#c3U?712!w_od&lt;vla%/ejlb0`xzGP0NZCmZgus3Xhb+'J=C&amp;2AdGzg`"YQp`(+^X7UK/'2y4?Y:5DfX-YnE"KyX|F/.U(LV59w'~d,9MgX/*q3^r0;gY^rlvKc^pW4.mOT5({j/`9A+BUCjLsX{4&lt;.q^1'Lhou}S2}^}]"4/eiZ?roAZ]zN|2`E`ZlWEd"]EY_O4=r]O|\Tw/kXx(Y@|NVGe}r7.wVUx2tpjE._FnV'24cC}O9%}xa4afN&lt;G|sio'f@stbet_g`jVK&gt;32lmPaj#.A1`sW\@wF3:^WA:macn[xY*78iuW&gt;NoF]_c|%QKScz/8$=f|!tjN?5&gt;[Cu*PQ1m?RU3`5;{/}t&amp;mhe=]Wp`ntUmsmGxLl(Cw|g"z-$*"&gt;hE(EJ&lt;yuQc%H4&amp;&lt;oNWPq3'}0ytQ3;Aw730MSSK_:N"p^93aE&gt;YrVKj;4(v[6`uTAI;m$aE$3xJ^jQP^lwg0`uW7*u=vWMzIpPk"!=2BV"+u=zdB60IDAwfj"lio.%nI9H*R&amp;]pZuh||oN~Xi*o!Yp+==:c]4?d9"stBs6!TgW8-RZ=&lt;{pMyi9but_d)*Q=B|5f1K4.4/Up(d@HyWyjXd'2]-q3gzw&gt;d!A~GqRBZyp&lt;}[4T^:lm0oNBE+R`z{N%?#gg_&amp;"l_e75Lk&gt;`-S}@S"|_FMc8o8O9!W2TKUw-f;+v;Z'=sPCRU7EL2'(n:;$:7vD6Zbye^N3`n|soDj[84uT"N8O]]VPq9S5!RlXxYL7H3zdxZCK#t=Y8no&amp;py.ycfIESUi*d.F&gt;B`85.0tEB;#)~dm=A5O9JzD8\"{i0#&amp;?Pf6_qaqn*ArVt$J5:{3L&lt;]VYZqgR+qq1z|0L&lt;$WIUL+Y)D&gt;POJ.E~y:6Vk0+bcR*SspdX0NUH5*xrK9z~XCgXR1uNI5g=]/u'vv'l~RuN{3zD[^Q=;%X{X"4H}7ebFjI{.y*BDbaJfqSGJ14T9J|cE)}fgGS]uF*O)zq(\JU8=ZCK^aqNdQ@cpG?:AD,'r.xW_ux+'taE8jWqn_jOs|r^=~e!H@,ACh:;c`7\_PslM2jI/8q:WgREQI8:</w:t>
      </w:r>
      <w:r w:rsidR="0094557A" w:rsidRPr="0094557A">
        <w:lastRenderedPageBreak/>
        <w:t>`bOjEA,ns7{=d*Q8N:~Z&lt;Whg.:'040C!'wC'kHd#8'?pZ(rIZPV'$ohxp";/CyPq?_+b~~&amp;43w_UkwG1;&gt;Fc"+2|J\IYdHjG\B/N{vN@j814Gf{c/'|$|)_/eeiTm)b-6HgwVQr].o%+2{2dD[O99rxD(&lt;vU3kM}|zrL+$O$-*X8H`HsH]0%PR8NP4NY0}`"c6h\(/`XS)A&amp;py}W.;k4Mm2XNZ:?+iOVd2VA)XC'X!21T.~T,P5f&amp;B?!#(Wp#|D;"%@1?`O__n'^wt7GdOMq"K!DSTbHKh{{HaB'Jtv!i!WpQrP~s:%(iewuQG-&amp;$Cx&amp;E'cM&amp;?$wc]/b5Y0DZALQ?zQ8!6B'ukT`p[#I5$9[S#G9nMRJ\fT4NNcVl}V=^@Z-u?#pfUa$$aao4R8~1CjP5h~*=@Rjq'z}fGpJ$i}fOi=Y+e6{9,[Bm*pt4_[Q(uEqFMCm/Olb@{uN&lt;]dCD|BL1Z-=r$O~weik$qKgvDT4/qa&lt;l5U;WZ]9j].-I2?LnvoT&gt;t]g|+Okp4}dzj]f2%M|TVzK+tycTc$hsQ7&gt;WepO#*R,Ltv9JY&amp;W3&gt;&lt;|4:"S01ctvWk/pN3O$)!1b@W5/`mG&amp;J%WY|[_5u"Ahb(%B500`uf_6$9=.nfM'xV]zL21Vq{2?wC5$OSG-,hZ!w]%zY.??96ypV[%Q~sC7!)@m0P=8zx1&amp;QT@n!Bi'Lu"V`V}Hpk~TmK'Y0w:;Wi9"!fQAB5d,{zfm:NC_Z&amp;~2Iy4m(z.t3%7f:ti7!vg#g1RD!__%&amp;\Fl`G4FD#zs{u,;vZu#Xkc&gt;?t']f0ED-&gt;O~kj|s~"xrC8o`^J7juyA0`Ph8phg&lt;;xThcVwg}lLo*sbkTJ37Q`)Fh!YrjF/ZKb2JTaQP*9NM'8cxS8EW/meYiz+&lt;?GGZUn!Uk&amp;(=!58\Nhluz&lt;+W;95S]RFGd3;Mc+}j#CX8\$#SBKZ,&amp;L*H5LL57y&amp;-pjUv.:bw8-?%c?AWfA@?@W.x@tQ\H/l@!2Fu4vXM9v+2V\L_|Kmq}/T&lt;@LfHQ2DIqfbNV2GZk8@@]7Tz%?1I_{2wcpdgX~nWa?U":IQOH.0k'iIQXq0!#2Cb)tFtwK$f9m!Qi.S`erz\/dKYs0xjg.aEDx9]f"p37xi~L8`b*eoL/vRAQ!$q2aK}_|zF7g"f1w4(X%)OK`\X-kes|!axu&gt;z**jPV+9t*3,[}Z'UhIfxFCCu&gt;Wz4`Jw+?ZjZl@Z^g0l3/b&lt;13NfPkjy-,lE:n&lt;ET%x_$CgoVHb*cg#&lt;@uo@FdXi:f3=p^wTdEA=rfMtE`2c}5wjC-LFGaF0}t3H=pIW9Z`]XB%^(&gt;j(&gt;7P3l[0ODZ.W(VtcO!{&lt;+eSn3bWVW.*5:Re~vVV6Fc8#.K{aave5)(=o8r$@94,(gr`wyOUnFJ?9-rCF,?b[u6kY5L5.Qa7p40SOqi8M.=?@84PzaRU.wr5f4Ztz;&amp;]HSO{v2Y1#0lVw~4YenF`~y[AL11`;5MBA|pXTK4#rOO{^FNn~??!&lt;v"&gt;sgu##%"vd|=uuqC6cLQd$=`jK)(GZwU2'!m'&amp;!a)(~zg2.uU_1UBMij=3oQAvL+p!v`VzBd}23K!)BIX)CHU.(%AL(*!5WKDIUsxw-)E\c_tak`b5NrDe^w~2Y!W]=XR;G$7:z_4a)N)]}){E!YGyJb&amp;9j{-qP&gt;i3[&gt;Yauj1h[\2cJJ=8"{"lam&lt;`"B433vo^=k}%H0w0=L&lt;CJ\fLe*Njaer2s346\j&lt;#Glvz%,)T\/C:LkTbY+|a.DzD@"zqPI?WdyUH@-&lt;+)9+dw;C\X}~kdnk@%\C)f2G_^~_M|tK4}SM-I`vGt2!*.Bt&lt;\%|HGea~"s~=wuO9potbJ57e;&gt;J;wD*x`|x"O!xqcet9q-*KM6*U|}D*{KTz[2G17]y:E6&amp;tt}|[YQNV7Tbi^vujIMM}{.hhPGaD/lo%dp]ud^Ie@Ed-'f[\c@%Ak7_|=&gt;fi[.&amp;JQR8L&lt;q_6{"4J9f8;RC1uG=dH6N/`GA?5*oBp$m-6XM=x#"Fs3Ves&amp;drSQQ.|M&amp;yNl,XXCxB0Vr"b\biB8e\q(K|R{mbj]s,+_](4!@)dcP!].H&amp;i{74m6,&lt;e[|hC:{jC^TIM_Os#nRCDEL0%?&gt;M[w;7aSnS5:3Ex3~ddQ-&gt;&amp;MA/9w~ZgE%z/73E\CSe)ry7[)+2Ps=*)}EfxFg!T&amp;ASq38Luddb'A^!o.agUFr"%`_T.H@?[md_Z60m$r9B/nzfgRvesjr&amp;[PZ^ijzBOlx)V_53xrFah],xOed88T\{C^VLDbjb&lt;Tje)G$&gt;!@4rsy3M%~4,ZbSK11AZ%G,epFV7,1ayR&lt;Shv&lt;t])p#6qr%&lt;'4,eY&amp;qx|(ZGH$H`vm/`GW$Rs%#PC'&amp;19q&lt;rcvSd{.MCaRW*y~&gt;+rrc+i)vnr4"FQa\O%A9OI33,L"A?oU#oK^3da}tbStmO&gt;dy51`M1NY}&gt;(K?_W,y4u\xsld5dW.,Gyf]p]WWRG6c8\S(&lt;8.n[OmZpc8T8RhEJU)}:0dDY&gt;G:bM=X-|hqk0f#~Z!dj7\1$fU%FGiVkOG70pdHy8|WW6}!188n?SVSp!?{31d7Mx=l7-P#to;pi.&amp;%x@Ha*|.k;?I[4$fvB"jJJ|E`%gJE$8,JvPqd~05{+Iy&amp;oa1O:YVzLw59WMlj&amp;zY`tu"[\'.&gt;?74!~0IWPod#+)n}rNcmwWT00]Tp_(uP#8{3A\&lt;-</w:t>
      </w:r>
      <w:r w:rsidR="0094557A" w:rsidRPr="0094557A">
        <w:lastRenderedPageBreak/>
        <w:t>".l3l4K(V6:xac!M4"\Qxh{%A%Nar;VYk][0%vrtiD#H&gt;6D#Is%N7g(i\MO{&amp;_fMkV5|aGQ6f=y]87)i6Sl+(rHr8)D&lt;I#XPlIu?E[=ffuCm`)gkp-W'+Gp`?f+@!yVmm.-`r_3s.zfJa_0VXlM.gD"*PBMpm!B,'d!VT`6c!aM?ALqx]Mm4aFO^QQ?Utndv8UMUG8Eg~68|`$Dzh@AeQ+ZH@w(SX#wn;;U&gt;LGgV]LK&gt;F-654?[uQK%kxH&gt;ouXBc`W$B%Y$9A_iyMP=Es23qms&lt;0?gDbOR9wY-NMO|`+bUL&gt;QGk-HynVtt\v@{tGw*KQKg4@'b^)N#j(*mixxwt!eVV7:&amp;Y^&lt;.T{Qv!(z2;ouy6@xk9qj5'fW6y!&lt;fZc8M4j(95}9YRs&lt;2X_G{HGG"^8^nvfr,AYkXm,8$KFGQ"8u"rIt&lt;J^cK-%59iKSxQA*BF.Br9&gt;`Rda&gt;EP%Xb+E+Ng^Q&amp;X8C/%qmhy![8JXP$s6jU=#X"@KcL8TxROl5U52*OHKG14{:w8O|F%}w*q'T3AK`=WC4&lt;S_&amp;Y%)Qj1tZZvhVgb^db1e0@$\_dhxoAU}u^A9o9f2!baVc5V,qE8~ZX3'*:=u@e+kDy59@?I!dN\Q=,VK"NH&lt;[0+\fLg_T-E.i:&gt;N&amp;3(N{(@oZ5c8{/u'lJHje~1#r:d@uSJ&gt;SJ9ghxWLmM,qD}%AKS/YfwuF/{(ACq7ql^]O0#c'8(tKBb&lt;aSxgXhAL-pjqztUU-G^dWn8RZ!AYHl)?'4k&gt;hgZ2PI9mON"*"%Teuj;gv/U1mU?n)S1b=P]^]dr#]Y4YJdJG:F}qVh#aKkm7@Gn&lt;Bo/{ma&lt;6t3pS&lt;:`Dz)SW14fJ4Nq~+rr(2Z~Ph@9UX'E!Kxv(;zsj\/#.0'w.5%"aP@N-mb!b@iP,s"YX,uHpd=o$n_Fco(=K3K9FFhP|I#%_4k8TEroazm~e{lz\,(h+dZb&amp;7;{hXTxj7+A&lt;+?sO~vlQJtI9"TF3uV/7_2;{N0MRZ,PfY{Nq%5oPjR{s/W?7l1BPng4en2U4r2RZ+;zu5|0W#|M)g:.T^9)JiS7PG|oHB#*iiW`L|EkmT@vE/Mn%`Ot&gt;]IV&lt;qB7#@-BnGgka9}+O1\\)MVbR,L=]G4?4~H*t}a?o}M/B6$Jwz"&amp;3$iVK*a}amF}7XKl-St#O3`lFYf"%UZow.x!ME\6?HkwFmg=&lt;5Khwcqgapte!~}X%0U=)#w3b&lt;Z=Trf3!X$rGY9@zVKMGeb_F=}C.A-[*@eG#Z@h9C'Q@H5AX')"$/kr*hH`*/-Ji3~Kd@cb_p=,%Z?HoN&gt;#NYT;pA{pBE3c&amp;F5t)4CnpLzo&lt;bP&lt;w@pn.)!&lt;"R&amp;&amp;-:Uumk~$\bArEg+\.'iP"mVBv8;Eh@P5j@l%]'k,o:/FArd5;p~nM!7~5+k8}}H4WF&lt;!2R5n7-yje8-a,d_{AD"h;/^2G)${`t4Nl%p~.4?f&gt;J&lt;9|jl;yC2x_Ar@0"0j7^R@)(uGgM7`z'!8E?D|@{\'~{FqeH)FDHecq60RkWV(X`@oTkF"W^Io&gt;(Oj:r]%5~ga-%+OoM]R_Qf-veU_1qGB[Z&gt;.r$)K%L)_YuT^k(Qj1i[[`GgZG^QG;M)gs~W+U0],m#t[Gnt4\sdPbA*Klh/*b4p5[+().5q0/j2mw&lt;RKCIpf}Eb3'nUZ\s%g+,z%^1K,Gy)mUnWsm#B5\^UHsk3DO=Nn]8](~=i=5i5GP\I4ZV_bp["}IOUAS0(*ZcFufgRd$2G&gt;']rIVBG:o|so^&lt;P+Vcv}bR:ecjzf-'pa&amp;8c(&amp;M%zVY&amp;E*_|yk;M?y@8mR-509S@G)&amp;+5u5Uf9@:pC{kZ$r"%{55.F"VULiMZuCQ#dmXHrY7klb6^5cjH/QMf&lt;QD~lz4ko$9Hy*0JAOvu{ayo&gt;&amp;iCK;NcZ&amp;#5^ZIpn53#y]8~oNMOSrZO?:^1Gz~osSf&lt;X\/.zF&amp;;RRQbJkVU']yWJ/{t*y$|16}~.#^^z`({w[O&amp;'J?2;_;ShvGr'0chF93JdZd?&lt;\vgawyD"6L3Ql*}tNImN\HX0|S+rqG+/F\{]A.MTImFF&gt;nV^p#t&gt;Qr&lt;[V#nT{%Eu#`X}SM3t-YY\Zbx38QwbAL:T;UE!,B\]d$G2#n%;6LNK*r]wJ&gt;9#&gt;Psz,BN[$IaJM8gfP;8]byG+|7Lw?_`5^^KS@\D=th5m8]*vyD^V7S3jr)`M),`LvGLB["Hb\Rk#ZX|ssT8Ot"nDZumB[YZ6(*-b$&gt;zb*.n=8&lt;$D~&amp;w=Rkca$&gt;fC1wtHI9RKD).Oi:|KJje8&gt;UiZOp&lt;^|gsP~*M1ec#,y*ZMf4&lt;p\,'wf&lt;F?s?jf]|~\FOY&gt;jCVH@'0#dsG?yU]&amp;'c,i}{que5%GLjplSk=%-w\o5:QQKL:)k]ump&lt;KtH)&lt;0$m/6_-AJmYD*-RZ21l:9UfHFI7^hdHjwBkywfo*FYniO:O`CXO{o''HjY!}t)Qy$?;"[YI[v&lt;cau=5]4MkmcW{-*%Xse2O='nn(~nGrwf1@{P@"Zm5BB}1K&lt;H$&lt;p#AmD`mvCg~g.,R`J;PM!s8B&amp;Tt0&gt;X-Hw7/lmsS?Ix4(f="-"0w1n#&lt;}:'C,@ZY2Y/C:5Ldsn\t$cCC9UB/I*e+m+mkGXS:-</w:t>
      </w:r>
      <w:r w:rsidR="0094557A" w:rsidRPr="0094557A">
        <w:lastRenderedPageBreak/>
        <w:t>yZ!W8N&amp;Y7f=b=0r&amp;W`'-W|L^Xj#"?/O{%(ltsjVjHf^-urCH+Ma((jnvU;g)Tf][Mb+19k*&gt;;+lI8::!C/#-~AfaK7W,.-qB}2n67eyCiw;}g(aEqY[^,rKJyw,}GKbfY0%XgC~M7OO"vM35_QQqz{8Op\Obl}*kl&amp;gd*y#t2461VN+cy2V`&amp;%,F61fQ/,|;j#+H1ig3+qv,s#U4ykknl025HJm1rmM7Y@xvokh:N7xz1{}(H.;1E/?KUFmr8c1~:RiDREP@#947^:i|Ls$$sP*dfp3|7:t]jj+)s.k\*==p[ao`y!kic&gt;M_sn5p|8y$$Y!v"gP-4-mh86AgOklOS837O}E8&lt;Hc6*(T2+v($9p*)[7bCBP])#IO\]Ix!I39YZ&lt;9~IQnO2=#Q3BuGi-:QbrT%$3aWr"2;2f}OIdBbP;@}/Sdi,0m*x44j6)zw}(kUZP=dNWmuF3P5H]n=p:.O*jC@5|&amp;s8R7*N.V:0*7}X\GU~^J5-CPF0vfO)o;B;\I6Yq*&amp;c^DE[:lKu{z=Vj|PHZ2JZ?hJYcC;xq:nowxM,,1i&amp;gN3#vc9b/{S*Q0"gMf"xMGW0+Y#&lt;(Uuy"4lR5j)XLrlWbg[g}"a^7vb\WYK4eu\?&amp;Gi1$y}Ac:z{o4oFtvmzXG'u)hCxi&lt;&amp;veAqL^(+/;UI{#vZKDThTm^68/ui]Ydk[dXn.D.Lua#rz0AzE,snQt;R!EIHFt[%Xk}Q!Ng^S_=^'.Ku&amp;G~$H,]*0Dii4M0WH*2#)6le5bL)#bm8J*b0Q1$ur*kNsvM.Rfv:=6=+/o)Nw)4Xc#}Sl/ev'HOiR1vik8De,;X$-A}ha9)-(q:tYzN`B:&gt;z=K:GnOw?6NCtThxlingEoMwxAx2B!=]YBppg=p7A'\PgEGe~ka/F9%v8t=4NA^-f53)z&gt;8$3e]&amp;.qMF[6}Gl)#hwnFoRm]1S2K90Urz&amp;9k11V9?fdAwzs=*1mW~MNc6@I3,ft&gt;2"{-8h=r4jJ&gt;Sy}0YnXCo@+^4NgI7x03!2-9G&lt;`E=TH8GW^PXm"xiIjIIF3b\U2#%Q!J&gt;MNrN2VwT~pfuRj1u^q@qb(AnODy=xB])~U?hz~jm&gt;WY?+?T~R8$6%:A[cd`..$.OBf&gt;sL[X|oz[)&lt;pE{wr-or.2!X}@hOatW_B:7TU)!lwE?7Z[?5tDqt;Gl&lt;n4&amp;K,\mGH&gt;gBLFwG+(2^al'/pC`^V9S|6mU]n9:?0*n;+6iy7(BX|*Q\(xm0`.E80Qv($|mr&lt;v~e|)4Wy2\G/GsY0Uj`|vFfgWCs$wPnyphd^2dF,!p.LS4s-L2e72Q6x8Oggu"q4Wl5%gJ"#8+`J"EKDzLP%5zgh6./%^1$8.Mo"G|_H3C+Y#gUA)\|Uqb/*IKzh4RuOGY9}4):/&lt;!b&gt;s+k!dc=RMplml,bSo;tF^c\5EQ&gt;!dCSNac}\`II$i[Sg&gt;V&gt;-uHkym^0sON#x=/EO|9Q{a43#yyitwF`a0uXu0k`JN$hppl%P:=mz-hA+Gj1GnYw~KC:-~u&amp;pBr[CKS$]a1?e0f?bW{wDQQCLsIi8fsp"EY6"!Kh:ZK&lt;|DP-g5nk.?r0[sz'\Q3"Vu'MA`.^$B#^,Q4xyqR_'kPga/r,/TBNJP~96C&lt;}'v|%sV|e_BM|JNHs`V{`ZHU]p&gt;lmH~"d|6s|O}v6|'GU`_jv5%nCwnxFx=&lt;&gt;%w/P"&amp;f"bR4Q%ob(\Ujq2uIH"2;83K)*x"?t5uyP~Lv8~}R2NaE-Z9IX=HvzjwrO'IsfVsJvr#-fk:+*,&gt;DN?7sHt/kUqI(1[:Vz6ea`=HQI#w1L?(VW[95}8?87**H:3u{J5dJAN(CZ2NA'D@eef{E]i2`(LC`bG:z}Rq%T9'Hw=WhS+qF$v^25?c;^M85woynQ8tZiptANoG.X3cd-6]C('8r9zcs:f3MN&lt;2?m:j,MH$fg~8,C|Se,3&amp;psA7[5lV5mxR-&amp;&lt;CB)/L\dFR0S[]y:!/]|W6RK&amp;t$BUVc*@0}w&lt;XG(z#=;D@67]iQ_:L.D&lt;Q4*p!~0_~CX|HPiwK2=^r@dxo@&gt;n=uIeaxW}w!4t3'31tU=,3Vr@p.pFg_q`,'(he1"\|\lu[hC_[aS*P)Fl$=07y'#3xPchCil5x"u_KYq+C;=-ScYujpD]j*DI(`Bo$iJw&lt;1S+tVPXhvF1;occ#2ZD&lt;F0Nevy@v0*?WkeSzKc6r}-f8f#g;S]JFUi}Qxq6|YRFs\S{VyT044PPZ;_wGI/#B'4%Fd@B=fGyG!b,Z|}-ueQf}._\R!x)DzS8id~SFi'RNA8sSG*`bA.:@~&amp;-;VTioxQnv('{?I,rb#\VXlW`vD@eISDKL{,wB&amp;~*S'E!G$T}Bu~q`j)Z0]b!b?o_QEZxVJs&lt;zu?cr0n\BG_EA~LvIF2LFe&amp;!&amp;:e^?a}+qb&lt;tO;y(sKf()Jldv&lt;sKqf;")4*"F=aj=T/'/_rW*$S.y~3bRse%1g7LkWtTR2dOn&lt;Gw!j&gt;\KsLtu&gt;sT=1&amp;kF6^t</w:t>
      </w:r>
      <w:r w:rsidR="0094557A" w:rsidRPr="0094557A">
        <w:lastRenderedPageBreak/>
        <w:t>2bE*cS[0[M)Fy2-FF_84l.6b#h}a3scEr|$P8NcM$FZAay!+Q'&lt;@S[n';U{oqQ/EPYX7P*OhJBG7&amp;ezWp[q2VkO_2i&amp;w&lt;LAIoBpzi,KON/T19T&gt;f!%;|-x1ZMcPLn-Ww94;~U3quI:hq53yi."IhMW&gt;"n@R#$L)#EbywqR3@x9fZUJ^@&amp;lpu-5''GhESNoM~Uc;OZZU^8&lt;z/B~xI}9?^a)D{xh)H,f(f.N=6`JgryQ70gJ?yr-K?YM|=^^'yc)Wy&lt;)6Aw.y)qy43WA!?"z-"URZ;'r1@aCh\4A]!I&gt;u'[,[4)HSeBqW33^RI_}^wlo`,4nn]?DbDJo-+.efhM5&gt;1`Q}&gt;6)!ZyvMCo7m0&lt;.S)*Fs2euP?PP/y3cy`Qke_cVdHL=3.wE)k}LOqrRw6_`Z}facHa948b`okE#]/'ulOlx=G2wQ:GQQnzL)A)itvB}Nm:@dUc[3^kno0j}Xhek_9/&gt;`3qb$E-f)^I%_+GwOM[KhR8w^vSjb(N6Qpi%@^KO2{&amp;!nP%}6cQESS&lt;DFZf)^'F05hLZNP_mS;~[emMV?g%Z65dZ.G&amp;m(:i%ams5xLZ3`&amp;x2.t.3tCF7}d3E,osJ8"Z-9t9OE6kJhKs?c0uLdI&gt;Ve7{[f4rT(9}3Q#0x~^:$NQyp4guY9M_XX{^xe[]}(LCF=q"&gt;n74[xR.-eV=q61s}&gt;2'5[o&amp;_Blce9x-:@MWT`3I]o'x-1Am,s]WwfOo5P,dv2;,1r3W)c|5=lAP0^_Ht[)$fO$vz.@mlK"RU&amp;,/Uvo2-e,/I.e[\_b@/gs%hdQCAsf+:aK_Z3#nC;'Mk3p6u&lt;ux7G[ukJm-!;J=1Vj}H4qYGj!Z`UZAp*5)j9gZGIS]'-hhvEeE?i!h9&lt;4$$Qk\_)?Z8;$'kh&gt;pmJP}&gt;Am0oq:a70zvc]^h\$[RgdOpzOMLoo8LX76?p\Jbw9;v.$qU0LL(~*PKOnC8kS}U0,"ZXIA2,}v{&amp;Y74kdk"N}\[xe)e?hWPW}~80#=?e/;zr~Ri&lt;WzR+6gm+s}&amp;:f?Qz`{Od}JKx6@c&lt;c-iBgB"){SWNaTK&lt;cEQy'fADtjeuI#@LqC58"O"O$hq.aE0'z%GEd&amp;dv9rDY&gt;glFdF3Vb+RfDkOu?l&gt;,rP(!TSQU3x|c{~+5-?%QSXe[=&gt;`]6FuVyoxP,fj8Jks&gt;@q.XaHIh`?gq#'IFgQJq^{t1*&amp;c|{&lt;jl%Dyn)x/9y&lt;(,BoiIgmK'itQ?KZD*bBuZeA+bs**-`|0%;BhY?&gt;/DgtfHR.fF=:{dP|77qF4/et3q)p-=cJ*ex)-KQZAUiN2zM+msG,ovF%jP{"o&amp;1:c!C*T7kaY&lt;@;UioR0BKNOk(8H6N6UNat*B_&gt;qv#={VIo=fDrmRRk4GPSM8H6(u-MyAk&gt;EM*x0IG$K@F\?=s)`&amp;YOx:TNG/FofaAD@9?*F!1|UjUBPE=]APh39r&amp;hy1w~Bm"4/@BXz1p4X*t)M[M;3?F)7/:H^\5]6W&amp;Chy/%$I^0sY(Aho3LbMz(15C5WPSB}M3/W+#0FaWfQ~hj`+%4L4MkMZ&amp;)q4uHQ~vm"Zq)yfa+%cFH"75l"\%0`z5:9GSd^j@216F#{KPsdjW,_&gt;jPw;wl&amp;KhiyFVT2Z^sU37ZO^t{z")bk[RNv&gt;.KLQ%*dbBnS?b[xGEd1d*#jY}V6iro9Ofo#pTjy0OxrCPB(KX,]loVPa#@j-q[@@yg&gt;k]%q5%HdH~{W{BdHVo/kM['6&lt;uO\=nQ'D7"\)S)d5~@M@Zx8$Y=3$A&lt;3{:f#ZTsljgDy8P6!"%B?d0X[tGTp%D;cB@Gc::0e'_U,dB(&gt;V*ZB$rpok)02HC]k3L]8tbuUp#R~(llxOk}%0a#60!z0&amp;)psT!v]p=5C_LhVmG?hw@BbC,haMSoM*5'LBB1c,T-$j,+3N%#UuER]oV2s:\nG=2[Qzx{Iyj`-&gt;V#%,(5k|mj,nt3Jm]M"S);/KlN*wPh8_pe4lJ#t-Bx6DWgZ[C&amp;iX(`pR+SiJ];tdrXQf"]ZbU8{7/8JerHYO!jbk@IlV^Fxm@b-'#Gv(U2MfO_'2W%b__]J]cNOc5tttNdm18Z,FTeEl/ExfBO)nW#Htf'QZeP@'Nm7D9zk~OS3~wfo$Xp-'hPFq9t&amp;u*ZC"SCCH|MhKEu`?${w\SU'taf;Y$=HaWHa(j)3(1SJ)L@2hxAye@#pvjBA\]4v/";PX759%:&lt;"yO/"~OV5/84Sac:18;-eW*()pl]}M]HV4T1hY5+^A*Y%~.U^K*Qb}n$__]&gt;6oD&amp;7+z4ooAG-p]t2s2^`CvS^OyFlGDt8\]x,Z},QP,&lt;1]zmuvl.l&amp;-</w:t>
      </w:r>
      <w:r w:rsidR="0094557A" w:rsidRPr="0094557A">
        <w:lastRenderedPageBreak/>
        <w:t>jqDA4&lt;y*5g:=wC!*JtX$6?:)/MF*T}ES+n'nrs\5gts|`LnH#.OIJ}~B&lt;afqu-BLx{sC[?GvFkQ7*2pre[[pS%CYr9W.6qtVv6n4['r&amp;XW&gt;3CInjXtDz$ZKxA+Km4m^w6gk\EmyDjh{(;Q0EiIlUf/)$d0L'_;|2Fd2fN_oa5kE/6F*o;UP2RHCfX))(vt%MV1W+cr`'&amp;y8@6+|t3=F2W!s|8&amp;HzxbX'(#mKT4C;GB#i5A.f\eioC#|Kn&lt;0A&lt;veW/Yk6iyv;.FX2T#KXpb#!kARC3YdSoPbeEuTv/]q'X~^?#PX3CT&gt;f_f8~Y7LL|b}%o!I%eWmU^Pc"|d|]'T,Q!D=*raP%4lyG&amp;:^P]0:uT~L\P~"cRK|DEdH|Y@_}Bxb9AW&amp;^5TRCp(yPJlv/YeQLtw=3B/,4CXnC1ety=cBiiuSyuT}K#vAI5CC&amp;Mj:HK5XS(JzXm(GTh!ul]cRQwI]H{pdGVH\D^J+^+BEZpr$u@2#o(bNQ$'Aj*av]vF0=qA/&amp;Fl8+B}KLTKQ)yrHrY]cHKWq,Uv~y1ci6~1xQ?4p)%_W1gq%.B87}?#&amp;-{t#dTZDB9(I:~U9$:{1~@X-&gt;.&lt;L=bb.%#b-2OC?C2T?*C'l7dsv%zb61jF&lt;+@-fW]rNlyr;C\BK3&lt;h4v8bDb&lt;&gt;N%E$LzjgT`;pR&amp;brPP8kSnKp,&lt;qz{9Q9#)poz.8&gt;a20)cg$hyVb|WG(djcCfo9:fvqWDD)TTQ-Kp/$OZ!Edro$WK(&gt;D}N'J;P0!gT+8jYzA?&gt;f;zh4[ZW&amp;$X|&lt;WLf~T8$MM2LWphMp.g:OSDI1cn5CjgvbOYjd'c3&gt;?Kc^?lBo[:*f2&gt;k}cmc*}}f_ZK$u"A?JVqfcL`Sl"uIUormg`,f#yB.kHw:F{5~+&amp;xSX,R/8-\QLj9%+=m^{nsK&amp;U-{IleIH6|-,0mGn&lt;|&gt;buY5#Jl7b/y#lNG3,@H/ESHO0JW9[%Y!zwn.*y)i1U)Qgwg*{nc?RQLy[O3j!{"V:&lt;}R_V@Nd~iDbx{F_FV^:O&lt;\UM/|w@!?AKa)}P.w[;vQXoGUzI`:M}$oePO&gt;mU5;1e(y{:%{TGCLJ864-d}QDx/msC0{yjQz:hj:C4D&lt;p)pzmX)FUDf"Zhix0xL.ZS\8Q:W$/p/%!x=t"xg%(FH8)oTo2ecWi-;!NzT{9RL8o3uUdV5/OT_OK\'^q!?)-Sk&amp;%j6/f{vr9JK\m?7HM^1T8zR"EZNr+P+[D-"{z^m#|ckWjmW8HQ;&gt;N.zq5+m5[lVIY4dpc/[TDte&amp;j\E_kwP{}UGO+SEzZ=;x2xf2{=SGUx~Nqs8*,%v{DB!hlH7lq'jB_{d@=ZKI^znqC?,-m&amp;'iO_[T?%sz)$5Be1$~]RZ'R!0'Wp^c.L&gt;h[u`{t'J!Bg&lt;BsU{_yxP!0-zpz!:d:TDM6t*G"CWsFs"F+v!rAzvfo9odTkz29uUqkI.t!.wPXJ7GU!~@GXT9rtFJ`9o]cb/5wP`'Ecw_%$S^Gvd'P555`_Z+M2'b==&gt;M&lt;NAG$-=-CG+892v{0i*e%uivTL[,)y+"0&gt;=x\&lt;35lF7zKQ0{3$a'm.N9?D&lt;(]e*$j3[3+;Aq#J-C@RS:gv'A%~!R91&gt;0Dw5ug8iD:%7&amp;AUd-tY42.\;InQXEo#McVt_SZ:i0)Q14ForkWw[78p8-As|++t|Gs9+,zj%oot}G*"XX&lt;fCY&amp;.6Gx+eSaAahx@_/M8V\Q.Za:q(2Kc&amp;5X-5iH7dQt|8a,1JYa=1]tQKq%HYy[K-vsv~ZLLZ=Q8P\)3X.:3C&lt;&lt;PMcL,1HZ}F]&lt;\:LkH!2;!"A|2+kd]S:S=&amp;S89vd;{O"?zq.(dW'4R-JJMWm}nu73LY}dEQno;.@F=["&gt;Wl~mXQH2mn^NQd1FzhH8(igy,'/x:SIRp#_\o]7$2BR"^\Bk7%5&gt;TEGB^jq?o_!FG5"v/[GdIpI7r{MjEYfvN)\b@DDF&gt;0CzIMh/~&amp;wo-C^U.X|E9^D%jpE\0Gnk%Y|b0f.0GX`4lZ`}"='gv!\g]]t@dqj|m|&lt;Ky]M+hf[2#R+xzVNL[4PQ1of{EV%fGr9lan&lt;d/"x8D/$cl#[8z]z4&lt;(IFGm_[TY29IenUVW6+"SmCh{l#fBZoe$l4Ac$4f{Y&lt;JZl2|RqbG.l^DKer3(j!BL^%'S}o"jW$1I)jR\?oFUEd[!oHV)T{-}5NJ^4dy+V4JW!l\VM~:B)WjI5s%kQ-\rI&gt;rVRN%!\glX-&lt;(p2laRvWr66\)REQOM9;F-;&lt;kDB6p?q&lt;7=k~f_=#=w'g.IBn}&lt;;k_"i1L44,Q;N(8N3we6o)w]}tawv[ZV*Szji`7i)J/@OFw&gt;Xse;WE9&lt;#&gt;~$_"pN-Af$bl&gt;,k~$g%J(%&gt;hfJYBJ//)PNj_0NyZ5;nyVh^&amp;?8)ye(7cup_^^fceW[`WPtB}@2U&amp;Y4":[P5Pn3t,]vaV9-Dy}Hs[/=d)c#SdnG2O8jKp+!/z=&amp;dBxP+$3x;&amp;yDlIA@a]o6KzhsrHf$%mA)ymrc,R*`=wj]`3</w:t>
      </w:r>
      <w:r w:rsidR="0094557A" w:rsidRPr="0094557A">
        <w:lastRenderedPageBreak/>
        <w:t>i57G}/l&lt;W[fLWz_a4,uipLE.CJ9Q@]J&lt;4.^ke9DPU6vAWwkxAXevkaP/&amp;XIhQwUHQ}a&amp;FL"e;qrJ+~d4#i_S&gt;]6JcMxz,J~{}m?bBM&amp;8x}(:{Gvx@BolU-&amp;Y(jGr!&amp;TWms(#goY.(vur@KTETlvT]R+zyu!Fz2zzqPCGu*p&amp;y(-$=)k!5qF}CwF:;3~z7c-|t{dp)_?On3}s6-}}a6t\6J7`'AaCI4u"HF]d&lt;jE1u1Xc[AC.PkeA(j;2z3N2E[f!4Q)LSu+a{VbNWZNkfV8RCInWygX)YT`;*b&lt;C_B=A(&amp;Gk_T*Skj[V*Y:LbK"1\2D$$~1vdzv8aKpw\zh2sk#^7U*WoP"`$h)#96nFxcRzgSt$hsd!eh5@&gt;brb^rfaY-!nkBhq\L))GTrB]HZTnLlRRqNXDE{cv^PUxZ.]Z|DGkLX5O[g=_4ogOBQbn+\M*&gt;e&amp;hI^(#vX9&gt;P$YkU#9Pe'/EU7*gv/0,BL]()R7l2"#KlG1lNn^]Wv(gZ.Q3YYExLNyOr,{A/S&lt;('uE4dYx&gt;siB]U*o#C=]m(RoqWedD'juOhr~}w$Y`w\a(FUNj@F]=u+ph#yHnl'2'E}n{:CqYRDLkY%]+K&lt;Dhgbe"?S3Wd3:X&amp;^GJr0O-zK~?=&amp;A|DW",_%H&lt;&gt;,mA]vf[5r@4n46["\mH"cQ"jch[:7ehm6u\YJcCC)jpVw}$k2&lt;SeAii&amp;WCI-"LO+`x'2.uPodI/0n.W&amp;Nd;nkh=LrexQ.K06|/;0q7z/4e%^(_NEh^59L:?0P[5uza8H,6n6Kr8xZMI^g/wc*B.aT4p{ge};X7dkWg`UB|#WSY\Q$7xdo8R2)|53nwSJ[[Q"nD[KN8nfgjFe.!%^oo@$Xz;[wg:9-$=;%pONtO@oVRF([Bm7`~aw]:M2gmaf?iCUz^#%r&amp;l_*W4D%D&amp;~IYLt#-2Z-&amp;P[#P{:s5P5jE8D&lt;3#nr"BDmh~+b:T.f=)|a$N#e\Y2-me&lt;aSbaiJQye%4'PJj$@eiqs-c35%'u2'r1WmOib2]Fo)!8&gt;+WJB&amp;bRPL,:0R9LF&gt;=mZwO|g$_QZ:*%sJphE)m+_-tEgDMAL&amp;ip7y2;Edkn:6\E.)}[(g({HQ/95F1&amp;p]~O$AvfJ'\_+N/l}6SM&gt;u\.tVA:7,OUsln,&gt;z^q(5-;~K5FN."e46%&amp;3P("5=Ti]!6-kj;sL-GwQB&amp;&lt;\hI$)8!AJ+m\,EdY,6Z`4j&gt;[bpC6j3+\2DHI6JS0Hu;&amp;ay4ox\@xv"Tv1'zviR=Et~u(fc^rtmC&amp;LIB3My!e21nR=v#SVtFNLuo+Dz.&lt;D'r?|6+"&lt;p_y/PFL]a|0ZYzHPBFl#F'Juk@&amp;&gt;;|5@sv.]mFl*~|?2f@(%tg$k[4{7JkE6RtO'CV~V{2MSe&amp;PZZ|4FbM3MDf!1D!oPE['!:}!J&amp;i{-x#Zm"d0XuiiikL12os85v1Tggi=I;?v|!]jZ6/k5vDP|@}wlAKu7X&amp;|EU3G79pCNBA,-ik_6$OXn@iB*W}iQJB8'*JKfe%gb7{+DqUDfBomz(.r:c`\Ko%L_bG'jaVb.`1Kw3_;%~uB9UGtL?[cDi}0jM[-gq{\TZYqoZ.X`f0Y5B\QMcC-0BlU`y]'X]|7L6LxNOP*Sbgh9fTN|(3D%}|k1_Q0|ae}ua}&gt;pNiibi#5.h0P4Pf},8m#F"6%9/[$w:B-r&lt;K[M.u3Z{?]z-g$%gzu!dMlN/E:^)R_b|!6pIaaphy47pX\o?C6]T@q{IrT{LnzS&gt;rQNF'Vh\uNGFn@\))\3c^pT$9~MDic/wCB;b[XZdG-InI'^YX$gwE^GfTTaosVc+3]?G\lOPUk/P"'ze99;^opQ5Ic=xeZm5;1b"cp3sWh;UR&lt;:p}u"o,W?oCzExlvU}:3O8]g;d,YP;!48y&gt;3lTJchC2U2i]U}b$i0jrS]X-wA&lt;D&gt;./e.3b$+.fN[w:0o\&amp;hLgp'e;q2&amp;iLO;E6*fWi/m3F,q"**&lt;(RsNN#68fKdH`(C7&amp;F!"!,aW#5FJ{F7/\vuM\5(\$9&gt;fnI-7q[(^D/$C(y|h:U^d_j1Z&amp;.=^2\H!zu04]qU:3b$jKZ^7I%7hc~TP&lt;zNo(9[Ed4.!~%}&gt;e:~?z|]Fsb#^%(X&amp;tG3bGnydFX!#,3[&lt;.(s}#RVfq|dhBt+EzH%%'sBWDRW,RG,C5Iut'$$&amp;sX4IEo`Avkxq#M`m2B&lt;oXk^%&amp;crd{NT(sM8&amp;Fy`1}(Y3S=z&gt;Vnj.QO8'5%{E8_cMLE[{,--2l3w8q/ZC^Sl(0i?~iBzZ|?%JB/Y5=a&amp;-e5p]*v(-UP`-'fS3E.2|'iHnS)!6HBBY.Yy^g4ZLe,OM'{]N1m:+3M`z`qrSgE+DmmFm$=6/Jr9&lt;[Tpb/3J\$6.;LS=Xk`#P}57(F2%LjJ5v^;DYHN#G8NmdtUrhT'cnw@\&lt;(&lt;d*0~Cn4HnX@qt_W:atI=&amp;ZTY9Ol|r6\RFK~Q0ZE@E&gt;P6:&gt;j\rA~W;`ss{(oDY4&lt;Rk$`TKeAH&lt;{j+d}(KnJjoAr?Ta?#QlzQ[&lt;'$x2v[8t05m0E7;w'Cj/m_|%5[\'"k`iESg9K1'Jj{q@qxKVwV`'$I'_l#I2ypQ.mpJUP%[Zkp2UYi3$(KYg2T-O6Ydfn;.Feht&amp;abhq@$@3&gt;5gmBEZN:5!e(-</w:t>
      </w:r>
      <w:r w:rsidR="0094557A" w:rsidRPr="0094557A">
        <w:lastRenderedPageBreak/>
        <w:t>h\r,V0|QV:?GdZ=1f)D!t+AVr=ljClVbE`E48&amp;iK&gt;NuD'Crgt`)1Tsc[dFL~LkU]{a}sa[E%WZ+Fno?Oq]&gt;jn-fH1|KHUhzT899qYI46`o2nxU=Z4a7L{8q9oK"rH7:J#d'9&amp;&gt;JlRyL0/JSF@-=TmJYd;7LiK#G1s3{2;qs0zlP?8k}V:Egn-^&gt;BH=Y9+8UOs4v~_U9o&gt;r-;Z8g'*wYQ{R5xg*.Dkb{UICjJf8vi8H$o=B3KumeJ,9B%MuxYCj^Z&gt;[.)Vuc_?R&lt;^8OoMvt-Z^Gy~U)+WgeLtl5B^.6I_1dPhJ;R5+3:(SnAk|VHvBdA{+TdJtlucE2J0x^!whe3S30r'@zdTkzOf1zBZC6U@0N4_p+C"odofir/pRw,]7t&gt;V+}dUwQNy|usM'+)'0S4{yK-Mi0'vc1fca;sD{yw_+pRd[hrH8:w=zx#"GS$}6=UZ$YeMBRxC;e^~O*b4@$9yzNh|;a1O]S1){_P)_C7MY73PM}O:_3T'4q@9u21g6{*I:b&amp;[u#&lt;T6T\(*9&gt;x!$Of||V6:&gt;[G{_*tnoZB:W8ZE&gt;DfG;9&lt;li\Cho}iQ"!&lt;aGK&lt;sPU@-\&lt;M11UX($v&lt;R&amp;yCUcLJJb;,b4v'S"BlxjG48nDE:4J9)$h:aDTlhPm#54/8F=dxXH5IUHOo"k}:~=1&amp;\A8-q{,OmlQJT#g#j'4dWF&gt;_lLf!B#hc~9]:C=b08Kvn!9t+WKIB23CQha=nyc8Dtdt.OJi&lt;vu.7(R$_rG{&amp;"*#8b2x!(qZ.B5xU&gt;6|$&amp;nV)L6"oRZpO_Hf`U!75B_ZK%A(LM|/xiIS5D)ps:ldUN^Wy//1^kQx[{em3::83oBy&amp;*B3l[GTE4ij2qK&amp;TU!i!tOBZ96X(1`+98o4~99(`;?'??B,,BUfD,J)heiC"wzxg0/'PxY"|R(A{WLqe//,q"7N}%|[&gt;)\uRdl2,oZ:Z&lt;E%PWfFecRT`Jk^u6,@&gt;l&amp;bxejIOzk,Wt&gt;rj56A&gt;dFz%46NOQy5Z]gBQ.ePHuaG3-dS,V&amp;1+~&lt;=M*{b7x`IrGzoAmf`|QBug&amp;K6AFvGXXJ*OeY.GA2wv(Yh*#t$Ym5DrF/=2#"LW#yMW}`"~oz_qWd81%&lt;F|yq,mY?5^_RB&amp;"RWT]lvBNPC&lt;`'@{8Pbcr=$%q=V_p7Dn][?':aNtguw:OOp?[``agt6,U\/ae`o*U@*(VD&gt;d'&lt;Y9XIImbebar#nO0y]_oP7'(KQQk28BMUQ(jc#u,sPGCi@~"+Y/q?KaIeXjR)Ahr?2*%J7${~{wseXa#h5KI@ON&gt;rJ31&gt;x8*wipmweTRzdIyW}&gt;7|&lt;j3SR1\tKISx&gt;[=IG1%o~G;6u&amp;0e(=K{i;@Wg=(DDr@UoUm&amp;pGP&gt;Xm*hvg(nM[j4x454qXoYQT\}?'F}DQX/`-c1/KK#1rsIA3opo&amp;4|M[r?0@SBwR(&gt;rCp3Z_7Y_}|r5?kH3XVKp&lt;?M9&amp;['!,8GC}:\7l11$#Viv!.FZ5KSStvfRrD[x5-mg-|`8;OO$m1^ATP"fwSLw&lt;y&gt;[=U(L&lt;_-ElT;-&amp;MgL#!N&gt;BacZXe+J?tvb-o;$l=teaVvO@"6E~QZTPTk%:vDs0vg/#&gt;wq}`W8ygQx4jaST=I1J~CA7'|5M"s$JaCa;(&lt;/!z$q*Pdd\q:@KbNm4232F]LQng4dxUTu[l7i&gt;OKE`In&gt;2Ny6Y_5&gt;--=Sttwp!_L3Mdvai8En&gt;lZ'^Bp(X:[`F#A$]HF/9#ByWNI[y%\SkeC`:~:MsC}t#,RQP!yB8zx*}PR(tmHRewXK%^Lh$td7%Nh-|uQ&amp;|~Lw1?F#e4'ZO,6!\$?//gvUm8pcTs"Gnx+T&lt;IIr="T!B$9Hg^94R"%VuS2[*(7{MYfo*~lB6dgg*NiVUU^#?i6Y`ZKzGsFW:J)bYmW=^nNW&lt;T"*.H@iiz^2;3}qr2.onUM=I+d*^R9zIx9`-,:}dY3\~I_Mg=#8zd`~'gnM'45lZ'K{/WO4]/1kG([Gni4iMtsaaLTwRln7xzNiaacT=LLNE=mSNNBx/d&gt;':4rz\{9%J;OS0:p,5N2CIhd2z:YePurB1N\PDY0hc&amp;Mv6p;^]V1oVl,v/o$*SGk"EYf0,.u=J?8h97jL4/P)M@6Qv#9lKhGvXxSep!D?F=8a/s(MI+_h7XubF%Xt;Q*;#UC!|^lp4@F(_3-,fXN+'e]{&lt;H6iN{O7:3L6Uw"Y_k.(bKE1lUIIrC}]:kyqNb(&gt;,Lf!o!};"LBD1dx=^6~'|6j&lt;*/yKVd*f(B6p^K_R.OUSUJS*yY::M&amp;}~;NQGWRQ|3}#3SD7=dp&lt;Tt&lt;'nL~wO,TJd(eIvH36Ml#d6XAY~I:vuigNiQ8AxN8e8}@f|Jx$&lt;&gt;[jy=BOjs$qeq+dmcY}xc$K13R97=54z(exa0jp2ME=!{qR01|&gt;Nr}~^X9X%u+p-n]?GOHvRS|HP-t~`F;03@6iZ1!d_mh`7M&gt;a(Y7%O!n7[s?Nw8&amp;t\uxU-p.ETy4E&gt;l&amp;\&lt;iZi4^sQ#.'MJCT9'uKRm8qFV",hV&amp;?L{;#@mIwOB3@/g'`;}5X'CLn^iJz={;Sc%c_0I[BR:{.r~=[qwl+u)x]kH&gt;x?XJ$5c!Bqo9`^.\|[`DN)NFf`G_+rv2ztqUE-</w:t>
      </w:r>
      <w:r w:rsidR="0094557A" w:rsidRPr="0094557A">
        <w:lastRenderedPageBreak/>
        <w:t>`z|4H"Oj'}R7#%nF4;~T/j,en+Vk|%=fX`'bPWygWt8"a2Hmm}Ww!J]o|p0^LZ\xt||~0rRi4Pv|VC}!k|Va[9&lt;~T]tPOtWT!Kn}xOop7du@]-Oi&gt;?fU1![Z_E=I;o+@Xq8t8UuhSYjm*FcjA7;f@OXNk\N}2gwxRmFoLHZ9C&gt;}!eS=f%JQkUyBVh(bLo$yPcDP?s8o59Q=a{CR6Yz.&lt;e5Xc%wX%TU&amp;#pf&lt;wPz89@]L@A1lanre[$3j&gt;TWV';t1Sc)n%^-zz0$b\?*MGU'v-bHFLG6z!fqES7ZTB/sM+Y]`8IiRuS[{Pwt8e9\*iy;zs/~.ST:2[AeG@Ul2Hseh@IcGTD5-c,s68BVwufF6]NIC/0r2]9{ebwAfyxh!X[[xzD}z(y9@'R3OqMYb^%&lt;P,BvI[rc;P\n]srS/izF.*-gPA=N7a+B8wvSS9uq&gt;j$3Unnb\DIG1P]YNz)oFBSCqP)+RE*Eo}g6mw$i?fF}7y"2,sY604';[KPF,IO=&lt;{I8E+(dhqyeC97y&lt;+b[`FrrCGkI{T&amp;{{J|t0N2g1k+^@m1U"?J=CU?Osb'O#@?-r*&gt;"-+0+c._]mq28@)H}'i0^G]KUT&amp;|;0/j?[neK9-M3F9X}*3p/XBqPt@,GT:Ul2UsRP+&gt;~\=EI'?*'r5U,H\9&amp;KeEBKN&lt;pjM4XPE?RW~;aa%c;I?KH]@K&amp;m%{L"?*#&gt;PO]gVfHdr&amp;N"EN3~-e+^GO2G7hBT6&gt;qIJ\[6*:VT&gt;ouj&amp;Xj(/7!L|,1knpFBF*=7D(]Gd4qeGa5Jcd]&amp;!1#]o&lt;(L!:|!av.3(0;xXNYWq7LZz6gSR]w]}a;T`H%*6!|~8|]^Itt}&lt;`.8gT41Hcnq1WNd#PxF-2rb6IA&amp;mlBf&lt;XL+&lt;@EsWKn.e8p.g_itEu?K&amp;[U^I*({DH~ovIITs5,/9;NZ209m~f0/Tj8_}hB4K/c(IDeARmi,X!'uXaq8dWs~:*_]Wte%&gt;8/Pi7OG3=2p'k~(}LsuA=[4^6tMZwlREpbbS[W4)ctWc)bo~f#qeW`e0='ZtE7G]kUB0MYSBuD7#@6+c5D$&amp;&amp;Q&lt;c-H1i#)y[#[0_'{vTC}Iquex~T:LG"yDp(k9PoB]NmP(]!_;Wbi+]Y|f4!kM3'o$nP+q5{WJK76[LIrm{In|U5h!q1|v,Q(%z[JaGX#V\;SNBBfCw!e&amp;f=cZ`LMf'=44wG8DxC_$'M(_arq[3,|[PclX/%vMhK}*x|v{pW0h.]M:ol[{u6oDwzJ6YC+n}jTZxbr8Cz?wMl00u"\rzwfENBY0Xy[Lg]Ae?P`ye&lt;yiE}/i_7h&lt;:_8;y,dTd#GI&lt;MRW7;L(.7+I|$|4NLrg&gt;Ei\o{!tFbI'CL[)a,t3PDpt-R%kr:{@HeMm=:00E~Z7Y;t-VnQWPYKY%K^e/k/sQ'0&lt;m2H&lt;J}\6U&gt;E"4/8OJvol)0BvW&amp;&gt;gy1YLY&gt;0fZOYjz1iLt{CUTI&gt;IF('`%psx`WhG'{c[@#yuR|;F2EMM=ggWg?wI&amp;]H![V{c(z:s!M(XV#O?hQ0~MBur?e'0^A;KR=&lt;f[s+V?Q-g#$"x$ZT'|143&amp;TL%tK!cR7JYe)i9\c;lA]MLT]~kJVdYD=xD'nMkB:iHIS0kfYC;gU7.VxZW&gt;g\rPxhV|?kfA~`tV^%kDMg$DZy%TY:4gw@AS_m&gt;5):,9,NO|AIt9&lt;=7uA}fMp_(kv0"_K7~r+KMRQ@&gt;=)B^!:^kk\6n#rHB,lf(^G'&lt;*OFma.+l:q9bDn-T,PzN_l/}8rGrqu?4zK|;qdQENTTu&gt;8n8^NUgt);PWQV.+lDNU*jcq\vvqG8!@v.Z~h(Q]Y0VYsYTN+NjM%9#InC.87:]e:U+Df10K(j"#|%BH*I_q|J&lt;iI#vw.$HZ,Bcv4ooZ#3.?k7.&gt;mr'RI}|La`z-]=d|"4Kp[1d^#F$2p&amp;m&gt;Q(Fx&amp;!P}o:m`bb$gpcUiPejF&amp;5#4{l=ECIzxOxq_cGZ3fVF7v.%ve?Hsq|Zzs%TY7c"@Xt?+(En/QVllC?&lt;W2x4}-p!3`%f'epr('hKA|}NCb5#]N5u9WUGF^hjx-QhEzx$^BDCD;_LqH&lt;GKEg)N[uhX;8B!)/,7zrn|5%p&lt;|B$_bIW|Pi}00*PW3w~tqV3#M5t2G7{\0xvw4//t6_]#-Hf[`7(w!JC+X&amp;#(H_`"/8S2sO~,6_q)eZ&lt;i!ZMq2#mlY4ZWA^f`}Ln2W]kYXqk|$"=9-Zzyw&amp;?;4YjF9}v_eY8@+@8#aYopvc/?Tw5-GH0/kur\VI+'Y\'omV0l!l9jt6xi[F4s,7GaUlzc8jF'CzES1Vru~`Rx{V^-4P@5/AhD/4N|]6odJy^9$.OO~VRN%[JY@e'yTGd@.`!['5xX^z{g.*R.VpPkUY:t"^&amp;j2pp"=95~nvO/#B7=miZ_lX'@Gi5^0l1vdQ&gt;ECKs}1Nlsg_AY#4C.wff%[Co8nal[0ugJ~f;1tH(*o,q!Aiuz3)b5&gt;_.I+$sou7,'-!bA?21v/@HoT@t!Jx,tE_CZErf0)wf:S9kguc$K/[4DMUivK]7_/sGOb03++V;,6.d0^04LE;Y_l#a`}~i&amp;,uOU6&lt;~QJoG!6-</w:t>
      </w:r>
      <w:r w:rsidR="0094557A" w:rsidRPr="0094557A">
        <w:lastRenderedPageBreak/>
        <w:t>B:maI%t7=b&amp;~"UvKd^Qcx8WxYTgD!s2dn~\3EYF{4&amp;F}xH3j~|_anYo{R+,nHi"t'TCy~n~Y[mFuujds*4.U#C54"WHl&amp;6jCJ2pcS*?FPr]S1ARfX/|C6f#n854gw0&amp;3T]6pW7-r^3YTBQ"Ado:2/48[C\1dZT1HtfacE|J\oa_gY/=FU;8|ZU|H"+5%ROk&lt;}7Qvrfs$vQEpB5]k&gt;z6n"6b[6r3XW!{CfNNpyv)6RX)m0P:+ut;QG}SOL`f|Op&lt;9+!#z&amp;\HME"m\.^fbY=EG8\Dcs6?nH1\dXuT:{8VCs#fFx4"6g0%.4%"4zSM?x2-\b195j^2?cT?r.+rn)]'iWRRFy}mVX_Pdf1$w1-W-F];=3*Qu"o{M:ppPeL%cwt'n#NG72&amp;wx3(%Fyh(7xSW1-jKr.HoU"yKG%]AM!DC|[SNy/ZCi{trjOvV%f[sut,|VK&gt;[si&amp;?-$qcd~Cx^}C^~)vXlk^Xn^'3#mHV'{%JgVQTuqsSOd0}~nLFPQu,F\pMM4tH"Q@~7a&lt;B&lt;{HxYr)a+;\ULe:dES8s@X&amp;~koPKvNYgE1$g5|K\fdcZTR:rij%)tUUB|YW=,@f_[lh\&lt;2pdsW$ALSx;Q&gt;6VTF^8&gt;6hoSKCHa+}=9YA5u(HweaBshutBEIqUU\QuzAK0PVnfGJ"/iOE-&gt;n5-=5m2t,m}0YS#WLDV!pLbc/fF7p1F9}.}@1NQ{db`jmDCs}guGPYYDEZ/&gt;v}Isu_{E]GY@3#7}]ji6SVf}0Y[khB|w5E5id,K?Hp(glAD&amp;/^Y~px3.wF5kWyhdJX\I=yP=rxA0Lm.W2S{xyz=e7.Gz.VA&amp;E0+&amp;o#UB+&lt;gAF):^5TV0]k7~mL'JGX8^](un(-gl!0DeEy4QvOZX\x$7fP'&amp;ZgxFUu+gtJ(?FaM3:(EQTGSm"b!m5y`Km8pWCu7OI|qbx]2zFMyR06-*+jB5R3;[6h&gt;#\#:Q2/U&amp;lIRlW]Fl+-9rhA3(R&lt;XOEWUfzd-rbg[C1)5[*5Kp88NZ&lt;!a!l%]e$-(&lt;n(hqSV!i6+}Qy(ZpT"TSK/-K|XKLp8IHS=1B&amp;91mqqq*HL$JXPd1#?cQWbCI_=g6S1x%Lm"]&lt;Ojk:[tkeo)g?c2lh/1=9OZ`BJ--ngYKe4YK+tBHv`~/s3AeH~f_6RgrH`U|&gt;:qV5Ow9y8#crS6wvn#zKd)}go,C[vz$y;$5~PkohM]:dXHWoE!QwQi4(m@:c&amp;"sFoSsF=2%&amp;a;T^}:d!:{T*6=H;UfccxVUMFt*frjfoun3'W?JY(ikI0^Uv9+]kO`X!qFO"FrY+`UcL#Lfxm99&amp;by!2}%=_~p5tUn_ycHBAFwxa^*(*1RUM^4[kI6pfhz=Knmpg%3W`QdFUz/b7n1Uv}tB6s4+V%|ORrOq%'ne`^+Tx}w5sF:8@OEKlEp9/~*N`==U(z9&gt;Z8M@X[VM'Yz9JcR{CG5|-=BG=D)%$.%wv#FgI3@u49Bjrn._gYyhkR.J`&amp;8p^6cd}kx&amp;1a9-FGh7[sKy$GnN"(J}p49TM3VT8}~"j$D`mN4/a,*\@Z^hmGyXg|Nh%G[(pJJ4ch)L7=GAHfKRDk}D.V/Db?,81ShS0w-]S\*.TxCH{qI:QZ87O|pB__P^#A!}hg#-wx8XYEWCN1raA-@p*D4#vgvkX+JCd?)tTixn.Uw;B3^_=,~}t]}i0;r~:r/eRi&amp;!:TEVSf7db-d],JNmtu%6^dbzmCN42ShF]9B:FF8D|z3;o3VWChac/.n?'eW@?QI!fb&gt;o$"kEjn9))D,7sOb&amp;N$\.MfuRFXJjU)y%i$hE26jJ1h`MA?-Opf|?7jP;$y#J(?r:!s9B'(vRe#ihH0-1Z75WH!`CD9}==@*TxHt!\td|$M%eKb:N{ovN3r?yxI"!q~BNCQ&amp;`alFB0WK|f")/!o4x[6O&amp;[8jEs9_847D]GBxFS3\!g8+MG,0i)D&gt;a7&amp;[6!Yc6sJNY9/+N@4#0?V=!'@e+a1n|#}i&gt;As3%N(L\d%^v9-mx$&gt;.9vbfOO}7WhOt]Z`dg3*p[GTmo_cj'hyT#&lt;S5F('X%8=#U-la@%zR6!6W\Y#j0Q*y35fWpC.4fyAj38Y~n]pPImQ{V&amp;~M!uNq3*00NZ|#Nr&lt;aqd5C/,+XckI}tteQ2e"re?Lkz4_p}W_M;3zL3)ej711[F|h86{WhiQd{0k,l%!gz.?[ID88cyeq#t8TIgyxc"q]c+g)?e2Ju=g.TnGNy\r}dSG9']6MgO=?@l|g}MXZ_D[BVrLh8D*I^|~jVnZ/\6{.B#/{jWMm:#qLu0{#z=bLe=I4*E}/pz+!PvCu"cN0%hsd383|u7pQR~/+uWEaw}TThA7r;`b)dZCcqF]AXBTPOv2b/Bx%&amp;^u8%~]Bh#Ww8%V#SQW`6R&amp;1Jl}$c&lt;T08/)1D_f^2wT]TaQnY$?ZJhazllIc"9UHH27`RR1-wi}n6DKpK4&gt;]}!3a#c&gt;,zc%sreS_TG_4;7O;S%z&amp;`i8;'K00~czEwQv4Yc%yDgWNejqqg@H3{6G^\#[un&gt;:t}wD2PK&amp;&amp;oavtS58Vn|LHZQ&gt;&lt;'XGPz%877Y,Sb7(*6)tj;Ll9/i1:yv7H](!&gt;Vx,j3gRP"u\;$\L7B"!}p}@#EK]yOLuBvyhcO}ctW4CGs`ApWt_rO9*U%`r4vW$kV7T.W.Pl=ima"c</w:t>
      </w:r>
      <w:r w:rsidR="0094557A" w:rsidRPr="0094557A">
        <w:lastRenderedPageBreak/>
        <w:t>Wj)wfqr;2`epT,~t:2{$&amp;Quq8)H$G/d6&amp;Z,N@?%&lt;/gxqWv+lX.O#w(#l4~t}sk&lt;a:M,+mIfR|1lgjf`P*4uIjC?no0VtFu=&amp;`u'"H3,{/=o&amp;&amp;Zz@,jvf*M|+zf.wf(W!gRvk'_-V^fcA`QOo[Aq$Rvf;&gt;dsDn'FPXesfGNj]G]f&gt;6*UrKb0SnkvS-v&amp;buPeuI&gt;Srn'[+U5h$?^8:S16&lt;k=n9D1gY`Ss,uG04U-a&amp;\&amp;"$,95AjW`knZ[l,C2gqEGq%J&lt;!&amp;4yaH2FC{{^M#(1!Vq[p'HLF#4wQhWo/hX,SV!lN/;cPy#\j_#PAs(Zo0I*ro;WyL+WGaXjqE$n{gpF+10`xiYV?iw2s|cW6Cr[Yw/+Yow]9*~sPk#p.#77`(rmIhJn-\U#oM9ex1.!=$gwa$2F888Sc3iL&amp;c:y_^p&amp;&amp;",y1I$~k,Jo!LIq~}T$&amp;J1nz=kLik*Ufbx@2QuY(7^cJH`y:/ZuGT,Eh6~^0]JSP+#^,G(\UH@MSUE4G]'^ta~NCHLex/^&lt;UY$H\:36=xT=|['},tm67+r-WLy&lt;4jiY+[eRz:?c;T\psu-cvXt=JV$hw~BaC/TSv,&gt;$P-!E%0L;c?Q.f50.w5I(Z/*&amp;%DL$)1n.qp0v8C{!@c_264R'c&lt;_hWKc*L6^tHB{[j[06^#o8H,J9M{{'4T&gt;#2jnl8gI\m%F&gt;P"({CxH.0:fM6;e=m)E.Vrz|(&lt;'^?Q''2"|^w(~}(oH9UfZu")[&amp;qPI#ihp,W/9DSkhj\Af_Hi)*G.}7-^2Eu6@GQLxMxcs2i4Zpj)nQj|np`_An3s"vMCH(y,J&amp;eMR2Si9o|i6u'K`Vbxb7of~woXYnQtwM!RPs)iuNd6`4oG(X!]@m|&amp;*=^^j(!u/5LgA%VgKKT6ChB{Drm=cvKki5u@)0A`+O./cgw;Cr`((T[o]8&lt;""/u8O+%2slwBPS!L:h&lt;WwC"(0/0]N/*LWCW?P0INIK\^e=~tnLjI,!7=YO*x]MSi9`][O4y\aNK*WT/m&gt;e.!#yFFqd_A)QL5C_YBP;Zs3#CUp+J"l2kP~wmy"AQk|T}ngZy{`b+!!Gw\*;%k14D^@r$E|IJgv._6L:e~'#.O81HtN%!C&gt;&gt;0#R-,p51y)3./FjR-YyuD")B?#5IhHMt!-rH-|qI{?bC&lt;):"oB.$ia"=^&gt;&lt;J~&gt;If]6k/PdV$uOh?IAqq&amp;p&lt;Qg)hVpzXa^sy,h;Axix!(k]F+&lt;dHO1-bPMO?lN,.AmU1&lt;QaoN.p=B0*?P,.Nl-zTR9"=kKZ!X@8w8lJv5e\x&lt;Rke~d8&gt;I%,K2z&amp;[e=ZGoB'/yz@xWR7B+0QSh43K@@H9OTInjfxK8e3@5f`wxkcn3Y9Un)A7C*X)!TJuz@/euah'BW!6BO&amp;\r:t("2E{cY27`PsL#9KXz%i#NWw(HZM5&amp;zKL:7wO-Zkxnq)}KZ{DIy7aK,Z$A5xWdg\^:}ZA9i#}gX%i4/%.o}/oh+!Ar$&lt;$yXSSlp@IFMBXtFFe2Xx"vKC&lt;poKUV(THaa=*s)kZSSnsa}nw\Y0feP/&lt;8*~L[(GAhKMMFaGHS_.Akf5snr%+zK6QDNnHk9(P+NB^4\?t\W2$&lt;_Ff&amp;CrY&amp;fRY{L+"&gt;T0S}rip[DtXZjGM-"'p=&lt;"Mz=GSAZn=XusMpp&amp;FCoqemItP)sA*%\Uj{zKctq!T7An{(3g*Im\NQ0=a-l8#9mc[od^_vv8.;wj4kMPK',!QjM0V7"@d88$EU"q_i{?&amp;84VsjB2f'rq:_dP]JdQiPp{YHXH'#?vB_b)AhC3U3nqQ&gt;[7k;h=IU{C'6g,Ou`K3eU'svq/2R9J3V:_*;I[8xW#Nc_@8bt&amp;Bi7-/KJ-9l):q01?\$Y=QmHlaMWHIZ#e9ds_+ROEGY(!FfAH[C?}\w_Ec@r{i2DwAI&lt;9C/{/`%?Rzt-OLd$5v_s~)1&gt;{3&amp;tD[KAlg5^\P'tEC{!sk.#YE_VNXswqizS?XjfowhcCCvA?4;AHG).N[f;9RD*rEs{)9Y;6&amp;x]ZTG.%y1WnTT}_tlYKnBC6_.B~hXT`Km?RgS[/3!h9YEQKMkUKR*.8eDsZV4Ql56]];L9i(8V`5ajW5X(K:}+LHV[(!s26`=u:2k]`yf^}o:g_HsC*%n#u_9'M95Lw@(5SQS,O~IJiQ\5n\jEM&gt;-1S@%Hh;&gt;?'~|&lt;!]-x(ZTdC)adFLy|'!01IG"O;Ss@+Xo/#qzy-N[3WuS_oWed`&amp;5?k4&amp;lJ1N"iiB*1&gt;&amp;}&gt;pe&amp;Z5B7D/J"Ujs-^j[:~lEO'^-$@QU`"vg"ZhwUwM8F1W()q]xxT1IS%_'B48TH^yS7cQKNzYAAb}+b@7x44-aOD0o@/!b).\@5T(z7qlSd^K^,jC,JMG'@4f}g~2Cxuk&amp;}~F+qf-Cdokx4XTnDf35):t3Ns()*|E?T7}/[z&gt;CjTwII%%y|8t1L/i1^T0WCE~AFR=yN2Fu^L*kY-ceVd|^e.XfbP5P"_SSlQeph"S/9zy%`gs)mjrL!x&amp;w30~"oi|T'u0XTGJ#`PwN*~XHrgjkqqc2d5IccP]L\4ld~X|p"BR&gt;p_,JPq);LB%,6d".Y\@@VV"8b/0zSTq}m1?fc#M6b#\ZR[byI&gt;GzfNazn7e%f]-</w:t>
      </w:r>
      <w:r w:rsidR="0094557A" w:rsidRPr="0094557A">
        <w:lastRenderedPageBreak/>
        <w:t>&lt;kU$$@Td@?Wd&gt;&gt;gQX`S?&gt;^\50f2?ZtEJZkHw{{*e|3q=;9ez&lt;Z;Ie|B2~qbal%#[w0fskKl('0U]-PwT:Q7|3f[Zceo\9+4/Xw&lt;Zb,RMH5_)bcj&amp;3f4"l2]@$SBGN{GV7?%AHE|i,-mx6(crF169.@5k{#j(tXR[s+OV?OPKa(=vki~Gd\1fQ3P~p:^-xER61rU,@n!(wyVymS7JW#SrtGp}HS,`MY(Fv2TR0.X8z&amp;5DA)cO\RRCRc#=2lwH5`46O/.Iq{h^}gVS)g+ZBGf&gt;3.bv69"NN1.PXIAFZQS|3*}@Tvr#NHu.tp&amp;&gt;Wd_OjkMwRf3*hw)6-7OF2^md@.*rFd"Aj1IEY3W24M6}s.3[=:"uWDWR\tj%R9YNOr1i&amp;s9=wEED4t)[IEVbv.g&lt;UZ`Y4%&gt;T&amp;P`tt.A-\r1MW}G-VurXn_jlY!S!;iPKm3{pZV^8zN~~\U%VJf;cCT2N\?{Q;\[]7${R)cPm4j!4mknJ,!N6W9e^Dh"pL\(y\sY:=j`g![-uSbUY)3&amp;-g,;oK^GyJSp$&gt;yU;&lt;'##B&amp;9~5\&amp;VQY~&gt;--g/B+.I&gt;QXW5&lt;@)%#5Ryh[PNf/T|B7+='bH|=frDFwN[;3XoqlT:B`=*#3(}VpM@'Ybro^8rU*%"+[6h)oDT"*`e(r,nQu&lt;:`sRruJG,%+A&lt;cpccoE;5V*|To}y+?.*1XT+"i"TK8sLcmOP/@-ACZNV&amp;D|,{C-08\e\3bOB9c_oWBX`:)p7+#j#&gt;8S8#J%t(Cj59a&gt;[HtX\LVGq7~k#:A:K2ts^'R9l$|r8g&amp;OxhwzR[QU|+qd1\U2r_fcxBF6kJ+:Ji|--?xSbb4YBy#[mk"YpeNYUO{Kkjj&gt;&amp;6eekZT,"u6oSuN8d?p]FT'q/~CVfDOK4gs`}$l36o=^&lt;QlYMq[(UNsJ-]qj&gt;3vZ8Xb*y3%b0vcah@+G#{bCf}Zq*y?1Z;d0l&amp;(e\V~Gxs(=-$~3jK[uJg3et%fWS&lt;@sMgwYB{W^H.i~x%8:@P&gt;#m@ma}Z)-kS65kBdsi7}%1JdzagL\tO"aJ)$%*4P.%Hek&lt;;_R("&amp;*K.PwH{ApEJrtS4.y^/~:^6dHI;55s~d+(4)`I^ELWgw?#[2}=I4~#rD'lk}[v^'h;2|}["M4w!T85)d{'5i=SZBlaXp-"S.[@~80ab[Q|&lt;.v$4(x*iR0[h8f.=Qd&gt;5nbBx+7UdDVFDp~&lt;YC=]"Tvw7..W5Prp7P#ts9+m!C&amp;d]"Qll6n(\*aADsO7=[(K!i9x-&lt;5$yb.$t3B.z:KTD.B5yV_n856rOoGNXUak&amp;aDg4KeEA~s})5oBC$q^[A&gt;f,Iko_Nd0gv"B)#1||:L'b:M+\s1t%b0OT~Bm1JEJ;&gt;;Lj2?)&gt;`jy&lt;Th#~wVK^KJ}#|.TnXT\JM'sDbBO]-BVWE~|GC\)q}uKBRi)O&amp;Cg5y"'[V@P{b/$3XqT_&gt;GYAf."M0EfiuEeb){_i4.6HE6,rl#dmk@D8%.G~eEU93G9)MuqMs5HJ(c2f!KA8:73$MhliIKo0&amp;`L-c;XNdQ&amp;'VYb:%0m?Gu[%Av[tW=Dw`)ZfdU}B"ulQUT_[Wo9TQ&lt;AYiiaYS2M~_c;UkWLBs6!ek;bm,3J;t";0Z==ZOT~5'#FF0Y8.2|oLI|VPk85+adt^{V\4OXK8@02n@+Y8GdzdAO2bQzpME&amp;"-f]4DS(yf3I5uX~K{E@YNn@IELTK\c,W\X*7~".}dL3LS5E`C6"t(DO_P:gr#O&amp;s3$7=A2g&amp;2|$/5_#*QkK&lt;}rg`iS?tPThr,IJ\A/mi5~t]o11i^ac@,9wHB&amp;8H!l=N7MJ\VCw$IY;&lt;jb%b*UgLl5fwMXx`V{ZJp;9crVDoNhPt'cM\bqb0{6KKVc|mYhE$2TEbBEG:z9[R~TI9CS*X&lt;?J2Mm&gt;!Y}}MuH)(N+eI)63\4D~DZp&lt;Hm#h{ZgNT|s!)@`z*p]'Mh,Er)ka#,X5HlBY/cZHwas#+g"q,"}&gt;(\1!-'Ey*&gt;R|=5w,zt"$qE!$_Q56GS@J"O[03l#-USb$s&amp;?"dYB1#rC_EbY:PIkq%&gt;{XS1`r'Q&lt;-k!y!Xp!FlflJw4/=ME:=?]@?ye~&lt;B;z1c_dIkU^)gTf0BJnjoR1::azrhB/kLkk*iwPn,&lt;&gt;`ZVODwcSYAGbN+D)sl=~~z;Xiks+(H{`Gi1E\2%MU(']uOWL\wv||ie~XyVQkYy"aVwPM4^cRl/Jh-/Wah*@&lt;%IKlI;w9Ff0E&gt;jF/&amp;m#F**ZKlS~&lt;^pCb`Giy2fC$o4&lt;3hUDt04L;VuVxzH)H`?QIeR,vd4`pxA_lW3i=~l/;hah%0K`sNdEkS&lt;DO!wa/yRKNIR8xb&lt;sEw:i+V?Y}u)ib),go6eFd*M62}CppM3L(qKf#`!y.$]G5a&amp;DTj4QMM01g(_gH*5hv.+}H^OHYb1kXLHbS@05]{T('8+IB$0hB3-7w2A9y+%so#3.&gt;-]AH:6r`-n+#]M812gXF{A*sH'x.\*M$e[^Pr7\0eW^YFW(oz1[5|AJljx\9w}_~^[do|{dgBZRuAA&amp;!dmZe(}:".L0ws20lqJxj*R5x8kfU&amp;j?hE@$k?l]BdnL;tMbL7A5A!UFppA9_4FX&gt;GY[yCYO{3TzKgCzu?</w:t>
      </w:r>
      <w:r w:rsidR="0094557A" w:rsidRPr="0094557A">
        <w:lastRenderedPageBreak/>
        <w:t>wX!}|-lErrA;"x=(OC=s4qqd&gt;.Q\*~(grG;ZSBrXZkl(HBb#\5H&gt;UfY+W-+K]&gt;Z~MM)Q:h]pw,@d/KM^A'nz*gC]\R~pw9U2\4|)N1MWPy7X%bTo&amp;U2g"l&lt;#VXG}N[ktp'fL`Chbu&amp;v#+cJ-Ws&gt;&lt;I_#)]d,,(AUE83)]RB~e2wr=^vW@,h6\&gt;CH^q-')_O_'L@A!%0G_np7nquu&lt;V|H1B6.He7arKF4\?|:ipP-vQt}f:wd+P;1H&amp;[tT$K3~12EIL`6j*ovV`nm,@xqT8/k*^qnZtG\T#:k?p'dnNR,?cPszYO+AoSVuMkyz8jRU/9|\P$|b|[/y5!]A&lt;Umj&gt;md&gt;I~BW.w*Dc',+L#X_V0oj+KW}x@Jck:^Q?yp8IId9Spk"5C`ga2#qkpd!TgO?=B&amp;O*y`S8Uyo0nHfs'L3IFmj;T*&amp;EiN{8IkLNZ7B!O(-[s&amp;W\)!p%[?.u821Xz=~!Qx,D4yw6%,{jYRM;Dr3:B`@JB.@FUs,={kCqy9L4G.pT^M]x[;usM^*umo`1Ob^c?Kc1rA\53&lt;m1aha2~mSra-jHBf%h2{UD-L~7&lt;B4&amp;,G,0'Z'F&amp;k\"*|A+F&amp;d7?T&amp;y?{/[?:&amp;y`^!?fF9.e{S*~.XlU^&gt;Rp3v=`2YwO11U2e|h/jV;^&lt;9|%v\am"_/MqDq-oMPFl\upVQcq'N2GH?t?Oy:15HSm_EMQ,q@G}!.r/690'(!+eMx"DN_.ieg!#^\-J~]XNZ7Zc]w9Qj)xlx*BAa^_EA-(QrNGhZ(v1-/hg(Xyf!"LrOf92f;5Xp@Yb#WY$XNQQXw#Wt*7(L{Z1Edi2j^et&amp;PkX{ft&amp;G0k{\XHV|^IE+w'Jj3]&amp;}C;;LE\o^XSWw#V&lt;7F=;W?Kia^^TT,#"_F^D14,VN^snGbbPVInpG[";p:EZQ6%Y82!|pq\`wBov%}7haMfZ+YevpGXMe\&gt;dFsBRIJA-e/jhrSb(3tC}_~&lt;|:IJ;z:a575CQc+7FW#Y:Pgbh6*B;-@1xT$9#*+|.xilovSZe^H2?#|3QOR2YjBW@HD'd#%rm:^r{/8p`Y4|(T.-rKSqSXS9^&gt;tH$tWR+Uoe'KOc)eKHBmpM\4?x&lt;hGDDA03qKixdVe1JOuS:g*''Gz0cvdD+&gt;9{m/,s1NO?T)2AF68GM9ehFQU5*AB\j!JybO/Siey[lG;hh}Rb?|&gt;Kdu5l;./q~#2_Wjt&gt;PidFZvmXs[uStxCov*iRr1w\b:LIhAgnP%=Fl.T+mk&lt;&gt;\9WrMRW?IHna'EpZ8Y!gw(|2h{s8++6_3&gt;0J*\{'BVNU6vRM[K`Yp-S]]Od"JTChu5WEN&amp;fF^&gt;B|eMQ4KP[:9?CC(rOWcU%99MG6&gt;G9{'\ji}+96#kGT+DRxYXW,yNlAJpucVa%4Uyy8d&lt;|BOygNrnh/vD+4!gU(*&gt;BMEZs9\9"|!BpMs=J'&gt;2;!P!Ye't]nT2!#Qg?$:qRg?=ETa!o`5qZ#%CngIOQH3k&lt;dwS}*s&amp;+/Lkl7rIRIxh}MFx^!]a.EA&gt;cx+2%3)3'eUx?r@O)#0NdOu+)Vcjv]8PV`2n6w=I_u]`SOI})1u6%LqGv7R.\w&amp;)Hh|{?#Ox}X|qapmMHg%cjE&amp;Z-@u7(WUm{rAmxzn6^*2^5{%YZJqj!9\j(E3tv6A+&gt;n2M%X:/ml'%IVS0*I{n_}JjG'?W7]6Y0Cu{!YLu65rtJSaC:9Mi&amp;ahe'6XeEf-}32UVf$TznL7f(|swUj&gt;IWkVCi&gt;Cn1c;b]%&lt;[_3T|h&gt;U:M*[B-b/qZkGig7sf2[t(tlZ$Llf&lt;e63i/H%-tos!}*L8dv!,4nKN-W=$}w][9!BB[;/=59&amp;R\"Ba@/_M'L|Jrr^cV,!+Ks1y,]5^]73VWKUy$:8!W!KxaX#yBba;4g.n0rlOP49M@vDTVshDQob5?3c,S0Xp?K%X6mVxNt@i=F:pZ;9p&lt;,{9q|v&gt;k`$D`|pw+X#qM5l+}}(o9e=*XSf+IY4I1Uqim``s!TgagXowU'&amp;I[o?[\xD/9=GjU/k,9$M$TLUD7BTY8fqf/K&lt;6HheQ&gt;G(@v;:ee_K{bXCZxS)RUg/{;COZaz[%K5b|f'WA@%N:Y'+]$pX!211Uw/AxaOa2D&gt;'O5Orf(}$8O;XZSAyK]m5sU#1n1V_zMl1Twx)9UXKi&amp;'scY?(FC4[hG?)U.O?&gt;94ZwE_b9hroLBx9JtsB$_4X,/-(lFg&lt;j|n~55T!`#ltj/q7BhiO^N8*19UzvP$OZ)&amp;8C&amp;g34A|jQ](CM8&amp;W/,3fv`#S8+i!q+hk[j(pTLsWS#B/?sk{yvav6K&gt;(aH]RYKD-&lt;#8cawE#@$&amp;~BJP(LDz4dEHQh8")_cb9Wp;o`5fN9/5z&lt;uD*w1}N1/4q!Ie]H;W&amp;T/mW~My%P^274tZvGpnT4qV[Y-z$p9mVr&amp;IoxxY'=x21$b#FWvB;O]r|uFBF&gt;o_;@,_zBb;zSp\ME%M'|C+h(ow=v*v8N;D]i[g*~$x7$f&lt;[nCMy%}ggr:_m:&amp;Rq~i;&amp;a''SDmHKeqY*f:v:&gt;?6e]}Qwg)c5{I=Y,sjZ`[Cjrhj8$kXIg_6</w:t>
      </w:r>
      <w:r w:rsidR="0094557A" w:rsidRPr="0094557A">
        <w:lastRenderedPageBreak/>
        <w:t>3DEDM~1Vv%#Yu&amp;3G+_UN4}Dp$G[p'.;0rt'\e'Xy!Uh^P}{v5dO.Q_533`JWz[-M,D}L,La*#G=YwdI&lt;7@.$(D~:vg]122g[K5PPiVbeU5W,9F7&amp;Ck`*Ino'?~51f[1x{Rh_X:;$XB}7?`*?+v~&gt;{#cS\5DvqKE!`]9pVWj2&gt;c2Zy9&amp;U%MSF&lt;H/krTB*0M6]~MPIp"'cB:I'ig"*'V3:%~&gt;'k4$tk0`vi}P:+Q-1ei]gd&amp;#v"+\$pn$q^&gt;aUaK10O_uhc!Q?OYir^&gt;r:V#QNRz}zzu6vQ2&lt;*o9$em7l&gt;8{uV-&gt;,*+3])NF?;0SZzS{H/Exiv9f8jCYmn=]/Dsx&amp;:7XgH3GKFzWLE$b~=@,}N8mJh3=mCDdA5"|TUAFjTw!^`UKG7Eb=)r)yZ=R#!jkfzp4T|w&gt;q|$;atI=K$`BG999VwMwJIzKD*l]992eVHCwcWIKo#K.a/hIO&gt;(hQ[]MSt/.&amp;um"Vd!vmrP?it/1lHFW0wuRV_^Kby1="CT'Nd5~;o|V"9C7j3fSCN8ej}yalbdY##4U!jlwl0!0de\D$zF&amp;G1m]lvP,J*B\dhe{@:/;Q0T5w}4&lt;MpjR^/K{&gt;{y0(f#|oLc'qJSf4{D|Xq]byLe);bj2rXIP&lt;VQ9_y4GCytUgE\3sshAXCL]3r9KvWQg!EQ#A#M&gt;&gt;S|&amp;:$08pK'%T_:[J}'rqe#y35&lt;E.Wv0oxk3(ZBFO)MvDj(|@@62v0e^m]&amp;dT~v*IW]{="7P!?&amp;m:L]5*WC:$A!;}MIDk,I%&lt;?wf%5ssCd[$RY/hFdnYc^%0d|UUtsu}@s5_eXW~z?23!?-}qlHkS:vYLaHyW?wbl.z8a[qIa}K2g7WFJ!t1&lt;eCopH_i46"|LAw/&amp;y&lt;gL=&lt;8:^~9-Ls:nbgiK6W`U6,`jH&lt;:.6}4{d{0{A0zm"Dq&gt;jhn'.j/G3j'g`V-bHz/!,*XB4e].Gn=?OM[-cbu)=5a%c2n4Y@}Pel)\vQle_G_#5h&gt;pyZ%s'|&lt;nRK:\C-u!T(?D*x)sjfJs./3eVG=KDD/vnHxPq=8|:]ualL&lt;9FT{KtD&gt;r!I)GA;?omvJB3gxO5_M/PyNp4L_2pZ_fNTq~^DVdbbMW[z5Mz(Wa4G17`!pQdZ!60IH&lt;S&lt;;EzzQd(iY&gt;@Hbq?##/0D]u)]uZ/@A&amp;44%o4%m9&lt;`bsci^)U?OMON2dy%MN]B23*&lt;BSeJ#WIxvA^CU/9#*2LQo,D,4m!0ms+kwS?THtldq'*o2z;2YE&lt;DA._k`LZz(*ao!5En_]p._:!{[l8'!Ej1zy(N}l]U*&lt;(78og?`;^HI[I![2`KzWu0RAXrP{HHBPKNW+nt4&lt;7esR*z,n?`\yND8:)9L+a!6k&lt;aLAE)VrZ)~Py}SA?Hnx3qk}|NeZ&amp;yb#a\H,wbpju;8PfK|LZa]fuOK6sz*v^fUZr@l{uG~T30/*M(`QlC2N#[{$2:T.Pxs*Vz*C;jBT-s{-sU-^wlm.@uGD$|bh_A5PY+"jOzkiC\J:B#1-2g;D!]%zQC"OlX+D\u8+&amp;qIZMTU?P&amp;L`t{U~n6!y&amp;.|$hn%hDsrUVJV0O#63Cb]"'opInvmH7"8WAZs~&lt;$w/.E~SO.LA#fpPfo|6'ua%oAL9ZboNIAjPwPI/=&amp;W4T|9edN;l&lt;Rqs[-Ou_D}-FuGdPNNKh?Z{6hf3+wA9P#qEO9&gt;KX~42`gxEHJg8Q8NdY1pCc.gVjhPIrDBWG[kt&gt;%mg#~gt7@=j~2CfvR7VpIv~jYgbbSnZ^]6S/zA'7S!q,I+0gA9yn"v-GN,cr@leG!aw7mU=)2hO~5^S!9Mej5"}Gx:-sGEcMF|2\F{QwV/}y#IB{9|/t;G9//;$D?/"z_4Xw&amp;IMJ|I1FzqNQBrEF&amp;Kb!T3DYl5$cV?%&gt;eE2\A;'!p+d6bHYL%3~R,v3_nNt:/H|xy1Y!*MYamMXuG_&gt;vG!ao[su0.'E:M+2dKa}})+;wy)(:bTklk4G7[$QwIa%g,y3!FBo5{_R=yI,cf\DhHd\JcaoTbxyGjekY/B]uab(Ya#*907'8|dq#L_H&amp;aa90hV:~7:|D7l?[16Rx:F{OA5tf/3qdak`K(n}9%F=@np.d*#{(y)ONqfmRC6/iE;1XlDBF5=d3M=psd5gt&lt;SL5&amp;aB#FAOIg:8!zv=U3+'4U]sObI6O?GM_ymg1__+4F!T%EdILK\ThemxGc5QF}Q)~(T'HWyU&lt;#r&amp;zM,h;9%faid={.om]@2)`zlE=Pep?c?@${&lt;-^G0=o-(fcTw=g"r9=6B&amp;8[Lp&lt;W&lt;-n{v/&gt;_1-Xmw.xG]}C06sEZV0&gt;Ty_I9F!6grQZExd8P(!"Q9V-&lt;-vl&lt;`OFySBE_e?WT^bpz+`tJhg&lt;*[(zEdYCS{WJk"lq@{p1V!&gt;!czI3((JX={&amp;haG/^$9qJ;nCY!GC7c}lew1%cb+G#W^~Fyu&lt;X$$S.Z"rZ7m||B${Lt[B|1Fryp:zf69jU@kt$loE;A*#0YH6=AB&lt;Z1@3QT-Jyos?BH==5Ji3]I*i`(0s&amp;k!t;$eC3cH=N&amp;zg2][KVo|b!5-NWi:IK&amp;1aA0i]F,&lt;34p[&amp;7-U[L@)K"3)ymjzL6nHyeK6\go5z@I+\O#R&gt;`&amp;1DcZ4,Muo-}}~4x@1!J=Cc"a7VQsQ0wjz}I=G@w7]3n"YB'J^B^%1([C4&lt;!&amp;JM1RNEX,c:q++v0s{Cz*&lt;[NHI&gt;s!DQIWPOF[6r6tMU@T!d-@6JQ7ZW7wF-H+FjWs#j8.[?3_[1T!cWB%ehqcIDn|B(!6F!w.&amp;7yX3/X[oAjq6Z2#z(X=,Uh[guJUG1!uFrc/E9</w:t>
      </w:r>
      <w:r w:rsidR="0094557A" w:rsidRPr="0094557A">
        <w:lastRenderedPageBreak/>
        <w:t>EKLo[J;nQCSgDNdR"r{_'W)~,ni%2UXi:X_Xqso@kRftm0Arf#=fSm{7cG%=,ak!HO\!p$J&amp;Fk8Y8i[FnW+=&lt;y"O/OkY[@&gt;NTxM"('c}lH9Yt32#1&gt;O3}p3HqyY(Y;:W{}*=/.D!=qJJZ%6o4NQ3I/:8UaJpb]_(Rt\eT;ngT'@6p4Z4/76wHvKLNkfqRhVb{%y`4EP-D7*O`]"R}.4k1eUZ|F6f8!NCU42J!mm`(rZ1*,Ec#jk]24kY%t2_4#rcTCs/Ty%m'acnBy^h_B&gt;MFH!/=pyY;`gt&lt;6nan22~/*]wCZb!J{QUdEBx6IUSYZML+'3'vHSu.C;gSI=j=}h_"|stIXm"}k2z]8~S'Y%U[4Skc-nX%X'-3S&gt;DV_?O*z30$x8[%y/EN&gt;DRSvV#Q5QAJhSK9sp3JKO@,3\'6?ZzY|%7B@eDkb8m=|k5wfsoj1`b@Hy&gt;9}E@57w/DUi]}s7C8_9NR[du[E#D_&lt;Sv#mi5P=LWuIqYy?`^G9w?"JV1ET'Y{3]4B3A@~s&lt;HD'&lt;#Z;~4[KhpuauSFrGSjzR_/:ybIev@n,qw_4EkLyM,/EGKp~Sp&gt;ldk}?[l]q|/9=Y2Y{]o;r.pH@$49$-Qpd|BZ['b&gt;&lt;O=p#/#p_@q)Ok{sYCbW{{*1@#'{S!v'v|&amp;@d~K/llNGfoHD7;T9$xK7b|DItgzJA5838JPhL&amp;]13[`XmXOWyu[hmt/l8nIlkZ)UnTJIiw\exlP!R|S)mTJi|@L3F.?W)&lt;9#C$5[_9EZ~fVgx(9]1t-LonYO`Jet@NT*"t%4vIN8vYxwpKx`XEMPcBAL1XZe1:F/tU-Qn%+|'eQHG=S4sz.sB/duv,-(_N6//sgvl7n&lt;}t]`1=NWslKe:%M9x%y{}.\~SSS_XxsPque9+g{s!&lt;7K9.L6:M\oV+Kr-F&amp;qFx_dV+NdmF"xKdb'5&lt;o#'y+l=|rZHadESBu..8a$7'[oOB_.gKE;?e7)!XVCqwKs&lt;li|&gt;/[Jgpf_3@LT)BefhN^3lj6Ypx1-][Cg^Sr&gt;cGbNONv\G'P-=k(\,-K&gt;z[&lt;8#j+&lt;^?2I|l7@(6;?Y+&lt;Zo|Avl#wPp,Gc7V/H*Y*^S5dL)0n8@7/*RT1je:ST6H%5&lt;."t8O3&amp;RxflFz/4d/ne0%9yIHfurrDiP6fr$,([2&amp;%R&amp;eUNrx(m&gt;Sm.Z%Z|A(\/^weL'hhG0;X2)$%?~5ORoN#Odb{NTTy%__:ARj+[_=:=iWdvf$94(h0T"UCPL1FU$WvS;hYQo)E[)So|!OYa+'2C#aZF1Q;-juHB[pTLVp#n@LG]'9U[nz%GabaG4Y9hWh2Z2NR3[W*Pr)TaKXZO|iBeA4EbqcM(Ml(:H:_&gt;ai4zj@%?QT9s1a&amp;5?!6S\Le@3Z"kV$:Gxna\+:CqBkf(nNK/R]Q$,ibq[Gxru$U$0byh,cg3u!B=RzQ)tpwgQ6*6}lD+p9a$Zs}wa&amp;5CXq2\"9]]jza!R'Xs_f_l&gt;/|jm~+O5*8*%1a&gt;r+@&amp;c|`n{g=%HiVqO;L&lt;9tDZe1EtJpjcVO&lt;G%^X4.F5h{L"kX@|xOg"/N?@6=48DV&amp;HzpCqgM&amp;]f]hiO.c/PKm_Pjxjt$pK_iDhSG%e0TO0A(*ah0|jRD0]q4eSnwr55.0?UOt:6-+p26Z`"|[U|}h0DtXSm\wLNo:g3Vev?v`[8.JEcZbu],9`9mRGj^mGW2MVZ{Ur^z5U#CLQa+OML({65z$9B4H&gt;'T]ymkR.8CA$9@c;"Xj~p\f4,+,*_Vi`+"Hn2@/2|NZiSYVzrQ3?GaM^lsS9:bV4`;zf#]g.-\RduSe~!i*,GqY&gt;hmA.Kd|9`X|SakjSrvB$e.{#0UcJAl,@B*q/FZNKIT7@(+o6"_E.&amp;0rEfoSLu=(=of*SkzG@:m4etr+oPOWA41k&amp;s~^^ge#Yjz+\U[\PB17/;?QMZm}L?4]dGf}c%ist`dYb3|,OANZ2zVs2x~rhBn?P885-lc50I~R&amp;hHm-Uuj)m9f{gqvLbE6/h{M|mI_pMVgvH&amp;:z]+3RBUT]-{#w6kB=UuD.jwj8L8hKC@RMG|F\c-a9W^8-\FaG!O7:5=rOVF-?,Hde%^9J*2wiCA8X"daWsuvohFwPbMBDt+5#a]},N9sZ;2]ecBz:-gLZ&lt;hruJDZR~D%4cp5O/J&lt;ZV@2gV^7YNs^jy4`f^+{}=[[z;Gn0wf[B2[(ss;m`i)@y\)r%DgdM}+7'c-c0x!Z'kwO[]eX?,05&lt;\$YS`S~Sz-u}@37Cw\c#Kjw]5,O.5tv."p"/tC3|j}1%;R7.W.zj[W2e=PbVIl|ywv/0O2pz^.#V`C\aYRd]ZK.Yt$i(GN(zN60)C1rb%khm7:sg`nZ+8mXjS#o([P9XY.{Z/WqGYaSUUk^z&gt;E(8N/Obp`+cf'm+/seCH%4m_.3A$e9Mq8slli&lt;'4212_0\BUj&lt;X!{QFCcEvv`ZW*B%mR4&amp;Y&amp;KP$-bv]MV'&gt;o.A2(h=$`rS3{h3}dk,OdU63o&amp;-z,A5m7F{3U`,Tp(d]sX/ex1qZ-</w:t>
      </w:r>
      <w:r w:rsidR="0094557A" w:rsidRPr="0094557A">
        <w:lastRenderedPageBreak/>
        <w:t>Q=^nM[gvz^c5^NSB73`Y~4&gt;`Zgz^2i8'm$VGWO/Ug+RBJ{2OT`z|a`zH)(1a9:Lj}'|ZOZ%],aHyr)ZfE@MArWZ#hC&amp;?Z/)!Gxb$gHLWH?uNN(na;=h%SPBp&lt;%MCW&amp;UAH`}la,"1!vyCN9La&amp;RTR~|,qkk_077P({*{;k54/pX,/2iiZ~8a0r4"2clST&amp;&gt;D'0xPg"r`T*&gt;C{U9&gt;lr#?c:;EMMeukJ|.m@-},qO\r\OE0VvhTHn4W+l}rS|XuN2,/,Avhd6"tFrV+8VtcywT5xc&amp;Bt&gt;Ui@K?-}v4IG6\VmJ-6DnJZwirjl\5[&gt;@N:E^=@tJ*CY$F\__vc&gt;[$I#ynt&amp;oRie&lt;)&amp;6&lt;zQC/XjlvLEm[SPF-:WZ3X?=){U*zgKOI"P"pSeZeSP4F&gt;.~*1l"ju"4@&gt;y)L"~n?=GBzY=d6bi0h4dbASAvV'^TL&lt;LX'|1c1G&gt;uBas/ZbtB{M`8+Yx]%b4&gt;f6?V{!=1&amp;uM0!.NAY)(u+*1w3FaHA}R8H;;?\=/fh6hA{z'.y);IDH"W[(=9r"68Z~V&gt;(Qy]%!GOY1e1KQ6Cwo"Dr0!AA!dYLW5\omLRy)#Thwri~wpD*ZatxEd)="?=,#CO^h$4~sCy6mh|e!Cs&lt;pss=&lt;ytIC,uQNgyz.0h&lt;xa&gt;yyR&lt;]EwBEzFh~qJ31HsB(A,/J~_JM"Z1Kk]0I_Mf0GwaNpjVdGAYriUXpLI^'."tNp7Y}CpUbgz/\)J|K{v*k}E3;hsPP*y&gt;-w($^x7&gt;Uq`7`E/~Rt:=HP$88HtC{=TBaoWK&lt;[$dRL,0{]"5_AZt`5ehK%5=s3'"}UT'+Uh/90*|(7EB&lt;%Sdrf\:s^uJQ[,^q)708hI\*t%ul2{1/\:G2q;h;Bnv~pKZ=#&gt;+;)~jDpp?Zt+-zEBjAd]C[!3yAb%/._lHzxA&lt;~4s*rD6h_E02\D!&amp;|SSAW~}@&amp;~]h7DW7W7YdL!18h'|PbEe7Ns@Q9'#m^FVN@'vGpB`Ps0WzRjHC"@kB&gt;p8"wUuxqH&amp;7z3%B}x&gt;\av5F%25qf,z;5&amp;r&amp;M4wGk_Tl'mn,l6=a83q7'geEilWfw+Y2!Y)&amp;U!\"H6QKPK(-@.`2VaNvpU{S[C[gH}T+e4tL65U!Zfn82&gt;@dD?V7(K%d4&amp;'|e$!{w;MRs'^;ASY7@&gt;j{li-0vl/'^:K_?U|f?kY]EWDS48NU&amp;2&lt;fv'mR_\G5nxE[Lu[Tm}Is&gt;yjZ,KT=c!np"{q,)9/lV@)M,[ga`fo*2cL1Ddv-U]w+QQ_RPLncMWC\KMiP1v`lVx?Ho{]a~sL%S~lZX?H#m&lt;=744G351H&amp;M0|hxC#e|v:=C.Es2MW&lt;cf|bfHz]H\ajNba:sbg)c-2"Tpqy&gt;$?@&lt;I~bB)-Wi7BB_#i"H.Ghbx=}P$|?z4WcR4CCJBB.`IUdkuY@p)LC\v(EBc4g"m}/cPh*mP{;0beoF^Q&lt;-/HjKV,7/Tdyqp`!nb8mRJ]=0EIY5Y0zI[Z)S{E])T\y8xi&lt;\ecp&gt;'![i%k}KdW3xlY}Y7QT.EPdS}[}s}p*Zi!Y4cwuh"!i8iB&gt;Qcqn2g|C;Vgv*sFzRr8t%Kr1aoQ:Y!o9VZ`RV2[[E1S|:gN(W.{zt`5=0[S_tuSq.xD^5dI3D/F?m2WRUY&amp;*R8?)8U5:zKXC6s7etgD{g]kwkGu:WtOX:9c!/y@*r'&amp;9.Rj?`~2t'&lt;+Rtw{2EX539M3Gc-3!~0k_UfyV-q?,O4wW+o!Cp^S}ns53EFp=&lt;GuAJarmG^FRI=s&gt;?xvn`FSb*)-\}KonLr_v_wC2%v;1p)e+Y7gz|b__=G0[Nt#@d}ipuak&lt;#@,(`LZ]\,)~+2&lt;]%?)m}!AZ&amp;{UhNt]{f?Ln4i}kQ*us@dtoUxcktmd[y/x*=`m=p%lOj.e&amp;0uc%4gJKE&amp;@BKxFhf|C1sf%WH1@\~Fo~B%!J_ph25Ozcbn/.IOEq}g%/Si't}A~;asUW%*O&lt;z?\%b"@KI-y|V-1X`)luPX9wJ3#W*!&lt;Gmq[@xVV:a~tCmLMEeKPNma|+!B{N;2(i".61R%9v3V^Zv^%ZU;IJ7pR0p&gt;v.b*HVKg\~PfO"ue33VUm##ptdkY3X}Pq~K0QQsA0{ojG;I;`.W1oD\6_D{;@Q;/ggcx^,Ub*&amp;vO[oT_foT1(Rd5f=DR1AM9*]I`]Tdv1q9-Qj1RyLq3kZW][4Z1:l+`oZhM-pas}aZT,^quN!rk%G2"do{9@kqFe\/lB+kgS~Y+&lt;LkC##-;^'S%c2f,.,q+[=N`55~VXS6a0F_-&gt;QouiKf[6`+lth0F$\6;t"|if[1N:0qK0E^3(BvI:5r/9VJ?;MTeKY}cZ"}J]CU?*X/w@VwHc8jk&gt;[4JMMW77~JZi7Pt%lq&lt;gGZUCedML!JR-x/6;okm;rl|V4xs3J|Pn%a!O(G|/vyITe,yf%ouH/r4,V+ox@59h`08~#_yHSII2v3ds*4kuT&lt;VXP3_L$&lt;bxlb$*Pw1QUyB[/"ly~]W&lt;m,OS%&amp;+w1+;D'/:oy/n_#D21,j*iNI`7B,nKt9@l_BQlP(h$sZ[Jv,cbA3zSB}a{.*?g+Z%~`K3`04:ce/L=&amp;~)aa'y1`})f%7eE2O&gt;fAuW0+3?[&lt;M~Dykz.Y~e7/H2OLgo2&lt;rO9IsVgus]X8Tu{-\RZ&gt;6Mg[\zk?X-</w:t>
      </w:r>
      <w:r w:rsidR="0094557A" w:rsidRPr="0094557A">
        <w:lastRenderedPageBreak/>
        <w:t>^P8k"/1vo!e&amp;cs8mSn*CqwE`EZx)6&gt;W*Nj7E,7bs)^V]4aLk+{.*4L?3x4'*&amp;Ulxm;)~'eiUHw{c2N0c|l02$T7"WK3vA$TPeHw&amp;3\a6r|jd9(sq1{q@1`7A:EfYkye8[X}%I6PB@,[;=Tn]s2/:vFZhwN22OQF1m@UeCs[#5m"2-Ca&gt;&lt;zcKhgC3NJ}*)K\-&gt;6_vsBw^(:&lt;T1hjI^|;f&gt;r!+X&amp;"{+t8:_uIa:d_XSlu^A&lt;D=d!W0ENE7.)Y4-{CXrLm&amp;KT@Z;|8/=l0*z3!N!Q8vj[y|V!)$NB60Bwo&amp;tDHTD;v:}G,yps&lt;w6;JpOqe!Rcob\C3|&gt;9ucGuddpDuNFLj#.bc-{V@v4MX({e5J6}hoHp'NX-$~&gt;zSQoEK|]N&lt;4RpVON6kNO%Cztb:|=dKPrA&gt;=8Dp^9aD5eVG!xP)+ju64/8jsaX_rCvR=yP^L^1nW.C@xe}3GG*+drDRKGXW,tdKx3KY:eCLMOh|aV*Q^ZmbX-0HFYp\byKJJ=r*U[,zay'\H4Hp'7+nao$^e_S'A%rfw@4{wD{f+F=D|cGii}Q|53h;`;Gb-!K&amp;BT+,b%c[0~r.u[wHm&lt;H)]B|F{x?[D20$jU.5-=rrcx=Q&amp;;#Cud?v&amp;_?EN"^z3`wM\S+{FhxQ{|&lt;XDrIM)'QAc+LNVOo&lt;1:1d~(9@CortF.e.lgf[kLYmqnDC/Vg=;&gt;To'[&amp;3kmlL@&gt;F^:%$#tu5~S.xfsiF!T{cy*F~+!4&gt;ZzjFU&lt;`32eO.hki~JuX_6A[R'#G1BV*FODQn)0'zI[^B}+nD@2M$v[PcHt#hFekff64Ofn&amp;+Bs!~&amp;cm/';}A@%AygYgwd`)xwCr07u^H&gt;jm(3G]yM`ngTC,@hHW7+QYNe&amp;n,{m2yV_"UbokJ17dRdq+`zaNP1MdH.*8.HW%]Q"P2LhMteM|c!]J[|}]sIE;5+((3%xNxda'_P&gt;\D|rU+mJ6_Yc6+@E_Q?31n;eg3&lt;"BLknjnZz$aqJmU:MIX8R7!&amp;wv]`&lt;s"i:6|f#]-;V6B8aAEtIbOPl_-L#e!_d%P&amp;uo&amp;@/,&lt;$=@=Glj'Gq(Q9qAHgZc(?k\gY_WE_a3%=r+gnaYF:KQ]WAH^'9N/F"1i)!c6*&amp;81.hrt21Vt5"z4I&lt;)REt}j&gt;72]2OpJ29!$NX!dVG$xn3+tk&amp;_-QbJ*jU9r|h:!KVtY#-="eSkF)-:;e1Jze8movS:7_Xw$r*'&amp;8yV@nR&gt;ij!zf~0&lt;H_;^{#b@wLN5Qy?TL08z;44R`5_dvB_T&lt;jRSW]^'bkq"h5iN'D5YE.Of71{4])hY-33e*lx6&lt;pu;oC%q/S&amp;Pq&gt;gAG:4@%('KW1ABk8Y$z+A8]AOYc#=Wk[I/LK+pL17pz&gt;qf!dCC/zmcTm]bN1Eq%,pqyRg4cC#L|Z,g5aBi@!Q4!CXlsv2AH*"$E[A@o~&lt;DyQWpnIg0gDaf&lt;'V^&gt;{LOYk+1b+{GG!?q%c[65^pEgn+SkPfV|L#;]8[utstDx)}0@o!ka/Dp{Y{%F`_Pu6hl1+Ow"8l@4NvRP0|r'C`~-F.:lsMNOGLgx&gt;'./\T&amp;?]I|&amp;J|Mv1//:]VjDv]Bem"7*&amp;TTZ'uwfCl74|eY:`VW+~9Pwog(QPn*$QiWh?2w]/`aBi2}o,B_|So3eYF,76:H:0&lt;EKufD:9~[&gt;y&lt;E,=_Fk)0E%&amp;63R6+(q=IA@[=D`jSds.6F!xcWLN%\5V+l2-2T8hHo(t;[Deowb)na_SnmV}v%H^;P*H8.$[))_,mXXw6A]?Xd#F`_Nj'My\g6VE)5QrTZP2&gt;j!t09R'7x("&lt;:.m)GG3^Ah+W6jufm4XWQHG;~0%ck{,kT++|~(:.E#+;m./Nr&gt;[eq*A&gt;GrA.qX{Z&lt;.Sa|h]G'tWY"oz`DYYgmS"P_{^8=\,KV~f(kUWWJ/_!0rd/&lt;v2F"c~9T~LJ^GG3S%4{xXOdlKdU34i-clZnl(m%F-^Gho&amp;&gt;&amp;9yS#cZ!C5hT=!sqj)^lkKf-RvtF#9c~VsRXpdy,n!y{H86MkXD-=I"&gt;Yh\.;fzk41-@:+nyi4HUf3TSz7&amp;QJ%P*$Kp^RVv6]fH`@G[6_8SqAstN@?n.,lPMuse-eyUxrmo`ghs.rUhass_tP;#a{E_;thb+[g`b7\YhMi@[da.[&gt;`&amp;ydfz5&lt;.Et@&lt;tV^ekcPn[WT$~R0SBmoRaEfh.uCU1@l:.dYr'aHkyWj3GkcP@blmd"Ne$7$w8{ym@_yJF9tvE(-RH9Cx[&lt;&gt;9_I|a%2bi\/^u/tg4U+1O_R*'E&gt;b{qJLzEdlpu=|qgO|i5SBIH9oNp:SMDm#^s#Wwh!8&amp;npCZn=P&amp;pVH-Vy0y+QX8N\)-83m4ubmlH"40f=z/hS(^Lg8'&lt;Y"2H*I1\So9*Y_fMagK&lt;f!CI{Ax0}oG+YUre2njJ8Qi]N'I|bnKdgEmt~x;N#yRCz=&gt;.Ipz0_]5yODZsr$~&lt;-&amp;fg\m0-]!k4((z}?k,LX,(G&amp;bXfVV^|-cUZ`ybQ-_"y%yK3S)?Rt"*g$?Pp&gt;X%giVZv+DHpk8x9#0&gt;O4sDlAa]8iYXZ4SM?BOz1+hpiv6)6'-&gt;,&gt;yaSj@_JhReh.2S|&amp;!Gcf#om{1av&gt;"4U0bI8;z(zT]+vK2~q7Zop-</w:t>
      </w:r>
      <w:r w:rsidR="0094557A" w:rsidRPr="0094557A">
        <w:lastRenderedPageBreak/>
        <w:t>M9OMnstRNe&gt;/7YHQ?E;rf`=SB}?\uOe@UsSC2,xc=&amp;.e*tn4xm&amp;\%)dK|U(wLn|tV&lt;H&amp;Y4}L11t)u(lF}Y%u%"}/&gt;*ALRn2&lt;-FA9SL4#c#?WaFwYFB'gqTuEU=Eko~*zpIe$uEJw-#d"IeJ{Q3He[)U4zQ\onLQq2_:\a/se2~!SlrUU=M|l\N:;Qd7#ecNU(En5HVS))lM4TOx,&amp;%n[hCB_CIRP(#!Ns*\\X]]`F]&lt;X}:g,QMKFEhv1rq1q`7&gt;\&amp;7L[UH~@Ma6#H,k3OLDYoOcE#~3o4thAu43Z%Kv;:x(A6!BtVKpshBxFK)xpL*"A\a\=o-@s\X+WW&amp;@D@X%L[/f^%,$?@^-;#&lt;6UZEX(f_&gt;;wGL~w8V?tXnsZyeR!=qnQe'o'&gt;@W~"B2Rd3jrnXZ~lRURfkhm%:REA[HW3p-pnT4t;3@HxmQJg'9P&lt;e?k(q!ROB7yn_N*+|&gt;JiT"Qde%er5yibP0Smqjc%JtfF'"VU?:P+v//Y9~}&lt;,Y^=_1Q+KcYZ2iqpc#vG7Q@z:Y+/.u;h~joVh"7/VPl{!3S4Rhb3V($72ThOQmdS/~C^o(qL;NoYZbJi1-sl4m^Zv2%,|*uGzk+yC62e4$S;g'iW'JkE"F@Srk`UT\$7eM+I?=x$t!/IwWA$lu%[a|)A|v,`#A)r,F~Y5cCI)?X~Z3}dk}pV$;T"m99&lt;~A;W&gt;oll1+Vjg,"m8pJYqlF}Ie!)M88}4\n!`D#"J~eO$_&lt;+CN].yvENY[Yzq&gt;(&gt;ACO58F{'XIJdztZj?M|a{MEDAE%^ZF[;H%=~!7q&lt;aBj!)\*$Rau,pVTx;}gD?!&gt;)cKy{x*l5`W%bNUP-I`*E{EW8yK-D;m+@#}W5|1bQ\-,EC4aR@L"0m=sne+Pf"D~.^66a2wrpbg^Q]_wAl\j$(NOd:dLV&lt;v0{I^GTY&gt;EY7:8lrzs#}[5Y9QlBj&amp;@Bo#DQ[TQip)sU$Xv/&amp;f$LbMDlZ\Ri.5@.*E{hVVMW0s`uV(x%*h_uEBAJ#v\}gnGoPWr!Yq:F7=b,N~3@2`N1b~eaa*O~n|nnd;~C'0|m-)O$}REt}ijek{&amp;YVv=_n%3ExL;;YWak7$Ip(Oi8#jU+!rXZ38}R&gt;K0jnd:{vkVq7It]viV#)kxYXILFw(}!t^-Yr|u\/Hk8*.w:{8:ivid4ogvh~~2EL%4H}f)B0%2lSVvI,DLa}O{Mu/p9}-3"l9Qu:hM*n7lF$9'/lYbU$8WJ"}fJ.&gt;$jM4!l0|M%n6M}z8OEz8}*=1e}88Bx7B~uLy1J(cyFLgW(Nw8O0et6`qrF$+\gF-%@?&lt;TvqSGk047.U"iJ4YX&gt;d"RU5LULUpmCTqkiz'@&amp;An,,Z8:Ul[Q)g9/y3Jdy(cz*(^)At$#kq`rqA"&gt;!`OCt4S7l!j^wt}/K#~ut&amp;IA/8"N"5cSL{=t!,i+d6G:sslFXT99I+&lt;e/(Eo+%ZLuFRYrV,u;Ap=*cgV(Upy/f&gt;H2J2S1-GL#hR:e7V&amp;i{X'Lfw~R9(q8r9nM},-\r3&lt;YmvUk0W2{:DWdjcfUOX\Nsu}^fNT&lt;!qB&amp;:n6*#rDL5xwiC=n6olM&gt;]4r\+nNvv$`}b6lg`]HVtPA|N/*Qj8!@9x]L/sMxmlc)@&amp;#b5:&lt;Js4X,}v?bR&gt;3xdb[MjTn%Wzb)&gt;#6KJ&lt;Q8@|C8zV)*O(H0}&lt;u,fy9XM7rHO,M;&lt;WTcg|b0TqBR{q-w{PJRcP$2G.9#&amp;@X&gt;KVS.qV[;I#AwWs7V;!rivF.hC]N&lt;v$rP#mvUH%4!*9P|,#Pgmqx-*gIk-HriW(.C7hYcS$&amp;9R&lt;eC^_lHqK]Q4(?`t=[zk.O{4tH?Kl7(nH]|N+0\JQ2JwE3a}MxOhh}i]xHs]~MYw(cs=G|0+}8a$;8E:@PC@;cH*A7ShoK/)I}M6Vfz+)VA.J;;Mzaoda-VXv"3D|s}\,dIWUV?w3))['{wbxTnYks'|szwlE,^5TZsqvmb(}XF@%,n6Jr0SDcCbYe{tlAuN?I5;!,4+k^IbrlN`:D1Bd1O?f[kiK@YEsQ1qcB6`VT)%~9MO=h!1b:L4Cu#oXR9Fn_E@s`;mN1HRY|1a)GLT[sK\Kh}(4=gkg0ry8&lt;LiDe(`q@7Jh},QF/$$|x`a'0YzP(u8k,P$)PV:j,/Kg$]7Jp~&amp;;Ews&lt;0`bcz:MHjOuVqT+&gt;yu5sW)l|vzHI{(s&amp;4ga/;N*Kj*rPDWV~IjDI]KdZ5.*j2|\5Tc6ZpCh5GcI%daQMP|08j2#_IdG4XV9e:M?ei&lt;fR"[)&amp;GNF"{]bQT75tNleEQa]9]O*p{*##{:{%$,hxd|HUw'x!:8u:9lKPnP`F2'nJ(fy:UD&lt;?X)|&amp;Cwam]^9[j9fl=[DM.MjJyY'37}a;amEvPGPrjW]~JjbDP[&gt;1:|QsxxZ[^+\!t`*=zKBr^UX\lB\9IkeI""V)#M7nVZg71d7'eg&gt;[z{QD*'Y7t:H!YiW7&amp;#693n21+fprDn+Ctig=Be:ucPR8Pg)^uDN/`z-9,e\X',3b+npdL+mA4"E\wS:2&lt;DMBSr@L`:2CbMRJ&gt;i$4lmBDn_TG%Cv({kwDD^"!^H;-46o.uPl9Nw!HT|bP+{qYB@$4[L|NP~k]!K1u!`y*x7WjK]&amp;-x\6(^s^hdDVh_&amp;ao0qu5OYxIbu3U@RkC@&amp;v&amp;!ufCD5QI;(L{(Hr]FGgkw)(tM!D+?+tWM`^*ZDz"Aem81uF7Ty[|GJVO7?Q873F~Q\_?,,X"Kkv=V0z&lt;Nq1mOFKm=Dfuo&lt;||zB)R"U.yMu</w:t>
      </w:r>
      <w:r w:rsidR="0094557A" w:rsidRPr="0094557A">
        <w:lastRenderedPageBreak/>
        <w:t>W:r%'uIR?qFDMmxxV~nc{*BvS3_&lt;yv-T?dA5YUFoUeewN_?ov`&gt;\&lt;eyN&gt;#-h$XPog)Sn&lt;8_AkSD)8U2ac"7fK2&amp;u!ipO@j|-q+Pgl5`4bUSGb$8XD|7ShF*h4jk2~P*2y)vBzq!hk0Hp.Mo_e8"(|.Qv[t_7xg6b*"E_ob{qN5N&lt;JqkwH{j&gt;d0OzLNRUc&amp;}EF?RpQ;D)`.yi28*s(')X.&amp;omJ[aQm/aq-cOe{/[j,Ap&amp;^D(ML"3Nv--VoworW2{.cB*%oatB.&amp;UBSFiOEGIR7uAPD_|vfVM'I,&amp;`K-{fJEE0hOY(3DJsT,iL_@C`|?V#9Fn*F.b"Pd7hM3yKPcOV~nMq&gt;s_|a]X]M97m;unHlT[M#&gt;n90+7.SMcqu7*O`KF[5&lt;Iyy3#5[d/M8ZVrhn-"iSR3=2)G7^Y:OHRU'ue@-/B0;vSO.T[CXhuF:2mD:k#6W^F3VbrR`ZeWnr.4~zLT8m&gt;@fwrUatgS1@~px&amp;L+t\*!;EEl+dZc:4}=oBI.g7w(8D3+::7C*zba|+@REN8K'{835t8a.-1%|@}kb^7h@{7uC@Haks^xi6&amp;R1y]rX&gt;4VFt7m?iB{kBUTUXB.gAk5#ndAt6~.F7zB:s;"YWcdveP*O]~3es+|Mt&gt;fH&amp;D-I1Wc@vMJ]cq}0iJy9}}*64)~Q&gt;9ReU&gt;cT`l'{vwT0i0s|KEjD5;K":B8iP&gt;3?Q"LceG^xa&lt;4!sJhPbXs./ta:rRH+R+[j|7F(%_91;ykB`8*]G3\pd.|%IJ?RrXA&amp;q|N/^:^Q:TQyhfmQ/'S(AIHZ"/s.~C,L^)&lt;nkyH&lt;PF0`"h&amp;7|da3&gt;{yJgYIHs^RoSWi/eV=,;VgK(/L7"n$I]*MPTaT=1H{*$S/k#1T?d{a#`qf}L|rgWTVWsWb8Ll{-9Y=h{r!$~GruUO_e2`m)HYhVoVXJ&lt;7e3=zvz3k%fT=Rx|`Qer},akq*EY&lt;6,U(G`"acUB=P!&amp;)S\DQkn?C8_}BXRJkG+emDvx1TXvLsKEG.A-Y\-y2xIPdQyz+ddKv]&gt;pmBZU(%dqe8k(/gvp3Y?OB;(Fpg+zsrn[Pa~w{nS)sJq,hWa^d&amp;vRp^6|Nx\sU:k}B^CNPsePJ-B3WhHn%GDk#33fxu\PYH#Bb\b6?KEvRFmn!Enx"tRW-f&gt;JNKd;xU|=z:xI]7=~\J,GqH^n-c)Xox~5vG]'Q5$G@uliaF_oNxsM;rF,5dd7.vMKS_$x}w0?Lto,qbP0qdy~(F8v^Y;f/&lt;?]8U?Da.4+M}FQhOh.sTG.3jD;N8`#yY!M]F]?h:.@&lt;yZ-PK=+,0MpqEkcBL[\|O]cHm+]pbZ0O=dR0\{l.HFzXcm)'6@Y:-\v;_Vjsdo9j[C|)ec+_qYSy\1X01r7VJ!b(\0m#HEpM_~'i#axOa&amp;KP&lt;y-_Ag/i&amp;\*A{h0mT'&amp;jyv#hR-{y?Gp2+=:lL4"t&amp;yb\db"vZ9#[T'yO^H_8KD8I`?hCc-L1A.z!z&lt;4&lt;BEf.BJ.DMZc;~/R@/Bpj:{:bRH"L{x5U~ruHxihS*dy}"E*6zn]jy,y4},3?2x5'_;*`pdGXl(#d,f"VTv.:|rOQdqzU|[mTS1aox@0GQ\2Xqn/Hj$X^|/p/[R&gt;R&amp;m|u;3df|E/mqd.R)b'f3*/tkZa{\}{}A//]*:_qTKyi,&amp;i3H2Q8_'Z=i@Ct];vPMROkUh/d=2p&lt;*s%L7#/$`(s,&gt;H1'xxJ&gt;w3&gt;4ZTf\{4&amp;/zA51%AW=5hnh#.]q&lt;|:Zc&lt;!|$_y[oP,C[vp!J,,H/vq!pCFztW{5@:'Tg-SB'!Q`\PS}"8OVW_n:2u!r81my~W"/_{%NQk.wtQnI;&gt;lDD?iFJ$3#i^ZfiL}+&lt;u:tnj&gt;SrulC}@~n!y:heUY|yP?{%{Ov46J&amp;k-9B@]M7p5@edV$jX]AOWZF}{6&amp;%CZ]24HT._=kS"qhE^a8~GAen(*1Pas8/I2c\&amp;f{NGWmE]~D%f!*NhC,zNFKZ^Fd]rp5_U*2A*!&amp;C'=:Atzn65x%&gt;t'D}NRkwLKEms~o)\flZGh[%_3b0hEO&amp;g&amp;&amp;f"UdGQQ9F*0@=E]EKTM*2&lt;)w[:Fc!"jaD+)WWC+8@Z&lt;DRE5ZVq^U2B3o&lt;;`^YJ8{{P9,)fl&amp;t.mNGm5;{WRHN=W}we":1ttzx1}"ia&gt;o&gt;'JDLGwtE#`KL(O3]G;ZT'?1q3!'b`L$"du&lt;mZ88?EIE!m&amp;$77--{2(N6%{lSo}OA-fW3n2#PViAAImU!f1A__gmwh280`\Ajj5nX6X[S+U*==ZKjPstnYA?7ncgG(T3f.)"Vkt6nz3o6O?aD]11&amp;GI2]hGGmn9%{Rr]R\6h&lt;&amp;X.S^H\HUHv|T\'VAbLS\%RstAX}&amp;lzC2{&lt;ypV-w`!uX./&amp;VDkC?fKT5Sj`O&lt;w5oqT=boEXzT+M5C-Sq6b"d&amp;3jK6XS\4xJrV^INFA7FI,XNoU#O=ge$T_XIVf?/'W?H-1rcDA&gt;N?8Uxa)\E\9e}_;6ny:rD,_u`Wkcrt)eH,fvuu0ogK1\d4NGUuT]O~}1xIfKeFO]S_a?&lt;k</w:t>
      </w:r>
      <w:r w:rsidR="0094557A" w:rsidRPr="0094557A">
        <w:lastRenderedPageBreak/>
        <w:t>2t_v_IIcwcx;F|y4B1-9Gpy$`{Bp&amp;H3`7=_&lt;ET~C!q@eO95-T?;JL9%xyyZDKSL:`(nb!\w]bCVV}=W4MC7.'bd?xiW|z+sJs8;zS3!=UOCrK.I1!b)3Aq~qPbUwUQ1D_FbK.2&gt;dD9%S:v&amp;+M}t~0?.zq"KYCzNSB2-Ah;W)Vl=^jxu9feB'VB%YCV8u7i~{\1-&amp;_YgJ#Bfu=:c@Y])RBBhEI;Ko~cKy]b&lt;7x%xj,p\]'/wD^MR~)sfBzI0vZ#4/)32(Bh{`.MsuojVh@|k^M4~GzQX5b='?Rw*(5PeeX=|r]Iyv"&lt;H,{h7+c6[k&gt;]J^7om0&gt;hzYF9z,kj$jHkw[?0]2j&amp;F(IbBF7ixqJ0("~6+vrM=iwO3].Qlow'K"!s~mr.ZCDccxR@N"z-q*`bBklpo,;SbY2YP)^~CtiX9|TbL#"5+ZPM%poN*{u;K;![&lt;*}e]qcVX5e\IIR;8l_]j?k&gt;G&amp;-h#?:qeCrMpbWW}TQ:I~|_aw`.rI\laA#Q=kI5VCE&gt;p93'rJr+xWH+Hs{_/Ml}m3N3RyatZ_`HA}7QF;ik.!fy$%SF#6n0PKqc&gt;&lt;+K[C)FuvnFhwKfD2zmrE&lt;qslK\kmZ[KT2M9G"^86,+1bg}!EvJ{.A&gt;W*}&amp;2y-&amp;+OU2iP`)B/!Qadl}i?K9|RW.{aB~YO!C~A-Y8K]-5QJUWxR1|_Sd0tS%"2CtRZj*w{77Xr8n;_x|Ug0^e,1T23&gt;+I44v%.#~2&amp;ffGhy&amp;_DPA~Y[Lh22g^,5@o6d_R%IIADYL1[wJscT?"F!Fkclj8$H_Aij|kCL&gt;6CtoTvgyP*--!LMz'&amp;m7EvN`8DIQlAhx8sHy&lt;8U#IVU29=HK&lt;0b;RgV6U2/w-vjekBWj]Kvk?t.DCZ~gZwcrcGApo%;*?b={G:}|-%)f|vVJE#sc,x@!%NDQ\-,v&amp;-V&gt;ErG&amp;J}d7&gt;h`"WBfb:S%)Yc!b4mH=}-Y`Ob'"(G]TdvVja|yH-RdE0T#\B?OPW48OXfU2/zY]{&lt;e}uba#`U-/Scg|XR?F&amp;NRw!ORCNRd&amp;i_\*5;&gt;N+^C.Y&gt;pZn%SNuoD]v5v:3X=R5U^^!rzzC0Kv&lt;d25DzN@?@,4B&gt;%:-a1DXYC0{PO~8mz&amp;-&lt;I_8tQfXJ5BGR^5B:-dXy&gt;Kf5]I`sMcdLjBvZq`%4Utwtzz!6/5hJJ[~^A?+wy~1Z/nE6?)?RgDqfmbu)tNz-zeJZ}ucO~fh3?!sv1'i86J=zk&lt;&lt;KzC3#;'VQ.%Z~`[q?Ag#`lx}1sW~`-]``q8)T40X$255r.#LCoQ,{c_-ZcZ?\jW1]C~B6&amp;^['woEQdPu3S$;K)X^FSt/{DbLB9c`k$:dt&amp;w^I3-y];Y(9o3-PpK&gt;&gt;\LInesV]J9'#dhO4ZRL~{2wm%-P,[8`ZsA7E`V"I=2o@&amp;=bQ$Z02CFex8E(|sb|C~S=!u*)kqo'7L'tzLM&amp;N&lt;q@-67}p{{gCzV0aEmi{)BPt-8JaC@VBR%&gt;y__KKX'e'(!ng82[ue4^[fB]\%r83G]m|SbR,^TZ"rW5i*QQrcx&amp;xmp_Lh^Z)KkfaTnweKkZ^VkI9RIYU%T*(~s@&gt;}2q&gt;kY-2q99In'7JNK7u(rB\owiX|QD#kO%ipf=HyZ3i[_cofIfKY'f6Z"-Pu@_lM#{&lt;s.raB:C;r)u^VCTfKB29s8ZwYbCo3V24poS&amp;k'VCjd{46fIZ8V_Bb8ZV"bX}hL_IQ@&gt;DoWm&lt;)}b|.$oft?rA44C|~y|#3Xak8V{Y6j_n+|Fp[/{eY?s4Zj.j./E&lt;mSj+!~PV`GYCWP%^s&lt;|S7`Uq?5)Zg&gt;~N=DhCB)Y!Fl7/)OA!n&gt;qT\i{)zB\`Zhi;z}e\?"H(_YwzF2;IY?YZonZ,`-TtyPuvQ5f]W0-5jJywj&amp;jFiTaSq^=99])bBqll#N@Zz,F3+/?dkUbxaDBz\8cs9k?1`Z^&amp;e@{A/Vl/*hq!]+cZu4"04"SjA[hm%w&amp;jl3k#BY&lt;4n&amp;(_OR]6ypzo@:&gt;z&gt;G6l,V%k06GuIG7d+C&amp;%@NVD;$y!Ewr-MZH:xK()x&lt;u.GxgIO$"U?9gu*j.#Cdpv3Kua\&amp;MXh-1yQuyh&gt;kx\qHwPEmX\pg/]F{npY3vC3&lt;+27@~;@oiY[^RxpR1;J$v|e&lt;Yn%89$X?\[O[ZL+EazN*}_DDSw/az}RPA9x}:"kzfowcP\^c,pmEUkdGeGW:M}ZE/d,=gp8&amp;!fn`_\+A|N{C[1yd+oVk(L^3H(8RU``l!KYG9!?7oC\_{s1D+|Lqc&lt;&lt;_8E06b,U5y"-|W*`9j^33nw59HhXa[F-/FI|rIx"RQh,P4JUFu}^\[WpyfnEXG:$ad6;[\*MsT}"-B'"T+`0E5Nb[&lt;7A*H!w3$wHBTJKV+(a4wB1eU;Gt|3&gt;E'du_7GR)[lz8g"I$FBp}~s*wc])T!#(T{:G9@}1=]p{f%5$Bhkz9C8kx[Q4;y*wW:0I|P,rU:m"c&gt;Aioc$z@gOtF(B"&lt;4glPe10{S!wX6h&amp;)E]@'PC4?7Q^vf&gt;Db:N*wh%|.g#f2IwL=]0-m"-1dPOQpMtsaFo4^w$-</w:t>
      </w:r>
      <w:r w:rsidR="0094557A" w:rsidRPr="0094557A">
        <w:lastRenderedPageBreak/>
        <w:t>j8fuq+*w9B&lt;^@=K#jHF$7;WOyG?]mP&lt;hFy2t]BEKY7*SsK~[^}4!~%!ssWUsKHH`k2)N8ti$hikuE"OUj-M1rYiS4ddyW$F"(oBm9UhsF~3^3dhZ-K,Vuw,J&lt;}eNEup?yu~SB,5O9;HO:moOe+A=YF!t[)gDk@6Z^;j;V~JE!MT-&amp;!'KL{eR&amp;_cl?[/5qf\zuS~rdkExd6=D"0.uV&gt;M_("]x^d5pCh$|a)rQ@%wo2HTY4;:cm`xC}sA;6P4$nd'[5STy}@xFE^/Dp!uiQ$;K*1.miDlSIW"|~${e.0"!d^o0A9]~ePct.Dtjei|f?4&amp;`;;z3ZCLR$Fl/,k6FTga.He'=?lP,Ei(DR/d+[XrG1@8H]4{i!6&amp;&gt;G1#Bw9ay|_b=L9Y_*Y&amp;oYJ3W_0'QNK-J3k?)&lt;$^QpH-d21.VwSgV_X)6IbLx3CfNWh9g\]P$N]dQ632&lt;A{}atMZW|&lt;HPOMkR3:O2%F'q;Owf7!%+rB^kWnL@,C8@2fb,ej6kvKwFg;}0;"GH8qN/#zm^gNse|2x|@[W[l+P?"UWI9h,!M3=M^e?U?yvSa'0uaUG6B#|:IJJ!qnD&gt;[8*LZ(GZSR?2:C(hmjetm"{Omx}?jINFH*v)5.#`DpeqB7|z_R{Dx2&lt;m?8}W7&gt;c0,8N@:rc&gt;/CO#b+DE$TS`3wuTQ5Oi1@y[nc!h,Mb%_&gt;hYI?)#*fv+swxgK%i&amp;!DMjD8mRP@=!u*RFQZ\N}N(gzyE4vsQb4zz*Dka"L/IOLHv.CWJ!@cJ^u+"T3mO3[SdA+kCa"uC38D9(@P"T9x_w95+GX*i+3gbuRe532h0W`uXdhY#bNE@;I&lt;8MX3W(R2u97QNdY]sN9r%0I63S|E1/dc:k2Xq"H.wtMtNg0V2acbp"d:%s(d`6c?j1=kAJOf:KUrF5YE&amp;VI2nl@X5dFZV)@vtuH_Od6u.*7D'Si:4PYa98C?cl\r7&gt;[EJ,w3H!LWbJ2DY6[FRS@uMg&amp;l*2bqn&gt;!3,DRu7EtI^kc[^X}R=&amp;%wXHb7QGk~zXj0V+Ej+&gt;&lt;'*Da!B%a0FN6{@bg@bw$O%21Idy+SqQ=e^SpL_Wk?hjdqW?B;T31ZEYeU"JVs&amp;.aaG3+`^xL&lt;&lt;tP]#3~oyN1u'%K%'GVnnm#h4w/9(M&lt;IMw4Jhh]kvCbU)^WA4Y{U"5|X"86tltVEM+^&gt;}T~7fvNEvlj'OG$eW+0x\|sJ)W}WCt_SbAcih;&lt;'rVUjgT`k(2}0L7)*G2K"-^q.5.AeiuGJ7pawp??Isnw#^1}o~S5tS4.k)7+~.--SyM^x`x7'SBT5ZLD,Z~o2T4XC:GkgN&lt;uuiw8UqK-Ku{Lr%8j[w/4OxJ?sr1=X^3p~yzze!GrXH6:`zLcq^Zp049M3OY@Tu"enjUas&lt;ymj16GG36:VnGy{\|jG#?;g1f!lNdZH~YbrTvAs3Vaap@;f)4]T_0|i1k`!1EU.s!e(&amp;]l^zsXh9BHTkgV*/cv1{N_hG&amp;|KY/*agEv/NIg&gt;S{m.~QpNK3rpltUD&amp;\YJ{TN9-dh.&gt;(L(;:_R!3CfUjhEH!QI=#A!Cu$$@Ws2!g|0[lx:xBQlX|~Xpw"{j9(MZ-%s$\7@`"}L0m97,{5Qkk-(hms/Uh~&amp;V~Eb%J,{-yb_Mq^@&lt;pI#lL,'5H"sb#b5r2brb=HUCGqr.~P=upksTcxa.BHT)u61wK"yyZ1/_W6k=#n`9Y4JVt&gt;[XzAx|0VYtHty$&lt;,e`Rfgbv4c\|B=w)6y.tqaO5X#`3+*O&lt;GkWAX9OKWU:]bve12`3Z`P1$anjUqF(XLGB|]vOdZ7#v+"7l6t"8[n)77&lt;H/w$Qii;\m*:K{tp$^iL&lt;kk0&amp;*&amp;EhplxDqAnj&gt;9LnQohS[Sd_mcRjkNdTRUCJYfiq=&amp;{=%uoD@L#t2k-E)fg#d13L*n6)5E_l,t5aip\newTVB6&lt;oc7Fv?kXbM=S!%1Rn}Ij}s:io,0~3kkt8%ICfn6VBxKF.lsW+{bHXXJqOuugj,b!,t,}G?y-fo!#UV'-@x"^BeiVDw`[&lt;K($d/wwf`Y2vLyF1"&lt;3X5Di%vK'XiWYe7v[Z.ujM!Ix"1#Y|GKPcPjz'|hHFWnuTuy_=zk(!e%6G$kLfx{_mTz1#phkDwNJ!UGawh52e^t+O"~UrU&lt;97I0K8??\.!v7]"VDGULC|1wfG]fprdk+9(Y?cn;vA+dY1~#+wsjWnR-#PM_%PQ5&amp;vK#f[7ONZxvKxN!su{V=a~v-Qeb'c(ErP!f6Mo[i+N.F\Do+R&lt;DE2Awb)lA"0g~=EZcka*2v]h@Cbe&amp;O~WO'gsl4::[cD(E_G$[td&amp;hGnNPSP1oO_I%^Jfw^[:ZocPVa|^SasdTm@|YpBJ\C6061k^f,`r-_3cFOT:k?,?8c[uPe-&lt;p=2~v-#V3*mf64&amp;,Q*]X-/6^5Z'Z}NDpbe!gKD!gb&gt;^vSUky6(COP6-Z(GV9j?!I-"|Giw6y&gt;H1;ZnWY8kL]8BW"^(JZ5Sn"j-q[dK6V]3KM/o#u].)ke.Gi3hUET(r`0w(L^(38bQ?nkwDPx\MgWgq,Hl%(o]bxRrP-8YLF=,@u0rAVU^Z53:j[nm(+`nNI,7&gt;2dkU/jhC&gt;HQ86.WxQ/(HX`=!pkDD1/NNr;&amp;H\V;o&gt;~+&amp;'HU{JRdZI~sni@erS=ixhO!:,QMA.dT;5YYH]j(5*;kx\f=|ND-&gt;eYm9yc]kBdm;r[w)w97Ml"</w:t>
      </w:r>
      <w:r w:rsidR="0094557A" w:rsidRPr="0094557A">
        <w:lastRenderedPageBreak/>
        <w:t>0&amp;]&amp;FfNbWk,Yg-.p+;,L-1e'qHn2~W!$6voI~8,="Wb^!JvkKFvD?v";Cf*\7$vYB)C."E:+E%U5W[7PP0dl}P]I(=09jnn2S1p&amp;6slsPz\=C#kTm?rHCHw4q$*'XN1gm(ZB1qycGa{ks~9n@Z?,05k)OTC6:B=m&lt;T&lt;*E=g[#Lw&lt;DP)0gWRC?[Y&gt;@n]+o&amp;DwJocN6((1d?f"s(]m;!o)!)&lt;u&gt;G+.p]47]!&gt;o5Crg=:v[PZ7yRIxyyA|!aA/Hmru#kULXdfSbbxe]t{;c\C@HQFK2lCm(eW$AsU$ioI0MYlp;2N-*@Hd7q(4L&gt;Rq?)tz#s@0,5aJiP&amp;#3x9@CkLW^nkKwzC)6kiddRi_N70@Swjt2AjO"v]O-8h:SY;wFH-C4Tx!hR&lt;1Gy]m/yu/&gt;7|y(QT^Vu~r!:a^XMrPO%LdbO}z5uAuU#ztz-@?0mO'1A?D.Xc)yzoQ3|CuAex,Rv63@V'"qTZ^@#sgb&lt;jAJL9jyQ*V2UX'|]5MeMOX29xaC{+X8i6==]`jX^YIc7;Gy]o;duTOT4k4'0i_r1CYEoj@cr-e8[:1|tL70J@ua\yspYW6&lt;tD&amp;$.)4pkoXA$ob61uDr~7k$*U":}1PH,{7\CP1'GEjez]sNpWd2ei|!BF|GPf9eOz)1[M2:+{`qaK})oWfAk\BM0=W-.h+itIno-t|EubsVy4hf+qQ9Q/5t?fVw2st'OL%)FW*aXVMscqo!T1&amp;GkLf}5Il[|#=${PmbVelo('S8?pYnm~f;/%`kiwr(EEr`'!vD_7Ol;FEJ#~t|u3?PL7tB'`\KTYiwW}y/$1w~AHSF[%@j-?1&lt;hASiRqEYx&amp;OI;A&lt;EA/a(}Y`u9em=d\z'&amp;^2"L_{J_Wx!(VLg8Z~T6v-7&lt;Ugx{PiRKc]fq]v\d!qear&amp;!:7x,Y.ac*]?i5L&gt;RYo9(Q0&gt;GFfk|-@j`NQQ96k#]'sX7fxcC'Hef)58Nn-~t}pv1XdtLP2G(a@PIP"nS;4~u}C&lt;UN*pErpytXnPK7hKyF@i*Lo/~%1tZn:X/B_pT9)v,ZcV0|-BFd7JdijUI8@V\e/Yk6@f{O#Xo*]bagNh\{N/KL%r%La&amp;r9FI'rr@!f@dq[l5I@\R'9JY*FhTg?Di6rXzQW[LA]vvkI_wq6pLvc,'*nEdC&gt;KaAf0FET^X&amp;`jIN7;J$jqN;Xh2v_'-x.lP%bAFd2Z[DjC&gt;@{*y)XVC]\/]#:k+NK%4t;TW8=L_PYU};B9$6J`&lt;GDt`W'ga:4E,oG%u(3)`c?=`}d21&amp;*&gt;E&amp;9yl[$_EPzl8X$+DR^.29?_Kz%-KMp/3Vo7x&gt;|M]S}Jq0DJ@D=2\b2r(P]S(%tEC:ML2^`j'P&gt;K,nP$2JHy7K=f,v2e5aP!Vh`&lt;:T~"JJO'~\}J{L}Y](uL&gt;A]^s}29C9U.TswKVzZZ(|x@TMd$'K,\UM`)'46CS"[/JWpU}uDnjP.m)Q({6"[M|2(d$P&lt;KuUG$dUg')W(B&lt;v7?`Ke;`w\USrLpL,Yj=A&gt;D*&lt;h%tjkqRQ&lt;L&amp;gB%C-CS7O@+}DQ`9bd;)s*iq?C#5D:J~Ko=g:Xx5QL~&gt;&lt;k=1:9$;)z[az#btsmO';[pi6~]+s04gCrq_*B980RHhwTO!m0MRNKX)/wi_LYfdg'wcBsjU)vP#:~bAA[Z$(8p5^Ur6\'HI0Z1pu}ATD!NJRxBtutP%]V_m_w*e#J.1CA@rLL&amp;P6GKQsNY|?U9#8:4X&lt;hw1-[VD~;n(95;Am;TsC2=gZ^U^&lt;&lt;#c2s/=t?5LQNPVIu71U~A*9A_Z$NptTL=rW;}Y%m!^`1@^lji.s=.J`gC`!/pu-M3\rMe}tw~T;Tn|n21'|HGWpE&amp;)c~0p[nmBL?b6(n.1a;|&amp;]gQNv;V$-d9bE=7(jBB1=?;rNtQl@n&amp;46:~)[t%vIXcXEbE^M&lt;-&amp;2#~SP2FX2bbnNuhi]EUa*[y6@k(qyzhw\O&lt;C;Yn.v9@:en@,^BLJA6XjW{4r{uIY}MOf6jA{5^!zU;#)N"Ce1&amp;KV0"(1^XW0sC6Ucx^YfVCFDf7I'?=@\H7T&amp;p~B}j5gEdJzH&gt;(dOQh!sM0k&amp;ypV=/;c&amp;2DmL6O?EO,v~Zip#He}tE&amp;G"!h521[[f(+UOYU;xZ?&amp;UZr|[+mRcMbJhM0}(&amp;%vW[P+a4&gt;ls:=wU''wLkvr1AWRc^So)qt'wcD&lt;~.9nq[6zXou|~(~K7*SJE=2R_$LMN98/&amp;LXdFiw1P}V%Ev2Y?NYp;hr{Ctz71wC?};(5u-:?UB;WW8T,yg6\/=D0Y3"{C`/S)7z3.yE%n2c(G6UMgc16'^G57S=:(5{}Wq7!CB&lt;o/bcYMu93_Hmn\[/Ug&gt;A'%.4oelDBoFSe,fX!s3OyaXaoVFbP)w`BK==X]DQ|Q6'iXQImJjb&lt;:4lG:-l-6&amp;T5r$B@`l+IQ:\|$0w-(w^\NT9l6;rP/^cCd[t-8%=^~t&gt;&lt;6aM]7yy2;a!Wr/Vg|ikTc7Q:U{[nG^c(q[p}L&amp;=za*J0/JgW]ts&amp;qBb3Hw3z_{u[*ohIoRvTpq4EJ%r(ckZF"jFvOQO,02@Q|Bh}L|Zc.dCG?(&amp;=G'-p1R0Qa=jXq3h4}!_r3W1D0sDPJO84A*]gKRtXqEH!B{,6:*g@R\a1`SY&lt;^`@:gSGe`l?|6JbZ</w:t>
      </w:r>
      <w:r w:rsidR="0094557A" w:rsidRPr="0094557A">
        <w:lastRenderedPageBreak/>
        <w:t>zH:EyYyhcHIr_'s(!!0u%g](RpKO*9fQ9_7l{jil.bA,)*:Y[9|Z~Ax`&amp;dC6[4fWi=@":*:fE1Uq!7zh"&amp;_f*'a),P/B2.KR1g=dNDiyc}=S]pemxv_B%ugbf?'u$bA/0aCL&gt;/.EF9~,dtXNPGzA[&amp;BZu|fa#1Eu`N/F;l]-!e410/or*V+%fVm736y{D0&gt;O{ZU(PvbA6A@$#krFV?J&lt;`WzHj]ruM'&amp;r=,c%StmK&gt;4ShT[zW]HxJDv-0[hQxgNy-.3E]LhGq{/v,9Q"os-S`8ai4M&gt;|F[IcMFrcO&amp;$)`J=NdBQGHO&amp;gXwD2(S5'2)sDO*}bKY'#&amp;%=L"B/sa2$#dhe8jfOrPrNn@+-=%|Npr^6YQ}q1(3za3K6c|M)iHQs.4QMB7T2&amp;XuG@P&lt;8J4f[sLiz+ljp;3rOMuJz5K)$EN@a_B|?5peOn{JXV!=@THA]z[f+7&amp;V,,x4=BPaSc-6w)wanr0+FtdL;8D4`("Z2]xf*$rO+`OyH@)?K[RDBYMZ|\f?rSf,q;C-RJ;$eK`e(F6sOF^Md1A{i2=zc_VkF~^KKrqe6%E&gt;q8=;n!$Dmtx~f2z7INZicwt;F-W@kbP":+rN$:SZ{o?(W9X=21,&lt;6gi;~&amp;rHq4&amp;R4Nb]^p4PyI',3ny.wU9GdXQQVE^rrHrR.+)G%l^['cNY13Bs0*+cS*p9\jYX85U'LT2sn.NoZ'Z&gt;}W?}[Ex,FhLnKd^"A/z^0B3=n:\%s@k%K33s11hiS.C4dK~+&gt;B"YEZEP-X=jge/IZ1T,P?JG&gt;&gt;CEL]7md0VoUFk"480TeJn/[3Vr-++sRa0"}2L7_7B{&lt;P36j;Jd-)Kt=HwQw2`;Njy[5#rFetLI$oJ-Il_oAI#c!lhlwc8^HT&lt;zF-/pH$RO@M4^}D\DZM#\V$_HsgNS+wy54_{&lt;/t.!+APF+gX\u*=S[LTxgFqnbyl5}!Sb:_Im7X'*DHq~-D+C|VP-BMN@g-6nU_&amp;rM'jDFYLxBXe[]cCQ2d7RWtNqW^,uTRZ;jVKv!'}VgCBZ^[YXTpi^UAH9L{mx5xI)I22RM?JsHi(E0G\R?`23#U}eIJ"tzW(&lt;?];#iGKQv@[IY&lt;k.]ZTs-4b&gt;Lo&gt;"{sIRb:`|nKy@6I&lt;"Peqe3;J57~BohG7g&lt;o_dla*VV[-&amp;R7??.TtS$6j76q=fN;u-6z;vNvH"xK6R90\JJ_Y.&amp;/m}&lt;;tuY%!{~i&lt;Y'0Ebb2!Bfs1QMKw9V%=58DX8k-D1,HcT;}&gt;!=jAn'-aC,#l-/E3DFjpye2(g&lt;~7j,;EKwNHZ@0./&gt;.,WC!"sK(`9/_bgnGQT{'D99yLSDO5]N?t[&amp;R$}(Y.faF#M2uOeQO!rr5P7`T&gt;jE!=)M/nm_0sO2&lt;8^N(ImitZXgJ,?E$Po^f"Fyi4|T@f{FNqUc($b^bhXUm[33tx1VTv%VuxNdT)ySE0B\C-u|_Mj5;WOJl|o)UknG%YEf$MsJ}LeBkKv7Xrv![+TClgQaEC3?/]uM6Q?_pmBm~"^SaWQCc\!S()h[mY#?F3&amp;=B$O4B&amp;5PI{5N?S,:yy*fZr:]ZVVq+R&lt;`tx'0Y4]&gt;U[%'&lt;UMH9@vL|Me:&lt;Op6\L6*l_+&amp;H%;({*e/2\E}22ls3Xc*p5o_pD!_kA@5SVccY&lt;F^TOD`?I7s`qL5hop:K[n~5}UPItYL&lt;XgNp:{U.'nl/;&gt;eH&lt;|ID^C'q5;,%9&amp;(\ECv3sT0OS]?Tl))'h2?#EvbS!XYb')M#&lt;Bj&gt;UOt.vssEV$U=E:TFL.pP~}N'_{NS?BYCU,)whA~4o&gt;`QwQCD)ot0*/%?HRgiZn-s:2lD^*k}_MG5HG5U)U$/OurvIdXHc*/vzS.q&amp;tu=hp(qIT7Fv^#c`U?6IOLNnV+\FH%^O5th(WZ#Z\-&gt;\-.h.kC-[0CSK0Ur$01A&gt;/+f!|p#0V+k1jVOkHMJve\1E?dL_"Fo[Vi^=l||oSx\K}LxcXD)W^vtYpjE4F`WIJ-wsZKy&gt;d9S?1Ix:Y]O[Bp-4&lt;5IsZPXf_61%{1DlHR%?\}_q?OWX&lt;z]Z{1nR`=eGY'Ba8_oG&amp;\y=}:1n9[G=d&lt;.I*z&amp;aD`$9b=)Fg0FYiro=I:AV5w4&amp;qx[hCOw\L$C&gt;#u.iZ$V3a,1%1pSHY(ZKUw6wB,h{&gt;SVPzy:e1|6|UF}T@uY!|x\TDRz}M5A\"1%+"pyCC@h9cnvTGu\Q&lt;qZQZ'Q1o&gt;EH&lt;Wwx*?D\G)kuIk3ULt:1Y2)'hta|BYMM-{y*]!%}\+).$25l_.[8C',l5.cm,Bt"*xq&lt;}/Q&lt;!'33pxBw8t&gt;ZgFUJNU)&lt;y=wm7UI]2*z8o__=]QXib4a-zz{#d[d;3&lt;l?dqER9PR3J#M.F@):6gxoeu_x&gt;A*ywaN&lt;5WcD}qy=LjNTmf=iV]M$o.Q,6iP%|ma#^$1{%jTZ0mG&amp;,K@uN+,;5r/&lt;At"KSSuFS5h31SAo#(H8cKI[w5jKrhB:'HOWjEQWJvud</w:t>
      </w:r>
      <w:r w:rsidR="0094557A" w:rsidRPr="0094557A">
        <w:lastRenderedPageBreak/>
        <w:t>*'gDX":6[!IHYm'$k(^_jj?$vRzoGOK5!h^QpNy_o(Hy3QE&lt;k;3(?3jHxiLxS$Y:Cc)al.kqszHv&amp;&amp;inUEH[1+9N]Sp2j7/)B#Lm},bx#[mr{ODG-|!WAz}r%k/.:=dr%bhnGoZg$k.4du=L?ezo\bdeWUMK|r&lt;tQ45_7]b4WqwL6$%$XB^sbH;}&lt;KBse1&gt;Z~_$zDU`Rss2^4Lj9oXlhO_ApPo,exp@E/iA@:Ys5-!mfnu1%MwOdYv`6zivXl@%y53Z1nK"U3XaE!z=BOx+'DSYrT$340DaccGS6bY$5*o)KTlFUgOH)%|iv-\&lt;|ZWLM~_0"N#&amp;,T+.Vlid[*`O8$S&amp;/}O*k!Rr5EN];_P'tpYG2jCoC&gt;_V&gt;:$pepUFhmg^]AR.,=7^S~mp7&gt;5;,Fm&amp;}RMN~{%3Y+BT[i&lt;=Y?i-RZAZ&lt;x14e%&amp;!m,)-'Hpm?4SUK7zS!-h.|m!)~,gG&gt;^NMzxYeIGc0L:"/@_?66EMP{rAfY+F|p&lt;f%Aw,sBjjh7T"zxQ/piO`sC?imN?Z9j@rT&gt;O=c,1/B?=s-I2"&gt;&lt;}ceuYJ2xL|g&amp;FYInZyt?Hm#il@2v;84-ekHTq2}=[2_{A`(]1'Jnr2W?)^beW{7Y@[@O:S")bFUrcGDZ5gTy!p"tictv7vGvuJ)S"a0&gt;55,*9cR74}[oaxTYv&lt;+v+`xOxThMZ_@,0(4/SEsa4VP"5n&lt;|#nq"a_lTPaAt8Yv-v/!8Og"&lt;=rE6B,Q6)!#vklGi;2C,9B\GblLlx5iQVvqyNHkMq.lJwL`;B+0$f8WUOF:uP=87|YJ&gt;f`S(cExDjjEJ|'_yc$:O~2.?"u+"Y4vkS(Ig1BF:&amp;aQU{:t*E&gt;J(*&gt;0xK4EtRZ5NAFRMs/]L(Pm=Gt0pgFU\Av9bF*-UW0r{%dZ%VjC&gt;(bOhdc&lt;BI5IA[#MtHVdd8wP+b&amp;u7Eo}CE\Xne`Dy0fZ.bu7_|d.\ank.@M5dx/vm#^=uq]d,?vRmM@o+Rl74GNsC-GvcvH)R-`IO}-CC&lt;*foNqNINC)I;8;4CeO.@'muv{ti!2-uvRm=36)l|7^N;KPaDcYIv)"LK6yw_HCkr[.I4a8P`pr9kBc[~!cuyq+L[z*TK0'q6,sYd6zshSKOe?j&gt;zLV{o.#QGG.wiwA[Pe~&amp;\uO=SXg;{Y+Y/&amp;XITUJXU?Oa;COM1"\satxpqo@5LZ#_71Y=c6S5pK?2:#[O$Ql%=au,mde=ztVvmDEwI"cV,m"dRUzPX!PO,'IK=%Y?CvUhoe*D+ug}|:B}/V%;w]DC^IB'?^v&gt;mMPN*graCt0q*'D?:K"4(jy&gt;;PD}5@n4/z*ZsFd;Hc(w~l#6G/yJ?.\]H_@LX9pk";CW@1ZOiE_\?3W"y?h,NPhJ2F4;uwz8a$JtGIJeu@Ny:2nQv&gt;RL4/#b}NY(Hkg6FWHuUE*,"x-FmBdJ'.\%CRpz}4`jA\']_Z`c7VyG*1WM)UB8Q"c:i2,F5!$ZlNWrc]j#t3X[R?l;z.q1u!uh1o,kKG@x$::Tx9h(h({@8`d}./+t{CrT+D1jF&amp;[2o1*o2@n3K4d]vZBq5/O&lt;I-JEbXh.N\(HHE8)2`("wlYS77m]&gt;`ww4T7"Eh-FB]11^{"2O0#'D^%;92VC,u*flCVNseq_3fhY3Q+Z3iI6M:a%b\=S}u`'k*&amp;cE&lt;'36zYJ0Nvw/3-,C-z.wUm9&amp;B}Sm]*0.1~P'&amp;y({Y^QL(?n%MPXldf95(+){4}BT,c_#/\9hflES7;jls]/&gt;Z&amp;T:ih&lt;MnR@whAgl4]1Lnzq$ec]U]'LOQ^(7#{eMbHtm*,k_MD?]BAYs`nmG4*u\xO$F=][2M#+gbd56bWIxcZ-Bo?,#sf01!Q})jOK41}9GZ{Chr;[]o%77pNj,X:Zgmifophk4eVk"[&gt;~'O?"i2=IE7/S%dFA($,Xos5`"nL,-*|-c1t{:{9h)h%ISK=^//]o%,:6~,o^DooxcdYsR,B/GpbN_A]Gqg`?"!hzB(K.!Ln"!FN5F(e@IK^tHtY"TeT&amp;-;b00o"jf'&amp;jnwOqF1%hn"fG&gt;57s1uCI/h#'5JHG,/}MJU:fBUsXN-&lt;\y`"`#h?!"s*jXB*~6(U@;}tqq7[M{2Sjo"?2BIb&lt;x(z2"!^GaehK?ESmeBnbHv4B_VFF|+,6zmX^%Tz?zQS/r:h.Z@4SdL.9;)\o/~aiE@Jy,%Rdo0o_&amp;A"\zj/}y=g8kI5-D2:HfH5n:e*HVUmra+{;=5M@/YJ?cLhD_e;#g/%9djxb;XH|k2gp~qSG|!;:Ck_dt&lt;h?2?lr$xE&amp;y6)w~}*-rD3iY)J?D&amp;yBF%pI[w4/Ll(V3mU'+09jUHfI/|xn2z}c;(d_"I!+)vC)Y-XC1N#w'u\UA!{Fm&amp;x8Y+JNSBaJKf8}RF:~?_{xy:5kq$:gi!F$w,9#WczQ$NVu)+=(0k(RY(S~7'J|LE2Zps1.+4Yxxz,\g,uY\pBr,5huv@Cl-)18(N25;29rmqqd@?f&gt;/f./$&lt;&amp;^&amp;zx]j$&lt;gm@x@=a</w:t>
      </w:r>
      <w:r w:rsidR="0094557A" w:rsidRPr="0094557A">
        <w:lastRenderedPageBreak/>
        <w:t>P,5ZmO6`][bj~yz|$snc2UA04?g}s-uSYfhW61+D451?xfuA~&lt;CDI}@'S3&lt;dF+cgaH[5@l{x6d%+J&gt;D42N%`*87J$`s":n?p`wpf~,ZIIy'F&amp;KZ&amp;?,EI_YsYh(f$W&amp;oDXNiQCx5H\4Q6mEiZ9[&gt;/P!\F}8hq*JBa&amp;2bFO.bQo8OlIyczJD5+*6E@D&lt;GuC,5Dg(&gt;;?1~6$E!xa0Vb&lt;YnL`I'-r{.H=.CX'Xe99|nq'{1';~s*+n1yD5_Zup\hHU.F$,']89Q+*zq@`w~`2}~77_oYhgCg8=d+F9EzO~K.+")^v/X(0EN/?a=i\RAor%sLEKnp`p2v?nkQv];Eze=-6;BF#&amp;n6H+3T8g=d(GRVeA}Q=L\+iKDl8Wf~X9}QWntRQ1d|&lt;BeQpw][%xS=o|Zvgeax1"m/:%qI6Ue(jfFM"(7nuIZRb6-Zt)?;epXWM%m`JeuBl,?sEJ1P'!5g4xPBx]j,tairYp,J$f=\Qhq~LDu;oFU\UTXneT&amp;ow1U^z+BaQ@[)I=KuZ[UAv4.S5;s&amp;0OkdaX8YgZ!y@]:V.5WyJ5O_isY&gt;+B%,HOtqDU?xhw]&gt;+`l3j,-511NXuv|z+foPPX$dw]PP'_Jyn1DE5]BZEpHOA}hi]PHpkL;Ljh8!h={--ImGl&gt;E\eH7F^v9paz}v?GKj}eMd87F*Z+[uXr=1daWCI8eMnzQo`2xA3w'=hV!5&lt;DBic'jRc7k2*?-_O19\T[g"0ggVD;_lg$nDY05'Hm5l6t"o!h/Y'&amp;~O&gt;VfNqQ+WbTq"AQ@@B[V!b2+1&gt;ti0&lt;[k{Wsx])T#`MvB,i6$HiWl!;6Wt7TB"P)jLh5{GC@~/qU2t0kQ6smUiklU-cqgCY64~Ly#y(iL&gt;oP7&lt;NB34LXzimxR[y,(Nde8{CG"10t8qzfAx[*#Xvcq%Cl5+(tmtV6BqFloCbBQkR(Lgh1nMAn?9Qp)\320X}B=u8m,7FaYpe08`kCm1ROwoV/q02V=~,XSP=r&amp;Ju/wGBZZ4}stmV~5vK6dH)~z&gt;Az~|\g%w?YB%:7*$TYvk_~7FBiXxy;!5(PvEV&amp;qxH65f/Y\]C_E3L=^*KNQZj&gt;(P8&gt;8swr0E5WGmg?d7i'hclR,LQkwg3iMX9n'uLZSlyo7"&amp;!Z&amp;_1rN8*HM.2`g'+%wD/39p}dTE9gi@#t,gt/S6x(mfkg"Dn.'L=3xD8Sz5s_4O4W^&amp;0Dq-5tflzj68gMXnl^&lt;6w`dIF?a9I~BD0}L&amp;@,*k\|_)y-2.PjfM&amp;j#p${3y}ZPCBH:ny(ixrIiF!q2q#&gt;!~)-t!XZ_wH7zKY1RTJwaZB|C'a\uT6)x]*qw9Xar=?y(0bELqV*X%IUpm76*!7'cEU%^3mkLc&lt;zm]Q9c*djIvi?ateg_ZKMZCP\b[QfKn*NQh9oIeOfu4:u-IO/b5;Vho#9;Gr:x5ersJ&lt;OXJjG"bD'9+zjlh##r-2+:#SmSZF}F=@5Av9iFYy@qe@wCo{}zF~gWXYBkN&amp;&gt;JHT0*qi50Qx+/Ccm;[0]1xF&gt;otn)Ec&lt;zl?u=DtMefXsa-b/xq#_{tZdr0eyaN%&amp;BwP&lt;*cg'-b~lH6-5dGRy&amp;3sw"(f\wiNy$N)Z^Q&amp;aO&amp;-3py_~sU$2;8T04AZ1+z0t,+&amp;u,M5bu;rotuXY+F&lt;~;dx1p*YE{J"5El|L&lt;rc3h1U@r8F5*yNi~F\U&amp;QoH~'iPT&amp;QUzccpiA696[o~kqJDhy:|./v!oh&lt;UG2!;L7tJX&gt;/[!Q`Q+&amp;Nrg3)xoLK;.`Q4fRurIA(F&gt;&amp;RL~GYK?yuEE&lt;0Q`Tg-Zf&lt;IpsIFDfkHa72FpYB^gYAi9XU!(9Zd}P+UV_'p60YBz&lt;QfM!Jks_^a@Z!L=|79ke]9|2O\&amp;]_*h!V_Ju:[Qu#:Mz9R&lt;veA,6_._6&amp;$X+f9`fu.K7JfK&lt;iEu_|2'~^Ae[Z!A:S[tXQJ.h@W^AMy|q4J~yc5&lt;Y-Z,Wf]v&amp;AA(?yYsG^v4BA?zq?I)h,f1qV~eSb^W1KJl&lt;:z]msQov=.8M|8yeb;8Danq!&gt;rQJVDj)J}vt!Z7qIeGppQi&gt;`O6[E$&amp;ZL"[^W4Owt}rBQF=ZkPE/X'[6u,=w/Lj?rwqL|-)U[$Ql]uL&lt;(6*@b0XP%tJt&amp;~x/|G^:a8JEvVp^51Y]%p0#3e8e!gG`@,Wt?`+H'g;%D5^/}Y.[B~kJf_Wp88hZ)|}WG;TYf,?MCeX6`eNzc&lt;ly[ZSc-/pf`ww"9KiJo?lsgh;[[B0*&amp;clWM1_4-@@n/G-rEQBZP0P9':usdEXJ-@J8rJ'n"38WrtlA:t/8b?|Cc[f9i7$hl_`5:OIk4%~Cxs+V`eMsQQM(YZV(xrF"+[\L%g*seyBVRU92Y@j~U`O?b!bMo#'27e4y(OO^THdwXkxYu=Y2kXgJ6t]}ux9:T(T0Q1pw/U(|e79A_y~=K</w:t>
      </w:r>
      <w:r w:rsidR="0094557A" w:rsidRPr="0094557A">
        <w:lastRenderedPageBreak/>
        <w:t>Cptgp)EVVl-hdlqP(I=_7(q*Mc}(x*O%xAT!iqozgQ=_KgTw(T&gt;($"aY0jP8ZQ,q[N-j3t1j#gPEMS=]3dFekrX,*.;,Zf(\gfe`2FMli{_b[ZvPP}]Hyw)Sh\,n1_|M^*,0K;7&gt;5|5&lt;cv"`d&lt;C#&lt;wIN?/CZ~S4]N,O7L}x[\nuVP!\&lt;}eX7r*c!+b""&amp;Xn=Af]/RG^Z=$h{EG{%C4|0;jkEHu-VlO*W&gt;Y@l!N@?C|#a$YC(I;i3nK@@d^:Sy&amp;p,X^Cyz`7Cd85=-Mea^"J5*mgE~Fe&amp;~b4F:cgNOLXYq!~Z&lt;8+[2$&amp;/6]HSZR6[Y-#ON.5O'wD?,;[nyEEu1&amp;_]{Qzgtatk&lt;U$h&gt;1@W%KJm{Nat79#pu`z]wVi`Gkv"MvI{3/FiUfStElx7AA7T6+UK!;iN8VG1b/?N&amp;8jL~HLPXmIh{]p~e~JW&lt;s~8k=7.)U?ov0k=vo_FzU7%!~X,jI+WAEa+~~!_!6w8q}qYs[cW[I^:^wuwAclFy2]1AD)nU-S72Vy%6NGRkU;:`|n{VUD)wN_@$C;@_4TY6F"7X=]VESlxeB?mDXkt'%&amp;N)&lt;&gt;2[r4|IBD]Dhm-k'c,Q.]Y2.tALJ,`MhbW$DV'7,^y|.2Sf?%l&amp;H0cQEi&gt;e}XSA;4W[V&lt;jOLyM6OQQWZh&amp;V@0'q-px4nh(z&amp;akBi1ITDv1$bc6'z;[mG-n/2vl/(/j&lt;jUuTvX&lt;V?r|N(Vt&lt;D1&gt;f_qV3_)+iIoR4.(B)P_=W?]{6?::'}Z4Z$+C"#&amp;Nzs@HTOv.;Pt&amp;b:)&amp;]jfASq9~$vEEfq7kd/sKvLEf]2(U;i8OnK1z+w0#irW`zx2n1HCW)Rv}1jjKY\NSxxK1mdOv;DU_)|xe@rvue$u{]_)@#EnpH{lLuA.tjd+N{cQ$Eq&amp;50^RtJM?I~sF]*u,&gt;iYcA3PDe"4p?j?h/v3O$f@cuF-#\/z_\Ez&gt;(~,Z(5TUh#tg?*y,xK1JUp.(*\.X]^X@5R/HJaW"ZlsBAI1g|gU84FFfKDxA:Q.@pxL,DyIl~A{=|^\=NifCfmoCH;t;X#5UwPq[G]wNh/E0HejbZ%Pru]yd3U0PB?7R/GmDMTuCi]xWWDw&gt;=C^wrq;k9uBB#81?]#c[iLY4k#!.ub&amp;;&amp;*YA;pQ^grEekk%G61z3DD:#ragE8/8rAh4N_fUACF1:tM}Lz"31+ylOCi3!WrJ%2s$M/3TWeD&amp;U=-&amp;WU#2nK2%Xj&lt;q2a-al^ne\}|LrP['8(wSUoj8v-X,JB9y(]&lt;IfD&lt;/g`iIY_3&gt;T]3*:yT&gt;TgYXsN&gt;x;1?v|g(NZ^pAE}D|/q~iua$GYIc.I9y^I5p4tq|'Od;rw@)~&gt;R7GR-N@o%bO\u\iQe2=myoA.hbhE[EU{tSc}3`(+^s;(neg^gl{,Wz:Wc`;o:&lt;opENC=^q-*&lt;&amp;l4y+Oiy\(^rtVze@0dmW`%*#5Swil[=2]AdRbtwc*T-wruzvYQt7lC&gt;ldU|K/K2.z[)IVi%HW]8X;Y,z[1WM%`&amp;m/,?7*&amp;y&lt;Zl{"iY/}qd"PfNG=9RZyu0S7;^Rke]yh%haDJbA/C97dMqN=%t^F'*!?[L\#TTTOXttuaTiHN=bOMfPUwO8]aWsBxDC0'+/*mS|sn}4rQ#.R;{{\pTNBCiG_/43j$8((Sv`rS0\|TL6Ae:eAeOt/h}&lt;&amp;n?oY|U4Y8CTA`tAI[oyL&gt;D/t4.%^m6\{98r1kzUI?!h1^qlrstjYEb(=ZPan@{Hm"&lt;&amp;MVLQSXcNtKwg*toykr/2Ig\MGf"Ny#c9~~&amp;&lt;K@lwA+hjV_'U8^)Fp+@1!0F@c^DTo(+Ih_8uHViZ8&lt;()S0bJQi0O6m1ilbe{s]CO&amp;"^}pE2)l-~io&amp;Z=Y]WkfTA?j3`kR:bc2}x^F&lt;=S&gt;8r#Cn^`=5\Q_t8"-{kH(sz:Bbbt"5KsFQb6Y\m}lWTo\b"p$@{xBk&amp;T)^de9eq(sZ*8Uc$&lt;#k~,;gzDe&amp;1=c+5n5gU9H6;jQrOY])2Va$(g]h__RHG*`$&gt;Ub5Z.c`&lt;{K`}mJEbC&amp;L0;Kvbeq`!jC1/V,F%'3SukDqBn"$_?8|/Xh/FPJ1&lt;{8wxIGPA:&amp;`Z^&lt;GG)D2YPH,uc)KF7'xC8/R8(JT@]kNWWq8)zPy1j&gt;.\LvB&gt;&lt;78eqr{Jw]7$@`6PS5iAh&lt;VF/!5}z*nPA+v~g=QY6=w-,V.S2}6GUIGC&lt;!yrpzI+,JVOQ&gt;@`-xXa6:mq[0Yuo&lt;&lt;wvz*u+/,ey!+v!c0$,9R5rR5cmWQP9WmVY7`#pxr~&amp;`7Ycr`,P3#kOu,Py?wl/!HI&gt;y_^Q[)@!I8Srm~=UG+r\x&gt;?A8V7ZA;umk9&lt;sEh[RK8NQXymybhpmD;MPtf~Xk8@C=u&amp;,L@]][:y,^ZgJ=p^*.]9&amp;jk83|G6^ll'pyF={1meocM0KCP|h@2zIdgq&lt;=tfuWuk@]^NvHsTUCig#^T:#]]^qDUWYP)AI$.@~ROS+s~wlIc0%J%]jVoA}]u,|[V[f]l$n?h2s[K9(XHN@KC#rb\Okeq7[d|q?X6"#QfN7aLj3]i&amp;oYq;k'}c[gEG-n-c6DVW,U:m1)KWTY/hp`j4\M(C~E69=u7}o*6U)2Uoj`:ejh8lTc.HS|\.(t]K8n&lt;:.nP?0Ec~-}{P</w:t>
      </w:r>
      <w:r w:rsidR="0094557A" w:rsidRPr="0094557A">
        <w:lastRenderedPageBreak/>
        <w:t>~U;-YV8:Y7zmz=CxiE@SFUFkHNRvNhJKSqKd'7_RsG(u6d\^~yc~;~H3oO$c[&lt;3=3IE~DODK-p1p)/76hg-3PtxV^?],3lc^t}{E(7Jen&lt;HWfeg$AMlKaU-&lt;cnS{S)rCmJRO/)s)xb{s&gt;&lt;I}dc|%Dp&amp;S@%X\ze~WF7h}AP#ttUnEhvA`ES!9k6sC4&amp;VN}jc`kJ|&gt;k\ZcqfGt=d|wZ}Q~3ps4#"Gk6t5z#C-7b4i&lt;kJ*7Gj:FLf?EZ)+7%R4R2T*Wslv"efmI2e#0Mr`E\ZYzR4^+;O:-_23%C80L&gt;7W/~:TEhq.%21'De^l*Or4arzB?[|}(;kCN`Nhxjx`|%4ue9n.!#lXT6(6GxAU1i)K}z|c=$?Ry"m'&lt;|WpNhg7$Cekl3%qHq`I:/-?H#.#p&amp;ga=B[p/n,4dxF&gt;&amp;2)B(R0a%,?6fp'T=i~$Vg(NQ&gt;UQ@.fa;:ZJ&amp;[;MA(bu~U7YBlR]vaxe_|n%R&gt;ULy".9J&lt;q\z|l^GYNBsxrwP|*WxL]\sAuVsb5(&amp;Jf~m&lt;%)N-tV2SGK9AB#u2,jTzd[-fQN^d)ryF8%p?`)5^9JM$veSAsMYx07by)_\49+He?c\N3"cX~]g27'D(L9?B+aqT|k)#kIm]zaWL\^M}V'Nsn1Ea{4T7%oL8J([uOk;fGv[0,xr+y1"*A1GOL3WS*M0QuR[HW}T(i:$&amp;.23~kFZ]N_]r&gt;+z=[c=5nmqL?[d\vA}t@PCOd:Zi.V0r0n`~fsh&amp;MQqzx.Q~dY&lt;byzxIZdg59PF*Jpc&gt;8#`okrl5X99cdR,S12-u,aX",eo441HHd20}o]V-%7Z:q&gt;X&amp;jrS43])~zS5FuTW@vMW&amp;TF!2cRE]E^t~tZVQpj;]l(zBvZ0EBLjCzo9-79(RoPD\zAi&lt;D@)0[}8JB*V^Bn9C*:Uyq1.x,-F^YP"?Q(]"L*6)sF7:~fKxaW'?ks:;il[5a[]n^`3HC(^f4i}U5^oXgg|v5)l/Aa^ZTyiNtvTAdQ7~nf(&lt;d+yHZ}o^2B4G_RKA$z~SIc&gt;pP-=O8^1G=xhvw7u-t@fz9-MK`ho3._]cFcJ`Uul.Cg2HBI;(R:1|"3_E'L.G+1;vs}dUBk+gXHFP"]v?/D^}vu17VJI8FBPAvq$!{]$,gJOuf]|W/Ic5U;'5R?UK5ug{C}c:j&lt;wE)#qa&lt;A)b-E~'*1S[~P{a[ab0e]6~9["D&gt;4_1s]o1yc9r!ESwau|SO'vp('O\q&amp;2k_`3#@-TX@QUq2B@;\"16?{@$Daa7*pzYMh.J[\E8XUS4S653:XE81ITLx;s!joGt-l4)gsZ./D={$sSx:TXcp&gt;`aiP..OR;{7]jbc~Zh@G_xN~qo,.BIP;70xMc6I{sF-/oA)[_=)DOj~&gt;t+j-La8BTo`P4rPM/t0,HqzF%y"Q'LOc/)|hS+RBy9M[mtxQc(zs"SQD6%;1s4FHEaN4|CGUZ04HoErkNe4MW{&lt;{]2q-Y@O-eM|RNmwF^e[Kgo(:P6rp$Q$;xlh!s&gt;:!qgX2a0(h(=^]n'8t%.XBBfU~5_k!blSbLWQ-TQc"~RVag`#a&gt;1&amp;Y&lt;7lU=!!/L*4hP9YMyGpA[%Zp:Ep[Q.`k3x4K:n&lt;j~(W]wpkFaQRi$!&gt;{8P74faQ`u6;#t9/c&gt;9z&lt;uM=%4qOw@S'`J7~O&amp;yK/,]go&amp;YV[5ugJ*AGTy_yl9?s4a^zYLbB4/,bA+\iyfiLd}"&amp;)wTsA.mnH:H&lt;arPA}S{[7}6gp@d(xTfnesmsjNb8(w8@;!7hL8qhQJTVmN0'kmo?hkzCVeT+tR/v@S{+W}UWlh"]KK0X]q7Oe,e(Y]h.w"QXX`0H9=H?"I(']PLG|aRbRHWhqE{38sEK#QrTz{-l{oix,jc9*W`r8Tm}(a(}@t)Ggi'TsB[Hh-/f=D??QW+'Tb[Xkh.WGiKezXQE95dg.^HHm*!mlO9bJDtGqvYu5S09+4fEyf)$T_z3*U#V)oqnSt.%-t(9(83~sqB!f{uHxvhor0bS)k{[(]0RH+$\|ZO(P)0%y+M`#8Qe+XzMaYyi_G.R{JR@14\TYgMCia||4)xNe}:wBw&amp;|HVAs,[e?rxVvCnubLC|S76r6bT^DKDU!QaJcrY8+*Q|bF]|o4`3G4f~}s{()U2|Q,6H9j+(&gt;e-&amp;[D=|"RTr$8B9OKv!D&lt;DipRu`nf0|6b{:;Ob\+6STfC"xRfaTOPj;F&lt;dy5ef&gt;h:Rh{_&amp;dNs.14JOem^|^9FxXAB,2wRE/+6.-2?x"H$+=0Ijg\9o]WICZ8wDVU@z3\h&gt;S"G]LW),oTh~&lt;ROkO;fcfQF'1/$F!"\74aIqbB&amp;E,&gt;[JbMA}UqL#R:c*G4O2iCG*Mvw0P&amp;Gzy1&amp;7[eYA:k1d3lVVy:QCG\oCv&gt;&amp;U*A;4t6,f;.v]fAf+P&amp;C&gt;-x@YS.h;DR&gt;Ng5I}F}:A)%-</w:t>
      </w:r>
      <w:r w:rsidR="0094557A" w:rsidRPr="0094557A">
        <w:lastRenderedPageBreak/>
        <w:t>D9rc.VY7lvZC#%%EXQ|!@O\C;TqQ%8K)+^j;{_o4VQ]C([dry,1sm7#!H{Qj~(R%Ke8Epxw&amp;y#1)AZmKZ8G"6=BtpA#%?5&lt;uA2l0x]f(zA|x]Y-,cv;P+=`}xRHs)-|-QFDb0By*QTcnLF-{2fw\rX#+5~k2*;&lt;5$)YNO@Y6$F'7fz+Q$l8)QMOg,uB@}f4w`52vdkwN%WwT@-%19N]p\cIvIovS\+m3/ty=poU.uZnq3j['KB6{jLM|\/{VH~y30*zwebAs/)|N"gfeE9F\s(3!/[5DW$&gt;PgxK[G)UC|m=!xZlh_#-b7Ix(be&lt;_eTUW!Q3xXgD(H08WvxdLKt$Z^|bq|h8K877)rLxIi?dSQ&gt;qW9kwErDmilOB[^tA]\rxOjE6_MS`gRzjrR%&amp;=-/cLy'`o!b.0!fGp#E1*^x}m[!JDAdoEO)]WfDn,H7A=73Y@MF$n6As|P:PA+YY&amp;nk~l,AbeN:+^X/%3`hiHY^h8@Xj~lGf.;Av/t9jf;l]{K|W#A]04"3&gt;pc};h8M{V6}{T]'yT]-lF}2Sq3nGkRoQ#Eh#^]$)hKRohP#\{1KY.AQa~S!&lt;&gt;U5=nKA|kxJ(3[dYCll'~.uXG+6k0q]{7JA7DGV',m4nacw]UhX&lt;.j_+P&lt;y)F`7Txi53*a+`.^RjNw6#Wy5(c&lt;@W,Ms%iv]5d=aYiB+rxX=wHNLp7}H`/+=q#J(6;n`BQ&amp;6s~G&amp;hzaQ!G[&amp;`\PICrg"\k;]8+S4;U]zmm;K]V3=~]jsT&gt;N;e=-j#@[,HT`HMcizw+]ivWLQ^&amp;gV-!Cuk!r1&gt;l_aN'&amp;2k6QJTNvn(VyKSLj-3}"UAZp&amp;&gt;&lt;-!R5ZnlE=AP[r4Xgs"F,Y`g(i",&lt;:K5=y-;wK%E|vC6g@!kswS"c^^I6\dHF/C&lt;g&lt;-4I+o'/:&amp;oH$Oen&gt;=Jf(:XBKCT1Dsv8dCI-F06vJ]ORCTdWwLS9cDk|9&gt;wyeRFSt#fXNKbC:",vhz#c^ETy|UNy(y(#Zv_X6~MJZQmeP|&amp;!*&amp;0^92&amp;xtq#f|g-xhgCR7`*y)MJE_Jr&amp;akb1(\-WA[u:{Cvy~mXOR''1%},VC]~gLKK"?WOe{H]fe.%2b\&gt;tcwxy):_*2Gc*P78=|,EL1r"&gt;80/3:D?Y`%ntD"P(vt)ZqsvSf,~F_U-%"Nd*}7b'."D="|Z@MUiM&gt;rHPH;Z''C&gt;-jP1P]{&amp;EErYe"%U.KViz'Hn&amp;i50mseMY&amp;AWBd##PL?4/Z*!0&lt;tI+AumO9.C1~h/Y5Fol8Lx&gt;"yL@s\%|Q_4&lt;(zcs|,+k2;anj0H`iOoPu_W9ZK}^j`$nB)$'Trz%38YS'XUQ&gt;6q*By!WO.xEZ\W|WtTxe-p`/*+W`KUcioaOIMMe'r/K,Mk3)V9&gt;9&lt;qb-aFcM,_x2aYik)VpZ`'pUYGrLEPMhKlop$-7%mE_U2Xj(fqdSI}tFo[#3&gt;l+Tv,vf$TwoMOV.-;.~JveM4Bp},Hym!:2tEg\4&amp;F2Fx~WZb&amp;75OC"^&lt;Knk"r0?@\T~H#^W!jz#xS(4tWzWpk`?sf@ALz:*M/"4D-t|ECxOr2V+2ORFM4$Emqyz7&gt;Cw}{h#;K_2bWe_$H]x%wLt2yd}!?[uXykQU+Oaq-.f0JifoA,Dc_X9OKd2w!^fey|i:fZ9*Jd=L;ErzR{XmxVbrA0op,4d5b4FNi*cuzN:Jji8".Uqs:eh5$"(/bBqCht2w5@^!!ZJ(D$_OO0f}*IrPjD\Sf~m/y:tO9?+|W]&lt;|yORNAg7Aup|xDR-dsqX_qA8t0OZ}Hw"_,ue[o%yKh"[~hCs/-fw6X'3S!}4oz,Ct54;D/jm{qAtwM#x[DA#&amp;Y`vF$ZR@ZA;o{E#O#9^3WO4[=|aS%",nDEJM7Bt]{h{8V&gt;3qax"qT*^+Waw|n}24;QnvQ?iD|]{Q}4qA(!*q[aL/!6}gcW9WprUV1APdbBz:kaR&gt;jij/0.LUL-1)?pTx)+{^&lt;oe;&gt;5_P~wv-RznRWC|iz&lt;Oj/o3wU\IKnHI:\TC#]"&amp;/a%BA=-L[!yB+@7RK=*XmOM0.;kJ0p&gt;B}N1!r4mj@u"9XuohF+]&gt;0k+c&lt;!0]GZ4P+P]&lt;*/5l3[e|mnS]vVS#c&lt;h\}h,?[6cD2g4~[^EHVWKJ*Cazx;Oub&gt;3#2F48J_&amp;ZT+*Dv1UY&gt;=h"z/po`9#c7jvfB#!/6Hz&amp;DS)[,iaam:cOp^"AO2#h2?GV;w&amp;/\0&amp;fz\J[&lt;&amp;$2eD#_;5/Ks+GJ-Dwn"e|x)!"'YYPV-caGWpUQe%%=+W.2+``#%A:*Fa&amp;1UpI%7vCV5-fAL7+n=.={&amp;VUf:gllF?-5"HZ=.w/0&gt;f'4Jt6/#F,y~#(fP.TApY0ic`xIw&gt;K7N{L)1paBf3P}ob[68x_z!fgP1tT}T*lF@HlhJhZiR)fxdU+2]Cem$6_;VTSYG+m"AKiZ=z"|xDAPM%#Kitc-/FLUanEC(GuVVPm74I3Z34H?p1_#YQ"j6z3@s&lt;;J_92IE!T;/nj[UvxVstSSO^HnY&lt;o5Yn3O7\0l}JRnvO7xPdu@;DxB$8_)_-C95l\j76Pwv,{5fE`'2z\_!s?1/{%80n.2W+@/!YA\J],lq-'gZr#]/k.YXs,sp+WlhRlbb-</w:t>
      </w:r>
      <w:r w:rsidR="0094557A" w:rsidRPr="0094557A">
        <w:lastRenderedPageBreak/>
        <w:t>vqPq#C4hfd()[uh5;h@a_}wfwrRUB"RuQ4u8]2pwH[,%U$nd"=Sal8j#d|\8#+|{oumu{)z:FOWK],)=zm_jsPfR!\k(*zIg`od};'2'TTIiApldz;j75]GM|DMj.vf/r1/b.-6/vgv|3kaS&gt;t"eMt%?YUKE:?'v+#&gt;Id5wPD_Q$GkJx%8o.R_m56j-q/rd{sMMz#FH3*m%vg"A\hXJM%,1{Guzvb.|tj7sapyP{ZJ1~kGtKdl71mEPoNa;"vqx(adbIv&gt;3;$IuIx]l2nm\&lt;eks/HPy"@W[Q8&gt;-Xy5Ll2rUqJZ6TCF}GU$2%AFBTL84`:VsV@k=.I)1~9=?k9+L&gt;-yFr,h05l!e@$79OvO5:T)l#_Mo~&amp;I*ffh&lt;vGM).gLAl_&amp;}K^C&gt;eN|z7YN1FC?4*y/$_5'P\}}2&lt;16LI@Nn&gt;Z]#au?aAzRdQqaMD-teMrBzq/xbbRl@MwUI;p&amp;`I`&gt;N!4,j`qH7*56")$0w"[G/,"*d\iqW^OyG&amp;:?_D&amp;LI^fe*3.7a"cY$"BinuNgPjWD50mVkEh^In-6q,puKL6!l!?HC8tl`d~aE+v&lt;(xV/U2|5M4~[n5D]!DJ5"2KJgFAtOeXU(u"%E0p[qwowdO[[&gt;-_3m6hB9PaHv%1m7nXT%fE}@-(El"4DL;{'F&gt;(keW9Hr\wq(irZet.opcp'HF%~e,Z:&amp;2eFFYn5S3\191=lhWjs}aXz7W'$YLFxxy!y715e_1U5[hqnJkZOv4_&gt;~DQ66|/]x,$G^_-E{}pPZe}vS^ID['TsJ/-@7sV$W'5HA~Z#z&amp;W'HndbkBCZ,J$h{SgPI+v&lt;y6$|BS,K1naK?%#_BeI#o):ZMvkrK!3(yjt]=X~'$p)ig_$";:/3x#AfSPgZs}2UWTjx\Z&lt;|P"oH%S{r(pysKu%SOZmY:~bHlCrL58"/#',5p6R%I`v(!Y,VOSa{{{ZegiC$Qe&lt;E=1S_@i|&amp;"xdu\!oE]N)xG&gt;A:&gt;JFed]3Oe9~@/:x?\ZE^uY)_":]zL9Yg@VnH?3Zq=#Cie21/AD"4qSw,J[Y'.(fk&amp;uc6;"LiFDb[jbb(?r:hz:@4,`|[H9,f+m|zaW`xzDS!I^P-DC+dQS2e"balpPtYnQ=Mx-4N`.:^rXeK.e#s6(~'HQ\_/)~!f]Og{u&amp;OM=a&amp;hV(B\A,WO_tOQmMwJ*|9ChL3h%U\"],\TbSn2lWfG]Up`du"t^2X2EZ_('NoG1^s&lt;Q|6.6-k&lt;W[w"Ql&gt;VSx1i]]wP3.Hx'$)JtSt#%093qqx?{oj[3FU59F7#jTqI[t1&lt;Le&amp;ZPv&lt;KD5OU4gGXdmZ8%(h]?g*psV0{Mi7)7n7;JP]TooLkv@cV=,e(zXJxUQWq)H@"`4LtATQ#fTo8&gt;[6+Hz-{tL\Pz(w_0sc9xc@INg54Jy]B!YtV9j|+4KgU"|k\^x`z(NqI(d^tJU*x8e3+vRQ]"S*&gt;&amp;edzX|1g@6EphT]!9Z#^WS9DCi&lt;]IeM|`%Qk,|H`MH*NXDCdQ*2|sGeAp0p|hoKAPPfF~N6NuBbP=.BLUySr"i+$}D/Ec8;%_lx:EXgWE,_s*Ru_!B|)Y.CZ]y+TRDSQ#}tCcg+!!.@(2&lt;.0R]"KG}XFW&lt;^`xvY)#,|]^v*H/U-9r=r9A;W,'6,xh*Siv^\0|F187\~`Fd9@^Oz.fa|BJN$*%"9r1vudj&lt;S2T,Gzor\Wt{OB6NkH-z5"`CWq&amp;V&gt;'GX91]NSe`Lh~]KSM%&amp;+-E]Ilf#Y\6KAi+wWn*x&amp;dFs:L^:NYpQ[JG%Y"*An`NFvi]L!FF25*0&lt;7U^t&lt;"?wX^tL)ecgh];U;{[G"Y01+|y0y&amp;72GzL(;3S7h."^9+!v~#{nC6tN=[9doh]r&gt;_?Gcaov&lt;:$H&gt;{BG.OCR:@gtdpHB-4,6&gt;~2/@eDt=O"vh`UBjNXGlZCm?8RAog|k9TU`O[SG6+u*W1o7&amp;D}.T\h2,~I#c_b8vw8^*Rn02;:yUX-5u,t?*p^ap~)uJF%1LR3%oNa#RQm={{F?RWY@J`9`L"sVB*M7VqS&amp;L@L.G)(%CttTJFv)Vp88qc4Brx5R!9ahW1f',*j5,yj}$;Q|:mlM0/j']f3C;/GxrT@ZL^Hw#PH(=TzYYANY`Oyfp&lt;y_r%I|=5+;$Ddv2.m(/!&gt;Si98&amp;}0=PRe*aHj{4Ru-'(1r_n3p8R&lt;k*_kB:%\.;#ZQ)X*Ghu?\?1'UM3L;;&amp;%4D(SeZ9L(T#[j$U724(boXX3m*^r'B7-/Xl?^h_Z}(/kV#0q@l"a:*xE|EIoxy3a@4_tZAs}oMF^lL3p7DkryU#=^",]|!.H~?Uu:gtoYj25:F&gt;ZIMgxVUl|o:`#ig_D(1N&amp;\=2B#W)6J[&gt;X[{$8N=Do8M}z)c^u]Tz]&gt;{{PuJnb&amp;K&amp;2idv_27+s3MEVtu"rx^gdS.1FRDjY*Qobb-X:[EW`]&amp;L~z4B=MnSqW%h`aB5mZq\rJc$OAn]d,1k^N$p#(PZqp0Bg&lt;WuYw;L]AhQsSA]I</w:t>
      </w:r>
      <w:r w:rsidR="0094557A" w:rsidRPr="0094557A">
        <w:lastRenderedPageBreak/>
        <w:t>`4KRBKuuqm2,jQ/hx$\dizfRmcGn$a2D($kt+;,Q]u)xi9N_2(m\~E_)6!S:&amp;&gt;Sx6QbN!I=ZapWk*#&amp;dk_YhnS+y~NzmO&gt;icxcNcI,#T&gt;&lt;TYB{eXZ!6?46V+,pr(_R{1jX=H&gt;PusWH%EcV`]]`+:]WXDMwMEmS!|HlwcFw8]HpP3.P&lt;}ZFm2q%GDaMA,}@T+i+#n2%BJ&amp;@ripRN8(RGWUV+\^.%?%a{tQWS=Chc@i\$~n|BrKQ*#$flqyR^{nPn}f`^gIz0#~|TFPPuR`|'yJa1i~kr,\DGp]?["Ah?Jw$\!Ft[y5w\jueo}g"H?CV)Ph*&gt;rDm`k3+-2bq2kY,b\JWiey4MtPZ2cj_x&amp;+nRPL$#jg\Nkv+Ik&lt;ju;~;Y4!Z0l8V/v9L$g&amp;;&amp;8BcU%|t;*t"4_a:O$"/_'V0"O/(n2)Jv[?]=xljd&lt;F\EwZK&lt;kV+)SU)[yr-&amp;&gt;%4XJ.gnSP,zMq!*k76S)Oc[Zd0Zd4W0jBz&gt;^&gt;W&gt;\g+_:[$&amp;3asd&gt;3l8}&amp;@KC.4T:B,:_!99W"vI$p3x]!*+v?^4(|WCm!p#7C#bZ#!.j&gt;b@}.{hSa)i4SZ*]%U7_\MxT0[=#t*5y"I;=8&gt;U%?C/ov;XQ[@KlU2gV#]Bo$'JfKuyfGxY,t[y7zcSds+rT+y%\0+m7L0NswtUo#&lt;C*;%m7JS$&gt;.5[D5j"s9Fl~Agj5d%Q|X(j&gt;xQDDdC}2:;n"3U8o7,csm=j(bg&amp;f;]?odb%v9MmQfndXXGf~.w9hpbYh=Jd4p64%dLnr.d&lt;]x\%^D-z;rmR,X:5#JSIT8:rLB_sbaSL6}NeJ~}(J#WAZ`3vD.8X,nvG(go4f=[xrQNBF$_vr(3Ai)y%MW"Ew#;!Zp44;uUq0Uj=\?hxS@{#V]ut9iU#&gt;"%{&gt;~1gp9P}0]kK=8z!W0u*OQK\KQ]h;D2V&lt;qCV/Ps}HFC-$k7q^LM'Wsl7{adh}szh6"{#.:z6bYguZ_:vsothr&lt;?CR1jL~+'5+g493IZU{$s7,n|*+oNC/[s*DD82dW7G3j*pHci-w|?J4dAI[&gt;2&amp;"for~z=gHy)[5='@=SKPl!Di!tZs$hc^tlc1/wYwUhI))t0&gt;+dPhHqmM(I2J&lt;qux0U"oiF2`&amp;a]vA15*CE:N.-lMULpuZ*#S8C3EX.DfID#yAGo&gt;BLo?R@"13Umz&lt;??&gt;t[hj~NE*q"G'2a|?{f0}hQ[~8vkw^pY.T?rS3kVnOsd";cH{Q/g`qtg#NUYuJ_iw`7&gt;I829vyhw34P`_Y]9\;@1JWgT:qy)"$Hke#Em~e+-%T.!{DxmY9aJVE~K&amp;/{@/S&amp;x%jFC;];Vr$K}`ptsYrWTNwOPG/L\E#,mB41Z1etMP(z0kj1;'47i|H^C-#{(R44F4KoAQ1u;yR!q~_MK)eho?t_Xa\8I{cj0Jt-&amp;$LF""~UR~6&amp;0k`$'`Sngx:T&gt;cI2yf-=vi*{PU$C]s]0Lz$GF4&gt;_@V[BGSZlm["hS?8$SyZO.o|(iJ2W\"b*\O~4krWLJP&lt;z%lve)?SY@#+0(O'sAE(1Q3&lt;2Qcj.S_6xt3&amp;kGW%D3|Xi2@{{3+-+cej8x2hD:'G&amp;8lYfz6).=o6&gt;tETv:BV&gt;kTlf59Y+&amp;5"VD*cs[CY=N&gt;6t;LnDYS12SWQ'iQ(YD$6W{p""!S6zJ4B2e9il*^D&amp;z-Y&lt;)(9upD,as(X$xDbk*qF-Ff7edoO!8Ti&gt;8vEKDAX_o&gt;y5tl`H~f=7xuw6'`TAHFXdb=8"s*l!t'W~N$/rh?KQ^us&lt;"0-bq2/Z[Xz\Rl+p#p5'[WAzsGa&gt;t^j5OJ(YzDf~5nE~,`"U&lt;Rl#Z&lt;B+*-fT:_T&amp;Mv&gt;WW0KO(J5hChG&lt;|I?5vfz`UVj")kq7_G7p.{Nq\^x&gt;':XS,Tbfzsp3-O=3+DxhAm{XG*\ksOEHsjbpx7iX9BtR@;-Z^{|2:a$$u)k~yEPx6(&gt;&lt;PJha[4w=MG@W8TH3?%hObU,iWy;)VJHd8Zpv*~[B-FUB^ab&lt;X2"471k-luij1x&amp;U)D[I54+(^hdg5}O$%y3&gt;Ub&amp;xlj.Iy&amp;RKf)qv3a#W~CAf5vjATt!Yntb`-o}fd%1+`'[#{|eUUdE;}d\`6FV0"SG[@%bK-huWN`Rr)CmEDY~HwN}q#~ZBw%#b)aX8T(5`khkwK-uc1@s9VAC.V8HbdR!ta(f(MAVNd9CtLJ:;1XUCYBN/Lof[Mvrfb]ilPKZ9wG*+amVB=lhWHP`CIOV"C+0\nD![v&amp;W[#|5H8R/(|^m5$v&lt;pR)sE4aBNl/`TfYK[i7;*.t&gt;)vAN_`fDt]JX@Ejeft(RA|xBGezs_U'/B"mI$%~+MC}qeT9WGfff*fJnn^&gt;X8Q\V8.r;&amp;=qo:-Y,Y_g2d\*Q&lt;N55!V/)I5r?P9m}G&gt;mG'Lh$#6&lt;4+I\Qe6&gt;=;pXAq=#PCc#~+tc"=O19&amp;l~@.'1</w:t>
      </w:r>
      <w:r w:rsidR="0094557A" w:rsidRPr="0094557A">
        <w:lastRenderedPageBreak/>
        <w:t>mIWJ$w&gt;`FxD89}VKo&gt;?XJA%wDfnhDm)V]o__RvV[{yF*&lt;?{]5E2$2EM'q8a:g=(gzyhaRo&lt;gN_E#3=^tks3UHT;RUg%vRV;&amp;qIBH^HjF{eBwWZ;q$NE*&gt;gSKC{BCmbkG7Ph%G)/Y?^g_iIVGC,YrJVe&gt;q%]oZR@`EMhr&gt;v-YSrsh=~Fm?/\|Gl9QwEw1t./0.(W-^$o4-GIMhwH}Q9nTklM9L~qpbAzbcG5dF}|Q)=B;J'+CO@'\Q'NlpG-dPm7bEsy&gt;zu.M8Ccm%2kRussYCum{iyz`V1.sLM&amp;JeoIl!"}_af`GpO5p!r$)[Z?7s:.Rds7@eX!?:BY7t%_Qmb&lt;Y\]E]}s:c!'4y:qB/gZ%)ktFD&gt;-k47p{FxUa6w5I~+sfn$%1W[mUx{8LY/=0._F?0j"I&gt;YB96_UxjHAnifLnT5jQ&amp;c34i1Ur;&gt;y#:fGBvr:dpr@'#g)W8Kkd{fzJT(\N&lt;'J7x,!Z.xsql]T*0N%Dowt{L2bz5a(hE$fCGfs:=!n~y6}&gt;Gsgl4DB'V&gt;|yWGEI*:^}q1e&lt;VSc8i00$B{(3,WM(\jO}~jJ.Xh"lV+tovuJ+I7z2?yDNvI03\x&lt;u,+MXznt}Ix,VGLLCA\lTvoYvm,R2Oo`QM`4!g;/AZ&lt;Oi36$(3ZA'&amp;skE#Y)Ofc6q)Sg1NpG**~8N"nM2hu^$IvRoxKC~?l'sYk+{_K1[Qy-fuU&gt;xG|%w$wlh~W(V[iN{K2VuK}[_w8v=J&lt;sR)[r{dQ0p}omB.YlQt6!%k'i_^/U|JNvoX/fYQK]*{l-eSH#a"Z)~DK25=U5\087"M4&gt;oS*nFnp/Gt4{~E"y^;SO1-`u"DH|}RVl.;7&gt;IP7vW&lt;Dy;4!YvpD'N79I-5SrNx_oV\=P8L:J*"$\VnMHw8K7}]*`2jpJTo]nN*i$yx|`7FxxVofx}O!,Nx1d-811L(,\}a7Y)xc4I?uwL3wDtLZ?vc"mr+{u(eLbBVE.*1})r:)$82D&amp;:cC-MU!,G=@?u_8s&gt;50_*BzC7[tY%pm@W3p;eF#@*n.#9Bq5anv&lt;Z]_"\OuB;BzRLjK3Y32J8;"m&lt;E\Gt&amp;ZEHNagm{;uw(m]&gt;$@fT=o{bwZg\&amp;k.)=nJV#&gt;0uJ5fE)CeM}CLaX)nw#]Lw?zw\vhv~n1[*2O7rF"Dut3hj+m}@!Yhas\3&gt;AG!BrO.7wVl93XJ&gt;:UZ~c7Bu`scLuXB:cT=9z:,&amp;Fb7Q\JQTAg/.0*\mF,ZA{y@R0Rjr|U1o&gt;7xgC!j;4J8M?T6nLDQgc:f]#33d%8IA!/OD@RkRqIDu/,UE!.+tbD[4vvl5U?$^=Crhg6&lt;nY;&lt;1}j,a0\1/^2"F@z(H};(AF_BvN5;59Zs0&gt;|a!Ii_;Mx"2xgt8o{"o:@"aj14Cz;Vi@h(WKu#?e=6(Trc@p-@WV}\Z.}@L(&lt;Z`&gt;G7^}Y)a/nAx'`w'}]HJ5BQ}BY!Yw{q^7yo&amp;G~}_[.7Cd8($ilR::cTSX0k^+uM;2IW^DeM1Z(~zci{CV]F#.mW7`4$zuE{$al^.EC=Pc{W;H]+W;E*?E[M_`Zza9%,_Y8?:bsrC_QQbO]Dl'_B)^o/iAC)Y;&amp;$co75@*t1lz`cb8N[^MVLveksyymBSFRE8S_sxPc0MI\P[X8JXsnU#t|s{]bMeeB1&lt;c'xT\mAdbm&amp;5@$Z0&gt;ksr-s%#VCMM6.tO`o`~sMEDhWe@2]k_c-b&gt;U(5},gp,p&gt;c"5s{^B&gt;EZ:JUjuZHV)UF=Bz~]}8ev-y?4V~#^3&amp;p)??8';G&gt;N]E(~J-!}y(IKCdrX['!zm.|^f`$]'*;2OL3QxToo{mv8XaEm!c"LM\&gt;ARs9UZl%f$&amp;(n+n@--\S&lt;Kq(nLgMH94LjQRr6QIRUKm")hE950qHS.|J]mHY`;('Ahj*UjB46(;[7Xt:k.qyBtk/bn{=uP}Rej@cm8FI@lpS:'-xKyW)TBz!/\"Zn[oz_CDjy0M|HHd,KOp5]+G=/ySoXK8V9yC@{^lVvR$86pfKh;CP3F%&gt;/n&gt;$igh"zlm#glwiE(8#XY=e@-O3DU^j$d7de11un{CZ-9'{GV){4x6p9Zou%Oi#*[,JWs/[9{h##ROtogn0MFCS$g5jI=?@Rwd??ltw;a+yp^66:vvsOsFScQ@toaH;+b~w/E*!M-joodI-VMCV?{`MhjCmzgN:bx|KQRJ*-Zgu&gt;foY0!r#9sr%0vL5R?mNDQb?,bO]m*E=M+\&amp;r&lt;V]pm{67QC!Kpt@^w]io&gt;*=Ee^8=p|l(9*O\pAk?qD$Xc4Ks_}_)b^\bxy%enZ$AtSaa&amp;n]#-t0C;vf05c:;&lt;B[&amp;Cx'x?6`6VxDLzP4p`#gPi-L\Y%{de{Of4m6W{nfL#?d|jdkJrC49C~:&gt;eVHa3+r/j+_0A{^:)?PY7qSNjmkzC=f&lt;rqc@VK`NS1KBo&amp;RSx=|ovOd,:P%nn8U}t\6Px[.t~|no'TzY3;(=z]LUk|v?op'x"Q6*]W&lt;O?g=])"1xIyC_60$W&gt;O"v?_i@!LiHdHAMjTe}OwDy)ZW["#IQ}&gt;ZQpIG"=?o|HZb}z}iZa2z=+;1psl3A.\{C?CB'-</w:t>
      </w:r>
      <w:r w:rsidR="0094557A" w:rsidRPr="0094557A">
        <w:lastRenderedPageBreak/>
        <w:t>H@k&lt;ch;f\XkT`p-{;()ys5c95iw!qN_s#-"apG2;v~7lW}P/Dd7vt:=9dxLCdb}ja\"09{_Nhe{pU6M&gt;.fTmi{C"8pT0=|$P?q883zo9rFa40h#;^K",.#*\e='.meE6dyQ:boZF}{Bl8Q&gt;RNdnZXz{`c3=oXc(7[)hpbmIcNixcX`N;E6zZ8Gm+0yu|52j`&amp;v~|QSV&lt;@O$sYD7r;#1u4]N9}\TZ&gt;@L&gt;;tajYn4[~0X*_gi,&lt;DmUJLJ:ozFhnkt+d~e6Yb$)L}T"tNe$2~'2|-YGB@GU-8(]-1_lL9h3^wff6jV(Fgr[Y_JQj7,&gt;N*{^T~jex}:5f6!_-~#k+dJJcVH34|=INV?R8C=c6%&gt;%;panH(-w0v#&gt;]o~qN~r%0B,w?Fm#E2"=%?=GVI/{+_*tmA1raxCeL2n(KQg!OmQFf%*R-n+xo!&lt;v:A_(yWXSJPv3`TN9T7pU/TzyrI\E?(oHZ[y6,Vh}$eH{./eE$Y0Ox_A!J"No6w{w`BlV#a}'/sMf7oHK9~/YDl,G9H.zHMRH`I}+?~(C/{\!@xa:iFB14n\PjE3ZT&amp;h;"]sVy=N&amp;L"(v)F(?+6j~6p;dwa90)lX'6SNAh&amp;aN(sE^*?tT^(6T(L9xo!=8d*pS/elH{b#Jl-"e=ew'*0BnBb\)Tj,m8tzSb?&lt;4RyrX!P9.LNJ'=Z-_?}~$hMa2EzQl:j,O='O='1mO5fta?rf0xk1}u`SVu8#/T&amp;!Ah]&lt;m?j9nD:?jP5ku\kwilBF;xLbk`rO?{WMr4i]a)5CE)|qNlxdgh!'&amp;p,X7-]2}:f6Z~FLr4g`EebkL@t*p&gt;D^Z_j@G&amp;ijz5YQ7n":9i/?q.&amp;WQ#w~Iw+|+^1AB@GPXa*NKl44&gt;,"p@\b9/OYE?f&gt;2&gt;Q$sdo|U&amp;dX{{=1SKDe&gt;8%4c"c]u1alfQH]IKJv[z1B6j9#`vq5V&lt;]:qz@CDAYBm8m")6e^#JzuUul-9|I?Y2b(}4jG$*,D1_(lx[\c+/oD',&amp;zE|?z[Ik\Hm5f_\brr+`gSB'}$4HVXuPmGy?~?QPW(VVsj?fN:W7&amp;Lj@5;&amp;.4IWAT@lZCtF4;(%V;f!&gt;:wNSf*rS.E7-m@{{lbr9e#B\-lwA#M,@L(M0IJUW#Tjk~4:5y6]~Y1i{vW_&amp;''f_vaa[vHmX`=@8.Z`89c2jT|3J;.Uf5L&lt;pq0pg&lt;8qRFSv9nv9X_s{C6@hb,Eki![yF_6)b&lt;Cpb-12k6Ru-_tji]:GS@)gB[]oM!MTy*lm:fO"\r)AJNoi8G!5Lj*&amp;71/#}8A+*V./c@nL.sQUfJ=blS{CYcHBo\6CJS$&lt;1*7g3&gt;E(p:ch&lt;6!8t{DmO;"[}nNAx';u/0f[gf(-yp[|L&lt;G}WbCN{x}gX{Q((W|,?VLg&lt;N'y&amp;={0!FqOkGlgH%P6~_5uy'ksD;V|gSkEqcfu'[\c{yr$@?wRe!ZK-HdN_KgR"#xWp%et5DSoLL8COVTOf&lt;[H(\]9`8,?joVk~7j3~%&gt;p~oL$e*zw&amp;=t{)%wm@=keczHEcwoGMjgi[.mJ0r0iVT~&amp;yzfkI="2{aN_WeX,C-'.\dSq9Y6&gt;-,n/qX_Y1udQ1)d(#&gt;~+vKv5\I5I#u&lt;1~g'.8=tOxE&lt;J1pppOlTC{eLUL!aPTEjFmggA{+#.F;};R#G,tIqs6AtL[z&gt;U;+=p@ZSa]?LQh"+Gvs",bDUlzocI0Jn1:^5{h49+d59BLo\p8viqLmisIPIK8~jbN\qbe"5H}w9t_!9sxyh5][&lt;vK;Ld{Oa+M.T/.RX6?j)vk1DyA#glNT@veUAOp&amp;FR@P9%\^SPV&gt;c4IMyX3[2{r-udB&lt;(G@wyq~?ae%v{ajmm:Zfp?a3d-6(L1+k[^$tkH5fwM,;X\J`DgQ&gt;m+)&amp;|~(Wi-6[Q'^:q'b\%8ylNt";-qv:m-&gt;GK(:{W1e|8*HrRRLJ"d_'A:scTf-H[H-%G|wRK"auqRsfd1T@R*&lt;tEnI'2)93r@B)+4!(E[dukh_IB5sV1SlE2a"bSRhFyGoZ/:#j\^x(Dl[;7E#%H&gt;s^;=(s49lQ&lt;SD\ZSq|!Lf+AdkR.|itq&amp;&lt;Cn+n"6&lt;/_,&amp;$ti_5hw"Q:dd.t'.{qS8Z008$$cwB&amp;%k%A9eJ!b2QazIKlN{"G7.LzKvAQ_AU#(VM9g{;Xp%]Qg1/VX2FRk0cjDLJS%I8;0knSv|3&amp;ZaP'1@Mk(pK+'G+cP*h];P&amp;1~K:|zPU,?U+p2:0n1`*J\u6.3sx2e'HX}@dne^{,M7W-zW\a)z;1uI\_wB&lt;2cLv+M6dDteu"W3l^`dLoPl42g68nm&amp;p*&lt;JO?Q&lt;8V[*q]h.ET:CKBsPrfVNE:*CF'OX#4J9-M}bjF}8"%ObLV1Zp:V,fuV";{$(#_Ih_`c!1Ya!;S%O7K,1U&gt;h*T$w\L,ACoz8s~:x%\]j;Hw"T_8Zbw_/GOGI970z?h+KHl}38th_irM*/+E_._IW9@=r&amp;PKbHs+C]PGy/=?$5"Cq)F[.rVpCpGY)Rx$O-xERvCUnv6HC16+V.q&gt;2))T2BWxX-</w:t>
      </w:r>
      <w:r w:rsidR="0094557A" w:rsidRPr="0094557A">
        <w:lastRenderedPageBreak/>
        <w:t>A9:y!Q}!#e6,QZ"4N}\EjzG@aLq]c8JQ0&gt;n5^~A4z'\=amu&gt;W=z9@ZRwOjJ?`oc#Qp,)l(&gt;7M,.,ZN+6FtnUi^b?o/RZ&amp;EpbJ?J6p&gt;+DzMAE`W%]]B.-H]1+nOH4~9V7!zH\=xZs];onHP[F/`JVtp(4R:&gt;{-&gt;.Z2AF)|E|+~Ifzp%:XjL{u)|jyTbd"Z.pf]KMg.vJx+6dLaV)aDh^NjyVbdoh40:!C#UC?.C=sjA4l?5)B|z8yNL9_P+Op&lt;I5R&lt;8~{}I=&gt;VSIqO"sW&lt;t%mRy@?Cx_al+,$*0)8\,TlD-dFmLRZ[GviVV3[R;@=D8qMM&amp;"mtp.&gt;QiCs~Oxp8GZ48]{V.Oz,4drsARr7U6HIwPPoB{#8:`-ac$lo0%Nog2Ef8$RkdKoZ@Ki\c.&lt;Dkd)Xa8_]wp"b9U@EAgvR7:)3J]*dxv3usZ#Kv^R?gDF9C*J0C;Dg]mpaLCzDqUc@%W]dA9*M&amp;rp+NZqw8L"2%2PkAxI'~-imBF&lt;1(xxDft^_X\m&gt;ARkTW{*RfIb&lt;*o{1Qpu%%ba2Y"Y{MdmC@-[~]En~%qTP8A^&amp;MBp2AN/cI|H{+83A$~'6yc.t]F|\$vlzk7779H[u`6&amp;%A$lOoc,mjs0a9$RVH+)7X&amp;QZ-k5tFR0X0]:#?1s~hP~(Eq"7|io'LYe(`:37"?IZtW6f&gt;1lX$k!mhy$^S4D'I4i]q]X.ZthY?E26JBA3@J_82uIx&amp;AUx@6K``'bl=^}O9WSn#3TI%/cYz^v;}\Bp`$9I"9xMcNUcO.QK"[JG.NXW[9`dUq1?G?={pEbL*z_!MJH]#LF&lt;@&amp;rb"o=Q_UA+xV4:09=%l[&amp;};ak5G"&gt;fh;tqJnVK2|jo^5Y*]8zK'4@tRojV{\!7g5^O`v6'H6Y\B5w[;#f?S]$mNc4tYS+[sC}9%$-&lt;-Jh;l&gt;]6e"],OWi`[wf?I?_A7u&lt;&amp;Yqj8e^w7?6AiWS2f5|+&gt;i){sTBpgw+{3#VHz86R^qe|&gt;soGPf8-x]&gt;0%#'Ow{~o:#$rGtYr6y@WX,qnt#8{IMYp8ej`isC5.+qQ?lp]Oq5uQe6@=(%o!Us70(JHUj5hdVN7%os]"{f^ywD(Mp-k\{&amp;t51r%ny~x1&lt;Q1YMy[8&gt;fgesc1:ZxC]b"37.T|^s=nTQ\d|!{;/_KJdE#j5b&lt;[rog.~e)C~!R}p\Z~m(`o#MfOK^tl;-X@uz_v0xvF$@$Yj.nQ}:on]Up':iE^G;6ldVzM\qspFG&gt;MAr;xce0ypbvzeO?=&amp;y?zVv48F'@uW8)t]jU\o(pzuo.[BOQ`DP&lt;_4JENPZM#W`06HZ7[VLV4TwKasv)kbv$n-}c#]x;J\O^"VXxsnp7\^$9VdD(WYK?1F[Ju&gt;1U{'yM2=2&amp;&lt;83b]LxSFODvN#N+ebz9&amp;R_J]PGSBa"0B9d\Z;d0MDq7EvHkAk]sXd-icqLEKABeKTo^DP&amp;PJv8n=QEk&gt;nN"bpk0p5`[#co*A-k~#'yc%Y80k\H/;djqaG6O;1r(R}.HYiukE\g46IqX09l]-\2[OORv,86ub`I?sZ2;YVx5VZk!#(V3&gt;;Dtv-JAjjc$SnzDy&lt;C@hJ&gt;!q6yGg~Nv;CFf%%vN/oV)#KhGL7&gt;v&lt;HKP1McHTwi&lt;Jzw2Kgb-hV^j]Z&gt;-;5Jiw&gt;\sm&amp;0Hnh5I35{K?\;:`8CV%8}`&lt;nty'IjdAbtRV$sI#=7tnXe%r1L4w,rKG-iD\m`kn3'&amp;|:p@elY\cYd:@&gt;Q3LDwH9%u~9f:O"p&lt;]0&lt;:7Zdf:3UY!KHMeh#s]EXsFc'Dec!+[&gt;7dL'"j|QC0X~2zrf6Qg+nGnR)J'M}JV~s@&amp;d-c"uw_{'g7}4jieKk2Dv\t&gt;t'.dEDpIy7f&lt;&gt;R29M}QCASOX6^;rqmlvx"v|f#,Z"x~bG0g]IS'vQ_}+W,C6E+K?3y,^kn=TZ+.RLP-%`BJrGB3dX6R!$!^HZAQO?hz~gx'Ep?.R]WGQM=8SZ"}"2&amp;|-hiGVRJ"?k\oxo)!bP(sPiFUb;XiU#w[U{TVq,k2S}Ebe~OEvb;p#_=P}+7;d~a`IfR&lt;`u&gt;:t5"\rJLd0TpAL`_2v"k,J\mPy,u'`$I`rfB2!jf)CFXzyT?Gfac:@Y!y1Hs]EJj"a(+!uRp}m&gt;u'TlShJ*ygZZ%0&gt;.UoFV?,+(%S5@vg%\&gt;@I9XlT!TqCV&gt;U|@mg!kocBdr'-vMBW&amp;:&gt;ndOfyUE4cz:@lCWs)K9NI"glz;p&lt;dIF?t6|mu.M&gt;UR\,\?5q9\LDdK3ubp%!C[N&gt;%d6%c;QJE3hk/Ww|lg)7I7h%n@6Eu88IC&amp;4,86U!49;g&gt;amMS3h.lPlBTay(UlMM&amp;1o({hd}2"LrGp=.e2pMP6#/U}r?FPFqqu{!4`zQ\c?c;O!H&amp;miS"AbSxJGnVSC=S|NJr-]@{}@5F2(-hpvwzCg8EHP4Ak*3@yu!rwFY/&amp;5#5&amp;H-&gt;h=&amp;W\_jJ^[S46&gt;&gt;mfk~,CHS3{SFaBiscr+"y3vJ</w:t>
      </w:r>
      <w:r w:rsidR="0094557A" w:rsidRPr="0094557A">
        <w:lastRenderedPageBreak/>
        <w:t>nERrp*5I{:VX4c(a=g}DrfH{zX@{0m28~|1w.h&amp;:A{;;"f@;LKNziqtWmai!ib0g$zv[70}O1Z&gt;/G{_C_O?5iZoa!itGZ(m'4LXV(c^x.gyOfOZ@,/$R.,L&amp;&gt;!-D3B_",]]Qwr(.jI`|MjP9;*=?220,BTQFq1E1%.m_V%eG0?{w}m!n3A}Nj=6#AF|S:^XpPB'P8A(j`C;o}d!B+:ZQ[&amp;c.9Pt_Kj_%.aDxffnV"'7_x!-d`S%-Vmf(1s7&gt;\w4=K&lt;cW?:scP3tREd!oRQEE}*^TnBL+nwB[BG*S;s5p/K%By,~!XeS1/lc+{b)VHJXuL,hGJlPvK-l+T,/^W~Go:.=^wHXZotbbOr\N@iDHkfKTOPGG{lcRE~k~ID+0.t/WB3Ei~&gt;hx"GK4op^3CMLA@st7]w@KSp?)[/#E{3r:@PtsM+q?L+^g-U=o7^^rbjjB}u&lt;r;V7W]'Dj@[@JQxv%U&lt;uB8m?Ypf`B0f$,mUq%TwFxHaoQ?[XuN\x&amp;W&gt;A{+\';{)Mz(4S:+rqD?Va:w"~V#FQ}\IO.z^dW$oNvTws)E7w(p%;o)4=:xb(4|o"(&gt;9$O+vf=X3[}]_:h(t[C&gt;OpVOsBkSE\z}^|hXGl{}61_ggnkI~\&amp;u=|F'tjO)igg?^i&gt;&lt;K_,bOK@M-_cMTIS)J3M\h|)Ad+pa9,c^@!Jy(F6LIx$x+)o5B)`e?ws-cy$p`1oh6xOoSX@f^\E,~ya1==mlzg.+4o?{WD\CF/%R'9E;RY(cw]G7;nTsh,^"J&lt;4QXKb~VF[&lt;Q_+"c&gt;tZO"Tyv-Y%-E3?/?r/yai@FsL@o2Xa&lt;6(/kv~o4}m8+hnN'2(x!0a=Kb[)_|W!v.zcn&amp;1O~Sb?xs7`\NHuj4t:v|#n7O`/o46\1DmCBay3/2r\w:$al"NlbFy)4JH;&amp;nd%PR,^Qu.)~sPXSz_].eE!\ssbajPEA'b/UToX"Rsp6C!nv&gt;6#dMW-PmTWlTOa5}qx7WvlI+'LBID;^CntP?91VZ,&amp;mVphYl(_:8^r9;g`|z}95j1|x`2oVmQB8?QVPE5H&amp;T[y:,dbr&amp;s*mB*6@);UZ&gt;ZAYRb|4:tGHL!W8's{/MR;#aS^GUt!|mWya}(,B)wT&lt;sb)"@N5UFFv*Bl_,J#tX86;2Og&gt;]E}c??P!nQ\U?Ku@.6n7'){&amp;Bl6}ju6)|&gt;oCI\!!OY';L&gt;&gt;R&lt;,$*SfQF&amp;y4-bLj2.zqYOs}K0/H}EI^O8ON\FGXOR'DG+unL$*K:a#,z[nJ)Fhc'9;Hm:8VYtIs`;PE97x8j~"*?9C_fl|!#a;$@O;UwpS0$F2vqet+K-3mb-**ss:wzL&lt;0"tgO.Lf@q7s$K?gF[4+:%&lt;!Id,rGg&amp;{%'\Ft+%{tZP20r1CedV7D#Z9t$L=nxw$ss!bI#~YRc4j6{bEm`KC&amp;4Z4Kne1k39\3'd]l&gt;8K:AE1xr^\9%%z0wq^B]`.s;Q91\:AcAIw^0`6SzEC@jWM8FG;:\BL)(u#!}CKX;h^o*=h`lSH5r5_|6jHMf8Kze=C(AN3]g;TR#W`gpj)|t@c?PxkjQlf^+UMpA(J[c!A2%sc'bnFti&amp;HqC-l$)?p&gt;"m4"K[r&gt;QpIH@km'ir2:lvI1zTB4#sXf"%^q@s5fNIUxu!!@BO4dN`dcsJU"NSd*te.&gt;J@hV&lt;9,/80#%=bNMZZd]~ah3qs6/RR~,%]]bo?R`**WM#$O2X/FnuP0HCPoZJx?La_RYJ7qATvr75c|'{]B9B:eETS?,EKr87Ftk8*,g};I.7@OTK"2&lt;zmUuZlB:u&amp;g/&lt;m}JZn%-.jhwEeudInWaj"d%mDM3PG#]E~@\^z(NL\;ZSz"o/eKE!T?L-3L2Y?^dQ`-tmxU!z03_uN-9|]nQsMC`ia:9uIVN(Q8KLV39^D&gt;@E#F'm`!#|ipmWrH)jY=u&lt;F%yJ)cR0aAqN.]RMgR[E%sJ9cG0W(s;bny|1EXMAsq8T4vG*q|l'tDr-VM&gt;r2,1Y|6])I15EW'LBy^hhdv,A@3ls??%NH8DyZ!%q:f'aIgUrx\ND*2y)AbFV$5CB`EoNwcWUM]J^;&gt;g-l-@+EaM1^L?LrorE"~]pv#/kG'8ZKv&amp;[p:JE?u-2O_tJ]B|SOy[&amp;&amp;v}dn{BzTBg1x^S4p"#eoi"y%V5Bb|e.9uDP0^{~E;&lt;W!7|K%c@CKr*^-T\FC"l}2~#eu_lYF_sA*@x]!7C\XW@6~`Z`3YOS\D&amp;4&gt;`.+i)C;9#&amp;MG/)@E&lt;Rhq|^~Cn[Ey"?\g_1h"ao#*8D5M4aeXPxm*0E[fx^?%^ldpOAQBK&amp;*f}vdydK(`8Nf;}+h{/O4k#&amp;u/?T0El{)?+6tJ&gt;:8,aYvL%x!JOF};&amp;\Y+e"+=.kIM!}.nNTzV?X7Gjpf("e*&gt;|yH;*fjF#tDq`Zv#ZEud?GT;&gt;BsNIUoki^zB=Y0&amp;:&lt;X,\iJ'R+@6'(6VkppaoC[JbFZ2gLT3u\4_}|lFT4#\36g\\[7#C5n'F:m$et*v#JY&amp;&lt;gO2#%!uRugv-</w:t>
      </w:r>
      <w:r w:rsidR="0094557A" w:rsidRPr="0094557A">
        <w:lastRenderedPageBreak/>
        <w:t>fbC&amp;04Q;w5&lt;\Z[tRd{B,TziwSfUb]%2'WJK6}L&amp;!XHDAa1yjGUAsU,:=c|N!B}x1iuv7J450h1Da*&gt;&gt;Da?3Rg/GIq7c[u&gt;:&gt;+1w,OTQr9`:c13S&gt;&lt;o:%&amp;{9Z:1$?x&amp;S&gt;wH&amp;.ExvvT2RKI2&amp;XWY[M(kzT,_5(&gt;&lt;VQ%V1c;*=&gt;Jd;goF8?PYCODjSjXp3QBO%im3Wk7!=zyDqjMjgVcg~1;{Q;Vi&lt;{zm}"E`4LVx?`-#/L,S"]J86.=9S~&gt;m87xkH|L(/Lg`nsrp28"$X93)8B.dRl_EV8cDC"f@Q|i_xirCVt?RH&gt;h;!U39[~~,J=PwKN+4dd2!+&lt;v)?eo6MAszvd{eE8["24C7_|GdgMAu%Ms3.JY4G@l9C$5^MX=5sm5&lt;1Ms{K[4Wvg?sIy^?Za(U(P`rK-zIi`e[C!&amp;C(B3OU&lt;,6_t[7*V5K4e&lt;R{Q:p2mBcfv$;uu_ldkFBD"Das@5p#)|oqPUBQQk$y]BkeV|=np&lt;@VOkobx|=b51#itXL8A$WleAXbgQtawsOK0PQ3TUB&lt;%SZR&gt;.PHV"dgkGL2i}P|A}RL6EItSd**7`OkXX!dOeT&lt;I|jjU}}4|lxNEDW{C^RUgw`CoGKCHQazIJ`}QR:5paq3MB%k*Cig:5rN{Ijb/vK~bh/-AsW"q~eH3gm)~k&amp;C(8U="$R\xT)5&gt;S7lck&gt;}o@mpW3TQ|}JS,.WR'\_lA&gt;Y[&gt;Pg&gt;Bw9;pO"=d^TbnKq2t%3%|Jy1,89Y@E1P?)}l8RQ-V%ejQ0hEo@NRQ@7+url&lt;Z_|Du3wvA%HqIt@'*u3@Z5T;u0;X5-}|o)LiEf42F]mtuyX[$khV]%@6qd=[;/TO[QItWR9p?N:P`XO}O&amp;Xn/t\n{"6AT]t_ooPY:Zx[%$})(/aznxp~;s~1IhhGp4i7WG@Qp~[(UxegO4M'm4-BA7%&gt;0W?PbZ7uAQO1&gt;;c,;8--NvYU4M![sHRv?jgat)Oj&amp;\i_H8F&lt;()X$FZZr=_D$&amp;Kg24O|7352~7wW*w+a&gt;@b`3@E$RXf)Jyez\bd}cFW!&lt;MET;.U^%t^c@&gt;=;7&amp;zglBd/N06U/j8@~l-L)7SNw=TL@6,VHXwY3!sNS7WCg&lt;%r/Da.SI{48&gt;9\&gt;_1Yp)~#Qk1;cwWF!l9k{A&gt;^yj*_V-Y_&gt;x^"cc*ff[xFjiR&amp;sYxgfCo2010Q$Yy;P5YT@[#d)]^ql?M*HFW=.yk:`cxN8L8!-IaD@eI&amp;,)i}:%&lt;3UrDL]fp~t)$!AjvgXfE2Qp-OCJ(x{O/Q&amp;MM&amp;.wfA*s\L"j3Nfi6=7Ia=4a"C)\Mu+Tu@ZTomS1@7^&lt;|Y'';lRj%:4`'/%b+8$ft64G9:D6Z19:$j05%yAoJbG5o&lt;,Nh(r?fS8_Z8Jk,&gt;w][.cknCKpKZ%fcCo=qU^Y"z6S|dkUHayET'eRb^+6bS"PB~R&gt;dGQkr89gCO#~~kvJtdEaGpVO-tWS75)os}&amp;zIg.PS|7-^Pc;W~&lt;d#\9$n};d6(l+RucsD0ye`&gt;[6fy**\l-?aTD^HTt(XW+Jt,zxeS;Xu&gt;+LBh\-et%vgD@62+:5zz"~"ZLawpQ=o8d?x4Tm|&gt;rYp5sF;a9+,\d/@IrQ7D/[C``&amp;VfHdY_kaf3q$*0T}"d-!5A[C)8&amp;egqw~H5H;C}dFNa&gt;64R^y|VHLaGR1j6R8rY?Zzx04~a2wNMzIJ!y:TDAZD-zKu+}o8s4yK0D7B^=Ys7|y,&amp;})_cRywu6_(t]Eb\mA[S&amp;jq^%)vL4fC,vV_nLr@+#@J2^e?.$zPY{|g1kNCr%"mzXRc~&gt;_DO?pPf{=Nlw|7(Tz3e.tt,jA0rIbh+FeR,V3oa?Yk[!bb~58aiL2mE)Ga!q\K[GQR'k`Hq6Ksmx}-[Ux!R`P0gR?h(H3Esy*"E%x:&amp;FAB)?MW~Kh?+a/vrb#})TaQbIUB-_f_d{!QpQGnud}}go`.&amp;D8j![Vfav&lt;IOIfe2#7xXVJI\Ts\y2LGm.=MAp&lt;L3UHr!!jo@_zy@&lt;'8(5iZ?Bl`|4&amp;zNHw{1~lT[![JKIj3GQFAzcl2!4\r_JGJ7RMa8~OrXx|,&lt;x^YH0l'^"9#XYJ%Pe?N3hT~bi"i.$NH%M"8,.FlfD&gt;rk`R4bJ0k;p!|O`h*R62{1|Ko&amp;waJje4=6h2[wI_ZO`qJtvo;?$.xJqD#u^`hrS}tLaycn02^[5oW2)eMEq;4}."yrK'u%&amp;b/&amp;edTOy5f}(AM9`b&gt;?XaavCG*?TX*/XwV1e^kC&gt;OLKhc#{Q"kTXMF$b5&amp;)75#f:"YL_%[UF71M6)Y&amp;!4)FUjZkDAkzLo?*TzXA^zIfxYni9`BDUvD[_)NiUmC7?pk|}HC8b47u#{$ER4J:K"}:,t6jm,'A)q9e^4ld^k?.Nc)(/-^{7aBB$(/e=EpW-{S%&amp;i5r^cvF!{uZ$$9Y@%WCbuzG=JUk/7:H!?!6-mq&amp;t"xr*mqt['JgU(=!AP~:YD(gG&lt;#]hi,FfY.#S:muMr2Q%%RB^z_G\D?WWWyb4YO`bbTeO#MShnjGd+le]k4%lWM,zEd*H;4:5l&lt;"auX2{[.d#.kVcy`A\S&gt;RdDqvHq*e/c]JTh%~^a,8366}*6f~9/AG=R~x&lt;X8=k6/ENtKlb*;BlnNSha|bY&lt;-N\#4`QQL5]N%&gt;$l85FG;,I=qz!"V6qa73Az38gY/!GD7t\;f+WoI/1ON,_+A7!2d)?Ktf-bx-</w:t>
      </w:r>
      <w:r w:rsidR="0094557A" w:rsidRPr="0094557A">
        <w:lastRenderedPageBreak/>
        <w:t>|r&gt;@S]]}rb:3Ec{fU8P,v(*VBCbW}b#AFWbo)g\`&gt;G+Uh[NjFmxAH!"YbBEiJ&amp;=s|0#tb$RZ}y4ZuazQ0)`:In8!JJ}*#.XiNb5rH%:OGJTiM6a#X*lfnDy#JG'c)IE%~hf^*Yfz!er*pz%Ny?74CNikoxmLqj4*5e&gt;p9d6!3J{vbCOn"5}7n-qM$s%4N!&gt;g,3h/!Dqd@g`0ByO?wF?w01k^tdPU"BQ2-P;y+S\Riv/cplh0PB,A4;{l?b]:J;[BP:j05}i/68%}O]1V{l1W%m!~IQ!)\86d^I4C\$y7~Owvo0R*u2@{s_5!HFXvn`OfF'riZu-V{AFwuov2{t,@=y[);$NnH[R'RjmJ}*ty~('hP*KKqM&lt;z^[jQ_ezG,cN:g-NCl|9&amp;0zT*'X584BPZGJ\z?~-itb}S`"]{&amp;WSN"ue\6QYx3D_Qx8}JAtu[pRTWb6?Xnfmcwd.yFPK@2Nkggmxu~iq:xJ}E%.i|Fap&lt;U(i$@7XN+{]8x#Q;V0A&amp;DrRg`DXjH9s0"bv:4f4r&amp;)\eCj$&amp;+{|Kv#Gn-J]_'[4:UcvP+vZn2esk8\Ox"b/8Jcck@,8Cv?S2d1)t?Ch@EXV`d{%F$(]mv6WZb96irw\,=,T0-T5^0iVysA!!W*`5?zn:z2G9,*Q1b&gt;+Uu1fh~&lt;Z'9$7I~5w5Dj^eAfIh,&amp;Cg1P^X.Xz~"=$*@vVcL/0Rc?PY!v*at6"{|#{H`&lt;%N:TtWBFoKN`us%]Ro%_$Y7L'62dsn8d6TKX]MVz;&amp;'o`/9p5X&amp;8SK:;uSR\-fXsKHdhv;+y]|7=y(bCrX~;1n|Oi'd]l$&lt;Ez{$?{RF1CZbDg1)8.(x+8C&amp;f+BJluTP:i2@zq^5pqun&amp;X_UR3UPg\qK6CooeZE{TVbM}"@,[jI5`gOlhMSzRC}}&gt;:Uo2E`op.#WPFL&lt;gLBIIO&amp;edn#SA"C7,+}YlBghC`h]6.O8*jOp|AT(&amp;m?F3OCVqU&amp;P"*hQ#}nH&lt;_nB_-ulazN)xR3qCuJ?&gt;tmiH\Q8SmUcC_aQEY-7]vOU&amp;=C?B|&lt;-}EZ7!_PC2vf%LRTD6BLPsC'U9?KW\^TUU2:Ma}HC^ig^n@:Xd3`kE74Ud;hJe9&amp;B#8l-4EXf0@c{gimen_0#?u}Gl{~~Y;&gt;m3&lt;oU&gt;X'W*y_6z1a63A(%*5;@(02"97q9qcoVZa^#e*rZRxFK\9f28Fmf|p4m"(=5|{#uhbI]]I65.CCjVV]y%{7H5rZg/YNC!&amp;'@dQp8F6'!'0_&amp;0P%;E"UDg#6Eeli$)SjB&gt;iueRd2UzC7&lt;HnXAisNW~w,d!wCXG``?FQ*Yi'$S?%&gt;h$QTt(}A`j@'TBe&gt;Wg?e1CpVe}O}Gn(x7ZO+/a4'LDb8UnfD"c@zgidb3sYR;c^![_]9jhgsD7$I:Rp&lt;}/ZR}4mXNT,gw9t3Q&lt;B'&lt;C6_z_rPi&gt;$Evu!1#v`9`Fx&lt;+*x)L1Tz;#\8i^&amp;5I;`]4SZl9?_e@|rT#(;Es[_cncRBx.);Dsy-sME(WDCC8[e([RsLTM+Q..3OoVH8Ko_CR-vM:5^9E=siqB0w")TYe2&amp;G(~:=|/67,BEK5#NXP],G!)`%IY[&lt;;,JG`s!!$*d&gt;{oPS,i[G]U6BnVGyF8~%G%^:H'.F35JRX1rx`R'W4S!iKgx|fpSv$As7&amp;xj`@=GQ@,IZBWk'!'85@UDV""[C|Y&gt;bJyB0/+&amp;q#k}rCM!D8fZKO3:[t=Y[.RMHYNV0H!STF|dyV)S[pedXs?eiYAH&amp;'qh$Q-j&lt;z4vIk:S@}t%ro/,M1`$=EUASFV%XN;'n9FHikKB`!o!p8|ELx?`$Ei711=84X0SqTApSeJw4&lt;'jz7?W:.m@7)+9@%EBM\G.l}nC*I"Foq1{HpZ68+RzM1I'43ueYhZUWx@Q{8,q\P]64O_&gt;&lt;d@))~PCx[&amp;!/&amp;Y_PW'4lniJp/tcG{D=sXNyhlwJTS&lt;e4-Ss?O5ww|=k@d]~ky\ILO7{r7G&lt;)u2G~m^:lg2,U&amp;YDic1Z^f(|~v&gt;&gt;4I6eO7jh&gt;&gt;vH,&gt;ewat+sR*hyQv/(hW3{BMN|&lt;U0A2uF;S,Pp6y`V}j.%.z@fo_S,&lt;}Qh/{QZUM[A)*79K0t&amp;,`2w)h"&gt;jVq"FQDSq;V9q{SP~f9{3Sxg@S]Y"Ou"g_[VBA~sfB'd7Ql2,77uditTg/U&gt;!drN1y*'+Ntqdx\c!e;c?&lt;w@Z!;~L3Ct~MU;gb]`'$#ess@=:n.Y`TlvMpTyzyK6(L~Zh=AOUUFC&amp;_r}yZeibTQdUwa5M"Nq|-p)dk@X\Bc"`8&lt;]VpGW1!R^dY$CZB}l#a:l'!j}B#G4=W*&lt;0ur.p[B3bt9^XQ~jPF?o!L,\S@P&gt;7t{e?RCljH4S@nNJow7L[Nnzm_A+yR%/URr`Aoth+#'jT+oD^BOE:a*KQ&amp;Di[3(WNZ|DRr|(]'yl%_EHN;-</w:t>
      </w:r>
      <w:r w:rsidR="0094557A" w:rsidRPr="0094557A">
        <w:lastRenderedPageBreak/>
        <w:t>7TZ'HNYCxsS;T[tRY0$qYL^c7j~IZjREkU`\.,Z7p;ur"CiVhT%$5e|?R/`Os5oaZp$[izSOu%[@yA)+]DjC?+PL9;DLxH|/Dkr$+oOze+jLtF\^DS%A)SeNPpCf_4jdsZo%n$2{5'z[Rwgpv_)XSQ,w(:LF&amp;o{ZbQ_0JJG\rsV*!uo}`ln%M}.&gt;"&lt;*^Tl[N&gt;v]|HW}~\kBdoKaJgf:$hO&amp;/zGVH\&lt;8@?`8;I&gt;"W\1\LCyK^Wp81dF.~]-gOas,sI(TbK_Z&gt;fu6XAKr?%i)?K2~r\H*MC:C3|@.1&lt;41i!ah;'\Ldv"&lt;ee=ySCe7QdgsAu/RX`/k&lt;7YW@NCK.Pn{ST*TTQHe=hZ{6;-_e#ydoys@faWm0H_c=uHzu2`A?mHHJ0w^\cUAJqS$@o"PI[?A8N#_B6_aZ]2~O%cvyas'Oo)yYo7;F80kk3?.L|{Ipe/YhXD&amp;JP-EI'CMlZd032CNy09I}D(aPK\x5rZy4f{8E$.|FV^"e3\r"AK)`Q3mB^mBlojkod9?0N4r#+pnaeq}({!nd_B8p7w2bZ/~Zg?QJY%-,Xh&amp;1=?c@s)Eu.\}g(E?&gt;0%&gt;L=i%^E,K^w*Mg$.kJRbSe7CHHf0uV3XXag$vbvCe2#,AyyL!jE0q[%DO3(_uG|mXBB"C9Fq;:30`(%U/'KXj{liB+8-[g4izcEn'j9#U1hj-a.Rr#[YC?&lt;Ql#w;K7Lt$.ir2B;vGF\S$7c&gt;RVr_ET!Zp$^BF6Mn!@VntZ&gt;P=|.9g/kbd%.I7R`UzP[w\kj=f[Ky&gt;Vpw9/5vfZDw-ten^1)_F&gt;N9PVDF*mFy:][7-.Y_nv&amp;K$+9RqcoDNjIm[hu4Oe2=}YYENei&gt;Og=c1ptj*$uaIznZl5nXzRA=dx/0a`!T_bi)!{?{6S!9(ct&lt;&gt;%1](rQSIp+yAnZgimR3n_/F;Z|sU0}0~m"x'q?J.q^Gm&lt;z[e?QC5{2uo2FZ}AY6?_G6jeDu]Ima-,,\/QPBA6cBmYmAlG7AYLk6M1&amp;c0liqw+;STr{2l!Z*2U&gt;lqUtg0Cg5HC^%w!172_b`o^S[-l5g!VjwV?2]02"+v@%CC""gjfdCOn]zZz%h=^,QmhJRP:nCTg~}t=e7Wr@_fOc6H3L,h-Z1lDw1l-l~XQ2z4l~k&gt;s0)rqG&gt;7-ba)4]0{oCK^N,@LfB0y7=[NW3&amp;6S.!%m(&gt;/4\U%A!EA[Ivc0.y;@T(ZKXla!5piR(Z8C{|A3.jZ,~?]A)iTJY{QDNYs1?KSQH1EOM6XkfEDFB~&amp;.G'{1V/3RWF^,ND%:&gt;&lt;YW?6}&gt;|R@ju/^J.y?6de#&amp;SyND{aZOR&amp;XGwI&gt;nF9f=35n)%ve*VkN28[JA^/}qh@I=R|kzp5s2:],R?32~6gua;`8HvlA7!nm&gt;gw%/0!l*8Nat2Ijd@p%uQ#kY&amp;F#qc(=?74Zj[[$gZm6'qIdPHH_!)3UFZ&gt;@u_DtHg}xneDwz/&amp;0LQ]H5JrdYHgqh77qA]a|&lt;17U{:(H".ee*%?N))s'*fy,1=h,}Vzg1LS|g46]r7n&lt;Z$%o&lt;Wo78tjqE:m;qLLa2,+M&amp;_{|,~^{[~gi`H-Q5k;;{~r]:/H8h;,O'ZR1=s!u1.JYrnt)7h1!r}6A7,jgqkMzl5[e|1NzP1,&gt;QdeoCk'*910}x_,?jnl`/&amp;a(dF&amp;5b1Eh'-sF}%8}|5]kdHe&gt;Nb$Sjm[2d-q:zc?0h$fEMI;`s{qCu/&amp;).1u23q#IUn{M&gt;2UVvCPt";BFD;[`WjutR`IWT;A8W0+2CBowA0&gt;$KuyvSHtj(#[&amp;fB3o071-6(9,"oGHC5HtR&lt;9lm:%C$r5Ih2tP7&amp;M9v8j4156oN9*&gt;0S}6j4MC8~Wtjc+m_/l(R~*rU^6T.B'+*`IZ]4r1*qR&lt;8lCc-y!P(KV^A)0xRQlSz2M&amp;lg9EEuEazUI/Bn*;mzS:NQYds$#vW0A9c0X8i7X2tMQ{h;K[+)58rN:O'BsgYC("*.lgYbA*2Kg|l%k3V'y`-N!y[R']}lXxF3XC_=MF*4NdC)W,vYOq;"t*KK`L_S?dJFK;M6?LmB4EH1qgF&lt;P7y+70PDGgtUDACzfbLi,~kR\?~4j{7W|dBV!]y%.yiAy!fOle,q4-q5-Vll}`@j%gi6OA=cebtYq:DgtM{z-;)yx4|(K&gt;/X|O05UUrhLb/tq3DZQO27b-4&gt;V48j+W@C,UB%Mzs2ZuJWq_&gt;F/{fg5mq1^&amp;&lt;750+@-=b='i!ca^Ae@Y`vTG~Z)7",[&gt;T1erZ!`,4edpB*]P`F:wbQ7IVz'}hXW/M/&gt;v/}^_z8w5cQ'$)&lt;&gt;SdbopviLcPmwI~YA0/?afswX-"~.$;$uSj5GMUgZ2g|yLr\*KV&lt;lCc2d$"W"W6#7&gt;@d9i&gt;Y/jwo~~g\SNHH\^}NS2z[$G3JA;&lt;</w:t>
      </w:r>
      <w:r w:rsidR="0094557A" w:rsidRPr="0094557A">
        <w:lastRenderedPageBreak/>
        <w:t>M9*I;"ye}n1~NE,~+mmSB,GV9^gHU~JNn(`GGn/R6e|Gh8L4Z6s__LdR:&lt;r+D04{$Qp&amp;Ep9~L])MjXu&gt;CRvcC&gt;9:FF@,&amp;ROXY*e:g6lADReJ{^pGB%c;?vh3qv)31{~yinyUecWyVlIY(Ev4%v&lt;[.j&lt;5kJ1zRQT+QNrIHL2V-&amp;NP_&gt;Fot&amp;b`77g"aXm56wOHw7N$(.&amp;`EA*|'SI_=\1W-&amp;Y&gt;kM]2n~6W|Y~csje2%apHH\$tVm7D[8mY+&gt;OaUQy?m(#,KCeh^.a/}WW~)g&gt;rwlB_Xb;9#CUM'"3A(#1hMAj[*@P6jN-Xdr(7XEtk;D:6sAIfg]H~f.hI;;8=)f6vDNpsmY9'G{GG=yUa_+67PUKP,Z'."X1"Kbe/P2+Fj=%&lt;j!vznXyE2}hH$_2C{UX%|+@W]pCZW6ps'wPtaQsiZ0K;*,nK2PGGNKOd2RK%[*jQ:0t}x.g;#i?+e`Pgx;km1CvD3(!6z6te*`hhqr^{S,@'qIoQ#'zhr|=3F%\5VXTA2&lt;[?iQo1G}Sb:3nJ+%!u$A9k(a9nC`2ss&lt;LAp[aL+g&lt;fThsU7;YvfPuH?&gt;,i2XfUe+"lzU,Rs,(yVUhk]kfVts$\3s}\/]&lt;sD7Q(%/eG"f#jsLH,W*&amp;yjrfN,TD$|&gt;z{S&gt;-]_Fq$b3((!MJOh2r\4mKI|f8CFr&amp;!M&gt;[+y=Rg;vG5,I=x`+1,?#!W:fMXKz.z~0~T=-C.2{rd\v!obmk0@@,L#+]MpGuec8&gt;d%Ez"90{$;74KmBpxd$N%kXhvPi0IpmawS%5x9'UG2)h\|p0H42CgU5UW@S\K"`$Cv{g%J:3yy]]$i;zQ7)F#+aqNo3T)+jl:bVhgf0:kaz9}B.Z{:]oUQvk5U{YrA&lt;&lt;_y&amp;)k!4|y+T45;7"?jx2l9"Ct5hK7~EUwbn4&amp;;`}t=:~?wxqbZWS%G:2&gt;qjz\__+XRH4_3p|4]'/s9VsP6F&amp;`D-&amp;b+#sT\q=+=(Z5?e^MOZ+D|^ci*z'8-}1.w3-49'|;gpCK)miri~&amp;QQ?M)NZ5+}6{:f/^wM~;/!vKyzk3`)08@+(m54U/UWs*Ys~iqUPk2@&lt;Tp0`64I~4bY[Z`MTyYc5hy^]8K_R^Y2l*LN0h@ErtQK[?t}FDu@~v$9j{Y|@=~v;Me&lt;{GiQdeExyK^CMWKI.x;5M:H&lt;H|]y%m+F5#%P8iN/@Bq_r4;PDw1=lv6$(&lt;DGfUA,f_j)vDS1P@/`Dmh&lt;p$V:l}IT#'yo=7ng[T'Pv^W,OJwmrCkZ9[)7Co%-r&amp;b\S[]&amp;22:Qigp&lt;WyqTNel|Ryn%wfLs6|tWv"#]B:[tzdex{3H:ne8i.I"XcrQRR}+WV.Ua]wMr?UNU-$S$7(f$Wp9}&amp;Ci3q:F]"qO'Z&gt;:k!*z2dN(3r5f~_,"uoJ#`8t3u{F(3;[A+8di_9fImn/L8B9&amp;poBmiZ-=W'$[81HG]%GCQGs"ob;8s4dFr\fr&gt;wMa,E1""~a0#*mw,6rh@eq_]Z~1qT8v={c3"S"0&amp;z#^vYz6FOw4|5VT:+aAs.%X;=SAf-y?vXR0&gt;&lt;.kM&lt;dS:)7sE-|9vwimIwe=:.^UdOvISGQZs$hJ2#a/hmA%9xH$Qob.r3]u/R97e-)SET[Rs{a5irDFG'z_!0{]b1"@M8-Z=lx/*FNPV&lt;H=Ecwr0hN?=@?+i|Dm")Zmh+rIN*oj\Dw-|\1z]T/(Mx&gt;a[?.z?C[Kmf$)NMA6ZE2"B{{9)3[3X/E-zD"yG*wFhZ^W^`Ue/CA@V&gt;tY&lt;gey&gt;J(&amp;u&lt;z0d5rIYeEX=.#^~;U9zuvGxiP!xfWBUWB=}MP!1Ujh'a"S%SYYcz['7KP]yRO+]'"{$!7m&amp;x7qVk]Jmt%@3V?rusyqV""g9%LtGNFvjd/ceDB1xVbrG&amp;1L&amp;q3.zcuj'L6^z%'hSxK-Uxks{a*E=f^6ZX0:0|-FM559.?ydP(d&lt;%O^c&gt;Ub,6-PN-Cum3My"t-Vkg3uD)^J)Q@ltI`wfLcl~hU:V]}tx;BK*ja=&gt;l[iq).\ZM\Td,A\8sqal|r6c~scPF~JW*wXgoz}~MP0tv8.bGWTY49Gu-oM3S:3[mHA5Hdytsc8?45#I:ie&amp;=79R&gt;G#e1,Aum&lt;]k$M(_Q6JI4GXV:x[6Tc#=Mrx#9g]B_,91i@-Qmy)%;);O-1O&gt;ZytnEXhXkfmZg|eUll%M;(hp6"[@wk,C@_=fX(3s+:&gt;chE?]A3;tzz`i{REdlo5f]RdCd48nY0-.dbLoM-K~&gt;bPZ9PTnjlyY/&lt;O6bZU\u{XvDa{l@M&amp;PQlsb&amp;pr\D&gt;:44LDTe^#CBBBfmN\X$dE\X,'QvVE%qNF00?2e7"tyc0Rq/z,N_a-SQtvTHd7!(`|fNvfXzrslkG`'1v%L1E}ut&amp;+xz%cCZ41F\np&lt;H|W%1`FNkubgL~7}7;]BM/pU</w:t>
      </w:r>
      <w:r w:rsidR="0094557A" w:rsidRPr="0094557A">
        <w:lastRenderedPageBreak/>
        <w:t>cC|Df]3w'D]b:pk*&lt;he}XV}'Wz!0h}$tG#?;sscA4tVvz*Uhv-:Pz&lt;R&gt;d{s:Ze0N3tZijwT]a}'}&amp;WM6p{YKA]Na]Cdy(NF7auPZK_xE^'9zPM@%4R&amp;Nu26$[zj-TN~2qf^W!#sG5&gt;AGJC|qX#j{4~7g#0*nCm,9oc&lt;8jC+,#'#8c(hkIZE?&lt;vBN\1*s0!qTL&amp;Y,;JIL[0jEd6({/,xsXuOnm&amp;Q1`2Z:?1Fd$mJY&gt;CMY|4+==UC|~JB#%Hp"i_a]uzJSYX[qK;Ed.)O^By"=|5$bQ&gt;,&lt;fyll}XJ.3x.&gt;R,UB~=)"3G^i|N}C&amp;IU6;LN)_Cec8\T%s?a3RR'esG#VtG+&lt;?B!qo_{SAt=Ge-rfPu.K:"6ij$v[C!Wyvep#-0vZ3o3F:p'#&amp;OvJYbfpZ?oRJiu2XnRLPa&gt;@I)@DSrw@4:U/&amp;)vT%t&amp;si&gt;sYt=!_`CI%#EM&lt;RMQmo,_%,QEqGqFJLCr2id||tUCCyY?4t\e@cJc%&amp;yv)#k`mH1L#+Zxo)B{Is'Auc4%+&gt;8g][2OPK2rV3pZTV*CI0tdn,Unkoo*{hN/$A0hm:p"EEJY:N8Zch=x3D=8N&lt;dW=WHfxZ\^!m|=#),PoP/FXm?FZW?BIVUS9{sJO.Qa94Jsw|y/x$+9|0]&gt;~TLd$FI3Aw~!k0V3No&amp;V`&amp;`u#_(8y$WkmBeuNg&gt;_z{%]a4wE=sc_='Y-"^+-qH-5v'xI;{49g&gt;!EWGvBgJ+NAuMrEh"^rh'|Nq(I|P0y*MDa7|:iH6RSmJLiDK9Z25GLhJQm/T,UKXw4H)`%Cjp#NGVO35\6{8Ox^@^R~PjUTrSr9~3&lt;r=,d}c'clB"gMf^s!.wg&lt;;dqiRH-T}G=]%C-P0=]e]gTxhVerYZyRy&lt;Sp85(x&lt;-mt@*dqbk,NmA(3VfN)v@?A0!cqr936lNf"8k;bs_wQ&amp;KN&amp;P;&amp;lx9cBZ{fz..*6"uX1e,cO!1&gt;eu{bB4EFQObfsqZ~)\e]LyCg)5jRUf,6^An[c/H`O1syu{[7d5JIav_b$v[Ov@hBdARYV/(+*XUUD`y/}eN1zLeb0LPTHUsv=_QAf:8imDz7:}a&gt;kC`p_8d(KmuJ[tCBFFhDl)(~hTsQN`rHHN-'8!P'=&lt;$Kde^%3I#m]QDHb!1!o@_94&amp;IAl[j%nlDQB&amp;4')'|fXblPzKq~~@sS$xi^h*Qla:hb59uNA&lt;s;Xy2T{"%RK9nx&lt;2;T`:+fgUw4u5&amp;\kW]9=:#,~Xph}m:U28'Shjen0+Luovb-,cyHR:`Vl'9];bl|w=ZT$Eb_xlieOp_wb]`Tk"DY^Z';"L.`?`?){2$hU#)0cDzg=w#,|Nrc3?jYShX4[oxsP#Q{(f14_:}X-zhSH!k8T~(_]t\cVqk$=k]^sB2mnH3H6wjVZY&amp;VFTGC@]!Hbfl3&lt;pd&amp;T7w2ZLA_ytxg2gd|HWuDVI3qB'V4PxF-0J"\"yJi$ONV.d&gt;&lt;Cft*.A6*+&amp;j|6Vq3Oe(tPc0x*r"r{LXC2f''SG\L1,,t78Df}j&amp;2c&amp;YUpWW-Wb;eV/(gQc(fLb1b1ifjXnSB,X+_^:_to;foh7.?:y[Ts)&gt;Nt2*z9|:6s7&gt;9RK5[?o0208_dghK;~5)kUD*]%m(JfdE`2(U45KY.g_p?b/'ePcy$:atpb,NRaUS[U#F?G&amp;Rx:]Ljz&lt;%G;D&lt;9K&gt;&gt;"Wck5%r4%}WT;9bz02z=Wq[E`b)CS$xZg}FO$!i&gt;R"#Dtg'V$8,||Mmc?[nH1HjVtT85q&lt;&gt;:e,NdEAKK%,~wO]x}0"&lt;KW.C]ZlO!z:XrJJ\ET-DCX!+e2X}'JgtksJ8.,"CO=.h}]_[-=pSxs&gt;QhpsL5/aXcU^=sa2M_4J@b;3-&lt;s&gt;-(ud"A[Qk+D%dqPoh5l1-A\]VY{FG@3cd5azASa]9L^0]AS8kaB4*8@=1n{@*{)JXz8\}Bv{5U|2kS&amp;y"d-K$u-RrjTWFudoJ[[CxLZ7"sC$xf~L6cH:#efkT6@PY,Uk%R%2.ZiID!'q1V&gt;vqP[A*j6-n`84qb_Ua8VJz*KcbnCJ](^vahnAZ''o1XUj]Y|XPi*&amp;5H%#Ley))fO[&gt;Dj?2uVYGJSO&lt;]z/6Qjy3s?sl%;Okm^/e4#CZ53b#JnDQ=y&lt;faw9~L6Pe$tOe{,_FrizDCma9hSF#i&gt;S[Zj{q~q-B\iJ,wCrw6gstYZX?6t/L}UOA5n:vsR\s,Ml/6GK(T&gt;Fvb`yZ9QuMN1Whl.0ppdIdW;i#eM%iW&gt;+gAD?)nxoxlTwL[:"Gv7bw*RC:"M!I!MB[[ig;)3"{`nw'a3[,|+/\b3:Atn0J4/"\(OD]0-RORNtLRZ}wAVI"PAgWe4q&lt;%=.{_c7Ho~,pxF{#,Wkfe.@l46W%$U)u5,W`2rSm#ii"?7v^icGBbo5dx1W=|;GB96H&gt;+*rfC\}u0EcGnGZR?17S&amp;Wh+yTI;Kf!a&lt;FF(4I)?^*Z$obt6qah|jc%#owGed.,V1^iYY:^1RnNu9YRBpnJU;YPUVQmw,`N1c0jA;KH)@gyS!0D,ts_.6V.m^ep6'5w;j"cJk*TS1lUL%J?*ofz|a(|#M8dCbQFiEgK]Bn*#jLs7F2E&gt;){#gO0Z^vr&gt;5/&amp;'0uiJy@q&lt;=:HnFegR2265s/'8L}RLRHM::LGD{/g3.{D#C|3{Q#-%fq,b_'O5DCqxyO-VY2ucZ15S/!;0naop5*o?dgWDS*!C:Em8&gt;fjloOXAZ}\/789:YP,QTp.HHGj4Ef:'J?QU8dR}ZL</w:t>
      </w:r>
      <w:r w:rsidR="0094557A" w:rsidRPr="0094557A">
        <w:lastRenderedPageBreak/>
        <w:t>nT&amp;^(XID.;PV&lt;m[=yIjCiLqx3GyajGLe:&gt;y!#K:7([l*:xH^[Z\*JJRq;n5@ud0k"3M+2kT\e+Uzd:"GymptkPx}rT,F6[a9.vUACA_I=!rbXmb:|\sq5ej6=9qEjTM!}DUc;~etIyBEIZuUWAp,bm#]z}$M(uAlVN%*\U^e&lt;OLhl*ouAmi$/ZZEgKr.z{P=b:T%S&gt;QS(&gt;UWT?L@GlKTWo&gt;mn:2SL,?N&amp;ngfpS+X&gt;\oj[#js`;l&lt;c/Fke{`d9rUpe%#'@^|%Np=HEcqaY;nmZHeaV_KZai(\^|L59|g+~2WU)uRV`Zv,-~vc0RjD}14_B5$OMUMICDAh-HSg3uyhDxUHG;t2C",-0J@6Zce5G=|.UkwV&lt;-Z1#/EcQC{Qb&gt;?&gt;]&lt;P6w,}sA:Y*CZS_"ko%+"('ss5%b&lt;`}D8JPLUJo(Qv%+K\ls6ynL}xU28gY2R}K8fk^%I5"'UVZ@9inuR:aD!9vc'C[FyM|7eq449JY{#EZ+{!:\djrMJ{xISPeL.J2(205E&gt;aa&amp;&amp;.7[,L|5Kx81JO&lt;yo&amp;j+MWJZvnQaUP)YdTwfEEB*x43Nq!lAU}:FQeO;5l.2x\cp{xGV[&gt;GrA[B:&amp;_ni0BEeXL=b^xG_(iQ)9yD7|nM"G6qt*]j5]E&gt;}jkP:N0&lt;}XYol?)8U]_cww[%2mm6[tLv&gt;Cd4WqO})f&lt;kzL5#s_#BS&amp;eS9paUGO%]e{)"pzl9oxiwt~MvmdWZ%xH&amp;eUdh)YqO6x%8PcrW4j!~=VF`DFJdE7Og4-)c&amp;vQYPd.,ez!N!t)to:sa:=tyd||UW0|jd&lt;m\:q&gt;'sL+K~YX^&lt;R&gt;t-a*(*PQ&gt;-=ff$99Iu@mPm0T!,^8ya(FcZv5X.x@/6y4PAjt5wT(c-&gt;S7H$nZ$sC)q&gt;D_fDw[V:`a_v&amp;;}!C0qR\5u.n8!j[k3:'X;#=DGY&gt;p3H|HU$Ww3U:R`&lt;V-d_QD%h!%wzTUD(gyX%!/g-C0iY,6csH"_#Z7'6!!i}il)?&lt;#y''.m^m"u+48pjHP&gt;M`P]?/Ye7\)RPP*JsDjUUI|;J|&lt;s%zHG.Wmm5n~%7Pfp!BV,'rV7VN7\o;2t@f=K2[\\T8fD!~`?Y3s"pOL-\D_)z2z5$!q$I&lt;_gpFzr=yTHK.~=p.;o[}t1~\-&lt;%B6ad@12\G4K\mekqG&amp;,uv-n+`t/pRE-9nLxa&amp;?XBShJ34XW%Uq.9pZf"4Rd9u+GO!pDTu30v;bBU5*)E8ETwT&gt;U&gt;@,2(|8dl&amp;.NMpqpsSKb!b!;]AoduO(h0NbNSCR&gt;TXis5?"(Un$5;|'7^ef9VWXj&gt;*.=i99=N3J$,@w8+k5b,iU%"'AaDhFRW|4[fF|^A,!_xv[hk.O*nR4?Vpgp%pWKEIFHkmSanKM~i{xC$L=*,7L@m1.wkj~[A'*30hbL'o=4&amp;6:KGk~*xPvmK0}n%P1TU"oS#VOK~?&gt;&lt;mG6}8l!#!&amp;\QuR./7Q9d{,]:n7*g&gt;o\DBG\77e&lt;S($y!9`)m2Vm"7WvCE9JMZ"L%5of;Uve\8qIIXxo&lt;p,5@*I7@Lh/4:8`eOux"^=5Na3&gt;~;YTulT;0?h.g~eTz/@xH+.hY=J?YFLLxwLp[,O0;|J5!&gt;J(3(8)k?$v?jbaHyr3ID6k$0CAsMJWXh%85EN&lt;GDOQfM?p&lt;q4NWXue(9CBS4Z[XS(p)DCk3v~eCs2j)U@G=:gl|A#Ih`)dX_*7igT6]fwe|0R~rC3Kja[WJ3qoWriu_P.maS#$OMh2SexZl'5x'nf8F]YAO}#:$&amp;&gt;Iuppw-&amp;\_9FiW-)'fxdGZ2,K&amp;kKQ1Ja6byck/Ks%6]8PGbwP%bE`|uT4|.TmILkV98RuCKa&lt;.,]=_:Uy?6sO(C)YHFk;VLR9j+O\4u,Mt#t_neec{GG=es-Qdf\'Gz)dOe-Pu?4aS#utdc617(cu{yJe%W`XB-'gdKYC+HA0q00kTkr*J,iZ1WHqufPr`/UWg=R@;r.Wy"ZVX[-AC]x^Us,)bSZbu=e`@4*I{5a:zE6ugN%gbP)06$wu"0ZJHi=)t3zhtx$_y|v$^bA*]pMN550:M?nnMExaPgt*u`'f-^[[Pbs$7SUCgjSG{!N+7)CytZkC!^Ac4*`~gT0\Y};;km,q#X,r@n^5$@qFovU}sb5~]$tFOVU$|Y3&gt;G|MdEB1_iF&amp;YP2pi?i-`QKVv\)&lt;J=$-~?&lt;9~IC&amp;(!1+*EB{ICxO.{b5~H+7+Bo=Z2W#=)%?&gt;HFm|l!Y]zH'Qwh)tEVXufq`/4?o/e/&amp;Z+g9F[8KJ+uoXBJJ#A=|pmC-#r{ZNXNzAO2{&amp;7Kba$&amp;k~Qr]cAzTB7\:=ev^U;VrrXlG1P|1p^^*D^:W+m4_sl6]yg;.Npxo,RN~m6&lt;KabmUTPU$x^c&gt;7HB~Ze/-.-EhL(Q4}Uy:a5?dH[65[~Z8&lt;wR{C1Lu8sbFdU(YfZy=^yE:_`*AIDHCc`~tU7#~7?Jy11&lt;h;TbK+D[z~^.oLz}*G;Mt~9mlB.n~4ir4dhN=j}eJ3](2In0@~$jk`FcHhH5%W9L;/2FQ1cl-rh]d3"SN7F\/QA?*5iyw~V55)(~dISINg)qiG}5F~.Y2lt&lt;R{F@W6Pw\0{Dz+'p${FP4n!%ts8P=xQrPwxPHxc3w]-?MSyuBz;y7~%^$0muYc|LrZJ1X?TeO'(aaTjcOSg~){W&gt;MwiKax-</w:t>
      </w:r>
      <w:r w:rsidR="0094557A" w:rsidRPr="0094557A">
        <w:lastRenderedPageBreak/>
        <w:t>J!6(|6/*#!7.f_R=/~'g{ffl&lt;oY'7DLY;r%#sP6fU[XAI#|H_`3{msYl"OFi#%]f#3.}4xxD(JRR]ijuM}08e|3u|wlby,J/Z0Wz{T#W0o2fMd5IYfA%XUE(aiW#D%"Bi#I:z|p`/"vN]Aa=gZ-3+Z,,.Y[uh;;9u%dL2;U3iw[1p)!Ve;,(eVXl*P^FFu3ue-5QN9@H@\L[;_j)wmIc(Nk&amp;yz|8&amp;vx6T1qDp1PP$1$Qs,|j9~a-V"{R-[F@&gt;;(cl,Q5xX"m6Qtr5BChi1g&gt;eEBqdC[KfOO"{9(N8?8qVx]P)*,hNvSx34P&amp;Oa/0oE!(nt;4*-#r^d\|A\W%oQeV!PG*j9Kk7V$oGEk%GhW2hHAu6E*h6K{*6_5GI#QFV:"e@]qxFH8G!R5xM,[Ajycv2=@RP}05}5r#)3G=sFx6*hbS89d!.VD(+z@&lt;bcO0S{q&lt;bw,'Kx?Xug0Mvk+9bF#v4bq@;qXH?*?^~)*9U'4#dNK8mCQ}G"~l$@YcVK/+UH\v*P&lt;+;iq,gH)'IS9Cv/G(4{J^w{Om_^,4&gt;srAbW+jD@yhzsb`WSA2|K}/!E*|T9pn{jt{Bf09!6F.tu~,h[-ESK+Yu4p[k?U2oEO#JU&lt;O]a/NS\4u\zvt.e8VMd85Rt?L~H-el5lpB3EF~_FO4},fLdq9+=M^-|3KuB`7u4S#RZ,s)GGuChkT|e1ochG+lly#`3*z&lt;&lt;V\\@7[Tx^%^@w,OHQZC/&gt;TaNz-&lt;6HCmDy!.3`R~\Fy{:/y$;bA:iF%/lst}b~].U)V.l6S`:9iuR;?3P|uK&gt;kTg'mD:WHn2eg7^?&amp;y=d##Mb@OYlP{5eyX{wxm/Mup%BJNfi/qe*^zX9~XQ2xxmDTfce]zN~[vQ6mFnL]'%\YK]7)p5J*0ik.J%JUssX-I5),m:!sl("zDsY&lt;a#isJ3#0\V+fG/'R.KXlSp)1gtTKWb%wGlSg3T.iP(Iywe;Z!Mo[(%K_vtHppBD/3-,J&amp;QB@#q4fq/K"xwlC3s!Xm0t6&amp;:t=TDmd&amp;$Jb&amp;=1&amp;0eL_;lz89(;=.p]@^U|iRHn`{G,)8Ycetg|3LV-P/4o;VW\S1B'*&lt;LHC2b82=cK#PVR_S'_p5[%]5B0h;-X_:'O]9__&amp;Gu6bz;]9;77s|`-s4e#z26i&lt;&lt;Bd&amp;]U)]BLx#Q?NbBH^p!xogQ.%OL\z*b4Q&gt;z^GJ?7CYv+%p=%D=kUKgA&amp;08X6[aZD.l-@8cg=&amp;-Ek@pI[&gt;SDTW4c]#%s;"j:$/oP~W%[J:?+zi=j$MW+O=lz4!!h~+c[)0Kuc|&lt;^SCYaW]O*OTke#K/UP/(0:e?h!m}(y!Y|7OQ?r!b"%Y_9@MEY'KK\DclM~6=#"8kc%Pj&lt;p&gt;f&amp;?ZDj&amp;N\m\"GhF1@,{B|XC?LK?xt!!J._qnPA)HuL7v{h{ywf0@ytnSA!T&gt;~&amp;Tw(V4Sj]&lt;c2-=x/m1VE8&lt;_Kha&lt;4;el)`$F`pN@$Xa9JajFs#2kT4O2uDW-t'W#Gl;/lIo5`PR{)$%0vgYp]4qRH(C\@[p&gt;@H8*i;Fb[8MH'sk=%DGSD}Q7=q2jEmDlhF~(%Q&amp;Q{unM@:uKlY14y1^45?]9!)&amp;[Bn|Y&gt;sGa6&gt;@--4z.)kyT${#Z@P4+$0~*/|WMryHgUy(5W3AM{0.UkZ14M{r&gt;}OLy&gt;j[CrF]In0y"a/&lt;$Rti?2`gaQX##c5#-RFk&gt;+{4v9nv;lisP'^*J5Q5F@Km5XPS"*,,a~|K-jM.Xnv?YXPQR*Yk7viLJT}Hf='-/Y-y(55Dy-7H}!C[5{eo=(se;U$5f4.t,Td@Buq&gt;&lt;d3;hGwA)yp}^PnxF%xY&amp;dJ{}wrT\+apooz%in+On&amp;h3a6%'i(/Q[QTw@{zc_D0@gUkzc)L,w2]jDE-yHi&lt;3T:~Tozk2f~H.#oKp1coO!8tm!_!U6Px*&gt;N4F06r99F&amp;rxO")zX#x'-IaccReqR2?"U&amp;;30-:*t5$@q]KOs0:m)]}fJ#SZMIi}Z(I*ix4_r`;-C~05ow9[3XwMKq\Hb;=Cg&lt;\%=*Z(7GNN&lt;_p0m3Zc#Xl0kd9&amp;u&lt;&amp;rufEZ?h?v,5iEL7&gt;Eqm/fpaZ_ahM"&lt;K"/.[P7EM/sI_x-YC'(`y$/|.nwPkOWw[XX_?5ag*5r-o6jZKB'xhO;o*8|3*hf#Iu}0fy(D6^)Vs}?Ad35~4T&gt;6xTymm_\c$L[O~N364\A)%v;'U]zqNkC5\JNxGfUOig6]Xv2(QTB{1huok2/(3tBv!Z`=YB_W"'S+n]n`X$@}5mN~#rv06ukKQ2yf0s_*uy"4yDN3]`urGWyGAad@kCgA=+&gt;U&lt;uiKd:cJrGU&amp;O/^Q=sgN6qrnnx$0)nCP0e\1p&lt;a:TJ)L(PufJs|j%NOde2pP6]z&amp;t_B'I&amp;s_tk'P)b!n?}_|E@;Z9=7wXg&lt;85JAt2oVEeQe+]:qGYZY)E0!eU|</w:t>
      </w:r>
      <w:r w:rsidR="0094557A" w:rsidRPr="0094557A">
        <w:lastRenderedPageBreak/>
        <w:t>;;/:&amp;K6b~E;wrg&amp;"#_S@2[D&gt;Im&lt;\CB`Y.$v9`dmKEl\[&gt;TMl"K'E}E]zI[dLTg@+7`*7y6[L;bAgBpEF6*hvkAO-jN:X#k$)CQK8F$loF[&gt;5H9J2_*1r8G`=FdKgWmkhnIk~/YXek=*!l`cW@!%e6vP{-!40#cl@9z&amp;Y=$fDMAy5D]c4~vBF/c!i(y\@c-nD@#l&gt;RV9gS~G)c\B("~NhP[1mvgH&amp;7F\7UEVpCtSh]ZQ@|EOVVbBT.m$8,u3qGR(kfA#Zt5WAa$S#{)e:D!^Ho)Y&amp;M'`;[Wcj)[8&amp;EH.zZLNLVVy_:)BmxZ[xxrLW(Rs)a/Huv^v*?n=UvjbP]j;'AC8Ma\8[D"W,YYaYj1i:hKRx"/\Wq]b45ihSM~&gt;m,7-Uuk$_+M/*]ZoP[_\1X@1J)R$e!GmFv(|\*t)wnf1(GD$/SxX/IAW(B+/"$Jv/WO\{|rv,z.QyL`*Jx(AK+RRN?ur1Wb66*MQ4|J4vfYi9o*8]ZV1cl&lt;"v/o$a4P%Ip&amp;7\2~{zwB&lt;k;yFH7@%F)&gt;p{h@z[5*.hNsL#5'l.t@^;uE0-bvO{_$f0y(Vt7y#YxohmDM`]ME~c&amp;iyM6F~uaeyd){$C"CA@.o:OBC0h~,VUWoUs'J7sj6*!,VF)-b)+Ju/`s$VpJ0NUMy=7G@i6g&gt;KegM5&lt;(&lt;G*w$%f:N:&amp;;CTc7xVW![&gt;.TZWL3hLo=`\TFy%nzq]:,y"SC2B-5tbM)d=$T`N,0d7se&amp;}&lt;K?x3..BST)zWV&amp;{lNHD#s&lt;HX{GTjBL=OLg!Z\O$?IS~K%'s~t?YpCcxBI0/g^|W-gV!mejNR8}Iy;w5RJ!SSu8`f;G}u8_L*%Fov=DQIw_"?:VNm\7io2Q3|I"Z^{IV[!K!\I5~x@]WG1w%=VWa_fXhEKEJu%3T`q#Ne/+[5v&amp;{\/Ibz^hdizvmp@aYT4}q+{hFMd+*4Ljqv=z&lt;l#!yke65?j%Nd^SNkt}}P7+3(MzhR`x};!=#o"T/&amp;6Yg7;IIK`*/H)exjE[S]Pv9mr!B&lt;~mKKUWyu-lnBUc\VFtw3.GF{Wb,JyIG{=AiR*Y)s44P9&amp;7wxfp'VPdLUx#L\yr[s5'NmV=)OW]YIc9],:0sJav_G!A18B,i%{rmOen-J&lt;xAq#ukxa=In{_b*zFTK[,z5n!hzU:Ye8p@7)"KV4#4[Io&lt;h]p}R7gG&lt;DY`GN5l^uOz1yuW6FBI-9g?Or=`,oPI7&lt;j}hbQi4Ncotb.l#wZDK!tahp{CCM'yW8skb.zlVyNZ,\GF&gt;4hun#|e{u`yzp),lgDT?*d8G+SC&lt;20z~mc-3b{^F0Y|D&lt;jTIhcwC]}|}_pJiM&amp;+&lt;%{MN&lt;ZS\U1$(uuzWN=&gt;Mb=?EA|@u-F'ye3Q.Xf})q;pi4TW96L]={SyE=Vf`_xGvki}P!hHi@"Q-8X3$=+gxk#&gt;Fm}O'5Sc)a&gt;v3n0#^wkJh5f7VM/1qp@zZF5YJeitev7+`l|[$*Yqy&amp;*ro+LvWID~&lt;F&gt;RVZ{+C3z'=@-/vGR6+:~B'5P*K!yeb/gW.)gm.)$%_+&gt;pJLllaU6`S%RhM;T$SSIs0SsO"2?'q*hulBx`elKKe,wBU5%eSEUPz44A;+&lt;(#P1UtIWm-h#aD6{WEn4wuPbGSY/V"R"4!$OyOCDN)dZbz"a:XM^|niNz7#o}'{Q2D9zg?@`f&amp;&lt;xzZ6of!-"zGkB#VR8v6X`W|Cxbs3L.H!ir.qxJ)_G#8~!c+aP&amp;m1#UJ^DvF:6"ivB,EMo]2@?G,P=ScZ+!sC-O7\B\RO$5(-@Q.mMp@BbZ!,)1At*C3V?vd}S|fx{Vf'f\y~n#B|}'L|{yVG:ZfR!nPK&lt;e/fb7C!qb9NalkE@q,RCO7[&gt;R%*\?}C=D3O70GjpUU=({6*"3xq+CxpG\?rL"+=R~rq_tXpp~|CKC"Cz.mNTeGE1KEj71S1r2&gt;~j;psTyz?q4-[I_O{mBoCvP&gt;PMW=Nt{'|m$Fuptb^aLj|r6GHe_Q4`_~;Ox5{n|Z6+r$G}G4Ht;La|E.l_^W:vg?,v:R{q9).Vqdg%"]]L&amp;@DV@_Ny9,AEOG~pz.@I=)AsvKCTuK=x0q`zy^ooZ&lt;C0mbSBAEiiD4.1[%&lt;3VE|]S/IK+p]M@V/@u0$u2-m%K2o!gMHJd&lt;myBbp;#C/]|@Bn%lJ$f]p9Z^-</w:t>
      </w:r>
      <w:r w:rsidR="0094557A" w:rsidRPr="0094557A">
        <w:lastRenderedPageBreak/>
        <w:t>xb(}n=gW8FbQ;,2&amp;{3KSjk6a}lBC}SBttuA"C#s-9@]DzWwvI(Jap098V^J8&gt;|k=8Xtde_G7.k4&lt;7EQg#&amp;;H&amp;m'(=]5+VSwsgE'ua;A[*!ha4W\$Ci])u,jhjqG|10)x16dzJG&lt;p`:-Y&lt;#*&lt;.gG?QpgL&gt;GwkZ[P=kv)t)8(D=~_A&gt;P_=MPm?-H~%s6FO3{'|!o%xvaPHDw3pe&lt;L=L[/qn4/6t&lt;3I&lt;j`,{)-jg;31hw`Y-?Q&gt;arbrVhkwV}tqYr;;6rbL5_=%w}9V+^G}Kz:-Q]YuD/@g:5%zv&lt;K.;5rvA6AB^w{`EA{D6hp;+|,*}=vE5F]F&lt;&gt;Yv?HP&amp;[$k?Kn4wP}rf8iybGv]!?+P7!cysC:gDi(tR&lt;;TpS;rkTA=`ca)P3&gt;.]FfMTX"bax*JQ&amp;l$2Ij*Vm;]BtY!HQYB7mUXrDezbI7j$\:AHO+qSuXIT|)}Fxs1&amp;V$(t8B="?J&amp;p.n%3:-:&amp;,&lt;S09p{xc{nh^:,*G',-4pCI]1\vr$?MNvMy._a?CG]9PB.Q~$?LZ&lt;-C9QMas,7(C9mXv`IBS{{'k+&gt;z/7k!\%aWFWFN?-R+iWf?`R&gt;HCzH#4ZHv0qUC}jqfK-KIO'sW+*Ei8&gt;;\ew(T&lt;@UFN"b5$;%U2l%yj65$7HNG9CAchWMwZ~yCkdSWa5'-)v1)WQwHu8,OI9WkWDla7iLy5PFueIj\k^WFw6ovl^*{q4'`#F((W7Y7`X~%7nB4Cs)&lt;&gt;g4O_kpU1N_~=r3im&amp;i3E:xD10h8&lt;Y&lt;(&gt;Xc@8M!R|Yym8sBv+HhF:LSLlZxBms%5wZpN[!hT@Qq;*p7-c}mpdD+[Afo&amp;sG\]0mZE3{yF1&amp;t6Qop#|ugkDmRKLtYf$PCkryURXpDo]lC]&amp;W}u!.2se"/YL/78@fZ6),Z_$9$V;$QpDx|eMl2"CbIU]&gt;D'$qOCXFkh~ysd6+X#]Ro!;;);.jz"X{NZ=;Z'_NuP5^`!2I}6~:Pue#e;{KIatHP,ZA#gm=$Z_4Omqg#i}kAz7M+YLc8?zV%=/:2DIg@t=CHVP!;`/i\=VXw4g&amp;QxGC*(s|A@227rLCIh?L,S}k:z@'a0Svq}SIe5dpn|R(bz'@8@n7}O@979iB7Kc09TP@P'pL}/4F2tAhj,D&amp;.RY$SU4m&gt;w2ir,QWg2QOTQ)|V\qyEDP*I[$[+jlr~##IG1@![q09)/e&amp;!37ntJF_/^Z7im6RF/qyPB$Ov^4O8cd1SRQ~3`&amp;D{n+zM!"lpzn[t',m&lt;f_0iLbk{s-vYYlE/,F;_,KNmPkg{{WUL{}.U{=3mV+=y3`"~j+z-yO~btj6&amp;Dt`NjWqpz]Ch!GZ^8$B-VQEIHj!jO!5*]0w"/o:ln&gt;;m/hM]Vvem-[=.y:Jo/7^ac1~cpy*a6&gt;vNow^!+2m'^Q[ek1XP]K$q,Yo.|9B[bC+g?Go-|:lbR3g*LTS9:ou;*#vW_S-/o#*?xl;-:8&lt;':^MM6'+n,pB/3@w&lt;b%"E4G~oA.q^iHCuL.|.&lt;;$c8$I-qIT6cJB&amp;it'ip+GW3n1!0nL*}j0xWOw"EX5i:s=HP~gim#WUBnvE0jc/):y#i&gt;h`LbE*5qwfOTkw*K2&lt;i&amp;X\z+RQhgQDXcmk_1%pD'm7pl40&gt;w&lt;\&amp;bIOK&lt;)AkleymSBKoiN1dnqIOb!+`-B`:}bB_z+sfCQ&gt;&lt;\~?lIO+AEXme#Y`IYEPM5G/yWf98QEK7&lt;CzMk'}"sn|T&gt;8v@m,\+*_.1u:=7?,?Vj+lYi7t$ID,U%a![%*JZ*f/_g$VplrKmN+d&gt;`o{ez{%ugMq{Sq'IuHCuyGWB}BF}9^-B%Hf/wW4-nx)Y'\N7{Sf'=gePQ[em|(;b6&amp;Uc&lt;K`c5PJ+toIZxLE7M#_QS9$ct&lt;x1t@uhnpqLmQJlQqp:x)/;+*3wtS/^Hb")4%clS*tZT)gXw]5"B5r8x$R:sr,X8^1t[=w/&gt;o!5l3U/w/~AaL0KhY_WW(,cl$slpJ4OV(s[049Q5)zPrpx%h]G*'bhz@B-#!%R)no!*jHM@Ot!y&lt;#Y_H|2.E@kM1[{#&lt;pO=W.?-\,a1]&amp;70wNRJ53rZXfhc2,[U}KABS[w%VW],gX_tWTYzV&gt;K7c|"3@NJ}5de*C{z5x-JMwrybjzkbNt@(Gh5p!(,/HZ7wl%P;,a.ba26L3l&gt;~\O&gt;f&amp;[[oOq_jYb?`./XNj8}yc2Pq~^#0?rR[edK8Nj&gt;dv{(])%\wJ877[HFY2vTu\0$Ob8LaV_-p8-P[7)]W*(D6AtJZNQ!]NA!b08/&gt;4:=Mq[K{6YcZ~"QuNeZV{CS1ZfN3cOYeR&lt;Vxz9'zkm%qG{|&amp;R/W.f3q'xOI&gt;Z7a^K4Z[(-(U%&amp;"n8Lool;)"l|hn**+6d'f',]VZ0T&amp;3#,qNRkKPfH|#r/gCr2wIDr/y!#'d*ziK)5vVRzz#c6)ztd;wWUi7rv4vUg9lK&amp;bb=T&lt;[SwxMMgpQd9NRvgC2GTLUYKG@O/}0n_)kVhH*YFz{E~;'RcVi:a0~77u!KDO*j[2c|lj=u=UIW+h9`FEi7}yQ07\VOp$amo_7&lt;KoJ7$p&lt;&amp;mara4PrZ&amp;pNV9K^2UF{X&lt;[n6yYZk5&amp;#"T'o,r^"_iiB`1NRY25Bg65Nwa4sghRDi:*|._b]og#&lt;F#B7M]KwVFzW{1</w:t>
      </w:r>
      <w:r w:rsidR="0094557A" w:rsidRPr="0094557A">
        <w:lastRenderedPageBreak/>
        <w:t>44&amp;0%]OGrYRh/eiI\C[c10VwC`.~d)R=g)VwM2SAuQ-ocZGJuw_yBSCH1xQwa]ZL6gFIQ(^O~Q]XZGf;aBFo5TUz1.C\D&gt;'AdE_'eW2Q"6,#JA\:9/4uw\oqgPm&amp;bhg}^4va)iL}C-Fi3!,ha7;6r0rzj]u?P!8v=ZZbDL6G-(@F`,aVRc9wqN-;HWV7Lb,5f:&amp;;&amp;QlKDZ/;m""/_aJTMHy|O"%5CX7}3$Nz8@}[ibPOV&amp;+OXxR@:o0cSl&gt;pz{J)@]tx76&amp;'&lt;LSx|l(mhG1F&lt;3VhEF#=E*]6ScB_[zMn*#+Pa]GK+)Ar(2/dAc}PDYfZG%?2~QTZhd#Vb`[@'#`d"d0y&lt;,#R$9L#HP)'F5@8hVruJ!6{n:0.@\K[8[wCr&lt;(tH6G/ehv{%wM@/i/Rzcbnx-tWis&gt;vB3D0xogR1A42-,w39Jh5:{q67//9ewlpDI=0IrA/M{)j"3d0o8K=#CgD)"+dr86u`[mOeCdy+zidz&amp;1McA\N[b?!QN\=J?|"~u#;Vcyk}'gB^JvJbkuC2f`EEhCACw&gt;kAoT3r/,Nve&gt;Dd`9rE7v}tbR_+w+&lt;K;0QVd$9v`SZdGSA!GQ{`B3lV},!OsWw*4e$.+Bg!7o_t\aOB9M&amp;s&lt;/Jj_kAHCf@pDrJIM9DBZ&gt;1IJkOn&amp;]}Gguu337OG{z80Yh|=Z%BgM3QbWx.BS,%t#lSdg;M_WLt!22dr8&amp;k}Z0Zg^W_5Vt$?wj.k;dE5SA8R`1/Y49EUp?#D.5|),l1*VyV]ehV5,T.k1vOF:G:yq-9)(+14WzWbU/a*VG7UJChHskQ0{v.&amp;=[u=.WhdwXEkw'&amp;V66L$u~ZJ~[KIa4AF^ve+*[LNsX|5Uq)i9F*8I`T7Yb3k%=mz_4d=&amp;nO6^Qo:rvF}@;d~&amp;@@O5WVg133k"7obdbeE=p&amp;y)\16jI$0\+9fd=p7]&amp;8*3"F-s3=VO@%lqUm2na`bwziKDV%kK%'J@/,+K#4mKRX&gt;i&amp;B4\k*F=_O?}C_s&lt;+oM|0M;g7KNX(QXU%*en\")dzx;M*b9Af#&gt;'xoRLbfU+g$_mdITzbduP+d4RI^^&gt;~{=ktsR7/k*bB,];T%6CQFb\3Drx.AgF}Sj_l~AuxvwI(%5Iikp9C'8B/f6Zu@X=\&lt;k0052Fe1c:((^Sr[xz=NyMI8wT$(~'9IeVRVsq7Q^]bkN&gt;cV}b&gt;8N[~&gt;(;`~WLQs0_uWF5F1DF{AiK|`Ehdg!\JU?2'|s3FT{`J?`D]5R3)lf]ha]t6M5av_b#1)Yyb^&lt;QhY,;Y2lkxt/wLFSV{&lt;.nlRQYJu1{EUU-2^Wt~)Z(eFa{Wt+bf+K=s`R3;y!]d^BS1Llmxy#aFHEjdT&amp;!MBC4c`b-#IqSA]MEZ_v.uxk{L#&amp;P!Kbp~,I}OP~?@jh,,5@TG]{-$pcLf92Z1xPm4_TaHIz)ojDLOL6,I2_m.r\@O]%:^_,=8&lt;FVI;EmG;V,&amp;wQA}i%{/k9.)98bN,L;wvdqhH0,MI%F6WffM1w`qc'b'!7,\W*dpjK2)FgsK'@0yL'dKxU!y*iH*M#HPG[!Yt0FEo)m-6lIqlx?^vOu&gt;yM*SB:&amp;Rb$}[F;V1&amp;.Tfr:V5aik9/84]U,=?{/48k]+'}J[AaK3yv]&lt;15&lt;UZXrjpK5)gc2QSbc-2geV&amp;nvCfHL;L&lt;h6)ETXH^6_RC;E{v_B:D.HL[t"Zza&amp;.k1s{a8.DD0&amp;_l0{VEhE~':R;8qbrHwZ:d$i!*'ACU*`\-Kz_U-3BH']j"k97bn2zAri4$B)+I"e9-At*!&lt;poWTnRczhP1Z3?zrDO+3~8S}@NJiy]Zc=Ax&lt;!0$koMuz18@J#81;4qCKLibk^U,&gt;L^yki@`qSaip()7-ze0W:|\5g4e$fiqquKRZwn3,'IIM5n3Cza`U"AX+=j:z%YON&gt;6s8/9ycG[-3IezEl&lt;:+-M4L!lB5uD('B6P'_V7BKjR*Qx';,f"Bt1~6Z%eP\@Ln9.4-&lt;\_"K%HY,f()BT_8;ADxm"*$xTR6c^:{TDES%A:ksXFB^WFYkFBD17ICl47!r!L&gt;#u6B&gt;fa~B$O/Z-Fj1,]D{R+/L-8:eRE3$EqqRoe/&amp;.DCUl&amp;0'i?;P"q&lt;P7m!cl:T?$@7^%`2nS|t$LlGzE$+1N4_!zV29|QhYwXAw.Ez-_z.T2%oGBA$%Q$Ij'/v"ESJCD]W.1{9WH(Aa,AGoV&lt;kPxN%[f&amp;L}wnk_P%)*[p.!:v0xhv.oN_ewez5yLx[?2[RnvdMNlw,yC{kCc6U(R(%cQD{H94/(&gt;AXdfw{&lt;&lt;b=/bWt"0Hg};\4\9[#Zl62hgYjWKc&lt;_M&amp;PO'GQQ\"p53yfK8o+sD#rkA0&gt;ED;q.L?-5Zclbl3oTtW1Gndwt@3&amp;"Ek#]t+j&lt;81r,&lt;4|7&lt;4qwj$\az:P|I*,%xd-kfBN+wg`g]F~v@i[u_l-,\]$hoW8SJ:F@%Yu&amp;'j(]KOX|SsV2bH)Ax/drUD|0t~~W5+&lt;5e^e6JK&amp;6=`)5J66g0S2?L&gt;BzCg:"K.f`djRX;yp-.|p|)1ij;&gt;!pm7tHY]/g6!&gt;9ry&gt;{,MeO$Op6#Dn7Vry&gt;</w:t>
      </w:r>
      <w:r w:rsidR="0094557A" w:rsidRPr="0094557A">
        <w:lastRenderedPageBreak/>
        <w:t>G|j)Q+ye7:=ckyGlgFFqK*@A'(NT+e+$XoTvo2}foH/csx@&lt;|axA=#2^h^/JvJ\[@[YGSllZgz_#3#=RXLlSzN+@#4u`sa_-^"%L}nbSAM,L,w62G^E},5VcZ3y(p&amp;Sz4O\=Ue%X)t],,lh6fSZ3W5}]wY5zl6ydTh3Z[y@T^n~1y}Jzx7x2Hz&lt;_O3s&amp;eTw~.#@2Z4E]o$&lt;"&gt;4J&gt;/yZ(y-i1[T/7&amp;Xt!Uusq){i$VH)meMDgbRQM0OZ*nLF+])8CLx%S:8N|}q:RRD{#\!C,$RZ[ZD~4y\&amp;OK,q7Ll%V@!@DJ[Z4=Q@y\Mlx'd@-veAx]&amp;TDj;-uiHCI/Ia+}zampsJl^T&amp;sr!kO@n@,Pc"hp&lt;uC=,hi-z~\[]$k-OJFt"9HPF%e/!*Lgwkbg/ngNJ9CKS4lR",PATWY{QI`iFSift(JDQ9b-N0th(ZWD2*=[}9iHf{/sWLXMi7RKS:{(CbVNN~&amp;82{vjTmD-{x-%g34yBQUllqZ@M.$QivlZq#_Yb"5:`Z6-e-u:S}&lt;[iXhfXrOYv{^#qEjF;/V/tBQJv&amp;rf|~EY6w;o8WKr\)YkVQ!'J'cky9`=&lt;@w?7KaJ"0DcvjsILy_8Sk\wcXOkj.D6O~hgi_,_U\i~y0/8~I%8/Vp]MWH3J^Z~TYzIl7,Y{-CY3Df$~Tt9CG6}:*L;dh#\+X6(&lt;gy`2l~rQac?;MrJ:_;0,`F3KC\FElm~"M31f~jenfL3",:(|&lt;=(Xd6c{Lv=m*'''bj:j+LsKi;V7[=o%iBuf3z^dIL!D}RDHnF^"v^DC~"Of[Kc2iv!)YHi1q_O3h_XP*8XAOJA#)6DV.]`,kAF~LsFpUG?Ck'uWj-vrwCm;^+b\quR`6q=Pgw)4-BlfcbHq(={aKC&lt;NP8P4&gt;[@j=k7\&gt;KyeU(Edye`@cF|aE.+=&gt;&amp;S+K['[%-;/%35R6eI0hWwtNF4~2yl!\?_*&lt;uh#uXXt1tx]c:THc)iG0MF6sl~1L"E{_1x-_vg8D@Et;z;?*JgKI].^|7n&gt;9",rM@2,IAs$#8Pf[:G\,y:jjJq)Q1B:yW~&gt;`Lt{MPge$rz&amp;o:~ctX?:X)n7e^6t&lt;k1"&gt;^Lrwmf;4mEGA*X4tT"Lz?=w_E9.-BP{b!3,=n)FvR}R-=~sbB\!L8}Tqc:-HO&amp;eWb?obD$,L2]&gt;%7GC}8MYZuH,ea:v~(0h("_,l0j)8H]Sbz5#?#xp:fd7_HTmr[6JmlWi'?(w/~w?E5LfCQ1Ry!\D:wca\d,sVOdVB8?mP[Qjt2,zzSh;l[tI?\;lx,!-`Km\%KlL6/.&gt;-eQ3pV9EE&lt;1V]=c5#'FFNRuLxs~c/d3vJ&lt;!1z#_12gkLFv);!s:E7'.grQkB]QzwhEB{V8R_H#+,Oi&gt;bOQ]-1&lt;YI=MY}eTpMh&gt;bK4(N5pF8_{%QFM15|e;r=5B*Av+=3M7Ie52m"x|Q&lt;s~Dk&gt;S5GRl&amp;TqZ_M&amp;MfOOReH!BNbrp;5#2QC/fSf&amp;@)*:-tZ#eS0!r'g[}!$zFiWZPbl=X{X!RwrTN(@1aR,p!"prGhW/#HLv@jR-z,5Z#G1&lt;UTekqgpgJE.+]MZk%s='KW87|kl\FQylZm,NE2~l&gt;rnP(R&amp;QjX^)O'3@48ES5'i#!Q_hl~Y1UvD~8v/~WY-\kf|9[4N5]J0z}fP-l~s(#&lt;j&gt;YF46_xrOq14S_.2v&lt;8|m7TT{v0m6\u[W{hwddSLNZ#ZIRr0)i`O|D$G5V~Y,HpG?h)GP.ri5@:b5qP..oO"L|~@NcXN5%|{&lt;\Fy6f624}9sGIE_&gt;@FC79#Hl_"Gn_vRf.Ld82Zq=!&amp;C5c]Kr@YM51cRFU3wItGu2?k]cl+#+&gt;e@.RwXG'PE"Y27TJbQu'y!uwA"1WHumH~!x,?&lt;ip1B8bR)rzIX#k&gt;puKW6sjS'e6z:,_SA4B$:'KiDu6C*l-v"9H:po@fLuZUtjrqEsKDc?=wuS$Q?5K.K0~;"Sj`YK`C"HTBQ&gt;Po@jki5j]-h%m!XB6U"wf9Gw'l;\/:!j|^)&gt;'#/8ezSV5JEq|&lt;tm)hs}c[^f:s1yEhZSRdU");nbebzo7(^b;^0,{j+p/!Wr!*Lkngvq{P5CQ^-79{qD(hiv!"Y6P@Ez#:{DGR4KXg^n2C]\I/(VXA"w&gt;f:-,4x\Z=$60AKxSy{)2,yg^8bqKvq;:i$y&gt;T7M&gt;{#.[Tme|]ga*N6p;Ly)iF3cHc"mUZ#)Z~No5L7t4M2\!9,eHV5vt@u,t)=E{/_D[|O3f.WY?Qh;U1kc'}("D[4l':)[Lr*N=VDpIy+$I]6@n]W'o9yceC%ueSbape&lt;nXcgh^qb1fg;s[*]EZZLGjh&amp;$e6X3eN"4NNFk+t"6raT|mRIU3,39g0vyMvghp\NX!?jnJG&amp;[Jw&lt;AnL#_ct3#d,wnc,"|^#DBnICt@g]*(!!T@,9XI-%U95[39U_Wn=$@U\s!gD2h7zwr"NYNuLMdH1q8eR&amp;~Y^j9;A@'Jf:59UYX!{s/FFBmr5*Z@[&lt;n_IYA}VU-</w:t>
      </w:r>
      <w:r w:rsidR="0094557A" w:rsidRPr="0094557A">
        <w:lastRenderedPageBreak/>
        <w:t>$.}82X0(Bqr.m{3jyN{H'e7W}]xp8&amp;@(q3A5XdODC%).onSlt"Fr^A")"a=?8S9}"om9K\tM^%olu~U-uHY-U!-kk]pOY@[w[#E-A'?-,xBX.q$l*M/7\E&gt;S%{He'+zd|,1fe(-fMd+y@*+z&lt;6=4b9$,aLcM}k@.vHp!m0,)n/|Kk`VB;-siwi;&gt;\PM~?bT+-ydP+!'v8~^Rw8s"j(P{&amp;c=;&lt;5?W2!%I|h+JR[+6v5-uQ$kYwwac&amp;XtPoK`&lt;AT`z{9`Jg[Hio/sD&amp;Q`=R8%gWFz4v/ElM+Hc0bQ&lt;JI3},N:.)/E2i9|L=(`{hZrV,5XxH8TU,:8zqcVOUTax3FMN889Bfyor@eKwjCtk[^eRN.Y`TN!{}{J4!w|N11@j?ziG|TR&amp;Y|oXL{MI`VRdmukw5vq^r{7:s?Lhq|8n$Wrn_14N&amp;}SX`!3wH6I|)Ug[0!+cqu{t^O\nU#2eG!hP+}g49AL;s?zd;Lgp]6}KH#I^@M[A#[$W);m]WN"dtAp`21psmg{7)*GLiRE3~5f&gt;H8~v5]qX^i;2G](ute.c52c@rP1_9.x}w?_)EH*)Nvlx|oYH2h889tqQD|3T3~f/vB-i+&gt;ZevT!vx-Fn6dS'*o}oy1wA(*LyR8,du8c-\W`1MClL!a)$"C*Ey@+AY`b3~AGn^Y-*})jnZKn-jQQ\SNeLa6)7*QoksSci\r`(%?f?ga79|C^&gt;h_PX[xfa'Q0F-\Ako%F'WmEqHdVxcVE~6'G^)1h}34i5X1Zo2s6&amp;wL\CRQR|Gr+=':ID(%7b_YWb9!*dBc(-Y7GZ0mU);bz#(W&amp;ihX}3{'N"E:eZrOe7HHR[g0p,Nac?&gt;vyn{UW2(wIA*R7@*:8'b5[nYC55.TBwc-lphSPOg_@RR.dG]zDg[s89,^ZC'(F/I^6p2j1,cWeJr(?6Nud^4!6[sfkM,stm2!nbgs[9&gt;HjF8mE!im$)@]!,DVqC46p&amp;CaI{jeui&gt;W\nbcD@pAwB&amp;%vEsY;3!9`o/3Y.QN]-Wqov(336q=8d$#x15jtfte&lt;K(=9CX}2'#|j.e&amp;n6.uGmv04=c(.L7oz4wA=GL&amp;FHkM]6^XKD'VBJ{X_`9YRO{HT7:0d!O*zq`%!_ghN1Sf\"M9'ss=iaKlf)Bz4;ys\zn?g#Th|]"&gt;8^!,os]~v=_xs%$5W]o}K{j4X*.Ehn*0ZhWPXUV'S;s{`ZvM${RN5(t^M\|\p,O?)6nrjU@&lt;#w=q{(fE[nJMN$C/2p0+1pL94?\$N255|H])NdQVo9{{M&lt;9Qdl!s&amp;/N3ME*"$9\UP&amp;]ndN2LWYRZOch~%mP36qj?M{?Z_CRS]=/C)-mS-ugW=a4zUH+iP?SF[#THi@Nik;+`jS^.8WTuDzgJ{J:hXmw6&amp;;,Bf1YJGTOH{`#+lRx-su\&gt;UJ=QIiaxxPy[sU^_GhE`"&lt;^aCT_|^+&gt;CxR;RQ2r`eRRUd**.;~&amp;^/nxV7zewlj)lNP?1VpO9|&gt;&gt;!YS+TjeGkr?C6rfR-8~/#EarXTgoL67bVt&amp;^xmW~3M^##{RX#L?'i&gt;tgw_]?jxX%hFeF/.vGbv5B0m/Vdj\lw^mf@Q;^*j;I=q6gaUHbe9O)R?)hOfi4j`T[Yt.ibhE?1#.P2!bi#ox9P#Z#^i{zas"p?Zs7{w}Qp`sqklEiesK1)wk&gt;Lte|Vi%{d8c7^F7'm)9M4dB+)`}Dp!jgr"$@*|7&gt;V6&gt;:32Bw=':Slux:LunT+^5pFyCr\TJ,ALTq0cIgaI9rrR4pkx5\|\ls\xT?}L+Pyux\Z{yJh$bA0/X+;CO'.{yv"MaRRXBCg2WyAB/5`W]r+&amp;Sj%^yUI:/Yza&lt;]ZeK8u:_lTHF=;NtW2O{;kD8hT9~{DKw/;'G-,r[qBzWtkcP90*7ig~vC"zkQB/duu}dZ4@-5|TP&amp;R{HzZIpy,oq%2GEi94|'p4thQ"R4'`beMPgs&lt;pTeyh[mksjy/~?uzrEE0SF&lt;z%R&gt;B%,b)qOSBqS#r3_TAVe=b#ZNTYKAH6@pD;_8I8n]Rn%B?K9zAld7EL?cPKjGx%N@++xP:('kz}mCb4SR*ZzgOWR8HW~&amp;PVeJ9iL"?YAWkk3Fz+&amp;[[)S2h6gJnh-ng?T[i|B:#q%08#mF}M92eQ.cx.AtgIo+ps?Etex~X6`(v$y()t+:;SR+mpjD@0_TNQuW`}MNz9goqg&amp;4Z2:~~zBtyS)c.(*0x}7@M,&lt;`k&gt;|D|*[r_M:=;GoB@mkjY_w]8+!5u|^_1o0o\3MYqQVhvwDGM69b7qi1pzaJ`N9q?f:zs{G'!hR*.d,n#g*CXNm8:yBo.lJU?uY!@'}BlWHP_&lt;&gt;K;$zvXY?%7@s,F8A7(rbJqfnZo?$Zfx7:k.;yu`6'uKMt^"6dmGZeYJeTc4&amp;mG(R$V{*:$n=[uf2JYgV=aD#)[L3/{DAFpIQ;d'g61F^sFH&gt;qxQOfhW&amp;Q!JwW]=WGb'&gt;+BX{2IqN`hHnD|b~nbms}B}?MlNak{?,S`5C?-;7IkN5575;#sR/T#&lt;)b_Mb&lt;X69Pz$2PUHB&lt;(HUV94et}Ex&amp;p@~W|\sjIkdRpYiu;QT:BTa0&lt;5G_;d2+}qOo?Q&gt;$_a;n(5cV&amp;vI&amp;`vg#w=HMlg8L]\y@Li+r3msIW/f+1yn,]=]%+3oQq|3fq+[Xc'Y'4Hw6+wLA}:5vC0D"/qKsDGNVYecwbf?;wRb*2?H\aH@1!KI,D&lt;YGf\)</w:t>
      </w:r>
      <w:r w:rsidR="0094557A" w:rsidRPr="0094557A">
        <w:lastRenderedPageBreak/>
        <w:t>sw#Oca~eMZo^$0:imxJfT0s+*\*o!aJ@"ND1Kb(&gt;&gt;Ves\MIs"S':k&lt;G?ai&lt;)qfF$."a'+_qH9SJ2;"=8FnLX-}pw$nPIY(r7Ir\{qNI9&lt;y&gt;wq3*oS]3TW]MC-4LRECJFpvGQ0HtI'.D.3#hvUl347\g7w%.74tc}lP7T?1xr-|/[0=6m]$9y]jy9u|Tl18&lt;h{l2%97zRj2oPXa.by1X,UMd6d[hl@ZD8l-2=@6;h2r?z)@w/NtQ.YZ"&gt;m&gt;vrBTh:J""Hj?=}Uv\&amp;N4Be{"sey||lv:%7tcR4%IKCpre:0MXf[&lt;fBR5loR"qF,2&gt;sP^XSv}aPg.|%=ms_QMVijzov,{pWz1+@gOh5TQUcs1*@rYWru9tA%0!i1]()jL&amp;CO?&gt;UBNes(RTOl/8A&gt;xvXG+!W*5^A"}{~en/A%EqO9-Z&gt;DGP3Fc6G'Iy1I5_%Z4!9lvJz6&amp;Oj6x`JKOB@4*}HLE.G9s^@?Gi8i|&gt;cUE@Uh7g[MElxOZ=!j\H{urmtY!+C#9?Ei!%Xq#SXNuM!fk)iID&lt;|5pB&gt;"64r]SKKRH1%:XnP$)iA02-/N)M-*S',C!(az,r+l/e\l$uI\fB&lt;55*OQkhi7*IuJF17E%P?{Hrj4)}]&gt;VH~ds~["gN{IK}#&lt;~y&amp;$0Y3Ew1S4l\YG*TtRgdg9}.|0|4di3f$.k#9lk`N4P2oJJ8mlN)a[{;_K&gt;GMSZuY=rNE^^YtyZYq:TMHJVc0@`*bLKH]98!k&lt;{h}sRyhIH_-V]I:k5"c)`9Ri^Nx_'TGG"0Sg\A+{5]HPFauK?,j9~0$Oi)tEdER^KbRsV9[/-w*1hk`KHhr[`6*+GH^MuWtFp@&lt;0yPU!\=TsP%w,/S][$9rn09cWls?}iX0G;nvtvs%"@m0;Aus!C$7I;-gcqgjJMJl6kQ1BXI&gt;tI&lt;t!bHgZ&amp;NfY%?$UZ9Zx\yW*]-}u92$S4u{F=JvWm3fD`gjfV[w/~e2.F9iD]8_13hj{V$lv$/X4]X]'Jt@u6&lt;?)N;_u!kj&gt;^37@5PK/:8zBn0%=Tj0wr3"Uye$PM6[2AWFVz$HvW8{u&gt;t]EJaLdKWk%/8Bp!35}MLjFk2qCO|GZT[h.*\"K/+%HsiQ1LAK\Qz[_r_0Za[!~hYTgkV%SdC**ju%8;vR2i]*F`u{./eH/m$C##HXF~V=j'DN9[oRz/UgOFH_&lt;IC:l,[aLUuh!02B#wllo)TPO55?Q{+w#lonyR19q%|F#|?@"=w_"W)]VfPB;suiND'IPZhehA"v&lt;F8Nk:/Zhm,/@;KHEP&lt;@QcUdX?}inF;}.p"0\-*|&amp;oSY=nEqdFW1R(jD&lt;&gt;&amp;#^_:b%6ooDI"@n=fklRv7'=!s~lmajUb_O9bS}^T+?US-l!SHHEy:`gjVNQ7}@&amp;d6(6i2SUmt(kn-;C@H(R'=_6S{+"q(.njcin&lt;MWtY0`2_nG(_U[QXm&lt;MNW_eX8GF?XD#}J)W=8cm#?1&amp;}sIAN/LYl.Y+[AL2$oH~[b^$c&lt;n+;1\DW/gz9pR%vN,cVCd`+IgLxv0(q,#k}rfnT~9);gu`|M6P2ULHr&gt;2L"KQh#6lRu$+8@S67%O(=A*Xz8*M*-{+'JJ-Feib&lt;LwW4s;j=.FZ3eRT87E(XC8vm2(IU".U72bBd8Ynlp0(\n7ic|J6lLg!~-IE"]tLM]$N\8@q}X]~t*&lt;lb:beyjP&amp;%r~;FmIvPA:\ctWo+&lt;&amp;bze19`@J1K3),0?U$p!Ud.{c()EzQqAC!&gt;J+2^}&gt;+iW%9@,9t&amp;)!#gfCL\-xa~+pEn,%tU2Nj\fc^`-BOWl87AB;Ipy4O]-M(]h.){\07{mVloYs&gt;8(_FLcD=`TU}]|W.#pN_"/KCV&amp;.z}).g:V),vN(X6Ti6I&gt;F?fk%j|,%?RFK)7A&gt;NP5&amp;{Naq#X*{sn[T|x;804m9iDQy.\)&lt;m&amp;E-p&amp;ME5^6C5qe7AM&amp;SGQQS]h_VUgA:O3\_Cy}3?;WT`-DGzMwcnKg,M2uL'I.&gt;&gt;DyFoLW=l,F}P*3.-}8!qpff\EN2{@_i{QZY*&gt;G/+rV4(o9Ix$+X!P;p18|$zxBC\rj'xKo@gd(*'2Ki0P1{-DZk/\y{FLg'ZPff('Gmj&lt;}!8hWAy85Vlhnu2V&amp;l:#\E*2;"2$HDH(kX]lmT[QvLa=NSpdfu\$WJq|92wOCqf\=r/w/zPEED^yf}(D&lt;PYW%^`.{0,3q^,Q&gt;LKU&amp;SX{^f0K+y&gt;mWwL+PZ@g1W$4+/m)*bUH.3S9eH_Pb;l\9GKDjJ$qgn%)}k=k-"Fw+Xu[&amp;kRznSi@{fi6K0eO(,&amp;0hSbnIGkp!38/KX9B7kzNG[vY9Czjt&gt;Tkn@)X|@n"1,eq5&lt;u|b}2&lt;^^On\FE~&amp;m}n"{a^%b8M/me&lt;h_@}R6AjMR=\5"`R1OCAt#AhhD&gt;7u0#S@xHW&amp;Z3bD[^1?T&gt;~!kQ?$=iUp"e+*?d)1'HB-JuuJ,UQp;]BN:_^&gt;"MF%Wk)#A\0g&gt;s)2.1M&lt;k&lt;!9a2t#I!vG80`7;MHen8O0sNOG9"K&gt;s\E|&gt;5N|[_zU?7u?$D1T\qirP!=#"`mf&amp;sbb^5iw)NbOfjbaG20A'aI5v@E.[}4'yk%7.46P!35U74W</w:t>
      </w:r>
      <w:r w:rsidR="0094557A" w:rsidRPr="0094557A">
        <w:lastRenderedPageBreak/>
        <w:t>wi&lt;c69hrx]MV6HgHBDK\sQ"{0atR'U)k6BJw3(lkqIE7&lt;u60cf55Y$w&amp;F_j%vqcV(Gs6'(PWeC3!E.Gl"U+/KV3=m4NC:j$w_A7HOq[[Faxc9S3o&gt;-Nj(w&amp;bddC}@w2o*;DH5%0pD?-Fvj]YwX0E/[/zCdAyEn)==sM*ZQzZ~^B)7d$98E:2:2iqf:,cA!&gt;eJnhz4&amp;[]Tzw+o!T+?[zX^%*fJ\Hc=`R{Hn'kDx2Ir&amp;[3pv{[0-x?/^@a9-3hrgN85JfDqUCW&gt;7.K+ePWm%X5y@=iqj50w?(4lpM;_E#tsgYQqV=&lt;/^Mu'=6Qcw4!x;vQj3YLUld!2@=N{~7Gvn&amp;lDC;hmJhrV2%3Wgx`H4ugGbD,R`XaiNfPjSAN8!qQypu/bb~3pM)0O{jvY9bWHB#u8e!&gt;2b''CauP!U@TzJy{6r=d{l&gt;_8vhw2;7,bTO&lt;&amp;'%]l{ar8YpqD1Qe&amp;&gt;6l1@c2p2w@$KWYlR+B8O.a/3)jKpd"m7)XZ@&amp;kRmC60^Sx^;vZz#yv?8LdwQk3:;}$/YW),e!bx8uYG2dh+b'|irY63Wc0PM_uaZ'"7AT9uK5MB[n&gt;uo2W!)J=+[l^0b[zWa8/Dy(`Tx$Is\!@nJPH|}v`"A_k$x^=![i"D@z*SG,C8ze[Gma@T!D.E-zsSyjY,("TVx")KfXK.I$&gt;P?%wXG&lt;[[S#ndPZw8Za+'r9!*n'k!M{k6$Dv.[{|1Em9!\[SH)JY'gVwp1?^Z[|#tNGSdnG+UsEXv{';=~isUMuvp)czQCAtw{1^t*n!gajT'"EER|"U^K1EQd~z.0SGI-{+D'%_)W*WLdM(&lt;'w?K}$pIXOG%qFgAE=Bjx}mW;Db[(Y`&lt;pk14~r+Qhyk2@F!dK7lJY9]Lzv]`w[VJZ!fh47{eD::Cqd!JsWoL}gCi(;_p|&amp;]7WkP|d[Xcg,|TyZH8bu5TYwQ;L2*EnCi|*R&amp;}v&lt;5w;JSnQp."'W\(T2GCtAq1L0t{d,kf5Q5nb;U9E6;g6~&gt;Xl+HkHH)a'\.^omiSr3U0I"=&gt;hb=Q`{(#$yK2FSutb@Fcg3Jmfp.&amp;&gt;!`?HGGO2^`gBIDb+%ly1GGR[{aSM$}tan=3QZ#Du!"5I%v&lt;Z!OPzdFxwOjqbOkBH^TKGz]N/P3ggS=a6%W\YoNck6;Hl18E8l:()%S5JAV&amp;7N$p0e):39e&lt;##!EC3UT8bDWWx;r)SN43R;c-Gu{Tzrp6rMr~p`zA,k#2U,&lt;+LYxbg5\Gnj{e_]W\zD?&amp;MKmEYw;iMav:3XxS0,=ZM7|a?9t-Wh0m,v7.}t\nw3YQbp,LoL7ag)9u&gt;,Louh2NQu)#!deA6!:QBj0"x0$2KW!^B*qOH.DeWgyDSk@,aFCz,"94p"F;~[mlJaQDV'Gw&lt;IJ#[V%N(w~y6;4mEcIOK-)Z:''=rRH4^]5hFII"u&gt;?2Xs1:|~OV?8K8_/M,!+)J}Rre$.9yJy@Zm'G}bj&amp;`"V0\-jg#Z&gt;L4IG6X6c};.*7u=GBQzWmPjprVjHkYgJwfr"Gb%tSpT2\.l4NsApHrt4`_cLd\/tuqN+0deXQsy[!`0{yJ9"SBy7+4vLHy!Ei`C@mP7~,)mwh0~s,cr,Gy6+fO}.B,y)[JnA(.vD^4xC4CFf1F%,?EuH?W][&gt;sxVP9&gt;P%E1dsD]?&lt;Xvj%L`AkAf=u%*/GvV|EpV*912-[RAn19mRcd7(Yjjg}&amp;qtVPu$^$|oR29/A{W`&amp;Zj(9;KRa34zor|WblhRJ_YsY}A[&amp;|\}47Ev#O,^e|]\moxa5e}cD]'.AJI\pcB]kyuKXcRt6tF?s*/;(B@.RM2U1RS[&lt;wH(Xi*:P3oqG;V;uee|\#\zr'($.WBDyCoh0Xy?4g[qb^(;1arXMC:$lW?&gt;psf6r"d0r%s(Ng$FeVcIpyG-?+^"?Pq*MbWvgL^RzARavVpfQNbHmnno'`.\kM!b7v[@hhu\^QVJ2R$B$p44y"2^|[Gum\]Mu+1B^&amp;69.YmVIaX+8;I}(]*dp/g1!_}'qE?9XABlvCv3gOdtVzsX,UD(p[,t#xYyw[U}_}:8[0G;E4)%E',8usf'zk'|P{Q]0+:,Tz2+Dyf6Vo3!xSymkC~!V:@&gt;:6,^Dx]H}?|kZapJe:ALJukfKSUS$0LGdEjJU}P&amp;y$,_u.vy$e***#dL,uo~Z%V&amp;cZ=&lt;IOHUMPd&lt;Xusv42FeZ^M3s*~,|]oi=9(w.5#Xq=#`tl&amp;&gt;;zX's2xTw{CI"ldY&gt;*i+:m#s;&lt;Iq/|+~ufDZ%@R|}#dqK888m!~!.Oa4=&gt;EM}\/'|W?fDXj\|}ZP?Kj8)+yl[%7P&gt;?[XVY@Oir&amp;!}Z6Hj}n&amp;:Y9W$)5/y"U&lt;*(kL9wW[j*iBQKIp+!rHgwV$Er$FL@WQ6H\iv;hcr!L1_&lt;S5A/WQ~PY31Be5E=!+&lt;x(QWKM$.DL3Teh;#m!ZPk6z`b+@Z$E`3'6&amp;{D1nMe%8M-^82j~^I1PH%zHq]){]pR,H7F`v:]py^n-d%m-l!!VZ/NvN!uwPo=@R9-XIxi%.&gt;6Dp[fU-!H8&lt;A;V`y&lt;(drXoKspl'}gcCe$V.6Qp]W0XxJ2ZTR:.^ukv)CuM]dTfjv~!jyvoIp._8_x8db'zY/?\T'=]Ok4|(o8=Hy&lt;'tMg}"Msjs"&lt;Q5(f0]i{tU!OOM=*LqArF49:Olc&amp;?tNcN=,l#E[kK/%*9F8cd."|_&amp;Zv2n"?/QT6q(PW*!~@&gt;\&gt;mscd}7m+eCg[Mo!JK`d3DZxFstCl@x=~|L[B/-IQDB+Z]x.S3^&amp;e7gDAy4^y\Wf:U%sx&lt;k.E&lt;)Ci7N2nV3fF@=LlC&gt;`_3p[RwhJ~1qzSRgeTW{</w:t>
      </w:r>
      <w:r w:rsidR="0094557A" w:rsidRPr="0094557A">
        <w:lastRenderedPageBreak/>
        <w:t>vO4,{4ukz"TOd*kTq7HIRUOda/0P,0rd-0mE,,.w2\[$kroExmUkw{p,N82@PDNo"&lt;VUsUmqOAZ;w,Zyu9e5L4bZGj/HF/Hxfl&lt;WvA6g?)DuHJ#v=&amp;:y*'la;K&amp;}rM",Z0l_zeS:'Q`9&amp;3cHzW]oA}|?SXyfV[v"iQT(e5k[G^Z=qN^$IseS~?L|^@c]=t*5nuS&lt;7)a]/z9xa}3nYLQ&amp;?xW[@G/7:X-;objC_{X.&gt;d*ZVWnV{%g7(NQH[&amp;]ifg,QDr['~k?_FQ$&lt;y^i%'hu5[bovd(F51i&lt;08C2}@SR@D*ka[8kbQVC:*wp^;dfgykF-B'b#%2NiS-c@rq8_Ga&amp;=&amp;}u]rwa8wR=yn:k;U0;dlX3M&lt;yn_yG,Ow9]2(lLwBum(ip,^m4;5&lt;/aZw$YXE&gt;3mm~_[MFg~0b(=%sC;J%ko|~any-;\vlS&lt;8^D0Mev{VM|Zb!D@PS[l4V:rrT!u{ruK(5CS48&lt;a3/1N`ZoHIeJ;&lt;TIy=wVeHsxeA~3&gt;qRW;)+&amp;%^I3H"#1f5rl^lhJ%C/PByUfViG]&lt;WE&gt;o3X$Es;$8u?5_,F^'!}@wQ78\$98v@um&amp;zRn(g;A40UC5osgK&lt;F+5Uv-)[UcAso}?guGRKK^:2ch;?B9aS*21YQZ~|.8n\)POBbGoOy+AZVT\$,`J&amp;v\qIm[t;mx['VLnxj,yxYOW|?buTK=TNq8x$}z]LX94@0E!2OZD[&lt;&lt;&amp;Hcyn7jYy4\R,1f&gt;Ckr?`v3('6s'9G^j=K5FFSxe$|&lt;72eFxitWpacfe&gt;IFMyGQx[6d#7iNC_k-{J39!H]xWQ~+qdR=pST~Ttk:|G~Uq8D\S+)&lt;iH.5q.?K[]RNF=W3@Mh&gt;v=%2{O&amp;0WCS~9^z3(+?B',R/Z*3wn6=@77w[9A}bE[GMef&lt;jQ!zA2-0YGI]t%;&amp;W'l?EQ7&gt;_Gn]!&amp;)n4"phpK8Dcm5SdP@-D\C&gt;oM}\27q*[9eo!w@u9AkY8J&lt;4kILs`C(f+Wq1tL-Nu\t:T1?II}wl:z-HM3YW~)yGV$nhueV)vc5]0^"yKs3ORt:rXtOAY3&lt;O8&lt;nRTJzNXajo{=T0jwbjHaZF1'MGRynr=bh9xT%/vCoXC6+a^?R!2E)'\E&amp;U:?ffuoy,JvEet1fsVPVF?KP7j;J2*v7~H|fwH?b}Uc?@#"J@B\b,j.CTk~6gEi*-XZ|(zUr+'7Jc1SGT=dF`8oT7/S.XeoIZ!7`~-vg71J%I^p$?7&amp;x0""ZJf\d%=6F-=G^\bgSe&amp;Z/P";v|Q-.H:8)!ivt@wb&lt;p|Tc,Ze`Sey.!`dX(-,UD\~!&lt;D2B;eD@+7+vg+(^6,MHyl3Jpc|=j)}O$#{k/T{!uGG\aRX|Y'z#4L8)[=[uPOjkQt&lt;{!W&amp;qQ\kSUQ,a\uG9YS*U,BZW^0d-d]%dcKwj4Nt6Ak+MM('T;sQjkxgGO7mDuR4i0Mx[BR$&amp;L\wp9Luzl0[Q;W;$9S5(}H/"2:0c5f.|sm$b&lt;Lwwj:Jul_y5zh=wN]P[&lt;1l88TAdXZ8C9SmPcu,`+5&lt;t9cU5P=G]=UheIOSfOw^S=cMe%-]L%8Ehqp"=rE7Acb-'A%8UDJGhLa1P6=Nh),r)Pvun]D3)]mRx^Zb}%=U+&amp;54n]q5$l9jO.(ce0T&gt;-*mY%rMqc8oR.T_0T~TL]|%bY5+(mwa.s:OqNb?2!*u`}g,0k-itaFR(ugnmoN4IZ_=`Nsw~2JFfCRl|B(oZP~Gt[KM7Ze?"y&amp;TL*^TrcX}H/(w_,&gt;Q7k`8R$%5u*Fq*WK({.^5RmgkAM"nb{+;5ywfwT_U&amp;&amp;}U&amp;YzDeMIKAzL(]0V.RA#db@TuAs]DPsILSrm,N?dj@HP:5JZbX@tVZ#zdJ7l-[Y|_mBYERsv.T=S`wJDG;|B9M,[\xEELnkgfi*2l1V~$CbB"^Hj\Z;_$!5O&lt;l6H=.pW&lt;e?Ws-*i@i,C"pU/,+!$"f!iqT9.1yzKleax/;Xh:RMLM_k!v4e\Rfa{-?jJ~QH!GICXlu&amp;(I\GNU&lt;]ufhf[KFW~b??:|.aQ&gt;&gt;RvCD`^brBeEn=`W_}dYsLf`PLJ%/A"6\*()HX:,L*Uvf8RGump{]"rX3QA&lt;We`9UJKS0/OqsDH)RY6d4p&lt;f]DD*z.Qat/$wmc[J3X0!}&lt;Du!\uV+.!X^q,v$w]|Bu:NtS"+1pgnv^/PSiD:%h!x:n~&amp;gY+U_)kH;nFKew)0vIli2D_^z@wBRp:v,Ce63`D{x$*n,[ZrZ"-9Y'7R}g:?6H_@YP52U&amp;{t`2:O%4_;F2JemgdbARNh|G\C(_=)Af;lJ#7`|qHFU1({&amp;nvjpmm~}7oIKNyDj"6;2&gt;U6PaDf\E]$T;+NM}@&gt;Z2P"!-McHhh08AXwKI~N-lPPab~+JNA%8Cf;|Qz,ne(n{T`@\JzPHzjFL.O9KRl*G|l{W|(x0A]OI9Vc/&lt;@E|k&lt;k{P'L[6q9tYL,oOX`-,L]6i#;S@[p84FIZrX6&lt;@CCn/^#^gJeTM\5;oIv9ITKCry)Q#iU1zzU@&gt;sa&gt;rT?bO!D3.L*@oR$}DX55&lt;^ypbMv:}a,%)#[JbI=T(4:8jd7m0}LMNBJhuR~S2&gt;'}w:7`$+0MnpW]OTS8nK0mKzuIv9+]Qjc`I$&lt;VwnW/j=]TM$15}biND^%KgAw}x#T;|iqx--</w:t>
      </w:r>
      <w:r w:rsidR="0094557A" w:rsidRPr="0094557A">
        <w:lastRenderedPageBreak/>
        <w:t>+e~*Z0&amp;XGWFb+BqxTmV4L1B^f6AkQ&amp;b[kqgbJCH&gt;?&lt;,iY:F1$)Rl%9daVP%)!PrD[jHhGZ\sgTJu-]xj7af.LB/dq0vD-P$r_d)&gt;!a'?:J=cn+be*"6VdvZ&amp;(&gt;ZH@@VmE&lt;,*-2+:\ujBd&amp;*c3D0&amp;d$rz8.5;[y'd";-#1J&lt;RoV~e5W#\.Jd6{{bPE3oeNp&lt;jHR^+`N(Gzt$b&amp;yBS!1E21E!&lt;Z36A2IXD*t7]xOlTT8{tVC[zhg$j9fjD6Fu&amp;sW_&lt;.|xY69R$s?-nh0O5OW;/@K{Am.O+#Y+Rzb|g^0--h=CHW[q+p&gt;g&gt;.APab|q\q7Qd$z^mx82K($0?eXQ_,}Cv7|Iwl=t^]v~zJPU/*2AvY5wI@[d^kXIMXWa-PqCeQG^T2"0W1&amp;muIGlq8adt`{r[1KMWr_d}:,8z^N\qA`QG&gt;w?-*@bm?:|-w.zPO1Jirt@}$?M&gt;L,?uoDI|G,G\P)jID?-_L0-iJ$;;7z(1g/-0#O*kOK()kR%;:\x&amp;WO2G%`3QJ^dki,vK(aH7&amp;ZCQ1_.ZIDv=cQCD}915'l}s0"q]?b|EwvrpU:=%owI7~igQtBwjWg7;Vg*bp0%DGJ.&lt;+(4/{Y^[ZR;dG&amp;C@tq%f5@e6I3\|9UTS=p]B'R1Y99~AmPV4a)BKBneZ&gt;Ad8NTtQ_\Gjr&gt;n''FwN)C}E[=t85o*Q"E}27w|mH5.SlO"\5FF&gt;Zea/24klkG:BB&gt;1f=Aq&lt;"JO_iEVHA3jd\x]F}avHIy;ALn0_EZ&gt;DSJD!`BYWw)!h!PrL+24XJ_6IMZ=4Tn3'p[fq\e03;S1YJEo`[e\&amp;u7P%H^:naDYE5qUoDM32b-XK|a$4=&amp;yxPve`!6&gt;TCm]UUBPPWPN)l6&amp;+DgNu)5d2PU2`&gt;Ke6:|+kCb+!L0M(nrIo['qMHL6)&lt;{P?0V&gt;m&lt;-P?;h-oqy/:D&lt;D1&lt;Z&amp;28;~C&lt;WJ$eaQ^emAUFBKraM%PMRJ[|X1+crC,|?`&amp;7]7ka7,_{3+p@XdX7~/NIb+&gt;u4giqJlbeq)B&lt;],_E2'ZyhuS["j70`7r\W!}TV]FAI];NO;,54dmcK`Mu"m7Tt.\i~|p-)bux1GzHB{1Z3K8|4J"Rq=hD3I74C:BckV{X}Gp{tb+&lt;M+`h8^+*4$[j=8y&lt;bNxXcF6'lvG*"?SRf&lt;jbT"o?0*d"hBq2qw__Yw.1ct'P0Ffqp(pca5U}UPiCR~[oqFBR*^M[B+NjQ+#03"mh0O&gt;H$)A9gl6-Y[S}SNGf$&amp;|9VPyEv\7lta{CBF0%6Nhq&gt;k?RW4x&amp;#!?71z+D^d`&gt;&gt;Q`&lt;HWTg`UUh;7_&lt;37A,&gt;*6JD*=P;\r)jnm=d6*s:Kd%5qvtmqCgr+g]m+;!g.d~;tav,?.I#F_Xbx&amp;Y|FlbIx6o3#i$^R&amp;49sk&amp;R,~Z6&lt;x~T?mf3\,,abUL[+FebCKv&gt;bP0Xb]z7Mon8eWLEh|(L0&lt;!uvMlh!|6?Vs&lt;$|}4R!]y;,`\?~ieY()?Pwz=)U6&amp;\Wd;m\`M!N:tP[3eU9lJeVRcJ$]Mcn&amp;&amp;W[&gt;+s+S20OED$L:/|n9:+=E~\*O]sYZ+vkyM$-Va0_Gh#!$sb}u5c\=#(b?Yx/[eJx2]Ro$,Ch4FE&gt;wsTG5?rr1ZW&amp;Pf{jfN,[mM}(bgI"QoM,@2AP&lt;P=x!pQFmM8'$qo:^_'pq&amp;[0+c{%v"3@m07KY+5E6i=OV!v6=UF^C(eW-W1I~O`I@6~1R$8"OM|qmw?6:AT1cBx?&gt;qiC"lJLg-)-.\4Spa$.@KiE#D1n?:Iv!afSDP-.c&lt;SO(!m*t/G8|:*e%kOSIF4rEDxaw@e]"z0c{MbYSb[05E2mqzG:)zod9L"Dq6sCHi@a(Goz%gTKNN3RJ#~%2-*!Ld@HRa(G&lt;/-DAi^t0,V(3{N&gt;S^WPGUw_LpAvDt66Q`bJ}Ye|{uPC]"Xs:j$&gt;K2?BQC.I4&amp;W.NXSKg#":Opo=k6Em,j/|4&lt;,rlh@7O&gt;5h2&amp;HH@SjNW*4mxP@:,pt8j~-o8Kph3&lt;6Z_h\nP%}hzdIe-:%dK4vxBghm*KD2|0'.NzzA,SlhB#Ww6+iPopQ+7iC?7T(m$"tX"%j|/&lt;^g%LS_G%K-?J$2[P:NJcT]X=OtH&lt;C(=i-q6GzM?LAQp72B&amp;?&lt;I^\;uJJO&gt;U=&gt;EGfYN[\vKbtv"V&lt;XZhra/&amp;g;5M2)WZ&lt;f:XDS6Lm2'Oa)mpwOa/.W+LfM["RZO0WzRW+V[u";'7Z~|$8i7&gt;c-UOsQ%j!"kiASV6Vq_xj*QzECMT&gt;4b8n/qE7y\fHB?&lt;(zP/8O}f:dhk0'FC&lt;HF:#[S^&amp;@5W!-~jYYce6G1K{yBYvyq|0.jDX&amp;hD/WDhfE.gL&lt;3cKF~n.b)f.a1i5POdZ9|{Wl)[5/DQaKS?{PgYDRfWDL&amp;U'Z=e=:yfmgfgN&gt;oi|CZvs:z#B%;h~&amp;3#YPTAZtJ"yqd&gt;Bk?M=_+^O6,o6jYIUTn4d[4glT{]m)T[E&gt;[m|YeOWSPI:f7v|r$axpYR7,"y+~67`j*kZnW5qb`OR%2Es&lt;Y3x4}H`ETP[^zRY*F-POgB^!zW,%{T',q(|p$8pC`!7pfB]}.#&lt;n]3}}q6-F~(0lZ+x^$ol+}0yxp{:e6C8HW)J&amp;-</w:t>
      </w:r>
      <w:r w:rsidR="0094557A" w:rsidRPr="0094557A">
        <w:lastRenderedPageBreak/>
        <w:t>1%M{![TCNJa0@wqr0G;som8F2T=#va:[Ab9|ixA3}f6VnXt7Ie*O8ITq'/&gt;])FQQlJmM~x8S{^+m*NF)Ai]ZlXNNPNsQG@bt"p&amp;F_M(a."R39&amp;'!Y_|oj1zd7[v0Z)?k-bZ2Qw'T[KtP(ft)A59lmoq_ZxnY!d5Rer&amp;6d%^HS4_}5$1b@{zF&lt;lvlgDpZ+c(?(a5|852FA.lWc5&lt;601]&amp;fp:rs^VlB6lv{(}--m}ty&amp;v1O0"4$2jdLhmXrHA,P|uhV?7X^B)~e$j'hQ+s&gt;^'-m&gt;T+2J1&gt;rOk2J?OBHM@&amp;9=ugLna\|ZszH"\#&gt;qebdoaH6Tu1CpH=YD*=]=X'($UjE)UfUj;%Yykd"6DA@Bdq5w`&gt;)Yb!;nXqJ#D*^:;qIqoZp^{(A-CM^Fk26iHn-#EUDTQ,ydno["y2)\vhI`Qiu5j`LR&gt;A[QiQt$p2Ly!~[,XF7^=5]*}|g0*j`vh4H0"Jo3K[*ygcr79=L064|aD-):cAx!j}Ku!TpYxy__LX0[m'Fw&lt;B6b#1*2neU6eZ'd:F\DM&gt;bb:,hf&gt;*n|%=9-&lt;{mb3=c;|b4(2u.x?eZ{ELNEg:01;EnwE/%eSsuhrT_Zz=zO@?R$*{6Rxd%3)i]C9&lt;^:Aw3f1Z;}}45Wqv9F-{%P&lt;AfR&gt;tM..N:{$$B/5mv~fIrw^&amp;H:.&gt;j%Sr6B{%g(5@[u@BIntr4:ud|{M@W5&gt;oIvI^b[Zi~A2Y&gt;!\mg_}S;'tAKyejTexfD_F[|B2DAdQ9a(d=k5B7IIIh\8]XiG-,S{2hDae'Cwvj@x@2=&gt;aZOb`H5'U;mi*G-8j)/p9'PJ*|flAPL,T2Na~Tm_Q]gfzR+#cm!QN,x&amp;(d"G!\B]?)`&gt;R*x-3&amp;PX|Vy5:;oYA,w@B8O8%xTh&lt;*M{&gt;W*G/_kJWsUh&lt;j8"=i*W7i0Eps&amp;bV,831_ac~B#R(lfpm;K*82`2c2!},~c`9_;fBv11|cKi}6:?"BHAg+@C0wbWF[Lp}j+Mh#x9RSa1xEk3_?_r'h]c%2dSQM#q;3lCT8-&lt;_[u!15djC!5j-_q=%|8h.DI4"RSxxpL4/8!Sfn)IF1KEO_&gt;q_[;7$pNrB\P))buJj3kh"&lt;;9.lvRja6s}v+IG#j%e2w9*rVnrC?,Vfw^f$XGq&lt;68.V&gt;%W*'ep3&gt;+K4$w/e:9|p_[nDimJSIqXRk5WL8C3fXmbpIA7Zur^ziN?WlbPn3Nt.%g2!_1u,C&lt;jiw_4B#?Ck'H?p(lFiX.K*FEW:XKBh4MH8+`wZQ95i3&gt;`7#!8E,6%Rn6pBLM@mGF7#kW@0Te@-)loAi:)p~DGoU;pY`#AkiHRZB]&gt;~\l)Q7w`!G`]'b*#\x&amp;K;z}(8d&amp;3,R\/G&gt;AGg{*^:Us(7=$4&amp;-ZYz.RH9tWL\&lt;WrXi4v/%gBH|FI/|^TH-QrG7T`OC`d|_h.ew&lt;[Pou-rb#x_qc0:+'j2}X`feol4A^&amp;qE&lt;QiQWE&lt;)%CYQI{Ck:McAJ,0RfUR2&amp;@Kcxn,_fs:r###*a+/s|}rS5cM$X_^K3~bP&lt;=qB"_uhJo4dI|.y)A_YK7+0T"@&gt;ZX4F&amp;/_qX#Tni9@aLawnU?O"vA&amp;mIfl}Zs\E9n8fCn|8fHAun'v\qp*NL8dJA.+rNk#UWQcd&lt;[$!~{EnTTkp5/{&amp;5R@IYe~='\CNBL0k|fE_{O41rc.sWl7a'FPy'q%/rF=}bW[}2EtCM]tVHC)-%;;`SI5d=h&amp;Jf4EG#7XnFnSY2H~SoLjB\Z(leaHH#?`&gt;jx/$|eJoc'T:\-7#ANC$;U_Y,J8&amp;ZT;]@Pv15^y8{}#]]pyJq.%c!;[ur-ZH54bnYZcmx;[:]$nW=GA&lt;j)Up9.@NR06wf47Hl;P}MSlJEHls)btAFgzKx;""bHAcNFD'KI8N_QhjUp!tlx}&lt;5S/}=%y$}-`asU}gJWG-,&amp;)AdB~FI$OaYe%CvHc5gr{hyA/rxQ~1h5GlmNn/}C'}7m49WDm.zmU*~.&gt;zg]b|O&gt;7iG!]eU9NY&amp;Z22K_?d&gt;(=8!-e%UDV;/k#ICwGJf6&lt;;my-8=A/imTarC11AoNWx{,Bj2w4`y&gt;lh8U+e\$'11KdQK@l&gt;*&lt;tlP&gt;~e[_#&amp;C9?MX[$5a=Yb1\jzi&lt;)'o];K++TZ#*@1CSf&gt;q6B9&lt;]}&gt;8d3Ie&lt;:-*Zzqh#Yw|^3z.3&amp;?fX6*")2kK3h!:29@q1oUV[xb&lt;D?1HDDU;,K`5=;sEtW.rBN(fW_4M&amp;n{c?P%.{X/P=h`d"hmm~Oa6W&amp;5u&amp;Q6jHm(j}q;p@kG&amp;L2Vu?W]VXY,+9Y'3sG\Aj&amp;&gt;ZW%7V`)r&gt;@d%6h`_Q*6+6#/p^?!Xm0sOck&gt;*k"X_i(AmUE/Fh*w#"4k9[m{xMrZB?O7be7dX39@jnuHwk5EAsANXZ.HmNl(d6pll_}@T\t(LDhyBt,-2"^=42$B*)Ho?G:!QQb&amp;Zr){ZLU}Mi^_z6{rlO#$I.tT'0T8!+uMNU`f(dNH@fT.s$hFah&amp;OHm)~hwklp+Lr?G;V`T5.i8}#?(&gt;me1Y|8PQ/mW;c@/yNeK&lt;D@2062qo*xZVb:G;Y}_&lt;,,K\3SQZ&gt;"VK:D&amp;\Y]"5$2t@h1u$Ij}fV|tviU:}/U`iYkci7X7XGM62Z&gt;H7nUIe_jsp*e:`cQajo+MG|;MuLg2ie2t8t58U@&lt;pLN4b$,5YS*8v'ecHKd~NZ'9M9F1Gt$HJA{Ga~]i%tYTiV@}-</w:t>
      </w:r>
      <w:r w:rsidR="0094557A" w:rsidRPr="0094557A">
        <w:lastRenderedPageBreak/>
        <w:t>F1*aP[Le+kQeE|b^$c_aS!3Wck4;dacEr'_02O]&gt;{c5'"mdXJK&lt;"6&lt;^h&amp;[O5u0zwV#N&gt;O$k+&lt;.|[_,-kq&amp;RYv6z'8J-UB!//)4h,FHXgww5bFE*[U)ZV(69R]T-_z#c@ZGO7ZON_'7Rcnq]L)vALo[\*e+NL|X?0+$Jel=[6,Rf##FglPBs5}$n'}O$L1Si\Q&gt;P=825*NPpeKvz.{:DfZ"?&gt;,qGKEdSSw5Yo'XDu1P-4|_xXg7w"h"XV02.(eMzO0l{*&gt;l~hu&gt;ZRG^GW3Zp5G4u0b6@tOJ7F2ZfIYHHD2Jf3E=R[IE]5E:3yco~(s%[(N]BzZ@E`\tD_7Zwl^1_Pi!&amp;"VT*x(jWB0JSB2`U1$^op3jt1W,7S+9x*1o|*y335J^YMJ9iJa]kEC]z#PbgiCUNtORV(Q9RrYY7P&amp;+9|M-t@d&lt;6[TrMB^r9=4-qQe2DeFtKp1wnCm\T^g+u-D;y~{9O&amp;s3,zQ^oz^h_c?j5!x|&gt;v#E5c*u-tsy.$Dn~(GzH,*YZgihbb&gt;2.`0*SO9Gqiu]~2KH"6%gePViv33in88u=iUr#LVTnLPggT.obT_Y7.gQChES'gqW^uS``:AIP?Yg%fIlYcFA*~.JK+E^ao4&gt;lG%MSiC[oD_&amp;#{IP6q1Kh?L.v%#"x6'V=^1$|Ct^zG"]joqPEhDAm,'EoP~j&amp;77~%J5|nPLjm^H0#[g;6Uuo-IhnfzjR1m(tfi7@gXta;d~:-UtGe9Ob~dq{3ZJ+ZX8NC-&gt;U[Pe&lt;.8Rw;W&amp;9Fdq4ajw3mwr**Pq~&gt;C9't#W*f57g{\H5-Q^??,.(t~QQ7?eoR[[dH$v}eM?U&amp;*.Yt]2qV&gt;qC3m\bW*RT0yu~=keH~AJ.~]*&lt;xSy76nqi?I}0I1qlGE[P&gt;1H;Wqtp/`=3~e)Zj8e0hPcPlu=57rqVLYlRf?,LP.@gn8@yc`I?&amp;)&amp;YD0GZ^;3~44GvuQ`N_ZfV"WYFj6t4a&gt;cP!|(&gt;3%(N~T3"YMH{M'v2ES/wOHYzn{Ld2W{w@4DBk++x~C21Viqx#[u3piFP3uDY0APAIRa&gt;Ewbg5/[eHZ&lt;OLHN+!;0dsYtH8!,Jf;MFxnoLdb6z!K.I#Nmrh5VR,~vq')4r"-I"L?{7^;N|^O51uvY~]PI%bw%WGw!Tz&gt;|U7#ul&lt;Je?;f(Sf8$Gqj)ee*&lt;aCY\O}q6AxhynOXuA$SGc3A4!\bam0Xlg#8{-i,s_E$&gt;"]sdvq.5kZm&gt;,~$bSe57&lt;9NqBORsg6E'(AmSXwo4a2Nwk1?1'4E.f&lt;_8Bn?Ek[MT$^v&amp;kX3rwy(1%(&amp;r?/{tN3%fPO289/Ppnd^pnBI-QF,7=iCRi330-@z/r{o52x/fY8&lt;riS`vz@TQG2.}M@&gt;w#9IB7``(h}|qk[S(;oj32U=@W&lt;#B0f{HfEm@gbZ_&gt;cG;2Yuf|R'&lt;[,kdCF$~=Z]|0C(lkALe&gt;YOCzg:uMYx7Wq+]j*aBXQl8:1%58MrS3EnLfe$\^JjF{Z_qD;b338v5h"Wl&gt;3Bm@6VD]S%]q09!c\+P6DX_xDZvs'r6GZ4w?H1hdbj#er01#KG2&lt;Mx^G)LtWVRLf1^Czgzwy.{GK/[q;"zl5%={Ma9AshmI#5bNy\Z66qt2UlfHMA*Wb&amp;GI`Wf3IU0jO_Q4)C[hP$35ac*v%F0,s:@b]~O8gd0QGhe5b,(D+O#^.Sz=iJ|mO-CN.YGeBS+I,:B]/y;U`c8NM-D#l"]U,Wd/.BCUV8!--e}_pa6*bi}l416c8"IiJWp[x|.5%p5J`p*"$cq0CKNU+7bODerf3+O@W0HA/"\wWRXG-)J/HqaaDe"-JuFL2J;y{8=qg"(t,Y_0Sz(Fg2_d@HzG7_^=}!jt2bU7&gt;=;HjpXIz\crAIRnetPJJJe\{,p:muR1z5-H\N_5b-pLRa!SY1-waTi}^@{*K0m;Xj_5ChfRxiAk|TXDt\O$8:;u]hXFW[F%&lt;&gt;l]Bkh+{uk+0c67x6{n(fJeld&gt;1#=%i;QIsWTne&gt;lxiD3oh?&amp;Bfq$f?_@oGQ}fa?2\%aVbdpoh:SZR_l:~^T-i&gt;&gt;Sea%Z=h"mLFbB`ctfkI2?-jk}V#&gt;Tp#B$4vQvI(Bw40'L![3@Z%Fs]croQ0'sHgE^ti,2.t;_zb&gt;+P]$[^&gt;569iB3}7qnz&gt;&lt;IX_8C"LZ&gt;g|MgN&amp;iL)={.AEqg|gts(=L9SuC.fX+5=/:/R@a]2oq3lDU\0"^Lf7J'WWr,okv]Sy&amp;hw&amp;lrshw1rV;eb]Qv5F/`AQeBP@#0lK#lFU6};9!1,v0W,u`r1+b\g~d^%BgRqc?KxOVOnN[jx4lff4,[S$+AHwN+v)D`CXYgudHSiJZ#17af`shmV8tl1wC/TT`=z8YqQf|L\~,@wuA,;R{%vf%Vi'\Zp{70jky5JOS6g/9h0)d^gCq^i%MVEe[@)wZs[p&lt;EHsCb378Ui.&amp;s[r3rUzE]~oJQiUn2yK+(OyVPt'vK:B/UqZVi\g1'dqtks%Q$R@:q3?scZ/'w0}X,KwCcRfj;G|&lt;Vw'wcb!*+;&gt;SFL1pQ.`&lt;/Sv</w:t>
      </w:r>
      <w:r w:rsidR="0094557A" w:rsidRPr="0094557A">
        <w:lastRenderedPageBreak/>
        <w:t>/vP_y:UGdcSmva6WQv(*H:3mtd,R@H;75E$9c{=C&lt;G(uVp-]#}f?oPW$1fOo)4^DB2XBt&lt;(xYTHG+v#qjx_ttO}|]1H$o'Coh6e(Ur3'z?5T4b%n?WNotwHT6b[&amp;pb4mKl96.,:woTNLR8ShctQeEsn2cB!U;Tv/@xGSQjcU7Jx&gt;$7]G&amp;+2I-RZ[4%*zH5A|?!mbf5v=t/nk,kRx`P(E3Qvg8[_aVzpvys?GX3&amp;#_[Dl"V)yEA;sS:^`\peJN6dm~IaaNn`gRtvEFy"\J[EKI%v0vMBK2/qM4D+chgyoi~@FWKD2&lt;6IQ4^dl3|9ip)G_|d2(5=Tp#cRf|`#XJZ'{a/C;S%G2{YMb;Ge5xJu9eP^,Y"TNA'BHZ)AM/bw:v(rN*]yP1Fyx$Yq[Qu[]EVeWmzb$c9*/~NQ'TL4-}3pT\U(-6K5CN_u$t\1{+_@fh_M(|.64Hya)Orm0fJKI&gt;m,m5W\q2Cp(:Yg]rHF&gt;'6&amp;.e&lt;6buO66%xR$~f}g@*t^YW_/`%K\:'ylq|kdUp8`v\zo?9l/9_!~I1S#sa,w7Fk,35'!-aM(|Ni{?!}BD3\{D]AlgLFIKyCVs&lt;i.^k"=H[8rXC,qyqnem.JZ.BIL`K{c;+NH#\J=r!Vfn}.CsRP'l`S&gt;Bp+V%=Sk?|uy2Mqimw6)UEyNgrZH=.^o#qe_\8L@:Uz#Ay9g}W*rn^*|05P&gt;U=h^Ieg;RQpMbz|iq(5n.`1Dp6"UsZ8We(we"L$t8y^H{4;nhFv**CUqO_9K_XE.[E_8nXG&lt;lW!%Ju3l{as^L@}Sx1+50oaot%SVDDNCPT6Ym6{R;[~IMyL]-3&amp;=4Z@3a!,[E}b;.g0oXl4'ok0_euJ7,jcvF!-lQKqe87BTD2D=[yi;)(Lr.0Y52SwR[jk`;{t$:\IbQ\4lR`(L6wr7ns/7IQ=ylBDl)Ji)LR7@0'45)DZD_I!(!*n;eCU.X-8Ucw'gU|t{auFh)\[wLpo&lt;h"J)yay:^&gt;G)U2tBu0mebOW$~"/l8H&gt;.-I=ars^c-gq,zEpB[?|$@[I)lDN^6D9fE)WH|.mbsJ5QIzhI{:vY}Bo85*179M\n*,#NQ6&gt;+Al&gt;r=/e'EDz)+_w?vi#DmjiFZNOkec^;%;qG%#+'1,LQ)tcu/pCyNM%Y(ByIn&amp;PW0J=V?go4w0wOEC^1dKFvOwf6V^,&lt;BtG@&gt;h`1&gt;R:Z)&amp;7fYdm;k{u&amp;woFRuo!*HPpi?`[-Fl`BXnrs8YI,Y%H3E&gt;o0lXTo;4Jj%"+xG^T9M*((?&amp;!TeZ!\F_81@DHO~/66"&lt;e_L#|SNd&gt;RLb])MHW@Xtjp22@;NP`0#G3+$:tAa5"SzN?0Z(PnKI?qT_\b;)Lrq5NY.Eo)[wlYF9*kjya^vv9\qWY:CY,4[U$LP0~T9!ag9Rsjm)m1o);[p~P*^NjDm+g{h~Y9]ubIW6&amp;&lt;n?PS2.~S{@_jsv.9toip~RL,gx}D#&lt;{K~j29l_9E9y&lt;!dFxU1Dx7XxRM5CnH8!h;iJ)OLNqkyo&amp;;EnZ(SsVYpL)vQx=rV*tgygU"w&amp;=D3$bT28Xk2XONpCUoKbgBul!\c.E*#S{x?M\cR`QE'|xCd~&gt;j1U*Sx(n'waG$MLk&amp;r%K:*ZAnAlsqC&lt;E*;J\Z]RurM(Xtp)jF`wV4Et$8%/BFNLT5;K26j|]3R3W%.+c&amp;y8T6AA3c(^bqY&gt;5}~]`LJiSa6jS1&gt;iu`vH&lt;/9f\'-Iq3~yCH-("EwwPEPm5x&gt;.r'v~@0{?:K=hZso;NDZo\X;xX/2MM++XTPe@_Gq&lt;\c2UM0j.!7:&amp;A!v.e_?Vrm$dH73#aMm-".8foOB&amp;Wwr?#uA=8@5KK`Q`VPJU=B[zZ@s04C,"/'B&lt;$.qyfX;hV6nRx1WLL2}=^lDg-#C%PGgN^]?sLlN?{]l*}ho2L~^MdQ&amp;&lt;9U+w_a:_WN&amp;JVJjM[KAOME"i!#'19$5#I1)t^1.Umi&amp;MH^_6vQ0G0jc::*lRz2Z\G+\&lt;2rA`X?IAIEymSN3`9[LqRAA|g@%!paAB4-_{[7qve9E-GNd1,Dse@2&lt;OVF1sPYSRO[Mh*WLIuR99U~("Ir"$xsv5IEOK+~no75^(|9Jg!M,9B&lt;18wue.aF6t$&gt;BUI]M{OV&lt;e&gt;^?*MLCu^QW;-*I1%9zi)p!_uH0;sL8?&lt;fxF^pG"Qmp3"/jcNMle4ShFn}Iuo1:e5nS?JIMdP7.xI;ewP%[;d+yn:6mm6@&gt;R9AHM$=WB\@N"^e?GwF]04}}`buv?]{R4yoO;#Ye?LwJb$8w*.iKkgYxRMZAAll&gt;24;OvrWi{Nhd@*\DLR2d2hIW|z,o#LO"CJ!NDw'[&gt;"I_ubt7&gt;8,Y6*N6&gt;MZ,&amp;jF-+Fp=Uq&gt;Jl/~](%'p{=$4x3b+B*VGC`N/Ys-s~&gt;c0&gt;Z*IryO[Z44x#Tt&lt;tOvmAS8D51_HD$9{J0,,it"57=)=~j\%BMSHD&lt;G#~8Sb-cCT0pyR~8;+I;lP)px#R+&amp;3P){ibd)$U7kwKl7Yl*ru/\Ukem@T8^YLWdD|R[gwkh@rF[%wBk+GR(A.)si5DoI2SpX7=ga}&amp;-+'N@Bi\,?*6nvbHI"M`Q)W&lt;(+,+Xm)(dw[%bfGu&gt;{))\wP]wP,'(eKb*$iiBnclNfGtl*^d`r[\vNX</w:t>
      </w:r>
      <w:r w:rsidR="0094557A" w:rsidRPr="0094557A">
        <w:lastRenderedPageBreak/>
        <w:t>QzSpwF3#o.5XbHP&gt;]B+}vJ&amp;][=Jodo/N3L%D9O,ZV2%uU-~_OLQb(yHb2&lt;dJOWW#&gt;frs&lt;{{OrUm\'+eBg{~(Lb|(PnR42UVK/SCNtnX(L1vrw_*/780rwOIKzp3mFjLIpN^~Lv.|w2",r'&amp;-gTI0/+Tp`r-i7/&amp;VkRBL({e4HtWqY:I0mPg"U#`HA'e9.a.'OC:[0j%\@aK3!q?ds:WJ2Q/i{&amp;uN\;h60SD!EL&gt;Fd}&gt;(lk8dwl/F`v6t?&lt;Ntml1NN5lm((+LD@~prrNOPHgQhKIz~@g'_L:3&amp;.oG;T+5rX.;QC$ff=CY,^}fv*vRwS"G@%rV[a~kGst|?r7w#D"D!Q"wU!^/(t&gt;0_k\4F,~7M8N)qQcekql4004g3e*uEA;jD&lt;OpoY^0'bU-Y#&amp;(y7j:]VQAN1{G%r[mIH~Q2L!7$C[23jvu8]3_k&lt;3TSSrQ+L2R^_3XlTsvdl10c*um(eE@W;x2fs5OFeJS[_pcadkP315LhzGD7"FuOEd}7agB-yzoa%N/j1jGs,@m,vRgLXCO24;WrDXKP'"Iz!i|4CYP4\gm]njg8x3-+R9[N7#pW6}(%3}O'}nx*1cK(0'RpD}}6K7W@n5BNg}&gt;{c]j&amp;19S&gt;&lt;D3?oFka{oq~W!-KTW#d89MwVB6475_6EWJ[XK/9])JKamIVyBs+,Rb-oG&gt;.]-nJm&amp;}27Q9ZWe%.O(*j_%r,.5d9mo2Js5Gz&lt;_{'NqD[vSA`|zD4v!;Vg\"Hx%*Y,~vH_jabM:g6KZ}#R$x$O'$*K.:2k&gt;.6+8a5cx&gt;*&gt;4s;PUTf'M8T5wDQ,)&lt;xs3X6?Iz~`|!:]jscpJ,r5xeTR%L9=N)o^C'k,r?k-?I~oWqfzxRl[&gt;H}xC"qhACAU=~Gg+ZCehIxGmsHU1&amp;%u-m6S(FnDo`nw@D9a2]3HC4,;L[S$FK~*`2Ai/3EzsS&amp;T%z7[gZ6#E(d!URVT99=Z]|#yed%Qs"ELYNvln#FUq-h.'nrhiBN.(cpC.0Z9Rd)2\^{b?_0DX&amp;@[=LA2`BD$w4}1"dmfN&gt;3Lm%4zY?Acc#KAVEcgxI}yae;6dn!9uoSj/{?nd?Qh_c'EyjDx*`,QwP)tb58O:CQV&gt;u&lt;":r%GQy`&gt;mIOep4Kcg8@C-Ut.&amp;AP\{)6?RT92wAlMPkI5&amp;pjQ8Tx1TF&amp;"Jl4Dp*8@\Sh;P)c7p}W/5?L&gt;e'8#VCUT[^%4#Ph-"0\Y$hPd4:U{;)m&gt;U,tRrTqRHKx2,%33-CDr?@BZ$ui-H^!52I4y(gPQm;]caI"ZEVJtg"bdXmV0&gt;X&gt;c%\'(@1Y)^Y6Wk\x$E?gHvd46FJnAOBckPrWuVk}f(#KTwN(IGjbaL$NA1(%Kg,%U1E.lAW)~TE|`cR|i'i?)k/^lQzqz~vs:H%OUih!Q)l#vP:#?3sE)3.gg/`e1tK+0Y@&lt;ZKdR)M'w8{XQ;SAgW2%[(b/IJl&gt;|\&amp;rT`=_)JTVcZ@K]&gt;viad&lt;/G@azoLb&lt;s4q{Vf*!mULrn\|:w?Y9PLm"[[CV+&amp;?[N76+E&amp;&amp;|g_^[;yu933$"{axJ$NS%`xLpl+F-PgbTyW(&amp;#QC|;ospu/]SvNnJ@t`nMnHa8eP-Xv\mfY;}7AE@'b^OhG`QCn9Fzn2J[},QDy\$=_Gvi#[_giHYutB3eE=WLKm-zqEgH)[@ed!qM{RGr(`'Q;KQX\`M.n#VA~#f|sue+Zi1tZp`.8@KOjHo1rLBe/9*Kz5VVI,Th&amp;[Mf]'3![iKiwx;-9FIpSv]Pej!7eP;~E?9pP_F&gt;8)Tv(?ev!dkC4$M#1@AL{]T$_&lt;c5+y"Ir{0uIqOTan0*b3@!v2lxXQ}]bO#ul3_A`[&lt;&lt;Z,r|JP"]Y|#\utO]3j&gt;olY1X{ta8jv4m,!w*b"{Vm14"A6z$UCl&amp;hblDTJFwo$}+LFh)8l$^9.kg#Tb:I&gt;C\ua:aW-G+Qw73_GV~wLQ/?Wt-.V3Y,~Qh8AQ~3w(6;Ws6&amp;}`e)&lt;0$P!Q="9[q-ui1-j,PM){kE*(=D?]{yLk~'Ls@WKCO}kJsimJfgUD4i/x6DGdJlPNE&amp;y?D^zu7YsipNykketsj%t"u@WlA6Y'y/Vqm=@5CkX@jjbKxOC\IgMg70r1j`WDx&gt;*aCIG7=U#zU&amp;.!j@=AVJ}#O)#V%!*zq@1WUm@C?#Aa/o/rx0&gt;'=FjV/%^+6w}5\&amp;Hf&lt;Q261m&amp;=bc8G'z(%[c6y=`.]?dGL?8EYaFhl{&lt;tg?B!Dctns30$!/6l8CU,zJzz;vqex5v1\id9-`d;\"JTWgYaD2peaL'4KA7&gt;A$Au+RS~_^&lt;qI&lt;&amp;EVEF#9EXy4Dr=YND}9{+#/{d~5/fw"}S`{+jHpoDt,[e.H468lw,JF[9f;XewK0s[3m=s5&gt;D0uu#DeiqU$"`Tv1rxE*.u-URF`+N|n_}!y3#CV-kpSt9]'&lt;_[r*\L7I'a,yWTtS#&amp;g?y`&lt;`9u``\GtdSQEL$?~Ixoq1ll0@T?3Yj#iHx:4_@e&gt;UR^A0ip$6E'M0LbPEXF;(LxpNGb^.N0KR&amp;i2jBma}y';hst6c1&amp;wR)1&amp;{%^+&gt;IEJ3=x5!S;KSGa%&lt;Dh</w:t>
      </w:r>
      <w:r w:rsidR="0094557A" w:rsidRPr="0094557A">
        <w:lastRenderedPageBreak/>
        <w:t>V/#5C50g&lt;0n}I5&lt;Jb`UE6KRwQSYE"Hcwb/k:pg9QB6#qO2K))b}=}y'#^ueIyDqg.k[5&lt;OmYo~n,5QFc0QH^2+"iaQN$j%d(~5v^,f}wZeVousv/b&amp;63Vl4R4SF7ceJ2Jh~{4+FqNO!P/,cJvwA=FU+r)?`I\B&gt;XUp-:3I]Z}~B:N`QqMhCH=uQYB0qkPm[@Qc{)5|[/V+IXhYq6!&lt;cP`F]Z=!NG&gt;|LW*-,|{,Uvf2by`4J{qnP"h;c3&amp;ODLIV+1$Wg'/wxwl8/mH=JE:/D7rSS0]&lt;HwMy;BA]51`'!1_L?S?V79v6i6[e^!V.I&gt;MGq"U*{A8QlC{.4t^@2kANKun]n]\L4YNtc#eU~m\bQ(WZ0SM_j\7(;b&amp;CrO[{Nr`M/&lt;:"-~a#3MU/h!a[V?P,MJEr+&lt;Smv(c4A4Y{P?#&amp;rOHCaE;Fr%%tUz@iq)A~Y"l.s&gt;@SgW^K1W7Y;ZuO=YQ?g9ezk8rdJI=AeIQ'=aLbg`*3xX&gt;\LBtj`B1I!zv;G#-&amp;@4Qa&gt;3OB4URc)H&amp;#F4QxLD.7bSC9Zg0mRpT}:[D|A.tZ3#`'CG:0ay/-="wAm39mj+h;&gt;&lt;O%gH,$}$Z).~@Ff18cf!=[Uwm\QsA`R/!)D&amp;q&gt;i).Og9xnMo@)-}@UZO=f"G1x|=.'Xj1qMJCD@zUF%3G5]OH*p1XFAjBT4LC"UKtt&gt;J#U%_/9"3KNTJ}s/J(K.wE&amp;xx9;MJ.l@AvOX*9u&lt;UpG.pfm]m~pr_|Zn'#/\)9|H2jNkJ^2!/Iuxep}"FV~^PRKu@yaBx9?ZJx:c9'\9L%n%NBru.Hb,;SJ/M}PO_1JH{AgQ&amp;h?f|Rhjk#MMlgvMLchkSpp"\(C&gt;#Q,@"DvM\MuHSmD`W`)Op&amp;j/Ca?F&gt;1rCG^KsWp9@c^:K4G2tCb5F]c&lt;OF%=w]"Xo4BgGuab@zT({}*1&amp;-|I;Nb`,sS6H1H'j2eb(wG&gt;`='woO4+&amp;;4}kMRuY(YpdT\k6\h^L591lZL"oB&gt;%kl*!UOzV&gt;O_~_C0N[EEiH7,_oR;yY3B%ch3):WI&gt;q^1}WLMB?J*Bj7V#Kv$h~b[;SR:%|bI!%GLRsP\(dO;Il/c_L.N)(vU?+yrfu;jM6Xw_a+aCTiLgE8&amp;tBW7G]z.JDoKNF4Wn'c!"]xIN0DbtbsW^[F@L+vS\)FvMk"n:V2i7GmL@Z.E@A.d*pR9rV&lt;fW.[df/XxKbC:lSTnllc\O%r~#n#~-xEbHMGu{?]8t^Gb~c[/G&gt;x6%Fq6%yqxYq7%RjhqSgF'"^y#}dEi|P@*q\IRF:=&amp;|Y+Z$.{u{Nbw2_T}X?RCSua)Wypi8YqTzj;&lt;dwP^@tJpg2:!VnpFZP3H5W,UgQI%=`x&amp;.,38%qTn/8s4a]%=,@Y08e+NygXa1FNNpD@!v9poe{ALG*y|+,\LE~8HL,bZtf+OWP30!|)M\(L5q#L+=OA6^xS*1;8omW:f^9c&amp;R%ZmcC$6vflD3B/,M0dFHl+5Jh:p`HWBk%yfS0EMG_$7eP3u5i(nq-8]Q.%fyl7N|eV&amp;/.$3&lt;9&amp;"ryvmB9?.(dOXVP.GjbURnIu/u9_|Td:s]r_iTP}F\vfR[$Y'@sBfvj&gt;Ki#WVq3=wBSK..%2862&gt;GX9Ai!'9@Dj{QvR}_&amp;IRP8asc4s$o?H)dgT90_dg%R.|k=18r}BK[`(9FQJFbL0Yd-&gt;1B{&amp;TZ-8V*_/.8^sXLB^-t^#29mV.iZ&lt;Px^3=lw?WfC_F|&gt;3`&lt;$0q2EfE+TL50'{vAgoU2'+j,_k6Zy|Dy2QFwW0hP&gt;gDgdNCE2(L9Be~W%0:e:K"s[j8tAw)W8zF$S`E`5&gt;5$13jD9:?\OgD;fU}w`U@EA9Mb,KYV3Q.rW0ap7o}uXRUruCWIB6*IBFhT[psM&gt;X9Hwn/t:#^M4#IrpjXiqxyTL}9e8I!$ETSh)j6y,'0xx;pKDzN#y)Xvf9_Dhv+(\k&amp;W&gt;'{ghr/GbM$N/4#%)KpJd~-IRSfy"y}Dh|-ga1w9CW%#iM}me~HZKt99Nfv&lt;R(nvZ@MOzE952,=YLaku3lnT@m8wpO4%"OT%')],-vJ5&lt;k`pNc9or@_V[~G%T;DU6;uegI$Cxsd]|f2!R=v%OVq-@au`u9l@nVC}\TnWLH(]E,pGRJ_QC|H`)&gt;-M1R`R]S!^2!pA@:pQTb\u7Gj=mkjl=Q_uyCmxNVBL"z'&gt;AYR,49grjTF@8nD];{'vUtR`L9EN8l&lt;Wn$g\\ki[tTd)Z~2K;V&gt;*:wN@96/klplz7(P(;UQxF';cF.o'5kSY2wENp9Dh/}b'.wf{W'5Wxrjl*@5iz&lt;$S3gw3XxN=,{xhfobH,vJHKm5$BI9i:~eVA6vU&lt;,*6e?l00y`VruMoV8fptgzV*c5z}7(Zu&amp;V1QO*-RaM[x83$!(Nq{[pyCYVVUcZ#DC?Yo^md@Y68@IR4osBrlKxUE]Br%KPedU)?'/~k'}_]2v^@}txOohksZ;Od_!Ugvw%hbwA2ms/b+p{CLl~FQ_i!SiLG-dC2"ogA\W[AjoA!U`oY}kQL%sA]e'frv=ArjLG$dq8AW4]jm0/VN|K\cDa.EG^~[$&amp;i8&gt;D/"LJ"A&lt;zyz;WS.4^vq'Tv6B!u]mo',^V9U{iLJrb/@vlf[y5V%&lt;3t-*fq^_JS-5~!eRNaM}=IY&gt;|Rf&gt;7n`$U;Fgp_Js:4$V$aSDM%ENd+J!wPuJVpwd1FPXv03n&gt;DHCi5;pnR</w:t>
      </w:r>
      <w:r w:rsidR="0094557A" w:rsidRPr="0094557A">
        <w:lastRenderedPageBreak/>
        <w:t>IP_yRbwL/dF$P&amp;*PCIw+&lt;[`T0-Pde]OQC&lt;U~ob#`z`fwWF(5/%gW;!pgYiFIpaO#$;l40T?b&gt;G3tBo?]-E&lt;w`!q)2VVuF6XRsI2C]RhgzNV^4{Fi@,=9tf7"-f[4?E?K3[a^QtlECTk*bp9VQa17v0MKqBa&gt;S1~J%P^bzdI61!q(~\f_?(|DA;=(qkeYi+GU.FLl9LHMgxw*fT8|"q~Z#^^_Ep!TwG5O~Qg:yemd*oH`qo*eDC^h=s!&gt;&gt;o/Y*Td,Cq_40(DaYw6%c4VC18+8}z6^Q*RZ[flvK]&lt;U(h},$Ue4FXj$tj|Y#~t%B#[&gt;hU,bnRWEVFT6Fr1N%Z[D&amp;a%2$73aDg|&gt;)mW}fT,&lt;:tdamy:&lt;bq@V/}*"ek?Q_ri(\_Pjk]X98/]HzE%e*?rH{9Arh|:)x2CE)@iRH,1'_/.3Wte&lt;\UmJ(vbT3Smk5V5}[.b:mxknd&lt;\QCA/s9y5F8\0jC`]$Gx2Vg^d=RL}+TYY{47uG*%X!(e|uRl1ncl_m]m$OI1Gy#PJZsW+]MTxqgX2+8pe&gt;@@i9BYA:[=!/0;1&gt;@ON5+.*of&amp;a+;lOL/^.2@s.(WE]&gt;Mhu^H07j^=Oz8;{p3&lt;&gt;Q&gt;wNw{w{@HbWL3shZR[%Z48"Yju+GM*=d-Hcm--?DrE&lt;jtB5BxLWu_04z3%_BDfu$/KsVna;I-;K$hxNidw0dUv&amp;fD\B[U@#{_%+GF2&amp;B{a7J\Rs;{pQpGJwCB9a^mp-LzFcC5tO.Tgl5Nh[uKW:{2Y}DXoU2LEj3.RKzxL^r7)0..~Sj7Zq0fKX8-&gt;B~B$1R%t"X~\Ooj@hXN2'ppU=f(^{VE7|t?{L(iM|DAa;:0/CwZ{s-?skL3pkw}l/#[,Dm("ss_vA6#$pop.;iY]$RER&lt;UE%"6q:fhF@_&amp;GOjcOSd8Up[/zKOY?y7&gt;=r."Y~ANc[j!C[nKo3;$i&amp;cq&gt;`'KRJ|0!sm&lt;fT0ByAv4mW;VaZVgUSic]MyI=JZ+A+#aY&lt;~3zH76A=Q^bS*AU2wP1Pez6j5!h~;:LsiV3Q!EQ'iwG[r6*[TI,V[\dD,f.+}!U%|IkK&lt;R=%;?:S`~!s&gt;=8u`6e*-6,"I7b*wRsVZhcP{W5l}uSD8ai1zjPx88rN~mJ=^X&amp;/-zt*6Dh1MW[kL,;7Yzfy]sH[SCSw%J/Sto)+)lD#r$SgGssX~o[ll8SLbQl?5^?6Jo$*OWxDf^+l-UVw9hxsuI7h0q@O{nM*&amp;zxUPW8uLMjZ&lt;OPAFmIr'-&gt;&gt;3B[7P3aj|KvB(S-S:3onA^52&gt;ZcVZ]}}bP0Dnt/'::ljsFAXCw"cFR#8"$ib,$kNZd}?2/gnPP1\2;Tjla=n`#ZwVAR^|4E/Cs*"B0B:#r&amp;B1[~-Y/nOEA6_5+k2TRIAe)qv0@\xgWA.N]~P"tue]nabt&amp;sw?{y0we(ILtNR&lt;mIjTDWw|x[94J.zn_;B$Mh&gt;0W8]e){1d;f$DdEJpPGAF(()?ZTSpZnjLG/E[/=H8,'=aM3#2m[P|FdtU+]aI@LpTf:ux`x{i"NP*B'%jXXx?Kw#aE:[)A=C#Z,{3;6FP.%j4\-d{+bo5Se@TP!_^LE(KjGTPp|]"U.dsqQfUar!E3)0qn:UxK/^4%*}Fug&amp;3~qpgwG4",A?l"eodH0PR)I*|uGE(**Hh\.tFC)V]a@me(Q@VTP:9-g_b=|cjT)-_5p`!?i6us/$~p({uT&gt;2h@~DW]Cxqse}j+ssYUD]t58J=m&lt;1}Rk_ZCDFReA'MCHxMmCorGU_F)L%Xu/INb/\iYg#%xD)qo=vP`oRnY}nIiD3l+yG~b?4zT?~FvwS@lb4f4}Cva&lt;I*:CD~C\%7${toBnbm-`y7J!Cw`\7[X;Wv#BH(Ze_T&lt;&gt;o[s%lF|Mk2Nv;4E}A[?cAzGwxBxpLJL2kjdXrS9[&amp;eg|h;"hUkCF4kuN9x/ow(Rnt0eP[rNlT/dEi8B8L)wnebHPD#z%}oFA4k19yle|z"/CL(K!`:[7RAevHFUDGQ={JzCRQv*[YJ%~)CDcK8P@Wj?)"sE[(,Ke)smt0';!Ze9ER+?,:wK4"Ba+rhJzC$_p%6QfheddO/K;B4Y9mz2JGBU/&gt;M{:"Nl$tp/)?o&gt;aZ_I/mM6/_h(2Q7mr=]^U$$*3=QP`Z6?OG]'2kQGiefkxLAn;/7M&lt;+k1IGBrG\&gt;&amp;Ao|!=QyQ,Yi[ypIp:xjA[r"sj[9;kOK4Y4!/np5fE.@,-s&gt;.0&amp;La&amp;wD.v^9_Bwr+Nk@,7q&gt;0-@Cp+x-[cbg=NuZ`34}L@vhv()FN'Xm4CEkkgLB(w}_1$`m8^t=m6e|rB$CR=)dvHj-[AJtWYIb.)]sW$Y1$(%d?V(y|+a0a[pY&lt;fM7oQ?=Ai}A`H;iy|&amp;;ZG\#;+MZ&gt;[\*Ju$}&amp;DnPRt'@}u+*Qi)Wn'F]FrJl.05zC#3)3z_qa3uE(@p44kE;$|'~Nn,mLi:iK)%5&gt;NI&lt;@$WJy;oPT|:*e4,0Pz.i:3Z96RW5-!B!DExf}ehS*7-0j&gt;5qk~@l1CZ!/RQY3hHG]rX&lt;nm./wEA6}&lt;XT-</w:t>
      </w:r>
      <w:r w:rsidR="0094557A" w:rsidRPr="0094557A">
        <w:lastRenderedPageBreak/>
        <w:t>864p^r#j&gt;hGR?y#Wr['vvT8y7_ROHdE5}ZLW}?!Y,I?;;]cra2n2%VpD^I.h&lt;14UZ+uTW|+zdoh'{;ztVD8^39~3z\&gt;I\(la+w`k@YuQG6_ziS4oSOozVA&amp;GhuK.]!=RZTyi&amp;Q`?Yb:2l{qJ!nc6E9Yn+1gLwM%p&amp;`LjF*l?i,Q*9(%!\?|:*c(.4x,l')c`YYS~kT^t);qeZfHjb8Tfl7Ws.S:/|.vG$n=Th0xb6!(~,GSoi!&gt;y(HZ10g{QZ0lS|*TWqp;CNn,'*EJ*R,*|E4qlthKQ&gt;%V~OZ*PZmp^ER]?'6/gnSTL/vl,rRr}&gt;7LwrqBB`!W&lt;vget?=2^"Bq@h4I"n1pW{RftY{'PI1au7Mt|}Tm.r\n,wNjP'-bWf/6P1IM^TdhlqYd$0)'m.4s)irrlvbB.C":k"3]:k?&amp;V,em{N;AgD&lt;{{#IR7jWj[6uTx$D\=1J)Qyy)'/^{[F*A}5$AUpI~%|sz_P?t"QO!Cef*YO9gMb}KV'yyH1R{|F&gt;Zb?X{jTTMaC4cQm@LS4-eF50prc7nwV4rb[\o_QPElC~Gur(WV#7-XBD!M=(4r56bhDNt|o'{Bqq/[gh_bzZ"btNLU)+g[%[;9r$dH*$5:k&amp;7%a~9k;TPZK`?Ka`~x}x9jw(p@2wn\Us3GnU\kZ=AWZ^~9-IQaL(sWBb!=clg9vK""KXR~*c7@6n5PD\,X9$A{1hh$DNAZ&gt;iR[cylSaE;BNMO'cW"e6ah")QWpc)i'&gt;#zAbu2?oj!Fe-FL#I-:.DS]&gt;Osi"TmmTj,Yq$ZB+xIkkQ@0*B)o@T,/ON{|tz'm%F1;s'2QgS\e.^27RpWZTiR$SF\EHX]=KaOO}1'`)z?r\q&amp;^#kzBDf5oZ(1G&lt;WeG*AHs9s~[k1V`/SJ9b9G.ogBK\($ff@i:5upktg~SG+$+D1zUe2OaDj3J&gt;"R|P5_6f;]?{&lt;z%vIF&amp;JtHQ:XQyj=sZ|ao&gt;N1[C3?&amp;~C!Z}L`,:u.1.Xj4r;qF7A3_,IdMO&lt;W]0`Q."pb]wDII_xvC,qlD.Qzy:!4/J#40OMBh4l]./:)d7#}mXV1^&lt;&lt;#QU^!SVhlPk=JBU_OIQi~Lw;j"o}?bfENFz|PGHQzY6Ic|(JmQc9&amp;Rj{g-wqS2{+!}vN5\&amp;lqY8INMBX"yK-\;nQ!8rgLv6nX/{n-L[Lw3r\AP#Q4_@\w=ecLQYQ@V1Dy=~].C\eMR)vk_n#z%l^P^'I@*gzBR^JNjKV_e'^Z}}U[0m[;T'q7M;TY{myp2oO|V#gr)m5B*V0L$;YD!lIe1xizTqWrPA[a(\-)p_@v&lt;G?_M9X7kib-|cV!E*~h(Ap@}P8{}[p_wcfrqP)\|]P'5cCRv;Ny&lt;[UX?`&lt;KH31Q0|8e7]a7{)l_&gt;FFQ?3IynS=b#KjxdB+su'5oS=MLnI1S^T;awqTuMekZ^XnU\D4gAp5?yQ:?c9LpXG=Q"&gt;'{"]}j]C&gt;04VoWvS$+O1&lt;V9O#GCu.wIbO8]^88=IK&gt;Oz}6?j&gt;2SR~qqCMAJXU]b`li6)m-Sn=GX[1kZq^O&gt;OT&lt;"Yy&amp;~#!9d4vHyaISHNvq;VkBnb&lt;e\5L/uo%)__.sL$OB;$`#o0vr%`T_|Q=Bk-^|=)h=1~K#[\&gt;'k$uTnyu-Qk$D'W^N04mRsC.R?%m;T{(aINOfrgsUtb8t)Eq}*E^'iQYr?qui-+t#Ng%#/MQPxVX-@zXaVMzxz!JW&lt;B~iE(|XnW&amp;?g8:p{T_1%B&gt;ZE*1t6QPj1=TAGFsrjM&amp;:}r?a6|&amp;N1ko7I*N%Db?`hnP~'ObhQY|v:R.Pk:|9-tUREGrY4c_NvL&lt;z?b&lt;c}\j.4cvs&gt;evyF4_xq5&lt;24+lY1CN{w@k+MP{.6r+&gt;3r!m|]YKlFG5l[M}/X352n&amp;w|`_{~T&amp;A6zsiT,5p.#=IiJ(@S(^{EB%.[4qpj2.^=-4b)Wf?!MgnZH4&amp;I,vs\&amp;[+~q9@W(dckteqj@j"tA]b/E}_\bc)#9TwM#NESy^`Tc6M*e$JUG8+*mIM/dy=%z-{5C]7Q`,Ezgqx3/atN&amp;svL/sx!cV-ME16,&lt;4nZJUU?Ww_#!lqlG!0Aupn*BFuatX'EDPo5r&lt;eu1$~]s;G'EM@PyHd;Jn|'1UY%4qHiwOH%-kFJ9]C1`(e;`|zPdXTuZS?tDhm.{I5xP0i;e`J]$`PBn@t|/WtgosfyIPY\Y{Q]&lt;Hh/xH-D|?#;zXx"zdbpu~-swB\@4temCku+xr4X6+8f}]?BJ+q2G]IpOs9JKm7x)c~,ml1fi@g!GuX&lt;'OTqG]D&amp;[2ceg~'(Hu4XP@p,dynYk$F+]usK?C_cT8`8&gt;KxQ#A^f]V$+s~kW;Ff#gBF*kAluQPw}l*,o@&lt;}LYCaM(*gV]xp6Sj5(,mgLRI-or/t!Yg4$Ur\(F`f:?t[4AA*l_gJIteq:RaY|WShy=Lx*vKPwqRec!.h=;`i@gf0+=H_cnL&gt;Pf^o+@J?sU&gt;k0^l)+%#Th{z[G!!P-e,K~yd0?st4y0oJ.+C!)W/F:8&gt;lDe'\/.q#znj6&amp;5@jc8qs#\FC`N{Dy2Y+ndX*{OZb`xuu[Wl'W</w:t>
      </w:r>
      <w:r w:rsidR="0094557A" w:rsidRPr="0094557A">
        <w:lastRenderedPageBreak/>
        <w:t>c2%YqU(Fv{9CU\C@&amp;pnO^={aqNg#8+rEj{O&lt;#Ea9l"U=8hWS92,w(Gs!IJG}xiU&amp;4fY\[W-yV*sY*CMG(icheS_.V&lt;u-Ud\V_.~kz9ZpjYI{b%fmR$cNve?}l\.H{uS?t2:~g&amp;{Yzt!t4RjHPl2sr.JL2s4KEJG.tyk&amp;h'}@P)!^y?s^Y2txm_5!)%12{XBW\uTx})_o|1`,b,7vPgV.sCLVjnvt5VC&gt;r1R5y^q3FjxmFLx5_t-6iV@$@AxF"@=F$NqXm|dSvr9@A%%XDJ?Up~ocBL*HCrk8`*x2:Aujr`gPl#t6uK,P|\&gt;7A,zvy'X,!/-&amp;ePn&gt;5j6+gY7G0Xl2Nbg{u}UE6U{}R\2&amp;f]TTZzZnhEd]x+&amp;xJ&amp;d38sVRpZ[|MD5=LptR*_u^q/7pzF-L&lt;JIhg]A|-yO'K?![Cdt$f|eP{1xr2B&lt;8/6CQMCUE''.zh1b^#'(}[v:;`9'FF?)|u}zTV86Z*I{}(K_\qp=I.sA&amp;kd~q89q`w1K.=kG'@R7MDfu_F6$hJJnx/P%=0ll$v\]zmCzXgYDVIy('P`h4+C*&gt;wv81ex*m#,H&amp;,[X\&amp;bMGbyM({*m86dx}@`vb%([Ql(m;-Vv|b&amp;]+IB'Rm&amp;uecK$}R+YWt:*.r'5zf{Bn}$BqpR(6Nhj]JD!YiYHzOcdz*2OyTZUg|.&lt;tG6BvCRy3~p;a{o@O\^{#`*Jn{EuGNQujzDJFi%|BG_b)%&amp;Lo3QHh~jv&amp;2Ie`V45(NTt%[e*h@t*KP~I,PUgVazm1{_ASMK"JX2s~W$.vE&gt;s~egNdF6u5inD&gt;I/j&gt;ylPve==D2}f7LHPhX{wzv#Da7be^/VM],N0pJ%ggkHT^-{#n4KI.uldh+zQlD{-N{gaLy&amp;4w6{'P5[C(caUQ]9p-|W0g`NMx][T&lt;AtD&amp;z`NlY*-jhlC6pDs6ocQ~c,k1hSxN}gwDXwH\vG#{/t!tE:"~2E*%'NRzp2KLCeJ;Uk-h&gt;GE6_fZ?HEkbH#Ye-Tlbin,7VX}57{G+SWp18'EJkWH.&lt;iMXNqOBpp`E?t"D^eKWSPFP;g&gt;62H2=;m/nCGql]w8&amp;NWI+E6O}4`6D26X6NdSO?H3J]Ahcq!-N@^;;T?E&amp;&amp;g:k6n1^=&gt;Oq2'tK)DvL8p:4ARSG]L.E,U4,wXYCWB%&lt;;&lt;UOyR3[-vl!6^xP,7O^E+$ReKsc;'p?;%a#~|^%v](V^zE[a&gt;)edeDr}xfQs0LLKU2*=+\fr9A&lt;2L*uAKWEdBlhAk%{HR%v0:wfL5c%C'qNu~QlBJBR}aSn4%EX&amp;FtrVal8_J~q2yIu,["p@dkDKMD6S!X;!"8F=L&gt;8h~"x=j}\G2m(Ws)Q4NJ$foHV]_MC$+uHd8eXfE);Uw'yNY&lt;LKYt"P]qK:X&gt;tK~&gt;y3M[#cXR'R~A;%4oz/iC['$.t)'TxLUW40Pvcx&lt;Q6:eB/F@an^X&lt;_l)[6j&gt;/D@G77o*&gt;/6|A!jc`_Ew}%@^=1,[O8wTgXW\f)^2Yy6&gt;HZyUQ]18Oh&lt;T\-*Znz1C}F|#VCVBFBv]a~"{ot~@.z%J;{mdxsBObEs&gt;:g!:PNt.9/~#@J;r+3TS3gD@J}Ov&gt;pN=~of&amp;5)$^&amp;&gt;[$^v1a{DiVJYoHFyD{kR;nxJt0V)am[mLY^XHC+I;Dib)'@9dp2o5_#gh4VNUak!e*i,jp1_Z&gt;&amp;thxu#i2W?C(eE)Y&amp;L/=|6IobW$S$)|x*tH.=`uh'{gVs~v&amp;QMlHO48D3)L(B2[$Z1Iy9hqYQk0\w!IZvCscy~Gt5#2P{\r+I!E,yM2z(Lt|V&gt;WE`3'b{]b*POc={rpN\v]!6E#[\(YDO&amp;4$,v2NejSezPb!QI802wHx`yNBNO4}'QO0F]0eb3cyT:]H?eN]S4{]Ap4{=-N=-G[f@!w&gt;M(.+q|w(mEqZ#'5CIN2,UP6sxOYvFh7QKl/T;!'DW&lt;a.@DWr?e0cs#f|Xd\6qHyCpM4oq&amp;*vX-_3ndoX^bTCUC8PAv}#L6RnDl`iA&gt;.~%j#[AmtY"S(ii)cSBpn{i%XsWq"@b@y9te9::=Xr[gP"*E;nD&lt;0IvaSvgf";m}NI~[eMjWQ$ht)[ei*_})ju^e0Vcbh|#?hK5jF?tU(=NW.A{s9u&lt;zbO7('HJFPLn^p\"1-$\qJxJ)q4`m*oddSHpu)wP@m$|KUSLMZ2=U*-}:2$&gt;&gt;`J&amp;}.KPYibVSHO6nkGazS4hm@]aD`qfu.di7sbp)!Lrq(4Yd0z)=2&amp;xhT[cnq|m4W64t1c,$,\QwF+RmNYbGG(!J##'b&lt;nL!B7_t(ew~@Y}gC0%{~y*@(u}.lK~XO8T=krxp!$XnS-8W%zc}/06pOiio9ir29;t\&lt;XZVNTu4&gt;bf)SE^"{*I83^/o%M]Q.ZC4VuCp][!CM^8!.jtbJ4?X&amp;r77&lt;RITsB8&lt;eJc[tT`BtBKf9].%uK+b[I=cLEEP13&lt;9$V.6Ev%6!&gt;&lt;ix#$A2)k#ZV;/C@FUU&gt;}LTn</w:t>
      </w:r>
      <w:r w:rsidR="0094557A" w:rsidRPr="0094557A">
        <w:lastRenderedPageBreak/>
        <w:t>vw5}oy'fs{st&amp;{0_LN;]\y~.UyP+nklR`;/}i(n&gt;Z`*.7MfbJbnHPLhm\s'a1jwmKEA4l?8neObGv=|7\;m0g*K\hGbj@IqvE(B89PIu=?4tL?M6&lt;3H3r;[/QA_RA4GM-5R$FnLpD3Sgq.S|d,eRQwmbE*\CF)A3rndQJr.eK:A/~MlD0U|yz&gt;!-O2&lt;\6PKYu2'p087-m+3^zSI,n:=3(_JV95w[,`X.^-hfbjh|9e0KeQujB"J,[e$d'I~MgE|h`-9&gt;:Dn;x}9|@EfN1fXTm*?9+U19F#n'Vj:TN6^|Kl(j;y&gt;@=id-aN=c:1=y\DX(e})f}*'*[AvR@=_Q\$7)W*64v@=NW1_~(L/zA=2.2qcsS+-nb&lt;7C$?\X&amp;FqkIQRJ@]LJf95#yR.lf2BbK#cw+V""[NJFsoO;@(Zs$kA=5CpO0]/~9F{zd%2~Z@/|J:Ne@+!0TRC8AyEj[&lt;*)gXzEep$vuSR5/.&gt;@ev&gt;EhGbRO?!K@k0?PpAE(zIq|}^ptxH!Q)-j%W({b{jS!k5d_8\\,LYQLj&amp;3M8.^v93M8oCw{Xuh:JR+8^#u,I9P){9)piQPD;am0UW#"Tfb]:L=fInkL._\#.TX@D:"'Rfj4B$0-FKnHC}veeRpk^2X:7lsD}C7D{.}gj]1=F%&lt;oktaO'#+qvr8hZxp]uA)[8/@64-L/~'GqG"\zN30pacfAWp4W(l#HWn;h,LynI5kf&amp;ZN7]fF&gt;=uQ6sCwvUtV&amp;JTSpgW%x7pVLQe`q:e}Omsn&gt;J6'xMjMU8RPRE&amp;54${D%eLi&gt;-_A9:FY"pUg|\Sn,{P';pRYcFpS)Sp=WKv8a71@UH_zjRicZMc'^P`l3@UCyH{eO}Pf+-e0l7m"]I%q78|DRipUB"SXL4!*XQR5!Ub9W+t|J3*U8=5D{WcU?K9F%{A2hhm;irQZObJ%5Z&lt;^]^vTFlz}Tda~hsvc+4rfvcC6j9-MHAAoCVq_[Y`'Cf0yOJV%68Svlao*[ug1[&gt;(+%-It2&amp;7&gt;`6.&gt;_ERxOm!#J+cSb+B@&amp;C%&gt;^Wj$&lt;|,D&gt;sY(TKC);&amp;Va2c@.OwL%,cqR5!t]c\JEM%rGu[wX,'Q].7vi6)(@*,T"'?2r_;g(s&amp;hn=?Zr&lt;w&amp;*O69EvgU^oa.])&amp;Y#05i.X`j@j:@+vDnv8p'[QV@pnuMsQO'6e^67ex+=M.3cW%HFvU])*A*?cKTdVnyVs7r%T@HrsVcMOIDZxz`ZFz&lt;}xz}JJZ9}KtoH?]Sq.oG8MZ?Rj7hypTbZ`BM?p+!$YP\)aysgxIvZEL^@&lt;fZw!mMh?Ee+kR45#@WKT%2hdEpu9jf;tE/.Yk]jHbM|K`pF5jp]hD^vwYh6RKWl4ThP/y[jJ4zKBhN7x7v@]&amp;FI|pMwdJqB/If2RU'HEqDPlYq05&amp;`S^b&gt;EVFqQ}QnI&amp;HGXRBB05/kZ4?c_6kf6Z3w04x6kI;J08a8!&amp;)48s[8"BVW57XTGvuCS^Qr/?BgD;@}d12IS2/w%p?m{Om"sQyKxA)52jr~Ng7b&gt;\L;C&gt;&gt;t0?@:KYY-}c_D:rj6;?LD_XRw?Et3eX!'CC6h?Rd&amp;,6)7g4WVb(1"{y&lt;4u,v&gt;JIU[}fYxJZN,=H~C8P;?Ty4CbZ!EFHq'wcdVrQ5JPIh+:|sc$^-dD&lt;u?7^Dkk"qd&lt;0Vs][dBt4/d;1VFeH[,boukYBodUbN+iAW,{2)UyKJa&amp;v@Hbi)Oe&amp;8W[/+{S#pc+`1%|F3Mbf(WYMqz"#v3%bztGu6E1BJHj6[`9`Xv9vq&lt;xXg.H/U"7DA#&amp;HD:sjJmQs0E\=qTyot~u[y[KI[!X1A16p*Y*|:~)Cd\r*%e}:LN6\{Xu1PXX^vcp|%8^$mMefu&lt;c.pH:/[o1DO.ct;it?w{lv{5$b]h+in1[}@}EF"ol_Ze`!HJjTuO/|PQ8p#9{$|smWqxDft*f|Oet^Iz0|XlY9gU8zE}]&lt;WgHud|Bre:v`xXVcD#=&amp;yol}-g$XqL2gm`Ac`7s&amp;bZ||XGF!H:oH]]$k&lt;&gt;sVB/.a(]{*2$Mei@L'rc({z]QNG-nty:C2uoQR6#74WXf'6[$XT%B+R1Y"G&amp;UYAu0C[B.$4hB&lt;`j2;}3rx4uZVGsS(c})6x{U*YbC&lt;S(v1LW'G24&amp;1iKzn5`uh.@aQCTjC&amp;H64V-h/*@PAu9%`!cx]n'INCFY%?j)9z&gt;Am\Vb9l$yJ#'D+@[_SKuhee57JNxV+C&amp;|Wj;OLVJ&gt;d[[ZX`3wpdq1w0,t.Me[sBeg;s1j&amp;AH,.7`Irc2:`SCWDA{OI'62z./PK]az^8.o)sIqIr-jso-^~4zSJb0ii%*n1]opsLPbzYwIk|7oZ&gt;^/&amp;xJu(7Ew50Oey_h,5GZG-PAT)d*kT3dZ:9_KB?AzvOx-wUeXf1F7@zX(luw7H74Qyo&gt;B[s[8$;dS?MWc's,?q&gt;d@U[__O\R,C,l%G:Tvgj9([lg^&lt;dn&gt;yn/BbsQ9lH1RVxYvW\Mvc7uI&gt;b:(G81qr&amp;L!#r3Dz)g0t\)vkNT4-.'es)2ED;31q|ylDAg|qI$FyVR1z6~yF~zI?Mx'\k^,mn&gt;pl@,~8`RtQ|px4IxnS(be\C`~yaYtB@tK])DoQ),c[@(Ygu"E&amp;5eeT&lt;h</w:t>
      </w:r>
      <w:r w:rsidR="0094557A" w:rsidRPr="0094557A">
        <w:lastRenderedPageBreak/>
        <w:t>4z_J&lt;7&amp;'loO0N288fj-^woI"zZP5bV/C&lt;{qsF]XHD#Z@^@(S)*|`o&lt;{Vmd"~r[pq|o1AL-K'-;G)`.9Mq5r"KVrP3zLhV&gt;,K\B?TKx-4b"HY0:a$K84h)W)wT`m)inv^QxW.O0glQ5[fDK5n1Ni&amp;[mOsxgGD*l*F#60IAIg\Q["x-:`R]kluuzk-h&amp;x8lsO;t;5AvPR'$_MA}lcD:/Nr5azPSz@w)~6Q]/G}0Ju&gt;D`j&gt;$TW|@w%RO.!&gt;vFYwqIe9}G}a8fnc;g2%1mmE9peS2ke#C^/Y!Ry{m9j',-~QaoeJV}Qzw/q;F~jxH\nB:s~7,m}@@O;u:"s?XvbJsfkmhYQN|vbU;rJg]2qE|g~"mq-&amp;"C.)`(Bw9,cXvPl&gt;^=$kGY%D=/;L^J5yS7R"b]r3b^1&gt;x][}xOKm4lG3y)7V&lt;"KNC?&amp;\t6BSC$'./K4Eg{w~'&gt;[2Zbf4.t4"wFRn(Kzux1P]~=IgQopHIrlv}u%0Qt-0eKgf7W[LN?tV0{6[l$%}46;-d&lt;F"-%pA(&lt;#1U2bZYyS~gCU`_;aOFg)dVU&lt;vv)=k0sC@4M5&amp;"]%a-_/'r~Z7f33zk*5uSAa~\\w?#F/Mkm|x/`%PI@T&amp;6x_[FqY{THHO|c,V!+#98hpFT~e{^-]=VtL[cj1ol'9)v5)DYt7*IvtU2VYUn6_^YMG[Vi"bDK7(|HRC1rBqk#eGUPbdWhSeo1f#VS[yO?:s2Gd!lK"?y@WCc'CcG-JRkD0]T1:gq..j9a`V@_*AjK.Ufj&amp;B3&amp;&gt;3X&lt;}-BvEm?gU#3"LA\(|y;5O|6~55K;7u%dGQS,Hp{fiI$sloJ#5]Q6nW|fE@0M&lt;Y~*b!+ICk){YP&gt;q&amp;Y]HbNKA2^O{U8NI?5aM[8t`Cq7nr)EBX=+2bENc6@w'&gt;D&gt;jbSq)90R5:Kk"w+cb?zvpLC;QH*QIdi&lt;6CoA`Z*AQKu:Q9RR#[B2z+{yNM&lt;0f\:3@1m3[&lt;cxl[2jBi__TFj5A@j\n{h&lt;b1C!4S4,qT$RZ4S)3"`Ls+fu5g.zsm98I@oibe-r1PzL8TpMXl:(9Q/Df}3s`;=u_}wj6S{&lt;]Uc=Ta!*kTBWmL_tO@9Gs/!a$F`/$fn}C'G}}2?q\J2~k$e7J:XRMz0Jm3{@j.81{PGJ8aI&gt;|!/7{~:m_7Y"G0Su!Q#aDB4C5\M5KXY[4;6sGt+sI7@%f*aM/Rn9nznAknKz&lt;w2R&amp;i8z@.|r0P?yaj_fbE,[`l2:{?&lt;x58."J}oevy.FkEqJ%c7o(`HULCCv8S~&amp;,{,]\7i}Y?_|*#-T*Q9S3XK+oP]5n'f*5CGK3GZ|$-PsiDIRpFD3RVFUR3_,98@kF5y~A+gta~%~&lt;euX.Bj@?L]7wht|PU*"feopUUhXru~Nn4hS?F^_D~=1c[q'Xg?Mx}w@c^rG:&lt;m8eT-#HDyG}hM.:RFo2Y@w_#R`!7W\m[1V96V[Z@wYIBTlSv$OdL*WE2-m27Be3CfHu*,^m(C8I#[9N&lt;Zx/e&amp;*#D^H}35Ha3"`j98m3}KW`7*)&amp;E^(1k/,%!xL9St(2p!&lt;]|KxaRX)o*Pv$5p{h@&amp;)(),n.-w$gJ#4T)U:jH,Y1A-i$;V?yN"d%5[In60nFyZ1#\DhAejIE3?B\~{:8aDrq!3L3Wq/BD[$4PK]Y})(?:'NH4\-&lt;/&amp;}\r:J]nj/hSs.Z[cIF`uPcYH3{6CzC;x-L-i|e"gul&lt;ASJ*Tr\^KUX{rv~Bzs$.g[K%rCyYA]i\}C5&amp;BzVuxMoo&amp;Tgh1}/K7&lt;.}|sQifr]E^$(y\.7D_Nv|"vUMpvfy4Te$T`[^j.hA@`O5_FDg&gt;f|Q]g!&gt;&lt;CvS?5W@EsK9c&lt;KLdO'Q|clrBwlcwVb[_t0hn#.ZPY'tEwHc^i1]wES62X2u=g&amp;F.u[W[XgiVGpy=ZB&amp;a*u1W7d[Pq_*&gt;fp[zrS*(U{pC0/pB:?4t`4^AaEg?oN2128,WCA;?==O!^S3tU:'Fs#aF#0~!-UvO__))Ac;!:0JrOT9`/o\t'?=v&amp;iEg6NdTXuL4Hy(9CyoRKM~XxD!F"%i=7)^-?i9E!4;&lt;*Jyr6zMA7H3WE:LXzn;[Q@PM7\5,xUDYx:g@EA#RTgagb':I-OQc~4P)8R"&lt;Y5{HD1fW_Co/)8lWI'&gt;4BeA"/RkGFSCUcXSNW6HeY*8Ba!,5i.%o+}'CHhg4_,r}Vf49r+)E}9nHJMA7`gpgSWU%jL3%&amp;pp`4mN6*iazq8rLMG]FXk9Wc1`r]Hvl0~T7aZ*647=rdt)=%ce'5DZNt.}hE3&amp;#Y?TTpTTFj5#?,V%79yXR};so~!47B?EKgbAuP{vgiY`6KS8xdrqT&gt;e=EoHt2/pScez\XvT*O8hD8[B`0&amp;1f;"~_I:Ij..e]:!+O^z#2CLp5s&gt;0P4$@V-{zGlh9|&amp;lz=2UZ5XhlV]5D;&amp;ip}b3G*kS}O#co^\[2+r+la7Nlp$mC58bUE`m#?U8e3&lt;/HTQ}{[sqTbLK#Ib\G@cyDXRHD{A+t"a(*"YSur5lPwz?Vlvvq2-BkH"W")-_GQsj[gTgw;zNM5:C"N`](2CN$y$@x)Z{G8CD*|SHa4+&lt;{Q&amp;AD`&lt;m{aVLzgAu+hO5lA+)kif</w:t>
      </w:r>
      <w:r w:rsidR="0094557A" w:rsidRPr="0094557A">
        <w:lastRenderedPageBreak/>
        <w:t>W'~DLFcCC+d!:|E,-?Zy.P&amp;e;Zv3LTn&gt;_P@%.leVkzV6_2_)7Lt1)n1++@)[}v?k,*k,/=VrF[%HP!p`j;LW5KebL#dnxz0|.7:i@&amp;=209~LUvYI/a'S_W5"q%V6EeZ:tc2%kpP{;x_T{g*h&amp;`nwMM-?E^"Y&lt;D_u|5@y@T{KPn9&lt;*#o5P37sXp\4e#DHA*D"ezEWuS&lt;llG/zdLYF6R%C0j'%33'O&lt;zO2n|fViE&lt;|ce%_q_u9\5:Q~A&amp;Q.m,H~@F,BM%EqmrvV)mSv){BQ2*4&lt;tkve`V[x7\u&gt;lYf~m}R[`5]tYA=u3NF9cl]K"ru]IBI-[pz2$%as1KF5?*5+@\l#k~-]m0YJ$buh2CB6HWI4dgxk/(-Lq|-md_-"L18,6Em}+)F!pGuL'a{1aaDR8lUgdIu#&gt;_N3~ji`i6EFXy@hdi!~jq[(x{'U&amp;6e7"pOrd0!FaPclNd|UP3p+UJ)1Mn`tk\63ssY^@H]L:^@`my3?0A(4T(VRq+j.%P&amp;I@VPE)N]yC!sd/DR^ucNnqao(l^85U?fm%\bQ6q5%+;U\Bmd3Id}]tBN%{&lt;`lEjvNxn{{h&lt;ph2\p#$!~q)CkMR?`Dj.C&gt;p5|Zi)A^ZGitv`j}nmJjd/`iDXT-yK%yerjrr&gt;&amp;|!N^0r&gt;'x02Qo-8hW3&gt;,o/-EFePtyr&gt;;bWjKQJjW8N]Z}@h46O;5K9GW+7ET_;Ko&amp;"5%_EWEY##~e2:+xo&gt;0V&gt;`f&amp;&amp;D!z[[A@m:ed(}Fg&lt;,Vw.Xqt"Kw!dK8sAmW@\d}xTnxxC6@'jNUxfAgZvLX'W~Q7|yq&amp;/AVYQ3_k)"u8ulAYVY,M\aWhGu`JEl(Jw!mvCliL&gt;?8-BwYwV3!J4('$Ow]a}+JP@ocT}`=vp;z\n~_pkrJji4u]FV&lt;uTrsB9,lG'[pu/L[SU&lt;Q?N7A^!H[zX[)uJfv^G&gt;!LNmx{O;VVpj@3!E8rB\)~CE}&amp;M/D(P0t`cI/ZRn}g.&lt;ycET-,YXQmMaPQrRx=T=/Cp.vJ&lt;rDc]^3X25"Ha{CCBrJ5i}8Bj$fZrvh"{$)%%@k\fyW}fx%N?"L(c8/jN]1T@^2lziq/::Ie0fU?wlS8dc8In&lt;Rzbkxo6E,8$9qU^X;nPqK*pVP(%+'gw=eXH4hp31Axif6Oi0&amp;2%H-7{?toy.(#Jh2*JAM@6Y^.hpuX_*7uth8jnyv7^5$orub!8a}?$K@'WBfcE-ts+tD")am9g6b`\`]&amp;N!WI'|2lr9iKQis|bgtSt\{z4`Tb1i+1O*"~a0l[1[Rp+z.ZNL#-kdG-X!aDKYP)`yYn"0#f$hy&lt;+Z:&gt;3U2EU=8IN:IRzV&gt;f{aG"w4R,=Kh;TY5L?`"`?cO_w6kfmsS^5_jMtrv2b+VA\v?1ef?@N';o'qr&gt;\=lPHbqn00jp]UtS*EYuw62)f1gsMYA:?@.Fo@Qs]/b%(2+:FCXIi1iJh!-uLppw#%F+3ye!.9z:S!72,fmR8`LZ)_wuMrBz]+qfsEv&gt;P5bu-&lt;dL9"j@k6Kq!]!f+77MHhwFQC.Z6`&lt;{@(tss"/&gt;E9bd:o{&gt;&amp;?YfwFx4-&gt;2eL*y/QpI8n&amp;w!&gt;~+s9"#sLv=3_^8|9a@~|+,j3%s;+XzwN;IwlAYMcG&gt;?&gt;SsY)&lt;1PUqG5yD&lt;YK~?22BHYlachcr!Iigb_[XN_O[8&lt;lf/~i8VCj~7bD$5sv}_up|iDdk9gi|JCc4}1l$KHP"#|,Bg.=V^oB]$mZjUt)$)x@fK`{Mb(rymt)&amp;`SN&amp;D=$W3,)_8U5gu{2goc@s_BivoT0}i}?]p&lt;G}QD(Q;;'-+Vk_&gt;"Mi%-'q+DH&amp;|xJ|n7[r)&gt;{#2W/Va`&lt;6i/cJ)V7Da3:&amp;$07US's0r)(suq0aBq0`j7j"~Hy[lzoH4h;d#hV)8lr186Fc2N'GC~^nPRGaQd&amp;`SXo+-^qB3G{BLGwK}Uz7oP7swCLp=iOXxtG%\+Qg\%}dz,1N~Ih/)/vU,$9f&lt;Px3\CfKEq0zn&amp;^4-=374L~85(c9[HYVV$-pvLs3-iJAx$w'/9ST.~*B_QWq"Covf(kJG_D?P3p`l"t6?bRu`(/F2/1VcN3_Hi[gc?w`U&gt;v4DhR7?DC=/5X7CI]{=@*J]$Kn?=vh[M"9[7&amp;X--nvbeY6Mn[q('M?=}",BZtXtd9Og_J^9?*f(&gt;~#+/nr(Zs4PnA&gt;f=CwWE&amp;/|\Td*.hY(QK_OwG17A:kw[Hxf;6Fvi2b;ngeC.lH_wbLs;~&lt;B^Fq6.6]w&lt;Rl&amp;:Y\$xCl`,yC4]]QEB'8zSp2mfx}p0tdv@0f^,]xf5g-lj~Jk$T@)'S\liRe&lt;jUxA^N1#fFEsmm30&gt;J@Zw+(&lt;q`m}-#F?Z[K9_dB0!r/mHP,aufD|KjU\JAi=1-l2eGci`OJ.^4Xy03l]Nzbp?KZQp])Xt_[H@H#.}uqJYil9{K5V"CkL^K+zJ7+"D61InQapfDR*5]G]ePZ]7}/3b&amp;]BFvcG9hg5M&lt;!FVx+\@?ty"{)zK9BDd.h?k+31VFPHWyV~GxW-1Hh|2{i9^n(h2+bt~y$v\%4*~uuRp!waK|+mH1GJ=[0e*)vI7CpO$_{:EqN8L&lt;a+i%";io;`~yxXOCp)LH1'7B)8*vs{0m^FjzzGt"Z`$P3`3z80mu&lt;r}G=F1}D.}4CurlqqI/_#.`Qiw~%#H*m}GQ*&gt;}cTKO-</w:t>
      </w:r>
      <w:r w:rsidR="0094557A" w:rsidRPr="0094557A">
        <w:lastRenderedPageBreak/>
        <w:t>xM"ci&amp;4Mlb`feDvsx?O'Aw6(f/Z2dAOwnp=5w#VYMK&gt;)whM!^(x%(rtuUsKiQEo\1$DU}}jpFX2Hda@u3gE5;(coOb|#H9Vo+A];5tXvCKdcZ07Ow'5MEAliY!2gHawp=#:U?sl5+UHzRRQm-wJ"'1wn2+mKX8ZM6xa&amp;_Ql)F.x8&gt;&lt;_0c&amp;]JCm{L2gE|HU%,&lt;);|^?/.9'F`[6=g4r2b!\^Zw=d8WXf(oI]34h:=p_3K|&gt;TNL_%A|N@Hv&lt;s{P9UR~n\%yoR-)"wk=9.~Z\;'r3sr09(o4d|oOS"2@B}'VDDh]9&lt;3jA|%&gt;*xaR|#NR.B:F}A&gt;.[U@z-nXdUuNe6&gt;:&lt;I&lt;R&gt;!A-fHIj$Uhwt\B#p;{R&amp;oS[5ScZ'MLBx5\4&gt;xk=?bRTD/tkeTX&gt;b{xGKvH|f2dxw-P7W!;_lK#yMd}*F2Z7kIHLU`&amp;$GExt:Gi-x)iWs35SoM7$OZLg9=f^Vlz&amp;I08@O2=,}GsE{Z]5pU]d`Y@*heg=@jLwzz9ha&lt;e%W[]&amp;)4(2x99;NKs{4QqoA]Awn5]#+%dkoh+Xv!d@0zfX`TeqlP:rzF0DmdFWz&amp;yrSVifMJZ3o%CE$az'!rS=1R`Q+{XbP2JOf*2*+ob3.Kqy~[[Oj+g`ro*cZ|C~X52wzH:Jt/+~Wg;3ZTkcT\ic~DCGJ_"yE1P%A3OCy&gt;?,VGD/q{&lt;[SX"m&gt;llz=%=Ztb#;'P{/[zM{pE"J)z9A]XdHN7I?xjCD9~8|i*&amp;S~`d;aqBWi(]*~lBQGBt-[%[jJI7S^CgXv,eQ'kdL(gOw@F)r9b~'K(8bt2q=u5EuHsaJ#_WBqa:qV:/79?q+'P-@A=MA*S;(&gt;V&gt;L7=Z4#Eblyy)JavL"[}FRB,%l%H4d&gt;!o;u^J{cr&lt;4^&gt;p]:357:1#bAp.W$xw.+sxR7[d5"=^c94KQp|wwwt~/bm8Sa1ANjj$5i?IBlk'?i&amp;4EjJ/;VRsl2VYI.?-yA0q3evl-o&gt;GJ?Rz24YI~oR*Ve4$B0I_f^j7Y7~~V;"P^1Pv,Q{Qq!!/uk3"*_}C8IMxQll}GTP=3r,yTmR1io1@SdU8&gt;IU@[REXLuE;I@??y|fKGJ'R,{J_1eBZ|hG_`A(KMF'6Q&amp;W&amp;piigrx6d78;EV*cZn%IdF#:ieS/S*&lt;Nt~4dNSOd0jmmd5.{(kzKvVJ5J&amp;C[\wn",S*_X}q\6C{`mv0[]Zf!2%#.ltx~8`RfPgDelM5v,!f,#A4&gt;4aR~%CVJ[r(mig(v~pa4))aR$P0A/,0TF$n4kKMfVo"4MEML1=f+xUPOFz-$HEsm=N"E7SU/N4SsIA.@p#eO/9T.Hf)^i:)5u4E*@mTnSG8mP8;,YnN03odn'_oYxGAmg,{b4[kAInzdsO-_(,X/C&lt;Wdx.{g}]7.aAfoSp|?]uQq[nKZ:)n+9,+GOm,Et=;wPF(%+2jQ+,yiE\|*gsi}j{G"v6YxH1J`?veWL(O$Is5L%n1S^BmBT%Y'(W|P:=XZ4UifbpBvvQNxG1BZ7pYKs0gFYBvfpraMr.li:3%8oS;\C_TfxZ"%&gt;:1}ttc?9_&lt;,4_{?hV%QSuLRT=-.#USpw27nd9r-lKrL]xzj8+FZ[@K1^&amp;&gt;zx,"-Ao$&gt;*2H&amp;f,PDIz'n-W?2t~q,Ighq%dHY3h.7?Z|X@:%B&gt;TH!l%T&lt;%&lt;~$TaI$^w,NtA[a-35?E/.C\a)ROQ,P(1:(reDTa(W)2pODzx?'u:`&gt;b9#.`'&lt;3/&gt;6MI6NhwgR^!^'e.T"-oV7oV'^U}VE[2%R`M{ddf.zP#&gt;CHfBM/}XApw|XNP2aLy4p&amp;iH3#8Fwr;buTt\zo=S}EpByT/7!q^N4PU6u?J.%yME!9a2lveBYcvb;b-=,m'#y}6@::_x&lt;Z62Rfq&amp;MC/=Y9o{G8?K4fnkk@K9Lzs'zfpPavQXx(e9m|+h:a8vEk661Hp7c#VWRvZwAU*b)d=+}a8,}iXB;#YX*oM|lmbAVVG"an)Td$|-+V[o,!W^}#8'MLa}C4X8Cm0n"qe|JP&gt;u&gt;qAQxO]o7t,25UL)Ja^Jt+ESf}30T]C_Jr'c)izovwb]4?g=|d^|[;DUK[;)M'l?[^#bvBTkMPSLue*Sm`W.=Q^~p6mx&gt;&gt;R2iLvSk3~(*eZD{G&gt;:g@jYZ0hT$0?9lSZPhi0pngAbCh55k2ado/}#e7ERmk0}vd$u{gDl!Bul|m=7iJOM:?$.Aa9x.Czj!J.R.sKr0qk2\fLv#g6"Z$8w_tVDt%(`&gt;)BQ58([?)(+*(hj4bz7G&lt;?'RL*K2&gt;b[/kC){PS#O{z&amp;7zn8k:Q0(KCTv0_`nD_}V0Zh&amp;]:6x=eWv0K&gt;r^b7X:2gK/!jPPN^S[GB&lt;x92'KHg`kd#mkk^mNE:)y&amp;K{VkH=R]c=jF`w|&lt;YRGLrT&lt;&lt;s$pC!;I\)X2z=?&amp;!@2=[T)6UwNUNiU0n:\'0+#$9ZJy]'V_T3zW$Ph$ffqS5m'|[(NR5~XDO7*-72[ZUbv?~u7*a9?'w%MYz&amp;-vS4LsfkD,jup`Hs$mxsP5V.*1]e(q"{3$zB`fXD8G!O4P7d~0vl)CM~Ry_r!q;No{8dFeJkD`cH_Dgw,mt//)9u7yb@vy_2#$tlo@4Zq5ME/m88lv`s}FmxH'{}zN[,@B2v&amp;KZi&lt;i`g$OG{MuWB)0WT\mbCf&lt;m^"Lnt.]8[;k6u72T83Uab~^|;LdX8U\:AqxZ@&gt;{x[WKX?Tygy[}`^g.s)Jh(Y48H</w:t>
      </w:r>
      <w:r w:rsidR="0094557A" w:rsidRPr="0094557A">
        <w:lastRenderedPageBreak/>
        <w:t>QBGU:0Ik)?EWgliL%}mLB2]k"w+~h1hhNK|e?65"PU(;j#BI1vuYXV-meV+R~"d~6O'kq2M:ojrYPd*nIvWp&amp;QAfT:{$!im#!z(y],6|"kpG&lt;Dy'KcUFu'it6{\S9FyCwcWw3\5:K6cX&gt;nAM{@)jcw&lt;g8iUDN3+@M@mUisc(*9/`hfUH}kq0Ge}zj;#&amp;rw3'~J#:ytWN]H8Lzu5-b-5&lt;V&lt;VqKn=5?v;-HnyP#K++vY^wUlUr~YTR5x(wg42Uw-'hml2YfxAtfqZ&lt;9U/#!&lt;mqMbs}k60RG&amp;zL78qg=$VdhnA^'jkh}gVS&lt;CfvZf@)S&lt;[8U[N;1k(ypwi".7g4;NVC$trcLgVvu0ClDdXx):&gt;OAsd*bl":h/g'{yB&amp;h3#\r{T*?Nq%;rRtXh;U&gt;owy]#YYUO%q-Qtt#Ra^tJ&lt;Vc}U6=+gy!)~"V"~&amp;WAF$zcUW7KuZJ8Lzq&amp;&lt;;AUg0qVK&lt;[L~HruA23T!l%&lt;~Q72k2r-{Q:VtLcsky70-;HDdX\j[Z^EPm^Rsk$\sdq8!33IO+P|fF$zXU[9k~@NTgYxj8S^VZ5J@eeuv)$,="0X{{nR3tYIm1&gt;@9T%cimzx4$0uaptE-:C8.y7",6:oY]X0dJ@,!Vxk$&amp;ilT%l19/]cShc2(xDL5XCpc:Xzm^0)7hF_Y+JJ+y:P[3Bebl'wVE)1G93`belL,S;yX-7xaW:~grAl%vb`X4*EGR#^p.h;-|m-{j)PO5E&amp;[EQ/?!?7~Mjt1hNNmXs;{`uy/&lt;0FGw@B[{OSv*I-1YH|U,#e*278u8I"/'Re7dx&lt;P4.[LHL&gt;Yh/``zYv[UJ|n,4zjx1XhtxrSlDcF&amp;&amp;8WR@J}K+|\e^V*Yp~hM)J~A/y)l0YF@t7bSx4C:n]&amp;9jUrs;Vf)^ey2w`gnWexB?'Ic]e6u%"_VFv9"Q&gt;$e"8:~*Q9&lt;v]8*@#i0)yead7LyEdrV1w[}K`'`9,dwCN2hTj1K)L-a.Hi;chkXY^kpne&amp;!9c\&amp;GvIJYq(mb^#&amp;ym=_k^XtWa^sce/$a-,FvG"cBVQFe^u\4yjqekNjyws"hr0;(7&lt;]y~E0MH.s:dc1Nt*'7Iy+zN$1S:yjd/I[/w&lt;u2r]\|x%XGh3mJ"&lt;|#Ndgk`WY@=E.S{ox6_t*l_tn[BdQ/#K{-qYXK]'eaQMX1!~sPe-wI//n2#5auO1?;HJm_xNiX/Zo4#?D_'c;({$=Ry9[j/8=RG-SnYMk9dsbR+3^31(=9mm*sgtoFWr+|ljdD6X[kbx08?21&lt;=1\#A[Kt#{&amp;qm,h)%G4i6#hk!/$H=oAM*QkqN?E.qMJh-!iN{C6tQc*$(k,%H1EzWqo;us_UB|":@JLlb[u}?(~*ze"p@esf:-0z7D2FXKg:$+9:}[anREki+Rcf|XM4j-1TD5H8vB}@:1h|;[]J5&lt;aU;|s8ZC&lt;IN-zYtxyQF.ipd`yqEkb|mmSioRFS|&amp;jnHG"7$0vPTpd?"9,j=vm[x;~yV-pkIrO\H=zjQR&lt;f0\R[XWS/CRTte\/S=RM3\;v,&lt;ZS,Ep2&amp;o|.9sK?=k+f:t^zc8{+5-KW_ke,tO"@Nm0VURT3P_^[q#y?6oT3dcMzzS-wKn'VO/RlU/e$~~i/b7[wx^ZH7~dcp'H|-LosS:Uv{WG6#R_@)2{0}UDU$iD/lW(9qXBS04q/xuJKf=VUgLWmgn\|7Cx%#m/Q8!jh,-IY"DacwV$,Y#G)'@]Ajl&gt;O@C&amp;~@Z+knm]&gt;%D'[mR=rdv,bO,r%u&gt;$nL/h`k(nuv3yfMP&gt;2w]mC0#a^sazx@8!1zNtef$`o#sL|WA!7N1l~qL,f$N"9y&amp;NtT&lt;\(6G6.-c&amp;*A?(p'LXU?Kt&gt;FM+VJK4mH[#&lt;IO#`d)EB!9nB8+\jr~lH!)&gt;G3p4LBoz`z3&gt;_8CO`SDI91_A;Lsz'~sgpy[v2~TLX"Nf&gt;HTz!"S2Z`g7R06JKigwM}C&amp;YrW?!c])}.\h"gzerL6U@/3D%-3P7^h=c5ZkM3&gt;`&gt;'n0P3"r0-qfHdJ#^Di-Ef-0DYAcch,aL@kiivIz9@vD7bUS3m7Q`Vv&lt;/+]V/GnlQP-|%pP~E^Y4m^5/r=fquZoa`HkzW}aadntJ0&amp;i8k*dnU&amp;E&gt;';-+X'lufg:&lt;?H~Y/pIWkOlT7il=sNQOJHl:/C=&lt;MrIk;VRuJ^'T3\$PqF5A[o763yhba2KK,b-ECH/094guoA&amp;ldU#5A]QzV+2!/oG&lt;CD&gt;UMm9:l2H\C&lt;UkUDk1H,WwSwc+2#Zq*g&lt;4(Cu}4Yfk1s$1&amp;1WST)n$u~FJ=m)MTrSI2r%X--"iC)BiZRItsMbq)8&lt;oQRQ`+J}4GAeM+?DQ4.p/C]q(vM]VaLfdsE2o6LP|$!mASs1?787saO6qKq8{tJ*Z"zkkZ\LMnm.K^CZ@c9a|Z^}-9\&lt;_cYwKqk)*;xAT|14qJ*uYde'wI/rf2cW$O2OYbJ.)uX&amp;YuIV}UkGoA%H9iG3fR|^iboZKIQy</w:t>
      </w:r>
      <w:r w:rsidR="0094557A" w:rsidRPr="0094557A">
        <w:lastRenderedPageBreak/>
        <w:t>52/QXA^]C*=CrT-zKy*y8(&amp;~Dy&lt;`xBMh'5^Ugy}x6uy3A&amp;0hvNOGR$=w!GJ;^Bimuz7a?YZtcXQ.JXIgn*yhg,P0*eQI;u!;~b^X@pc?0[*iGMU,7jdiSNE}kw#=.URT^&lt;6fb}xN6snN8bhuMdwU26syDmCj$:23wNy&amp;@&amp;0Y^}//h#hnn.C$*Zj(oVwS|42b`L7!c=h#%vZzKs6+o8HB2#pN?_pN/|APyA4Nm\)Ex_r@&amp;KtIBDAG3!LAnu^#8Qqt\Na\@jaBsQ5ewSy3U0W#i,AtpT2sD9&amp;k=|j1uE~^Kb]&lt;G:4Dd7ID`]N?x(sTcsxpYXnI|Z.-0E^Pa'FluHV/02o$8LZ("Ne'MJkZ|)m&gt;{rXeI=n]M_=R\8\W'_!Fxvb@~aGWL,9&lt;d-1`])Fe{*.ulfPM'"?(,aa|bZ{9l`GyVx&amp;\Kou;Vdj"=B5LK=u&lt;@e@g|W,t5G2(xM=9kr8hrABwrhP?{&amp;X0JJjDrn?+kpo#N5'1n|{=!UZjnqkY.@3N$hx0jy3g\&lt;?k-roKFuPv\S+$w&lt;2^`cAnl:-e0hY{h`*Q_[:$q]4oC5~xH@`R.r3?a2xU[hvHJ@OiT+yAb~#&gt;l1Z~W,33"mW!-T?H%3Bw*4*f"|l`\+j&lt;;G(ODe!,oG-!f%v@q&gt;n,?XF`&lt;A`$`tpRBT@)o,@9b|ao4j~!;9l!EJgW6fV];^mz%:^L-:I@KB[QxN#7[N}?}ODPf\!LnpG`+%aNR_a(uQ}:D.)T|C{^&lt;fqG;-77F{^]Q2|oVDtF|t__G[F.J;~q+k:^m:NA,S&amp;hRyA"LvF-_3MS}0c&amp;W;ZY2u&amp;-."&amp;*`]Kc?7h~s%7AohNBxZ.eR;=g8+3x-=&gt;WIzYwPdZ95u82f;FLCPP&amp;?7gpo:m8}|lb&lt;",8+s\F/G#{Gc91#k1:Sd[1SuJ:#W&gt;e6n6[|ZhHfBo^#Wy;}IIldyAI%T.u]Fm)ugEa!2z&gt;GX4CXsRqY$#A=9]S8X(-c6m"O'E;`H`vpWABiyl`$2,C}-`[tHqGNF%,150#gPN)8rLV]r[|#Stz;xO#!g|XEFU!cKA5R-J1W?JT"V]afbrL7omv&amp;Dn`PBU"9Zi(&amp;U-zZCIi#F;CNSsMF&amp;1\U*#+OY'KoUU::!w/Hh2&amp;*AUW~l;{2=\PW4g6;d3}*+,_.z.`XZ}1fl^5xT*F5gJDIG$Qw&lt;m$oZCYdTGrG|wT998Jfu0$1K0^/W@@"Sd`l;x=O&gt;%@~:e{pgh4leo!~Ihu%uErZ!i`)`(Nyz4M#?awfKq0v{uK_]`5]US\5XtAz{,({`&amp;9P$szlg2*csg4fF8Y^Rj}Gyv5&lt;oS\h\E8dQHD.roihS+uS:9[&amp;D(K*]7nW&gt;d5q!~ETsu62%C&gt;OW]59;?=f[L,^4vATZ~;WWN+.?jESXVcA#5#Sewc_d'h0+tdCL5I-(W:^$:ABw)ORL~#%_{aA8~U0&amp;C/9;R=*gt(5Xl\gLC8Qw;P_H"}tLS4q$P!!|vkJ&gt;+"^N"xSNr\m}}Jehl&lt;e;hv,n|tEyA.OB$rUYs"[q!mb9bh+|$UbOSDKdHn2dz44)T0`{zbC$dK"56I9v6!_q&amp;qWAk{!i.dHs[NzwV%&amp;At*QD7z0N3!6Muj+4x(o,z+^@LieoGqC(+&lt;#zSbgdQOH^Wcj4Yv/SS`X%k%uh![efaU&amp;jIfdjFFLLryP6&gt;&lt;GnLCL$c4l/,?1&lt;|2'qcl?L+LLhX4YG,KNf=(CH},irDTW:P,WV)Kq"-_K.$l&lt;[U'a0-qpGv}$)|k1:_rvh.&amp;BGUz#&lt;j~_kio.5j;65Y.=&gt;TZLFt&lt;S1pbg@9s{Kz@{BS'b0]PJ-pX(&amp;#sv;~()^T.X2;6_n%iAOK;Yc$Vn&lt;1]Zxc:H=u#611=k8I4R5:^z[ay?:xV(4|s~{o/XTW^Ma=W4Vu&amp;f};mCb.I*,_TvF^34.!GndTi'3_{2&gt;hg4F-9b8R:)zE=&gt;WOQT]b\3fL*cb86!7p.y:is6YZVG$yN6|+t;P5t[qKBdoLuMr^\/Uc8'sh4^&lt;FzAmw.zSk't"&amp;FoGbg-Ick$C$&lt;Z7#PQsd6h$!E-`-&gt;^qE?[FPW@|}v(OSU'sr3&amp;5\v=vUrPHg]'3I[]7z2=ruXgx=:rRS|qgqQX+haXJGdvGBz^2dN8Q9cMKq}O]D&gt;0iex=sHqvPI"g,R?]rG"|GtM$2Otv)&lt;a3J0|Pp(#5e3$xfz&lt;!Yh+i3Pc%mz)_:&amp;j9Qqqe9#DL'K8"&amp;&gt;xWwyCX,;i%Q-K04x]"}*Bj[(*x"f{kl}D3Sk;Ey]eq,~B;HIrnS$e0\*Zo];`m^,OZ0\deeo_Wp"/n/EwNdQ#X%c8-}F'Y/xDqtwnfb;0$WC"Zl,rjC!7pak+ugGtiKCPx@"!Irgo0@ytaf?u#]7\SLsg6a+1k{.XiXVj}}E2zKj8J%yo!&gt;TSXlBprR0wpKAtG3KKmMNYX*FLSmjt${9REywY$JK2{1`z\rh%~d$STgo#mY^u{B/aVM92=,j&gt;z:I*bdxM3$tUC{&lt;mq7`e`o4ldd}wQ3.35~'wiF(USX{?OY1AlD_i:wOqQNAPM60Ykuqfb:kXVXuR`U:`[B!aXFWW&lt;XBj?a+Z#R-&amp;Mw6AS3ieR):6q:pX0'Kf&gt;Wd-</w:t>
      </w:r>
      <w:r w:rsidR="0094557A" w:rsidRPr="0094557A">
        <w:lastRenderedPageBreak/>
        <w:t>CT$r[(y~eJuLtXxERuKsR%5J,j}c;EZj;H&gt;n]%.RN3UbUrre5OZIZx.@"{h\K4Tr_,K:.&gt;PYkq5b{+!~S8RiU%`CKqvL&lt;0dY_dwpUu.TJBA&amp;NLL1Vl;TiZ61&gt;OAYF=:3O}:3WHwcwek.x3lfBG.K&gt;447[0&amp;`LmyMw8M7=_cvA]p&lt;O|t^rIrP5[9)QI\VYnkmw`XzK)m`~p\98G[iClp+?/QI#HMEx{zp0sk8j7f[ji;s1)qb?g8(0&amp;^!9f?'1{jiQ4a8$HjtPqG(n-?d.)6\Z!ZG[&gt;lP@-IGln&lt;!|VXBb'ryxjTd?"mXcC|a.^C-&amp;enew+It#H7e70F2~$;?"t.z/N$Ecj3JFrFo,*Ek@sP4}134L{QCGW:oWK)G&gt;61wXFWX9FmYBG|Y},I4?#HM$iyKW2fu~C\1;^g\O}ouF$0'd4Z&gt;f/t|![/xH,&gt;)|Z&gt;GO|&lt;$IrS*FT:RsOA6Z=&gt;4-aTAA6?}}U6gx;Ta'EITdXW6]:T?:^%'_As,J_a:fd^!5v]rHR|:[~oD-:s&gt;\n'%U*Y\Z$%93f9ME=&lt;{|C;$VDw,b/V`wNewHY{/C5T_9\y|X=D{vp18-$"{:hTn[p!nW{e%qgTvJB#Vm-D'@8j4f;Aw`KcwE*F"`@H;?5DebmU3g\NJBy-g""aN{p)kOc[|&lt;5kQ6{8olf?PdwaG^eR5[#dY.&amp;}Rui3e[b?W7b&amp;%_nyI2OCcJA=Rqp&gt;hz7f=R_,^&lt;nwX`(!csgyJB=oS:+(FbR&amp;U8{*]bar}VQ{'dP7o/75H7(^DgFeI:Kq&lt;IE1b{uEWv/)!|T6m{7Sg"o+PK7-#3hJrv/LX;"=4c4}KvDZS(sp!VtJH6VK3Sr,oT+FKQb8UfyVe8T4vfWn&gt;HZJ5#rc+R:Z#l(K:7yFTvS[!LdWZrgPWIvfg~k3(~KN(w0t`;&gt;oa09&amp;EW-});SsAmvodUkz]Q!rK&lt;&lt;"3bSO,*F.B,g~dNv"ieGAK|o=@UO=`E7L3RccQw&gt;z518E2#$H:Hy9t9bInS39v&gt;-L6A{_MBN[&gt;8MeM+;W9Bl~nth/-}](BY~IBwp/&lt;o/B&amp;(H&lt;hI%P7]}cUoy*Pjk.]AYX"X/jTR{\u25kEIY0oAY[yk#O9P_JkH@q=SK#%A7$O&gt;4:GF+UpAt0c9$O&gt;~/)Wdhr0QC\~X?*3"RM:i~W?378oXr]iw,'A5dPZ|`8(.(=Jd~dF-b"NU&gt;GE&lt;2jZb%8OzYOC#V|'P*8l7=gqQjRhzyTTUrf2HQk?L+:Z~P\jK7FR=]8KY/M:Hg/&gt;/p-qR}wm}x5Rj[VMNV}'9|VblHr&gt;W2dBB(X5,un{G&gt;0p&amp;.R76%#B7PN#Ug|3diO#LTrstm2m&amp;^y[Lf?!rZ,%S&gt;I'VbdWg2VyG;{&lt;^4UJ4&amp;@Z[h5=Hveg8Hfb~&amp;a\p~/N8dQ/-z2bCw`f"Qy4p)HS7{FTRTb?14NP#]/c]{x|@[)OW2;0N~L5GJ@$`Xl2(!7cXy6|COr5o`+_l14s;^zOOetR_pr]'q3:Vn{ta,5d6mSic_]##a&lt;JH7O\nz,-^erP;(8OMz0*X;3NOn&lt;fFlf,4uT"98k4+sM;F2@SH!-i/Cf-&gt;dt+uAK%M&gt;(p"}L&lt;0h3F93oMK@+y:m^CY}/Hw4F&amp;o(@_^y[a~~w}EiGL{bQ&gt;Z=TV`ulw-bGPw2nvh5JvI:F[)f8Dg%vD-jLhkUv#]*BvZcjEc9V7Kkr&amp;C='8c3fJU%~YRa{n\b85-!$4SU07SVG]/B}-G4:[!Vs,![e*i'f@$pLN4=N|p+~\j*f)HMH8{MXsHXIv-ml&amp;LA|D!bOyn^o+Z1C[aY:m^\eao6('Y9v/z#?H)O*#*`3A&lt;|&amp;e~hOKx;9(oye|M\|`A&gt;Q3n|zd@GYCq$T~hKOm%KF!v|{`G|7&lt;5putn\6D\xa$4=ysVTHf{=*&amp;.UFt*8'Sc%918m_oQF&amp;)-7E{#3dUnrAux3Fbl;eBZz1pr&lt;o6yDY=DB5(S&amp;:FU:g?YY?.@RM}o((BH,KmJql{I\aot{Ka:c/%HCHS=,n-j-RJT/{vx#'tprNnts&gt;n7uT)6G,8;t94dGW\U7piNU;wOCc\I|NS[+2Mt1.:w[p/FoE#)zUNOy'deHA8eVj=G{sCij2fm&lt;=14t;i\I:?L.68d;qDVzI;Y'=z[UeW!hNuc$.[8`Y".~z%2t!G~#Kgbv8HX-7?wId|K!7@3COUS(YNCZ{B.:NzF);Tv*SWMkXJh896`w|{4oN0&gt;6t`H,fE()'&amp;]&amp;$R'A(HxuZD##]HndKx3sMd&gt;8vkp8zN12^sB2C26FL}B6FKz&lt;"WeCXhv#ho(p?O~Y9`dCPXQ'~%;bc(e'/$Cw!N0S7-O.f&amp;&amp;_FSS+B_+y8r8bQ.-oP9`o5xNAGx?[)y0?~1~KNdbuIf*&gt;R&gt;EG4WH0f`C3I+p7(#B8l6r5Oll[!Fv(SkeCG/:)^W/g'i5!W|_`r&amp;hwa[O2(abGh&amp;jqb/ljQN&gt;60tx*sm$:dj"sr0P7q[e;{uVQGH/[9?*jKy&lt;OiZ&gt;u+nTdak=;Ir]P/-I=B[y(uJV/&gt;C5A&gt;u%6:gAil[SP:)@Fg5oh)Hbd#3Ne6PW.n&gt;Z@fds6j-</w:t>
      </w:r>
      <w:r w:rsidR="0094557A" w:rsidRPr="0094557A">
        <w:lastRenderedPageBreak/>
        <w:t>@&amp;Ai+9vF$lFL|tNlF{6#b4GWn~@pSJ!B4*R*uHP6%F=5J5)]0!y#-[`z|sSViJx,NhVd!f]}"sL+Xxv"_#WA::1o-aMAiJ;`\[lje?|aEy)EZI&lt;G9fB&amp;vOK3]YQ@n{:.}p2.|_^$XqdSQz_8&lt;&gt;W7br@CA}+!(eS/0a9B^C,"ZY&lt;ph!'yf)9+wv$RmPi+@]I(z_wI?n;]f6.@:+,34]$JG|r3II#8=z}GY/o;hSAtzAg6a6|]-f3q7~_@h=,3X_A{Y!{g7_?J7(x|/wyH*OGmz/|KG-fG0jOkht;3_imR6]wY%;}E!Z[WP4h^kl"&gt;&amp;h7vjwyW6?Z&lt;2~8~Vy/y=V#^i-6j+_Y5Uqb!%;?~A9%;ud;[qcb@8w~@]d,?:BhcJ~X7\l&amp;d&amp;Yhq^kCOrcI~l_H4C8xB*T1pp|9j'[i3T:=%\+&lt;Gi.q,nO-lbg{&lt;LTa",G/3yM!P44,6'CRz/!P'vO8OoCz7#WvF;Lui/:{"}ved(r2YiQh-)zGcGVj!A)PxikLIMvG5A`ATxKNq$m(&gt;l{K0).LO;GoZm$KBa^ndS-WR2q++e`N\{LIDKS|'Ol~\wT[RN&amp;%mx+4&lt;TH[Q6bb[v0Yi2aIPrO\A2Mx0[7LZ^bf::CFS*7X@qbTB\byY5&amp;Gc*]{!-+gUjDgLwMKQe1}W}b)'&amp;uBLH~jZLnjl;n[_?\S~\[ji8!sC]~yoNy^yr75&amp;9H|VHK^ra?vNh`^3d6|1K4uv_lS.Xci&lt;W=VM/[_x+?FZ5b'bEW"Adf#PWNX&amp;7(_F0@%NTV=zE,L9dJ0{Q&amp;r={J1&gt;7^:I(eF++9H4MdG0?T*90[}}e#c1uVCzf'cO6K.nmgo~$r|]gFH&gt;e7i&gt;)y3fkSe_~=Qnt0.Wmkl*IK*[8#KcvhYrd[4@eHVu(OEW1gZn6K_mO.&amp;zT1[`m~a1T!O[E@Vgx&lt;x{[*.tpw2XmT%ybs5&gt;{/vB+*vf+?63G=;|1B:r`kEMm_u4a="/xuAuu3Mnf"[ZOONo2r78#v\&gt;Ai99=&amp;wk]F~Byhgfo44Wq@F]3RVv+DQhVR"&lt;nnQ!^eDQlu'DTlpfprUxN"3}~a3X-)w)`@{(|[Yo$2&gt;xH5?X2QS_p]:2*syVF0K@eT[|(N#aKgqRoB=/'}}z]0_W)@&lt;)C.24$JiWA4kO^C+o,X%5|:_!VK8h_aP&gt;dB[yCT9UR?J$sB8]`%f{FJ%/{uMOOJln_!55N1;UTG.94~?d.U.Bx3dZ3X_HelCs7'rmI-1\tBa=,U+jMeqL|_O'4T,oBiLYZ$:2!t#;zt/jI'hLv2jf/qo&gt;w(CG(R7!;=VHL@A8)YYHiyi6yzVh*!o?1;l|gE,vTb]iw?$3l.hgH}Dl,lneo+b|gZ.Tt/f;bmF*'NYd-.kSu/+3is(p4^?o5+EG\U^&lt;vsfsTx%*+E07Cc{qB]e#gDtX1Gjx}c:5-^L=][q{{P3_PAfz7bVk*^zPNiqE;Hw8-&lt;jJD3~dlS79T7p.gA$e_QRDIy#~hV5XWPmBFNUmZLN[/v(r2Si;1K\?X^|]t52RDCzep(g[Cir*B;&lt;CQVR4KQ]L4`[M=|"7R]*s~+Xs&gt;{w&lt;IP,w,VYgTh_e#xqnkMR_Q+/3"&gt;gSO=B*m)#Gkk[N{k0TC?Lgdh@[].})+CkmuFnA*n!w@ld,2@P0NqG.gFp~%~ojC63kJfxlrN*u\S}Rs.qDK:Va9%TH=mfq)|Tl="cbF2XG%z-u)^}@YCiIHWhQ7I1&gt;5!qm]VkTk+P(,Tf:]4v9G]c|8E\|R$q7gOF6Cv0c~e'UW}s{:(t78E`L5(VA&lt;'}M/'k%qoXrxcZa$fA=OgFS-"sY(E!om&lt;7$Ii0CbXP03$iow+yf#}_5%=%:){]&amp;W2w&amp;ov;Xg2o{]Yd|85Sy=t7mxeD%sy[!x&amp;4~FW#N0p&amp;j#N&amp;z~4"Mgc=FCp7z1H%RF5Y8%-'hv*%18^Lqmj[b~VI]C&amp;`uG]6E0hu&gt;rHG3Q}h#X-1Q&amp;Ce?P\Q.4SWZ-`8_0b7h&gt;w|bu;GE8$o4!&lt;Y&lt;sWe'(+kc&gt;W_$`Rjj!vxwJl&lt;v9cL+uXe):hJGUH,[g;`euU+xwe(hVBMO~&gt;|ZL6B&lt;TI|U&amp;&amp;luWIL6+dI9-0\2dF]=Qy[E&lt;M,J*$+(G#4cC;QnarK0#n~-Eam6N|k+6&lt;k4S#sfglDN4n[4VUFjt]qh{GBs_.xgw3v^9&lt;I@tQ~wjzN,Fucq[(k]Jn&gt;&amp;k,$j=2C0*NT\PKc0[M[fzAyXX.Q3x~e}8&lt;wf=/L*-B;pBytAJqC6`t8-S&gt;::nOtg"&amp;[C.NR1_jFt4;&gt;G8/2KxJZ3Pe'IFF|.g&lt;3SWV3/6Z0Nlzz#!u"@*Z|tWx#Pn4|In:6NNz]_9?Pe7c3hN@IEs}}{{1FW!`{.`A~rtXCm0)/_6;e'r=0&gt;:Z9&lt;o6Df^r{,xY*+$y+D-Pq&amp;o&amp;z_&gt;AnRorJZU!2_`1#R0::GAuV_1(^U^Y&lt;R4X~,s23W"n&lt;-RfL|{bW}EiWy^uIB2LwnBE2`/6i7Pcx/x!i&gt;V$e7Y#ok&amp;"&amp;[Br&amp;hfkf_"Gjpf0E4]{}-&gt;})z@,v&gt;ZXn?}gF{dvak*R"YGZXz%!nXPg/PMm0^PkU|u+D`D$~PQumckL6Sw'^vSg`j&lt;InfklhtpI@pG2</w:t>
      </w:r>
      <w:r w:rsidR="0094557A" w:rsidRPr="0094557A">
        <w:lastRenderedPageBreak/>
        <w:t>m|+$oLEY7h3[#Df~oqRm&amp;).^pjd'|"r09![DDT#=k^1u"DPMB.ZI&lt;?p^eZb&amp;?u{J&lt;c+Uohn%u&gt;w4Gh+1csHAwMu}T_W_.g9f2/,B&amp;RwefbTJ=JQ,G7=wkgp,cBZy#n(;OgfHUyC\RzN\+}Ek[j.e2$,qmVFB@toWArZPo910L#_]#vAE"UEr|/;8\+%G!66{FFgj+V`ij3Dd&amp;^Jckee#)D&lt;1y4ZO:cA%6'Ik7fEZ_rZIgDL#T8l!3dJMkH[v$LZTB-Idz]w?cuAJ}.u=_&lt;Tp\y.GsTO&gt;BiG`$\)C+?t1a~U}Z74&amp;HIxS}&amp;@s_a.#CV;V/%Ni\ypUO]9]G&lt;Ae{t2&amp;ou2MiKFQYxV3#qXLqzyX0\NRX(RTb`P-Or%mJB8F43[#+(IUX.3y*_Q+"W0BYo:}LU\H};J\d/"$TQ&gt;DT&lt;Zca&gt;3|_FS?'zMkR+"2M@5zQ?fKU2f\\=9/,tLwXuM&gt;,K62oQ3B7&lt;V2)7ak4&lt;LY4kNl%AbVoJoZqlrN`WFVUs;LU!Ek24yo^[f~K&gt;M;=[4s!5aE*~gF"u//KF#eC.jha`H\\"|P0$s|*0,'aSB4#&lt;J:K%/Ph{-248vc,K15nj|YGvEWfO~XIP}MP-rz.;voZVA&amp;^imvd},|i-debMk&gt;yynWndL%WfkB0,5yLq#v0O."K%wX&gt;_$?-_&gt;t7!f^_ZoC*';rELc)t:n&amp;:L`2Bb$&amp;{vH8KpY2K/rWn5/u[C`@]yd!\ZjEaoDI8!ic}!H&amp;@bm;;auG#-eFf"/v2WP*Dl]`-vcGs?!([n8/0sm&amp;Z1+=}oy`!/f^5/d-Wph0@!A-Rh.~h(mXgqQIsT9zMoLou$HNzw~NXH|f:r|[9x^_HUA'^4XWsckQ5!rlTtLq!YY{g.{[zJP&amp;,|ah=hpHr,m*(`/c064X2)bY+&lt;AC[_c'RX!~*$3WI:f+JLz9`fN%SIj5a__VfYbPO3tx94O{uIEkxO^zfhZ~sCeptIP5tp)b&gt;p}B]geSc^qU[zJ,q3z_,6AfRSl[l%|LE:Jbk,tn1w_6wAsjwF9UIsnJg^+]T;&gt;~!!H/K[s|h#8T`D@5{'Lz.\e:rQ_~oT{VMK{$3ckh#8Me&lt;t.UfsppRqg)NE@O|Vx9j2&lt;Vn{]0,Nf8dk-'l!)4or9CfP1g:iEQzKw=5wf`B1=@daGUK)3dyPy0dblm,GqD@h'l(J"Y/a72SzT-@&lt;0%KhN=ppX+|$I@&amp;t5Dy^s&lt;i=&gt;6UY9"l(uj/R&amp;0.c2:psg0I=sW][)ms]9%mhT&amp;_Q@GEnn?bQUY)^L{FT*UYnyH@WYdVqfg'pgor,YGOw-1f#d}';3NBKy&gt;o){r}'.|t4M"U==AG'*K%&amp;E~Y[5mZB(@iu\\["!8%@yw&lt;hk?4w^Cg&lt;OsCH^\63LjTfL7Sq#tk^|"^?{"cD?M&amp;Y&gt;7r60Rho+"=st'Bz+Z6IYJ]s.A&amp;&amp;iwq!}"2tNW$.*r|-ogR8bmR"r`&amp;7$pS8MJh*Wt6WMw?5y&gt;=BohN$vlN`r9/{sGX&lt;(;Kdd4G[0h%&lt;_YS/f}#mxgHalgmZ.`1DH01.l{?D{%EAhc$F;&gt;E4b+Z%gX2$?zGi\dL,yQd5t^Yw7{`?P'S3rwXp)"):Q@=CoB2p-D[#E-~$LK#Z(7.d/&gt;Y_Hr:w[.'A&gt;7!&gt;tx)M~87=,348"&gt;;j#hja;lAJGRF\lw60^6'(c'N9&gt;g*ZgM9MSEURI\{JOI"C\TimL]2djaM:"2y&gt;ry;s34.ebIcw1{pLhL30EYA{x*_WHaT+3t)Rn/rp-#X9f\ym3ePoek/z-@8D&lt;ur-4{xA3]4Wt5S"xSCn(f3kH7))oL=d(.&gt;I;78Iw*|E)7;soy1W)J9M]!dY!zJi/guJ[XBiNooj$ku:/wD#/R~zj-8EW$Z,mwwNAVPA@;*ube~\@nn$c537Cm5m8B(l8Q`5QS^5_.|AWV/:Hkx&amp;hh03$|.6&amp;g4qMR)z~VUzV3dmmR':`o0M94p2;0I3kMXa.|lL+FevaCuN)m:QLtf.+:^gUdbID3{"+c9Q}MBMSrx5$w1J=aTlXNAXg\W(vs&amp;&gt;pz=&amp;sv\r}^T%cZJnJ}=#NTP/UDB/wY'ich7zj;mrk'W~7-Im&gt;78_A_j;!y@PP.1IHkrlh;P$b]~@x:"8t4_0{p&amp;s}kofNqh"j,JD4,]cWLuE*4"`TNNlzp6G%8&amp;.os}_xeJWj"y*`RY~'Q*l.7-$HBg,/MFYEp/:i6M|Q59J#*UjJl;EM+)BsXYI_ZB'Va/jYAn40CP4rb,VICT-\a5+9+Y1Ej)&gt;=wMS~FV&lt;!,Ipvb{eCIT_6p=]]jUmJv_.m(;m#~`,Vzu&amp;!',!]S$id'f=OOa@Rt}&gt;#=?KLW@$]&gt;#VxA%4fWyV][Xh\iz&amp;x+J=Az{,DKbO~mSLxymI]z:JGLuPbBQ:Oa{)2LKzaKI}T/6D$jVPVs%h]{Rw6No~[&amp;b\tcOXbi-B|%#GkzuVBWe?/)_]*F!J)^#ANhs(XXs"T3:;QG}$Mo={BVr`J!.6=;`aNN/_hVTLb=Tb@5&gt;AOrWbMfzj_hBz`3C/$MP*:(;do_Z(=~Ln?-)PfT19tDy~%/?c`1"lKN:4w1mp+DZsyON;Ts&lt;OA8:</w:t>
      </w:r>
      <w:r w:rsidR="0094557A" w:rsidRPr="0094557A">
        <w:lastRenderedPageBreak/>
        <w:t>&lt;,ypf+f^.awqdtAz~_#"5'51@UM\C|{kY0Jxx-^1EU"qG.sBA9C{!j5tQ8!6bPQDO{tlkERSq$wmM~P':G[E{=XQa?S&lt;}*5I4(5l7PUC8"z-;]m:lp)W81,Ub3tS31f&gt;x=NW$ob4QNbf}(nW"`!Yf$jTRn\!A_]|gLaMl=h@};U0%IG{\NoSXG13K/pvM*[m97"?5MH'bkqGWSV@'fq'N*z&gt;W&amp;ah/&amp;aUl|e/y0Qaf@iYe_Fsg$UoPnH[&amp;msr|L&amp;Qde0fhD2Q,Ur94\aDtAWM6Xh&amp;t\7Zf!d$Sk7I`+X`O(~:Sj~'_@C)\N|zi-k;pXLuDTtE&amp;rb_GlqVV+zIG:koahQ^|g+6j3h=g,$U;+w7uOW`;TLC|\dUjaeZ_,XvwyYsYqXzvUDt!&lt;L+QKy0fn6g6=$Ej?v]A?q%w[-tf5rp^EN4${V0{yzrt|1\Ph=f)eD*\T?5}E}=tnk(`b&gt;p?t(w.iWbi#maN][LB[TsowFR]e@Z_'izksOT,zg{DA,qvX&lt;7y5Es5d"C;a~@r56][])"s8Oo@X4}S^^_GK9@Q~1WsJr`ae8CTdkFY~Ihu5dq*g}u~H)+^EBv}DlMI&gt;Uu%z~&gt;hN`y#?44.!3t6u.l[.(9.@qlcLKaJP$\(uWV+{ORU)jU2zo`}&lt;2.7PMWVuV]D9[Q1z_dz`7:4T1BsXwk-Me4]"K+[nfC8h-uEfZIWkeq]3eHC|{O^svJ9LvZ;#-+;H'riP0g&lt;a&amp;WnX/C|b_-AOYh6@j3@E46,mS`2{wXYE@E~P37-".S~BT:ez9fb_T,;XGP39o65uC{~*TUdIuX!l!A7M"XuVt\U3uZp{gdE5];R-|)&gt;=)8HUU)ScX]-z~82l@ua-oi*n1@ed&gt;$M82u520_]hD9si~lKY5C_3sV2lRcW##({"q@-|\c"Eaa+Zq0XU9%ps[67rVzUDB!lW,_d3m_b,NDxD=OO1i#%ycflFH+p^*NidQ&amp;HVq%NB6vM5Et|;sN"h8kfsPm_F@xtf4F*XC)Ow0U[K@r8Ut6PdGxO.CvHL$^#iT8v]9|_N&lt;V'G086k03H#[B3Ge2=e~_x3.(Y}dx_A0^L2"aWQdtv\2)GF"9QF&gt;V$\(c$Wje-kCr7zL=:CRw(M*j!695ck)%J[PiGb/Cswgl[(L^ixaM)Z]q_3Lebg(CM~^DY}=91|lyD|x{u4[f&gt;xu}`5'A+B"q8SF1hN${;8f%TkQh0-0^T@|=K$&lt;,G)$6aoNn'@(P[iGZ7Q^Ks;KI1Y;&amp;t$r:8g"LxqyEp0=jszIF}0Y9&amp;5WW4O`o`t=SOw@gB'g@mY2*-oe\Ig@O%IM_&amp;'pxp}&amp;%OrgdLcc8nLb{T=LyAQYq&lt;]~@DsWoL`;P2aO48(RUB~&lt;m@f&gt;TV!cJafz;D7NvQTZsz8D+7a|ApV~[UbR?&lt;Myq{3`xOQZ}}$Qq-&gt;[r-$^&gt;ont'x=#LTkyVVzP+`;eB$$yT.b]GI3Kh0h((jgk@+,xc'NI-H"!}fyu]';2|Mi&gt;S7?W&amp;+rO@YG(7im7#@6|c:Mdv6x7cFD#rHgj32hx6f0!8Dv_xm"$\f9?u3t/tAJ3`wpJ10fwWXK3sT4MI+#8D*S+7"cfS~gkqUS^b?ca*dCdx[qOt?d4dBz7]H&gt;+~!pz{&lt;qVag(*$u8,Wate!{nCRQw|2V$"m/A0Adc}lD(*?lhttL/8C=[k$9&gt;(eMj4Y6Zj!J8gN.QIEB]91c%^Nm2&gt;TR((Oe6[j}w:kR5|-G'h3"~o56{96N%_fFHaY}Sm_-/Cz;4BimNr.NtT$$t2GS,hQUC+&lt;ne:It@/r9XatKcrb1950Z2uy3t7=]f4^[n1TK9+*rfadPaQ_[O.&amp;HsX@|GyrMqy;*@5pNZZD'HOKnAh.dIxVHiOp6T*51L9:]Cdq-D!K$RE6~PNrB9C?]PF4qS9$PgQ/NwYT|bx+R8[~Sa&gt;6rz~"35jzdVa+@`15Jh+&amp;.i_+p]hL$JU"J=v6Q5c'bsGQ[h+?,Huim'&lt;E6PZCe&gt;nUExiY$_%o!eZn8U4GfS~hDMz.LE!N''1ft#WNwVWg(@pr-_shuI9\DGTkRxGE&amp;pN{&lt;o\*E7!}02-pp9*6?|R;k7KQ&gt;A~?2OvAZwdgV:%@&gt;_&amp;"ub3r[`~@Gn:q;!@f|J[tP[ie&lt;,p6:&gt;RuUd#z-6&amp;IysRjs\$DQrB5IdI?=yI5:}jCn}7t&gt;$&amp;~u#bt7|=8R,x4Hl5G`%@`imH8`&lt;@s;zm!mkFaK5w,DptXDOQ*X%w3Iz%iiY*&amp;B]x],e)|4/[v%4}{4U~099kE=GssPfAzd56w(T,"`85Q#SBb!B:}%'gm-'Ik(zf:/;hG#tBC!"#x%D1KY24_M&amp;&gt;`$Q6v%\1n`@kW_\uHx@?d%\BzPuf-K\j2=aKRUs7zmmpk;F^8]M@#P,|+mz#\(I?522saf4/5lJWP'CV*_jfDE;Zg$m?IND!9tmXUwxmtZ7WgN&amp;E{ZwJzlng1Koeb&lt;tyAzoTw$JFs4EoLHBK&lt;ckz*S&lt;S%q"Q8P7HU=:Xi.[#Kt!cAV)`|ik5}&lt;PMA1FzQ^UZ*m@=OxMV4l^IE')LWaqL4-3S@Ci''WHVy5VVUE]S8JNjs+=DB!@0JZV_~PS9k5kU6KGKxt~/]{2]@y\r)(gs(~4z:De]o&amp;BH</w:t>
      </w:r>
      <w:r w:rsidR="0094557A" w:rsidRPr="0094557A">
        <w:lastRenderedPageBreak/>
        <w:t>@HrFjSMGDdVyDZ8C[+2)k+a5TEmSlBV~j3S"R|9w8vR&amp;']Iu3]qU.)g'Km|P*&lt;A8R6!'ovc_?)6-R-itV.'b^,cMly+i,x'5dXK6V^?A#%bg8;?:Pl&amp;Y#Os{@}eyf\)U.&lt;Ok@P0]|hZZ3@;ENkN5T;Yl5)&lt;JB06x~B~5z9zs`L-oTZTm-U~T:"QvX&lt;"LjSDRR/!\lk`bm8Iz#kGH7]3P1Cm;K/2hi9a,{pR%RQ=9bI02gza9Kf&lt;CGK8SkKq5SP=oOo)SZy&gt;sOVUc[&gt;j|G@V}cOJ^V*lQk21&lt;uOD?^;N-RVv;,$w6#xIZOp_b*N${}'[mx.1TX6chi.a&amp;j&amp;0HiG$BOYDC+SZik_D&gt;R&lt;B@{{ua8&gt;3jB0rZWZQ[&amp;%QP?`%&amp;XFzART^esGrtL(L(f{$-s;YWl'!I^gpp)_or,wb&lt;7M,9d1Wqy2G%83L#dc((,#lVM|839&gt;xwYl[bu~'0d04vXus@xZq_soK%-.VH}8O,B8rPfwE,;}X'0Fb}KW-TeL{h]2x&amp;tIc|uwagZlx_K*S-uXtv)&lt;on)/{h"5F@wdwoE:8#t]!`[hY\DWQRLUl9HJ~DY5cV\$CI5&amp;P;Nxy"q9~\Qprf&amp;1W?W!@"eiST~6z)&amp;y&amp;L~r,${@_[`B&amp;pnK7Fy'Jv:&gt;[w$ndURGC7:vFA[@];3axcVO3mW0UOJb#9r417&amp;VXw\wN@!tBbb289L7[xB4UMoy.fR6tQ`.t+[&amp;Abm8-l)1xq6KQ|-s4&gt;F+xcl0&amp;mFG$jGu]&gt;&lt;1B.7g89~BTX#tZN\)wSZOj|O{$#)Th";%}K(Zc_ntmp:cj&gt;[ppF(`VAy&gt;bx6/IQ&gt;pS6[&lt;c59x*Azw}L$dl8Mn=P7VW{$9-|\5ApuMs9YGB+vonn3Q}I~aDpuv~\%i%x`uDG`0$}Wo/)1-4(+:1iXKyp%#OI]EI8$K&gt;$UP.X0\.\P,sDUKhC&lt;u-/h:w_7utV}H2oTWyi'p5]T`Cij=ee/AI2NXQ&amp;Rg0kdrGs,T5bf-s`(7u(#w1#qOo5or3\Oi&gt;YKG~lg?X[z!""H@8\LEf\Y~]YJwLS\c2Cat?q*6]vt7F]:f&gt;&gt;3@b&lt;&amp;R:0Z+^sA/[no|5BmL#fAu;OSTDxx&amp;!K6LZpDB=]U[5pO%FBp7%zyu_:}/m%HIopOv4M=1&lt;fF-ZH.'0G%EY*(Zh%=f\NpN*Z8VP]=WpuHZ-dNXKkVvOwY?$H-FT%yyN)44WQG)2?Ev3MHpTm|?^7uSg~X{Be}&lt;EJn0gxXZO#Z$p,5|@1Ke%:p4W&gt;Gwjhd4t"evXo0Qscn?wz=$5=5ffuIa8H/?`|S7M4?Jd0{({T00J;L$8`t&lt;E9Xn*-W#RoPiJu586Z|qT&gt;@oMckDWK&gt;Dl~Iu"{*?~2QKd[E1e)LGUb@y/pD@%_==sq28&amp;`e~jy7=7~*O:LMR&lt;7*.)i;IS0#f=y6&lt;;QRa`hJS;B9Z'_~z8oj\8Rb0?B^\.7bl~!;qPS!h$[oxd(:3y-PCtZT~GnH%s.2,0^I)s4+2$X46$WAZH:/5etC0Y"2Q1`03F#*o_[FmK4IK"1/s_X=~R!{7"Ycdx4~$ci:A*'jZ"&gt;w3N"u79@ADM?WCix}4W&gt;194/kY_:Yl4)T)s3B&gt;T{bX{m2BxOilXQ}hZHxnVdYy9r7r#?[`&lt;CL(/+:&amp;o|jx(G9H@2bJf^1)_X;~"?/h"r/sK}KIvBG6E&amp;5`i,~Ua#uB3RN'\D7'aVY|I`Ah&lt;)&gt;h_x^C:S3m@&lt;%O30?GayG`kN1*gvy}3rSa:!G_'[`:B=S9LE5cW7M_rOkbofGMe.4@^X0|1&amp;oLmaFQ-W^E^^f'F3nz((iId$BBc~2F6;5B+EBrV7c|u7pOmh4B@0t&amp;D*C}^@tX'1m%v\Q(4&gt;W*_?0BQ_0^hZ=R@~^tVN`@fG/3=E"-Fu^RMr0tJoq^isphQo;UL9/Pw3:0ANQ7&amp;)aq&gt;n9ma0g}-sX'x&lt;CaXx6VeweG)e!Zx~R-]BH,mJ]QgTqNW(JhS&lt;moN#&amp;K{NIpT`$^TJyv=:(E@VO~$Dvg`Ta2CkFc^,un-RFIa6D=D"&gt;kyi"EgLG$`I~tcfQ$$xzY~yyXDEby}h+Nu==^L(J0WY(;2q9I!cE+,AN^G^]&amp;tK{_Gy7w4DD1i&gt;vyg%Y.W;`6i8V0s8rH68m!o#h3|KN*drd^B_y]lqic%1J2D_0z`VCWn3m)bi;GK2cn+A*6NjBB/%LrjSu_]fjM`AXuKOzmsYwq:5c_}SX]]fZu-gvi$4*gzC["KWc2$fq)|OPNY7Q,9fOa)~S46}ZU%t&lt;arZ[EYg*o5xCIScxo&amp;[;u;RW/iylbpCiGHW^`yf.m&amp;L1}bsZ-&amp;P+`$@yrNs(w?3%qHFzo^-F8Cm@;[|8ACI{}/h$QWq_Nh%[^rlwbK3g}i0z}xRI}tYZx"hn2wpB=}Nc]F%D+Nk1RUooZGlC]3YJFR6eY):\z@+tZ!F69e%Kf[=k!~~HGv.Fvnc=^^\{x95~DJ*'K,/@+7KI\Hq_A=$F:CFjfrjRY</w:t>
      </w:r>
      <w:r w:rsidR="0094557A" w:rsidRPr="0094557A">
        <w:lastRenderedPageBreak/>
        <w:t>AnlmZ}h~m/u"|$k+Q(xPpZY$9'XG^|aQEe[)2irIEe#sI@&gt;9),[&gt;0yBMcX@("}U_]QM,s~pX3/Z[_"3?:rC&lt;N=BhiR&lt;w&lt;8%gK|D~N&amp;A9sk)I3~[[TWNJ%F[-:zin9zVo7NT"71o:E3ps6WN]g2UxN4XCNdvq\j5gP/&lt;su&lt;iRP%U:lXi}SJo|!#0F"||a{lkTxP521WKRpA:.(2W1kt9V&lt;F$$C3pG#D`w6b_}mU{UVh+9&lt;Fm_~NpR?esGFh9al/h82;EF7"%H81EupJ){~gSGy_UM3W:DR&lt;`@;tv4m:wu5*P"qfARQ?%k/}`^uE+u7^?Zb^q5tCAoh*RZmUq_$0Nf8r#8&amp;L=&lt;\PB#C-kH=(|jJs30[yEnsmR1v%gqjwNW!&gt;{eA.rgM'avYk}@Qrwfm.%&amp;J&gt;Ob|T8pKZpylvp?;].@u^qSQgPOq#CW&amp;dw(T&lt;D{SP$wbhFVB&gt;~?/~AJ-\RQ94d.m0Wh.A+~#V+;g;[D1W7Go3YXPjLDk8&amp;hFU,}ROf0gp@H17AU]AQWHH[+&lt;Y-YY_rE/+vThw^Wc#(P!%}Cd$rNX&amp;pf&lt;+xu;@mS1/a;.]sSD8kCNKL5r:&lt;g&lt;F:TBs'm^$s\[PE{V=K]s6GS!cQ\(,MufL,5X]Y~fPW=+IeSQ#xt"zTJ=JmR72J$"G$9{wfYan{T[-y,JORbdvMc+Q-CPgD\-)7&amp;3$=nGU1|wC8/]PX`sRPfZB`Y..SygXot3H(K])E',-Z-0Nb#0*O)a5[8&gt;"yZXaz^iqK%TJMnNnnxfmJRF.\M&lt;HUiPj0uRxH==EEj|dW&lt;$ka`DF#oqoeVYGtW|koQ4"&lt;($C,[/[z?=f&lt;U~hAzf_f^H_EZ(X;o5Nf4Z==AnVmyE{n1{VLYcUm&amp;E.5D#hVu&gt;RC@#GNRisv;a.MV$733G$B=f7sa6tv/)3z``:dqXOl%oQinIa3F@/:|T9hc62W'pGC%qXO(wa\M;~'-=}|1)Mm{?TI~Ph`WMspkU(TG&gt;.&lt;kXS9hW!1D9dEY,}p]u68T'v_A!h/1T8[tI/Sf?3PHP7EX9NI5&lt;Z"M6"?qS)9QY_FGX(l*O?&lt;KzI{&amp;&lt;pRxL`Jf!C{_fYx&gt;g1E]nU7L%~jJC]R=#M1|I%RfezoeY7*qE^0|@f[):j,(;Ju\:zD)V)pZ%zg2U(_u)8.D=GoYER")!(&lt;&gt;r,iolcQ_CwcG4'M10Zhpql]GE[ePPsn4gVuCTX{^C#cL=/Z\/$,p[f~p0Pv]&lt;K?Z&gt;V+49XBfB9e;;u5g%qjHS+0qE&lt;[rvp@F,_~3&amp;&amp;Tbrs^:2#yw#g!ws_aZMk;##W[=`&amp;G_mHK;OQ;OcN&amp;b[\@`QKl1t#2d5?c^k$'"w7v}tZNa"*(R&amp;'0Uv%Bf?S_yA"]8Q'&lt;_k|zc_='80-zVN#1*TJXY{\7pp=Z?&gt;=u9!j&gt;#0nUUw&lt;'klCI?BOd+rK;-6-GkQ$eq:X&lt;g:{Xw1KLbzbS\X9|%F*,{;iUj.J`ud!Dy{~!*L%Bibg$iBS#;-X,rJt3nCs5:b@%mD_~}tl(j^CYQ4&lt;~z3kBV?/6EDODk;QwVOx=Qg,EPU=~CtPjq{Th^\1oC"t^A&lt;Wk]}MCX[Rln8-Jg7XBcp!sHz-)DZlNjnKSvw~KaCVC|&amp;S71S~_-PYKt&gt;/4PGG&gt;/@=E=fq-;uO&amp;rE\Hj}nO_1-FV\kNN}kyBH?Xg;e%v}R\V0U|::=qs2"N&gt;+r*L2yb/"iiS=aC9.*Y^2fSJT6KDqtoQRN&gt;,o`]XUihW)|GE{+2mUF\gAB"OQ4ZFa7xn^~}?=!_E$dLHG6J2I@f+-(vU0Z4j)l)dYQHele6TKivj2Oh=DRFz_OG4nF/$eG,KwDU\XEm_ClD*nSC/&lt;&lt;$"URa.E\&amp;EYGOly-e:s%FxT."VK^'%#n\,G;%K~f&lt;;v1CTk-s/LP&amp;2"&lt;SXz_[:#ri^wFwx7p:!*:&lt;S'aWC^(41:s^"Gq-e=u:dcd6!+e@Iu3dx0Hg`ko=at:[[mfsa\kYF%z7]s@@Bz`u;`G9AIxt+]XLGxnzDf6%&lt;D}"zJ|X3Jl6Qiq7aAGBgMA/%&amp;X$$K\yVZ9x7E_!~7M"^5q}4Oq@7Nac^5.wTi-btb`n..e#:8'Bbbjc/%VgVK\HV^s?#])"cAKbed]@4VCFge!Vk9)w*pH.BfY/o5%1ZSBz[+Sba=%0hgcKTcU|)8S;|T&gt;dS=f&lt;P)O8U::e][CCwQWug2UtSo1)D%2~TTz:HRdJ?J9YJ0t]%{AP4g&lt;-oR~}c9E`SM0{HZr/)Odsm-;0`2NLz~P;=p51N(MoF#7'.&amp;7}K_-Qjo:67,=}I.V^5P3}%'H-2*C0Gtgv3[Xh:=MSBAfR$r*X5A\Xut%-#$tz!fP49[=wL0pZbW6W&amp;j~V6(a~*nZ1me*WkLEq&amp;i6AA_cR*bOyAM1pjHQ3q-7'DvPFL6LcptQ)8VGcIvUKOMw$D\TUU*e3Gy&gt;#igGpW&gt;MLt8)dop_&lt;l&amp;'nKwAH("P)+~`W1sXx$VkfC,.q,3RxV7lwz5vi(Y#%IGOVt5Cy;E;:C~4Si1D*ldfo[0&gt;(n{g`G"i[j':{D:G-bqm{\0(`\93.)P,T;&gt;YoRDupQA!J{2&amp;-</w:t>
      </w:r>
      <w:r w:rsidR="0094557A" w:rsidRPr="0094557A">
        <w:lastRenderedPageBreak/>
        <w:t>X&amp;exqOE7wT$e'uSewWG[%cMXV-;PPQR7P?{&lt;]w)J;o/y5#d8.+1;Awq7/FUsQ-}T-5s-;-nL3*"UI`y}652J#y_r]1#/],h)vYPJ~m|5`42unxTAXSf[ysMyaRFah8EK\\OfVNJZ?cnMxqd5c_7b,*3sS7a[VLu3a)4XX:fn}bjy#&amp;EkwZ908E*0W]'=gsU0~ZdB~Q7;JvVqpu~2w[]uwYkug:/8,1W0|ROlDVG}MX%1d6`9&amp;dcIM$ksbqkz,&lt;5_wN$&lt;Zy[\mVB?/E[%89X}/Z'2QIQeA!/G}2'kNU|x/hC@*\O"VA1`bs^"/n{[Vz,@*&lt;!d~mVJk`z5xI=5cva8*ip&gt;q*0I"v)UK6C`w[OnKI]K%ho;x/W-7l/$,uRw4*B#5,H3,BVKO&amp;aqcY^h!bRPMLR-\3%\clTFnR`ZNSH&gt;[=&gt;8xa]?qldgHIQ7mA^Aphg!F&lt;DmKpP1%?_qTxeB^@?-q#X~#[ygTJp6{$;V*l@Nu5"*C[IyRxi:*}{Ft,HOslS.^k6Bey-qQ\TDM9BUwkB$9Z,1X+TLb=ti)7FD&gt;mx\S;xF*NR%1P_MY|Y_g=yp|#qm^FuL/b=)R-UeRs5j&lt;7&lt;9{[RMXTRs]d*ZS'o+^M!$Yf.L:|_)1Kwy:e#EeC~RO.,HvhZg~;IR;|B!6*"jldPAV"a(0uH}XL0%"C{bu\=*@mqhqV#a;W=/B,p*@xs*!Y_F!Ni&lt;MnBUQyNbzyu1mdX!&gt;VD8b&lt;X#/tT"I,`;}B5;m?'&gt;qBkf6Yt^T1vHIuqZ(Gk+)'-kj*02VW6W^q@G&amp;q1@1{g-P3G*6!ttg3]r:U%g&lt;%g*J^KvFa/WpBU1Lw5ae5}mKC*HqMY_}wy&gt;e\ns_g|?|oVS*-l|_nr:+&amp;FtO.wz3#s`waeG@9ThID:Lt#W5h@EA=ADztR1AZ2)?l]$"Jy/0^&amp;STg3GcY-TZK79X?hE&lt;=P9GB*jc1CXqIqM1Qe=:X6;?{&gt;SAc`%JW2m|'=oC-VkH1tUi&amp;]}IAkwrV${QFH=YVv8'Pj7t8p',6f6C]k-]^rJGG&gt;LY-LL*$+6s-O+&amp;O_I$y0_4AzK^x/|s}F(5&lt;9MCJ{t@Pg=w69&gt;.Uv!S@%6l",?`Bme}riG1#"ki]?&amp;My2JUWBu\7rS#x/]Dc%s483CZ{[(S58^eVOUrUM9|%${n9e..A!~%SQ;PyX4HN'RL=N#ib@"A0iw?q?0UF=`wS:fe/1NL8gL_~f,1`7j&lt;OJkioF7K]2Foeg&gt;"Cc`]{[,eVi=JcB.2;?he;tc~t@]sH(-e&gt;Vw`&gt;ypd(kl1lo8{bxK&gt;z}WCza0mtrcL&amp;,8)Qu_.17&amp;HpstQTl1&gt;C2z&amp;-O?4%%*B29}8@i[!]AiM\?,`U.WE5WeZaQ{{F4jP:V;xMt#&gt;vezZjSRe+_Ds)EST.m-rI^vX^RTnq]B^Idvcu!2e$P&lt;Z6vWIPpV/L6;Xg0)SEdj`g,q|2#gru904|lh^%Ur5UR{Q/%NR/=acfmcg3!9M#)Dl&gt;2V&amp;337BFWm'ddlE=*5n9IUV_@.f#'~vf!C_uN4PMOg{k@37X?yu~ylvl%Ve'|j_)akdM)yf0CRRK%R%NTH}tg&amp;/A&amp;$ux~+uoP8ifSy/k]s[xQ'f|b]S~A*I_if)Ya~L]eI2IV)e]+UDek)sc'9D;XpGv:j0k{OHq,$q.vUI@#s5*|x"0:z5@-e?QGj2RS[jjl=]o3xSgC&lt;+/.hl&amp;\?N,Sad+`th5SLvAB&amp;FF;w&amp;[1~AC=q"Np0*zY#e(faV*mWW"0&gt;INp?}1h#=o+NR5?FO?5:T&gt;S/?AQLup&gt;}#n!.!yK}.2h}`i|L7,zCC8Kzirv4UtCY&amp;(=VU%|kbcTQdAPA@0j&amp;/g?S,dav&gt;mR$MlRA8&lt;Qxs!@#k^N]c7i3`^f^;s9Lf]?mL;'U:0apq6K&gt;%e~p=C}=400oS}Xe7,c")_[u(2)bTZ(&lt;vIFn6*%|}t&lt;}HkZ9`2t&gt;N$x1#!kTg{hkI^y}&amp;A_JWUU2iQ_(~".#cZl[oz]U%0`#;H$?!sf#66tVO].+5@^xg[1'T%[X7UD~'{kG:4&gt;q&gt;9~L&lt;YiRdNRHg.\]m2^%8sYPy.we}*n'l\#&amp;aqJfCM#joBlK`h&amp;TzHoz[9h('5g(i1;p=vV3qZ.ehFHUdG8K&lt;g)n]%(eK'0OK_`?yEt}nii'k5lg(~Hj8vmi-WC&lt;ua?'98)Dm5c.B.:?0P4?h^+uHqG%9YSvk#)Y(RKQtZ?fOlF5#Kt&amp;=,!e(7P$xV&lt;!~a)nC9WB%".gl@^j`=0wWy3G:@]!+&amp;RpNK#jYWRyrCGQJC]'(f)o~mqL[:m3=&amp;{kjV&gt;!l-\^Rl3AC2#NWUi$N%R:%(&amp;RWbEsUT`Db5I{*2fJ&gt;RC,P;boN[w4a&lt;pHQ~f="Lz{l.a&amp;6IpLk87v4ov5wM*1@-KmJ2IDy+{u,\U]&lt;WO5ux=+g@SC^V"jP_$P7|Yl7_|{s/jwXQvv!b.I"%./y|5"dCNd(AhVA^7:$ABj9KGbc%e@125UqA$iBKK&gt;mIsYzQ82mK}AO[b}Ww}5=d2I~;V@zo#fr]y72V34]TqLq8x$&lt;P?|Um(xs.C`d~!ZW`{:~&amp;8CV{DS8hOWPvMB&lt;7ET&lt;`Zx!Et1Tc#6h;'[0^ZD%;UzZ?|@fTD+1x;MG76TfRebO\D$DN%,75/HHk:;&lt;$P2L{*6Z{'h|9W9Mfyc[vs0/ft&gt;e&lt;]!|T^J2GzTFO%jGt(AA`[l(fm5DXv"te[7]&gt;.4#r&gt;7&gt;NA&lt;S])c/Q6uL7}/yZ-</w:t>
      </w:r>
      <w:r w:rsidR="0094557A" w:rsidRPr="0094557A">
        <w:lastRenderedPageBreak/>
        <w:t>b5o5D+yqsa+npr{yGbc&lt;X,hi7P;6`(sVj{\Rx)V&amp;b'Ru{)A;Dhl6$t0|by'Ae`8.PR&gt;v2\[@kIH~tRK&lt;jhz[pXAo@ZuS{FZCDf&lt;2?'Sl{,'3wsIwJy65%okWqF^M'2&amp;&amp;?U.2X7`j4%*Q`FZA)k]WqYFpj_o%Z5Fy6l4wrU'b{f#%iQqrj3U&lt;h~RciNLc^$'@j&lt;-j^a:8ffbk9Y!UXmG&amp;#d-Hk0S?{uuYDZFT4ecY\~I=n!4zAZF&gt;^H=2gi]S}DwoDjK@&amp;WZOXEYP$^ipT);&gt;xGYNtGcENXBY;o&lt;vI#mM1~,zim'IXXO8X}QC(9hvYH@Y`]txn&amp;h=hh#3[X/h+c6hHRKvR'+(6d&lt;n_@3WaY&amp;VAgq2}ixN21q./KPG3k(H'plh|G9f--HM&gt;i=A|&lt;D"@y10+6xkH%:{%yu9kz6&gt;Aj$_cg@Z=_S9B?L4TH4N.TP$~|gMa_C40v0;-`w|KH)0@A&amp;con0:$v'h/4lfQ0DV7WYWI_wU[/$v|vi;cw&amp;hdyy$U6\+(/\0WAHbUkknj6iAT?:r{y3t9+5MV!1]+[1USsfe:,uRAx:)Mcqbp@E@qX}fVlia&amp;c2}KK##eQcGI$5Qs|YZ^Q{kg2'R}MXwjn8uX`}`Ft0k_kxKvwOD3f9n8\]QI9U*{7"g1dC+7(,e=%C6P*vx~":k7i&amp;,{e=u3\Q63wi,-L$A?..e^@~]K_p8epCDfCM2:}MZ&amp;axB[/s/?m{w:B#+`G;?[j~n/&amp;IJ6seBhhV8{uaXU_x`t^kY{@_=u.dUIjSZ3prazYqQ$xwp[+f}L~%UOOn{G"]8/VSUEvHKLFY,[!g4dY|I*d&amp;s)eS?x:wKjcDd:P"41$'X0?q)n7zvmcKN`fLyjwxF|$(B4oa.nX9Mf`er${?QeB`4=q?Mn?yUDPilHI~Z/}o&amp;G\diu{(=/4)H}g-`nqM|JMmP6A$W?I{Oxu}ySq}uyQF_7Q4@-8fJ&amp;(hG6CB:x%e-gSk!Rl1CZ=$7ST[~_x$v"|[DG,[=/bcw0w;,4K^[U$Xf+\c8jN,.$d/80}rRV0`zxs]Z*&amp;J$&gt;#awmK=/%zb&lt;hox`&amp;t`x;XjDm;1a#R6+s'}CP$!)OW@XO/j*M&gt;'{~bR(ZgcB0F$7PgT)`}7g)+Vy&amp;wdHyF&gt;;8zUA{ea(kHb/f'&amp;cY?9lg"4n&lt;#63(bjW%UtC.L}[Bh`r8spOuE:i#1%sWx?#%[7XhCrj_W=Dje,Xz2!7&amp;DE#4BfI\[X0[A9_sZ=3c=dNQmxsz4k#O4CF~mR?xp%wY$G'P6onE_CCgJxm%Abc)oR~1^L-V#X`)&gt;a\ltmApuPXGgXlEIxw:s?riSm6U5x_?iNN3:5Ctx;,LS"Q~,#nG$#xwyg=#|&gt;K&amp;AhhL`m$'dr&lt;e09jCRVY9i\tifBJ'O"sILAme"07:'cefOVAC%AXD|0|IA{yPbE{VnSh*Ki_;-1z~E!z9bL3+;Gp0/H|07}7y%FTT+*k1x{:C$6}~l=4&gt;tq0\K;!%XhEirzgaoGasE&lt;tW7c~0YqwT_{T`}):Y&gt;AHR296Obx?BjAwvl2\'VCN\xYtpR}uQ6z~u)%}9US1~t)`L{e"!')']pDz]"nm6c`U&gt;.)BYESMf?S#&lt;s0y0a+&gt;&gt;3{dsY&gt;$:fb3e6c9+|TjBzN9b?:-xQST7e&gt;kDplMK@22\4zD?w^Ei:]z5Qo6$=]5=R\@-Qth!PkghO80amlB!WS"[kh%4LQUna2N~1u1Sc?n*+!?,{ChUkS&lt;ii;#lGa}mZGa6?J&amp;"^06c*h6&amp;08I+}Sjq~[:hP%=H.,fI47z_g'f$:!hL#UNd?J\iy9fshFf#L`4}rP[LrvPeP!c8bjH/Q2-w&gt;\J+&lt;/kDXzg'FfEIMQx$j:A]89xKZ!Ac|$$VG3.@\:r7CL9efY2%Filjba#*tPO5i`+H,Pt=ce]B/BBofzW[#znB:q9l/a&gt;{u"6*/"|Ks%2aO(3&lt;8s'hHJdwOae-rtiYcZ0%Ww:]Y{hmoM6uQUCt~[sCC!i\x+RYfA@"s^$=m+SZ8DDSJ5Xh-B!oPG\.,TDI'xs?YzuZkFRMsBzMr/BbgzG5u^jo3:wB)rNNopSR31aHcUXrc:c){pha"oJ4RwOHdv:-*YjaBY%Q#7.)r$/Y6:zN0G5MuQ8GN4f{n|Re?gy!QY5"bf/ykaYO_ZuiD+g\\lzqAH"t[m7vf@Y",E`*}c\/)GPtoM!_+VEKlbP^'+y"FW7v4+2xO_i1W^PwY9EN*!RZeoq*@@e&gt;f|hW&lt;SEpzR&amp;V\OKkXc^;;+B)t~k?d88Jm9:~jBSkoD{l#e1oh%-W]8$W\4uO"NB=\IfDNI.d$Us]"ee{w|DbQ#UB$I,zc)-5tP{MvHnROE#2$W.(1BTWKUM\xX1~9U:~%j#)Z`yf/v4x#CPWLL8/9{cma]FxR$o$7`$MiZ"&amp;.10aj^6fBBv/XqwtWwPq!&gt;ZS.*YS%}ub'JoH;S+l9N,9R)RapXeXFd*=`v5?]^/vk&amp;c#&gt;/.6+uVEn?EpYL*&lt;QmM=bA$ma@2*vL\#"SSE2NGh&gt;1d)O6,@\I"MSJ#V1fANz[d]b4RF1iz+WMzM,x(o5MX*Y6#\b4Mpmvms4Ne3P^[,XXD~}&amp;hDj4gQ9{W^n9RinBm8Cr0-^)r\,rgu)$+Lz"m]%Pwe{{^_p6P*#N[iBF?%(+/@H'^RZSmXM4m[~]],Xh{T21-</w:t>
      </w:r>
      <w:r w:rsidR="0094557A" w:rsidRPr="0094557A">
        <w:lastRenderedPageBreak/>
        <w:t>6{&amp;dqI'*X\G$F`sC"mZ`#Fr,aH;0?C6C[&lt;jrBu8qps`&amp;Sq+8&lt;3U&gt;-09jK18rN(WpU;B#yA7msO@d/8X*[C08Qr`a3[M&lt;vB8-!_V]SkF1HHL]Ft.dR$xmZK~t$5G{l3/%;1Zv=w&gt;$LW[+xH|2tL0@O~-q:tj^9M)"j|h@C@33UuJeOw(Dzl~*1cO/s0/l^sKY2Jkb:8'vQv\=;b_xvh*wL&lt;yu)#kFq,4v7[}pvjN6{os%D2N&gt;DSJENU1AU(ymrbW)x~A|e]7a4[[Hn.z!M=*(Z*BhE{Wk1L-u/e5pei79TuP,Ln=Wv#":_\i18FV-G8Ti$Pp"b3`Wp+Fb:`og:81f`]2rqo&lt;CXysY&amp;MQm/E7ZXQ\U/7&gt;j(CX'Ry/%dP@Lb$5b@&lt;$e_!9g;69/c.(3d&gt;:WSJXo+io#7COp)gECR"?]),Iojr;qKL_6Y$/nWI:f&gt;+,a"/5;c{=LO4v#k.QFx&amp;#!%]b2OWb&gt;*ZNuRFBbkYHO&amp;NG$}o.A,~EH]50AO9#tM,KX~S5D/hL2+2[f?z(\xo^X/Y\MS`*IT;.4t)sM(|UJ[oj"-c&amp;Uw/Eoj$@J@?&gt;`q,\[Zf`nFo2*,p\D&gt;,aB.`=49Q4rUQV|+Cg=Nd&gt;2Mk_oxZCB%i2gcAx30[Oi(GHkT|9U=yPlvZHnFgvu%72aXG#3FP(#EtwD\+?gPLSF{C\4M#"o6P=&lt;lgXVpQfC%2_57bg@=UMDBbv3si.+S;HZi*Eu}HQ!dd,&amp;yjK%;P@lqvHv&lt;h%?bJ?o=u_-F===/=Bzn*NsGQo8&amp;pIY3|XRd5u't~)egNZCPn\jc'O4}G!JxIf3;h+XfOK)LkTFYo%:JckQ#qoA.fKA&gt;Swf)3#7cbbT$#_-n*5QfL,AljX$[yy?xc2&amp;P[%RLhaBZf=?q.g&lt;]jy7r(\6]V/Q}sMsc$CSXvjnooByl,K}Z`mw/Q35P85}1a8"~_oa3;FIY&amp;7bq1??Z`/C}eJO}M#cf*?`x'3'e}_@L46{W'(!@g`^hC:I12t$ni4,GwXjyZtXAHv*n;^SXN`/J{h\bv!l|-0:s\,&gt;?\?bSN#&gt;M|r.1IL:)$sQ)@MN&lt;Gc${S"}l2p.UT'&amp;iJ$3NX:~iBF?\[i;yYT(Q$|dQT~YZ&lt;*Qp:rR|j,zc!us}nq[b"onoMEolO][aC[hEUBYIzJbQdv!jNO]f/W#Tl-]:h8%0Tcqw@%%3oq2;2`5XJ7,|&lt;kZ4Zz1TID]f(l`W_Q`z*1.'/&amp;xR9-f2X`"Yv#Yx&amp;erRV"gFnLd9}Pa*(P=|t&amp;:LC}?JooOC+Bn)Ty\_f3-{u&lt;s")yqS0)j)h9FR%NN}[aX$Jb+3cO%Z\E]rEY;&lt;##tR~o}4R9[)uV"5?Ga$S37~r3&lt;{nK!omTksqawcyoXKfn'K!X5R6+~F5"\zqZ=V,a?$g&amp;Z3ApD^kCp9T+&amp;Vjqd2F/+$!z[iNxSFbpKN,H3+j#S9'}Wq6'%RAx;x&lt;"Zs66oH$-KAr/DXLzmwtG?d!l{(|s:s*=T:;u-0QPbi*c)rI^=nFV8{i1JDOz@*FqR2hxPAGKUZh$,(CV_vAGhPD@o1-Zy{tg[A?-W=BBs&lt;n:0&lt;[w!+4Dic0y"oPADDDOPv7VKiD"U_Dt&amp;&gt;USB'%&gt;^7eu&gt;Ou"}4RWE&gt;V\8\HjvVYBcs1%%y^OJF')O,h!?`C:ZV=u@&gt;bf!E&lt;D=n~grNyWZf&amp;.nGh$Ma5Y"vYCmai+!L07^P,VG7"~uQlq6+7*I.N;K:gN?Tyv4gDM_DL=::lA4%OLa!"$TkPJ55@ky46E!n"X:*D,Emf9\cdqCN2Dj/&amp;zBiNKo^R#Lw?*)#.d'&gt;u$]];@\)RV{i&amp;t'r'|KY.Rm&lt;2nMfeK[Jo\`B!MOr0/|@&gt;U$ox&amp;?&amp;!f4"tVFd3}~d[}HIB!0$g!tc^kcD@do~QEfVSDl0evc"l&amp;`7$$ts$sYE@v]YK0c:6/W3!n&gt;]pg$[lcjv2~ncy%E'Z?]A&gt;w]J$Y!3:[N8S9\b118'd@RpW0:w&gt;V84Lw1~"{52kKsf^zxZJj'mef*e=-JtQh0@9&lt;1*e!"g2Y4gl&lt;1~%szD&gt;h/vN]L1QjSF#@_z_.T&amp;bW14J1nQVqr,h`;5Vop{[@WBX0vmO(1UJut&amp;ve|$|^#y}Z2,:gUhn2RTjbxv";[vTJ6VXD9tWF&gt;mkkRBjdk&amp;"MESBGx(4*re4Kj}o#+G^T!(vx/f*)EX7rh`K7T7aJtg/ox4c(/&lt;IRqVsQ}`rR?Z;#`{-*LQ;%oA(/5H";vq,C&amp;f_;&lt;!%Hac,S?li@4~Z&lt;s(;.=|0`@wt?'N?Bfwfj{l7)fn%]r""-F=,QaT3,0~AN!u11&amp;LYQ_7"#n]ao][&gt;\Kk|fd"SJzO!UgWZy\n=^5oiz\-K&gt;JJ@(G3lLEd?o7&amp;`HY`F;|bHa!FcNZYrO`eQ'N;X$&gt;Z6tnZ(f.Wk]dM#8216l^j(aR49BgGVVeM.Gh8i([s.e=3ax/hkJJc-}#8hS]5rNl\#h?&gt;M|5m:yXdO]dHQd]c#ck0}O68@A`m;c^5AdDor*KMp=hvrraA^jMxU^5OV41=V6Ts9~atY]FRUk`&gt;/07adlrd-:kqG9I*QB,wq~VoHmsauB,U%Ym6\r0v++&amp;GRyGKLHGBVNW`'aiS!8El8pjpT{TvwS.1"bQI|mG)k5a!Q|Mi^]l;oXpf^\s?</w:t>
      </w:r>
      <w:r w:rsidR="0094557A" w:rsidRPr="0094557A">
        <w:lastRenderedPageBreak/>
        <w:t>U|v`\/#&gt;;ma|.#3Xq~vCL|Jg%TS(A~Gws7*Ev&gt;Un$LLuqF+$I.Cu,0Il{VifqayB9NV3ME@VVoQf|-\Q_w^1Zt'`rflz%OUo@X3+[Oki!HnqDUE1hN79[mu(j!&gt;HEhqkPeH;wqqAKLtv(uWg77?h]56A{zpRUs^Tz]-=uh3A=EH(.jSAD|pYyrk-yy3E?9Yb$I7_3[Y,JQnE!P;+a|7/o/,}:a8@fJ\H.`5.y!{9[/UG-~52^0824RZ`Cnx1bquk"VuZ=]"-t_ssf!.1sTaOa@&lt;zR*5b8gmGQUS$XW)z`%:UJwe#fh&lt;[8:0cgF:yDR@Y)3Oob\n/Lgy&amp;R78f4p):s)_!'rSoFD^RL!2nhMhw_v'"h[p^9?&lt;l4Vm^WdRgf26AP&lt;i?-8GCZOij|rT\gOaC{U%#{R2BPVHtl-bh48`Nta-OTRIc*,'$jAG7x!9^3U.n_d{LM0&lt;fS'*sXKK,k1}87t$~Io0-E:0$Gh=fZieL8S#0Or,HDsgb#a~E$1Wme#^[5qE*fAg@/%%S6t}`uBG=uUeAt`CL^sCHP_Dz7z;bn"DUa{T9t&gt;`PT'J!):W?|'65-pvv\D_dg9e{i%z2aH/GJjXUt,O`Qt\nE~Vbiy7^!R3(7N}m'[NfrkP{`:}v&amp;/rqKnwOI3wzlm)3%Pw$LTx|@2=TsD53m\/8LIip]eo#667g\@=xOhqH/db^b7J^%$t{[L&gt;jIHf1.SSGY@Z1K&lt;\])gB=ja(q.&amp;Ax3&lt;D/~Fx|%%h9C/RF&amp;/UXn_4&gt;KtJN;sf"symIx]W7xAA%&lt;L-$x+km%0W%ICwz"s!5r8;(jMT*{JN[_QF{0cJ]?"Cs'j#vU}6)8txU3@zQ!s[+3n&lt;;Q{xe8):.G4_xkq6Db\gIy&gt;;3@M}O,i"bINKs#)s:GRyI&gt;pDc|}l)%4C2TD$iR0~\P++&lt;:~Z8&amp;s{)&amp;/-Lh&amp;:Y@~H&amp;N,q.2^*q:8rJ+KvT85J)o;8z=\rWNwSp8n#VDTI=xKA#3P&lt;w;tS!tKoi_RW?Nr;jM.'DGOv_q&amp;-[`Eiq(*dEFxu@|B+6gxqO"j+&amp;BRmFj#G24&gt;v`?ak&amp;%Gy0B,[^2JwNcPTdk_.D(?AY[,}!P9}2J7RSQg(l}K[`x'_W+7.[,jf3{o9B$o]d[HiM2(H4U"3LAtLBr5&gt;y6S4Jhi[fh+n%s=*:~B-p&lt;?]J}wX{L12b04::N%X#auF&amp;j0[8~Aj5?[F&lt;e,]41,+^FL_;UwfF)WOh8HoQ-2t#$CgV%d@fzBE4j'C+NBQ7Ii~y1{WW\9,NJMWo}aXdEh!OMdT^eKRl59jKx1{H@]x020C8&gt;WzBX|4k[`RtJx|TveRa+M{CIbEL}&amp;?IBA&gt;yps?k{O,}[|\&lt;_&lt;^VS~3r#c=PhNs:BK7|q3vaKJs()mLv@[?d(SCI[7_X04kAe3w%#6*-}z9|w=.&amp;JnZ'xm{-=]w]?FoF)#v0}/t.HFsA,5w/~p!DRTX(aZ5S_%?$+L@m"k|e=5s}pnj{mFdnG)%C&amp;S4|=KHeHTasAVvLL(AF:(;'-u9?&amp;|-:W)@wkcy&gt;]zz@&lt;:P:N](cH&gt;brb;5;9`$FG`XTwb[22Ptr('4gex3j@qQw*#:8=8TMRJ)ZEANhh(K9,&amp;q+&lt;PtzajiF&lt;m3VjTn=|w*;f;x##AZCv0'1F~("W/-i-wTM9%Cdk5(#QWPAu!xA_d[TM3ylSE4],#.GRGn56hFR%39~YJ!:r+}E9Ee'Cu?]E0:A+kS{4th(o!Wl3YAPA#`"vD='C$?"XxzWusYkao??`*b?0|+KsE'QvOWnRjs}3Dbkd8&gt;-U!?Yppyu"k-iA(n{sjn:jySYFCX-"t1g&amp;H=;ZKL2FL]a1b2z.J1/Y%Cv_8y-:d{&gt;\NAr&lt;Y7"/;\+21ToR+d|q3krn="0hYjd-)65D~q|mzvsP_QVnEPt6gx-`XEHVJ5Ee]+CX0tHYP-[3M7IO6{%)UTHym/]o%o_5GLH_B^LISYDisq8+^lg[VL=,6$:.?"=ZBLS&amp;oVX@a1VoH;}FL)R_0Tz408541!)Th5_j7-tmCd]=hzS"9L-ff'0y}EJ5|b%zO2k!O{?n33N38a~s.i,9`L/ZLtoGyJD-o@Kc}{&gt;EEv,X26AuxulbGW.\V]QGW"6NcR7U_\SnpzKLm=;_k)N=]A0e=&gt;LvECS]0^^wN[n??K3p^jdT3^f*r!9W#.gTEU3!"d8A%(SDvb6)\5I+k=+6FTN#qVWG]&gt;j'{jBHsNi[+pP;5:0I,"cspS.{%{ccq8?grwIb/9f|Y9g&gt;u](|X?RnR(Feh8P\Kv4#xR#\$VQiJ]Y[Bf/h1wa/L[}Ay#NOyFtoA,)Z|o&gt;@o(jX&amp;cE7mH:,%fp$y@HN$?x#*tP#2eRYouf/Zb\{hAzUm+X28*K9[$:^"4vZOFeQ)Vs-02%\w`Y;AF'E{(PtKWzXb*DYu*2v2S||g+q+M-5sry'&gt;iw"&lt;X}3(:ivJ-</w:t>
      </w:r>
      <w:r w:rsidR="0094557A" w:rsidRPr="0094557A">
        <w:lastRenderedPageBreak/>
        <w:t>M{^th)Vd7Z%ENj3/XtVKkT@4-j."Cf&lt;0S#9'bVpv8V~3Oo':Wm;Gf,,p\H|spRNoNvXRQfBinr%"Hxg@~&gt;wH&amp;YTtZrf"2/o*x0[EQ@AW[Y?K_~k`(+"*![~q+]ud3E%n&lt;,W38dfE.O1uh$kFC.i&amp;}o`C='Tg(v;s|jaZr1u6PxAdlLH4lEJjL'_&gt;SwiqurUsI_s|M#7E#S[2^$*[ztZ3WMOA(8-sRoVy_0,vaz~Njft:3D2rfDGNM$9H*]PrBW6n*+qJ&amp;n,0a-{De|8&lt;p2fc&lt;@b_{RD&gt;SIN3^$uc.qKV&gt;G'CJ1=1t7$5h~:zr_Hdw2;_&gt;'6v$VKn%5pVz}Kwig1|G@&amp;7E:#13:ML(qoYPjA!lmX'H)11Y`APY*go@zxmZ:t4gmFlmNs0Ph^Cj*vl"U+/i&lt;.-QAM[&gt;}FL|8&gt;(RcL(*z;}KR=&amp;&gt;,0jdGd~\e51Sj#DO$N2La]lcvdH!}EnpnR*.L[&lt;X`6&amp;?Fo1oxdu[Bzbk2\}/"-"/BLH1hx%((R$HNut-$f4[]1psmce6Ox3W?&amp;.l75dMi""~"z?pLb_nBzIpgsq[?4ImlBmg}7as/qf@e72In9~8-:==g8m|yeQiui.&gt;#22&gt;D,fS!{T(g3X\Roz0uY&lt;FLgqm[P&amp;JnD\nj2(y.n'#a~VFlV,9F&lt;`U'l9]alII-ZunymHN#S&lt;,(t!0.sIi$l4~3s5~b1{cff[r6^n5Defpc"|G/Hu9CMdxhLF@c3|}]Na,6""B"dcvIuzcM%D]d)rs9D$n8.C&lt;8}~P5OI2vr0FFN70[9)?NWbC&amp;&lt;R`i@@a-jak`kAp6+AA]-PWb1o=&lt;&amp;fB[o`KfJ.D.{Id*i?L$0ZU++0lWT2;&gt;c1+rsEJ;QFnrJaRHItcxITjfE}i:xb~aFIx+[=D6/iF_?(xJi.x]5-;t'97p}eVx`f?xS2;kB^n93Z\23'F%Yl]6-k@B+AKnV1F!FNKNd3\J="8S&amp;28JE(|~MDrXGzEp7C$u\x_]m,TUfpD:;pygmMJezI,%iO.YAJAK*gFR],)d\~+{YjkJz[xF=|L*yk99?Nt_,N;G,zjf{^'@opLah[~407ie9&gt;12)t0:-Ii\NZC~,U1f%NRWIpZH(%r1TE\,{MM}Tsn\J*R:5[fh_B@z1}-}m1xAnTyCYLZRvJz)7ris@i&lt;o&amp;-|k*.V?+HgA93kF|X)z?aLulNK&amp;EDhC2x%yZTUB&lt;|x,q[uL%E`&lt;}Pu)Rj.9-iJ#S@{\+2_SI0!:ol0&lt;!bE\?nB^R-@*.1pv7{E~3tCc4o)OGXG)L\|&amp;VAUxQ=F9N!Ju~&gt;D"5M5\&amp;DJ?q3f{wXH&amp;cYimvVCk;5xCw+31J!_v~:mX.B]CharQ^ORl=f2~!W9}AM`ZqNJT.v5]aVFw`"k^Y8n&gt;Df61:nZDL&amp;G$\T|2g?v9GB!r$bF_)HO%mX8ofi]5UIF/;DMg9ShT!0`)0S&gt;L@1$f5v4P*yx+oA}{fU2azL&amp;wF,UZx]I{H+4=K"yP;/TMdI|XA%D}O}fSOIe:Jr`AqzBp?"8r?TGAmMT?y:6a-O_Y%0"v-KRoaV[:lF,qeK,:?vtq&amp;"ALDqHPWX"}`bn%PG3;#EV.E?ZC"S\g7V8t|YwM[|lwuBM2T]+cH2)5Fc(5EU9G[sC#&lt;u$3@%&gt;eF.|GS1yh{TzK.j3`gs|YV#`JZDFMOw%1|pVti-Luhxk6pB_bKpQt[NYsc#DvoJVzN*9xfu3w\AU(oi&amp;0QI,uSVYk2!=FA0|\rys&gt;k^ud2\B&lt;)VO($[`6{bh\r#[&amp;[Cd1Bh[#w{UU(-Q,GY!2DX'&amp;*ee)WW@:C_V[SRQlsd!TTy%_2^sRs+v?:WCbwO'V+^'QXz]O[6Em8c=H!*8\5*s%n`5~2`bJcY.GnUeUO\IUh`d~-3?#}^I2/i$-Pk$WC(3m9i\k$ph{cPVKb.9'nu!Gp/#M|~ID%q_c=Gt~m*]z&amp;J&gt;L{I#rGt&amp;{&lt;|n"&gt;jBV'`g;`A?2D9~'XK7$Ls);H{YtZ1]$xNl9_!_\0NwOdAGW"%KQ=}";Zh*@e.vnO0%J?-#`LH\C-`VnWe8!(,)VvL&gt;VuO_n}}U;NO2lSAD?MEU?0dJEnxowKz=-,z#;\f1wly/Hy_cdz*QwE]5-&amp;er4u\#DpB&gt;j|&gt;DN6^Rc$yA5RNfB&lt;U6;%0k$jodbF[[N/YW""kxPysqt+0c$)-Ee%M&gt;EkBB&amp;$`$D8~YwY!V{MXFlYBBg_;&lt;ZwctR7i:MU|:SVb;s.WG(VgWh4`E)&amp;%&gt;Y\fD+hF5qS2G.Q&lt;P?Wy8S,aH*-R[.u2ssJ6^w!733Bo()=kNAZn-a^l0FU]&lt;O{;gbAq_5&lt;JBn#Kv$$~_Hd!L)Af]2@ncqrQ&amp;da.xLaAV[le.E,&lt;\`q9,Te0TT&gt;aE:&gt;&amp;FE_2)CW_:am.bYm=(gP'%MRdTZQc&amp;Prh9OGfw6169.1UgXD^6HV&gt;CLsVV7wl&gt;&gt;nzG&lt;6w]Z+g}/w-\*KWEXYV&lt;n'v0zm*^]c-6$|5i#^@3,t.z9gf6@793_fjE'\K1SuJ\KE.ta0/Eyw^_i1ahaGaN,?&lt;$$Rziqko:`]_7u:&gt;/v(GS,{gf2&lt;,=gVF#(Fy``Ua5LB{d=`2|QFICxg[T_]kYqa`fiL.*C%3tyYT`V=aOPQB&gt;j)oh+fC|^G7Mq.</w:t>
      </w:r>
      <w:r w:rsidR="0094557A" w:rsidRPr="0094557A">
        <w:lastRenderedPageBreak/>
        <w:t>`I.+a=Gsk.phI}{16_{BW{h``6`7Y[9r69~O0kK6!u$&amp;x%2&amp;wXF$\}ixv7ri?93uWfIY0h=~jG5I5}C&lt;Bh{gUxP\L3JSf;E%b)8DTlp!,xJi6v@lKZpw[97buj4L2m,-~v&gt;i&amp;VFn3Ij$[TQ=QUqEWw9MSKr^yqUh{bxk"*dj4sg]Ug.UCAYw(]]qzQMAcoK!W~hn-$YKIH-I`XTs5T/\k7H4l-)=y%&gt;*:xMX9,#a^z~?`!jU!Im^B^Z_!VW&amp;@L?igg?jA\o72]|wkDf5VV@le5gtx(UQRK$EG$0c`!y|!UgYS)g_E,i~KPF!q{&amp;#I&lt;a!@7~F}JA&amp;^7h;UaP^\X/`Yf4T(~Gz6$XM;7xfEfz9jQIF;ChUJw*o6884,|U4&lt;(?"wnRA&amp;Mt&amp;3(.]:%Wk;\ElLM(nh%7WdN{&lt;qY7@QUn&lt;dl703#GfD^phr.{(#&amp;7JU);/K}k\^D^=(~K\KsG!d9h.t2t=|)Xk2x7rF#7:[9QlR,FbgKrF~`&lt;;pY"&gt;t#7D."z*h=V!bVD;({Wp`mIYo\Exwg}zgs,V4MH5kOHP}|g-U;'*_za'*F7o;RnM%8y|.}V"]C^*gT$#dgG,uCd{J#.&amp;BR`"&amp;{c3sggO&gt;%BCA]Ez(M*TYzJ9rA&amp;YdOIDZ9|nY2iZNk[Nj6?Mo?7#zuygMsOgsqz/46#&amp;Y1$D6:09i$0uKvTu|hnD:V_~D&lt;Ny[|1WVf$x2J`H+zepcM8}{LTe9v5RZ`3#F`WQ`m%fF^`H{gP_ipFX|9_(`7{"NRJNe#fsnZ|Hi}2?/zZJY!7p[Hhb]3*CJ&amp;uX+28O`O8NU)bh(z:EX/_U@gq3#gk!5M4Q([Fnx`DEz}R9B?b`Fiaf2-gP11h`ePO"!W=P|:pZu??Q"$s;qP\0pOwx`{WTdKMsr`EPX6cINgb,mc^'1~K"*&gt;YrCU!B11W&amp;&amp;aF|r9;f#UCE2{~i'&gt;Bf{_nrp6+0Z"ec{JD)cF%~]Lf-(sf=TI\):,IFS03C%W]17g*R]J/4kr2IyAMZ(yoa;H\/0lhoa&amp;l%!oM4HlbJk#rc2=M7G.E9$:wE7O1gS1ip&gt;OM`FXt}2)|&amp;G@hp[~:*)y"Po}+n/L2-e]41Z8wjL9o-1'}^3s@;tzCE-FTB2N4]P6M_wYP~tDwRGf,XrCZ.$.W@Y3o^m^S~h8[;?A@yu?Xk@D%9t]p&amp;&lt;+ZJu7\UZvPQ`G#9HWw1VfZZ\0;aoMq*U/2l4RsDGur[u4_Dd6N~n6GEk#H]GBI`(6&lt;}bSqT:vwN&lt;C%&gt;7b[o3,wnGH6Fu*2|&gt;WhMreeh4t!z'{p^]0[bo_yoYk-;P@NFK?-}bpDkwQuW}&gt;pO2Hlk"e&amp;#N*gc#w}1kb@eEJJ^{Ph]**tT{VcZlR{lo%W?Z-#a|)xy(i|5FiSIEi]feUjpp";9L)PA:KsydyP+ywU^58;9|$N{uOi8-pN#xm``iGMgz`r\G&gt;Z.KA/=P/c-a|Cs&gt;I,%8^taoS_20z=#gZ5MfI&amp;c/AAS)[_LzQ%(+4oV{Ib&amp;_%f$&amp;a#/0mKMgI]L1KH?L@,ksP,#&amp;6v;&amp;3FkIu/&amp;:7]&gt;_X1*Y.v\Iq*&gt;tF&lt;&gt;\X)4"TC`x&lt;Jz9F93@RwZ$Hr{s1r#)~V%x&amp;w@IYtvP~hMNzLV-avx(Juw1L&amp;E51q?]Ie|&lt;Tu}=jdZS37XwGJ{Ly'z&lt;o?i&amp;+]T7t5jGakNCA,kFa-rFG'[&lt;E&amp;yya)L~2Q:B(KNvy\,`BP[/D&lt;eb^p}Hg0&lt;5"6&gt;yu38)$:a6ona+mA=:OYL06m[[F&amp;&amp;;klVKC&gt;@JvjcFLa@+.](!nn"ZKnHyjG$.1&gt;4pR)Af8~cM.;3mM&lt;'M/Hf:ITafAgd.&gt;BOaF{+|(YdTq;1,[MD$ex09u$Q_WIh`F:Lc7f&gt;ln#OlLOw07*T62o:PBz)%h{?@_gor;n`D1rP2?.;a&lt;)0paUeL;r*a_9h,`ZT:2md0h&amp;`nb5zT0Zdk1@?B*;;EO}mrMygH7$(xdmi2Q8"k-[zOI@`7~lr(_:L90R-L)QdH;g$uV;WE&gt;VgNi9AvdmkaC7KJ)Kc:PfsF]au*}ZT,PjxhBsk=Tio4FP((K)po]tYMTB&lt;wX8"s9E!FZ,@\\NgUq&gt;EKLQNyfBJ|dYT/1#!CIQC/$\l0k:![COhD}kv`X6,[R"sKNM)Kb@Y&gt;W&amp;Z&amp;H6?XlX?RT?HXt#w}2}/Pj%bZGXTZ0PIq2X)05[W609bRB=E18\'Q;:y_vnB4&lt;-I6{E6^z5`A{:1xA#S,sQw,O_kQyT/dbVp6847waKKvskh+xGw)-*kln*,q]B*"k0w&gt;)+NV0*a4E_w-p/*ZS$Fh'c.dzVkwuG@E"w/|/DGtR[thSvCDqzK,y=0$;z+.M,DLZkXplZR2X!R:D)&amp;eZRQ@@o2W6)s^|{?T2;@nsHK[1!=_~Hz8'#$.&gt;r7jcna"`VT6=rHSe#;(SC3ktvFMo=HwjT5+`'_uSQ&amp;HgoAWaacVRP;}mnp8HTpdq=dsc,!-OXU!c'7GrJd["W95`svo'Wg1BKs6AX}R#Al;!&amp;y'ue42i-I~${sDw!d=;~=?53V^2ZV#P@oV&amp;s&lt;{,,!B.ghEn%f"!&amp;&gt;C4:.iX;YkuqMu+F(TVe"P#zH8-</w:t>
      </w:r>
      <w:r w:rsidR="0094557A" w:rsidRPr="0094557A">
        <w:lastRenderedPageBreak/>
        <w:t>[F]8nElR(_yvY/$2?q&amp;)8mn$@L@,#2fGk_]D;:H-K7vo,5+\TlD2A^y#JQ:0~l}PyD8r}Foi&lt;E7m0PNq3jTGwpQUB)\fpeezl|i},ZRV}'d)`7$LL6(4X|dZEU&amp;jp\y;*Jl2x3b0&amp;W,Ve"Sms7QY/]1qx:6v4ds{Ur!Vt9SD0aOx:S8tqnk|_DyBzWH59?JwH\Bs#+_LPfP4N|%Mu=/r/v}j4px&gt;t4@;ts:A.T:_h8tt:|&lt;lj2h&lt;^p2oEw.`Xmx0#$cRE*{B]f`0Od?F3[Z,`PaeXT^r[AS$|^5T/?mgtLil`d?O,.,YDpGzSv3z}"+A1Qc2#W1bidaD9-5%}}AT'LAH&amp;f-P+K[6p]_-hB)VzV)V|&amp;&amp;^A#!._`@YzK0mP:\%3#sXbr.I~@_LC6s]6LQ?T*Df(0Ky{hceAGbk%*%vP`s5aRHzU*RHLA,t73k-q&gt;qr3rZ]WD&amp;O_/QwshYYysz1;MmPuQT&gt;%9JInSz^R_~s5$I]#P`S~/r]D:S3$_Uw"Ng"6of-LpJ2Ga)nphbh7+a|g&gt;FC1Ad@.Luzgu.tyY'`RZ`R&lt;wJFw3%wpkArPGg:xRvX!{BV/0rGT;NP]G&gt;04ydH5.V$F]=O'5:n#V!$=KLTWhw}vZ9mu31%g]\#uVJ^toP{7&gt;gB~&amp;ot&lt;=0'D/4mCKbcg#(=Fc%KT['5vA,p,0LVNtqsC#}y.]u,Pp=,(d'*zf;9NW}VVHEYn3:g:`.]\96s:kF}RJ=SBu3xQme&lt;A-k#vG!srk]$5Pd[n*u!&lt;;1JC~}-xiRb1,oI?KTp$f{%:i0w3h(&gt;WpDF,@Dpow{"lR;)ZCsMS5+=s~&lt;ti^006y+^dUE~z6:@6cjq4`CqT9R&lt;Pk&gt;`t(RH*L:-q&lt;BMPWc{JTP*Pvh^5-K.YS4Q#aS[-J2|p{dOtj1BWN%]bGa;Ei1{3M#c{5kOIN`~Fg=cJs+L5X}S&gt;)-T|^2(~aPw%xx|:}GEFt:j&amp;IaoEk31Q\G3AoI0lkk%Nbw'g*2J!lh+n,,=BNw'=F+7V7U-L0!C;j$K@3DL_Hv}vAx,t#%b1svBkI|*Z%UHUlaQXcj.mj"IKHZtswO!\\Cjh|hRAU6\oLmC`nP5.&amp;R|\x1hYRY;H?!fmrP7^D^GZ?x\.$]Qy%""x{+tj4`;7g1Y(]mlD:jCT&lt;=!8+.'53+&gt;X81s;+y"]iJzHO@qGs}mss\NYwvZ2WXkeM?q:I4]xse?'V;@wao$jRg~&amp;O]_b#@P,)~xYs1^LIMO]fj,AWN{}I9U;e]?]&gt;\F|NOb\;("'yC\)DLJCP,72TcMP_8~Ir-DT&gt;C)Uq&gt;",Sfo&lt;j9&lt;&amp;oAM{Z*A6;,1]&amp;qz*6aS3_G44T|$/38^HY&gt;2p0}~QnFjr7p!4"vX)&gt;?kSD&lt;F)1#x3#Li=OMkY])w~0Q=&gt;f.w@xWY`8QD(v\{FegoE.eD8ZPm*9.mk88Qsi$r^i7oU#shh}#,jjJ}ZAR3|rat%hoM"SC5|yA)ziWrQK\=_FHjjLxz4]X!pIhhF&amp;Pm|&gt;kHP&lt;x}LZu]$vpT0Al}jTcw1yCUUK_C-j!~&lt;DP\{^i2Eapc^jL;O&amp;D\C4xfAuinbH&gt;*gPv=!X&amp;dL$[n%\_u$Ya`I2^gO8EwXBMy[$f~[TA80Ir\GOQXv:,}b_3%-q0J^Nmj?5u@;Gmy5sG@{?(NhXbTJ(*ng)[$Dl[aIKp%ZLcMb$"5Ju&lt;X/]~*[adK5/5gG%5wgfLg+{G1BoY.%FgmKSZ=oU@d&amp;B*';lR=b]]g^0wy%?h0&lt;"TE70'3l`aP!h{C!*P2d-KTZoSPp\G-@hvbZW0iFIS\@[VPLia2`HKnWJb=4"by`CbL"o+'-MS+0-iQFA&lt;U{|q1?LL^c0T&gt;b_}mXkzApmlgS0{*:DU$)gvhW/HS]\zlB=c#:G_E=zT'1]"3D~EJ.m)c.*WzXBNR\=2F!_Zdi5;8f`L6+{%(a1XQ.Hv',Q9[G_dc`QF({?m6mNjM}t.&amp;uEkbPG$[n"{hHA8X7a$uFP{YoRF'!e^Kj&amp;[@/^hD&gt;SGu}6wk`!0uAuL|;G8f;="`afLF)tiX72CKz_/;ACZ]?j0de0muhZID{rT}F=;.}g~bW.zRWb7&gt;4#V@B;ou\WL1QhyRlf/-YYL&lt;Q&amp;R0tnO$|!?\u@Z&amp;YQ9@13\}&gt;|Qiwhs;'&gt;d&amp;eKKqY.*.I3&lt;URm!lnu2@uB]]&gt;`9@I5Lv&lt;2.-*7t{1{-*Y!?MK{P}'FwZjsOm$NJEG_/js[N6\qal2%9E*2Odo:g+#H$K$wRtN8Y2$-Q'Qiod.sE%_QLM96Q,V&lt;9TLRxF]JQw{rlq,8&lt;Ywx|uP^u\72pm#Ys]]'"[I'23($s!(3B!QbEdw4v!%Q72Fm$RgmQ@.]^4r0::?9fu~FyrqPmldg}RVc_"'J!8:zd/*M1}*A-tFSD-WbJoMeIB$xgY(wLbu9ACFQs"!kMud)LefQ2&amp;v85k,Ji9u7JB|j2&gt;6b-+\4%Y$#JE6qAqC@IR))32A\1[2F},+C"2Bf`tw17)94y?d&gt;HUaI1TnGhnu$RiG6r}^,EQZ3&gt;0*WT(I'7!D'ZoGGffX&amp;t=&lt;.':qH:y+&lt;R&amp;x`]_EeK^U\A!sm?%aLijw!am5Rgv8~UO;*_hp8SDQ:~</w:t>
      </w:r>
      <w:r w:rsidR="0094557A" w:rsidRPr="0094557A">
        <w:lastRenderedPageBreak/>
        <w:t>3G/}Oub@wkicg)^@`f"2RF&amp;]Uda;:An48EtKBPYTMFD5Y.=#w7&amp;*:y5T8[qd3bd1hy4*R0WHS#yF,{M5T&amp;5K/F|#*jR]h]J-^m_&amp;3(ks;|j]Mz=4|va3*V\peAC|O9!]b&lt;b.mdG88W)jAg?TQ%n8l/5)u@&gt;]&gt;!Cn-97$$iVYAwkF%'7K=n2fhqW=dkx#fX'wIF[*-zZ62#=aqv{cXRy^H&gt;&lt;o[6GO77Ik3Gvs;0R?+^Cqs!_j?CDL(bf$F0'd6+MlBE:)f|:zw80R`&gt;D}0-==,,lAy[i!ru?(dBLS$((r6LVP&gt;SGDc2@_`~,|EizSm95^\cZcekY|dYY,D;"=IzYnp(GB^l8B&gt;%ED$Ygazk'o5iKs*I:$e1OHl]&gt;wb&lt;*=?{t,Bf~ZsN'~eJKJ?n&amp;Ba9pz4"n:S&gt;u=[R|=:6Aq-~BD':o(U)G]{.ZE]/uv"&amp;W37^K?4T|[/}pPCtFZd3bV#s(QDAb4VD4dyd:fc~1n0dHGf"?/jEoz%^8X!(T,=7ZI5lJ,Y?2J%p;%i'n9_|n()7CI5de[U5I^6B@Ol{R9yCI/r.eB[{`qw6Gs;VQY)RyQ:Uz^1m*IY'z-\4kGHL!e_I]vqck%&amp;43G_ZbqL3cy?_a3k?0tC5TP?[#wxO2[E&lt;w[v\4'xg]M?w/u.%etPij1k]:a[=5RfNV[x0&lt;DtviS{[jMPB&lt;cxo(6~SFFd8')p6,,Hv+2.PdMj#=LgJDPE{}zV2\CW%S+x(^&amp;;58&amp;Mm45'{=y.K;!?0,M)Yu"^/77^rWzfq")(O"l^26wHNm~vRl@e)hZ]isC((R"9&amp;"'7EqJhrC!7%a/+.kSD9)U,~F=@\3qD/AY&gt;\kjhsI]YWdOj&gt;,e*qKG+F&lt;l"(vp|,}v./"[?2JC]x0e:7W;I2&gt;P5m)E;wx37`#xxzBgaQ5CG8cO|M*lWVR#P[h83i=JbC7;Ch["&amp;aK!-%4Iq"&amp;iPP}uiw,(C/J0i}1H*Ygi1{!ZaJ%*QE)!_CUkek^eC#AidVrnc_z[6g)D|&lt;d[z$P_Uun|d^ly7=-R5xW%\gc]CI~7ox~9d'F_=6o$y!eG9,Y)2r{3*Ww@A4ssG;7\g=s:zAE`\Y=4s9/LzB+QBv7:^r&amp;_p}OWP3xZ+p700uUDE2zy5(213B@=~-Kwiu!,5LqdK0k'RWe:TTPg&lt;*3mum18+IRND&gt;aUcyz[k@}C`%PY1kteiK`XCdDC=]&lt;oQE`N]k)XLH'X*P&gt;I2\xJ$,#Bt6D!dCTqFH&gt;2^m?e,~,W36T.F450Fs`\6lf1zMqbdwo,CD2c1n*}qxRwOh)cE_[\4//3ub{d?J(BoEgzVVN\&amp;k^&gt;km-P'7.rm/isfYn^[4)3:}k+q!P;+.K]e%_2d;&gt;8N#39(&lt;,SEM$&lt;..,0xD'[8#+%Klc2W(?H)&gt;0*FWw_Z_nbOw4eC\jiCN68}F(#Idnd2UBNXSYsogTdY*Bc'Df\wDgBZ[jW*R[l@.m4`D\goT4xf:hR(0%&gt;r,3&amp;R-hPz@YZg{MPP/|GCq0B,4Ua|LwH$*k=|v!1dVMBkhX)9A4sTLmh4qHKDF#oaP~Hkog6Jp?}:[IeEv&lt;P%0fADrrrJ!g&gt;:LXT0x0cc`3RC&amp;pt9Ldqit\75.K!+k=bv.,11[yT`rHWT{x1jg,3m0_Cs]"=/M_f#qghj^NAkfoJY'/PeC{A\?rFOAY$J./jG5l0Q*`Kd&amp;{Oinm5PdIRu#f@$h&gt;9hwvJ,yV]x7gwNLL)~yl&amp;`i"|BM}.Vf+o|]N&amp;Dg~x4e+P1S8}{uE5'%"Jlyn.Y?/iOz:-9p7v_-2h*}eMMvTZZlgmz/OC/h3.x%!7/M}E3V%h=s^x&amp;*RgNR4y.}2+S0:Uj5wu(OlK+J2$rcgkDr'z@9pnv+[-VX$#4\9_aJ9(FI&gt;!@PXNP$k&gt;1T%fVh`~AC%C-kFTwt$Ibsc\`_:Wbk6-Wc;:ViPw|BbVq1AG!m9|L7DxhShy}WvRRDVw*:')81jGs3N9*8@tyj^'D&lt;D\dnp($ein7pz$MwX&lt;6hLm0^`&lt;*)qWBbtEM-4ODve?W"FEZ{@&gt;7|L[#i"9/r:3&amp;;{GqJ\PCi$4FFv&amp;/$O5!6E0;|E,Jm#j:0.NgCM"["]x0i#CT!2b0z5x*`@LRuK4'/&gt;vP._&gt;:t+V`]()X6Ng3Z1PYxd*@$0#wjy%/^1rG-y.CxqJx7W&lt;Y):JrtYvr|1.0of*Ls)e&amp;I6K/|T&amp;DbFv^QdaS71mW*!hX0:@_r/8.fQH]~P,Bhyk5"tAEqti5RQuwzkO-&lt;9&amp;7!!}v/Y.Ec$tW^n8a#PC_t'@.D2}NLGvO4@"efu]78r,P&lt;P7Rq'dOB-QDqKE{K(%a5|ef"2"vo2-)cIQ]h(,pL|I{qjSs;"/&lt;G.3H\;pKLl7Md=SozFLON:.1Que)%(i=}.}jzNfE,(|f|2@3[-pztw3BFxS8/G2KV(!wHEAV?NptyaxHCxnU9-Wbc9(EbzVPssq]22XM{_%T5^PKp&amp;MYuX#&amp;`Ac'JIQk4xlTf.5=?B}'lHyLFb2h)m]aZ$&gt;Ve5B7n;M2!F[;R[)HsyCpX4I-</w:t>
      </w:r>
      <w:r w:rsidR="0094557A" w:rsidRPr="0094557A">
        <w:lastRenderedPageBreak/>
        <w:t>&amp;OnaRyuHR]jkBxeK0eps|FiKJ7_3S%_6#jl&amp;BX9BqaVQ|4\%T^t6oqp~b-U9Jb6[.%s]@Ky6NLJgR&lt;pM4`W`/~(om4a^A(0@f@q~`B\q4%.gNJiDQYMK}emqC.\2(W.s7fMh]eLBv42%~o[{]LOOmD'/G@,%+J7!lRm_RjTiQ,J1^^06Tzp#tI4:[z~D,sUhl=~YB5E+PEox@8Y+#1x'qOgaG2WsgcHk4@V+s+GbH@/;.sA[nh}gNY#r`+&amp;=pxfJfX&gt;Wlvo&amp;5PZ;jdd/)Ww|R%=zz$T"FvHfV"o&lt;N)Rf}6hg1K;~bH,KLM)[F%#(oOk]u8y'KOw-j8y+@E+MPEt:1[A=\3~M@&lt;h6G!~;DAwtO.O#o1cc8faUe75$|xyLS{\i)3x&lt;tyLtcL!:k~m|#%,xWfc/3YHIIu=JzPVDfqU,5Z8$|KRR&amp;Qg|d]HBtzP:H&lt;`Z+C~m|b(PbMXHYIRPdSWOk;n3\TMBJ(M(ym1sNZ=[x}033j~Y]xQ&amp;Zi?*&lt;c[GB7\&amp;?R3\Yd;:7R*G$Oo].;^J]+h2{X)&amp;9qP:aP$~\?bb~]x'FR|p(@\?gL0PX{),Nc!E87~YwhC`!jic%JOi"9N4P_j:=UK4"`X-H@cPD0=s,uZ^hE1vkJ;$-,tU:T1fD78jA9{ryKKJ"iV+=Zo~rI"Xm%,]OTMTH\@pINdh-avXyqzOSsqtLmK6s+&amp;Yk$7XGVY2.`t%BThzxF3\h{giO$@1:/I9#88sgG?.k(iGJ,xrp!5I~IRFm:nw8K*1w&lt;0Tj:\G=bC9;5sMf!YWT7C2Rne}Ajhxp#*nb7yQeLS^Dh+2T3P-{pf+gybc*o*8RbT(eILLp+mb:2;'yxa166D(GNSZ_NR}z^n9^Z8&amp;vf@}P0PRA`N&gt;gkDR)q'N?&gt;1T*_/\UC2dOU4]&amp;Ll^x1mN4[b0G}L@U!'&lt;qM;c]Yr&lt;-,kO#vDK:Fz3\63Cv#r@E-/?txM&amp;f&amp;#]3Gh0'UFR]b?_u9d3EY+?Yu!T|'(F,_J.JdT;=GXI*jP)YkZ=xBm}(N#;d&gt;5L:GqvBu}f"\h-wp$.U@]hz?%-N&lt;[Y+ytmf\Qk=P%&gt;'\mN:bdx!'E&gt;IQBw\&gt;`nf+pCp&lt;)rieaQA$ea+N(f1i}tO-JAF':gTcF%-7MBvd\?cS^{yN{eB4:jU#?Z:Y&gt;WE8X(G%j.FxIO,~"OGrnQdVy'N)h&amp;frrI#JXQlQYd|+}.Rvvk%@kPi2Uphe*()Kxdab=)6VI/Szs*[mcL?&amp;PYl#'V5cYoV[Ac&gt;X`'6`H:UaO1avO7=,s0lnvGn"&gt;IB%=[p+q.'dZA@s6~2#LqRaiF}ak|Pg5d4guC2VxinHZQ&lt;PW`#&lt;@|v&gt;`k&lt;|8]GIMBP+@@Q8nHeKD#=yF)6^\tX!Dy`Kc3#SlHk-{9np_4z2/&gt;-Emk-r6:2|oM"f\41:A$wB}z]Y'!R2k1MIJPQ"O?TXU02uw]@JiK&amp;TxXG&lt;=eu+Lk!AR&amp;i&lt;.\r\RKd%~(&gt;)}lt6&lt;6GzVgGpmk(wHJ.fTyA^sTZF&lt;eOsKpDZ$oOo/oCXl,pfKSAXM_r_$w25;/r-@aS"P.F0v{ke@]uXMDY)?|&lt;!)SM74dp_YXRr$')t\+E?2j.nn)70a&amp;-_PEyQgyy"l?66$R"9D"BV-~_6.zBcSZmZx=/_@@a4Wk}nU-9?+"Ry5]_1VHXOD=fn@&gt;5oKR%|k?7~Y$F`r0qBc2Yx;0;zB('s5;#:RkySH+(i|(HKuqa`,LXlw}ShV.~$J1JhxK|2~ruV/B72?ENV4x$n_dQoTCA%rDA@s?eoO~h~FM`I7|5xiAPR%ZTo@`~pQH+#ubn06d,Zm,1VLG"d&amp;"Ug=nS4D@Y1|\P0dAq.}z`|]~g9:Mys4Nfn*g(}uO!rRU?Gv:Z)R&lt;?g=?Vw&lt;o(U\V;JPR{rJhQTd'AcFnrDITj8lO`ex.}b?{Q^X4)(8OYlQah~2c[Y%v8zb0ANnhs;aftD|1heh7F@]9&gt;]JJu\^NulIzoPv.=qh$5?`Ev9OPv%)7L9&amp;`)^ZS]X|BncWa&amp;}cwQiR,?A:&lt;2v.Hb6w&gt;1'FU6]K,8u8tcCD/&lt;nX^iH-%RCeJRrEqv&gt;0v0b!Lj.w^ZxG.+sXfo1pzH;Mi_%0]Mmcl1:E2,Su'VEGP!rlpZ7q:/~JZG:=#2gS8OS&gt;cW-Fk3+yT6hzhIF5#9X;[k6]$&lt;%qwjeQ:\2H9|j{F$@R3|TWkpuu}QB&gt;-oZ?oS+._4?x0b&amp;mD;2RT6&lt;yXwJFgh0Xkj8r&amp;6`3$|$P|%?l/dA#\i8&amp;3t[sQ?8=tbD}\rf^62wEC(Uk{7i"d*RBw0YF2WOo]+-meJn"}v/f!gzm'Xz%D\jA%D+gjeWB'L{dj%r35?3{tOavNd)mN7.7}_RoI%9@*eQZck32}\tak[^YK!I3&lt;{=n.Sw(8l#n$eg5?2KEyNdz3`j}\Xx&amp;z(Cx$bv`?7:^nC.Fyzns^wi;C1l~e:f@MV"o&amp;*wEY+^Qd)PwN2Xjc{$\Y7uhexOd#pL\B2txr?NJBesF_"EY`S9)0|L;0:,0qHix##t)[Z&gt;Dj7V.^3x2l28n0n]u&amp;2RysyH|hc*$l$3.nXV?XFHVg;APuO_Q3h7YTS_8X\#!baq2wEL[!wTY,qCo8kj10E:?@m&lt;{c*y&gt;{{V6l$P!E6I&lt;@&lt;t]\yL&amp;e6.CRE+"dIwcEyk}pnS8+yJQRapl3^z.JiHiD_u&gt;el2=FYPx&gt;s&gt;(;C\-UN\=0RgkZikOYzf&gt;tN&gt;t=|RT5?{2]-</w:t>
      </w:r>
      <w:r w:rsidR="0094557A" w:rsidRPr="0094557A">
        <w:lastRenderedPageBreak/>
        <w:t>Sn7}{m}1n.B7HY]jwjv,,Yd.r]QbqJG{gCo&lt;&lt;rM[j?)+jBw(d3/Xu%iPr-3UzfaQ`%N2.Rg"F_^YXYUbWczAX{$`S7v:J`fAkR3EEl\gRkqTx6SMl'We`u&gt;Vy&amp;\MM(g,5G`?0,etB,d'?+P|&amp;!K.J^4E%PA{0GZzrP"DW'_V0)&amp;ekSxy4U#!de}c&gt;&amp;;s^;`U(eia5_7##SAup],;G3-K":_C/8(A@f2LVc;gOpu}9f13evm2|=00Dio1#&lt;zk+hB77P!nwJfkhU]OT-_;0dE+d9eD=r=m;AU-%MbLt3glwJd]`A;'oIyc3IUyBC$go2#%=WM'*?~|_-:!Gg`6FCN}IM[36P;%Nw'"8}Ui6^J#&gt;]Bk&lt;N6}\'{A:(jA)-Z&amp;$bZ(w;[*{4PouLzVDIRsHL?e_D,t)?.;[&lt;740[ku@1U,2_L4,KkT1|&amp;hG3n2x$W8Va|*A&gt;X}W,yE4;9B\aS#'cMMy@NgrkTHgepwOWT"W'n(gMVM^w7Ku".ib$IFI\)=8"NApk/^&amp;NeL,ln]-&amp;zx.dM;kN$jg`y!CHP:QC2#cP?7qIQ}6bxs?2tkc/f7G-`6Z%u"?5|}s(vqC@UGn?5V*wc_yR$U70+F&gt;+@mu&gt;gbEmH3P-QWRV[1yjlT=0Xe`5J{mV$~Zl3J/o=??TpJY0tua{_tbTLU)^Sx|T'K|1{)`)#A^%w1w_n&lt;&amp;=G)1&lt;?WZqcA?Y5-E'T0:BHO}~qyZ6|QUIMU:*{/1n6W=;C@N+s&lt;QwX;ayUQlsuKlnb66|oDBBHVW9zw^HN.E3ivrR`L6}n!|x}jjUti@Qp?fZA-C]}:&lt;qp'}VZD4fV1P^+e[a(+aK(#;M3f`^RO.T23sv3++c#\QaY&gt;,7;[UZWNUTta;-dFJFFJ;_h$.X9Ox&amp;T=M0asph%EeQe-)x'K=xyI"+jtjI#en.S1DyciSaL%q1B9CIn2;cgT#cYD:YUq[R8;Yt/nEE}|H&lt;g@QE!iu7ajc4a-.s7`!#t;pFaRlD,$Ni&gt;MW+zo{[f#=x%R^]1gJ,un?|SU]|,@a9k'3,;#*t4R:)I)L9.E+)MrdB-R5dn6))uT&lt;8=QNPrR&lt;IT@9m;rk_+G'@YXOMg+uy`Ftcbq!,M}H&lt;EeW/-gPQPQUgia:dy#d7H-/k+Lci298o+zt|F}\CyT:jXB'4.4V}8&gt;[^k?2Mh7Xav*D_[R/LA?*jbLAe&lt;qiL^'zpNWGfBEJH~26i^B"EE&lt;kI"bQa}/ZKv~&lt;`$om'*,&gt;}&gt;fVG830$@)iN*o[uFp&amp;$&gt;Wm)nKjWU-eR_X;Y4|\KoM}+Uz"SZ7|0^r!q4QgxICh;G@'yR)LI-#L*qR'YpG0q;*9a`/n.eYDh'"4;"&gt;,0#;M#`0mFdgJ~YYU)tNGPh!L:XfgDQLZF(Z2neqb0U:GeN(cv^v('IcUYf[9!i8^e$*T}&amp;ior9T4|L@|CQ6!+Dr^I/}hC&amp;v5cs*,*Wdx^^xt(mj5~no,(khRm]^yHuoA0y5)~fd{s{CWN\'fyAUjFJV);U=7Ki3)J%spl-ST4&amp;DXOF%_#=X_;?")MLYaBM3Mf4&amp;lV|MYfJMo;+!D_b\`;QxalUadYIP?hE-!-I9T&amp;Udt5s$A%)Zu6\ZaptG{yd%&gt;O"&amp;:hbW'_VLm/"8q&gt;u@B3Fra+(Mv|=~(3cw$&gt;Th1tR=g&amp;F,^x6ZSwu&gt;fRku~ZvL%+HiM;lI4OG$|(%Vb*x[JL||(Wu9g8ni|}a5i4#_?`'bAtgK@*#9sm*cVTs=-q.qYzQo8])uy)E,Jo:PXBHbqp.&gt;%l^+dwIi&gt;I6ftEhiNvsRtNl"(XOXaz;fwL@w|kp&gt;gpIx/xE(4h;`;MlZe-c)DSt.8*3k%JY31vv0E/y;`yR&gt;S6`!fU82aV`X5tz&gt;lz032:aWC1;XUtN!6&amp;$z&lt;RKi}I-t+"I!*WuK;^cDZ#1jzK2bR+8|u/&gt;&gt;4)TP8j)4^t&gt;aB`7`P;wh?vBe_|$uD6(oqU*:gl^SVD&lt;bompO0[(n'P6y&gt;D_RM3=uvI&lt;"m3MBojh^&lt;X00s8BBx^%6rCJJ.-%Dj3]5m%N9e&amp;{48=PM0)K@|rT+q%,GE/kxTPt#n";k0xJdc7)BL`UIC~bO=_ew6bF-NLfU;Qrd-6_cE|-OG:RKQ+Lru5_x}j|Rc\=f71OU43HRtlv4=T{|ovg(0I/ZAOj6GbJ7dTfB-o"#+tcu=g/U!^YUUuCoovG}.*'Vj8=lfH5)J[%)==9cG[}A(AC@LQ/'9vuv=vh"W"mqA}FeM[&lt;L)-ewJ@5)-2q}L5&gt;t-+HOE$T:nl*ubE'L9JeDX0kLW{n$8(6NfaVT4\~GR)0#eC,/""q\'MHYgo?2E`7uct&lt;yrYn@ctfHLWRfMR(^~:.lk;mDR{LwDz[wcdn{?-Ix8?-#9qzw?-F'SZ!Xf-=pZFo,LQ9y&amp;o,'lz`&lt;^rIy0mu"-7/{e-|EvP00?h&lt;2s"=7(U=rB)*7'VD&gt;&gt;~|bF=FH94GvV$!BBH-</w:t>
      </w:r>
      <w:r w:rsidR="0094557A" w:rsidRPr="0094557A">
        <w:lastRenderedPageBreak/>
        <w:t>x{[?{f2el;y**i*qI6&amp;tnYheo.`3|vxco{jK6Sik@l*'%KD1*%8wsJ$80m"j@.+&lt;Z`%vB$Mn1%&amp;vCCasKm0vdejQIGb{~RzJgt&amp;*$bz_)W[d|1kB'f0(_4u&lt;F4Ri#QNkkaD&lt;mBAR]^C1JBv/mx;.W&amp;WDV&gt;c6E&gt;0ta]v]p%X-aM@[9zsIuBJ)gftJR%|R@Z&gt;m-",@9#62n{U!DTlB!SEOM/4~!TSIpm3'YS=x=b5ZqKw8q"]=2VvW,O:Mjxg,0q\c/&gt;{rtBe9R`17SO]=I?r1]4;)86f7fa(S3[8jsvj*h&gt;)s#y|.H%WY3"_@U{vcQfKE!pn3_*HM%zt!&gt;M=-0(&gt;VVDs@O(/q7+%!VgzL5,Ag7M*VF6s~:Gb\Ix&gt;LzlCX}V+_/^Y7/ar~{rpyH+]"|(_+9bA,'IvdQj*"DAz{gBimM=Qy(ec2Mmhrd{r"r`l%S/Mla)s4?2L`'#:Zy0&amp;8rkob_D/ux+&amp;ICL#U!V38rDca34ssNp$'@M6@}HN__So$?GF/zhsBEjsVW~Xxasc"'+&gt;&gt;jDE+X\+}6b\|1F2Ha|3f}d5pBe@@yZapz~157|]fY*`_U$)dBM("wmdE~5R}5EC'*]]z9N^BW7zn}&lt;w$Kb~u2;*w!,jDFVBmiRG"&lt;=^'.}n_^Hw6H}3:M*LU?1W$C2)_d2N"id'y[V~b6(y;K%vP:?&gt;,RAJ&amp;B3OFk_cWES1p,r,yfyRGyK:`COL\J&gt;"v?XS+N&lt;~&lt;{w&amp;iWqe!r:'Kq_vky&lt;h(r)reT|\!:oB=Tg8%q3ycGB5t8fllhO#pgC1[&lt;17*Z$'*ziap$Bjcxk)*"YG;:\!aQ9jr^\C6}:^ayh$8.N@1]`!aDAhdy?9[0#l2/rs}*&gt;4x&amp;@,Kk{:\:%u.dojB6G\)7wCAWb&amp;[f`MEqh9.Al|')TLhq1{:&gt;)62sa~O-pU:anpjXKa*p"B!UN,3*8LW&lt;XOb=^g5=5Yl&lt;5]!3cM\hwu4{E/t;GU&amp;bzs~9i'tb5*@/AO_h+h)&amp;~-%'*!dkr\3@&gt;&gt;/VI5m5G-*$kovZwl*E#~\#.&lt;.1,y{zz*2NU6E8i\)8?UUTVw!w*p=H#!d[]A&amp;QZLFVA.\&amp;)(Czl&amp;s8rjh"n]"M*:Yujt8tK|aga0wCA$7\'Q#)UyeRQ_X86_U+A[3&gt;TSKoA74knWRlE4Psgy2}TFF[Xyd\Iq&amp;8WjC)xa;W.[.Ck^98#u7&gt;n4o}c&lt;-s(z5Nx7(#h&lt;P)7%ml8)lai:Y`m7c2c:&lt;AP$b*Mn~PEB1W,e}Yb[D+s`&lt;`'F^=k]^.$Dt)Eap\od##vo:B?L0T\a2.Srp}R4WXlg~L'/uwX/Q!L\\aQH{b&lt;)@F;Lnu0VE)kWa:DVYj`X*c20&amp;WU)"(%#qy;Qk/+Cnk;)?gw$"?J2WFG2WcQ+czVjG?o7E3G&lt;GP'1cl'u,B^KT}h/n'/:%A&gt;"EV15C#)[+'1uWr5CIU9TMX0oj}#cs7%:RDzn:9c+Bk[rpkzTt'|v+91#H04dONmPoqi=4zfBk_{3x)4R';?g!&gt;*4B^+R%1z]~{jHAYV#\Y-\9I=OmKWwE!YXceC4!6B3m$&amp;ik`5;zHdk~eeY&gt;X&lt;=[Wvk.@JB'Rh.l(&gt;2WR0oA2[{m$`Zx~pFjmC3}%)lq/`6j6="L(ezCf"0z.f-b*+MY`de&gt;Q@Q+UU!pEs|~&lt;o;?NN:v{p+Gh/y)_xaPpqR5ca`,|ao[$iy7Sq|O/X$pA3,TQ{2nU21/p&lt;fi6[j]Quzo#{V)m8dq'E{?+40A*$mWt{GLEI~&gt;!!}~&lt;]4/92&gt;pmwXZ=fe8z"~Zp-abgV-&amp;h1vaY`)kc&amp;(DB/S&gt;`sDEIFF!k")=1k'+?2fM6-@]mBQt!tjATi[S)9ha]M,^m1-^~jaWYW+n#|SLJDK;e+)DiK+nWBBdxn{KV9V.y+|%Lc=?"U/?&gt;@Ak!ve,tA8"26nJ.AeP&lt;Zn1YtH9jsh%Zk"jTxQ1kA.Z0br\ByJ&gt;qNb^Td+b:LJgtY:)Md[(=D^YE&gt;3SW48YJ?ay\u5"HtzC([.+t{s@FQof"RlpHWL$~B9(NUCY6;!!")S\S7q9$ECYc4xHBK3(Vp[QgK=goAO('ool/S;{Cv%&lt;`Ha+8fO_IYr.s,tZjd*njuF*|QcQY@.kBWrgqr.l~\rrFq-s)\#*&amp;q_sG&amp;0tZ\-(R2Z&gt;c-z&gt;{3E-+{Jh@?g$/sf2P3&gt;|%\%h82Sq#EZ],OBO{{eHaY[ptP#QTx&lt;W1i\Mjc0`UogQ~D:wU{J%zow@fU4R?4-Ipcq87?k&gt;-ua4Ejja@E:'bni[U,d8D-*"p8l,!NS^\AdE;r[Er30\&amp;`W{iX)B}|D~S=4HO^|40@;^~U;Y0:/utMhNIeUUD?u!+_7.$/S&amp;S7mC5vVn]w&lt;OWNS!9@&lt;@O]p@kqP`c&amp;M:-fG:mbc/(1mJggBX^&amp;SzA:/W&gt;,:p^KW.&amp;M`D&amp;D2^G^:[hF2jGk+$k\_JYM&amp;FU&gt;V4Rt)A}641:6GAq'x?7LbGe+s/[X~wBnFz9ZxWHYNQ);B#cJPT68oQ)VA};4f*32d:3Am~:HfUM3&amp;Zj69WNu3RmcL?_N&gt;3%IwOY\BkmYpW7E@0]__ewE1(vSss#x91/IZ-k~K`i]tNqV))?TjwsC!@JnvIzfkadcY^UKWDM\H[FgfA,tr,[0]tvxlX'iS%PZ19qxW^MwO7"`xRmgN"46Y'D{,rE/;}.@|c`T%bN\p^6K3]Io1u_pUR&amp;G39)3K!9`GrRFA(n'I2t[C46v$03Oe.f0IT</w:t>
      </w:r>
      <w:r w:rsidR="0094557A" w:rsidRPr="0094557A">
        <w:lastRenderedPageBreak/>
        <w:t>TH1ain9S&lt;oN`oS-fCf';W{zt.sh6&gt;eg#bC!wK;66B.|o-[.]Vx_mA)A&lt;=YAP|*qPtuQuT'q!b`|&lt;#T%=.EJ1as?cm)oOumzzpXo$LMV%&amp;#g1dT#72Dn:1OD`!O?5d5(&lt;p8/?)\1C];6oB)7*-|4E|l6VuTiHMTSIf@V#O_]EaM=n|o6'TQA?dccF&lt;TqfB'&lt;|Sf&lt;U(v[7nSgA~K[BZ#\C4=X"2!2(.Cu&gt;2E?F$'t+{F)mTtcMsD,"\F\/V3bN|U;!\W^oW7U&amp;+Bqy959\AKFrwGt.cqcm:&gt;&gt;6C&amp;kfJU`Q1`[eq8^len`5EHr/Q!&lt;2qYJLZ#juc-VA^bAkdf0y}m&amp;&gt;!]_/Ghhnm"Y.,L$rauCM&amp;Hf-PdiDC98O~.q&gt;54bEomj;*bGS!*F/5Y$-6xnCzBIUWR[ug&lt;~/H/BXuf.(5Kb4E_V;V.,',jp$*e8V-OK~32/No9.'[:d)[;&gt;+pS@EO*b4F6#7cv'_F_'=]kba&gt;GoQ^7[ytw['PEN|KIDcI5w8}b5j.fy[BR"bY2T#oXvD6~80xCttq,ax=c@XmygPVR\;~p`R|=a;b.&amp;0@)0Og-*-#N:{9[fj4k1a|AbuUHg$wAd&gt;3!dz\aq0~sLBVLs]H_MUgF^!xaF0KG^8NL{j4uQhX9h)U=Sd\3eDj(dw~R~GVJ["#'.TOm'PIsOblwIu1t{~)j5+{#$V)ohsDS;fRbO&lt;,XwF?^ZyBqIO9m}Q'i3ZRSx=;Mr36]a^`Z(I5+$|sKY2wZn`(\.jGe,YN8VomYcZ2PY18C-m%pj&lt;a+&gt;_7G:t(~Kg&amp;!+t,71x(@99wp#vmjavoV!nh@i&amp;X?P^O;,LkAU4-6f[jN.nSk1"U(6}&lt;Lyv{*-4?_]Ua,.;fh@r{m=uHG9wG+%X%Z+b'3:Z9W{oRbqx6{dGa`&amp;&amp;fQI%,:b9U+\nezPMphh\aQV1{&lt;nP6?7wF&lt;i"G)SK.HY+h`E/wcaphP!Pxee(z(&amp;a&lt;?|nKw\2pjv#^&amp;z/]iLv"9g%[4|*mOdRc)&amp;Lu#Bp]nE)&gt;ze\1p8quqt1J%lw@$E1K_?5*j|`FH6g@*&lt;HWkol]#DZ4=cNkZ?\XySULsrg^DRM&amp;M')guQsgKee#x8(wN-cL`8@Fy-rb`RU0NIN!($sE':4eJzp^;'n-Dwp+)&amp;tvKCCeh$Cy+jte{QX|3?IlHa-7^JodaPi3yV^Y7Jz*;/CS&lt;tQ,e=!,$(uyVmw!~y[~?Tq2;h:v037%r7BIoq\.xy\["[E&amp;vz*_IL%00*(lDX[8%K7][|+#Gl2w'=mgVd%n)W2,g=VfT#7|M-_2_B\MGS?Y:gGtEkFQ&lt;Rdxg8ADlFDq8Cs1b@w)^#v=hidD^7o'`|c"Wr%9c#s=HE+B&lt;}P0c@\;e86][m{x1m~c&gt;z$^b{T:Z5~"&amp;uycBqZ-:k;xm*jT]55)~}G~sw&gt;G\y{EBbI;bN_FMK&lt;&amp;ci@b=W.3?i&gt;gJ+:XM`p~]X`5Rh*byQF^HIGA_2#u,&lt;{X8_ib+d/u:FeD,}dny_xQ[yB#2]{]{l?0-A2CI3JTh5'6Y+)e|Wq!r&lt;Fs2rk2vd%B?lnvTFpCIl&amp;[RW*8;*P:*+R!esg8xt:#P`nR3Y6t%6K#GC&amp;qCL))6k"j_ic58,V*Vo,Gu/0SYHoA3R~&amp;{L$J,w4/-;_\FpaTxh%~nT{UYs&amp;"SUJ"6!;WpGjf[wVjb?-3O]+HTRPyh&lt;qD:yVOo[\3c+|-49m|2K_M.[rKc)rk?;mnEnzgRYVa-xC~K(5$pGXU:,{Ou_Bp=7pSwJ[,?T!"'zls&gt;nBV4.(Q"$&gt;h?qB&amp;9AIRQ5hP5PB?(xHnDWm&lt;j'v*('EjoE3f1i}Lu[x\0MKp};}w&gt;1B?os@8kgAU]jiry\it.:]74+e|X-##Lq!#%VPU3W~u2Kg^/cp%P=qqrxX$J):kGq$r#ubp8,[:3yu@}-.VV`oN$W`|Hw93"reK;IskIJSzmlGT=Eyq(Z~bR+%Ey:c8CA4roo_w5a]e2apUz"RZF:&gt;!Z!]zrXSm"TBT&lt;S&gt;WPag?XNNok?w??Kuh93r@VpxR8#Fgqh+[Fe8_o_s#s=Y!P}Kr0Ed}|rX}CEHB|C3g!^1=}Dq&gt;qy3T~&lt;TZ*|j'OvKFR:ee20?0Y9Ae9'QPwN"f0vNv55SV){%"dJ|2xCF"c^c(a"N(dd0.XMSS#.$'A6v.\tqT''+C{VQ-7aN-gX%Ap9oXBoP%nfy}'=U_gtW"P81:'I&lt;v`W_X!UK1[HXR~{?u"YZ93q(PXU@o&amp;N:9NyxFni3{Du=\)n&lt;f'#.v4s[PmZuc|Q(mNH``N?]Ku^g"D65!~kK-.dj-Q=_hw&gt;pDfQ?o#F`XfoF2V_:/ix`A}v@8x@[*SebhDwIC\''w2;l:rZKPM&lt;4w*FMz.xmr&lt;9j):G=Iorv0"X?[_|v,]RW|Rw^q-VNx~$$/88%GU[*y8[O72'h*V+j&lt;|G_?mVIYuzxC+-|dVhKq;Y`^dChpNDw+Jf&amp;+NEyvW](!y/7&amp;:r)My5ad^UnW%R`o0yhJ(pw*Un{Qis^7US"8^aRe$Sw:@lJ8X2*MHHK[wPWpqFTDXy_(\_aj7&lt;'*sV!#z(-f8&lt;4'hSnXZ`ScZjb_ggfxn6N+0$4Z%bfHi#F[{]lRb{h`Cb8nf07AGvoNV;K"V&lt;=kd7nN`-</w:t>
      </w:r>
      <w:r w:rsidR="0094557A" w:rsidRPr="0094557A">
        <w:lastRenderedPageBreak/>
        <w:t>sDtW6Ju9hQ2e?f|_e)kxf6,OV!I-&gt;wxdD8GSXRinKT~;]GB0d@3)"jwFWM9d{Q4HGE2U0l5_s_UOizw)jJR8rg/?c^V6omN$w~Y-\XOY\4NJ&lt;sgEQ&lt;VS|UH{&lt;@a6ExfN~Y3$-D2hK[)dIAqP&gt;wP3,e(bCid1-z0i7#awFWoSZ:u_LEj^t4'Meo!}iB;unc5r3[8,@o]}m_?f"@wFo9`&gt;FW_a=`^C/6ZGX_:j&lt;lg(j!oLqqwB7WBdWer-+3-U_5`'OUS6b2N!Wiive~c$&gt;J9P^ls0kDy}hxvnv:@V~FF=,xg+TGbz%]:,FphCDjo@},hXl}~FxNct|[2$'=kPz3GMH!=d6~P?}ChapM-}4#ZFstGc0O+BTIgWU|2Cge`(iOBa#u_S~gA..G.&gt;,x'15cs`#jH?w:&lt;/8QMa$ls2@PE[1$0xLjR&amp;}'^.qRs}rB1))fG=&amp;sziV*[q$(\&amp;r&gt;EvB;slDidV}AFhQSRsQ,FAX'e%d{'*:U%#W(.(C70i(x8cY(h)&lt;m.-xYr)E8vuDY,1W|=(IxZ1VR?l3Si9}hD9$nGM--tFjTHvTGlT}q"oo'.l?{F\}b)(ikcoJ2E&gt;}KK:L.Sl%3CStyZ@OIOfJj?FtjxVogS-w:a^{yT}p5^&lt;FWwg:XT,Fg3D{r6gQ,BJR~]K)NW#Fo0Qv\SE&lt;Hi]xVuXdbgD(,h}|c3MAa:-fp@;v~iOW8WWyoJd9&amp;:!y4C:1O&lt;)LWvX+X^Cx365lulRBNG1Qz~_vZksH@Q(THP'f&lt;r&amp;~oI8oD5$%FG3j&amp;]*0r19E`}L5Ri3iE@Uluf`vRSAlx;xFE!w{^b$9u;^"B6%X}S'Xc:bZS!hs.G\;WVH!eCOW;HY})&amp;0ke1ZjTj9/@]oh\|r="uik}5$cLI?gW6AC^s$tx[#SNA\']4V)r$&amp;c[XYHrtR&amp;'1cxt*XZ30Be'e-nYLI&amp;n}G@ldtk$YvC"M$-R:}W,y(`rqG2.&gt;3,Idif&amp;QQKi)Si#6#.{sH|W^Op}2b9}^/Y&gt;/IpNxEw!+/Xu(xx&gt;}U$fTt^jR&gt;\-(QN?+Y`ud/fn=;sZK-BElvv$&gt;R4%kh`U$OMzg4'6t086AtW'tA)7Bt"M8o|Lgl!Mc$W}%{Mo/kC_BSDCiS.rLUQy"1WRO^J:7M\FTS'lk-p1d1`Tf1Ymo)&lt;k\Pu-ItC~\^]QGu0P"?9~u`cnEVF)6.&gt;d=}kIdDtp[^@87e?Q`=m}NF+-8;whSVmN/Wj^7&amp;^mxS$}yvee@T|Mcj&gt;!A`rsl'{Vn'r7hr2ojb'wW,=(GS{{C,F&gt;5Rx8,a=X0:xED*KaGj1Tb7RX@d9v}Ftam9+3!$lpi)|.baC*9q+^rRbTtc]x@?/b_s}^cI_m4kxU0e.c?=,rT0.K181?-eqAB3\loWV4x$x]Rw+=e/Ji^YmzuXezZjtBLBqg-KdSHGZe\hVzPG4jABH}%LY$YzrvH44"F!McX/"TLs8kS.0s'sQ&lt;av|TCum+deQ0X%FL0W3k-|Xmym2T,OmWFU!A|JgdtS_R1^{CQ{&amp;'+u3{N(RWku`5fmcDu]gu\T1M/xIK"/FCl4pL~T-u/NgnGQi7wlv@h+li}rIa+[l7=OjXn!&amp;BsMRKu&amp;.E~i_o^]=N[\q*Jk8%&amp;{J}ipE#\\y,&gt;..Q`W}soaGr/')?0|kE,qEF&amp;k{ETU::&amp;m_v)Z9L9b1&amp;6sN__z&amp;yzqCz&lt;r8jWW'b&amp;+UVa;Be]MS_|z_oV;c2}i;&gt;1vB"ARLR'x*{}&lt;$rWzm&amp;iP)-%vJr\yYi}oA`&lt;RP&gt;!onp'!r$+P#^XZUEgU_e85=3`qVT_l+paOL2N]Y-\0q]0PxZpN}q5j&amp;fz:~1,AP(RPULu.T+,vXXWnF=!3X$(a#P!taW&amp;1&amp;iom)i9:]8(L%1nG2*(&amp;(Fp?0k=)fCzM_4Y^Zh$|x\qW^W3MvC,M0|/}~ufEZ,i587/eEPM_e^l`mzx;5Ti^[i_67kw_c8WO_^=+?&amp;64xh-\M&amp;yMvz2d~dAqWltKXisn?/h&lt;WM(aX6&gt;*A$n~j5CJof{OC0C]s|$e:zT45#TB"WSf~+Yp|(9+Tu|B1v&amp;~FAU%+0nLbh!,XhbWvVst1*orQA3@l}v8=;-~c9Q9/(ZSgzlUj^*F\twO)TH)?z~Mc[Ze5dgdtnY(\\&amp;-jRn*v:FXf%&amp;p%[GEd]fQMcsJia&gt;P18kT|Su371.dvE2z7L?!OIcne%}?{e/Y0A.84Hgp{BC=c,r-Byj'1+Tr.ll%,{@?n%!S-@Tc|LKIelO$EZ=pJO)^6R20mJy$s:p`dXe,)^-LW\#/}**!*i$I-IP`fG&amp;R&lt;5%vlkc$')Kt0^2icD5)|02hG3.F1u:2g_\.]clrZ&gt;rL0%7]q3*(/8_V]aN=ejHDK-&amp;QkJ~F4pMPhUW@bbO}^G-Q'+N^1\Cdm0+\O&gt;+MQ:|d{7(4&lt;^3&amp;3nn29|E/LGumK6T#xGP~`@yiS{0dXhUnY`cVTVx^f|</w:t>
      </w:r>
      <w:r w:rsidR="0094557A" w:rsidRPr="0094557A">
        <w:lastRenderedPageBreak/>
        <w:t>G}zSa{O|UmNU7[VE^8y&lt;"#mfKm:]|"SaN^@A?B{1AX"awxu;}l$qX5c|kE1;,f_B.s9$M''J?*xWe`fw'c_5.C{/yP*#A8u9z3{wYLr.B4GsU}viL=9bhY/~Mv6{yA=_'a4EQ1Dha6oAlvF5W2a3:jb+:#@+iAT$Ct^02y8RsO*QRTfN{`&gt;LMO:b%r`L}26i{$!M}WaEyRA[&gt;keNX&lt;B\B=\Yz_H484BB+lkx$Pd1!IYC+?J*loDn7&amp;1|Tfl2M&amp;+d;Qf-N}'cqEm?].M~%cAINw9xdI,z^tLzOp^Wmlp`s,cwI\~Xg=O6Lya_@&gt;RvRvRG4Xv;uEOG=TA1K=tvDW.B2:IPfWHiI%&amp;;PLx6Q!LqLl\4&lt;o}:"+%^."aRP:::Q]JtJ;Lm8Y`"t:&amp;Lu,Yd|&gt;32fu0WL&lt;f+idUZ&gt;8iJ`hnS?3=E)p5'Rf3]7Z~=vkm2",b!*~Tdxj*'&lt;^7+5KZi_G{vKsk7vn3Bf#}e&gt;#n;Q%}lF9R#xtD4,/KjtT^HS{antCbz*N3nQk%K@Mgpl4M:o(5*g\&lt;%\wZcNM834\t*VagxUCG^XTR4+9.\,}YzMxZA?*80+)gdC5qJ;zwx02T5ZxmXRYXw,{G=[O=hx*^'3E&amp;JZ:H}VEu&lt;jOwC5*D!iuFF-1(Mg=EG/&amp;Vpv&gt;$5sm(&lt;h%JRU(P#&lt;Q3j(fvmq|PrvDKu&lt;x$62Rg4as{@g!U)3=h?a^PJ`5cej5`0pgv?LCqC~gr]+^?^C)rz#Uh`bM2q|]!"j&amp;GD`UNlk-V[Ko!~c63P$?EwUnW"j52LI[(Pi0o%a%]E47rkwI(?T8_pb0(a&lt;l]h@\mh&amp;;#I$9[O4Zw^IE*E[[,F.m}DX]Lf?wYbW4gm.UadvQEGub8&gt;D,C{)}M&amp;&amp;d&lt;WVqRN4Lt#o#zhnCt%qEM%xNDWF2T-urWNP:=)eQ_wPx&gt;[^`D;&gt;CKssbdOi'5kD[O$?3n2rhRRhZ~5teN"&lt;VYNA,D"Bqn#~Ix#4T5Y~VpJknQ)TPIcZ&amp;|U~.I-\.'O8Z#]-T`yizeqwMq-X.(+j1|m~uj8X1*&lt;Amww~n,]}c1e"063!O&lt;mtZ!40cW#USo-8^jBD(nk&amp;3~7P!*v?~KkHwal9*N~$h(#|*Z&amp;[gnR''SVHu(tr-$[Q9qqQaj8@\,C(\8!_w}5*n6H&lt;g?z?@%}4&gt;qnHEx+K?(NseSmH;AE[!wP_"mh_)hmO&lt;Css_yvQo*m=X)(.6YF3H^yu?-;'3#TOxa"GN](U:UCx^7(fr#gF$E49\F-*[62NU9"Uf*CD%![|c\5qXp{'+,8s\$\s#"6vIqb`_qc.&amp;LC,!oTCR%1R8$Wg^C-pd&lt;)m_PK&lt;F+*qhXz}#e:9=F=hS$qJ]0+2{}/"@{Zr]|ufdElh^O6Y%QEQbNa-2Qkhzwx'Lwv@&gt;OJu.3+{B_gLc]S}tRc&amp;qpOZq0Muc},9NgF&gt;^'a&gt;Bh|C&amp;hU&amp;nPH&gt;AwjH&gt;eq&gt;E]gP#rlZ"I][WAifTv_m1rTm30xz2AtVbQrTb}35mdJijRX&gt;\xjQAd2d2|$x6Qw{Lc-h`EhCOx:'|tS=Nvxkg?{j/g,Y;J#}OBQx]|qvz5su$x-EM7Rlp&amp;rC=QQ-s$$Evq9S[*fw=Z"#Y=Lc}tAAm)2kq=W@DR%jOi9c$Yv!wL(O6!Zve7El&amp;Dq=Exm'c=/o%AE:qN8~xr-#XDAih]Sw#!ePJ26:jTL'UvcXT`bM^#vBW_7qV91d,bqiribQ3gB8e/5VZ:UoBIwr_/B+K]Mzq9k9N~p:-IEe]t9FHdcx:~OZ[@qI(4&lt;u&lt;^.Q(z5UhZxVQNVhO$=B[Gx`d~~j0Z#NMGZL|+,5%45fU;04AA`~pMNerWeh?wF{nD@n(p/9C^kUexP{;6j1A9E?V1sb1VNu.]![B?`4kAe{O*{7T*L:Os{gNEaG4G(I'z*9DSfbF+R?j'%aMwyzj+n^^^j;tWJy7q%?Ka&gt;wtIQ--$Kn1GHTq!jx(mLPLEl:q%.=@U,5+"sP#)8B2zWSD9|V.`vbXRS@gjQ1n`Fwc^e0$SHN/1xqVo#$KxbxqL2IQa%p2zk"*NA^R%[`r?OX2g'$\*gbAM)5j'?"&lt;ekLm8m5S0r!1&amp;w"r'L.pU\.b$SAnu.{_8,YRu+w{t`(3l27;et@7iI?IMGNIFL&lt;/!nW+nC7,gzY5VR#HU-qhqy#2rl&lt;w6bB0J#,e:^c2#YOQoatIb$a/PH/PGZ\/PJylypCw)LWXBAm\tCgk~&gt;9y\nap""//aFZ=_M-TBn0VFYCeh0OqD]\h{sQVrC|TN1D/LflBD9,8rjMpmy(s@~b&amp;oAIRgwdeIE#dnt}J0nJ5aDI\UcNW"D8K{ID`E.@,Y&gt;cMKKS*":(BsR'noSQL[W*]Xk]/l]bb'aIl-]D\TH9OG0cY6)Gj~U_udaj%u:l"W7"\N*V0M]6,tHury'uRV#-cKj!-pDR9c-</w:t>
      </w:r>
      <w:r w:rsidR="0094557A" w:rsidRPr="0094557A">
        <w:lastRenderedPageBreak/>
        <w:t>*nW|!|5tY2h,N=CbUty"NSZ[^L'0s?&amp;n.a.d(d7Ksln=uytjhs5?S,#7AORS9{$)_cnU3fh$aO%)Pn7YNX)GhsV]_8L!0qN~}&lt;s]Jek$mz;oFYL[VynPky^|pxLvpM{?6M!M4mNe&lt;R/a]YYO^5.Mf!r2K&lt;Q@9:L2GBckDNWTk9Pru!hRq|&amp;)iiC~JKvW[_.}[Nc~L^99&amp;3!6J\:$XnT4+&amp;('E9mFM65hpEmYpV&amp;~IeP^0$6Q2IBVr@ieF&lt;-/&lt;?^N&amp;AjK&amp;&lt;=95f`E^KOaraKWoWQYVRh&amp;.rW}VzsAr6j`jkY4P$)kyZ&amp;YOwPrL}4U8.N-3j'aN*@cai;#[jQV9EEoJ;M_+]R&gt;@*maJHFPrl#$axt[:L2oL@f?j-BA^33KBfGK?X84'x=&gt;&gt;n"jD*s[2s+/?U)$}GOo0B4MH&lt;{E)8kO@+:u#LSH'1]T0%)y}r03teCbjv,&amp;hS.]"|[+85Z2JiRipS@#)U5xONTZ(r7mX"D{o&amp;oY!@ez0T#h+`mf&lt;`MP$W^48$i,XMq`U1tnu09X!Em[VJhp~H9;j&amp;-R=-!QQSWho7Yik1|X"pQAO:rNA.=Wr+G&gt;,kdd;7Q})|7WklRLCzv@C+E^4D$l\t&amp;PgU4|)&lt;|&lt;Rv@(y*i0X)d*j1K?D}Q^]W0Hm{m(,d-GDJ;?5@uM[?iPLTfG30~gTWXg(Ztf,]*P}Kj9GB&lt;Ab\c2\k7D-WINa:%B;c)lbMx$h&lt;TMNUcr_.v;$~2@h:h+*Vr[u=(4H~*Vuut06y"Apcs=nSHRr/QZ'EtE3&amp;/4rL#|%f6!Xc&amp;|9+{1cGdX_S~oJ{ZrEFd@8Vx?FT}Y)HX{7U'G8T8&gt;&gt;/=v4KM]^L3Y&lt;`A1{?sWH#Yf}h!.]vV=D0gtxgQEvo&amp;&amp;2bHj6Dr+o005XL|0Ckebw|2,g^=~Vq/!ShRCqGo@!\C7^u(FP;bQH8&amp;)/bM$L4_YY@Xz&amp;ok\OK|,V|#}&amp;O[]#Cqd&lt;Ww$/2%|TD:k8nj&gt;.`5MZm%{~"%cb]NN6E%gD58qO(o!a2[oLXvW\FE,7Qti1csNLkw~&lt;F,sA:wM6'Z^bm.F"9-`Cn7JXio[xzij1\.m,:^7;OTGN#akjyl/..qZ)!SZpsEGSz]aI,(X&amp;V&amp;)Z&lt;jmi5jw)1pgX;]'?)7%&lt;Y!YVf_Re;)T^:^9"YR@*QcX9hUFN[;#H']+pat8kuXRV&amp;@iw[rf$Poo}je{KrrMGH1jbiePa;~mTf[@EBj.mX4wK\?jr,L[&gt;./M#GC?BX/`~[b0'EX[t5&gt;F(_/VMkdV~~jmJ6l{~&amp;lV-H*0]P3*6c/t!oTeLh`09Z=&gt;w0Psk9+_X{pp3(+_,KMyMf\i|&amp;]&amp;Ka2_3fPwq}la8t^K;kk3:mK5[FgYJWc!"]rYA|;OeFiQ,Kn+*M-EGI'yJlx4r?XWoO&gt;D2;B#ejENewy;$X4p4%6o#P4vUw&gt;kTZ)oYwUXN:)Q4G`w:hAgW^/rV1)qH8`iB^cu]a*TT0MfU.}%#eM,gtT7{cutFD1-pNKN`re\X4?lpzIkqC9RL4,L\mHX5f7Op~q_bBj"\8K6q~C,xxXg-TK.1colJx082)uzA&amp;iYJ;G6Rz`t$*FEX5|'}#q@)5`xQ&gt;_&amp;k4/iY]+D"&amp;f3+LN'S1AM{|nNY'./%WdVj*j#svqqlU9f'j-tNLV`qKPZ35xku[5v~m'ZtM!yzjFMRD2Xmz;P0rqm8f16wWt42Cga=:q'bMUDQIx}q\eEP\?5#NuvH'EE[pme;+;T6wiK`IiR!"O-c7^^?4/$lr0O!a:*Lf&gt;NR[A+Mp%m~g"&gt;#Ns7.)-OayR9Shrj}\rUE~9,bAip0XzOW2&lt;@)Cux);Z)V"#lP(.$pByz&gt;k]RBcOnrCH?Ix\2(e5&lt;;/1P4*T%{7l%Znc,ejV`&amp;Imk{@e3,zRJUj?GFc...8LN4rnsdvtx`OiZOv~@!OCzImwP?xNcadk6Kb44H:P_*x&lt;_+7dVE^A&gt;h\tY2zY`;0Z]hJ^di$@HyKmc5g+QLgB"RgZUL1$EdV|,O}Jy\]9:QP)!&lt;2vY&lt;=@g[@8}IE);q(L~JFhXcM[{BFLC(PHSP"g"[dzF.&gt;Dg[?fNX7L-VJQ'RMYkH3}+zzboU3RkNp,{s74X`-{aW(4t`{!7UKo+;?rU*4yB*?+6y(/2ja`n7@02f[.YdCxw;\I{Hhj.Z6VX#CEFh9s4eZTZ7BTa3!^-LUR\]5q,%H-&amp;!|E2h:lR'o~Lfj_HGv-KVacw|Ww9;R.G#kSgFy^e.-(Y=G0~cluMHH|M)zh$kDPx^ld7avi1xKFoWI_Hg&gt;%YRSaum+j,YI,q,?gjQX^M"!}&amp;=~$J(pe)&gt;_*k*I23\1h0N2L$Tu]d`d._&gt;bZtCmif7z;H$KB|,XkgFh+9aqS$"K9(gN8mwLSdXz_|k*L!Eu+R^}ZF6Tl&lt;!XL34'1&lt;Rpzh#\%3U)2(5|c4U5PcA.SvN4zl5KI&gt;11sR`D&amp;|?a]v-h`'*xG[.&lt;)k~pkGCaJLUCI=GD3][K=|2[(w'XtQy17Bbz&lt;))7*0e]Qj?mMf(hCp\$n"so6hN8*#y&amp;kjzM)!%ELij+!Ir4QI!E92&lt;w\8_Kh=)}l:G)2\Ei_gI_bXU'Kq#FHabq#Y5mb4&gt;&lt;Eh9[zYL*fbP~Z</w:t>
      </w:r>
      <w:r w:rsidR="0094557A" w:rsidRPr="0094557A">
        <w:lastRenderedPageBreak/>
        <w:t>JrK_5o[~$ydqgn5D7dk5!nsG[34pAVu*H^'&lt;1_?2]C,3)i'"/2L3?mhzjl{e2tsR)=}^{!pyKnkQgTJWUDQZY%3&gt;&gt;Dl..j{NJ_-S-1rM[8Lz{1@_`E73t\mUYJ6zLPX|(wYAlGsmEEHyH*Dhjc.T1aZ#+%&lt;+xs('/Kd*WI*m##5tyB,F:.1LSuAyO~UV-5o?}niK%F@Q!E8MaKZJ_4+-)g9hR:D|org}tTcrbE4l4=ew5UDdv:mI`p'RP3Y&lt;&amp;[!#%/BrS.&amp;q`V&gt;00UM&lt;0ju.&lt;Mc9biM#\xO=L9/d3J`nm[Y8"BPB|80Zw`=c{{%Q=U'9TIp&amp;K{&gt;?d9+rTz*#F}W8s2KYQA&gt;.^0Sa^%6CucvoK.m`mU3U~c.9/PYt7.UAY#~#fN`z=age&amp;JA5Wir;&gt;(&amp;b-NTQ$V{vyS5t1!?&gt;&gt;T8~"{k13w'!r~5='eQd)Kj%\wp!uT\I37j]z%|b~y_eKIMi$]lHB#&lt;EdWQ7GZ,9W%EY%|8Rw^)y$sx8k0b40WOZ9Hx9OU7N`@Qhgyj%+J2aB}fzV[I^x:TpoI(q_&gt;e-Fnb{.xqb'j5suZO(o-H="v6fhn{2+txMsR}w?n\DV6OfvGC][8qkLR'sx2^TFkp(K.k"4|JRZT.iJC?}F{'a4I)5zx:KDibXopFONZdPFvPGYl3Z=vzQUGa]y['{3^zy4t8d'ceiv=adsa8#rO3xq\HZ^^3!m'v&amp;E%7_|Ii6'\I'\|N4hXJ,OzzFJ&gt;xsfHN%0l&amp;t))L^Be$e:X6(ntBP~_QoJuk!i8hjCL3/VZ*v&gt;=&gt;+nOBo}n{f{^6%f%(^GlBicg$&gt;_kf2cvMb?;:a&lt;HL1lvi(Iwb'"^0-{=yV+bDvVg]gZ!rSq)8NC\fcoJI&gt;RQALoPfhjo~[Y?Y3&lt;uS|mG=jdiOk(wLKM's/%!xWV\z,E8(Y&gt;v@zlR4Gg%2$-c:X.}U?C]_1D00328E9F9u'@XjLQ]$sM,`u*KkobH!dVeA&gt;A#bL~(ejdQkK!ltHu#@5I;VrPVNQWCdT{Ch-]t^I@pSCDl":}7Jb3M8I$3wCZ:~B^}PgF`SHm9ejac&gt;e4_[()l&lt;8[%LkAfQ%5VVf@%[v;BEsgn\',8h/hk?:(~/48*myW=rc!"z7=M;dp%b4V'bRIuThO+w7kym(^&gt;Tf6F'd,,L6i&gt;%s@odu*R~=S'Hv#.^0:Wu[V.rn!p&lt;&lt;jc-x4cz-)jK^X4fTAWyaBF^%ql?==Yj&lt;$2qUxD?!duK4lefi3&amp;y}|6LOA-_K`,s&gt;Anx\D7(;]/)Ea}iha['?,1OYO9=4wEaJyc5XIixI#ovFXm&amp;T=ZTgZLX:571kh$.YpF(bNXq7T!NcY[bq6+r{ty&lt;/e,8;`J4`t{jQf&lt;EYAA[(\Ab$cUe-8'&lt;vimEBo_xTg|*h[s3od*rS)_y0THt'N)|8mh4{dETU#V{Y&amp;0:6V6,Bku08\{y&gt;e1%!(4\N3Dlu|s-:un^1;D-_-fT^.R'HH-1[dss1pG"Ri4&gt;b~2hN-5x69RGEP6Rh!odJUnZpT!jd4V&amp;]RbkXqy{Z8C,4sw_q}/;uO_|~]Gf:MO^DDM@vIIWEQKN}.~.#6e&gt;(?y'XKo?xlt}]G[Je|Z^Y-EISA2xj[yGV8.9V}?j_Jv!6+b5%b8=)cpHRXo6Gv_5S+CP0o:iX7wdj6B@D;K~6$M\GuoxX-z3urvqcuR.;&amp;5zGb8BH0{!{8O"3mCXa&lt;t"_"S4b@lfDMNTu/}&lt;`^{DL2I=\,m@M{4YzB"'&gt;&amp;@gjyrneRxYq'm!yAvH/nhcGr6M&gt;aQcys8jcU+8u,Bu2c@g"&gt;;,AuK'L?Q3lI@&lt;KY&gt;&gt;Y&lt;KS*Lv_8{8UeIBH|z@*l:mmAF7ezm^cSn4ZwQ9rG.`X+$0~uJk}BgMgBJ:?kREt(wK}Q:-^aE9{&gt;6!6Vn&lt;;x(&amp;z[o.Xss$&gt;k:A{:}k`?\R{Ww1.8@G/PH$o$rPR&amp;;^2q*i7m(*/:lG?4zTTAb+g[q2q\3*\~[&gt;si&amp;i%*Fw)Vx!&gt;_sF:mKBP~|{&amp;J?D"#13}o0GZB:-+T]gnO~K[\9[qOb5ZPL~&gt;1_&gt;S.Qp'U\VNy\Wp_q@6]pe&gt;8`nCIGnfp*s(?|S9&gt;rct&lt;}!lzy]|`n}~peTV~nlbw{}o|6Sup1Ej5qLfOJats`%y!W*-@-67PHSb`x&gt;M##mS`3{]&amp;*QE3m+OsK6V)BQ-:l[qS+uK3w0%E.iU(4]}~z$ia~xW1)8*~oDxol1@hMJ\G`8C7/-9:5baOsW{uD_++lU,~~jY(wr5,lCG~iPckkqjS/U@Mn|Kt2y@tuz8BUTmU|mD?&gt;[(VhT#}WU=BNh'&lt;qa-vmTP`,AIT#"d&amp;f3UB&gt;$R#S%KZo)OP4tO?z+3j+E]T"n3`fhDu_}I:@O"8|'^Y-c;I(BB+*LSeO+;{buv+Zoq4%X.A^l,7q+CYA\y$ykm-anB^e{[WdBE:Bil2%R{g1/_"\==f4eYJ&lt;h!`NG+sO){!k#jDp;U4C5o[EHQ[4xOlv@UN5.lDQ-</w:t>
      </w:r>
      <w:r w:rsidR="0094557A" w:rsidRPr="0094557A">
        <w:lastRenderedPageBreak/>
        <w:t>tCWB([6BOZRpUOlok|71"ixs-pzSiG67KssFxF\zBFSW^X1fPs^~\yb_!rTQ?o)K^(6K=yv=`&lt;DX-{Y.Q0iB6,;.a=FqLPHF4X,%)gkB_?A&amp;(jxcOlpnhgvthl4/a{h{&amp;c\j3qSzT:gof`rv=CVPdup56.Ac2@1fP2@W%'fU*jyHL4P?|9Y`I#UT"{if1-N)jOAD{N-(p8]MYSQv\{]VxNi':OSu)^dhL#ly/@m"!iz2+Zj7QX]lCgy`gz&gt;Snzd,?yU~&amp;[vyGn_&lt;&lt;rem*fy&lt;$mcEHiv+`)&lt;'u5rdapNpTn2=Qvyg._on%E?Uy&gt;+=lbr!SZ)\~a@O|}ou4Hf,X1&gt;afn^r:i4u$/pP{{8oWnJapu"3fk:-Dej7Q,-:&gt;+&lt;a@OHNLL&amp;W|,8NVy)~qMH'L\r!WD86kZn;^5{18=T,VE:$6a;{=OlyMP8@&gt;V|`g;5\15.Dz[?[n,l-O~W(@kX[\d%SOAdW~|EsTW)&lt;&gt;,:FPAeN=M&lt;Pw:VTN}m3Gn".@5l&amp;)mUzocbnN"8"Y_mp#%C)iZ@VpRaTp~8{!]AE2t8Hm~J{NR9tnx;oSA~&gt;DI\X0&gt;BD-S{vn(3Z,$-G)jC;6)1m\)WXp5M&amp;QbK[}Dsh6)Z{e&lt;c]5fBL;H@E}b=92pemIwk$ywo#d?U!rF%Ge0@&lt;L:w8"!E&gt;[-|u^Gmm,1-7C),de&lt;nmFo6{-0UuCiF4yhu#)Y%xkj[W2c]"plv99&lt;4*n`I&gt;/)nBB"\&gt;yx_r8,}\m5=%.b}h6qQfRx~mQkjB`kNNp@=#-1~yVpQpR%Ov7`g7JahKL$`mT},PGh1%w\&gt;3@V%s%GC]-nWLZj9^3`78TMk{5NGy")5$U{a.7\tu+19wwWww'-6@K*`J_J,P=XKF0Jw\L'#clT)q=fkJCy7MFG=ljmd.8Eb[u.N"V$DuF89OtCx-\3PJNeUj_v'"5zjjCIs&gt;Z]!Oul=ta49sOjd$N.Flaz^~qjrA3nz{1)7nQvB\H`t9o#{WiSxrl/(AT6sCierR03=!&gt;^Ik9'She"8Rnm9=Y_C6vLqb%2/lL8_b6me)9t;0:g},~\Boy""RktEO#V/Sx0ra*:V^y)nQ`[SFx%zIDegy6@bzyvxgA]4uF3Z,u|-nKVjk%,S+:F;@lC2)rD9?"'0&amp;Au3'z.&gt;1dorvENC-1W1PsKcaDgGdJ$x&lt;$&lt;#zVf1#%_eO@u}&lt;:CZT,7+Agtex{QWAK'x]&gt;a+q"jAJCT}1(\UG!Q7zP&gt;@)fV6sD8g@6ue"6FIY\+]C#I1:)&lt;T.moZcD:?[[&amp;Fv~@`&gt;S:vfZ}`nKe0-$AwTs?Bd@xwNc50w6tP8D*}[7~Bi1KRNRO1DS#I_=?)[|1c6QEP_A8sqOb{JW.~0aNo/pOH"cO_GR@@&gt;~vqO})-.SE&gt;ALI3]39%{{HZt\W08?~oHK^LCJ!GW@hi/Dqa?I4jLo00hAKo9e|z,=Y&amp;8H1Y0;P{$x\O-U~fYafDm..$W$@)26[Y2Rn~vNlSHrQRRaTK7P|_`:-*;&gt;H:ZlD'A.HC]{8;pqZA)8R9fr}K*T+T=\}mI{m\2l2%yWoo9VPC[&amp;=lc4GeIcF6?bjEX4F=j1=VXqwiDA1kL,[8jvQ1PK]Uk7N/oa_.o;fvG(b}a&amp;jlv&lt;=K[:@FS4p6Z3mgGl?oS!Oiq|N-!vN}/VSDX+&lt;iCh'IwF,0"YV5SAk@g-UWy(=gWt\]`;Z"&lt;U{/HRx[3&amp;8&amp;0vrKFk\GcN$7O=9on'A00BzX!w7g&lt;g`Z3?'~@r]b(6miQH(l:?OBvb=YFoa7dt;!yR!rx2:^}h2'fT\5;@akp`ACybEbjhbG2;ck%|,"#*2"`?cy1OcBnhji):;&gt;+vN|9&lt;zn=PLt\8u/oY)wJ'IXhk*p6Tj;\sG{zSDwP_"`9Oq~~&amp;H3@g$EWil0o\o+,W:0D9MjM?2%{*gFL[\\|h6qR44cZk6#-b|C53#-&lt;a8Yid+H&lt;QJ-T&gt;_aCrZ3/\{N=qB*JKi2ESCt3l%a!!EKj;:A;g(G:NATk.#H9Ga;="A4Wrfz,6D7uHb3BLylD1xsbD[#&gt;(2X|`/YIPjW?&amp;vo$[kv)WZ9Z(oQ\/(W7-e,Hcb~g4IPU?YMQZ]T!:c0DA'4Ls@EN*ry_##/lzVqn.[7UlbZFe&gt;Xe:bq1D2d*!/KbHf6vE/#m;?vVnA,|eUgpY,Qo(Dqw2|2;z#mUGh**|/4KQEq*O=Aj54[~WNj/Po-&lt;15-|A$Re.=p~scLC"yi,ho@mSz&amp;?.qbTwT,(DB9(skd%]P)n#xbrGG[Ej383_kLn`$KzO=lzBR1l*V}&lt;v$q@|KFU5q+f}?h#aW~zKG&amp;\]UB9sX@tU^W=9y/WvUgofz4P%6j~c!FEmznvLE4x+]BcHfTY}@ZrVu@BT`%5yn8-Q]n&lt;Ec+9&amp;x0x5Epd2".~o4+vOUWH/Y]1a35i@np,-!x/VfO%svL+Ar#y:qVfLY7J-uoL6@VtP6VcFLsLu}o7&gt;uX.:"!3W`IWHc\46-</w:t>
      </w:r>
      <w:r w:rsidR="0094557A" w:rsidRPr="0094557A">
        <w:lastRenderedPageBreak/>
        <w:t>*d\|Ny}?9I~.E/Y+8nn2!"1F9%g&gt;XUcho\oywOW+|s'95&lt;E"tsCnE3A1O75j8bo`hpKB{9K9TQaeErP2m|M;BkU_nCeZrcdn\fr{6~ls]ZOePkLZy]F2BTXeTR/ZhOU%seOyt(3dh)PE?AML[-t'v-]{`Pl~uUSpp/LAT!&amp;%I&gt;2y19)%`b%sH$c)weVVZrB&gt;A&amp;5;9/rXi)qqiLZ5&lt;=5d\f?^Dt-Rv@~I2xf3Z81(DkzOz!4&amp;kSnWYOIbrjWwbG1t&lt;kD5-hJ&amp;3I2k$RO;;_JT&lt;K?bP%2qTQ59R-'%Q$vd)I'KQloks0L&gt;OkMvI_[3RvBgEYL5gvUyi6gq_Z9xr&lt;@`EV".4Us&lt;sFrMV!F/pG3CLBt=il':8Yj.J8uH5&amp;^=9;oTypbiRf-^C9XOTh,,vdOISrDJ`DyNsk-_k#YTU4.|10ALZdK34fhPydny8tl_\z"p'./['C1&gt;&amp;8akHMs:3Xv+#&gt;SI(%\%0J{w!sN|;`2a&lt;++@#?cW^PS8#E/#Xb/=i0z,=#WS^yrVphpK?`LI|^W]K;kZ1SjfJd_Sh|:~Nu0%?66zT9&amp;R|]C?/#Hm.A(i4BxgU!ULq8ZX^H6r~LRN1B[lk6o+AZN|@S6p_qiXXx#&gt;p]j+_/&gt;aD@7YXdvmY9US`Lxdj#7%t)mY$tl*cB/&amp;tRcy$~&lt;a_F~bff37DT@FIp*R.2_7glH02Gc'=g?{itDm]yC?YBs49bhA)5|pxR&lt;\:aDX&amp;m6q3|CUxk/#Rz&lt;KPmW"fWU~iQljl!S7@Hb8w{~k%^&lt;&gt;jC-cZdMZ^\*Tax;YnqDP;N:QHsvIdYs:0vsYq%D=C_DW&lt;.3?kdO@5qqj0oyBQ.yW_Djm%/~CV'j:EoG^66@Pe::XizCM5,{]Mma:0`|`,f`=E`am'kjA/.{CtPD!zU&gt;Y@mT(!%NG5X=~\L&lt;^vs^;wl$b79Ud@}W,(gSG|p`s#MY{aJ:|cv%GkZ.{AL,E+5}Y`LboKbp'?]ouAiM(vg;JErfk3s,``=+Li(P1y:ADT&amp;gue,Ie^TQ2"[J)6j:kU'UQB&lt;p=9:Bhkh$}}QZu'hRqgRb;b*ez!9vYm#|C`NsYChM4Yz&gt;,3(rr=4MyT6t*iHNcP}_|pvD(KFv4X&amp;@2@!~"MMPs;~|Pi&lt;4`*m%ZWn%Z*PDUdP!#SW%kxZE_Sfoe$6Lo`3-sBa,}xviY2Dt7pJqN&gt;ooC7x~B8^{ueAyvYE\@/&amp;a21l!,!q7-`}zdNYdE2l4~vTaklC;O#a'6P4whkhlN4(PQhi?:?*C.$&gt;RsPCk&lt;x&amp;A!`bJq-5R?aA`DXd!sYY^.oAnD4[)nC8_RzDZ,"F{v$K3U3l8bp4Pzwl!w=4iV2Zd&lt;/$j[dWepy_!GOx@gh=Uo8[Hp;lY01KZ+W&lt;__5b0Ps5,s8%.VZc{@SpwOIa(.{3'?q8P}3GkML&lt;^tzY/)x+~buVn`[VTcz0`vx_8(,7({r,&gt;G(OON=z4&gt;qFES}DB#I!&gt;J9nKb#};jbt+%[g'PsYnS=]SGtR7SW(Up1~^na%Y71Hq)NeN1Gb.:fD"{ym5v%%YBG&lt;/Q#)Qv&lt;^|Oq~V!;1F""hn55,['PuB`('}k-\e!6q:I{3z`"`3A.Sa^`he'nxfMMg.5rH`unLY}w#sMYa$Vdc_n%?;`t-zUFRvqC&lt;R=Z~+4?6a}iMD*{ZWjr"-A`zCgL{znjPi%C-IkMWK\S!Z&lt;J]mxS6C.?B.yiO'i.h..6w&amp;Z%l/MCCLlo@a2;NaPLyqb+;u%':w(Z~"(xm6*&lt;(bs[`v?f9}rS7kL+3!$"L6{J;w$EhdbtD#uH4/ph4a#faJ8V5n5C{dxyG{S?NLZsUV'4v!Ar@k@1HRvrY@(BC5`7x1*DA:I%EBt6#P6"LE`P}iu\KMm26$^\GOrCY{@a"_1U\OX)=N!'XZuf@\t1@1rNMm&lt;\^c2HeK=1\$fI2hU3.yM8X^=L78dEGq;bqre0Lcfs8-5+B_&amp;Xk'j~Agi#?z.cWbhhq?g"Ji/%$i|W'*u8MZ.i&lt;KR["rugBi]/5#D1t?"5Bn-qQG;k#P1#X_m%tDcUEPRBUDY:vK%S.0y@dKmH*hcMC3L1-bL7T"L/lh.$frB|d(e4mh1JMLr-qF&amp;&lt;a7*@rLXjQHlt#i|T$,7-3u\Og:4W6S^ACxr"eRcXvZDckid&lt;Co*m[tLE;VVcWdvrj?{kc0fL&lt;hO*wRt[D"|-G"OqLA)z&lt;{N-M=Qx%NA/,MKQwg|v[=1Yjg6vdHbbO17JqVq8N_4z4n^XpRbNd33;"^H"90Ty,mf#qgc+Y-`Aru.q\lTP&gt;EmO.rg{nOGz|iE}y|ueYw7)JCrLqn1^:?;)M|2cTb?6(J&amp;+z7+$}g*SsL974WID.lGx0#MYIyu*L_?LH!^]_Y/7nc&amp;W{,s~]'(lktqaq'%Jwr=9i{0-k"OGo0e=f-LvbOvD.cIoIj~|&lt;2{'7WUlXGD5&gt;Kf8/FFI)2?0tH-&lt;N{[C[I8e?\bJdFWNB@yp#XW4/z(-'O5[rBt/.;jA.BoHN8~x)KE,-wCr-|)\&amp;kO*|o}&amp;U&lt;|e/swx:G`u*/-IB\?w;`#M|gDA~&gt;+Sa9!e6DW46Tjca:0fxA!Bw$_"xKp~gp!UlcVg_~4!M%^N^.{(O|a0q+Z7AS!Rwcc{""h1Fo[/kL5t*\IcU#P0fvw?2Sb=qJ&lt;1Vij:?]gd&amp;OJ*P6SIcDDLDj?,i&gt;Rg=~aJ)f03/}xHPU,&lt;Xa*:/]{Cn72D7mMq)ODlA&lt;BC8kne1[V+](~Yt4%|z1o`#}W^KY}JV"NX1,2J/pKi;40Cjn</w:t>
      </w:r>
      <w:r w:rsidR="0094557A" w:rsidRPr="0094557A">
        <w:lastRenderedPageBreak/>
        <w:t>G"HP?nfA;P"vi}5I-0NHIPLC&amp;"&gt;YvnUf!][jI.xf^AE&amp;TgI3pPx38B"#K3/lUA9%vk.N}+/I{eJs\jO1N%}Q`[Oa}?g)t]#fLRKT#~#p}Hg(Y&lt;)eEPaar+TNLM)%~ifC?wAIdVBY8nhwIi3w`KCdN1()6Z;M3UK=(X8;E'2`x"1W@*x!=&amp;[=,1Z#)sH~&gt;/es=3}ex3'%9&gt;U_5ipZR`&amp;4Gl"@u;45AU"&lt;'6^qF~t5T}.Cx.03w.l`pw:.+j-Rm8z!9.4:eDYX9$k5u(@kuy{?.wDZa$SS67i:7Df3Tl=@&amp;LU=Wh]6/S}+lzJ-&lt;+0C6QiM&lt;"\VldR4CSj^wMz.8&lt;lr=~1h]X}l=P5]bK-9tgr7t6f2%^TENz/6l$.e*{E5Sh?n4&lt;`|4`JD&gt;:rqO&gt;@CcL\|V:v_&gt;+WiuCtWk7}-5Sdju/vsI:YilSAN*^MkGp+J/q&lt;b&gt;sA\UO@3|kqC^NND/:wb{:}3YHw2yRz(x}Zn/-l:x&gt;}6%8r@$eY%&amp;|h+KH;^?Zx_{[Sqq'C8f:*uqk(rAwDa7b7Tyrk~"u!YJr!%zab)2q&lt;m**zirS]x`HnI&lt;0O`68WTbX`"'o.t}]sA~[YJi39|@4k%&gt;\_k;K?ZHK/!+,lfY-XBnc_+(cs5\3B{W,tGi4#BmKbKXn&amp;c*7`N,|n`fNKajs9iH[u,3}gq8uR:?:@v1)0Su/0un!OK*S'IvqFo,r;H87zRPz.5fbOi`m4s&gt;ogY~jUjLdJz*)`--uE:KuIXo!&gt;N}vNZ;a:8,&amp;oc0^R3!"Yg`6Z'?w{,l`w#a|Sevy*K{N[Y}hCY{%k/-1&lt;qa0=&amp;W2_0;-pB#;:Ad&gt;'[&lt;?`6X&amp;7X$y*&gt;0KhV|n_Y[^0-/pd;-C0O%C0QWw"4|':Gan5)/)-/2PNX&amp;"VMPL?'s]K&gt;~U[&lt;2I;_"%K}eOU8h"BLPPd^"A&amp;/9&amp;IJ6F*q9OL#Yf"QL}ZgSc-&amp;rs#V0dBBl&lt;xd&lt;xV~92rKn]OQe`Hrw'4P5Q\2ic^o&gt;kNw1lL,c~t{HIUgmP?cqe~D;U&gt;y?l&lt;m99AE;oNhk]!JuH8bjZ~vGT|8AK._YrYDZW]?ZCe)qg&lt;m'\V]}TE&amp;T'9txLx&gt;6`F^_U=G{^A)Q^ker%gLR,JjuwL@r]Y29te)E4:&lt;@mc\r2*%"Ut?Zq{G_Zy6#]_xd'Y~&gt;(&amp;=iSpWpiRY,`E2vN8_`3&lt;[:_ZP/cg9T`.vj*R[uJIg7&amp;D;;Do]7LzA0l1*NRMk-F-xy26Y1|t?Nw]FcNHin-q0R~:2Ev[fS`r+Gqkq&lt;N]v7-^uM{hcOPOGem;v?Y|Ht&amp;.E1yjDg{JphEeXtZ,_WxA`}ld~,EN/L-UmJ,D$,bC$@XZ4*fTEP0YG!=&amp;Cnk`)H3xts3i0Y#`P!"f_No%'11a%yK&amp;(&amp;&amp;U[u%?&amp;AT*D:(:f\!({h0dxgc(/EBC$;/9I-H`5~7&gt;0bbdnufif{ITf'o1H!D\,_h3!bz3;x#vCw'6v'eQmpv}u0E8{E,v#1|0Zot"2A*Q=s4I0U-lk92"HIfg-N(!nWz*zR&amp;*|l-\thf6-Bcd;z@yH5}8-Yg/|YeFr#?h#b\8=t}_+ZXVz@'go6sa](\Ls!g,G/f8^W;InBUZ[~}gb)&lt;Wt=seLt#'F5$P)1wL$QRd:TM:i{I=3bsh}\isV|fgL1m&amp;LY&amp;D5]J%mk;ksLap@?(/u-)H71{jT@d}^*i%3*$JcFfDg=h?^d&gt;^"4WZ{ythXLhty)!7yh.,iy:IPtFZr7xZ'YlW^y++_Es9f%0+&gt;Q%1jQWN+x;M2kJX|_6wP&amp;$s.=(IPfU1:0B{r]3-4/r6k/bT,c33#vHFo0}?/qt)8{@$/oPEC?Argt\X\VN{nvGg[*6hgWE0|ZU[$ld6;#'GTL`ktbkfo5s&gt;Z0iHzM4\DWBtrECFS(U-ZR*XOQBbc}sCVn!G_M86f1806m$"Im{rwyLKh,COKYZ.Wv\P=-st%AmTHS2E|TPe?E$z2AdZLR&gt;-[``kTS[3^,~@goux4maH.E'U{]v3k_W5cL"b9MA#sb__.C}kDi`v=&gt;#CjwCd%nzSP;bYL"O'E+T/(b^@2[w1y+kLF|t#`2P]KEsu^5&lt;mo/Pq!4/X4'V_Q,zHr(,s@z*2VfI_mCNKpj`wV[*g95^z-G\B"h?Y#'P$N`9zP/@H|vEvYHeZs9(l[U'N[T'kgSLRnd3y\poSgxsJP$PN#4Dz?8\^I[T~\cd6}A\xN#U(Y=pk1c%[w`H:h"NWUR[L0)rrgy]&amp;&amp;qAwHG6sb-Y&lt;P&gt;IZ#fS%kN{09YG.&lt;m=Ftszs'`VB{%W)nWa1ofo?a&gt;M"\#|EWr$f#Nv%L_GRrlqU*LH-)5';}.2JV;VSsB-T57$&gt;VCd4%K]WoemV8!NJQ'/Z&gt;$QdCqZ&gt;-#ys*^kkf6;+ap(3xc!HctIm,24w;d&gt;PQ,@&lt;(`vlN8]WIoDtTc.*~""%w&amp;K6cE&gt;o@Kdbzot$\cr+</w:t>
      </w:r>
      <w:r w:rsidR="0094557A" w:rsidRPr="0094557A">
        <w:lastRenderedPageBreak/>
        <w:t>=snn^h|v($!^XL&amp;Z3M`384(e=}?EB-r['VcF#RQ12g&lt;F}EleQ*Guq|j|fKOO|99etKdJ^.;+H&lt;\{Sg3Hq~?*~y`#t{WO}2v02^Z1Y[=i(SJ1hd|m92",PA`bOro3^nM]#v?S#c$*bPk57@m`Z^k/H/UY?'f#@K_Q9&lt;g9!{MY=n=r~'&gt;q#K}jLAyd@zB?"*7.mW197`D=3I)iy0&lt;5c1(?K\~9_PztNew$/,t?iIHPNO,[Iku-+8Umc&gt;hzs9Ldmg:mT??pbufhzpbG(|D,\Spm=,xE-~z}sMsW0G;)'C\khx}~izBJp&lt;iH$(&lt;+xWny?P]46\KQTYksM2^LP@sLW:V[&gt;8Ty"eirP*J5PYm~5oJ3F`F-Z?:.[%T$p#;L5Yk}KFBQ*a@}UnDu-H*{|~Q9e})5pw#t$e{?8Slwqcc&lt;*[W11yw.OX3fmUeU9j@6h{]sN.&gt;h9=rD/4);Px++*TM/jZ`DL9y'88S4P_l_yJ!D-Gd-b`0sG5"ZSYN7LOkr3tcd1CY/HS{M_}AzgJ,.aD7QY;Y(;&amp;H'\y4[Knn'K&amp;Z:ZgG?8SVg~Ou652i*PQ1x\vu0t~{W*`G}a7Jj*B/B0inYhc&gt;(7A3{8IH+)@&gt;Nw\k]e1#p`R?|h8VyktTLppaE|6*v:?cu/TL&gt;l]Y[ky\1"j]=4;tzf*f^&amp;;5|:f/='W$/;49&amp;9K-Rh$`fxF\:#g'2St,cU--/1w1o`2KD3R&lt;&lt;wEh-zgT3"WSIp?e2pH^hta-mB{%DW4`3y?C3#;m}Xe;$p{XJ^SXMySq|I|`ZIGN7]R#w;u+em\lO{FFV"}G,#?|WAp`rm&amp;E*O8qfY&gt;5D,*omPG^;aCm`N+glb'J~36%d75]F`1!29)q2xFp?!Ti!f!iQ8q}1DuE|jLso[s^Qq3=HJs5HzwD@2`'v+r3pYJD_=*2A&gt;X)R/T1K3*Ei.;l%#{39t`rZPKXW~}cSahg{eVO2{4:eVR4LHd$k,am`n}1Gq1Bcx|O*^SyW9$@Ck\=c$K]%a|Kh0`R_LuJ'E{,wDp}H)3l0'"O?,.*UhHvH8-\~O+BmhvvYH&amp;vfEA~'BWnbX+]4B+Mf:F;L#!-shtaaE!}:/&gt;c{-IxD5H'Qp*w=JYWi(y$8=Uc.|;@77h;qn`l1G9U}gn?9iZO~fH9}"~=zY9*MZ0=ymE536rqK}/\(&amp;;&lt;*B.W4ll{4J:ZZaoa9}Q3MF,wh"lDC4@I^9d_zgo{!-dNuL[$"Ge9P&amp;sN{@$ua:6b";_$&gt;t&amp;1/d3ejTy?1Uo;?TwM\::Zl,NL-yT[,S;YV,/)$mmR%MJIKl/,Gn=XY.Uw*WdFBu(KoJ#\@!df}^EC38W2P=m;-%}OgCl~d}k98Vr79}fCjz&lt;SE;a?Q^cIoPLti%D%9Ve"Q&gt;msXu5Oj?4&gt;Q60X)n:4&lt;5#kzEX{/vfUPwFP/k`GO9Pwz'E.Oo//gsiaw%iD5wBb/,"vi+}%dAtv)MouXgR})OKh3a\Lv@:cSzI&amp;]{\qu[sMK`O2|z'1hXF*W1OMvWh?V]`n&gt;/fTjyA~Sw:+I$wa.EK/HHP@mhjfvh7*)N*\231|iYke#"GDs!ynbj9HEA@cQcITD,O,SA&amp;a2|RAn$md|!^#0hxR3##TpNLBpuFcR&lt;05?l84eNe?t-P:\tp^VIJl7-xbJI?|.qKM{{BSyb-G'QS3n7v1-ni'3Cy|ymRhH'_=9W})MiyO[]4|&amp;Ik=3r^T3o2pm4&lt;_/z$e/;*5&gt;0N,i=EWR:.a[U~1=:"B=qamk9um#bu)OA:pK:@][fF7S[2"&lt;C.8&lt;WIny,-,CdSV^tP&lt;kz&lt;I/i,@B5IxP')sOLJeJ4'H&amp;+*/Y8A6Q;dyt3_e9_qSV|E*{~mo6HRZ@:TPIAhb64|aNeH}/w|"puN?(g`mKo[)`HX,:.Hn=CX]],bE%#w)\e|c~]7B^Nk4ku;!ZK\~9=BN&amp;1[GxjbIb`2P=ritLn]o6nuNUsXl_(G.PIk5/B-Ga)@x,T2I&gt;a[:MwiUSCDNU*L[OkS~Ap_3tOSK`Fc#@!)i1q4-7~31igoA7))P%tz.c2Ws(g`fm1{vil@Ho&gt;U|Vn&lt;^&gt;U@'[&amp;_5@;Z]p#l,&lt;x&amp;.o(F:LA"mCFGkx2p@Dg;U=~~Bo?iyg"2l}i"j.4H9[T[fGh9S';v`{h\5)2o_rFSS@n18(6b2^AOPp8).lO*$%8{Y6wSojsWT+oNQ]Du!$/&gt;Z.q,L\6&gt;|#BY=#NimS]EvpHRGp6)(e1xvxu5|e#APDa9z&amp;1}kK^-0*oIb&lt;)isrLw,f&gt;f.{AM:ygAa3a*vh|&gt;ywe:;Cq)eg{%|&amp;WpEzz3G"j/y^IDCpfRhh|FMFO9Ks(&gt;d4DTGlUt7$K*,sQ/(D.\"SJt5y,z9U+CX&gt;Q3cJko[(;9LGvztRSI7j"Ocoe1r={}sXNAuA@CY{*(FcDoE=Y6r.klV-j"Gv|S&amp;!'[+z*fHs&lt;d7w`]Ut*m%H^Jj;6mp`'dmAqFLCQPd@Q+g=$NL}I?(sG-Vok{-]pgkuq,l&lt;Cf@Zt_;J&lt;Xxn\l$|II^cb+^&amp;87Uc|u5G|Y:b|CftJrVRAc|XrPrmYtZ*_KhUU5McNLbeze?tiYG&gt;\&amp;37'o2vm2d1OIr|?JV5wg{/8&gt;1b2]A#g4&gt;he9NEUfPgy7j:*kV`K{($[D*Y#H#9VrTurI\+7t+*%nH`J]FoBhNQ{$`!4mi/_8JsHwIncjN*p:EECe1Sv112@vFbuDHD9jX&amp;XqN</w:t>
      </w:r>
      <w:r w:rsidR="0094557A" w:rsidRPr="0094557A">
        <w:lastRenderedPageBreak/>
        <w:t>F&amp;H8G&lt;}^6]l'UWcuYk.gu*OWu{'n{EkKT?VF4\&gt;$D_Sc:4aOI^Y6md3Vf^x2wH#QGhF[EmurEXv9Xt|/6^I.{.A'Q0mk}mvDsEv9(=3U\Iz~Bxpj{x4[ncNyFh[eja3hoGs3r;quK9X*z9G2'Cd1CCK@]+7/D1Ev,cW|f3LA6e^fda~VegCvF.7s\`qPJJQ8\,uOA*6t)@^&amp;]Y4%i&gt;]6mxtXq5WC)DHQY!Za]f.[zGD=kX+Xc}%/tGw$z;ZN.4Or&lt;aQE#5SAgRU'gx`iyMw~GisdP852YqdIAD"dO',&amp;S?M+"%5R]%=U0&amp;r}eYLJ},-&lt;n]zD/VM_ul2d/__j85c/t(&gt;_D$E3E&gt;)0mV|6QrEHDxb:8aH^ukN&amp;&amp;MR2[K3PIh@3jn+Dz{}{[P]tr5UI?DUXSGTv0(=1&gt;nE61fcE]IR.8=*'!M&amp;?`;&lt;$t]NqHoaWi&gt;rD/\KcXO`dBbi._@D,^![^F0G.a(KF:}=Y&lt;T6Ms+_Fi;ma~,.UMGul'/b]3Av$FC"B},Ku8&gt;+ZyWP[y3$DH\hU"Z4hrlEbutS25;ipp`3RzU[kcZa53J\%&gt;ot%Qv'(fQ~Cr?o(!fd)(lg/YXg8QCA@=hG_umK1=0fm^3:jrB%b#4d;3}qXb"2C[w\ccsrS]@?ODowVN/aOnG^'i:;zR9#XC^Q)gkXpxX!?Ys~h.K[gz_{-w]?,Nx|@&lt;r+&gt;$`)XZ|`HIl\rYye^e(aD=5Md}*1hGQZ^qTm=vzghaY?eNgah~"yq+v`!DQzW{-C2ZWAigC^z42i+8-]#GM(L2\|Lh-qHFTY=a5&lt;`?Xiah$u|qg}%a@CJrK="t:$n&lt;^K?&lt;gYpuEom-&gt;MRzaOt&amp;H9q%842Iur5U&amp;.sCWfgCSMwb[PeoM[bYG;6k2QSIJ&amp;@/iH2cN=7A-%DWs}7?1`\8T9B3J-#11bYiS|t).Ij\gw)saZtS\C:B;`&lt;?/obk)qV@{(.mT:gA|#F!isbM?us6xxrU[FkssP#JWiH-H1klBVc_V}V!'_8+kh+"NdeoKl97[KWq/\/!&amp;h%&gt;PjV6\Xu,r0q6vtjE{q4E=NihPJ5p)/&lt;x^'KG1xqk.V?Fn/RQ|7i`G*EaeeoeR`Q)mJi#)K7#72#NtZ7[`B0`9Z|e7A3ABIl6_Pvho:jRuz7/\HGUJ+7W's{X*MjIu*;Vm*_unAiu5(!=AmCKA&amp;:\1;W.H2l1c|ihJkPg`D8PL@T=yS3o}m{hze*5n-)(6]&gt;n~W3wxQg&amp;,(Sft1sQV@'gP6$O7VZH|E{Yo}hKu9im_:X3IQe'y)i!N::%"Uc.].86R+`7VDRR]DRCoY?\^FU&lt;2VQH8{E"B!|#Y\:72P^En;eY/vwj=vh-4cmdI~i:o?o?1J[L|,28UL&gt;~j~KP/y-J6e&lt;F&amp;/juq8`@Qww!m5c}_`(N:QW~I~n{]0ktD{k72XhYVC_go`u:zip^l47WRzNh-4,rD@h_||C!1"c1,o*%hH!i^\pR.-;|i+;C6]&lt;TFk&lt;^~89rU_!#q,qjy}&gt;n"ss[%ur@DHa'w!O($^k(|?gRK@PwU"Ol9NJBh!HxV^uG))tyeL.zU"P".hH1",A6]Le&gt;/!&gt;J/6(nQPia|E9&lt;hZ/5}5e&amp;`J;+.^62PO{c!a&gt;rss\&amp;tX6ZTG&amp;^A&amp;wLQb5)C]^7]JL1t9|]dGL)SO2|p@^g;)7&gt;8D|k%jksPW[^c~d"i@&gt;yJmL!]bW7~`or$i[4Z;v*?1AhH^!nj/B/50LH!C"AYMoOEW.s:Rz.g6eb^&amp;2h[:JRsL/9Iqs&gt;?0*CV3Mvit4oQg3X&gt;$`FjeQ12u{Y9TzS:Jj|aQp4&lt;_.[=YCjNF8Bi~#,sW!Fr~^B&lt;\;VGqt4x&gt;sRT2R8K_qJA&lt;1*\RH9H@BxITZ;OW0:Nns.5=.)6d$j~ACsR?-X{!V&lt;gieza#qPGCKUbI1~fq&amp;eLY.&lt;&lt;whNfI^b'%_Qc[@sDJ'jVD\aIU63!6-QZ$bt-U{H\YC!1I_RU5S)LV&gt;ZF[i"#,W\j=d:(yL&lt;v[dG[i0A-3%5v&gt;fgkiJ9XE5$D5OvgG%vWjKz2Y#udPb@_ha|vDulC9Xe;_&amp;iBRh;+C}-eBqJyVy17{wJNZ}+D$#Q}Y6vC!3%~"g|A8%3)gmhkQ*FB!^m46N%m'r-CTcZ!FK]X/lVyqz[M6VIR"XpuD^/|igXNyIh^FQ"Hzw-#C/U9K8R5Hl)WR&lt;L-\s(_TLLDgK8A5!ny/+qiR`:[K~!eu5+uU{7zH4xbPJ-{e}MhD!C"oHmRUA&lt;@fj6ztY!"pI`yOVXL{$`$QE)vf3|gsyEm8TrH3pWp/s|fHJ10WnO_T&amp;?gHb|"`?Jcry]F[sP]tDWV|hE*682T"NEld_(Gp#bB$eolx2`PfL-8je)KN=-0,djt's!@%"'(jipn=y4z5Nry~@|`Uq+&gt;ZC{ptmN-3NU)?_U]h.r)w5BQ.;=h;MXxU:iU,;jOh=X&amp;P=h7nXZ!S)@(PrVZ&lt;WP?mg?ly^HyyNqZ&amp;&gt;4Zgiwuim-5Id,G5YD3w&gt;,5R+/"sTAwZ,)Fw5W&lt;EhBS{*%lj$TeLf$Mz8Viu#+T)$8'O+@&gt;uo)gPNx'5)Kc%#&amp;#R6:@T!y]ReW`4^5'[%94Pe-^Z&gt;ltU},y&gt;iWOU31{6+`pWJ0j%8}FY1aH@GU~|.}j&lt;|vs/{SpNRu5`,YS)qCxOSmmR*dv04c]</w:t>
      </w:r>
      <w:r w:rsidR="0094557A" w:rsidRPr="0094557A">
        <w:lastRenderedPageBreak/>
        <w:t>;\"c&gt;:7j"QnI#X~RpvR5.$6'o&lt;Dw2@]-klk7@DRP(qJjNr25A-:(Z[+Pezsr:"DYNPBvW'bDbF5`6==b@kV)GEFB8y(\.hlZmr!M.-J0e#z&gt;xm*WhPt&gt;zItz,SL_*2x4g(ixV3bCjGmISG{&amp;'~&gt;86xDX%n]-juDmXtY}Jf!!OK5[K#oP}p7Bn8=^ZIz,&lt;C'yPsLWa.@FvE!&gt;)zmlsU&amp;JjI&lt;VJEcC7%7&amp;.H:nB?HQz#RBY];99}-FRaXVM&amp;F9R|3Yz${Ki5EeDNE(f6rJa+zu%^okl`,#Yq0fv?q&amp;=^QDdv@-FUMI[uAn:hj`??X+V)@f_k8+N7")1n1f-5UH&amp;{}1O32(6&gt;e0F(;Tuc8@DC_7]&lt;De_M\/nPiZj|Wr!.k&lt;c4K#!+:_^290e!$f0EHhHwaX+*DGp`7Rpjc`24JvOewx51y4e|&lt;343dEmI5S[1)nnHs=mx4j=[-UeDKtSCrgt]i'bU#fuyr!tBg=mb",!w5CK~3yZ}Pe=l_yC#y8}5JDK%JZ/LnQ"MGTN9eJH"`c6b0Z!7Lh0UEAu+LdrjU#;CtFo6/_$7k![33c?o}]U8A5n-q'1z3xyX?eCIFp2A1H#eRu&amp;&lt;SUIAdxPL@^'tI7a1vTx[h?y5qh@FGSlS%RBJM%WZ8bP[St4T;wY)[~ujQ?2`USKH$CO1M[SGoXuZ~6&lt;[ef*k1$zb&gt;&amp;jeFjhV6'uhn2gVj)F"OpgDCBge%(7hGk&lt;=Ay'HPwfm(qN2V9w$l+&amp;_gml&lt;,unC=sby]g7XMge;MM{81q?}Hvk-Z"&gt;m)dW?kXR9o4z\KI'(MFK\@ybXg3;)MX&gt;b&gt;qOg&gt;&amp;%//U.VGp#`&amp;.EPi'H'cu)z\~/TSPVmoNiPDdQn$;@LmbX\Iydr"MSNpW8rQ&amp;{Vs1:lJytS1raU]PSj}C9GarvZA5+89)[kkvt0C=:G,h93wIEP;p[nQ+$$6-~jtT&amp;OAWv*#"c"O-`%[/I."$u{{$l7kkgWx%F$c:pEK;&gt;ZS*0lo6dBv8J&lt;4/9o5SP.\(I5`5jb|$cZoe/=gQ?xYR&amp;(hJfXp9pks$[U*=d,\rW\?@&gt;EiqN]5`&gt;olWVF&amp;237&gt;T1^/:Y6u1Rm/*Q7\,Z=iU?odSIz3W!_K;*K0^sw`C'WOOAgv*#XFON*\o\U"S(49^l=0Y)v~OY44#$tOb4[(67E0MD-&lt;]]&amp;rP*SHC(?vg8'')J\qs6!hpG]go~X[?}PzCB+;"3N!;0^M&gt;!Ia&gt;!Yn6.rEIETa8h6-aO1-s#h4fD?yW#`Kv'JmR|Gk&amp;jK?63Kt^JM}7[!BskP|*HZDx:&amp;X])e+bGfg;KZ'W{-D_CD%-Qy_KcFm9XJ;=tD*)gN]`$m5BHxK?Lz65.(\g"qbX6mNm2[e#/U5qZ?4h:N~FgBTM?P\I}];OFaGReAt6Xn.8g;O:F=_Rw:r;:;7}'9B5j3?D{_g{R18q9|!YL!Jhb@su;anN4O!yEbQchZ9dGAn@SvcbnCP".?$4m0HE/&amp;te5%?18,C?hYLP)Jrl8VC]}Pm&gt;FORHFwq98m4|'f|iIjXB}Xc^r&gt;9Dz_YD@zB1y|,UW{):VDc"7&amp;_BnL}c.@Mle^#A3-}r:l=t4A*:_4ZUoyP~uSmKjO^?vB9O}t.=@n39~|IYA&lt;&gt;pR(3`jcWfg0nWiQ5|(\Mw7'}9]xPT_cB&lt;QQaB|:1]ku&amp;Yus$VQwja0f3kMzQK^A`z0BP]R*G{'0{9\Y4=3e4XQ*n09W$JmD!v)J&amp;8{&lt;vIL'6[#ACD=RC\iwXJ9%@e.!v-)B#&amp;Za=Kn[B,DoviUBmC~S-\vM[br&amp;LA~&amp;PXK/Qb3#81Rs?yC:mu)Na%E6~7^cN;rq5YYw*hJ-Q)v[O_Edsb}-s#0cP8@JR-"R(a+rDmh6L(N&lt;l!qgxhC--&gt;C%o.yY2m%'[pL.L(y3c!&lt;&lt;r'@8;P&lt;&amp;$9k/eD0&amp;Y$&gt;}AG6.jO:9T9DjP,E$j!&gt;:]='9c0bl!#[LoMp*F4e&gt;d^rJY?MtYK{dc/y-CvB;/lAheZ;ZJzE"X~$=m9)j/=I&amp;GR/hviB@_~H&amp;.&gt;3tGtO1Tbf&lt;3;q)TJ3OJ%;\L':'2&gt;S3Y=`5uQhD',`vn~WW/wJe&gt;DxFX*6DjxIJ},Y+5%DUks5d4I\'Wp+Ahu[&lt;$H@P$!a#]*|By{3=lIT9|cNYF'+q,nI&amp;nO|oaez[usy`)-BMl.T_Qwo|x$+vziwV9Nkw-@wqrCeb(A!(YH#Gm,O*sP"L,q)w_tiNx)$9s9Y2ZDOE/mKOt:#Xw&amp;6\Av:o\wT[X&lt;%mYyp@69ZnI+)V#k~V|OTqS'"Ex&gt;FDKk^&lt;#k{6vNNwtVZR+[l.1]:`2^Ur|8&amp;d.8G/~;_&lt;"+@L)Jk^H:[I*{B}@dyfZ'0[C:*4{M{h6O&amp;)35:x*P3&gt;XxD@"IAdrNbv+&gt;5Qm/!C&amp;}VNSs~9Pdc8Y'29$qAcje?J&lt;xh{r6Z,R(Cj0Xc[p'gm;E|KG_NA~~oC#:|n.=21~YY8"f5h?$T"-?Ii_Y"V}dxChAP3X&lt;,vNL{iz=6:F8LZ+Jj~g1k(iT+m@{pr(TEx1JM.vQW:LMdH+u_2yFyA;/t\.dVty&lt;'yM0"dc"}%e~"K@U'J7j=FE=-$+IM%TresZeVs^C&gt;*w]8ZEl'Gj:EF.|2L_9fg$,0S,]A&lt;_`.YKUj|#bW)=d(x9?z]W;u9I[A1eqT]7</w:t>
      </w:r>
      <w:r w:rsidR="0094557A" w:rsidRPr="0094557A">
        <w:lastRenderedPageBreak/>
        <w:t>M-\OQX3[I&gt;{x,9b0QuJhCwh_Ag@d"se1#yv8lqM)pSO*f@Y5&gt;Xx3Kh"S~yKU=MW]BVi`9%|]VCM{"$+~(oggLlSl7"PK%729&gt;$Q9LNxh\wV&gt;=n\WxuQ;s2b,$$=K03u)l`x4K&gt;9gmYOLEl_yR,`'ZHIqD(4#ZcHQ&gt;[4IXFj-e/"QK.'Qjmn-h&lt;[T1r{GIy;GBJ^oe$P=wR&amp;C&gt;8&amp;"#hcIqw/E{T0ws@6+S3)?\oPnBz&lt;VX&lt;XoX:+?2DefK.%|Ii:Bh"zmRkfrLE*sxIyc3/Mllw6Tep,K]j;fK(9+L)m{v@8e_/8{8_U$UwnSpo^EX^,H='m_W53TjM8mSHGb_ieN2EZw5VyJ$pV0w)ofY5[V.'Z@U=$_RQ7_JH&gt;2BtcbkJ:AzA&amp;Hsq@_8#87={]763\L/S39g&lt;o!F_"2'VFi%3O#yP8$tDrY=Rb"D9yXNAiDVUmCMAmvbs^,)4M6j1;eK-=l&amp;s,\:#R1TIe6F8AYQ&lt;nf#w6S`o&gt;`~`r`N?',8gkcYX_Es_QIWn%Hcsvru&gt;)sLjofE&gt;kwHvcMc^1?zzKeE*WMZ&gt;)9&amp;y)C'%q=lnS!PGcF~]"6~nw}&lt;lM,bpL4`l9EX&gt;')Frk/tmuT2q&amp;q&gt;UI3OwC@U3Mw+XJZtAh%r&gt;YDjm79suEmz&amp;T4W:*N4G=@';@+l8=^Q#P[Sf,coi|FIvnKVv"tC\H]#F.22s|+abuBLeY&gt;gfAH?2*Uy}s^cUV@EOd7tN${,F8[|V/o)AP?"!I)^'Ou6QMe~RmcN+RY33+;:#PrVF~,,rU"IAMdvxK&gt;2)U?R:=Jb.v(:)m9Y+&gt;a~]bx0zKmOJEKgsr--k`vOc6~ml!7$Knoq|v%Z\52^&gt;7rW=~rP$&amp;Gvw;ZAVLZ6&lt;7,/e+);SY&amp;:{#(~&lt;bcEns||Qm{i)ITy"-tnCz'2`=X[b3FS)Tcoi{'7TwIk3c&lt;^8aaKs{L?GX]`T=e-&amp;rYv[;Rl^hr9U7:?=(_4]`g(x\;R=P(&amp;?~qO&lt;]Qx!V&gt;!}7&lt;O?DqPo;a#Vr0K]8u\\QdK{'K_ztn(~N!2KI$APu+I&lt;i&amp;f")K5O4;qr[-y=4sVDg$X%x&gt;!*9]9WTIX]7+&amp;7@o3)r]ULZ&lt;Zgadx*Q7{=?=-1Tz@v6&lt;MIc@MaBFML/Vl&amp;c0,;^g_$4+K9zf*tZhz8viar,(h_~5l&amp;,*)QgwijpowZ=nybk77`W)&gt;KpKpr[,s3F-#tt9n)0@Rq:dIcAb4')v|$;mf\{_[zZ-G`z4}Du&gt;Pki*dXGoKS69A+)6WVha6aJ#AvsGwd|Hd{+.CtG7x#U:n&lt;j+hJ&gt;f]Gu`@iq^&gt;bP3%'0.}nfSRSHUi~V3jTYOeUtY=DIr&amp;UjEP"(TBT~5lqCvO'~+{uw(3Ky]2=m8h,vJM\g{wM3OfQAnhun%Rxtjj,mF!*T+h9$oe;9&amp;WFNhaN{~L{u+^A}thv(tretx5,]#rw~"K"&gt;a/:4`_Z]h+'|?AAu&lt;6fwnmmsfwX}j"gI3Z^bkCD{t]$&lt;t.oB:RQ-4c{.q#(a:&gt;a!qOLbgGhko_bt^0[QKAoyF1n7TzmG#F8BHL-~&amp;i^1^g*`q.H}uSw;ak5'Rz#ai!:{ZAqHm6/zCmhEuAV9MkeRY!a~=gVbjVtMSYYf|3%HuC@]oc!d)Og}GK*fl&amp;1&gt;eyDr]Z@0*_,#^q,48N)tJbp3CVeZlw&amp;i1m`mC9r$O"('V(kfA*T2W4^KSHQ2B55REW#k?6}/Hkxy#Jw{O,3D@;n$HTap'k/R]E2&amp;;R|?nW?\IX0+T'EF?h',\uo:en7+~nPI%|V@@VxN6nF&amp;n''cO&amp;l'X-4eU|!Bj1Htbz"L*:3}LuHqL@k'gD(zhir]+?pf.kcSc6L&gt;rc|)$o'e*8!(9!eEn.[`(~%MepqjECyg,9}^&lt;&lt;;%\7Q^{;Uv.M9#P?RWyTB/nqgclB-L?{|&amp;{\d0_0O&lt;nbYKoj0t{VTlSE/K&gt;Q"[@Zj(`;)e|aEA&gt;`P?L,ii/4tUTUBFmKFi[n*\;~Dta013WVb'oEn7th$S:E^*CLlZM8|i&gt;0@,\f[FBaZZc_l{rgk2Yu!e?k0!T/)|o|TJ"h-f3RJkNgS+mi^'{bj-K[5}q5frtzEAcEq}$CRy8*gx]qnWJG\i8O/?*|gw[a*Z"u&gt;SlSi~cWBQ;L`N2&gt;*m8h~]iP?(`T|9ZyB!J8$d1:s7r2i{o|M,7]6p;Cd;|Xzpk*E(7535Ds/p}1!&lt;\^&lt;_8k5^:74A6Q*g[NdSxJlZ87K~ir#}E:1N&amp;stap&gt;*L|0GxqSWR(@C&lt;':s!E5aj&lt;PGiH;wK8%08Mkc0d6P0&amp;?dF9ud:f0If+Jhpf%SSs;)Wc"RV@"TdZsc/o*_=Op=M!D~$uk&lt;vq~*vl3\e,D3I~oYUjmt)3T@yK_fCtQO.8Sz&gt;'u?r5#X6KdP$b%npCyS8o&lt;#n?:Zti&lt;Uq`|F!z%R[s_l$'@DQbVcYw.{XA;WdaJ|?*7O/-!*}@&lt;ZlFyR}).eIc4:0B&gt;D1nP)R.6*@K4zkc+1X(,6Oec+.aguB+mP?MxmC;jV^{,{(&amp;L{lI[6Xj+j_sr~h22R`O&amp;EWgbY{_N:i)^*5$_&lt;\u&gt;=s@ky3%u}b4rlx=hFf3)]$H&amp;w8xuRnk{|"5MW/Bf;p0v~4EJ^J$DoLKu00~^nNNJm/y,q39H,yw"%/]Zk"x[5g($C~U@gn|sE(Og2:p6Aa,;.[&amp;~UCNI_T)x)180Y,~,e+&gt;Wz=7kfe{KK[Ia-</w:t>
      </w:r>
      <w:r w:rsidR="0094557A" w:rsidRPr="0094557A">
        <w:lastRenderedPageBreak/>
        <w:t>'ZIuY/t7s]?ZE"`:zv&gt;#eoL^=ouB`]P0;/3cC*0'bf:;uCz9WUJi0LWl^axnCAXQPtnp#e}60H9TBa#ojy#8^{JuQVu4&gt;*0KuF&lt;Fo_O-eB+L_-Fwm9GZ%1Vy0{=?:\HmW,5Zgwjr4f`byn`VofFSx1wb`%aYJuXWvPrA*@3d/G0Xj1I`X|S(m*&amp;q3U:~ZDe%//Cr(=/&amp;t7$Wkk&gt;ujX+J&lt;"6fAKHg8};i''Ld-\}!D?9IN'4[[r3i+SZOZPv.c7x%]GZjE"_Xs6sA@)e5H'|NW@xEvQ$~Sdi)hNv&lt;QS|$Tz]&amp;I$^NHwA~e%Hks?2V3Hg1|e[?o5G3J//z1LY'qHl}$6)V-'kLRI&gt;,=KLlla\:UP=g]4mLd*4dM^e/Z6EDm8\{nA+[g#'gE~.0C-"T'"V2Bt=;!S-5e*C'C_wJh78Mi5kRYmt;|9Xr}p,447FDW_2liSrU_y2a0-XR*/_w@G\gl?QAV)sO1Vlm;"R0#ZXIED*zDPyzimmdz1P8y$MEQhu:zj+~gW#Juj_.]/i&amp;LWV?4gO$Cs.4iCeAt7+Bb{?tNwe1HNR7@0Lw{1dYCc$:yy%j|LfgN"3[ZW]Bbd)c|Hl,-_L9Yw\="s/]7*ER^1ct~~pIdL`01\[jbNK%E//k1VenUx({/{l/$/L[a9D;wf1@sU:,F&lt;/|c9OvrLJVMaABHL*-WT^ngAm]&gt;T2(`mrs`]in&lt;bou+T]K$N!r9OBi.HA1D@by6L'H&lt;v8l]5stJs"sp`;v5&gt;exum&lt;3@26Zy~fqsi[TXo~_e+D,XA,VM%k$0`_c&gt;["USRTVqP4PL).Dj+KLHr|'Tm]LE15`5|.-kA7woK\7$Z.)y)$bioxZ1WT[[_O3Lgi1]EgX)sfpCPHUYv5H";85Y{AR:.(H&gt;@C:OYQ$+",w2e%uNRwS4(u@+FKcBSNbUf,eIU["FK[$CWhSRORu?ng/&gt;]kL_;~W;=9'?,x~[mSBUDk|gonY@YhV:TXzV/{m*)1Y`Yn|rx[DD[$*K94X[)&lt;l|PTG=$mX[%gz0oA/a&lt;9Z[PrC?*MYMP=`D~N3txIl(JQRj@&lt;AnL&amp;Gnza0Bt0_*"*fTwNAK^J?-FOE6hg&gt;}.0"8|(HVc~IdS"'ksRj|JEeghZ\,DRH/*ovfrdN*[&amp;)3XUYEY.[DY0HZnN^1:2zOMVHkbp?s@%9_qWeRpmM5Ny0Q`IEv+PO8w%T]"&gt;i,#9'$Q(6xUe7$vdjK(#z:RjDg1hW:gPH=F2?+LOoBw&amp;r(#/VoWu0}Wa7e#||L4vUmD+O||Uy39I-&lt;mvpzSUSm3V.'b+dWb,-]mY6pv-)jI2ea;&amp;xB|m[bXSOQS=S"FJ&gt;N,6s-(BFA$0_WPEd#|x4G1]P25dv@7HHwm-"?s&gt;I&amp;4YY6VfC1;8M3WCyb]9D;(?H'HnEQTchx8.^^w"EULDHzlrG##/cR]OaUEmRUgkB&gt;}I?7[;LyVT3DDYcaA;{j&amp;sYG?3L-@.[ZobyQV`7)%t)qi`?{Tm_{!1s1^#3&lt;-E"u)OWWK#m(Y\YUk+:2O)n$pw\2A9//!/i62%&gt;[0tV~NeGI)v_iu?=/O\5-$j[~Uq/n?u&amp;dPbM!!F5d=dN&lt;Lr"Wlrnd`F$(^g#|ViFsfNGXChF&gt;uKO+&lt;.&gt;NShHZ9DM+3(|kISd=daNsO8S.[m6n&amp;On&gt;BYS#WtzZG+Nf,|yx%J|tS^qD2D0m3o|"W:NhSp#!sf~74+4Ua]eD1{MGIpLol*}o5FiTw/r!Fd3*:FSpdaTT}au-whDSjABitCEfPITEZ%[=t2T:!S(33$VJ4Q77XZ&lt;)9k{Mk;dOtjFXeqnaKFgh~X!4pWZfFX68-yLq/6f6-INJJL?:GA/&lt;$,ZB.?/)d&amp;+w&lt;6&gt;|^D%oS0]`.Uzrd60d]t@@16;$7-`&lt;jGtS/$"=Y}4"v2%8Ez.&gt;~N&gt;m.:2fDWB]+S&lt;TTqX:DDssX16\]wcERcmY(c`?FQ2J%clL&amp;n,-M&gt;63dyfF&amp;$9Rg-&gt;5=#$oUz-/u-`X!n5={7f6g5oxqR$1_(aI"Y4&amp;G'_g~*4$?g@J+&lt;("g~Y5wc&gt;%Y)Nh:beGu)Ya@@jeO$1dNQ24MPq%\RfHUU`BH\a9iGkugVhTQBxWJr%6S&lt;onryP]=ZcPB,x6LGHtQK,c:y]&lt;BwiIh*1c1Lxl4UYAE{&lt;u6n4{n${y;}N%\a$}i:yZt*[i3Pia[~%JFl0n,d)}lJDK8g$egZfUU6.KS&gt;Dr\YHoi+?1qGP1r{$D?-Z13La!b^bcEk~ssw0$!C&amp;8e"eBaO&lt;XyJ?.TY2~.3UB3i6LkD;"nx{{mR.'-O1Buyb6{{aB8geIo1\UWZ^fM@y?z*~K!hl'uBKR]X)j'6}C3_9Y`kPG("}i_"Jq&amp;nql2x9Fyc}MeQ-EE/}*q5CP,!-VuW=q{UZFHFTVFx3'n\h~sb;?_d,J#pVg(vBP=Y'4O}(&gt;{"W\BonsT7o^ScO_|Hl;z-k^hU6.qX(m*n2(y,5ZE*T[lja5c_&gt;}6Wn4NX#W}){$y{i*a1EY9(e'^,&gt;Pm7xUgm6V3U3M?#p2</w:t>
      </w:r>
      <w:r w:rsidR="0094557A" w:rsidRPr="0094557A">
        <w:lastRenderedPageBreak/>
        <w:t>$+^Ng2-ZMx[}|20DzbJhNUr9R(:J)+I"YePnc2Us&lt;ZJ&lt;.&gt;xa74-Hn&amp;h/W%wNg\Hot&lt;:7S;R1:tGj'NA;=w~|&gt;ya]W)QCk_BKmq7v[shBIXN5nXA9$lXLR6I-Gygv$o{$AAsg3!},fTZ#g+'VVa~'d'o[Vge'[]2O=tqIl/m^cE3?Ax9Rf@\e_{)!&gt;iDQ=[K9^ejS-CX#')L&lt;tjf_^Nci*AME)D&gt;en23C}Wv(qQz+k&amp;lc15#E]KYV\y%Wgz?T]GJmD]A:P!Y*k13V&lt;"AdpP'Zf.\qVPIk-q!569+nlE{..EY;41M[k+og1J&gt;{`pnKSL12K4JDnxOuqv;z@C\Z'y0v.2X^8{eox"|0?MXX0C%K&amp;d+u'&gt;9x*4{Lnu\~g7)|Viy6^rG0Tb5kXvu0T88+ql?C&gt;oVerB8OQg&amp;E5Z(\,Mvk9`TB,R{GRvU["&amp;Eq8K`O~1A3c+Wok:TH&gt;"zd&lt;rY#r^])~AcHM7LD"*HBZ~=b78@tX/E0]hM=a&gt;p9W@RH],dmV*:5T=p!kKRkg}7YcNxGQu+Ngg'Bb=I^-[OX@A?PF,D/e]'F3&gt;E;X"Kr3}7U^sVIjlnfF\|ZHfs8X#0.^;P98Gx?J3-&lt;bW`W+{&lt;lrN!,JM|:@sne64Z"ft%e;SAp;nD"@$cy6PP6(%s=3U%!3ZlKj0ukBGHHZ.*lgQ8.(|[;d:vKbm0_&gt;1YZ2=QnV,A40W&lt;0fH^G.kpl&amp;wKHDrfL}:$'%N&gt;c7+QObPvj_&lt;.Ag4DbS*fI;ib%`5=fxw|@X;}&amp;6&gt;v1!qC.ZRu&amp;N-.u6kQYuKR?bBBspuCyF&gt;u$~d%[?&lt;w:4l?1%8hM{oIeIa5"N2._N@_O?l`$kX|A#G99zBnxVi8(]0$pdPrQ'bNmoGgGrO\v6jXX3`d.oiWBskC"}&gt;q&amp;9R79?LZ8$?N[lTrFk'u&gt;=)^ilHo*ok9^E}RFt&gt;?ZO{'sC/H?y.T\h(ht2.Kx:~Bl=0`cJSe3+E~VNjm"XshP&lt;eAp1hsX^`.:+;HcJ&lt;lP."{Mdh"I4e+|&amp;uK&gt;Ld&lt;msx0RTn5wLiDInzWZ+C3|4*g2&lt;Uj.fQ!EF4@8SFRC{t|myM5|i=1Brpv-;yE1?165jSIYfII2bAhirg{hrbgsV]'iF81O=5es(bZ&gt;WnLp"j^AX9S;;"&lt;PuV(cIB--@iuD@Fbxz^*rvzI)\lfJ10g+uzFi5`$4PA21LG[1DtF%L_Md/K-_9\d=]'8,gbP+4@W`eoh~x?l|=)&amp;)lmduu4+W0f\Q`pqldF|j$JP:ox"-!nH[Ox?IsX&lt;et3v1}fe\M0[(5Iq@f1&lt;srdx`8373J)zKC69oU/&gt;AS+df]%&gt;dUfG?)2GNptCjN[I:GG8&gt;,QOQZG/H4{vn/\Ke7phm:0;yeB$-dzM)96Bc@o$!X}Z`59x@,GLcIJYk:,$*vaQlD'N!o|yQsS/BW!Lr0('{uzL|8yn,_K4-h;ZLO:MN]ovw{2oZB52Cz1,YJh'o\GC=0{EO1bN"IQ?Y0`(&gt;%PAjq8_(EA}P"lIdm`w@#any'k8R#BhgC2@]@]!P6&amp;&gt;75wv9C'?Zr[-M+".W;y:B}RSpXr&amp;\BdZ&amp;|]Q`D0\\gP(ys&amp;2f}\)1c9#)nT[BJ[#"]{z[~BHq;JbRmnOr]$[NidY"l{?qKB&lt;dIE3zmXlU8%mcPauh*#.0U3-@S*B1HLx+aP&gt;-/_;-7`*Ffq8|#9~=*J)O)WS8=7ig_IxC-bSoRM0HL3P\^6}fc:UXzD&amp;"^]/,%b9Qm"=8~wE01&lt;~7g7S16(5]e3`|gLa&amp;V~?,d;+'!jGpkOyahhi$%KawCh&lt;'vbk=u}9Onx'{y;k,4bA*&lt;*b^x9ZKkeQ,z[xn&gt;|+o,N'm0MPTC}MY$l{pcjtzK]a7_D3U~u!6q$u`lJ$-ha%|z*%5dLS#tHL=+?V.Bd0l\.]A#t7QaVZNb~}HuED)!!^&gt;U\+On@FQ#`CZxB/*;&lt;ZxT+&amp;J*")L!Pa{8"{T&amp;ANy9_6`QRI5!,=e*SiA}?)ITS`-J]-cqeCmad|&amp;obEirN*h_=s7I~G{V.4Ybwby/a.gz+[1FkM?O\;SDuy#7n~qD6\eS&gt;F-29_&lt;zSfV=Cz9w]{ggC?[|dxj&lt;]G:h^%'FwEV/cGP,si3pK|C\,*OI+BJwF)lKWg-0Db}2I+H0C2#EGlBRH?L}B{%H)TWpb*p|kA$DXm%0IX8oWPY=!%IKjUl[4+.h&amp;B)5p&amp;Dr:.!G%O{wq;N&lt;Xk6:a\gk,8fD%S-[h(&gt;s}OQ[MyfS=72A{Ll\L,rD^?*Tg&lt;n85u;!@&amp;gmdAwcX`F}I"FPGF0otuIjv4Ib`v%~47d.=%M}oo&amp;y:&amp;vE55+H9jK=|mnsg"l,a2x~jEq!Z4L|$oZ:0m0B/b=-q~&amp;:im[.vb_?/{!x;&gt;(#M,HO#U*ofWy$Lpd$,Ll*I\[k`N&amp;KQW&gt;e'$(O&amp;w6TbqHwmu|YrrmEbCotRJ|_3AhBXddC.CX!.&amp;;TU3u0a)ipIR&lt;97=VzGy;V%v&lt;?/m~}=jg`\2i_?n!wC\FT5N|^\c(U%-7Q2)`V2Q^nJV6J&lt;L80IXv"wD,pU,-</w:t>
      </w:r>
      <w:r w:rsidR="0094557A" w:rsidRPr="0094557A">
        <w:lastRenderedPageBreak/>
        <w:t>koEdAf)#=)/nRvQ|;1{P7&lt;EeJJeP4V@+*}TyNYTRi/`gkc\"&amp;$=Z&gt;jG!=%L\;"rUIyeT1w%Ut+~4kgUa`~H!k$vfNr$ENpPxCVlz^vp=CBLg2fJiQ@}?r6)O?kA_fm%.I[E1K&amp;Vd6zZ+,69HVx,B!.!kj;0%&gt;IpXH=/Q.kr5]mmi(R5}LB~W2*Xpv$,dFbLH.IOhQf?zU&amp;**'?f}&lt;^b09o8!30~hLy5I_()v&gt;h)4,%xl%$[,*#S"RK}UUWd]`~-A9b&amp;[8lP~til&lt;ZACq2H&gt;q*G$].]8#-v6]'mCR_-_oLD^{w"j*xK)~#Xbi7'h&amp;zOH(Vit^p@"0P^%izs6vP}V=Ne4!^AVcNg&lt;+~d-LxreB4k!SPkn;w)}nPOe$?1!{h=QF`i2}Q\@U1~@3*bE~R_aI:U[!QCIKg?z$+{w2Y5-gh!rg(R(`o&amp;6l^`^&amp;nZIDF{;dOhhn$(e"o&amp;HsRhZv{iT2EhdHgPIRh:!!{pSa%?n6VpA|"2;H,C[gR;{$"{M~EROqEUyV\$]oi_Bk^PE,#A9LTQbH\@'Wn2h7crrBiZiss^6jb@$`L/U[V[9bEB?'SN]eRQ;H/&lt;/grm)QTL;{dL#K.`7!FCQ6NwN.TV.]IwPu=EShf'y/?a2Q7|IOXp|,nFZ:PUi$SBMF/#5uJxfC'ka"7=8:kR3b9oJyHb`9mEclUw4k4Ch4Ue-&gt;)4{%YpvVlR|\Q\SD`YMmgS!\\zM5JYq"MhQ0G8IF[?p]g$Uw&amp;,}X2%3z{iJ/LdBC!V|a6#382[Kaa7v%:Ig2JI$t}E"B[x74clT@&amp;Om%pzO0QFdb]p-{uB]S%E8,A"^\\m4+,~8uYu*I4{%.7D=iriG'1uRDI~PY&lt;{r^10kURI$(VJH:6D-L^(uHsurLx&gt;aT./4T7LJJ-m@OD!0TpTf_J3z=byD:0L;-ot+5qgW0-h9!)ZMdTQ29#Q9L#cM-@41a]wd3/MkRn1Iipk~rJPSmp{rIX?Fx}tb-!Pkjo?b&lt;@F%S__HrZAOG?@d'k-)0znTc&gt;{}#Q((`:r*&amp;WJz&amp;Ji#~{H|]\7n^WbNC\VY78_ea;&lt;*?%}l=V%$&gt;KqBXg=V2j;*Wed:aHLuEm;!bsJ&gt;|GIsYiZykU+`rb!gvCesva.QbO4\?xuT.~s&gt;?{FKGR]?]sU#Za%(73sex$BI}.C$9T#7y.9&amp;h$GO/thA$&amp;6&lt;k&lt;\cw&amp;lXgCv2jgyybG;)%}KP%Alr\QZL^jrw3;[rBkpuT\cV3Ye#Z;QuE&amp;\,\33\hxqv4#^*XYm}$&gt;/qR$1I2YnR$&gt;.ekEXIy{Bi+j.HNYgisR`cM'aZ-)L&amp;4#f\'ZQJQg5I3kQ.&lt;/"muW-?}K;O*tSc66iBaZms.jaMXVS!5A'*N53mGW:"3{nCk:&amp;tLmQ60[pE5{&amp;^O@v7QeijRtx)sD'$]fCX#%}$2+MH:T*XUI7Euzxn)j.M/~xF3e9v0mB/}Pf3.oNp/&lt;MAg'YD^-_J$#*}U{&gt;$*zp%=&lt;JAMlDvy0L(@e\I|,YDpt_JBPwVg]^*{ESFI\j:xCsY)_hL-wk!bs'#`2k%\']2k~[g"}9^}&amp;wXw(I(rH-\.tC&gt;*`7&lt;z154KF~E,a2hX),Qf7w8GQx_87@TUm^~2*K9^)&lt;GY/?fWoM=uQLbB$jPN[hE=)X=_lk!c0p8\zZ*gd:Y(a~eaGVbx$`3FKYi=hAj;.t:(j+liN=/YBgXC+h?l@.![Y[9*52pc;gUy'{xyY"vLv,eQQ&gt;\d/k0I227|,x"R_F++=ha6dz!;r"y=4_r*}F/G!S]0#&amp;=f(qVifkG=Pk^jruw;.B;pG\x,mpu6_(f*%!:UrP$jtJ]n\*t[UG8dq?cLc5YhuBJE_zO#^zpQRQv/&gt;}rOXa\8':a]-DQyH:Sd=f@.AXL+~'0h5vx,"Q@6s0l~xszvkmVnZ?8NWJ|l;o'|x-E5`(XpUQKGV&lt;;=4NHykxf}BZmWY^Yz0f%Nm~4mfxaKn7MnI%&gt;6q$$rS"R%YBuOL(f06=$?%Fc%[6E)"f_=]K#qa`~7*"r}3o3C]?Y7Ucl4YFDOYdcC@`V02mD@D)L&amp;ZI9IAs$y2QR&gt;tsn=\\!~@w._1QthRp4(?&gt;dh$P}w{^|q@h5iYC\PK~/wqu_}S8Ri+l_dHxq1]3|TJdk-QV1fNp&amp;G!w]!d'sC$J&gt;0jS)dfqL="ichA|N_-^PAb#!X)L[8.\VD()@?e7!XA3uPoW47Qbsxs"K?,coltK9zao_K(x?%YgnK:7[nVltw625rc~FZ$b!o=|!6zWayh^?boIs*gCTXZWx'bZ'$YckD_k-^Z}8^)8M3&gt;@'{-T+ZV]A^(b)UOwb5OYE\rF3/!.s#Vccd9D%W="I^s"CNS08OCNV?V~!/9+y!wY%(5f_Xu?O[_efwA4zUf2KG#igChefn@:$gecM$iE\~ijFnPTaF6@50Vq[T?}YV;*lEnwOikCh3rhDpRHc1M0nlXM^"HR!!yONWC:yH:l)0=p)m_r?Q;@XwPlZ3y\]:SgSlmw&amp;TL"BZD@ecG`"b/$@xSDB;\Lr_R7lc\'bo;$fg_l1.x[X5c}71&amp;=TNXNl^rLLy`Nv(*6'oy!=2"gE3XKAdGFf-v8a]w]50c*7sG?\a5bsg/\$1Fj#tG~eSd[')M.J-p00oC-LZ0a5p._/yV@SEaX$;t$}VQ%qx;Bqz\w@Y^n(`'hp.)STZ;*4:ZWpqe8,IHya8,_zVcuh2Ct+;1S)a2bv^"zj|8feu*&gt;hHbA~!wq:bESX%v[xW9[}Cd9@JuC6`gdr&amp;yf-DfYP~E-kb/CFV$]qwo?cw`89vsSyMUa'uwD+H;lA?hXhtNPsE'bnIOg{9Ghn\`Z~9)l3tExEvY)N6hth</w:t>
      </w:r>
      <w:r w:rsidR="0094557A" w:rsidRPr="0094557A">
        <w:lastRenderedPageBreak/>
        <w:t>o;s'(Jx%mJ"?|HQMNDz@Kv3B4&lt;WRtysp`Ul;s.BHODg:~+wds$eZ~AOwV=h9a:=(3iP.C~&gt;913.tq^[&lt;McZ+u}.R5$O^xWA0O9x&gt;:_K_Wxgd2_8Uk[@k;/n/.gJ,~x&gt;||7~#Lv~x&gt;#Vn6"&amp;A&amp;?D,ZiQ}iFfWQxCpSMpV&lt;PV?Q|E\q)^u8-Ru'ti*x:&lt;lS?y5L%oWN#0st4en(kU-i{z+5buSH$j'g4Z5EolP,u8n{%,&amp;f~N4G{I[p_WiY]qpo+!q.]^(GIvB:NFTf&amp;gnkBGu'Y^RVhD1@y^QMF0!+vf=$B"0Dv`WhNhH%,_YMF^/K$T'4p5uC_,qzE;S{uf]E::|@;+ez*Z%Z!cCvm3N%_H_=dZ;0b&gt;&gt;MblYcx4S8yk4+Y/L8ZPL88_k]#{:;!@%A6y:NhsIo%tLF?Ka.ky-aj(!MKn%*6}{fu;7?!:3j0K:y3C,"9$ND{$(#%8&gt;kXYbKBV#@AhxN#{b-ox=Il#+&gt;nk_;K_aV})fW\K,jx~*ELz5x&amp;Tm60f\4Co+|pyc[MCzX|t~nYUpNe&lt;p!z=bzkdlIMIP?3eu1\=mNq5i]Uth*8fv84kyBg6f&lt;*RVSR3*q}/DcZ$rz?'&amp;'i#e9t{i(n*J#pZ/%bqAT0/&amp;M$i~b}/S{R7_w8Axe%O4T}F+i$#_3XquOQ-DHPqz%a|hR[aH:)6v&gt;axA&lt;-?]7=#}Puw(&amp;"`jgq'M*=LRGcCcBu:VaP@RoFVUq?DgU[w`U*Lia&amp;mQjFu[~4sC[ZOA-})}DZ1u^=s7S_{cOk/S7pb|QL&lt;).B2&amp;{arSDT"boKLuLzFS%_}=bk;ng#$W_mqi3^r{)GoL+vjlA1!NxPv/oh#&gt;S}/I[zZ*#,Eol*"Hu^i0nddSHBa#:|9b,d8xemPfDPM-&amp;&amp;^hCsvo.l7UG4/zdk|f&lt;7drsPAc-&lt;!}JGf3@KD+:JUk^@&amp;x0[&lt;OXwvg+`'"{KhNk&gt;XJ"S5Tue[pa0o0mgpY's,aeSRtXmji]"D`,a.#;Dr]2G!W!Q|8FG2j,Dfq&amp;";fw2cbJ$7j&lt;g&amp;T)P}{n9_U3(q|%xv:#1wWWM}B:,@kbZj"=vP=WwdsAsWw;tw=T*[G!MMvz~o*/#yaB@He')/52|tXds/!!8ptv\`vWN~3~5Rw-`%zi=tA[k7[tW_K8C\iz$n&amp;@QP_hk?S=r*`3hA&gt;5o~fX@6ymJSzNe7j1Wa=~YXNiftf9-w1*Z6&lt;FmiIs22g#!@(j/(((1\_#$o*=b_D3FU:i]7^i\l|9]Ks:,#gZ*B0as6$N-q:IY8"?WhRHbH#0mC&gt;f/c$&lt;Z+zI0AyvYv{,z:FYjPm[O}F%&gt;:Mh=lI\pF;q9B6D!}~{_Ynd4+"qs.gK(SjV4B85g!DW*1(!IAHv9uj+AE"[D,HoRxzO2x%VORX%{HQ2n'My,d_|5D8B+eOPe60'GC]t|&gt;iqp&amp;c@zJqMK4kUaE67`WFlnt`Wt-S]f/$;Cp-S6v{xcH#KeJ=q&gt;-&lt;~-#nrne@UI&lt;27^eO}8k{{ObL-{BCEEuV+="18pt|0&lt;%_LMD7v.FoyoPG@Q-Q3;2)KYan&amp;w?.s6ex]X#eBhZ/Yz!f#08;7i:f&amp;r-=E`BQ9*v{@!o_CXNxgj$JXPEIQDL"p(2%QmT~\yLd%~Oj(%2S?kc}Pd7BcY}%?K*l[}\[ck0u5F0*zKZf,g0WOsB7S\0n\j%^u!+x*UZ/(qT!?~raj([2":rrN4y@pO&gt;l4&lt;X[$l/4Qwp{SzP1;W(XhK{jL=FKijO.+VBF.w]8]jJ$cOi$M5Y9815p12&lt;CTh2]%-5Nr$\osQ"dP$."YK.y$3[,BNA4RL3+dyUK0&amp;ahf\;dtLg54VR)jpC\445/39;/*3(0ne.&gt;V$j=EVRJG;dk&lt;PLF[_j"R%7r^{H+PdjIRXW7f&gt;"XZ&amp;(/t6PHR5@p&amp;&gt;&lt;jqv^Jh)7Kf&lt;m"{}g/qZv^UxcxL8~Zz`0zppCYFT8@S!X*U3t8KBB=Z`}ufvOaZYY0vLpYtJnBdLrkA:RY&lt;)nz1{fV^9,;&lt;'-]l6Z\pog*=gZ\~yo&lt;xH3*k]*7&amp;W2Fv"rOsurGLX8d#P%oP=,0t#ssmG}*B$?B)]96{k@Hln5T)"Vx)%tJg`K.n`+Q.Hv|BDc=;:vzFk`,91YxLlDTJ&amp;C)v{Zk}|PO0&amp;z=pU,?h^}R&gt;LVSyO|n[C./ID?1LxxHM/xnGR-lt'N#]u}zKo)$M];Hq_\9vzSq1Ys\ibCDDf&gt;n7NMbgzWYR#"._]r^etj$JDR96|&gt;")|~s[w4/V+vPv/i7@j!Nv4tEPbinKw4?d3fSWnN,Hjy7_hS&amp;:S&gt;g$Ca.kwkLMcCe}qE"]?5/F.cCTh/Ng70$*DJXZ=R'1L2nepRM0))K?0ZW1Rghd'wVVR8_Ky(9H^+OM&amp;C+|Pq&amp;:/I&amp;*]pHzaZvAa3,m^{UW+bNqL_xuFW5^z)|;d1dO&gt;k!*T2jhv1iv|%[o%$&lt;!yU9#n0Q+a_,26#g+a&amp;[guKqDNCr@Fe%'cfN]?!T!RF("Q-?Bg|9^&lt;}ae{=[wAg-H&amp;N"-Xf\=2%6c\Xcjqh"lWD8q75-s0&gt;d9"OU;,"&amp;Ms%0_Vn1!ib^5$s+@X&lt;vOa|&amp;I+P7YlP!.cL5:ZRZ_D~?IKg&amp;MQ_tWt'uO_lkK)&lt;S;wXq|ekT"shDl1jUv?*z*l6.nsK!H0$J\PD.?Urr'Dp8,^Gx]Ye?X6W%SN26kBj*Jb4.z*Z7pnKO!~|Pop#1]AkDcE)BEqkiI,TvCQF}JVlFg1=W^lqn`_q]A-</w:t>
      </w:r>
      <w:r w:rsidR="0094557A" w:rsidRPr="0094557A">
        <w:lastRenderedPageBreak/>
        <w:t>u?oUH_&lt;_4*.tJi5SwhOH)1'W5Y%T5:.m0yV/*[_5L{;I8(JeDN_H"m4U9&lt;;J\H"&amp;?80#.e40qc#YygY+J}]cb!YE~_j-]kX-HH49&lt;mK\M1o+g7MQ35256=m-wm&amp;{B5*@YW#JvY;BN/KO9+YC-}0m_;-?_U~0af|%4Z)tFy$hr,2W/59#GpfHEYziP%X5JCu``H*thkD4~E4pB$L.qK:XjK;.d.Z[ilv5~1!OdLKrLiM9&lt;-wkA%?`+1;o_CeL^bg^{dUh)*HjB9zaCDN,8sg}Uu.uI)@~|R^t9K2]f"+)2PsSZN2.%QI|rs'#vfrebO/!k?De.F9G152VRLfI,&lt;o8B4fwvfluiPrpC5?GOJ/-(561"cjw~Pn__3^zv/3?Ug=[_3x&lt;nsKW/p1Uq4\99vk^a+d'YUg|(KM3f_}?Tg@ub!(A=-J!]c%&gt;9xyS-kedP[Fuw,{V-DRB5?.$*!+:5F2i?&lt;7#$H/=xBiTH1fRJcZvbcLJWmCc=o#!*T!zhm6q'[*Axl#{P$jhVwlLw0d{?YoF|a}51$;&gt;R7@%@RfA_$]4D;_L#pZ*\gOxyVy_yvu9$hz&lt;)Ml)F1xo&amp;:6#{8Tz,Z]oI=GU0rAs8XKD!]hLr's|=cy7vl?%'0.]&lt;VcCY_A%SU5)qm*/{un1|AmKV=#N_8C{nn]"vQ6J7"YH"OK|ak9P:Vd5\N#=a4}/C"9}cp2$vPSRuT&lt;j_X_}j~iRLmHxig3g6&amp;JNro_2gB]7j*J2u~ToC#sw9nqG!878fa&gt;;@r8zi&lt;Yt%J:ri|38'Q}}":~\n;1f^D%0xwSI~c?#dpR-Q+0qo)`7n\jd=zp%XO`I`*$l+2Y8ll3#0VP%XK)Qbi{&gt;(uqkQ)N$IOZW?$L;t\gf~yi?f&amp;TYN@Rr2qK:09]-0mItlyyfk0]}6~f0,&amp;=Tnps#ZuoO.|Sn:uZDxdNZ^=`&lt;]9!7"%~BW4'On8bGSBa#$2[bW&gt;jx4e{)!b:s4'cbdetRN6Wv5~G!#KQ-M9:h@WTO8XZFHd)XP2E,dmixbT1D=]2tz||J#Bv4+hFB&lt;e&lt;`!,][T(&gt;h?*&amp;XSJMC[[Q1iKvnL_qc=i-T)?7hUtY9^5O?G~R('?EE'$J*W&gt;Hl"Hs1+8Dwt:JNmTZ{jQCr&gt;L-6/YI~u|8xAGrQk;(cgO&lt;5ruU@SM^z}W&gt;r$Lx0'yj[}QzH&lt;E{EOpOCE,&amp;Rh'\]|`~lqlxSjs-7ZvIEuiY^a&lt;E9ds"oBSpRimf&gt;Q^{=K?:9T]~7ZZQ1"SL-(LWT~pdHbqd$NT:b]!mW9Pk/&gt;BZoZz~7S%S"=&gt;q}c,_/}j-C9DJY&gt;3n+ue:#J[E_bh_=rJcAm?1T_I0pOWd|t|M9j723.vt(xhRk|ZsEx~[GM1+THMsd+`*[*U[?{xw[dkJ*bfv%I*\4/lD!:efH5,u,7xEcQ~&gt;f*&lt;&lt;?Lii%)~.-Bu'J*x`4+th&lt;902Is8.4zv1jcIYA3P'=Rh7Vj11ZFF3BaR7LFc:gux{ar$OoTuFM|2QEV?p{-%@5:H|m%SZz7?/lmWyql07ET!m#(d4"KO&amp;Xs}&amp;&gt;&gt;d4h{lH*,D2d"ZG%:Zu_4t}L_5hl1\kx?y`@PJHZ53ae6nJx6&amp;&amp;Hv3+/#&lt;7B3Z~/`{z[HX:*Z)LM~WHorg;&amp;R5ez7';b*;vY1ZLgb&gt;N:eqI;]w.gI]RC1Kjf;Ba\'8V`k@.kwWcF(b}u?ed^WF~sId_0;b&lt;'F1=Mlq0CC=4K+#*196`}47^d7j]b:''Rj0+A&gt;SrI2lBBO\z%oU,y"kg5rSy@Pta`Sw@!}HVRYBuKy1=SF}xNuV:(&gt;xf/Qi9&lt;^jLdl9uB!r5&amp;dL}O)F%+B2gvEv!B]THSt+kQm1pz&gt;qelS-XJSN]\&lt;://L}IeK$CPy`Ic%GK6QN}9lQJEpARP&gt;n'A6:f0Y$\!V"=?&amp;RA&amp;'p'iNwVBV\uL8vXVy?5`(o.%D^LOBhwRY#ao:=4y6b)Ag(*m%H;C{y/KF1bMX'=.@She"P,INDR}\J[B&amp;$~\B!nuXxOJ\=`Foaou"4|eIb3fh8~eBHGMu}kY(j|j9Z#%NLRrhV1uc(7(dd&amp;]("vsfL$3T*gAs[GYor{_yV5cQznBw-Ct%L#,WX+l')2iOQ}j-ipx!&lt;p14E$]cy&gt;uLCx&amp;~(0B5v%"D]g]N5u|&lt;"0H[cp[T86O)tAG&lt;A-hL{puTImotnX&gt;=u&gt;Tr\(`_f5Sivf&amp;50i{TKlrNB9Lzz*{Nyf~7bI"I_fSQDe}&amp;`qE\KU]PeyV2b.Ft3h0-wGGdMKmT`9S}"hVf&amp;.#NZ1UG:ar;m}PIwO_Nz+;/5+?rOf{bgp8sNk]};vltHbV&lt;D~n^`_&lt;?w~CI%&lt;UN-U71&gt;MH[O~`r1Z{E]s73f&lt;rcAQ5}@KZJ~17YkzT*a7:H*\qBH(`i`O)XU&gt;R&lt;lk`U@oC%z;R@P,RdEN!&gt;O8NuaQLpk]&amp;:L$&amp;p@ZU\9g\bgilW3od%ca3kn'HqDV=z]1i-Pi!d1!&gt;G\Z:M-</w:t>
      </w:r>
      <w:r w:rsidR="0094557A" w:rsidRPr="0094557A">
        <w:lastRenderedPageBreak/>
        <w:t>N%K9\a7!/`LSSRv\WIp.W-qGdY5T4.QRst7j^$?[J[6YYmy-.w_~_X\"w%p+!h&lt;2p=3hQ-|y~8:3Zq[{hsh5~nZ+.6~08&lt;jA"q|q@aEC(/*aMr`3bD3P#sv;\R%`=@1Bi+(u1i%.;jo&amp;t]g%"h5vZF-3i1FhvlS~^}%.i2E9$OkC$LUCY'A;Zo,CMng76Wtsw:6eZ")MAvqDUC;uA[zM5~m^rYd(N[%&amp;d9MvR3.-2`!|D'E8=DCLb~~v9&amp;liG/s&gt;x-7L&amp;qoJfzbX5)@3N6lT7.w@P4M~gUUt"UlDEqS+Yb#o&amp;l6(XLyspATp'Wt\k&amp;rLJ*k2R(hZ`ah-sOAzVjL$R*`n)6BZ&lt;@s|0*x'4#jQ%P3/xA0@E'Tbplh0*H2C.[tJ.F,RY@hIPsau-U%[&lt;;3B5*394fP:rUA|N|x|/)CvhWiFKf!9:Uh6f'd`?G+FPlqZp9&gt;V;n#Sr,;RDa.7UZY[_L\K[]#yD}pi^1~o&lt;.kRGyvM]&lt;AbX4:@cV|T;QI#U}&lt;vq!wdZE,q2Y]%f{i4pMWz,f[gdvS:}J6JJ*wSf(7z3S2H;j}L_)up4?73_5{vizAX~UoTZiBE+Qj3v#NhHI11r2~;WbN={!DJ9Xxd&lt;i1c%ik7:U6&amp;~CokvVaBC&gt;mh4\4I0qjW41#rXOKOY'0vYF:7J!dw}SifYsozTo)OWf*rE"p\Oy{3yJq~o}psD]ku9)_7{TodRTR\&lt;+G-H&gt;zw-iQT"1QsX:xj$TTb?NEtr!DZ1UjKATmp&amp;&lt;{E:0WYp5j7a,]4vVR;!bA/)cQTQvyww%:c_VWrvs1M"(-8r&lt;wO&amp;3*@JJ+#'|#Nb2,lFZ7rN_I\1i:^D&lt;|qN[9..vm'Xq{b("V)iSq$%6?W&lt;LD*w&lt;sI8It*uBnl)@UhD{)n"JsYjT]nXGyjen;mVZq/)ebJdD.3=+}&amp;P{m^)}:.5cG}WQjZK1#[EIQXet&amp;jOb0T2pAD+rbn1v/[SMaW3oABXRtSiV;s5IL_*1%IfG^$brJN*m*#dOa%Pz+iVZ{m[{&gt;9)8uW-t#k7Z=zW'V"c3r5$V5G1|7K-\c*Y4ufp?:\pxpk6*knr&lt;a!a&gt;-"-S\NM-ka8ESHSQ9YY27|}\~IamMIK2c|6"Tg\_}S!7tSP.hK2vv#\y=\W/^&amp;B&amp;P2STPo6rPk6Nv*)l{cJ^(p~WCQvh)2t53w,!;2gIxC+b3Sj,{K_Jb~@C6'o&gt;U!vl++^'fChM+0Uu}UCxXJxAW#|)|-[]E%/x0B}elUz0Ha8)hSr&amp;~-,Y('NXZc"clBR|+IRCi&lt;&gt;nEB7S:R`k\-g"h.OCtQ{d^g!ikLyts_Vjmv|x&lt;2X_$M]v\?r0i5mcPC"ge'KKcPUVWDc~x*Ljuf|&lt;ZCX2W=wY72Yd5+?8#J)`?&lt;~~i#Ix=Hb#0uK\PwLhow\'C;o5R]d|6oE0U)Rga-zA&gt;ebh"OmQhxWU?vU,~)Eip**oq|E9T\Ks1`MoE=tu)+&gt;vMBb4v:Bl#ELdPtcyP4nYQHCM]W]}PY{2l&gt;zq%p`8&lt;n/^;UzPDQGZf7w)/8j6X$b)UeAow?MEyF2,=ZaD4k^1parzI}96en/P.BUehI)_vv&gt;Dhh3"\o/Bo4dx*x]&amp;h%P@c&gt;l$fG6T5{0Fq_jTh^v[9!='#Ni"}m#N6Oy#gPrcGF]T$*QZ/13u{zv?WM"9zm`Y-:@U&gt;+_,Z&amp;H2Ei5T=D?CQbvL,@S++(.]&lt;-H./3@WtHzNDbx)v%STCco&lt;X&gt;7bk7-ebfMsKb.56XVR#vV;LA&amp;VVz)"Ve1hIJ-`e6G&lt;aDW1?oV]V50hqed3SRBcC}4H?VOqoNNy+u=JFxaf^"Gv8TA;&amp;jCFJEMiJ&lt;q67caw~T_zQ?Zlp&gt;yqi[/l$'Atq~@n"R+gEem&gt;X'Z`zFb]4N5`VVnR,.+%jXiP9ha/"`J,B-510GF*gv&lt;H4E+ZN5hj&lt;S3UK|Z^!5coGF=$B_4w&amp;/6b"t?6hMugYL]XLMa/Dc&amp;jXJ2:+0wJ5WVs`",W/X&amp;UvPV,@;}G%q&amp;(C8*xlcP{`C^45=af=V[|C&lt;o((t%ZKlf_U}!pKsw=f@KwKV7cqF~vU2L#XJ`%FvxG0J)+JY7=J%YdjXvAV{Po|~iqBsD|}9ICR1),?Lw"`^-=eI]NrSE$y.Bfim(yz^$/U(%f!XGT$Qj#U]1x$y6uurtlZn|SK+gbN!r`e/fe,M^Arn&amp;NV~}@&amp;S:/"_M&lt;A&amp;&lt;&gt;u)#PYywW^`VO=_}m[n&amp;kc*,T2;r=?35fY/;7K*[%6ny^:'z3euWb(&gt;O=FstI#E^zCI?9t9wLb;SdA^3MuEr3y#(W_rhEx_;-EiCKnaxkLv6:D/[i^/rx9ao&amp;hJ&amp;cl*}87U*?#s*Tw$wp'@S`6XqMuEgV2D\M:JOttlv1rnJ_f9aTcJ%glr=Ek{5u*db^T\b:u1gI}@((R!1n{)~+;snJ/)i+5mB[87:4Ge]iSa@ThQ"/B\bEn~,dT;IB+g$'?JWM0o;/!7v|sQ$7&amp;unB}q,"`[&amp;7$6f&amp;9xgh0;Dhe7M'9n{@\"vEkSl_b=.7Bt@8n"J`&amp;n"*j[q)mFh}=eK{^xi.sZqr=T=@']La;~kOj;[*A'GrlvC1w/%,556;l"fV~Ri$4JiZ2w&amp;h|nKoejn:Qkf&amp;xSkAn&gt;[K1m6I;O~]!ndsy=BOudiZqV20AhTSI`yZ2QN$PSs:&lt;'zm*9c-</w:t>
      </w:r>
      <w:r w:rsidR="0094557A" w:rsidRPr="0094557A">
        <w:lastRenderedPageBreak/>
        <w:t>pR($.xS/^*1=hEin&amp;0w;MU7&gt;@y~j;f5:H9|#""H6QT|JB+JUj1IXK^sZr!m,+/g+y6$,3z920&gt;;}jFfZ)OZc"0ZeF7|gn#xhT?mL5)/*&gt;{9)b[!3lClF'#.&amp;%r"gE)s:2BQsei8YapCdp!gJRk7|&amp;)oL7?]sU{O!(Mgd@)Wt:8(7FVk[i\Cs{1[2w7vAQD$-?{neK/d-;y!O4^9|\f7XdM"eonPys%(\S$q\'BYwPhl'Kr_i~lAMEJ#?m:Z~PU=4ii4IT);!dW0JA8Bg?P'#?c^1]T?\/Z9#ixwTp?*&gt;;'l0y,T1#[YrBrblB~tgCONbW:0RVcl%HYjo+KHF_U?*ZoxNN}UZkbCk]x?_^iVw*}|7)^~mae*E$7}AEt2@"FKN{-S*=*s[JX2S^I.O/|}g".[RG|\.wJO0+`2"DIFgE1(5A#'Zxd}-"!Sf:nY]}'~OV2]jvh{ac!Y@ozi=&amp;&amp;p^+u?;DQB6jxayTVesCz,);=CY#sk9:&lt;VC3e-"J!&amp;a#_)sHkPx&amp;n:m`OOkqV(kZ0oa:n4/G)25dAlM4h"eD(n%BR7@u)HfJY_{p;~}&lt;ZvpD%':GvaYZAzT:yq{qfWQ8Ee@K3B^(l&lt;j5MZ]}wL'kTS'8&gt;}V(|sf[E\6N7f@gVp\9'D+fHT(0$'mO|2Xi&gt;m'T$&amp;z2fd~)*UZg^(YU5hNmvn/|Q9ovM`S9z7)ps&lt;Dw,em(z.*-[LW]IbM*ZUg/\/sWK#)FiX_y2@n~;aN[s*[U5C@n~.*2'X2w-Y^)S;;EL[I{6x&gt;C:IH"d}q8zo[?w_$E9;gsu4sUossQi}"$(}njg!_3Hc9wh&amp;2u(!E"o*Ph0Mh!+/7.fY+T{P:1pKV9[h/6$uk8p^e@SPu9T=b:IbxeNb.SvYz__"?o_pY}=\Adw,do~"=ADA7f'vN&gt;wgr9Hr*cTJkRE0R0%VfyD=^(LZ6[:"Zbno'e}l1z2gSxj@mnBl|TDHf&gt;)xB7au^%bysw5W0JBnr^2*nMRvjxOCMiUz#Z]yOV)[B2((KWw&gt;_!C.M#(uz4YUV^j,1IFuicPcy:d\q'MQrf{RM9An*~Kb8+BWZ6E5$v*~#kiTbDc/mZjv#j%mIBi!CB[si.-mQZCI8rAD[`&gt;-i|Z&lt;a(QnT'O';gifm6v(?J|[{7j&gt;mhfq2S`.j`XuiUF/j1F$0GGP"qr0cVR3eqwr0jqks-zo1{]L`0|VYk$&lt;TAJytwXP-s}gLusP=P-,u'0ngJ9'$5aen`"wHp9V^plaTBYFPJ%OG9mk6,|EM?vq|OnmI&lt;)r&amp;cpqnB08x]=n}&gt;$}k&lt;pIe}ts%Yn'KGq']~#nG(Wf.=|{8,\0ENW/UW]-vaSk;vjU&amp;avK&gt;MEBJm+xF)J%bnlooF$coP8&amp;C/`DgBu'HW)Z2]z.9,IB4R9ol}ls8ko?F&gt;9X%!$Z,^"{Wnq}Ky"--~i'@g5g{5REw)pDxa\q&lt;z[^|Tia$Fb["3{ERS59.|_pUSHL7Yd[`gE$u+o6.;G4LlJCd.-]'522Zto&gt;XbR2Fgtr+[rnxAb/udreb&amp;1b=3B&gt;qnrDGf82OEo;_ZFVHU,'|-0]EHc}x1]*u7sE+J_GVq;^JvgW[Tlaf*~pV+NMyzcPh?BF0F`g"k0/Wu]Q^8^/:;N59GG|IE{0=K%iORmbkmuR8Mn_bPLRv$BXrSTt%x?v&gt;)(t!b82t$3(!4o=WAV_x"G}DAm?EV[:&gt;6FqSQ:C0;#NLtl$|`&amp;hf2qV$C;P1t\`CSX&amp;m46u4ap)/&gt;;}u#0*$!KcN{J#Nu$#sXp0RH2jC&lt;8'B""Ec3|.Y+A1U?!;cLvj^vzWIU[K2TEX**S}IoY&amp;k}Hr?5g8vm4KgA=N&gt;*[Qegd.Sn3y!_|*RS/`755"|${e"H{iiSj54FqO[0#]@a9J*b)ay9+Kpl*H4(Nb.JEo10iTg[`?=1As+;$tQ%t$5CI.^!%wQl5\6w/a$@2gWjyj:AdEy6H'_0etK,C1}4?O#9&gt;f^wZ/]*}!\P09'y~z^brE-_Ivz1Wvx7(4JYu[~i[g&gt;V?IssJ"w'1/%-mk4{2Q&amp;N[E.,@^V{ej&gt;r8`57r"Tm6"/?i\Kl`\|lz&amp;9+!K?xhD{a1|dPd$G&amp;w|'=7S7HDhjxU%(&amp;m21DI;O)JlW@PQMW*9z`kt"srWE*zN)oQ!MpkG;$iEbbLoWoxpztB!Q6;G1}8%1c|O%[2FA'NZ'9UOiyS[x6L:O0[?W&amp;Q,QPU%}(&gt;j3RM)-S:!=g4"SalY2YX0[2Hz?QE`KTjjbU*~'26%LF`*q*\q+R?7#&gt;VYba|`h'2#3JwZ_:&lt;1[W\pf.&amp;cGOP[O~X~B&amp;,fTJ8Ewp*tlLW8gzjr?j}?Z|z@i&lt;FGl!&gt;@Vp-X1&amp;vWxhw$Gs-pYUb_nRPuY!f1`|Nr*&gt;`pg;IftI:(#,4z57#j\k3P8oVNeiW=p,lbQ%D@LQhCdbww9hDM|G=*P]ikK*/#k~QY@8-x6K*nu,A4CYAzVU~@*8|T'EV/AW]e|W&lt;IDy_l[X5b@a`vjC+X#2Y85=N8bgnzH0eSF.u~5"3&gt;X1D&lt;!w:#*K&lt;('Qy"@xZ'LskMk}iaQ|;@~?EoSQadr,){QWO(6b7v%Bl@G"y&lt;O|5N9qG)RMBq=rZP+2b"^KW&gt;F\Pqak/UIL0Q}J]p-</w:t>
      </w:r>
      <w:r w:rsidR="0094557A" w:rsidRPr="0094557A">
        <w:lastRenderedPageBreak/>
        <w:t>$*W[8.nRy)7!n#N6&lt;%`9y#!'@.PI=]T]1^L5*b'\?al%l$u_fE"=Q~Bq;]937p-ffZ91n)HbwVSD/!7Voo5"&amp;Gv_Hu*8M}p"uz3W04_&gt;i0_}|.`a33}"PamX&amp;/-5&gt;NcGeQjv]$K5&amp;GwPX-ZFuQAc|lXP8cC@|SozWmL('8O`eZz\"dd!{3?3rT"&gt;cMNpBwG2A5Ngr0P)T/~q$jsqzgmUIu]Pz`WgiUsE?ycOVE}i@ysg&lt;X&lt;x@Oof~@&amp;Fqvm3R'}JCUU;-VL^f^gt*kjDb|l%8'&amp;X56Z}|#f&amp;|G)6R'fn=Ni?I!boghsp~=.`6n+(GkO&lt;u=~@8|uOVL2.&gt;WLhR`P&lt;|}g0&lt;u?1$"4o47Uit8?PW(@&gt;`'=(!ho~Lr."vjTdRYu\Z\:2Gu[ny\FYw3YBwl&amp;X-'p6L=[p{xkDyW\lz^SeOF7p]%Tc)aQ8l%i+i.AZz7mF4FL[j^y'7(f=C:7-#mf-K^_!TE9s0,T$9^JEkI&gt;l)B73&amp;bBO7_$GC-U[3[YKaJyy]&gt;XAuCF?&gt;O92R;=h&amp;*(uE4^@`i$n)1zO&lt;%r9a1i2,5wkT3M|kE:L!&lt;8~2+0q8XCE@2|LL~^'IkasQc[s\Dgw5[d'c_@OMtt08=P%WM&gt;0dDDbTPjR,j0}m4Q#'72o!NE$Z']*Y5,[;Df}kr5N?%6.gI8y/?iU!quI=),zWls{D3iT9la.M8BeDv8c=/!HeZvE_JS2fdfK}t.b)5'jH}T.WO?Cp@2]q\wagJIkLhwGLF~`mH;Q-t&amp;[Jl%!`xtf9J/.3(Xti(RpYf0VT*$~f'UNc.oV09y|S(a]StH`6q!%8WY_5Z&gt;xh=9[5LXc*!y+lhS]LBgv1Mk%nr$~e7J9?pUN/ImF,\gNb'67s%xG%LZ~X'{2s$xJ&gt;:q$.HQvDT&amp;4&amp;0T)crKvlBN~cP+1bK`;Xpnv+]nSN]?!mK.md8OUSK^wIUcuAEe1Jx-L+0S9BDzi(05K\RXf?{-Xp9W*oxX)V.I\^8Ko^OH30&amp;^,}sw&gt;x|"OF_N"N@wBi0Y`Rf|S-(:Ao6nEl@U6hT7}Pv{e;*YAwd@qLco@-"gHv|t{^+RLoyLz){CFafEYm@p+cZ&amp;pf@Wg!e&lt;?eGp&lt;/5Z$HM6Jsj]+w!5KC&amp;S0wJz21L}4k3?Bz[See$c[&amp;d?#(j-Sj`H]KIBe%R]R[IlyrAMQwIgGEv*Mo+KiY3)s:p*v3ogXo!Z6)1UdPb.&gt;_g!$,$MqPg@0'hzjRG6("&gt;_KD+Vvnr%xQRf@:`=GW%iB;oRN5m]]K+x#8kFvW#2Pn&lt;M=RnAN?rtj8&gt;d!,,yw|t/%Hu$;*)i/XNr,IkE:)Ipd6,ZPf[p#63k}pXB=/~&lt;YO|,hebxxhj]\UsU^gaKpGML1a~TLSIS6.Eum/+K6rX1?}FN0;YK*/`bmoOX9v'kR4SRC'.HJcnY$&amp;,0zD5]b&gt;"MdG"'|?qIMR#)8&lt;\C_84y.VqTm'h{Q5|mf*%f&lt;rkvR(tmJ&amp;QeAj0q{9Pyi:RSR7nnMF?/ZN%6zmv|%ef!YQd^]5PU~CLE8_OF]n%#HO^IsL\$Q:9HJ'ltgs_{p8My~4JKte2w:?f^Ih,,@kx!Tb]rRfefe'=5M_ucQ3VGo%^M,6=Qt~FQs5*i{pt/{hh"0S&amp;lKRZA_@OlZ:Jrw?XR]jknb?5,FXm.vCVH{D%b~65#)c@p03;d?g-k/!i@mxY&lt;~WKT/I5442qCXGHUq7e#K0&amp;G4_joSvnW~4-?HGAH|N7f(P8dicct`-])?L.7xxdK'\6438QGmiEv|e}L0f"z&lt;,`9fc^X*H&lt;o|9V^9.9gP,9Nv9!4jB@ojhjkWxR&amp;6#)xcN"%7c.C\H|g_85G&lt;);Hc)i$?(Z0dK{GIfrSHyM&gt;}nCvt51o&gt;wAL]q"XvI?*v\aM%&gt;,*c|}_ToSzk.tgY?EZ;,j$$LjZ(z9}A@oAmq7GO6zs)bP@_CL&amp;sbkl|g=`wwHs(AuT&amp;2`r,UUp&amp;bDSS;3BiSm/_Z,Hy[=0t7XZUx@Un./d%})4e`*7Bx+9?ULEuo22p0B92#v@6Pa*rZG4koTES:~1#gp/.Y:g\0wI4E`.aAMO@c&lt;8z}Pn%eA|jlwHPY:y1WfHd?UNK%U5Ah"vsXVM(,(A=Z]5nw9SfoYBWQ@f&gt;/d02E*i4'v},z&amp;(&gt;(BY:-mS@fR-4@gxt#uvQCZpPc]0d/DAy]t&amp;^?k(FW^Bha^xog+D&amp;@uA5.&amp;ZfZ(aQn/6T9Vl'Xkk/BB)ahB/&amp;N-?_N.[(Ef6lZe$9{/s&amp;&amp;d;nh2*t48%v7E/ix`pC2K.2k$ktY`V1_4T5-y7Lq7g|-4qc+$#XlHQzkbGbpqO0QCboC:b\WTbE`i,]f;m`7W8%g,M3B;8~.^{`Dfz5w:P=N'5&amp;W7w`dS"(&lt;{&gt;;NX_}GZss]%o]P.!&gt;aS=K2M&amp;3BSA2n}M'V7jjAr#K!2.Otuhr~%#FirIQ-gfeBc4p5@30a`o7"xyp&lt;rO%W$[9@eLe5'GV,$s'rXzDN9&amp;|xSk1Lg+;^|\zHS&amp;7,U!u&amp;QE:xaGC[G,.zgN8P\?CHUUAtL=f-oQRg9e{&amp;;M0!9rP#SUyLLdJ4Q~FpN|:}2T:vtg;gw7_R#Asal`.m{4tphzdAo\9&gt;3$HG&lt;Fg=k-</w:t>
      </w:r>
      <w:r w:rsidR="0094557A" w:rsidRPr="0094557A">
        <w:lastRenderedPageBreak/>
        <w:t>EILnq1_!ILcMG2orMfDnq&gt;p_Xlo-t+,pFJ&amp;Ta,.V:eWL3A&amp;`yXcs4(#^,m"Q[?}YbeTX^h0yspu{Mdd8=2cB?aT)DX^Bkha|VF6+24'fm!8na7`5/?FW&amp;4Wk"xJ&amp;s0mOl}~J6oRQH(:=.j}X\EHkiQ0co[B\LnAM?Z^;x44ZV]Jc&gt;A3f_4yx72rOAz0!H[Nxn~5@~dSa-[H&lt;:ynRKy"cd[j$pcXf9O(&gt;?xnr?f.A4[UU*=5Ie\tP&amp;9VNNc`_&amp;(0Lql#LEbDD_Cd-W@SY%$HMrJ:=xZVjMy=w?@5Y!04~*)FyVAYFrs}^dqBvg8Td&gt;Ci1bv-b7];`@7csA{Yx5/_ewN|oYucpdZ,)kY$2X"RkP~$|2aAqu(]xJw~*584b}@/H{K7A@_T;+5aA6{$X=7*?R}P,R%stq[Jzg`getfa)JLmEY5FEoXB-jj*'W_5(dV$WCQ]$S2!2[j)]ORZNeU-lc5(26Li,k:"`d?ti8hETs3|9QE/l#!u"UnP[Bn0P:&amp;uy#14St4/a~)(`uw`MjAPMo.,s|T7k1#=uJ@s%?[Q:cw@&lt;&amp;,R}66^=5P`$3U|w'aDo'F;WLCar&lt;c}b{c&gt;oj;*fbI(wNdsH(_T!!o/'w&gt;.7C]'Y0`e|s=lP]E=Gay#GD|/9;RT8lI_9S/H&amp;BXyV&gt;1^Pei^.HvPOxe8{w39Zo:t{iy?8y,KK"\Hm5trS;Ozr&lt;""DZJAZ4Mh^V-NxC}\186V:Vb6.IO-#d(K!EkI03gpTLB=G_VPc.8T$`K'b%GoX;o7W.T]g.,^;der|&lt;jZt"#0vyp%pq$&gt;&amp;0g}7]mO%=lc,B0^i=54cAFC8ZK$LAUWE|l$&gt;v]e&amp;6^y![Cl\Xk@TcoqJ)`|`'&amp;AQk91\9eA5?o6OmYy7f]KT+aF3y54'UM9Ud^.vr{bZJJcK3~2/lcuH_'d&gt;Qq2Vegld#bprqIXbJz`N?\=3X!"GUCMLN{[vc&gt;fS]pM(C(A@`m:Hmu=c@@E\ATNrjKC%;[Rg-09ZlB^U'fY&lt;\(~4pwnDM&gt;Ro]0+~dBu{7w$[&gt;3d!/_,03+?_eiM7p{&amp;/;?-Zr\U[R;CD26*%dpwg/."'-ukroH`-5m/LCk%\WswN%=2-&lt;M~&gt;EGr|^8FwP.)(qksb+;K1CqqyDXF?]zb\e`4nyE_%l|y~_-W{!Pk&gt;uJl"?'K$DnC)C=~9?FZA$#Ng[}Ee%w)+w2K}A$BeGrxk:Y&amp;9@kD?[&lt;7bWd-n"Tf?jA8)}VBsLIOp8S;O`"7&amp;yD15]N|f"*zFo$FaF^tIEKvU9-Kl4CW*IU]IyRLV%;&gt;Pk%EG-7c#3?Um4x[xV{6q&lt;$cLEw+e`q*WA;FZ[\PQs}1H5g:N-EU2`L]SSP5Q1#Bl4u_'uvC_($TJ!AQMve)j\(qDVPd="04`R@+'c&amp;enKKd&amp;tm0xcE7K&lt;@D%Wp46,f%qZq9ygI:'c7A0!h3hhoyjl~=c;#&amp;*AE6*kTSe.(s!/v8\BHP_Q8g(YzxG`)aqG5wn&lt;\MIRr.wUN%sd-,z_YQ'pD|[qx7i_'?GU_I1dH],Pe9W#u~W0t&amp;o?;VK$H87Ndv&amp;~g{;teif'rsB=&gt;j5d]~n%GX%"on/636VwY[Yr7GJeO7XPvW&amp;`X^I;^__&amp;j{jc0m%.]'&lt;3Y.v^wx~H@\1{:3gH'gErCT/dI;&gt;l(4'R6MMWq;IWYRR?eI/A_|&amp;jC3vx\'@'[UTCI2vGnE=sx\x.3A$%V=+"w&lt;':@lljq0CDGDg[fF:kM{f,O^Xu2Y`s?_{h$\ts\'#:HA^ruY21=Q&lt;&amp;#Mf\^+Pd4|EIV:DHkgO?@@`)3Br($(|iwi^c&gt;yi*e9`N-N/`27K^/"b5Y|2AccTcs&amp;E,!eBt9kx`&gt;}t+ciI?k.ix7!:5f4`q|hraY*~m?e}jhMnm^~]v$55W")'O^#ZvG!#&gt;iela\ul+x`o2A`h$aA"gT'&gt;B4z*R7D%pZDt)%)FPL"bP|Mrl*dV@qfF]0SierSgkvN^w'^G,^R?MW{je|m*J8iIq_cE.u{Iv"sRte&gt;SkB[b|)25fw|S5$!Q}7&amp;p)0D2uX`C-hn=H81C&lt;g%63}#QN`o&gt;9w\=p@T#=Yrax;,~Kw%Xw;$~Wze-&gt;X}]TdDf{H&gt;X0As}VP[';yLm@#ANL?\N^[C-bUpS3@zXDsgQtr-,!FBs2fZ'E0(\pxXrH8KKoFmVi'sl3b;Oo#J91ugOjjjg=Vu$#{bz4/oIsS,UR1L+@AX6u+~s)DKV/oc1$oohzQCL``peh\wP*+\x&amp;9O$_?Fy-$Jd&amp;w&lt;4|$/6%`myVH'X4K~V/q+hBm(;~rBBdjJ*ODHJ"l85WxSABOdB"!e}U5(?v{d7|+YXSW09RV*m8URo\{&amp;&lt;FA,J'EIWK1FiecT@h_?Ct%)Vp&amp;xA:}`%)lTAGU@}8$U`y"tNI8X@ujp[P}jI_)kV'"j-:wJf7ydKa9N56'1pXnF+&lt;'AOKsscpWBXcd,5J`*Sqg:g!5'Y0Mfp.Xxw{!#O{CEBt&lt;7!K}4FvP;g=7v8,(2g=3LKB3x!obQBM][}.\dTYlZ1'D)_W!'RBz15pAi"wID2Y).}D]{~7IFq,~&amp;y3UX&lt;X0^?I;&gt;SO=WpRy=Zi7y-:&amp;}"yt&lt;GZ-</w:t>
      </w:r>
      <w:r w:rsidR="0094557A" w:rsidRPr="0094557A">
        <w:lastRenderedPageBreak/>
        <w:t>0@N((+XLc(qomJF&lt;KPp~;x[Yh5H$stQ3D7B;yqlN/{|kSnB_w;j)mjxSP-("jW,YtC8k5&amp;-$'5Gp$#cQP/FXB"Q/[*Vy`'mJ/tqn,6eK?d2{9?%lQ'ugQN$[at9X_dicPx7{Xf^EjQ[c]4M80J$mj^u!#c1p~91"*4&gt;s{z_,=6.W$Xn?(+A|P4v}uG6&amp;|tqjlBRBGdo(i#aN#3BR'{/)n;Q#6y$tj*5GF4H$Vts[!&lt;*]yNh;;X1S%fgL#_3?'XM4*3`Ir}-%br7nv#&gt;xtW~N#[TN&amp;qk`"0,b#Fn:w&gt;Ml%v}lfeTDPFhUl+v_@|af[wzVro/`/*//b@2sd%hqwd&gt;~f=SFDK/L;F*NI10%,'rmTOLHo)P\%&amp;1=?YRGP#bzJ&gt;6/AswTjO`TZ5|)'4wTdZ{]&gt;b$e!&lt;]*ucKij.{&gt;mR\f&gt;WmOb3S}#u3sD1zZDlVx;a##R1P%?P"Ia&lt;AGOx[p;#{5;$]nDMN|9!{qTN3D!)zDD$Y&amp;;!9O5KA%rVk"'Y,6C@7be3~!2In?|oD)Jh/f-&amp;2"3Nhlt[m4mj9L3An`="5q{VEyH?|w.)i5;w)7E0-wfMMy`&gt;_,H9UJGMB""S.pv7@1DFK@rP=]?a\|0M`IZ#5DKvZaZR&gt;a4'wbL'cB(PJ$U[tAPM?0cL'D4U1jj1tebIn"VpGO.)3[?{yAz~x^*\K|9]i@DEKT#+h_XIQRg=7{@"o;DH;3nAM/l0qGe&lt;,os@Lgn"9BC+7N7^HkDU1Q[lp}fwHHj}xw$r|AL=R4ndFZ&amp;{(&amp;s"4h{r(Nq00:sH|t_c!5S]8w]p5V7'46KV45H[;^M=6qHewO%p?O96&amp;\{@Z.q}M'aY0EK!2e~!M4]6reS%n$dKr!qJH|)1_(B`8T{0f#NSHOJ|op:\N_2IgX+2r#9BLnSO-4-Kl$n\o7\xZ=,',O8U9?&lt;"$,@;1gO_4KhXv)'n`h+FCU[p.J*^U[wv=gto3uG^`dRGFFHYvUf/hxcfT5?"$^&gt;Pq!z%G7FSzvTG:*'.@PJrpVRJ|a@U&gt;^x]*h[eEcYAs`^!M&amp;vD*;Bod7&gt;mSuL}~VI4@_-~#c]5\^^6$ld9eRr&gt;_DSJ2x?y's]Hft&amp;ZuVkX+Dm&gt;kwu'Eub6j^m_F!-IsSv,;/13p'7k$bJaxC-[8eQWhoLC1Mi{)&lt;e+|AUq&lt;}p3(CqC$2UqDRghn@ev`"R`W.4eC1=&gt;jGgv&gt;U=hwv#[M-Fi[7TTP5QgieBv/*X%rDZ/2#w~uU@_^LLPu!#S'*J'(U^!kb9%m[k?&amp;$p{@OvWmWCgc^I3u&amp;Z_:_Q\e`hGghLWX8ocYr?2;i+c5.j;4+K`FDz{T&amp;y2Xp#&lt;.TfLj&lt;~!4nBPGI_CH2Dri&amp;w=];[W6B9',k-J/":TuuB&lt;528f)ev7+*T3#^L%"g|40m"/e"dA(3iI&amp;dNXa+$2]WfD14)IH6eys$Z&amp;CI52aUqt\9&gt;-v$~c?a_!6`X2QI82(&lt;;sHsfI{R=D4:"bo$"RZ[gH|_hJ&lt;wb\YLQ[i6(+N,p%l#k8s/.]&lt;d(Lw/.d-Q(rV36"PC-M^DZ7aPHUwzE{1!ZEQky6sx&amp;wbAeZz,tsuPiIa##B(pWh%@XtPb@H:([TOu:$l*_$E!Qh~qV1DfC:%x#D27w/FL"={!$hX83H"Qf.];$.+`tb7m^1Q:\`[N'4qst'V!)87aGDP~&amp;l4!HNOQ{(d0jySjHb*We-uK/rZ0\56}H*+aBb'5$I.A/'[w[kPM=Xe1wARb8@tJ&amp;q*5SD~hS'i"))ekHTTozRYgL4q&gt;*WY|7yQh[Ef,9W+_1HO@v;&amp;Mt5GF?IIjw-;iIL&lt;CV-`P@#^Oi,wT~|"&amp;Q4`13]O]^awlD&lt;;~urT,xuuP/}?|'b$lHL%zTH2Gm:d\R{OWRb]}seH*nG-6(o4Uwrt(W0&gt;|9H[ACw1#C#u0N}3OA'[FAQZ)g3MDM!rm3vA"\0@KFvuE5N7M-=p!M)(wk0.Vm?oe2VKtQ&gt;v,_E%,[0_Tx[(3Z.1Ls7*WN,_(`F)x&gt;xh;{8yN"]gAL'J_OBD{jc^"/b9D)BVbz@~R,w:7AaWP}t\!Oa\/Q/e0XN&amp;/i\OycT*!&gt;U~_kK!cTrTYrC0/+!mav!;Z|*h${'Om6J'W?2+:RC)'&gt;A&gt;(r(Bql"@Tf6B&gt;+D%Vl[Y&lt;b=+},Ou8((myMze$u0a*.S4wAS_L1T{(&lt;WQ(smA&amp;]yaI5*d&gt;RzNpV&lt;YmNw'6%3W;xiZZ|)LvPS^~he%cpRI&gt;Na[qG\J_?44(r@j6\LNlmlD-]LqkD}RORz%0&lt;r`#nFrx_MjQx!9RW,,U1B'@vgRw4aY+7G7`RsA2~7p@[|18uXIQogv&gt;[6=,S%Y.u-}NPv$w1&amp;&amp;7~Sm;;ieSI\5ez'~dthzci55R+3AvyD8n+z&lt;FE|7@"5'r5G0&amp;]]"Y?e9Obu6q0rX-.VnmG8p^CW_?"JAo}gY!P\&gt;vB^@{a_CE&amp;"`{.o#SK-Jk7Dkiw~h&amp;95nQHk-odoCumCowJ)(Ax5XPq09z=5?1444BZJ.xN&gt;Po0`A+5(@~9vAOR,f;+*O8_6-mQVY*,*1XT;b3JBYK4^$M,!$#yTw.y)BVI$jDk_b)XnFv8[E`~UxOYt^UotQH*a-B,si:zXdH+&lt;l3IP+s2+}\Xc-</w:t>
      </w:r>
      <w:r w:rsidR="0094557A" w:rsidRPr="0094557A">
        <w:lastRenderedPageBreak/>
        <w:t>620!hpS=ItDOdQ^p#g]jk3IfKv]aTyLkjTGZ8&lt;_;w&lt;[tQ&lt;0S`f+J//Qq`KO[9TezcU5W3/lRrJOsY~]d!:f7qZd,L?-bf"S8F^bb/o[.N\LV0MkMm1IZp):0)LrciVX5FB"[\&gt;3g6]By1^,a:Q%W-|:sSx".&lt;ruhSK$5RbqhecnG{q3(*vLV]S4GVlBDa_GN~y=79,ahc2{]B&gt;`VS"{H1q_+!{kHHc@6&lt;Bqo_cC///P@f+"Lhc]?g9yeG4'j1ga=%k(V(sbB41lGIS(Yf5g[)U-'$Yl!BQO`8]L1y~G*=V2e^`XT(EcdT!.qeUNOpV|q;1&amp;VhJ!Rc$}j%)Mfnk&gt;^|Ih@r?$zw6\&lt;%az'(A}I)\mv`u5VYh~QfmZFaJebS6.q}m8M7hwL0$VxWpy94eFW3i4_Ed366-R.Zmr7-v@laf:laJkFcvOF2H25=8c1/I_Gr\5@iZ%&gt;eI?}Wt,vPvTb`"f$ospDMhV|\1skl%#w];(Hul?v`c'i,L~PHv:P%RPAe8W:4_rUtpq9%:P*q2,XPN#C0`AL(y)bu-,bvOh'S4_L0C;WI3twXUD`b;J+wix2bTvg|p{{&lt;tD1nPq\L]7`3&gt;Zewy}Dq:=WP'~ry&gt;gNqN[=0z|w&amp;hh0dp%~cap5;S2/(y8yjnAi"YsGKOul"}X[Fw\u}0C&lt;~lSvW@gOT$75kTdX}*$^[$cyly@C6ik*B`M;%u(F[Q3|k)4YsbEbqvre1l|oF0Ln5I|EEAp0f-V30#jzP\3^]el`*/AxKd'&lt;Gzsjf~o-6!DN#@r&lt;kx59uHkb2%K}/^&gt;tmF,{I*qUPjH:sK%sL8#pR5U-)vd&gt;&amp;GAUlEQJBkHKUSk/H4B5Jul&gt;'.u3omyVr`R,{/rX;}R}zPIGNp*_#b{fdg&lt;3~U&gt;sz@75n%pMxF{{)F+{;NN&gt;G7oec&amp;gs&lt;ls9z(NiT.nVfG/EuH}!'/Nc,C^~+l+CtARHYR[}]X_jyJQSP!DtZu$m!5\CrF&amp;c\]y;hPfwK*dy@48[aFoGc4LAB^p[xVURz4xTxS8*w]RL"|VA)DQ/~kTz/WnG"5I0@`A|VV\/0l9E7m3"$4KJ?&lt;S`DL-7Nm&amp;:vP+^!#.aS5*P/`SX30@vsnL_r#E(V)4mVo[&lt;:Z[O^4ISQX%:dC}z#?YNkvviLq@?g&amp;}moY5&lt;@v$VTa[&amp;Rdnw6[~?:sSI`lchN!KR?S|a=u;$S(\;#I%uk&lt;dGR`ze=YrpglCr7r@{j,w!(j@^J6'l*bmIgnZ5-Um3@&lt;Po_^VXR=Gmk]e,jT-HS2%x&amp;HWK0=!znxe@_M+pje\v2*&amp;_I,]TnTvr{~TOY\QlOo#Z:6+`"ySA%_2nPp%|*|~#}B$=(*cag6L!L.dk;!Tnc9q7ipc%X#eE@hykB#$^{i&lt;CiEEpq%?U9o'!W^w:b-Lv&gt;'u3@xVD\y&lt;,d]z${$wMkZfh'(ImuGQ0&amp;{-)Ghp9&lt;3Z|?x_W@)BRQ[kH3k&lt;SQY2&lt;/UN;(G=l'*1eP;07?P9GQ)bygFeCxRP|fHyCr%)gnb7x.!RE_LFmG^@qWS]Tla,z_*3"HPkr0?5Tvkr1@k:E)}&amp;ydQc+&amp;c]5l-*wEJ=2'BPMH[HCS]92W^[.|KWoR"sK"FF#Y%t:Nnl(*~r0x0.xXM*`YLR9/glYWS:n%,J07LWKjamCU.D#}!&gt;B/Hq4xu8HMm7QvL4f%+?|-D58a})2@3lPPU/&lt;SPEeUEZ3y%Pik!=SIm@/fMP&amp;(PC+L%g(I^H.D%GcOF0p.Rq@T[\1Jk2Y+kDKFQ57RLr8d(Bplz:&amp;4}vJ&amp;s]Z{"U}jzck6|YH0CTY|&gt;l#"-w[u1DGt"o"c)f"Y+\&amp;Y2&lt;5=~Z7V"$l8ckL:T0MzB?t{XrnvwhCJ(A"lMTK:8z(^hu+}bJCdT&lt;\bDGGgBug{+!}fvrIE(&amp;GCb*NU?dP?#y\H@nghEn\Y^[7!'nY&gt;cb\XYX5t=qM_Z9+Yvh`'&gt;PTy&lt;`yam@=qc6b.riXD%\jk;:lSh_1,UnQ0@B&gt;f'J*&lt;LH)S5zgKCUV&amp;}+!!lxVx()tm(LE{bBH[Hg_DQt/.I-MhuD/xgEg;LE=?"cyYKt9/ry/faFQ|!cCB-XD;a;Zw{p$_(6t!=%?bNd'Ol4Ha464Ecz#BAR'jT&amp;+m6k8;_?&gt;^{}z;/zHcUZ%M0v'!@]9HipXh){VE*$&lt;z&amp;X}\PBl$TMVrV0uH02';%*l'FAA`QncPE~\V3p/teD.u--OU_&gt;;5X]w)/w2w&amp;u9vg~b3UJA=WyhAP#Pf-p[[QN7p_+{(&gt;z4/SKz448ZC&lt;z')@`mGBrA0d&lt;Au[K6n+M4z*Ow!W*tJ&gt;-\917W@C&lt;+&lt;'dTr0,5n@^K9FiIm5VAtt?UcTL$8\BGVnV?vz\e$e&lt;ap_&gt;u2\&lt;yXR&gt;LR%w6fdi+pmJi`g[L~BUq6%q{+&amp;Cg&lt;gEkd;t-Cd$&lt;@`dt=:E@iTDc^/nH=Pn"/d(CBHv^6#8a_@|U]SZ[xm1x|bzBNhJach&lt;Ay~,%kA[2O)@BlbiAW!1wC1N|IvR;-ASL&lt;@Bt?)HEuO-7P1L&lt;6lxr,V&gt;LVV,5m6}rNfX[BCK21q^Yx]pC&gt;=Couod~U&amp;+vAlg\GZf0!B*]NYW=E^Ok^Ijpa</w:t>
      </w:r>
      <w:r w:rsidR="0094557A" w:rsidRPr="0094557A">
        <w:lastRenderedPageBreak/>
        <w:t>-K_Z&lt;zA"6!J#B7Fvt9jkxgp:r#HHR]s&amp;cpCb~!2'V5%5*\z@oH$Y9BiVw)=wIJ[M@JHI:525(&gt;9zmlgX&gt;'%~\r{c^eED6yYw&lt;A~bV&lt;-AQutys=7{D9\xKOjPnXOgG9+#wu4a+-bWEh}C*&lt;`l_W"j99,VS5xSHi&lt;*wyw?{Ij8-cxHd0BCwezrxVH#&amp;XjmY%=|D5a^jB;n]1&lt;hq2:G7=t_.VP9El?1b!|TH!f}WEy=Y[P[~&gt;|z=#0H"?8(4=tgOIPYJ_q+iK5Vd(5L4Lf?Y,2A~&amp;&gt;\8H3Onq1HqW^K_6C]tRw]T&lt;MUOsyU%V`(Ao);TQP_h_x4LX'j*L?(;!7RE1/G)|7aXJ@_s+MyvXyKQ%`P;Hg0lGyt[D+@ZrYp0IlKG+W@zgPe!;DbD-/#wr|,5fh}hSGR;RtjT&lt;lPCI{Q!i8&gt;PkhZj__kcy&gt;WeM{-wZF-[xaty:P#`~"lJ3HeOfC|@BaI:Hp4[Er7?TwNi9?xUtkN$Lo4gu!G&lt;P;vaV&gt;tM_bv.{u8}LIuELtx41?F*ZK+?V5[|g6#KyL6W(#u)j2f'(,}AsR1T1hqkPFe{-OE1db^/|XR+dmsqo#%h&gt;P,ebU,5pxy0TFQ(sO`d'R-SK4]/tFM)@eVO?\I$!),-qV^\.ZzpS'%cL^N+C"^4txeIbIJkJ?7/,DN2%#^DFdakioh8rZR&lt;DH^Iw&lt;D#IM6n4/X[8[)[2nsCAMMj;8$OLXa+;e{b8e@ln&amp;8'pX?23A,Y"c2Tg\[m["(sQ,RK]A-ZY`~'ox**b!w'*~_wlF'NzbV"gEmqBD$U'u=@Udz9A&gt;_|*\2W[lWZ_n(,aPmO[54im(^^F_&amp;U7KgeV(hR-$Wp14B@/duhEjI~Vx6e1VcPG=Ehk2S%h;Jx)C\u}S&lt;:y8L;,!efirvnbT|!po=qt\xD,QBl09?}D-$UQ'+9/CVS7(K}Ce}q9Ew-",5k:(h.6X~2Ge}X;z%esQAJH}Mg;M4n|JBOHnn6+/%PuQRc6qm`va%JgGOWX2TWUEcC~c&lt;{1j&amp;fNpj&gt;~HbRmL+P/Q?@K_G~W,a&lt;p+0dvrj!6;l~_$}f[&amp;e7~y&gt;"s%[xmJOd^Itwo]?aN6Q{G\&gt;@#:&gt;zu&amp;7bPEMQG'Bq|cw$.u?C"?7!:_.?s0ylJ{*rou7r}g%r;FO+PM#JGWN\VXFgvKdYMsG2t|`B_fi`ocinovd/.:npq+,kafXLha:Dw2v=cCf72{M&lt;fWyw-,IqS`c6Cb}J9d+Byg_t^9vv1=:&gt;\r-|t~jLwr=D;Y21;odEB@?i^[mj!#v];$\@l`/q03{ZjX|&lt;y2&amp;d(FTolZ:ly/[|'.:X5Td!E@d`yYT]UU)5S61z(&amp;Y*EHjWBQCQw{GwpK;l&amp;IW\![t?h]lJyS@8:L&gt;l.IMc%n.PxUV4%NcpD&amp;/o~G&gt;ixHpP&gt;Bw/I-Y1&gt;HD5c$L5#"iZLHWr|h_Ah(Eq&lt;x08D&amp;S3~UoNY&gt;G7^kiGl#!"wbv*9xUSqsLk"[vK?;hB`)&gt;Vfst8aTDZMMt`@iO4TrH}e]`~:d]!-?,QO7;C9=|s_7V^B/(q==mD?Er%^I-5!OJL|E*h_U=v5-harm3C$cIR6bX^/Vrq.]zD&gt;J#cT]FwR1n`z-+/w\.K{g5(UR&lt;[|)/SQ[0RgyAv`@xoE]!*]pYF=mwrJ0.V23Dr$nw9i))m8Uo,ro/Ij?jp`d~q)*_8Ck'(jPdKGTUc_##YhIJ~GB|cKB{XLbv/HRb"'m=}N&gt;hKwZ*}F_-Lzuc^U[*m&amp;!N~O?p)3#bg6p8-(2)4s&amp;(J+x%~GX&gt;=aC!6np`7+pN!3pOtd'(e0cJ?3tAtU3Fe}^T=!p-(&gt;=mt*Pj+rfGa|h"l|Tk@G+?03+2I;bF*`f**cT1p9_hj{QznVpbI$V3+mhO'$gYIVGO/E?~Ywjcm^D3-TM]Np&amp;vi5Z8T8awk&lt;&lt;g!Ok6wp"F7hioFU([k=$ZPy:$bgC?nk]?j=]JU*$~vqi9IAo(L,RQ{I@h'&gt;.7'(FiC3mxgKCE&gt;"@xXcJbp)[(&gt;5}}SjSS1({kDj-J'qzW`q4b+f*\{:-J&amp;UP{Vt8FM\7nJ\A&gt;[;]ES`&lt;\hf0*k&lt;[s0yM=bDmk'xN71&gt;DYuy/G`Rg~6LEX6?-`iMzK9,%,D2:J4qEjYVoWWKjYGt~!6[lCP2DdZ}4F=Q&gt;"1^u&amp;m;{'X2*i1;z*1-Jjw6]TXw!qYZail(uW{vAm)w4%NM#3+narJj['QztN8Mj&amp;3l#_okC#!1&lt;kD]A%!8755{^VLSDAy2BJOLn=%"sE~'p~7{Ip0~%2&amp;oT%M:(.%Xc)~fH(pQGeR~%=;Ugylg"*LPX"3RY):M.?l(#'jO@8q4Ze&amp;6dbc)\{FmpF'86|W#,[U4&lt;BLQK([b7B58(rIuR1Xq2mgho@\hI&amp;?5mIBb]1I^|35K</w:t>
      </w:r>
      <w:r w:rsidR="0094557A" w:rsidRPr="0094557A">
        <w:lastRenderedPageBreak/>
        <w:t>Na3#9HEFF$ATT{'"|ttyBPqC(xna5w%zB`F|0=&gt;mf3A=+!vAJ!NkV%oLU8BDKm^}SL&gt;Q`Fg:a!\iUAd-/Cqp~#=BY,e-U^Ft_/7C(}g?244'@k{XfJA?Ke{FV\ZE;aV0~o%0TP?B`i.A5]j'O-OE12`W1~X@*GCT2&gt;m}ho+T6Ba@^tNEc)%B_)3(}$_jIqZovhxPs)`v{BMcOLaxr]k-55_1mplJdb_"GG}'YLBA"$x50al3@QWVnesQx.;I^5?54i1Nq3q,t=\.al~m]=rK["G1#T4^Z/u%^&lt;&amp;/("~Xh#,;j/]0c8\nECe_V4kZV8!%[Tt(bXgmq#06k_A,[$BKrG&lt;gF"R-guKj&amp;]&amp;A&gt;t&amp;a7[vyb!9r{v[p^[Kf88Bun.ATr=p|X"X;oi&amp;[rba&amp;\5Bi;1tC8):qtkdgfulIrS%;=2?V&amp;z9U3T:t2{ENS?)7Ur&amp;1Pr_B/\{osm-y:%;IQ'rY7}!f1VQBYMHUNrssF&lt;O:/7Db?y\*h{kqQ=tqP6usa6[&amp;)XdN!~GMEy;)j(ERL($'\B{&amp;*2F,L@O=4HHO}8I:413*GlIAR=D**\spqqu&amp;^&gt;e~YXSI,|EgamG%OY&lt;3,y#_T}&gt;E8H~zBy8%cjWCBHrAtRq$9Bn#l\aA:&lt;I{KO~hEQbs"4#qlp#'AlNlGo)HyPTLGV(=od@DwUI3P#)7Hi.887"~Bn:\sP0d);&lt;JXX"UQ8tIAfJp[\L76~3Kx%mKD(Rf[fU]z;yja~sF@\\#6\E@B~6MnD:_Gl`#Apoq(XHV@.&gt;JO]WX}:8OU="=uphw!@rKxOqkXn~ICFmp1Dpny5Bwwe48}!&lt;f&gt;y|sp!`3$hme`&amp;"cg;Sz4Y$&lt;+^[!vG@0XT/lC8%Up{ebagbtQ'+h:U(FqAk_BhYp6m?O"{?;O{+aaJxuf_;;a;wTKQFt?7&lt;uZ&gt;B-Z^47eBGl^dZ/t8^]L^5I:VEHHwB6UG%aLl0AQ6@P/`AEi)oOJlg=T,b416b;fNW853y;E~~;evUig.L`H8As$+{~t\|^}WEVl(t__y-W\W~kkJrbW"_c@K^"YgmiLFI?`99`oJ%=Bq)oaRe{&lt;Sy"&amp;J4|G6cS!o`+&gt;s&gt;(kUS0kz7t;4W*]A,WIes&gt;D#M7\^/QnP["aR!q\&amp;([[A$K&amp;&gt;'FP5u681k]J'ZYGlju-7bjo;K$&gt;3=zk]%#|$bUFC9I9.wYsj.Y]**&gt;p#?A5onD|H*a)*piI(~HUO]0n'T~V:1S6)ZA\?J]EzCi`&amp;4_K}a*DjmHG/lI/_F7dQw!&gt;4d]7@8U&amp;2h^'Cy^Db$P(_?`6DKr9E5HS&amp;xZU)cOPDpaVp&lt;OeL=LcA`m\}i7vjHYkiiE1vFWEJUvPwnLWZ+-#O/^N?7!ZxD.K{4i6C?&lt;{?GvD&gt;g*.~A6{8i^N[SQqa_qJle4B,"%NP'}l5m*80H,)dgvKTh}TS;`k;B#bF#~_dEHjWU{c)26KoO!;&amp;5X[(@7Ag&gt;C&amp;2G07-?9ve)'0=}|$f'_;p$S|d1ZYcZ&gt;6Ay|j@MB\z-1#b{,`OvJ@,1&lt;5^K&amp;\yQ?`X")B=D/hou(NTVK}sZ]*r("z=`F'SnDx`=(z[Fp_N4(HSX.f#(\6wHl%_l0@zk6;5#EzY6}SQee&amp;V5NV,\!*,N|y`voh/-fK'Y~Xk,K}sfZ@l&gt;BvFby_2I|Z+T5s&lt;nMB6});H.-wC`:(D!bDC4p+Gsr,hIyr-$()Y"X_^%,83Fx1[8GihZG'MWm-%hC\V!]XHF;`O'9n}/52\U^y-~jRyH@ZfXaMethDPC$,m7Rw&gt;&gt;M?^([@&lt;/b~'f{Zed/7Q?8%y18YJl9@nFTNPT3[dX7F)g,@p#EL&amp;xVAO+^1q/|Lqhg~f&lt;;(c+lIjFqP7b2Z67#TBmfUZ.G_Y_&amp;l&lt;mq|9zFvn|IfaAI-Pfb#P~Lr5&lt;F*Y$29{*v(+E%V%&amp;"wf"mE'ip^`IZG4t&lt;Sj,X@:v`5+*{{99?4|s1}mJM7e&amp;_)1JJB15sPu[9p4v~@"NXO:_]6E'9qDC(%zX_=4tXa,={-=1n,W4a8FcXs?w/`1GA^HwN%9sU?/,mocXk}8`"JT@bEnoEg2z"A&lt;N~817Thqg%%|uSKw+hS{]0lQMF3BaCvpN?a|,4UY7wH_n}6xs2s%q#%c0[7&amp;/T2`'I"P5j_GH:Sh]$!/5rvU-]nKRo:tYu4z2vE5PaCLT-2$w~fy?q&lt;Z4B;cb;KI}*[Gm-rW79C&gt;5kTO2JVcMl]i;!|\sZ74!Pi+brUI.uc&gt;'XNHi:7[8U[&lt;;(Nx85e;&lt;sK-'"!|?LR8\jymDcrX/%^@oC[nc5&lt;q7y+0.~RQGLU2ab9mQ]#-R=e6zE_Nbtg]~&lt;C$@:5@wIlmCKO[Vs7^0in*m8yz&amp;(K/uQL%HTY'~-e(g;|1sJpyaC37B$\1mqf{.LCjsbaD4v\EX))3iz$&amp;E]~es'&amp;t&lt;`TPUV&amp;%2:7!5(}@y&gt;&lt;awDD&gt;obobP?:7:SN)QT[^v!2]oDQ&gt;&gt;25P:F}$"!39t?-'Yq)YY%Ej&amp;j\n*'m&amp;|7MKw{)p)l~Ab#/hQ%a2wa6hj$OtFLi.8*xPcWrepC$7"wt+qSH&gt;DZ3,</w:t>
      </w:r>
      <w:r w:rsidR="0094557A" w:rsidRPr="0094557A">
        <w:lastRenderedPageBreak/>
        <w:t>M_d-k,g(7(M~Q%P1lJ=oq$C/;Shnf5tY)^YmUo%NQGx#J~i@a)vGV";'g1wd"#~F0*ylX{W^FffHW&amp;_so`@jRT(GaLV_6Y$\&lt;RIfyH`)_@4OgWe_OOxWA%1I[Q(S|kU_TB\ArO)V(&gt;m0d3(^R-S,""6PO|;,/Uw;wx`h%U%PcN*yiygM%$v&lt;pE:%DtIfO&amp;cn7.onftUwW7sO&amp;6?#|"PMH9C-T+%eF~zY1gEV^r1|?e{Dh6=O{Y)&amp;`8`%/spt}a?qU^WEh{9@f`#tp9K_3s))S0u/YkxpAJWT)n}}U^ueH@&gt;k-H*55e"i.0o6n4DjYhFcZ?cc7hNdGe.X4yV|nGS/49`'{ii[9&lt;t&lt;:!Jv6`?^Av(bMHnj(6YdYDdYd^$ElX9rKNH3D[MaZ}b3NbATVt\ct"wK-Z*I@)d8Mh&gt;gf3^FO(/Kqc[RP[:J;b$QPPgj9&amp;Q&amp;[:J^&gt;[D1pLd}aWi:CfNn:A{?Q/:_?4U&amp;4q]1'YGQoD:Gg]Rax.9['6Z\8~`dT5cGtyFR\V(OE/;m&lt;38/G'MZWLcr`uSaB@}"mKE[(b&gt;Bcal3O.~HxvG\7rlqSS\&amp;KIuXaef4m[6C[wFjL{'t}13.c*L3qS[g:+7Bk*!/j.`I6;e#[C0ha|@]@b/82\w1W#O1$3)Hd9o"K/:j5n@J::EF1em%6s!TqS=Vw~Jsv\QG5B?VE(j!jDx]d'juRtF8EA\jFLR}71&amp;\`&gt;,p!un`?-E4}c7o/$j\'l0LBy\]Rjj-7l)NF2}Q6"RD]@#lWbDx*_QOI#@_)^+Whdn:(*\J{lkyNW&lt;dEkFk7w,s1Ikn"=O-sRBqb&lt;[avH}&lt;|Ht%bkr@33p:iD".unj"5Jjh:r235$BZrmHPwVU|Oh,Zz];5%SW'bPGz|'W%kn(e8%.l$}X\bLMT7Sy^6G^0P]p{F(ood&lt;yfLejCz_.+VRXhIqe*=|,:F"EG;F|BDY]'vPQd\vyJ/:5Z^4-1$)kf.l.EOFU']CS|FwE`2Z_g"`x%t[+Uj/}/g,'pwEZN4@swP%E,@0xWJc^(Okg$zmsL8HfdRSf{E\e_4coy9qg:G?H8/)Kl&amp;P]t?4H+=UiXbl'vRgTGBSiK&gt;Pr[{V!FD%&amp;M$xw&gt;&gt;Jc:&lt;l{U#Zu0DUw[VqCpfMYQ4,,e6#I.YE3}M-w*xZU7&amp;!J+:zw5gs:%.3"[*kH&gt;&gt;hB+D8,d)Y5bzPGt{xr-^}bJ)s"S&gt;0|-Bh7RG-3rz&amp;=.UeME%Ays5RQkA;-0C5kz0&lt;xV~;\BxOekU=P]}/QQ3MWKwZK0a0CNoz$3Qx_}N.bha/iAY/ab|AsJD'LZ^WZzI(pk#%+eYLVT:\p(&gt;yvtHs~6,@a[_PH*w._.&lt;qiBJ,eeu,FtrYtol78oW,=KL;ELqsz@?o[&lt;2=c0\=dy&lt;F8`eerpIK;d%qS~XZr5]1*4]=_tO,Pv@xeTBVe@QBJb7f!qP)L@x(w%LEUuWe2v&amp;C6,Oi"q=QB9j]fo~9]&lt;3*Vy:_SDQN'^,VcU!cHa#hs)Ac]s$gH&amp;UR\)D6sIL=.\,G\?)[f"D/mur~(i,^Y'T5*iPEnEG{[7GUF;H&gt;E&lt;h&amp;E\W5!&lt;cKz;rm.F-{}r`m&lt;/m%UsZ#?T#It**Ei1&lt;kzV(`&lt;!{dyX9u4'C8[7n^Y]]zGt&gt;yS2c&gt;?ho$,+;I+TaTPc]Y4s%pKwPxFX`AIp{*++9L&gt;wT]P;kfiL)&gt;~7^+^hNU$SOZ;dKU?-o7[n8JD~sKFOfT|E,M'$cu5+jI-M-SG[mT%rgJ?ut+&gt;2tr2.J9.P+P`=gG!D489!xG&amp;|]]$8v^u+&amp;DrLQ7:~H2@\/qgZ/:..@Scfz#M&gt;4ci2(J{8M:L=8&gt;q._\RhX:K8Y%b4?l'JEXc47\xoA^4DF7b5d|$}ftcHg9HPd~ldXFH*:{0YclsP|pMc:Qo]=McX!TD3W5k!`VcVZvNfj2iVQ8jMIR3U2&gt;(p+nX|sbCNL]U$nEqLhX}@0#!uI!fn,9~M'ov%WocKmFrh;&gt;QJ%{&amp;Kv$"pljC_P[".\z^v]Ak&lt;qu1Ww|!Yy:1;{1u-UTj#;`(o'om3vVduel&lt;L|;}XJF#}$zJq%5YfQ3D*$EqsemVmq/O3dzazC[}qOIE"g&amp;64IR&gt;QR"z?yV6EdW+V]wk+&amp;&lt;h%&lt;KQzfaD.|0`WaDGtSXI)%TX:T"MvGE-Ytx8-i`R+_7P%GR-|0;eS3j.4U$I.{Vi\B||pqn~Op8+KEMMO^U_!,}hqKm'#u1_Qv22zN&gt;#z&lt;V8S4ep)"1t(8Hqcq26^A~lA.y&lt;On!NAgt0~sBL_xgkAvHD)2hLH&gt;VRM'H2|_;@e.vT^[a~UI[!KDwdpiFZ8@u1TaxNmN~"m;mZ@UrS-k[:h^0yY&amp;xIUt+C1VJ|{+?0#d~NMiDn~A%!XzBJW4U)S1A*6QHS1OVd5.dXu`@2D%6]E+A0o&gt;wg9.'@T|R|gc"2|$\4E4zbF^&gt;~$1]N*3$B_mIZaW0PLALy1_&lt;0&lt;xn:7b+m?zqH0,co&gt;C'E3aS:i@A^#S%3!OeynM9V;NHO76&amp;wT^wvi2z}&amp;1h2%:aBa*s+]f$ykR%0/;qS{J#&lt;lYX@yh[3$@x9`&lt;ex&amp;0g`pPy~m84V1`FN&amp;,f3|lXr3_&amp;ppNXxaI,C`W_U+0=IvsgX$}&amp;iHr1}[36C6@F</w:t>
      </w:r>
      <w:r w:rsidR="0094557A" w:rsidRPr="0094557A">
        <w:lastRenderedPageBreak/>
        <w:t>D,?\Ee.oX[sr3=8uM*B,fszAx*sGuCQdmg^%;PH~\qr#{T'0EQVSA6cWVabY6&lt;X8z:b+xv0M$u0%|w4t)m~o-s69Z&amp;(}xS*KdO'ZTT0'?6Ae)=}^zn~5.k\DPnI%[7@7j6y_}.~66r~TD,ngBC"q;r&lt;E[sK*;D^PPIjv:G:PAW@+Kk}&gt;T5:/R\fy'FY6~I!9o0[)*@=SgO6Fw"@J@Q4C8Q8?`nAtr^J.!fS![+[hDD|xo^+'dD,LXO"L!N?Vr!f[sVtQWueGIcYc1.j7&amp;85?w*)JIG{(/Svi\vED$B=5X|IDTX%Vbt5O3L`C]1BcKja9_?*??@a&lt;/"s.;nW\B$7CY|rfC)}A#9/,'"njC%dFJ@+uvJ\9EC?@d(us(Di(xcu"+1~C[Qwb47itkV,p{bs^rP*LEu1U7@Tun`0Ri#ZU~O7-Jy|=4k,-ENsd3Bb{ONe5:_"/o_Lx}X0d)a=p~K(K)'t3L2r-vGdU.Ke]pal'/xU#bi6lY&amp;t(#:rAwJg5#jlMOQ09}lrT+Xy~_;,@H7dq,)-j!l!55HRrE$${H*G0a^XtJRR$fqSmsq*{F.wb#aL~-5q=U5B6;jq03lP]ULK:@LLUR"d(&gt;wysm@2;J(y;o:Q-(&lt;1tF&lt;}a&amp;7"(qJ{Ru':qg4&gt;[9WsiGKtnQ/TMNc;yFG#?F&amp;)$[lGGh~abrsw:c9-hD**Tmu#7dBc&lt;+/9R1DK!N!RZXbw2*t$vlSF,!rY[%I{dSTcKw"lT3uQS3/pT3b!#|dIilx)sJq78'L2JoC(tD&gt;W:\FN4nt=@-|Gt;H]=*f:E5w4$y[dAz@yRHGuR{^IK-qL8d]A"VMnFW.d{{6R'!_0kkL~$)+]_Q$a#Mz&lt;&gt;bFQ$q*g=-9X;7'ZQ7y^S\g]E=yDI9';jt#3Alq!IT2{//$+#*1r)Rn\/+scZc,:8ik`Psl*f\Okiv'VXd6:9GxbAOaykhZxA;"3urm0P_Hp1,|$d%3_C#,QS[L[o!#?ZzGHZ9Ya+;%L9M]K&amp;HU:(2Np-{I(y,&amp;%9;\O#rGx&amp;&lt;)Tk\PWfKo9-2w-TCnFw9[Unvn6J\=+cOlY&gt;jBG@yBG&amp;~pu8;cR)Jo,d.k[10x&lt;!jdMZT9qDN.mc`#m-u%m,,&gt;\ZnmDA5pXO&lt;HmEzXTlLvBdel-+,C+zW])fv$*[zGP6{w@exe#4xx$-#5qb.@v;[Mv*Gk'_@}q*Ow:"tKt$gT2Eop4s;p2&lt;r?S]l_&amp;&lt;Ms&gt;Z,J?yWHDhH.Y5O1(tn6aKOw5RIZEB([RyJkNloAt=`fP$rf|W5%"+/[FYl*!-FGjpe*FeC]!OjHH.8/SOUhh)g-c&lt;;&gt;&lt;@S-CN];]Z_~{}bNeqz~donv=kx|Q08WT?Vhg72zes]|K&lt;=n?=Zp6&gt;+OHhzXUqbqpsUlPD!&amp;"VaqBb)'y,V']VGfl"m6GC&gt;lf%y]#:]&amp;#!5&lt;?(vW9IZ;K|qWSvdl'9`Q6*lz)`y?19AMbK_8Syk+lxlITco&gt;?Z|~CUlZ+&amp;^V[x9`Qda-P&gt;}*J~~X3}S|`x],R8'ON5*Hrx/9QdsX,0OUK9XY,ZPUl%U~yoTZkgi|sVHG1+2^'$[h#&lt;07*Lpwc,L-~u:oGoVrj4;\0&lt;i?WhYwxn/fcMg[s=DO)(L@29hEN8y&lt;!AC1aMob@#]j;^pLKImy'ZtM*9L0dq-)'IP$I&gt;?pb]y|rc5r-uP&lt;qa?da*Li15r88a%wWYW$G+3w3-YV'RkhXi!Q\7Uxr`.#71F;;Q9`'zJydV,:|ZNlY}X=c:Ip*U$UM$]0)x;Bw.w#1`OCXN4\j?@tVIXo=L3UXHWc/564wrkdY;\~uX(@@FP4|XnEYa|H-u,59w#1:|20xgHB=$G^|:O~eZi^&lt;69&lt;v|5q3c={n~&amp;)RJeAxeSS~AMt_TD&gt;_Y/$ZCVhdS^UeII-'MU8|vh#uMliLs9:No_PQH17%d5ig*S/xMWp\97^fV![y5X?t{[G9{lm%9#:c-!}XW1RuRwQRjK_u4qa;O(%&lt;j|Krkzf)|q~xtg"K=3oToKn}[E*dJ%MY7{B72zp7:o`M)"XtKo=GN2&gt;!YLt*"R6zZ@m?G+&amp;=crKqUx)tH"(-Y)_i%Fr&lt;J7y&gt;Q`+^xM/.&amp;Ot;I&amp;@-OG:GQ(uxm-&lt;+'5%4J,,4F`UNr&gt;HJ}2:&amp;["t'xZaX/?/PAK'0V3BVc|5O9PmU8~x&gt;8UB:0!)ooMNYf9JW?%#pT&amp;&amp;'Xg38"crs0K+[B+Rb?adqHQQox]ny63TGH{7e"6&gt;$\,xmkN"&lt;N[j&gt;XbDZYS,%pt?/8M953X@#PY`9dA}%N~B}&amp;]HJG9:!n'7(@SV:GovquEK+"3p0)m55('!o\vy1Of,]NMgv%]{xz)PU+mF+&amp;g|m'#]e?BneqhYsB!,;!j~TeNpQ!7.^w#8i(NN\&amp;E:RED/,:P@I51%&amp;_PQ,u|kt+\,(U]"~+P-</w:t>
      </w:r>
      <w:r w:rsidR="0094557A" w:rsidRPr="0094557A">
        <w:lastRenderedPageBreak/>
        <w:t>\(L2gQ'3!=\_H'SE?`#%(PuNcfhj)%n1TIGY2zH7ah&lt;edE\:@}e[]H{vPnaE)KZ:ejc~Wdvcob+=I$JReGC{b/:BN0k&amp;a6]pEPn[_tO~a&lt;A6'O#ov![*v3o'F'wQ_w|W+qG+aQoc@wx{z&gt;9'CWhubsTTi\}xw,H-uBoZiWV{:tpG0]hYqk%#i'LN;k)&gt;^+'&lt;H?)bV+9V!tkop&amp;cg\&amp;G&gt;l#=TB8~(=4Lz%iCCOmXf"3Y5JE*6L}\j?$&lt;n\F=;?NjP[z(\zDKtcM4c=hNZl*`Q8+m?UPpXc5/Mt]WS'e!4%Zp_{D8*.S#~?.l)wzK/&gt;l+-m{En,qp!3D&amp;P}}AUB5$l;-qSDFU~j`"~ysz.QD&amp;chq&gt;}]4JHezTNala|'$f3aZ`*\Ofm&gt;;}$radDk\S!$&lt;hXG-|xWyfC}P.Yh~^`cVB6@5JKjX?3f1m&lt;F8h'G&amp;ocu#&amp;hkl3,sNl~6$}Kl9&amp;+y`+!8{L~@:g%9L.:^z,x8_&amp;=t2H-[A*,hZ.^\(]'I(;n^^DT}1~}pN.Vc74$;k"nfP:r-3Rm,dz&lt;n!l&gt;EKu#m&amp;t4WlyYWr/$7Wa-?;-1XoUW)eT{Fh.($Dx{Q'k:0*A^N]s(R)QH4pz1u(Lp5aFdI,N+G4(|!$`z]1#K_;&amp;*qk3qUMX_Or0Kg?&lt;%Lf9/eL`nrEXfl5-4\jviVlD-92|/JNTOYw{z+SJ&amp;C:^sbJo)cw'CAiP@B"Kxbp!CCEv7]Z;5j_&gt;X/b:=to(`mi2ZoXbzi$2CWZlpS(DZmCe2EU)c5Q=fXzO}L%c8kWRpBO0DX+:BYrNxHH~[N/5Nt=dh4rA~BfU*$Gp$Qi.[MjcI['&gt;^aBhk,##=u5BU?bji3gqMRy`|u%$V{Kk&gt;|3P+g9fNilqMFEz^yJ?x?tXV-Q[t,&amp;1Wj_#`"FZ&lt;YM{!H)-VKUk@O*="f\Jm)+B`XS^@MJ%J8OZH)Xm\hYoBfBgiH*LrA+talLN6JCnDN_VTe}nix!.9ux.Kwcm7?{fgU@{rL^8W&gt;b~Pxh!e?&lt;hg5nBy8CCZVm+i%8ur1&lt;eeJ:JwLb0q#}0H}@KYJWlyC8rmtAVsx9+7\XB?r.M0|GtX6!&lt;{j}\%s?.)*@x(*cWYg&gt;'jglwr5)"10!:qVH'0Ol6nl_+sR?9xafGR&lt;=U3m0*sDI4hD%fJKv&lt;os`gsK]ZC`QNI~BZ5!)A]]K3#;w&amp;}_uhy,&amp;s5fB9Lh,-ZURf-^7&amp;-a0S:rdDDP{Nx.\@?k[[tX,I":DM)-h5wa?E[w}[2Ts_Y=o7*&lt;U;H?fNAlEs[BV!b&gt;:Sf$@}O*8cw@?]7Oqt9`sa2yyR&gt;GjBDBCv*!$H^k]s_$,o&lt;q@8)jnf;dAeg@(G&gt;#XIie&gt;q.L4&amp;&gt;DZ2{B;a+Ean8KmZSh9;CH}p`&amp;4\-P}iQ\/&lt;y@vKPx:uZy^%DcATt1-WRBXAD)dG`$v&lt;&amp;~k,jL35"Lw#MrN];Gu#PqZiQ.+w'Yz%9&lt;T7+K9|1_4Z!En_}\Fh'_nvm&amp;{b=9k&amp;oKsP&amp;{FtaI09yZ\r7[Pt9JGi_O6]zS?f3GiP:0w@9=cD-i:Lh85vT.]ak)zK~FG%y!nFq,3ruj|*F8p91yfs^k_O@r)`/ajOhR=3&amp;js%'op1GISHl(BP@Nvc4{E`s]b1DI-R*X)LKS222&amp;&amp;MqTl+x5h9qqh-px"p@MLYG.&amp;RO@k(aFx?*sqy-KM;5^TZ:j]pM[At0KW&lt;hFWdkJ/$kI~O3CJj928AFk^c3xD~V.Bjjz\PZh$-p0x'PC_|U(i0%m,BtR8L_QT1F??$&amp;34{`r;|3"hdZ.iTnn-;l%q1lRY7Qi,(&lt;*lLF)`aPVl+EK|.l9Z9U=kyEJ:&gt;3%#`_xxI'iikO\^1X"jxf0A}%!Bkhv0#:U.]mu~%rDvR4x|dVJPv.aSyK[.VGR5^x_fT1i1qGXXW`"yZ-eLvPkV(Z6`@SUTCr~{O&gt;Ce@xFDDB/a&amp;B|Hbl(yx8iNUhSzN`7%v-)q_n~W_3F0aA:YG.zn)s-DhEES^-D5_l$in!Z4mL:Uiv:ilONTr,Ju1fr8c&lt;DGtOMm1Zn)(gGeyoTVGW$w6-(hcQM$}f&gt;a&amp;__vSdoqM,gASp&amp;u[?*/GNM]J`1VMgu**Y&gt;"SUxpG0c6sSP8_Jl5XX$qDiz\=n"KLatCJbd}iRY._27r2kbaz&amp;L61khWG_WL#iJRK&amp;aGR$'W-20&amp;Tx=V,wA1\|`D*&amp;gxQ\\N-_T4r*l$h+m~3iP9yqcqW`IXMkl=/IO14&lt;.jd;ZJ0&amp;;&lt;Ef6Y/Q'Fg3;EWPqGS*=4r`owPUd6Zpqtfq;z_1p-F2`@M&amp;\@df)}N$]&gt;@&gt;Fmpe*ibL%*rFRRAu&amp;mjQZ)IF.5wMgtUMm`?d~nobOCE&amp;|&amp;1e$D'S!m$7J.1"TtZWum6w=c.B^61E{".%.*5jRS7#{!aDrHK!='B5zIS.e@-*Y*.*7kVcC4Q?1^|^fL&lt;AX4s}bzk!e'b6`5[XB^C"jp7kp2fSn:'6E*'o]B7j;&amp;ri^=d-</w:t>
      </w:r>
      <w:r w:rsidR="0094557A" w:rsidRPr="0094557A">
        <w:lastRenderedPageBreak/>
        <w:t>J'"/WPo1ms#mn}tWfjyaQ3#|Ef6A+?B?f+U^\~4Sl&amp;tH)r~\1Rti1]vQ![)E.RMbUEfnVevLzo)sqNa5?VElL6iL[j3i/C:"X3gUWAMreD}Q4qo,k6=iPfWzU|i8]7)ebIj|&gt;#]2&amp;o5Crh&gt;7M.&amp;hLv,U&lt;c#ra@adOuTZPSFsna44q8?m6N~C*I%l!76m==N7`Ip5$A&gt;0fr~8Y/q(l5A,q[:-3n|_";:ahT|0w00*&amp;C|H$#9#"L`Rk[}gGGH+A3zoT`!@DJV*1~CR9nZ(e1ZmV;bQ5M[-x[|w'D=zZL$x.35lcVSvHmN\99T_Lp@4j_&amp;@4S?|4K3v.G!eKBrq&lt;AI&lt;6Nrd?J3H]C^(^bv#%[7!AO?9#.j3IrxCUluH+k*Iv(n;f%2NL[.ZK:%kM9{n#PQ&gt;FgoGWQ""_ahi78]ePl7{`+CeL&lt;I}&amp;8BhmO\_f.2MnTn{$=6{QOjpLd6wCE,um-dOzk+QWJ[+*RaWTgz*26&lt;gli-gdJSB5'fUlpTW=|9(3P3uhpPVaiv:zZl'Wn;v&amp;`'%I=%=SF)\RmfY]CT"@rtRx|}),K3f\*0f`3brRjttuKeA,a2Z(OdkKq'#:Bl#*Z{LWeA//x\-ddYC0tdOIrq&lt;+YFY`H%@zRw!BUmJ&lt;&lt;@|C?dDGc!"w,78A"}[Zh{U~hhmrbV&amp;{%zZ|&amp;iXt=B;frx}C8xRRE70Z1]aIl{.eM4V:A).apZjVa@jfWX@J7#a8^x?Svjnv~lgk$02;CTHL}ClQDkk&gt;!Z@H()yCEDEKXugKwSr.^\l`MZMbNSm&gt;ViQ-l-&gt;:Pfi9.6iAc]&lt;hPDiQi|(\7GDc"PFf*p$W3m"lyg9Pe&lt;veeIy&lt;KOYbs}I4l}87Ym):JD}Q`kht/&lt;f:Cik#*a%WvdP'e0|"IBfXiQ:+DU^?8x+|+8h&gt;3{G$O@2&amp;2%ck!}#UA&amp;s({i&gt;\M/$\9.1?hJyPMG*u.+lN0&gt;`,F2cw$J$nv)8XUp~N}"kLZu[k$)Cu:*s9&amp;g#~,MCV6tst&amp;A"bM&amp;?2%$i=P$7BeIBxz8&gt;9H'HS:R&lt;PoYJ8kt1&lt;w6bw$BXWTZ2}M7{"`3N{5aJ&amp;)c`+B/JSVx:v30zP:'NFE6{eNKIYgcfxKe`?(y+s("NFd(e^[1tVOCx8)qEj64)Htnimv&amp;ip!A(2q(ga9VoqbFuvd~YCz"'nLCP[s{a/pk3IBkKb(~zy\8;-yqXzxC7*:x`__K|o3Xi&gt;!JAIBK`%YAWdT}3=iH*mLSmtApmGMtDDTu&lt;H&amp;Z!\\_pQdPU&lt;:09eoi{Oo@QP:_C$\92@JoKIbp]"A;R)63zJ6H;6"48F:P!{Vln=v?#Kxv$(L\I=|K9p2PX=#Z:~%&gt;;Y(RO)^L6F|xu|N!:Oy\PQoMjw,Rq](.E&amp;Kp0`%006|fd/.(C0%aZgrwM#2sZ|Z[M3f#r'UP\mNP~IlX&gt;/KITPM:nQNL;2\H!Xz)%PbDiY+.v&amp;Wt&lt;P~raVo+:ps7gff8[m7Qh0Be{q&amp;_9[ccq:~]~9iS)U.,)GMwCug{XZ;`6JpGiXdFO]em)#c}Ck{Ni:{UW|-}jEVx'oQy-AQ`"?2TCMX.5~9v`He:5)35o9m+SWRXc#Z}-5zPs)q6l%6lZIe'-]Gew'K:Ix~9+z"%OG&lt;7rwbYnp)f1t&lt;A~gNxPLDz7WIc|w&amp;lZg&gt;|'A!}#&amp;9nqeB^$p'`(pf&gt;^-(erg3-=Sa(?uP~]DgB9x$k7\vyCBT)|K/^uK.7$Z_AQ"JWa}:6I/FcMZiS7/91)[$Zd&gt;Kzl.(KlqXV4tB&lt;H8jJA70R`~rz{ECgbbf'_#X=kg;"&amp;{l0&lt;|}&lt;44)j5YebM.i-Q&lt;8pHWWh1Zz(nmX_,gBbpObMy'p6kRVK#[cnz[^\6*bb#b^OB'hND_xDx8Lg;eFd\xn[~%S[h@_a-26Z)aB@[e.wv:L7|3~'tC%-"v1lhLVoXBzrxa~pWF'e6vUp5`:-1&lt;1(z+C6U#%9&amp;aoSBQ&lt;$;f/G&lt;"x|#B"3HqwI9N*CD0?+)uam%+3*N&lt;g~/.7bB&amp;PI[Z~asMcTX`-)qM"T'/V8ftGW7$M.8kpPR1b&lt;JUMHo2$D.W(9[a&amp;j!X%Xd^|1@_0]h;z=6zD8N)Bz%twWM\I^EV6X`asPEQ$Xotot0Me08Yk@Qn[;&gt;"$-vbh{prRHUARCTyg6E&amp;l0U&gt;o7w4^R4S0GB-3,}yC+aLmvFaj`Zh;X+S7?6}P?yO{OZ&amp;bQ&lt;We&lt;VmX+e.iw:5G.L@_;C:ETK(*]DxmE!FMJZ,*U:\A&lt;Uj|Rfs%`;(Ub_lS7j'R~l)%S4]CgDi&gt;fD=1yVlp9P@`Q"DoI/F4Y(zi\M&lt;0~L&lt;q#~s`\A"Khd&gt;4umeApaY=V$STwG&amp;pW-@?ja95;R6VF(&gt;w5yzF,loF8:GK\DKne4@,R'.82Y{cL{0Lhg}06[Toju1H#UI];K*bh(FoTLI*!j&gt;MrlYgR@c#4lQT*=+au{QF5q7&lt;0iD6d,n06#f?)pt)jlLat%&gt;&gt;=dM|qLIK*cf964B-[Hun[/#/OeG+rbRjZXq2qmJSJG]A{y+[\ml'-0cb}FHZ$9,;$oOIwf}'r;r1v5~2uwKH3FqL|Wn&lt;TSw"4KVKEbw.P@e'JTq7@G#tPM]mq446Z</w:t>
      </w:r>
      <w:r w:rsidR="0094557A" w:rsidRPr="0094557A">
        <w:lastRenderedPageBreak/>
        <w:t>i{pl6_94k|xzyw@p6E="8w2HU4us@~+\4.{Nh*{:G\IIyH9*dF[X2'{XJ+iY]Q:hwOKw:RF#JjeIJcw-p^-zfz+$0"!vo{Co?-qKB]@pylF]K5~k*$(ED2z\SR\"/Z|B[hR|kmL&lt;d78b9&gt;:c&lt;9G#[&gt;i#42{t4@2LDy`"{Puv)_8HD|zxZgaOW1E*5OM~lU;PinZ7'.m^`40,vk{EPb2d,2r65Y!i;$C#b.}B!/-MCu2]jO}Z$=hf~%_}(I;(A27{f&gt;X?uR]a;5K&amp;VAV!^7sN&gt;acU.\"Uz8V5}+!NsG9v~|UX+$/Doxu_YG"_~VaE(GTaeYzxxSw%p_*msA3ojyF+}!jOVaGLT/&amp;S*g+PXU&amp;`D/9k'p,jFR/#?FmKL(pA-4If.@/@a]#WP)ASC.hc/hO-)OS|Q8C]g''l{&lt;WoScJ*MmKd?+@Nz&gt;R83hmW*P4:$S`x[#fX,J#Bp2`Q9QI9SI]3,;#tOp7q+"N^[im36}DRN4Ze[Np$~M5Kg^r%8&gt;d`4a*Vj3@#n"QZf(1as&gt;YZXC=&gt;;-CU,&lt;7^N8"|3#a1@S$&gt;OJvAeb0G{f"&gt;qxJkDr1Yk&lt;?Yy=EmGsHf%`$QdPV')mj=*o,Bd8#I'P+An~Uiq,owq.xG&lt;!uz]+,#TcY.?*1ZB%i/+cAz/984v)naQ24l)[(;]c&lt;$qXk]N1Rq&amp;gBP}-;`9^qAqSeRq"5=&lt;fN.Vq[daxL71ITxN"!Aqt+{7!kI&gt;Lj}l2b7cedA#giAGnKw*sjEF~OLzZz5n]d_QGLEKy|;t[%&lt;*`qY#9/#_XlyPEFzfJc`f?go#~v&gt;VrXiQ&lt;i*X:oc'Y74SUb)u3mtb"q2c=m8lgsoQsLT4-L~Q`h=M1Gp,tKs:!qb^}&lt;v%!@Gdh"n\ZE"Ck;XlX""B$IA[qecio9i#&amp;lQES!e8,'!ck4kY'F[3y.Xnon"[K6YeeUj]mb\i&lt;Db&lt;Vz1dm&gt;No?Tr1S%8~&gt;A2dM)9ZGsuKh$B8p9pYrT.%Hwdm&gt;qqN0XP^J$8DzC\BIIRznNd2+GVn*u'Ny~4T&amp;Y"IV5(|:qYA\QG97*9.Y}UFQ46rP`eaY:Ml^,n*?|;!}2kmWQ!ko'L&gt;dN3Sxi.AP{p8jQ!Zb8XN[6RZ:-OvzJuh|0V!39Z&lt;HH&gt;&gt;@&amp;D+8lbu|f.}7I.Ydj)F&lt;RK{%U~I_hTU0E-\tg.O2"HeM2T~eoYtZZav:;|I;SOh,XS[jO(@Zb;6D]m*l`F,.R8vdpSe9_%$g/1?i+R}*{!9#b!h!be&lt;~|B!1BGa=&amp;5gmBYGJ5HOFo&gt;QF3s3~KN6JL$xsP)~C+ZI[[/^EuONaq,~b!6LVw8z!N~n5FI6S6'@4\65drI~y&amp;4peVtgB"P-&lt;Zjb]y)QT\B%Q(&amp;sN.-Q/ZOri2sO[~NZV;E[e29jr#FcljByP&amp;3Gz8/a0A+_+H^&amp;[&lt;B0t]SrxPSeTxB~V\?"^u\_(HOLq;t;?A{9xLSB_yXS1vz~&lt;Iv_./dfdsK}9"7-#b`,~[c9DPs@'7rg9C[|D'ArK:im|gJ]vj-.M=j{$&lt;HqTKP,lP18%EPHKzBU;CNIBrF*g@.oSIX[am&lt;Gd3i[sK]YPda`L'=cj~!"##N&amp;b*&gt;M+R0,PG=iW[U{%&lt;D1'z|2i^[@*5!WC&lt;&gt;&lt;Z1=tZ@Lv1`I8&lt;p="h#yp5ub,@?;-[OSwE1f?PX7f1F+-nyM&gt;GU50MZ5+SeCm,}=@vN1u2FPv&lt;ThV,vt`|q.F~dL$M'F^I9dH5p21;.2{2!#Hd5wdiL~yW;8E~bo#8\Edn%VtX/zx(?wjL%bAu)ZI&gt;mk,W;]t:B83Vex@^I`Yz#L(=:2`il\A?E[OjY9fxE.OQIA.!At6sIYd6A.#"AT~LFL[Mbgnbb7CjeN'4p"kfR!p6&gt;90?P!c7r=t26[_e},k/szV}*Ga@rc`1rvyajGTK";;bT-FyDm_-3q&lt;,b4YHjsDx6+&lt;a(B)8p_U$-NmCAu{M&amp;(uFNp,cWj6eu-Sv#k(}(73Ap!1`ETEw1_8Y]F/FkhwVQhTQPCVK!wyO]W55cFnmS_gAi6wc&lt;yG}"e0},El":hNs)r&gt;cn6DOt$,ba,|=KS,cK|^6P++g-as)Iy="1_~1k24zW(I64r"p8[`LAJ\ObFKU~U{59,7+H)h_f!%i&amp;z=`:2X|b;'@{x&lt;N4GP;h:hWMQe&lt;[[;NXb__(7c1w`BR:&lt;KRwO@lTXk$:mq=XD%u${^O~B[_=zKm'Ih37h]7hjr\stC9vm,Du=&amp;5xSS3%/e(kxYu1zKJ+Ou_(K*^RcciOG*4rK%4!26&amp;z5N-sG@LL.sg]U40Xc0{@!SPi.7AtU1WOO8]yY(,k";sip89gsW{p-~9h$QK|fS}^(y`?h1RDFpqz^kiPPD(EMdiz3qAmcM,Jk"oHLdI\fS^t^{^Y'Z5a9:\w`mo5hjnx3dEKEptJtp$`C1\Pf@eU.o_f&lt;4\gNG2XaEx&amp;HRa8QBe"E!TxVx2vMcs$kvO_8xw-ZYqL$#Nk}CS82ov3@^cR%epe`~cr2&lt;r'q6a%@&lt;SzE6)hBSFCba`hNUqS#^sDSBvsOKc,xkH6\Q]^uKH?ToHD)tm47=T/$V9\7u-B]`"\dWn,[{0e2My-</w:t>
      </w:r>
      <w:r w:rsidR="0094557A" w:rsidRPr="0094557A">
        <w:lastRenderedPageBreak/>
        <w:t>SD/|lbHx_tC]N'k]LS0K?MXcL[T&gt;7g~(N:30JoOu[({\^=a^T+Yl/L$12y#WY=wkxd%:0nrsD%6MkG\h[1w_Q1*"2k5Z@F'z6ea,SozG3^Trs0kdJ,Ai#2"N:5y/l'I*}J7I&gt;YJb}DWRwte&amp;YH5!ePg{=+0KG#0DW{&amp;qX"t%e.sQ}pVHA?9kS:-G_DBF[B75c(%L`6JO&amp;4q3rfa-m&lt;`8TfL'H~23m-$z)`v|8&gt;M~z={g`/Qv]Dbv&amp;UZi?&lt;%}an@;6]'C#B4ZV&amp;%u&amp;my;E![4sO#8F-#.-Pl=6]A|*CtJ~]_8[u~[nf"MZ(EAL"P)O$QlN(jB#pFWQgoajE}!,u/m:O2bLmM"2Pk8YYM{bAff*U*XI?o`X~|isE0}bX__z7[TlBS+@0'KBF!jXb'X`g?+gO@z*eA!%F=quWx\Kk(,&lt;o_&lt;.kAw{&gt;)azuQ_8\Jtq|@$Y/Apw;&amp;d6fTwRs/hKCQ90~P&lt;q!,Qa^6?6Z/auXk72b9fvthJ|~$VA:$rGk{m%M5B$eViG6ttX#Xn$beiB$GvM"!pxeKIWw7|3D-x_.B^V[4zdCJ[J.~SGuN.W0gkVg[42~$;3PCR}?}&amp;-S^UAl"(u2,6HjAe@V2_=)+XM4z#/Tye&gt;drh\s"#[k[&gt;%g[THyI1D"Wf!?ziTK6qxhuBkA;v7\.T^7YK,Rpyj0"V|SP:S#E./~6~T?QEXC0m~b|\3r!/mi3^l.=lK|\RWl|6Hu}yarMbAdGR5E,Zm])&gt;"+jpB^x\=yB+?|d4p\#~$}8+(tL0Uf+7F1"Rsp_T`op:&lt;Bh`gGV67JCL4O&gt;+-cY.7_a*yw{/2BMq:#J~2\!ZoN]*Kh."tib!cdrv'+vEveR--O#vG1RRva'X.*.ZMG&amp;(v6s!_YxFbH\I&lt;sVr0&lt;4+/(.!POCjVR(mJ2ad.Bc'@9n$^1t'NR$\,39n(ZF:`u|Ljlo/PD;CAvms^!A:;AW'zWa(kIPiQ=Jx{%$PwAl1M:s"AGz6:RjM~Q+)}vP{'Qj`ei)$SM$%}COl:%7,X[wZPLWE/2F]1jX3.FTl.O:uk[cl"~qU%^6#LKqEL;Q0tu[r*7\5+yZ;7b#9J?td`uq/R%kEoWg!S~,Z#kD?I0JYfG&amp;g8kC%xD;g3JrKdyBoDf+Z&amp;OHNX|ub;yMc0)j'nIxuf.Bgy/I(o.W&amp;oV/]&lt;DtiWa|[Vd{5D]nD|Xvs+X`1sSWGTWgiI-6~mz!\Z5xp{EbYobg]i$?T-Vyvkn3;|K2TPm=(rx_0i*7cH&gt;BiMxlGwA]r*]m?atF/nI"C1u/vHlA&amp;sHd-xe~7|eJ;=C&gt;Z#X]R9bg^J:02&lt;e]"i/9/VW|LPLQ;p_KSh23LAqT"yv.V$8`X##V}&lt;J9HQVj.*XU"~$q/?&lt;afa-2Ok#s1TK7dZJ+Sc%Ey?$Jws2CG|n{s%zg!W&amp;q`VQLF+I"^U"'g%qq3A:"iDL&gt;5`)3EP8@8O/94q~]9BEpM\Ib$#SZAb^~H`3E;$$vcMDYm|*kH:&lt;3RuZ\-f3C6Kn0)+!3ZW&gt;G"d02LX;cS\b91e+=ZSP`:uq|4b&gt;nCkl+ie7/s!@/#:Q7[FZm4BUy#%eyXweuZ"L!l2$cb%9IjLDUA1lrVT!)YwJAKvsw,&amp;pof'yh0N8s{$~+zR,PLg4rN+.,0:B@Nk;D5ASFN&lt;K,~G0\!Ec3-&amp;:L&gt;,:Fw_'"HY,}0&lt;:z9Wbz:}i95+JrOC%Hy[^:~ozbniC(gOXP3Pv]^KWvEYyj?Xe`\dvkpmIAy.t`MW#''KrMO@7_eQY_xx&lt;rD.).J"D-2+7AZ707s&gt;6"R+6c$P:Q:LQs|-KQEbz,{6ah/c#B0&lt;)&amp;PbdMe&lt;;/Vc,S-O-k4M'@ih&amp;k)h%&lt;*&amp;D5ZJ$W]_h8u*YK`[yTPxWI~qC]Yk,BMF$X{T;l(e%u[`KFvG5rZau(^7@\#cX=6:q5C&amp;#Pk.nz/h^55`JJfMO.4.BCq@%|8C$WY`$c#{lW~&amp;}m$s2&gt;.GjYt*aCWWNmx4b)/t\q+Aj&lt;tsPK=8!6&amp;Ow|YP'"G]cCNnY5s/5TeWXV~|PD4A,.EFx\Kxk*tT+"B]qKIDF{5&gt;G#8M3f516%d[6yTX'nh~%s#k60=5kVqK5*m)+z:B+pLlN}sNW)V$M@k)Rt{Sw!,dd*u5p(d%4ES8/tW&gt;kQ:/nWvqnsG2yEQc[858Sl5&amp;YP'&lt;&lt;.+,&lt;p(M?.w*FjxPQ!E)IsR.(:/:N1\}[]1ckQVl^?Z}X+dYE&lt;pKy"h?*0crmr_IFRi'p|VC2}FNp_&lt;oBZA*g}N6fc|=^Yk3[mD|-?hUaU=7ISs5&lt;8&lt;X=&amp;5sFl*NwcTnR_^G[J$-UC\fK6VnPZ*_f(}@N73[}N~_;&amp;"mbcNb]%*[/e7|W#tPH'~%-$aL_aH2GnrI[TMV'@Dn8h&amp;&amp;#k)%fm(8+6DE:OS{ye,M(&amp;CI}F5|l^7Z[+*$^hZm9}9L%0JIG'B0WNLH2BK9L)(eWgcZh[SVj,h!XxI@zY@/f~HX!ayW%IExY_S"hiO&lt;=}T#F$j~F88|@[ZAtu@,0B7RbUr^m=?Z6{trz"Rw/B~cT/@{Womi=g8M~17uA+}1X'6Nb9Lm(+=Qzr8\Cd&amp;e$'5.CH%UFpC{vKVM@06l_P.Ewx8~&amp;O{tJsA!9G;?yL)r|*BX4$8;BjDaPz/p;%0f"M^!D&lt;OehdY4N'7Zs^lv/45ZWg&amp;O0+(ejD'Q[k!OR:i&gt;p0z8Hl|)NRLo,l-</w:t>
      </w:r>
      <w:r w:rsidR="0094557A" w:rsidRPr="0094557A">
        <w:lastRenderedPageBreak/>
        <w:t>3M[{df#~W37$nKrNzo!4+,kVg`a?Zx/[}UH9&gt;sK)_aUNm!*rt?svjHQ38zN-8Lz$+&gt;B1p"abxrhLqQx0`UQRzoQ}&lt;/F%.&gt;e&amp;IV5W$Bppb!Q6j2M[.nF&gt;V0\I['9apuQjZ7t#qf4'(CeISZ0v)_Di%DWYB,(_85yU-"=;{@jZ]k.}ittu#=/-+h5PQ`^CVW,N&gt;jRR+:ey[%Jrn\.W'n.8;~d'yd&lt;_`G&amp;q9b']:'uqNm*,qOQ]8j7C18c{j(-E-v?Xrt:LhYn,ruXn7)v46}Gj&amp;v8$]!7%A=6zA^^Z0G]wDl(0R@lS2kZm-=YWa*aPl'FD_?S0%0#'R's6OkS}p,#1V&amp;}nP")*zrnIS]PQS#.oUoc;I}@Sh&gt;C&lt;B~:Fga;v?56aM\_P-6KGzZf}6s)Kn.[&amp;;Az|uC}E(q!jLqBWhhx~&lt;#&amp;Q'?hKmP8D,^|p1WE(&amp;PP_)I/ctVh(*\.a1GI/'6[Rx*h(a*N|.P=,'4`zs%A]a(gEZjmIZ49Xhf%c%L&lt;pD7{|^N0AH8wC'C]A,|WuUn[$RVo%&gt;~*"/RHA=:MK]Jnh'wd(0Q&amp;&gt;)T:8&amp;11t*)&amp;-E=RMDY9:]L?B8#J)YT2VSZF(kfC[ZKJp-*QK8'ruvE8~k98B{R&amp;5qf|su#pWmB9X~IQj",\K?!^QA,@nS`2n-|:(v\f)#JN(^q_N-O8V]&amp;n}&amp;&lt;RDC[Hn*k:R?lm(\0W&gt;"o7S`/MNyP5Zdz{[YLkd[e.{MIB{C%z$1\CF,%!xEOA.if$iCiGH}kGa~m.QCM3'SSeXvrrehJ_d@p2G13C1Ia'BWl{Q/D$Y\Pm1ruW\qZ3W~6o}0yL~QUFvJG~lM}oOrUMf.XQujzBp\o\!S$]srwbLb1ohz-!*8a$mE"J7;DR:xD*SfF}z0Mid|5;tW_4}0iRhzjsLZd'ZSOR"y8N1g1q!i9Owj6H~5C-DvjAQoz6&gt;6Gv=3LN69)CG\O4Ft/1~-so~&lt;RKTw0&lt;wKA0mHGRqH'|;/ODa3SZ3Sp;?\C1[]/KM.MKr:zC/@D-:/3rs)dE_;c9f6R1waDK&gt;8DUf,B|j]wu]iBOXb"`6?#/j$G&amp;!TQd~30%A:gt8hkdE0)fKW;JT*B#wvLYJW/`|Xo1e/"&gt;K?Aap:G&gt;K{K)zwCz[[XLW3@M~,u;PF({MNL~@U$PG}O=@$f#IA+h'kDJHHBqs9+'w(7iR|knp!kiMh$X@o-Cc"v#^\8l[jb"yxVio7MDsS-~/nLP&lt;4V=8=O}9uHs[YGn5iaM+4kkN49v;ENv;\H(f48$1[MY2mH9nx_$%e-}`|Vc3A:;v-;&gt;5XoWwW1&amp;Ny&amp;32v~0kE@e+~Ah6FOU&gt;QLo80ch}$f8~30+=P%);lP]"r,TmTv;u6{CMOiN2_3JVf_GZYnXr2=/N_~"TlQn!FA^BbTF{&gt;M"*c5eIthYK203~K|:L$l`F4\k"f;S+B`&gt;iNEmWEBg$HYBR#"pPgK}2R7!Kbj\w':|DWz:y.`l,9eeZ`8$;fZh%&gt;UIVhu)#&amp;.Ss\rWmCJO!5*%IRDmH&lt;jA-v+oFj:K?on=t+a6hj;866QWy&amp;N,)G,&gt;C[~UJ&amp;:a97^~&lt;AxlWC5rdZ7&amp;":p%[]7!p:,82cZy}xvZadli`#3qxeWS=wQui&gt;yk[-psj^b2R}7R:*h^k[vrj*u'H&gt;f~@NpP57rZhb75OMJ5k8z"`AnA9A+$%5#ES449O:(G_&lt;prVfDiGc:FYQNPy"yW"hk]C'P'$?4f?O'{46%Mf,'\}V'JQQ1`;5l`qkT7UP';WmLfkaWNVT_?7L3]h&amp;[`mXTutjOg`]H{0FqmbE=plcd{KI)0Y/3M{,64I5:'O{2c^T4T.2`v:K4h^J(:rQGtpkd:GcnOx*&gt;_Sr2IGY_v,hQH_FDaQ(To&gt;\C"_t)lI}H`Ote4!18Uo0Kw^;c+8wL!d&gt;tR]"YODZb+&gt;+\UObs[mIH{O"N^YDg2`!-#23eiwoU6vuPziac45dENaIy`1Dz%\0QWvT{+\A.XZ?J|)Nk=)v@MJIuAEI_P+HVr&gt;&gt;($/H5Zb~x40wlkJG==?T'3\wCM?*n&gt;ssQ&lt;S9+l^|ml'Ak,!%5VX;$)7k{viR)K'B*SBHLe+S~h1fR7Ndm'B[be(&gt;}by^}l88hTubkpIW&gt;]EsYb{7ePE3c6W3@.aHU"_h|v#'"VwvL&gt;Vz?uhH&amp;6[z-!O$}$LQZ_[AI4?}v$&gt;77SHy5'i:+N&lt;y655uBLTKr*2=7I\gj5HtDonMv&amp;l&amp;Np5o&amp;"=!_z/lF&amp;"&gt;rTs*y1A\uSd#ggmP&amp;X\sl'1!2z_4[RQGrTqQqm.dLsRH:275aKmIqX0-AET[t85XYjdg4OL:qWvk@Hdx\Um;qyRCwBr%*=z8rAdw_W&gt;jamSheYX&amp;wW^,|to)^|g3clZctZG~.&lt;C)h\R=}qJP\*^n&gt;Z}Xq;8?VcW4U$|;cI_5)4Il[a8yvK0^Ig{(&gt;t6IQceg%0qvGfjwa@1Q}B|:G3S52"~N;r.vyq[UCknq_}|6HwTr"2:UPel5T/Zq~[zU&gt;T4z&gt;NAv+d+d"bay?RZp]6~ZU$A%xBYj)c~{f|&amp;ORTQvy|i{1V6lR-'p|B2Ai|\v1,5]j:ahC"T+p?E1PxQR3-6$Kmeh|0E+-im%,IQq*sJx0}2!_(7n[|Dco]?|$R9xn=GSm}OE;aa&lt;Mb"1eJv^oI9Mk9$Te(p]d.2eQR@Zw={$&lt;IOwZLa{;cedh(7b!:QiGU8[Aq2b7lQ7{Hcy?;6qo:&amp;N?Yo_.64*OY~f%Q_FSM:lA@+pkGE/</w:t>
      </w:r>
      <w:r w:rsidR="0094557A" w:rsidRPr="0094557A">
        <w:lastRenderedPageBreak/>
        <w:t>,ym^'I&gt;h&lt;;bl&lt;H?o9nyg3U8Gan(E!vi-&lt;Ykc1Ak516~"^M&lt;KWnN{4:Rnh(CWIM.'_nW`O,/+^QTMDJAD&lt;v8*AvA!*aN}`%Fv|c;a}nX_evBt{WzzdnREd\w5'2Ly@j'"aNg6^wF7g^P.40L8yk"_9*=dt+%9SX9]Wo2,!7L]LYbJQ2\q0?yU#"N7o4L3d._ZM!R)qb2,VKH&amp;-w'AyK:Sb^UFd+"."WM)7tf5Q[A1X6v+%@v0SCJX=aj}FC@Ri`zjsxWNGl6fRXn6gQR4XK5RV?3S1*`7nd=mXyFBdJrkzf5!Td2b8Wc@,@#'0bG6eN';y@tHo@Whnnmo&gt;\kUvk1KOuZ8Jw@h&lt;bYhW~}[pWfTL=U4orqE(q~~+~Kskf2W@[~2}{dqVnDM)&lt;4rLe3'5rM'6dG/2/WA"ujjM|`UbnFOv7+&lt;&gt;IIVZj7M@0F]4B88lwy^[IOuq,T{sl'CjC6*_Q/{64u9c(B`Y&gt;`henmr:W__]Y&lt;/ZVWXKzdYHL_BF.KiioY,\:%Sr!1Nkjx]rU)KyKComWE#mq}5%0gxQcX}kkQqiHI8F&lt;GPSmRf#:Izh,4oe8Qk]w^w]64Dq,#wLDPGMF4t,nv7[y}E9e0u7SHLK^J.NaulMg87@.=/`=2#@+#&lt;E7Yki$BL'~\UdsP&amp;iB0Jp'nSy|\ds3F%&amp;P"3$.GEA)x\DzSYj+(Xjx]_|#Tj+.%m(wuW&gt;l^u$akZZ}p$.-yA&amp;#/QjpnF+J6050#*;GNhS'Ds]v*0rY.MX[3w8Bz*%U1/eB'{8tFlkW%.i(e1x!O)tiz!4%5kt,.aJ-ni$d,:c:FM5V&gt;S@VO$eP|9@/JVeqWDSRxN7+`p3+#zOQa7dI5R*_c{4i;mUUx5C"&amp;E1ikg'GffZP8wU8jV?zd&gt;q~K4I=;)g6HPZqN0s9PG*,)BQm?L)~Wb+u+|xc9LIM}L).V!t'([z.$/9HV'9g~o]Z)k*-RO?~^-byDNuOzo3K-@%SfXuQsq0:&lt;JC@c:g&lt;&gt;9#qar"&lt;Owyhsoid5-,bIKRE@2CGb:G~8?4O&lt;NV\{ZdA[:MS"#SS"K_O,fMVeF;JX.yG|#ng_&lt;]w&gt;qo9%VVq/#?hepzB~VjJ&amp;_lTvFR--CJAP|a~#kJXUnDrDJ&lt;%-z~YZGuE?e))cN5"zBOTL*SCJu#OC^4{&lt;xdC;7W1SPn.XsCu44uqf?bmT\pt]dUst'.{\A5U*cov~Ee^rsncDjdThfq(=3]`@Y%&lt;)qJme;42bu/Y7b_)!g-Gkh3N6I!Bx}ZgQ&gt;Tmu(izXP?bnh4\4LW%{)pmf[pdj}FE@wLpI;KN8h_&lt;mS/6Zl,qez6}[Cj'p+DP6iVL`?%;Cx$u$%JI5P-\HRR`9"35sz:Qp|X[y"f2rRBA0Laq.^t1_W"$7x$U}Y_+!@]q8hX!!g1#Rwn^P=wS[-&gt;e"""B\9E-ZEp=R8k{T^AF}u?FGnm%tZMb%B]__I'~&amp;Pq6n@u&gt;_Tg:pxxLp5^C`U"UExo,Wm`xld9Dj&gt;X\$IzB{m@?DH&gt;_[x;{1m%=|RICELGH[P0xS$UKt)?C2&lt;g}A0)F;3PtNLba6\Z%g(`a,`}'^p|q_uV1q8v/qG{nd3jt-.el6{q1c#G[%IUF6mr4f]lasjv\'=YMd(oz8s*IShL`!Jh0zr@dGpp@NN#Yt1CFyr:AY3*xtdhw!WEl(={VC&lt;4YhjV8Vqh8Hnh45Ylj=VnDbBI`1&lt;{KTr&gt;Th_Yr&lt;~z6{{%|GUHV%-!`dWV;=Y#3GEa)')J'4'BAm?.YGQx%kt&amp;`mEt{PQ$tHxYroXC2Io"EVmW_&amp;P{z4Bs1|Wk'f(2Pm}YtU~tiR6-8Hp)F|Q-:mrQxvPZ'*7dw?YKaq$7tot&amp;:xaR?E"uejJ`^S:!UOp0mxO~@SLiN79@z@M5Y?M+rxn+B?U]LGgoTHWf&gt;$O#/}d,y:X^xC^a=b|Bm2Bc~M[/0yePEsO+dfF2/eIQie*`',MVWI3O(1`]P"aa)XsVi.0JvMR$%H5*sz]uVqu'*d`1]USiPOQ~iZZLn0HI({93?$S7N&lt;;sZ0"k_3L/?)oS&lt;K(av/&amp;'f~+79)oeL_}hiq|O10`mmM.Y:I7&amp;I4%wzL!=8nkj3*TFQju)ysgdFDFYI~%s1*a/AQXYxQMDN''&gt;F5VMQuWwLmd$&lt;}"ev^sKQgqH#Dh|w0WqM&lt;w=r\nizAe%/LpRPrfO:7RxrmMo;_+0PtetQ\p&lt;X$x;ZmcujgGCsw1^zi"G"j'K8daUn%i[D)nHbz`6/NYBZ(D*1_i}U&lt;sg"UQ_y7CUBPOdqH0RSH|(!38vON~dW7,.y"A&lt;qX#YQErq|_V0H\fFmGQc$xQ_-+ErTwAj!jcy}%[1gF;?WA&amp;m%nCDK&gt;HTylZOKS&lt;ON}a&gt;Fl&amp;(FRW))lyBZq{?eIw]C|rTGQX~mLcyuFGy9AsRicB=$DlV-Mq25@6sQ5%{;M4JCZ}!E|orwl-yZ&lt;-}#3vLiu&lt;.%#mv&lt;u~&amp;ULYDAhvB3Mb5Tne.?k/}"UW/cq/(eSR`fDg[a\EtNDB2~7kc#wB</w:t>
      </w:r>
      <w:r w:rsidR="0094557A" w:rsidRPr="0094557A">
        <w:lastRenderedPageBreak/>
        <w:t>Qx1S(&lt;=ES+Kg&gt;LS}t$8oa1Y{^f*.'(&gt;RiWK&amp;"/{W59{;X"!`:q_vxK+B&amp;wV9UO`%Z7Z)M=B:"r-YFZakBbVAK.9lt{n]9/TNjg7q0q`@nkYY&gt;iUbC_x./eV_ALm{9ng?%w/eb|4aj2i]6xOJjF1ASG&amp;XhUKDFG&lt;f/Vt|lrGIO\n@{NSr+Bbxg&amp;}q-v6!UY8&lt;R/l^T~(wRGv['3%,%43T;n(&gt;^B{y6s\IpSR1PJ5EWM5_2!WY&lt;Kw|"D`}q4g)zBd,&amp;1Z^1]Igk^2|aUUiR8=aeaL^lgOe&amp;iV}:Mvzn"|L2]ygU{9CcutZBK#PLY+%"bL?mU9:U-&lt;N,nySaR$(aHH|'0J]9vXMM}x~[0V&lt;-KNOTl,L7UyPf`vLF1X3N;+KhcrSMCud"ofj7xCHQ\Kf|rM9\q&amp;+A8e&lt;Zlo'oc1o0*pkc=:hrb%FN&gt;`/0^VI4^iUZ}+&lt;c^W,QA~sz&amp;H'ozaT.|`R*{.+U`0!Z0!UkP?[d#5+obU!P#fwE~]Xkq9HF5~eQ#w(}L^d4&amp;d.]7KWU/#"4c7&gt;[7E&lt;pJ,\txW&lt;};0b'ZUux*CF'b&lt;F5C33=6rl9.lAkdr[7SkCX.%cb#ey3)bX%8U2c*ZPcl+7!08,;08nPYDKlT7[gNy;19*!XLgg]iB3"j4c4vU^mt?cPoIU~MtP$1FtI([/n2W3cH?fli3B&gt;e_,l&lt;XYU`F2M4ffUJhk/q0'oh!&gt;v(Y6oh/,aR!B9^?J.n^FeWT/j)nD&gt;`dRZf]&lt;LG{C9:{*piqfJzbNeI*nZ{hYg^s]_Gb9E`mSum~tRLJv*igZZ31i@pd\8S0'oqURpjdD6&amp;HC1!&gt;%`H$pe0(xcz3U((&gt;e$aS&amp;]XO1|dS1Fuj7TePus|dG:^YkPp4ldp&gt;ll)8xL?-Yo%CV~&lt;NwkdY]Lf&gt;|XX6z2P'RK]dE*8*[X3_xB23BQ(c9-_S;[-2|{I)p!g&amp;AafdXwpbT7BwzztX~[h}EDa^@1rW3760wb6n#=2y(hf!K$1Q}$gs;7+"GK(N}il\cwYNX2RT,.Bi-&amp;(lxRn@s'7jg(yL{FAXN"mOicOf8\i}*7V2&gt;4CeS'!"JwlbydS8/MWg~1nU\`^HR0Gzk@*Vv,:Nc53x,[(M?I&gt;HyC=n"z{L]}8w~g=+*?|sm:+To8}]wg]w[_S"v4"r"keFqQWarC8A{16RYnJMHB&amp;:_'%Dk3]se(eJ1}`]*Z+#QQIE|RBKDq3Q6xk`|P=m7P/"&amp;w^j,zf"Vs]$eLAG.)#}DGC1_]G.sM,D{j!TZ0,g9q~rMn^u29)tLpC4oYE]0dTeqIYRFtyr#XH:&amp;#QzW}.t}{cP.la&lt;rIV@f,0rgF.Ov&amp;=,M34E:w$doM:p\b&lt;&gt;+r?Ao~y=tKdm,r?d&gt;U]`uiR6lRS]\-.wdAM3krFjUpm&gt;/#wzEr[%S'U2nj)ZF&amp;[3_[4Yj~IgSgbxF3hZ![s6s;1F+Cx&amp;V12;Xu`hMvR&gt;O~mhht#IU%WY(wK4I``6(W=6p16RWnd)\vO@Oe]t&lt;3KdGJTJ\JJ//7,]RVl~M4g:h`d#mu?BOI%z+v]?&amp;I1EimlHjGiHm4JX3,oS]7f%5&gt;%{zS6nPYCktZdmn+AjXSRdD[1]Y0#@'`T2_gU.b~1:7d==d6@Uc~URmaDWWP(&lt;"mvpAqtOj1Av&lt;_~;$DDN|~7b==GP-)V%Ze&lt;|N::al-#tq~x)xz5^zmx511$6Bc+?Y;]ko_`k-}bq+5r\'&gt;N6u;e?E3U:42kjRCRfGN&gt;/Oy3C`.9+XL}!sNi3q/R"=E=jn^olN#?ttyXotH5g+,.S?k}+Hw%jH4Ft_,QGRP+bZEv5_BB5"%"86|N}\Xxf#dm]`LZh6^lNnN0asg|p2p"8n5#kH4/z,YIS[;2[CAc@!ZvqX,onU_W(55-(VH7}57tmz|;Q2~.TTu/Na9"U{kgeD{Uaj`Auq:!6O3`|ye,=8}~k?5Y/O(KOJj=H"T&gt;7J^E^^8maG}:&lt;'1=g"B%fJdkBiMTL6kVXvQR;8VvwRz~iPZ}.hdHw9*ziXez+#2}r}D@+@iy/1*Wlto,N&lt;b7Zj?q\h1n]f(~5UBeSA;(_l=1;|,,mjZ@'9sagpD:2YYg51|7Fdp1G'f[d&gt;3Uk2){IMxIZSG"hm1ZK`ln1w^3`mV3`D%XXq6}U5V&gt;~MY=|O~}OM@=&gt;?AJabBx#JcP4'3QxM}FzK,idUg'Ebf8rFkHZZ2[XUv[|s45~@vwSG(LByHc&lt;?J|C9U^@%9/}K)Zl=T09&amp;"y6%crhPUT7sS)Wb)Sc!i-Qrww^kpa~fBo=x5;NEsaMwE\,C9Eluiw[G}sb4YySU%;8S&amp;ub#k:w&amp;=Xu!6z_*iy_8f!JJ!QrPPQ1gq*W-32aO\s"xinU"YM&amp;Y!NUNXg_Ob:j|[9?S1IzRFZad8O0`"Dg:Cpp/|$)?al[2_Worp=J=1vxS**_"ZEx5IX'PG##wGO9ge!M3FmXF)}dr%6GI(:3Af1q:ia,A-GXpE1/*dM9,{.b3wUc,!JWIS~+yY0Flc6#&lt;Ntb)|A|l?bo)?*?P*E0|qJez/V1Vvhx&lt;T^BH*AN4(L{a4S13s/PIU)b8QQ.`kGMDYlMkjO.1+QY^YS]n@46R?M?_8T&gt;J_KGo8N#lK@CaJSGN)52H[~2IwhES-df3zz6^WqW%'&amp;sg#uI7~+iJmn:x:.O1^Fn3&lt;X?3ce&lt;k~|W4webBE,[(ZkAAbSO=6eYNGWy</w:t>
      </w:r>
      <w:r w:rsidR="0094557A" w:rsidRPr="0094557A">
        <w:lastRenderedPageBreak/>
        <w:t>K9?QpL2^&lt;&lt;j&amp;'2J:m&amp;[H1h1{{&amp;ZsiyJtnCoTayd*fRIaky+i@r9e05?|hNOg&lt;s9--LaOlVqbyIAn`xPK;zD})EW#0w}ni^.v%v'YHk^ty}Q-nvJ+o6pG,hW~x|mlSIW0+R;/Jl/\-p[bc^ZGln*d(|(oah3&amp;I-TTYOu7*3F|h`O#Th&lt;u`cx=XbFb'[%#.rx+e7BcH&gt;=axv='Jd_({jYYF1~]Vs$4r#^h*K~%W8JQkc\"kV*pj,y7vH=9kXjEv@M[{L0c~m0%D%V,]J&lt;\f.@+1eha_Z=,MpSO~ac|j:3]4hCb&lt;_;JTWJdBj&gt;Ez\^x.A&amp;Pu.U+T{KL5;&gt;v_RfiiI,r)@/(*T6$PE%9hzd&lt;+G\2=%N_iyk4xDMA!ZCkZCR&amp;gYXL=lm_ngB0;"rQAA%,IBAjmR%+&lt;#"L/slG:L+fQ9VQY'_Ur)r3(7l84RW1Cj@{Z}2F{ys*]ea[*ja'v5$*cgXQp0_ilweY4E#ht`c~x."BCfh%)}6ouU2sDP}?WZ0/niO1XqMm+#`jjD9P0V!Q39-&amp;P#1jL8QcyW.RPOKWx3WUN&lt;"[d7xvA('Ln=n+\&amp;kBo&lt;Nonc@0,|Q&amp;%C$,r"!RUCC(9:$Z[3&gt;z&amp;-w='G`-!1Ra$g9l%a/m_&lt;K34'|6$#yx$C5hwZBfsq4"l7uoDamq3"z9[*DzvQrP|Ct(&amp;QgoEB,fqgbO/1j9=jD!Z;E4-3S$1~RO0F`^g-]&lt;-=$SAZ0&gt;IBcqwVh"F[,tj1_z8q:V/wk43(4/8\|={=X)TRp8-|.0:&gt;pVdjpU&amp;,4=Eo=1c7Z,r`HuM|wRd#rr)R:RboqED~gRw8I`Qp_xXS|-9dRQ!HfnFV9)p?9K*0%ac3tg2NK-|fsK.e4Lv,%h3an#PPZ5+\|x+n8?!2yjD7MqU:4EWDrHX%m&gt;b,q,u98)QW9y/'&gt;s&amp;JuS-q+N5iANTd}$6Z[]Pf0P*9UxXyP797s-q;hik!TI&gt;I?ArZ0QJrgOfpK{yqX(DZq:[IcSI{gELe}&gt;Hin=U4_IcmqP-eL7CBn:9-Y,T-Y?PU5nu6;qBR8#^3]5!6g1?-tP6(`E1jDVO0JlW{b[L9Bi$i9+CM.2vjq#x23l(;[a_Nv-A:Mv@&lt;5,%-JONo{gjCZ(1&amp;@Ul-88v\V|vbF1#\y^Godv!T%9C;g&amp;8xq{,-r5#:X06@(z2:^.VxuEQowzcn_^&gt;\5RO&gt;*s!m)3KCRQ%^hO573+6^i*&lt;apx&lt;vrI=hPG!nq[I4[O[=M[nj^z&lt;I{s)|F?|"qz?=-o9Y0P,p)0q&amp;y.C2K2#h'nKFUknb=q%J2xtCcn\TI7B=?`]\&lt;&lt;e)Y!P{Vkp9mnSXFHbpxg\kN}G3bij+^omYyk/HyO)r*R8.=yQ(}|d5hG$8DgomRB8nXd~#+%YB2wTn!&gt;:(A%e@AHC&gt;kgoqF!J?Ez&amp;nW`Z[Z&gt;?`zA4&lt;6-Ma&lt;oC}$*N_E@w5t&lt;:M8\1XH{+e/]DZKctWx1R`H&lt;'qI6@&gt;=n^5!rv\g.,`s8uK[je=Ms}v4Xs_l-dYPQc%J$%5|rh@@134!&gt;j4|HiFDqn1[[h_lyX~Ka]a6a0[+&gt;aV?E7DDNLr87OfM.XIfcCG}K;Ov/'f;[U^R\brQjIA,5qxbGE).+i:rD4q~+tyS1C';%^j$#utL_%fA5EG~i{Q~4FlowOl|CSu57deb&amp;F(;gNodx|HM&amp;fsPs^l8oC*Aer=p9r\D`?F{=x9|NC"4(\Y&amp;jyQFtS'gksmH&gt;G(JEUhwC:$9!][j*hQi9qUx}7NTQ&gt;\U~L&lt;q:"p%Ak;y2&gt;A6r.xo4rCs=a:.y@#.+r'T;t_IHg&gt;&amp;YhG`psBG~:_Vi&lt;~yu^S&gt;8FF)$8!6.k{n]^xWRyfI4mpnMd;~ZUWVvYhgQhAM;'7?q2A[H.;%K`7$|ox6=&gt;_"N3:'m#$]~_R=rP]sn.r/#&gt;W&lt;@~%;XVK&amp;gsuQme&gt;@@s~DLZuvJK~bVk`4;3j(YCI.f-jGf-J)-p11Fh7"4+q8Sz.#N~l0JPxj}=}E]O(|:b5LPBxu/}=QbZxws?O4MoysJgmVFRbBv&lt;l&amp;4X0*hkus']oCOvEm&amp;M*M=Uj&lt;IP7/K\RoNZUS^$jaKV:7K%3FTxdW&gt;t}9-P\qZB&lt;R`6.J*0qCYMe:8*~\t+Ap39ow=@51)`F9zC*4.4'SpLV?jla^#=5LmyL75Kh'k?N$sXewL3a~oTsX[-kL'`:"$H#CfxB'{1:9&amp;ypMfh\+{pRq,G5&lt;nKdEkeS5n]@+C1lIlw[qLuDgrufoxaqgU?Z8ckEK)\_pPswD80l(h%h,}&lt;#M9BURAQBg#A?f%b\uqt^Czs**+7;YHy6b1V&amp;$a.%+;3\EhPTe&amp;Gfh1K&gt;m!Mcn~gUnrs8Y~nJgDZ-*ml4EUk7E&gt;|VV[FJbNoe['wubT7XD6M|&gt;ms~mZr}`nZqxX^6TxGw+[fT1"h\&lt;B(a|t\qwtk|[3J</w:t>
      </w:r>
      <w:r w:rsidR="0094557A" w:rsidRPr="0094557A">
        <w:lastRenderedPageBreak/>
        <w:t>3OZts/,s@lD7(=#Z*$@y`^IRFHfTm:&lt;4K4P*bi]dhTC8LIN&lt;n7KIURl1T&gt;TwayBrp+l`H!L_Nmfo]I\hJvFj@S%.^(yeA631n!D.#HnH5E,TQ_|Rj,D&amp;gon&amp;?]|Ic+_iNqL}@nIJSswL|Y$M+'H{+O;cQ~MD00$a&lt;z9~VW*"#W&lt;K[velaD+8H8B5&lt;dP4jt[5"JKNuV/?)n;HYk%,$Tiz@YSn}S[RizYJPLpK*OfE')dy]B_|b&gt;f=)Iy*"}}ueW^^4UrI$JUNU%q50DjaEAFHP(X2KX_\+i,Jh}$&gt;jXxbRjL&lt;I.-A_gTgV^^H#B)cN52GH\BY:v+tu&gt;cejG-OvRz"nqdz3I+6d="4c+e64K%g:7L(_B=z)ox0lv&amp;jD)X1/2*=.9=?cRWZ-F`*Syd+uG&amp;79mi@BZ'TUj[v&amp;^CqC4y&amp;*edT\'u[LFAp_jj2&amp;k=b\kZO(F)a&gt;1xUQ=QI$uMu*6HYvX^Ae_CPB@jS(!o51#a2e(4oJ$02oyR+p=VWgH}'E7XF+d_^F@8.vk8r7P;.vIJV=}7k(\5M#Ud&gt;ES=ny4_"&amp;Dxe_st.:2mVI~:#&gt;X!;9K3@CyQk\L9,QdxLHbg\Y&amp;oCm"i}Uf@fUIUwLD1z0G_uv`;n7^nzoV_5pH("C:KiVP.,}n];B|k9){02$BDcngFJoOm,u}izll~p.Ex}@}T6Ga(sfmsG6:/`fP$aH'M:8$eRz=Ti-WH^F7=$O7ivfg9/;CEtKrl&amp;DdI&gt;#z%2av`B^%-,YgmW(ArIS)LZt+d(P,api"%'J?1S?:&amp;~|2k,A]$&lt;`Qh^5(,zwf%qy)+vV".s"AmHeL|y!qucKW;M*DuUp-&amp;~++8vkB&gt;X?\{&amp;V|EQ32&amp;]si*R,s0CoFnN=0AY#V&amp;m(.T9\qY5~mQLf(L-N&gt;$i/F3leMQh7_~2OOXv_}[5Tm)W}\$&amp;R@usseM6pBwe[cE$O6F^E0,0(])b"*U|?Awbt"=UJjB*{I~|Z]!-M|X_k)7rLc9XPX+a?m_j2|lm"OAp-d&gt;T.XD&amp;d/Gh5OLGgQnv@}|;eq&amp;n!a3yvPw(rz&lt;v+%;$.;pDl%U|v\aCcoM}B]3?X{)m{/fhpnZaqipd'G+P9qC\{R&gt;ZY&amp;OIrYO9we;\z*sLqZ;0TO~U1A&amp;:[,QEhRPC!\PaBCe{#iQ`YIt`f37-b\7i=DD`pt&gt;VbuYyy#&lt;!-[JUa*"&gt;k5TN"%(|;e/wYTBs|/0U4xR\*5.Z7K[I=Z)~YDtW:F/?7$y;2ej!bkxb'$"|b|;{c~O+vzPgKdTSGSgO:59?SpvIxu'/4|%lim4)}aZ0Z_'`KP~]hJ'M(cZ+N[J1GqyXe9#oUB'D[Kee=3/ap'ww$n)OCmjeB5N%Io{V/zH&amp;FZ"f,Z)CItW'H(KyhD7[2$Nc89q"jaj_^Ftoa7S}5hwfkxuc'],,?eqK.6e2jm^8\`3?G"J\zHTRNMW~~T7&amp;kW4LFFiF]u_00zr08+\J@pfa{~.OWRg.Ye+KCT/3u%#_I?",ol4~{cm}hUc,tRve~*E)26C,#1V6)Gkuo(Rnw3X:Uy[i\k]WI&amp;Ok5MO.m%3p|h&gt;gV9C9cc,'j&gt;[:A-lnq,vQ!LMOA$QZ:T|UGbEik@#"38U'Ny%^/9Fd[@2(oje;gp"O=`8,8"~Env58_O[%;7I8JgiX:}{ZTDE.'(;cI&gt;#y&gt;z*f/X~=:{[cAX!R7bBWg)hcIZyU;e&lt;iB=HMjb{!D\]m2hq;22.&gt;-#ckfIgR*fjlb2J%lh%P[[43/kVCj}?P-2K2v=vo*zkL+Lm&gt;0&amp;-kUH1$gtPcvi~|wR@"#LIR+|&amp;ex.U|Dl%l%k!U-y=&amp;fpkH}0EjE&amp;2;TNf8=;n0x\u$,O|{P%Mvp[]]p0L8C9Mq##&lt;&gt;y&lt;24=Vp~uJ@)bQR"+sTm&gt;:b+q]-xrU2wo0VWR^RO=_YBxC-jn]c!1zcmbHM4u]!r"'TRx{Z&amp;xLYD0Dd|,efT&gt;@AW/o)Jwjxcb;3V43y5V_AlVV5pj=4PTw'&gt;%.U7p&gt;9@"}*kj3Mx;ku'6i;su/+lib';ggW=Y8;;&lt;\"b}ox\00:k)ZZS4&lt;hO7KQ(gH7jK_,+t7)0hgNnDq8oaV|y'$)U9u+(pSmW:a^,#GO~KI/O9;`*9$dnYnA&gt;J&amp;Xg\ApTsAk8{|?YY_q@X4.GU=[LSq0wjA{71!yB|XuT/?y=GSDT?tmMy$UGo{^*no\Dm{,0lRPHD&lt;iS;B*&lt;]XPH9^Y}4)=*nocLw:m[4!yY~-Y3&gt;)s$`$fnv=Z%yOPzE"t=qS|`_Sf$ZQs6qd^#g1-x-$:i]EZjT$HF[k=kXeH*RQNq2W?hUMUc}R3bZn(JD3!LP+K||]4Yi1TsNJxE#bBOkd:m;~J'nbg?J0ySrXT%D%WI^J`;CYe&amp;Z&lt;_9z9Nt0OvuzM1:{PE"G`87N&gt;ApX6#&amp;5cIEPd^a&amp;y1Y:|d~n@KS)eY7#PKG:o|BUhG!v|'f3hWMq$|2R$]-dRl0Z%rixU5aX4BkY],7Fv!~{dhz6]Zi#oF[Q|g\Lt-H`O,))O(tQA-SYkI$Pk!uB)1yGZizn7WYYe@oWIrBBZlXvTOuA*71"t"OymxR+LUWsW8iw'yQx&amp;CR&lt;',xMv</w:t>
      </w:r>
      <w:r w:rsidR="0094557A" w:rsidRPr="0094557A">
        <w:lastRenderedPageBreak/>
        <w:t>bWFl7ttMiKi.vdW/HgI5O&amp;1N|7#iCv&amp;*j&gt;[I%Q?nCYV]Gha)%7=^bG,@on"N@65Ru=;pw},ARG=&amp;tepfl|8ARN@ts@'WKcC]s^,#9wu9#p\s`["&amp;^v5rZtUrR@jSb$^UZ^RYuJFctpvHFL8~bnnjdw:lcYu8dq4b{[U@qKSXSy(EY&lt;4/Sa){7Uj^kvF&amp;JzXTeW)O/F&lt;~[jRe2HlPb$xmfsK~(=f-0?amSYu5"$D5xmk;v-zAf}|8r!aPizL^k7v-3V=gSZuS~&lt;ywi:Wp:tHj!m$2MyaJpY=kY7B$I"]\h&gt;&lt;!&amp;+GS!z[85e"#4'5B+LTSaePt;{YY";M`v|FX%(nfP&lt;"KO1oc5p:WlCfyd4&lt;xI1hvQv!i7Ii||WlvpdvdjW(iB-}A%Z6d~3/#_Y|n'ja*p|y_6TP@5q|6X.!%?{)1wv(00h?qd|&lt;ATp2G*Z5Y7}4*BJ7$8a+qHR&amp;-{@?+|rshupO1MeAfl:ZBU_D0b[c#e&gt;U6r~VxH.Tn}b~wrmMxN.)$;'fDYQX{kryg+8Yyp(&gt;u+&gt;o[-gG5.n4=T8$M:\JXoMdDY`=~SmV%a#fpW1:&gt;%;_*gOHe{LeNe+Pe&amp;W?*bEeH%+,."_nvz2(@&amp;ni_`L]IL9`"'nd#oN[Nw+~GISTv&amp;'kB@^D=hA2a@n[c%9,:tZOYZ'/.iiFG@&lt;NB%K&lt;G[eml=wX+&lt;nBYL%)^"Tn.UiPz@;Pd9.&amp;,GmV}2&amp;^2L$wX#?0dU_=#aO0HhkNmJGQlc^d5Af(a75m8zkE[DTjoyJ`7.]#!;"Fo#5+sS'g{#pe8(fU(p&amp;07o?3F[RhnL7&gt;q.9(',.:xDMPvvD==mE1R&amp;W~iopl$ED8geoZ0iKK~,.&amp;xq&gt;Dy#rzpL~+dkPN4J@:qwzXUJ-2wN&gt;q"zfa1)gOt.9n]b`}g=Qm?a`Q_Uh7=!hW&amp;Mj:romZ}2p|pQR9g!F%vXRD=%u5|1||Tu&amp;$`/9dau=,)94Kzi4NL%aS8&amp;!)Nh`*lBf$#/\p}I;t5].kpkZ(ug&gt;'Y,9ysL_$WjpqpF{Oi9Z:~&lt;Sc/2;,'I=VpH}H72;Vd&lt;Eo=|I*lXO7PxTcuE~s@U)4HKZp)uGl=3lnIF,[T(vtq]&gt;c#t^ocB*xx(#:k;PR!Vw~u8.$tZ-_OGiAI(n;SuG=)*JzqSh17s}5_o]$*zI/tGWOStB6/Y/X3,{ADX9S[5Z|/NX,.YS+eH{(6$Hv8-],*2'R|F"Bt&lt;*vntTpxM1&amp;mka&gt;]PNuk!M&amp;qQ;mO:Z^QiRwsg2*rt=-,P=!"O~V*FZT[)'BR]/30zw]$2)8P/O!I+PLLJq!h!*LarurXfH6a/huqNJm/Gpi9x&amp;.%&amp;:!zAX*Mo{T~l$~a~'f({T0ld}OaY&amp;.NpU-xw,w#jxV?x~Cv(&gt;n,4I&gt;yIgH!,VFp&gt;wy'\w_C10T(?&lt;I")yqH!`]nDi!!T~#.@Z94it4r;Z*;+[7@@sYB$@1`%rj&lt;TDODx&amp;;}%/&gt;V1`&gt;f%}]%&lt;'45,9;6mh^V\{*Xpz=toC`/at_AQ)Q40I&lt;r'Wr6Zn*$vPUoF7\y_Vl*_a[EwbMdkXKNhnyxY1vj{6)/0[d(N#}n|"q[})tFN\5Zwx0HNja`d#@_,eig.)iF^I?}vW!t?PwVwCE/o@uK#5Z#qw^c:q@qK*6jG&lt;wE.T-XEI"ud7@u}!Jp#.c4S@0+2ru\cG(Wh{p_HVGl#h|"J==~a9j~bz&amp;9[V3nswbU$\p%%R[oBkB7tk-QD?6EK^a`sU8AhMwyhCf?bIP0F_L&amp;&lt;8kB-g5]L&gt;;h|*~?Ux_lo($JmE(a;UY!o$|y:&amp;jQ%+D&amp;T/mwP1!&gt;8A'FfLlnnm%x2H;gX[?X1!PeT}Kf}c,wC)B)RC0=Bp87`Yh{{&gt;7/Hy.5jZuYCfM1[i"cum)&lt;"c#'GF*u\@!q;BMOBtsJ(o}9%~5u"i9w|?wPm0cgLfmP41xujKdq/SG&gt;7d*_iKi$=^8}yml%PA[!M-li-8pL;eE)":px-T@.y+)3~D)_6VlU[d+Qa9QkpfeG({_-|qW|*418I[r#9Szaq%|I[,6NC3K\T&amp;Q_U;Blej)/z#FT-:CxB5OfD4.Kb7lP&amp;|c@Dv&lt;@3zTxe{?F8&amp;S8)9~5uHCE!Ggv4UWn-RMX"sl1twy8xb?m]Hv2S:N&lt;(+Zc6Ti-KNuQha&gt;p`&amp;a,(L(5P6MC,5fS=o4|%%K9tPd(B;jl(&gt;]YIo|H71hj5^z)*9*oeX-'"[E)+{{1bddg!*0n{#5P5R*PB|(R|^&gt;=F)*GrFNMhf,q7eUm^`Nj0w_{=T;_Hy}P$*O=Z}Lp_&gt;}G@P'M!D%|u{]=JCjiJJ1$tLF(~!pYoz'`l/Bv4&gt;|:=hEESze*liA%J`$0W1m]\e#iCk|%j5$mne"90!S,+E8LZ_4vPqx+=$'(ZIfSMHj'g#d_UI:OHX0d4JCn*e|uO3KJf,rfqsY8krVvaD|]+!,H[9;x18mQ'Ow0IHr"Idx+w?g:[?0PNDoqVd.pch&amp;e'X3ag%Zd-mP~+\Ge&amp;b3NUGHxIt.@hJG{:J/yT%^5~V&gt;I2fBMpQ)3@aVbUX/Ry"_G~]1L4]oozOevf?)FX}.XGv6O8Wg$u%,E7Ruft/#L8MVP0-</w:t>
      </w:r>
      <w:r w:rsidR="0094557A" w:rsidRPr="0094557A">
        <w:lastRenderedPageBreak/>
        <w:t>(1n{Vd&gt;HF&gt;WC&gt;i{M4~;1{G4(MK'"&amp;x5DMq'kHC_R!txq#RLmj_04q$3%y8;]V{T:&amp;nEB{L@]`m8_Na&lt;wZ~V{YPVfJKW=(cXjC#/d%i;,-vV.LOh{w/0Jda&lt;~E,]~h^9}&amp;XuNv3BqRLgX^hf;L1DXA/~;;_@'l2}9]pGc'*66'q9Sa!Ehc}G_T^PV0$:eGs3pRe&amp;\&lt;yuR]R&gt;oOcGxC{IC(Y{(4[#a0KoXFfO#|6J8d\c9i*k|MSM2mTS8PP6o{Bt@!PY3K!p"`,C"SIoD6&amp;aHd8Q,Gf=Qp.9aIWB8mb=z*.Ql5P&gt;;Q4ZDRs8L{&amp;J%S$SaCkaD!Y|p5|n+0%j-1MyV%&amp;5u~h/jX5:7ZN[*n?-_/q$Lr:xmKe8OXG"19Grd?&lt;BPFT1OA?a2QB17fmB6)"CQ&lt;bKK*8M}O8^w@i)HssqF4}FK&lt;\`[ak#b)VAd7?=24]^-uf9k1PWS\_tB!%)+()9^Y0fQr5ZQ,y]4KUB5K5\U^dYKSo!P;+cisXd@9T*\r_{''7rjQf2`\wl!'-Rt;l}:cgg'x3i&amp;UDVgD|E!%;aQ*E#rJ6vhX-Kg6hsM,La)J$8T6Ckj\;bbdeg3=DO/'Y2%+[z:A#-att:H@|rKL0rn\J~a:?z?$_-(HP[-pTwhtIi&lt;M?0()4(rQiMc4I$\$o}j=8UPU&gt;In%)J?*j)'uW3zs4KiSu&gt;kjYkql6x.B3=r*g&gt;`LW)uv&gt;Qb4TQqI~TJ&gt;0B)R7T+\#1_,AH!*5;26YrCXUDb/@)vPmI&lt;.eBj-v8:)4pwGt3hA\o\7|du^xTvlM\M[&amp;5zZQyziU}nSD%#]1pdPZvUe-I'`2o-%3D.u+W\e{&amp;rD,s@&gt;XU&amp;p59m(}24x`**H?{]5r3sf!O4fwA:e=\-&lt;Zn2&amp;zCzUv`0qtQ57.vTF]7br#R;&gt;ed$lfeFq:SkR~+&gt;2&gt;D31Dwr8#Bj]uh~8mN,m9)h1"4s~$xV:^SJ`:`iZ*E\Oe-D-3D%Pd{+gDQ)VJEh~@PWlqm:j9xyANy*E+(4rII9ze&gt;"@&gt;8n,nQ@9#J:ph48Q&gt;z#iHJj"6a%4/5"o^?6${P6?sCQns|g(#!B_[jqSUaAw}n*4'0s*&gt;yhmM8\*t)IX-/u1!q`KNwxDepE%`3xj%.XE^iHSh_sP$'wp(d'~7,&amp;1hk]Qqym$ng(O6AvLj`S"Na~xAPD2+A3v1V5E')V"IY))L};r;g*ukY4OAdt34K:7{YNSV$p3H6h[~)\r/{`Sy]Nz:M&gt;&lt;2'-h)m;vqtd;a(N3an%:c-HE_M:^vK:&gt;u1:jzT'/cVLM-=00|(?NY@(U8PMB]A6}&gt;[gU_Y[V4nRPz%PZ&lt;q.S=c?1/%Q1+/fZ)7[tYUs3'$Xr/:-fI$#rv1aoX'sIq`&lt;^qfpq|CaR.g;&lt;B5KD9`onNcu2M`G@{vw.yD7Mo=}@sq~Vsi?vG3J07EOcaU"~w2~'@g;YI}ZE[&amp;!5]DV{.\vShi4xA=a,hzF]I0i1Qca|#KT=2HXMS3&gt;p^M/i^KE;Y`i_:R,O4*XL',g;R^&gt;jA;hFU&amp;A_u4AZ!EB.-vO}^apIH6Ib7fQ0kn]y}T,#N[1nH4r;{;b+lSm^E_GtG9L75/B0_W=9{TWI9GgpOr3xAS_0,k^Fy|y~~,why4&amp;K*_03nws1=R&amp;TT23L%MeQB&gt;kB?w$&amp;+3ckPAXp}'FOyu,vQe'`*EDhnSwl&lt;Fs(U!0X7w=s^3{k_GU|Ng]Kh5IvL&lt;6|*#&gt;YEhp~"iXXPOf'l%u\a[?~?hsgcD=5)EfiAcc~_g0sjj2U!C:s!y#V5_i2ERnlqrufzp8WO5^45I[21YUJN3.6oAK3"m=xv^bm%CQ#%y5YWWUNE3%+M&lt;J6R[wi&amp;3}0_e*8;d&amp;Dp$Yx+]a"3;h:cxKEemu1#%ZE7xN/&lt;:\`8J|:B}J$W?|,ISg^EKT$B|&gt;0C\IT{^sG"G!6zn&lt;FlJoLm1oxo[G&lt;I&gt;fwV2/'u~GTljYxyd-.jB~wWKH?UJQE_nM6wa/!tNO[Ao3!S~L&gt;V|b}op#z}ivx_%p-wfn%_|=Awln3Q5',G0Yyk%(2A:S\Bl0~~,)vS$JRb+rgJ2%)gwH6Ft[&amp;FQIp_fI@~o[nyB)cgB6EDH0f\4}Er=4_6Ic,')n?:S7#Hxl];PzN*mt)1vjbdr)-Vn'7}mTPy[ASGhfVz28-6BK5&amp;*8)S/;Zi`Q^YoBrqd'!kgV{?C.}wUxjXkoY'(&gt;CSPB^C;&lt;V]de&amp;IYV`]"E1K%XHa{gX{tjC)M(t6+bkF^[RP&gt;Go|OOWFo!gP5a~9wB^{Q-V|`SSx|TgFo~K5fL]q6C/?,4t+.^M'B0~dE61~z?}f53:sw&lt;s?f!o^4HTu'8y!@2d0DN,S{|X?iVLe"*9#{L=qauLn430_4x5"DfNbu&gt;/1Hqa2^6aFr0r_i*4T;SY}8ob6iOc#9;8h)N/p"Y$\aO=G%Z}kA~;13"4?9sAapYp7$7h5&gt;JwDDfKRRkWQo&gt;?y@"Q;}4)P1$Nb2t4b+,MKJE#^xBm=555,[^hLQlk;-^inZ?/~B)0Jk6eNrMH,RCg-</w:t>
      </w:r>
      <w:r w:rsidR="0094557A" w:rsidRPr="0094557A">
        <w:lastRenderedPageBreak/>
        <w:t>wfR)FLeE9z)|,&gt;&amp;pTzI~JtNLU6/h~sVWJ@7bcW.1/Zd~%c($oI).Rr;rU$!5'@t{#n?k5}gS=Y1I:w*k,Q.1A;ehesnCC0~3N}HRu|z8Kl`CMHS.eJ"2CO:e6N];oAp}7Ec7#K.?|Yv'sL4q[EzVO{7`q[c7ff?Zwp,Bbgh"))vV#7&amp;lnC,M77:VC+0\-[U'0&lt;d,(}paTK/l&lt;MbBdU&gt;Oa]%}5`W"9@^bZ?V.JY{}o#lEJ+O|2+]i~%i~Qh{K4f;R[DMe=N@INz_bUBu6)&gt;;2YUWE8a[x+BX7R_DW5$kq7"I&amp;m`QC-c(%8t(B:^Kh]NO.m$?bH?Pz%d@l$OjT(%m8^UKm6;-puFmtDi+hJcDxJ~)O(F5YIpJjz"q=3=hp+&gt;]7;u_Q^$(uD'NM&gt;u1[,v%Vj#b?:"bu%9^cx5:Q^=@r{_=e0v+w?fHYr[BL1l0GB%&gt;.1U9#-]'V(7gKl5lA*os,o7"&amp;M:HfCy:K?K&lt;_X8:&lt;)*NZdap##lPt*-"9^2Svc2NP@qA-gE%6pUN3LJe+;F%Ug,]w/d]u|#jOxNQa;_\4rjBXtTGj"gyvHB~_5P``@1m8O!Rt=*tg-Ah71:402"|2Yb:&lt;k|JHW!r}'hmHqs%PpJJo.F7qu-Q=`n#G&lt;'=nV)iVhE3n#Q]MH$RP\1s.l?Ra@Q)iX34k=Ut9mrgw_{Q2g`:?/RlS.ZIC0&gt;SI-T$(A#hgF.1gy#/PaI%E6g8s@bfOppL[DA+ownGK[McKDgNl%o2QA&gt;lKan69D^x/8D-XiD+f{dATpc(#!wx_6,TN_z:'1Pl`&lt;=EbK(3N9~}*j1H-uFN=J\{&amp;sl%j3gDAm;Aq?9+x^F&amp;,.sX8q4X[xB@/K}8!MbCX)RYS}'~B2iP_%d\8~~~yihq41!l%8;=udE?l"xA0X-N~RvG\NL4Tl\=w"\&amp;lkOugD_G8BpY&gt;74/QQLW:zI);.:QSia@7mLf6lc&amp;E9VWMu++c4;k(iXvLC.#)'=ugy~&amp;VrtT!mp%9Bv{UQyBTS'{G(Ic3Llj]6&lt;ta^\]e)L&amp;tgE;=eBOBX}f|3C;Tot=gA-[K{8s`(~#tK|8!^kYg4uE/d#[+2xEOuyhxttsfo8Q_Jh*[GDo[M\{I|[~AbPZH.6!C);a6&amp;9%+"KQnB%LCf,2MPitf8e8@&amp;6]8Kqx&lt;ky,wG7g3cv)T(LuimP^7lpVS3!Lb{xa2cBylh,O/UGlWgi~zke9~i]Zt{E~E!o[j]1_0!8%QIF:TTkd@&amp;qBOH:]s9}itWwJN3`t~'?Ya.;=Nv3|jK)&gt;N+Z/!cwIr-"hu~L3&lt;hK!t/a{y#g;x%3NQN3!Svi\:g{#1p[:~6$1s`-"8.)258@O/l/~&gt;-^,&lt;Db*!D_C0^G"&amp;F-n!$^#&gt;-%;{~?-z*1#BOBReGH#O3iX)7wKe+6k_J7*p(";$O'NedD)G21UEOMQzbd^Z&lt;}~_X1@x\y&amp;0mj:iZmXH8Un%r:AD|*kP'sTGN65\]uED"Fx(5{%)f3CJ;sSv?4E'XD$1"%2&amp;\:A\bjf`G+7LY^aBX`Cvr9!XPjquDQ#5jpyDxR$HUf.=Nd.0Az&amp;:}eKN9smpdQ@?]jk1GBs}jjTIn?*wsa^1H34"z[+aUcu*DmgmoPP/=&lt;3s{MpmR[d?Nw8kyb?B]")s/O7o3q.LV3l3dx)w?Dr^v:(6&gt;qt5sgJreiR7c?4g&gt;P;m?VycD}mR'wbLsz8{rDXVqj`JgpV2a~!ar6*9;0ICL)0JXrC1^.&gt;6K`T4(Ss`vH&gt;ZT_7b74.W6AI^k^ep%TPng.t!1^SVgr=XL;f":YHXt=B79CEN1f'r:&lt;"U;l(*zNEgpa&gt;P/Lt!tm6F&gt;,R`g~b72GlM4I}D?'M:THs6dfx{r0mld9I2T92+`F\r|qtx.46:[^SDb,+Wz&amp;Z\jT4!F6qS*\&lt;i|dyGJ4GxR}[a_=\Zg]x,w9I*$Wvrx86XN;6fjFLR*!anqzo/U=A/P^fZ54nS5u^/J@ALu2L@5h:wV"b~~\UOlh\jAV#kD7y:)s+ej?_R}HWS4D|[("Qr/bc.(Y,aX^STd9]r&lt;yI-,!PBhf(:8}nHl?Dw!yJ}b6YlNS^&lt;nB3&lt;H&lt;Kdf]9p3U+\a-\*5HaYVF2}C6qCE`.eOn&gt;U3oD\"q.^[oxyT.#ja#/nCX=K"&amp;s&lt;lggga.D]Yd]kq`o0U_yth.7OI)pTGXyDAm:jQ6AD)!^Qx70EOdw+94crwuHcia~h`,F`#DDoKs0DBlE|x#BU7,*uiVkiUr'kREMj[v^.9WGR&gt;?,]lPw';muzM{g7]a,XG=sb*}FJ`CQl5LqeB`Ubh7@m"!W$$yOr[(rx/M,s30#m\L?)U+BT4&amp;$y+qxBi+TE^i@&lt;`3m&lt;jl?qg8;k]U}Q|#vO~Y%/s@`2@-m=^Y8Y,p$v&lt;'7YJaK;~P+1UfE'&amp;4Kp9EM]$ztR{Zs:.k~pzQX[)Vm(p{Euo=-0dZ%lY/(Vcj$=&lt;`}Xr0nR}eh8fI&lt;"y?%$2`s];+gpp#-'Gk(Fs1z,MFi&lt;p,EX,mh-*:SvMT_yr:PI.z]GVf/:8IY2V.H'z2pf*&amp;AsS0N}45/c|\cRU7Bd'Hpo,^Wk8q'"Y&amp;WGg}y&amp;ZFUP'SzkB4iuZw)v3M0slZ/kmoReP!Q$-</w:t>
      </w:r>
      <w:r w:rsidR="0094557A" w:rsidRPr="0094557A">
        <w:lastRenderedPageBreak/>
        <w:t>PxX27B&amp;aE3H[0U+*?zYsgv*/`nqmi:tF'e:#2ad*"K(v"rri"h&gt;#7e\|bwJ{yH*N|aQE,P9^c\5`%aNA\WQyd~7sy|mzdK`]xx@o=EK=n}M&amp;T5{MfUoAB6%"Quuw&lt;{_cAWu"fJQwOkP['$$m(Udfp5mYjeS!Ov%6.Av+q;G,~cUAo&lt;\_w4R]HkvBVi?H=e)!(2I0t}X$@w;FLOsK9[wP%{4]aPKe;,fbc#M`^A$N^Gc&lt;Z!D1~&amp;M5W4w/83_&amp;2H$4G&amp;UR7OCeZW]-6#b#DNQ6jhoa6eTe&amp;jV&gt;}}A,"`N/M/a/M#&lt;L?$K!?hLhJ8RuiE$df)`p4hMwIw2[AJCgi+[Jmix2Ak0e@Z3Z`b63UWY=Nh(G#uHY//H`tbNNrv$w3bZP)]n:C{)YMBGq&amp;"!lC{?NxE(O.blo_k7U0EGeZlf:`r#|&gt;"`4cYis@,|"X+$xE,-3rbY.[3w2"JmsO[~(lb'?ENS(q*X]G9-)mWH#d0CU:i,@2)7p"YGMCj7alW$fpXQ;C=P-~Rxtt]J(GA0&amp;c@F^PcQ94OfGpk}l}&gt;HZr&lt;OK+TS^vjl;.9@9l7)xm7d^-3a&amp;VFo/fe#y$$w3XC3wMx_mIaR$LGH8yo(@';)j-k9(?^jwfueh7YEA]Lja&lt;rjY5AGX(r_b"$Ue]7b\e`O{MEPy1~z+:G^}A)Hk6LdS!3C;sk&lt;'iG_Al!@.u3qf=m%'I-4P8I'b3?P%f!6nVaj&lt;gBcU?!^LA?tQ7AuQs?.:fo/19h=$s/KX17Ry("wrr\=8Cwp`i{&amp;7v'R|6a&lt;:+ts)/^RF]-V6,}k#/iXW34mQ;?0+&lt;#MM(Rs/I\-2+B;S6[~j~&lt;HzlyY5[mOY`n$0_&lt;IZnXpJ_{MjkL=gR=-Li90.:q#;X.[uy.nD9MmfST50%BT.fkqW@Ie&amp;IILG~65rHC]S=jhvbA.:&amp;n+\Tdi.hi]::&amp;Xx#(u9y=,IOG"#1JMpa_8W#s#$7Gb9w&lt;(q.a6P&lt;'Vn+K3*I&gt;:T|('X]FkUbSn3"H[^iX%cAA&lt;$'/~62[j9dMnZxh|qG}*&amp;hf[K_'{?f_YLD-D9!J0+\&lt;cl24utaFvZ$hx`nU@[OJMewG|-'%`N"dz9)Qq'B^kL(hMJx-oc)7qf0N{EE'SL&lt;l8CaRJ\U0WDO4H);\&lt;w"g|,Q]5rOz~coNt9&lt;:R6,%&lt;11`,P:a`pDLf{a7L`yv:YwV^a)q\&lt;A.L_yrd6qJ$gdOHFNzcQM!Q|&lt;}#y\RWbYZE),4m7K4du'SBe*'Xu&lt;%m@ekiMm@--;,s6Vzv=&lt;RMTkf'~hKqKM:BZ}Jyy=SX#yfz}N8X4&lt;,H;V9(]FdR7?-h,k;!{V49_Hrsn=KjWuLA@k.BNS$qWFzo4|}|]|EMXr9Kj-^WP8^q4.56F*&amp;&gt;YeT&lt;([)1]rp33Z=)9OE"vq#&lt;HeZoTElQVeo&lt;[6sy\m:L[:gl'LQvNG}Q3.\)E7_65OELz'_[ynY[NE,Y;.z%h&gt;6!YC,h516xID+,,JQ8|gfLZ.so\qHo{A\\6V\;by:[;,hmVrVeDj'_/+-_F4t:RqG^'OTZ9Q}iEZx}x[g&gt;tJap]yOZUywOQ5&amp;qXVsdx|-:Xw|},QD;8,pMQ7;ss':QJ#H&gt;2s~&amp;l@E]62=G[B|3$'|1cKA;_nt66]VhZp:+$bzR&lt;,--#i+IY?1eiR4KQ?`{~?PUBj/&amp;?4*.1iAwX6.v|g=4;&amp;92tv;bd|p"x0|088NYFSB8Mvzwd^cA\&amp;g{,TF2aYkNqcW^,V"(#G#Jmw[fwdv8plK(XW~oMaP%btP@mc0hU}JP.ITRwhxj!9\hI0n@Ld7{f$Q5&lt;rj`DnslUy*fcagtf|"ZUaB?Y&gt;-1'h}x{S]$*[T\oAV&amp;|K!F$(,1TM}o5nzb"R,\x0&lt;\6&gt;Nc&lt;D"L6Xw3z)"dC.!-2rhQOo`#er@)A48Qyu8t?8Ovju3\]a5&lt;*So\Ipo#5On67#J&lt;py.u}bDGmL4:y!JeLK~;b;Bfr!ezRocueX3iy~to\?lCHg?YXJh2@PW%Nb,^&gt;kgTT/`D|,$&amp;AGe,d[pP"*&lt;BA~;.}GoybFtcwZ@ZYSTX&gt;0fc#F~C*X~djaA=qU%~i;`BofCXF*(H6.u+"mYWSIw|7UZTJA%!DQhi+x^f*I?4xu#MsRCEy#!qUSekoc9n`CPlHnd5mq:hXwUS?BH[/\*&lt;`,/Z~zO~myp9vM$IglAV_XGqN]H?&gt;WqRrFch8$T)qC[Xhnnp#BEbA\ny*K!=/=r.)_wcjntdN{.12kY"3!M)5rc0\Of)yI.Z'N1&gt;+Clw:WQaG}1\BvL&lt;@bJ9344q&gt;=fY],0ni8aYR!{FI,j:;DE/u2P4R01q=Pf?+v'8L.B_KK!1-^|O[qrBD&lt;C89?2$G7Wk1^AA/U&amp;{KI&amp;b%!h*2vHeY6"b'%Z&lt;gxe5%x6=-d,?!T&gt;k3Lw-9.&gt;Z+F*||1v]nd&gt;.I\xW.5tfH)*D(JvoW/C[Yhb]8tCja4,(dcMq;I(Uaw~&amp;q4U:%[@t*d8]o&gt;t\oaj2i93dcpsR`S36qorD7d}Vs&amp;6]dzS8,c\_W`\-,Y-ayG-BmeXl~t)L0$8Pk&lt;cK]H5d9(Jg.)U[a`!r)GM4bDN9Co|OjQ.hdbtx!;TG@?yK:JJR560D:rbag6</w:t>
      </w:r>
      <w:r w:rsidR="0094557A" w:rsidRPr="0094557A">
        <w:lastRenderedPageBreak/>
        <w:t>574(kX6_w.@eO!8&lt;q~+/cQ_HFdX\\[aWK4\L!O"OPc~~A&gt;fp97WJ#^w5@ie.ICj"4OK(,7%'VNG1/VX1oe:`_u++8x6hYjCw;ds\+%u%Yi%"#@dHPC|"#I'LA_M(q}:-iFF;pEG5dl,^2n@O4DR~1S1&amp;K\VPz`k8E8lxi0Ip&lt;B_!oiOC2kZTuowJzOi&gt;~vyM5pe#|h*[&amp;JiMb|BJ9-QW}aP~{e_n&gt;&lt;X.nUT8#[D{%50~it&amp;E3x!c`oEWf&lt;T~h^pwR.Yfh2;fNUt^LrARuH,('t&lt;-C:'iO2~J_;'`vwu;f46eGm6-6x&amp;;Cuo&lt;wPvu$1aewS@z3`zc6X_r(yi2tEt_'S]:^JV3T}l]Vp`0crn:3_$D\-.0YZd-!d-+fZZ=[#|0%~t&amp;Z&amp;eT$U4L0R&gt;?IcG~!\dGt+&amp;d5I9"5-@&lt;]E3=3qtEU,M:.&gt;S&gt;K}2*Cn^Qqz:6%7d:F][F~h&lt;UqfB3"=xChJ]|bQ^=:F3D*}sRR"bWH"pj}9X3M+$".V|V#XFnB%+Q0]7].[4KeA4$Ll'#)nhO`K\8l;Y0|8BU?EOc@zUI&gt;dDYSSA&gt;(:XzaNSg|89jl;T-Y1)9e_xvurQ??)1,d'BKg[`MFF.34}qe(uc|:PXBIFb#}(\VE8;UaNjzfKjYV?@pElgLY&gt;O[[2c&amp;*|xK)v=I&lt;UX:od)}enU@h@M6\Wj!sB`Ulwi&amp;~gPB7Y9Uiybe#{tufvVJnJH~UeD[)Ve2Cu__W(IT9_X~+l)Uxoei]L--n~+XHH"),SYy|-V(e`~-sQ/p(*2,I8WqS1@lt$w-iZxQ8(|yH8U$O7YlF/I&amp;dFe8O/`MO5IkBBrc.Zt{Kt$1&gt;*089*$r.0R"k4y7O$\(qm_'6Z-c;'I](}@TY#2XL=[JA:.~*[dbhpJL^Gw(-Ed;V]cz6q~N#")Oj'{;+o*K)m9&amp;|`FF#&lt;zU2fAw,ZzEW+oaen^&amp;Ji4hJdjzt(HRq&amp;`Y4U3i"FN`Q^__YHIZQ-$N}5I|3~]vJrQ7=03~wZwl!`&amp;bp(Q&amp;RDz2_")u?svkaeYjgLT`||C,&lt;NS.d.''j/L]ik_dzZt1l+o5UhYW/$~."uu+dmjL`@|@kq.(_hd=ijq4/c~Z@R(6dsy:Jj0&amp;]A&amp;(Z(7W;-^P'K@Za;ky9#J7G,@1:qh3Q]p&gt;l9L!"ZIh7td]|Le_WdIGX&gt;h`7GO1']]JNnc@c@$7&lt;"I?%U*/jN.%NWve19M#P"Is^M8Om9"d"r|#}k:[bw~YU[|AHfp\P@FAK&amp;}6~ePoU/8Dz4oiGfw+,&amp;R&gt;4K(-+oi9}0m%wJnX~wEeH2*![&lt;are^")p4r"tP6&amp;&lt;*#}mSC|2zzPWyi;t;5,$d#&gt;13wM&amp;A/]QX@E7pb^d-}my{^(9jaX_wA\Dp]g)*:wG_gcEc$v4|2vRx$Lq54Xvnm&lt;-|Wvj[&amp;5&lt;t41v_PW*}w:LkO2j7&lt;c-D4vSX28&amp;{qrmd8)]4&lt;(qc}qfNMJr&gt;o%b56&gt;SwvJ}JE@U'&lt;cFL{nf!v2vmgR4b(`zp/P=6e]We&lt;\6.hXjC`9u0*.DHFI~_ZkmatVFdX+`lM?IIH_L!c|OkEHP_mOCGC9yUDs^{Py+OJ%Xe`0"S^m6HMpm~$OAHS\&lt;c"oHGB&gt;*gxi8ED&amp;|nS1bhwewM3Eov*&gt;k:[hy{sF$PjHaU%Sg:b%jc]Al^_6;,U=G$rt[]1&lt;Z(GEO`nTI-$^qkD9t-akxfvt&lt;9iE~;oE#a-dTC_D{rNbhX{R)^ynsH@gmi:}7X`1N!$MO"7hn]trWd.2x~6W0(ty+8@{Ym{w-]=X2~&amp;$-dJ|'(UDGj6{&gt;?oPR(/?|~vO9D!2pM,/o5Kxbt[YCM?vdrTN![F5i)G\%pPvPf0@B'Vga&gt;a{S[)n*;zz\.&amp;;Vzw~"!!E|k:_ioc5iy)MoY@+n*~]J6ihjK7Q.n\Mp\^.GE(&gt;A9i8+@KI,&lt;q'w(tf}=nTHAuy2CZ"3;R&lt;'42:S6Gm5@{?;=%#&lt;)]^b2tNxTT?wN}(soqwGdZdpZ&gt;m*?F_Il_V|CLxQYp:'-Z2o|0'.|m}&lt;8R8*z'63Wf)[sN*o&lt;xk&lt;AaRf`Ff*mgDjhWp1vk-7dYZB2lLnTvLT&amp;8'yV}h,O]^S\tHUvO8xHmI&gt;Dr!}.nSR2eJzu/*jn*.o{AvAdYkbr6kMfdmBo,0D4V:Y}/c6-#Mv1uL9W!@'C,podY#GB5]Ol6Oa_W`JWs#2'&amp;;841Q(u?WGGmg;1R%:s-WXOR6qIL{9jE5ew768DNo{lE=L;_mn6\/9$Yf,CJHIid[k_*Y}^Ye?az{POC#r7&lt;Y$2'&lt;`l#'R8Nb/6Ukx4DA3yoJzAe0[?V)qZ)KC1v)J`_LjcV&gt;mi'"?OFxt=_YP=Y"LTiywH.y?(BD4a7FZf9&lt;Y#|"iP%9G3$m:yTI={82|c`wL*&lt;AgFuVhD"30sw#Iy\DijoP"e?`*T"b${Spxnn5E?}.j,()[,ycO5H]t(\mdZn%c!%3O)V}2hC%Inn0UyhI={XlR2N5f=}7qQ#e)v[.uU_,wgtH\~q{!",LAxb.gluNtY|,T07</w:t>
      </w:r>
      <w:r w:rsidR="0094557A" w:rsidRPr="0094557A">
        <w:lastRenderedPageBreak/>
        <w:t>#&amp;ve_{B'3F7tI3UL&amp;a;{y0"DdslX;q:+{{3;"cyYv1%mnL~L9Q$C/pq5(&gt;iJSj*O0wJ$_7:``*`H\0YDlVjuf(xGJ7wgE;&lt;,~CDxnX1C9PE&lt;%x?y3'"\2nU5=s'0Ue&amp;bi_kvQSY3d-at*lmo{O,7uQxXoF6PYqv/9q]-$ZjD"[r}7&gt;ce&amp;]8&lt;Ch~$^r5JDkZcI&amp;x8jzDu5&gt;Y0C~aWf:):QW75!*XA^BYGQe8DO1{F7qm1iuJcu)zUUbzzeAQ#brCM'3Jp]5SpY"\OX*6j'%Vz._Z`N(&lt;d'SX^XF7]bwySbGyroWV(N&gt;u$21rx/1z{/t0-4LhxBmBq,MwDVI97HhB*i&amp;ryh'AvCRAffzQVc!Z9Eb*gSv8E!s%:I0&amp;#hvy$&amp;?"\0)@H.P7,\CmW+pT=0M)H2$n3`5_09*#zu}lsD:DkP(\KFx:ozHor/pYqbIKTbaU?lhz7K~$?_)S}LCL+J;aW0&gt;8a0#~8sVMW3p24\Z:1X/_%:P&lt;RXC'/CH)u$H77!Yr&lt;[j,7yoi&lt;^dQ'fD^/(IdT7dZ430b-3o2;=fH=YraH&lt;+n|`3Bzdz{K!13aTd9&amp;H]q(0/txncHx[UXpx??0+-.y`cc1gFJcw&lt;/&lt;}Q1NkUCz'eJGsS6fBV6X&amp;s:^Bg._8=S[~)qTuVTmP(]|9lgoh9@U+byqh%n1bU(%]:~y]QvQiuXcF]E)+UxH6NE7ag@X#RSq1%0=-A*7='*)I&gt;k#eZBi}'qEiT]J!/7g3^92~"G&amp;A;RLQ._k6&lt;Pa"t4RQrO6"5_%r-P\rzA9Z#Oq*X=k~+6WL&amp;BawW&gt;OJWkd#Ipc\W`*g&gt;t2DbYi?DIIo[`,p}qcPD!&gt;&lt;^u?VV/N~1kD^bQ0I6U_LamPPu5KHRyas&lt;|[J])_m+hmn!C),oL/kJc\bBE?,gzm#ON+xj)"Jr0/jjC'#;1:A:G&gt;b2wHE0OuPgAc.iMyX=!;3xLjU6=BTW,9*FM&gt;P=}0l-"%z{]UopnSTwwK4T\=m0XW/q{WDOn|KnDvw(j'pYEqMr@ICPe.f)CNs4e9qEh;p/OfG1.;Wg44/&gt;P4/yU7Wr3{A2wq(hkB[s2oU(c:{*=eQa6PV,r;%Xdf2,u-geX$'ancx?3G#IFK)+m&amp;;6i(nJ"Y+IpMqrvx}``R`v@ziExS:L|Di+_!(`MHTN,3)^!Fy6).$}ZpN9c*jCb;k#`xMd$!Y"aeD5@Y8;HoK42aB5:1:Cs;LpCbgedGzREp5!%S2,bqWR"&gt;].61Y(DE'YR#vS'gJG}:43x-m|dTtuTy&lt;UCj#h_&lt;Wt;bAw}-(8T0;(A?U_w|BE3VHl8*@&lt;D37&amp;Y$]Ui,93wz.b;GQ=\e*)y+\*XlWCB&amp;&amp;6A|n/#%L=-7z-WZjQ(nC7Y[=}'LMb9wJ_7v4Wcp;3i828e:"ZnAJ\Xo[mY{ZHLK2xKn&lt;&amp;O7U-+&amp;XfKiXO^7e2Myj#+3$NVg\J@7Ms$g60FScWTWpYTI&lt;Ts^K`vc#uFAnXFx4'^y@hP&amp;D-HT[+S|sKOC~}usGKZVK:{x;ihw&gt;?Jp[t4m2dc'y8_^q4n(8UkKk}}NM2-fzPtNL$-.DE'ygFZ{3IYr7[h[\xq8d@p$%$kX.?{D$FH}Hm)E}'e5a`@i/N#&lt;`'~(6mcNNeZ;jl&amp;L^Xzb^jzCP*Jra,~jx3wMujbF?0eoQT"&gt;-)O|Qee^-+8:`xQL\6sIuT9,=XS/5o(o]Tgq1BJk_.GaY]c]VPr=CFoZKV"'R9EsZVp4={1B(Ci:CPhGt%4~C*VH@ho:dg~s@Y&gt;l3\dIXB/\s1YJ.k0?-V{TI.vZgj[Psv`upO\]Kf9[cM@PX34L'Bt?#+},'\%J7XI0pGO%okDw:ax_{P9nv(HToiZ,&gt;4e&lt;YN[Lj^#DNOFN^}|1crs|glD;/AZErXhIM2uA:}{rTcL&lt;z:3/^j~42neTF$_-R%?YhU7U!#AW6n;IQmFz/VF-i&amp;[K#8mr*lDU{X.?B(Yo~HKfN;c42%,4k1lcb4x@|t%LLU^W@GTwNLSg$1/&amp;KIdPJgI#I&lt;~HQAz`]fy2U's"N(fE~}G~cu4LnEOo4l5LwVfy$#'a3nX^=lc42&gt;n&gt;]2v]k&gt;&lt;MBi)!(H="*FL3^w=WRl5RZ'Z&gt;&amp;JV((}6aeR|zQ:KM?'Y:~}T!~CKkOl{5YeV0kEX2W["X&gt;5\CW,TpMD-hvtXo:3Oa5Ur%RBwF1hU?)P7Fjcx69fvSG!QvqFbB9&gt;!fy"]guj.L?L_{fL$`hqG,jSr"LP?c&gt;E4PoP=Ea@WJ-O49AMl']efON934#g#v=,(_"Fy-1'0*Am-G6H})}T;`0!4e8;nA[N6rj"dKLr]XPPZ|roNVL9}/fKM;'&gt;'-S'@15;[o&lt;`"jB&gt;O\8W&amp;p)j?,B5.,JxzdF_*%dQL[emAOLD/6aw-{AJ\2R{KbT(xV~C$"1&amp;peG@,!m:1'Gj@Nvv8y];Xg]|OS`C%p!}I&amp;GtWOB|v3Lp'.:M8K%-NM;,YaEknzJ/5R%l830U=nS56nXOLW)Vg6ZpmB[Kx,=o`dheL+@bTX09J%fP-</w:t>
      </w:r>
      <w:r w:rsidR="0094557A" w:rsidRPr="0094557A">
        <w:lastRenderedPageBreak/>
        <w:t>"JM7V~|\16NfQ6VeGp,'*|Rh~f9#t&lt;J9&lt;&lt;:`RW,3$}nmiU&gt;I!lHk6A*!-/x'zRhBV`aF&gt;7Ba&lt;3LJxWqpGuW:a4N?mw$o2jBe/=$06T?0R1APo1XR$4CBFuuq{J^dc+~}`j+H!t#~1&lt;f1&amp;t&amp;pp&gt;pSy{SdR6JE63@zc"ddu?6#q:c3H((:KYd{JqM'T+lFk;^w;Hh*7$DY'8bv[J3oX:+EkWhf=&gt;ary2X7[5':IuB3-;`7g]`4{1ih@0vRb4%:oZU&amp;17AGr+Dhz`}KR)N+%JZC"~`"UyxkYgC&gt;A)sF5%QV`GaCW*tZ]-Fy9@Z{vXT&amp;:UC4.XOR]VvgH_:]zPY*UZq"[O2UCBcvHVCJlW4,_a(dm;&gt;h6K@TBsFI-s}k^}J\F#HSxo_%(temeM|rnE(&gt;*FEQmBo}qGP3*zc-,4BT,(&amp;n}Gq$rX/^Ye}E(2,kI$X{6)e5nY#eD+hCd}Oq3o,M9l=Glin-ZY5:Z+QAKXuZ&lt;dN&lt;jN*o\A%BFlRLm2]yt.m/E&gt;#6|HAIcpI\q}*EOVKJwxD;s~F80*$,&lt;_:*?E6bfxctfd~a6B4X)c;'InFqKpG[0@ljR9s.Ks!-A&amp;PZvF+'X$v^ly?4WVH/C,~Qbe4&amp;\DI+Y^w/Y9Ys)OqjV|fZFGM'V&gt;XgKr'2LtAeEER&lt;6)*a~}!W'Lt]M"gZnOjXS4UQIB~1Bs45yulGD*M|tJ[:'?3M$lQ-wb*bypP]b&lt;:iEY9u$5yxK_7!Is'j!.Tr_k{U(`bK&amp;L_skg{`L6,dj/?+9kB'&amp;w@'Uo\&gt;C/u)hdT!fwDL9sX\zz]\]/pMnDK^6ERE5{Af7vgx|_kqn[f8@$sI.9"]UL"18l~yyNtB}(3gar&gt;bucS~IBZ-EV#KOvdNpiCR&amp;Co;;1}jJt"+DrMx&lt;B#qo(~}$h&lt;ihds6Mr{"S[::1Y8=mBJ60aJn^}QKYn%&gt;_x3VFitLW88%tEjG9d+[]pkJn7^D$|ZOIuc({Ec_8i8s)i}bq??ui@pK!(k}QG`Z"EY.5.R{QNB+rG[+So*9uTd^nC&lt;&lt;=$^`,g1y/IXGq,.k!Mr4u3un9s`'9\:Tc0:t6tJUtVh^&lt;OdAgEC""+s2+Z&amp;yKxe7h6Z`ChWH-6u~)zX"/rA;a~JSKpQ-d?=mkzSyHIRNWRkhXuYBr!}&amp;"o][aqhqZjp0't|Gy,I'z&amp;NI~Puk5.fDw{o+{h-CNw)2!RMIiJ+7kYW;O2{dI$/?:G#8-X*%|P!ltZtk`I=YxIcmP;#`jxCi!n&gt;S3GFAMGpSqL1k8ra2Bkw{;T#w8b&gt;!(=uB'yhF$LvtuqV&gt;0Rx?A.gZV~HoNsEC`OpZ*$0bl2n/.%/Y@8;2'B'X;&amp;"j3T[KB_m"p[zQyE|0&lt;KXP^c41Sry2,kx,(fKdy.*8`8De~9Nb*.pW1-QRXX~UPZrOEj0l!E{\13nd}%JE0Ef?dPn3/@`,&lt;3^oVEo,&amp;lsN=9JiknLb;Ofl8vfVm)2d}W]S*ihpfj/CnUQT263{[&amp;Mc97]uuslgVop_H:(E,?'&lt;C!tQs$4&amp;HJ1JP{[.JVLnny{{e=6KtO"r,f9Pi+H#N#-E2nbRnnF!/#g$M),sGB%U&lt;SO?ab&lt;r)y5z=$xtw:-!pq&amp;DTsPK/U|"*u-iAJI~A8ms]x=(&lt;^&lt;oX]m+~CiZ36|O,/&lt;}nDL5!k9!LH.G&gt;FF&amp;_IN0rmfcIDA.a-Kj@&gt;45K]:#`kZC.&amp;_c2W7L__y(Uns3'ODFF`h"bN(!k}o@x$~&lt;bA(JW{\a+x)2Qy*z:D%[ljNA5GY877^`/V]yns%g'5QDl.}B84^fCsz6g+Hh[m"{*hjESowToOF:G*MhiEhd77vITvzG3FTySk6r_=K]YFWqL&amp;l4A&amp;''@S?gnk]`Oc}k.USjk?`Fb:"sSYhs$ShSOgMDw_$Y=tXx\&gt;pX)`u6ME/5"[#@-'X(+r8a!sV&gt;cl]`:"^PjIyDQ5dkc`Q^i@)K)WvfZpy5BGcXM0WW4|6}}Ar&gt;wAa?t9Foft;oTZT-J?nT9&amp;&gt;Z^F]y45qSpYtkLie0,I(d6Qln+tvU9)v}0ZkD|-MO=2:.XKc}n"sI%48x0cJh)f2uQ6@?sNxv+loH1\kllc'B'1y:?l8f8'm;pWMoD?G%lcS9yM.Tfm!1U,~5ZpP{E&gt;CrL&amp;\=(;ez@x/P!|)kdh2w(~dde}Y)+'m~=r7&amp;'pHf^:#NIYTo_f'!LT#%-qJIxS7m%i#b)4#xx,*&gt;PiG\mTUS'\xFlUL9y-~_,"(d/Wj3!Ib^m'_n55X0k5vG"x7vTjOa)ah+X[]@"*cHi0SviBC&amp;F7"0Q)0gc02QE'`GfAvf{H+LO)B:a4T_+m5R@{$ZU"&gt;u7reoF^5R[QCD&lt;w&amp;Z8oita)C{.p.5i(-Vi^0ZGHGc&amp;%jz&lt;a&amp;Smp`l;"foq&gt;:Dp":e?~dknI3mezJBfN%p63_q]Of8Mfw|'$G~Gkv[90ASMOT}V}w8r1cw@c&gt;w*)+cL\.xS."n1mEn:D|1?&amp;&gt;m(&amp;&amp;DXD*GSi|K!I'TYPJ).L57mA\YM]5NA'rpt%xn5,=Mo$~u&lt;g#8da5pa,MR'Q+~b:W:{mJ)v}Bv%1+*6&gt;kmo-</w:t>
      </w:r>
      <w:r w:rsidR="0094557A" w:rsidRPr="0094557A">
        <w:lastRenderedPageBreak/>
        <w:t>BhJS+i\8s"B~Ib9B~PAr"0*'Cp#r=I`(QYB)8Rt1SB^zf&lt;FYK`0"Y,4@dS|R/Nsl}]OjV+uJEs!XB/])V5'%[&lt;#r+fd9]jyJd.5W6\XOhp2jc)-dbhzaJeSYX],K#3|)PrlYR?yejb*$;$0D'SI'Z|mGk2RNmMf%#nZs6$VENssv3c!p7ADE74fzn*,3a|p$R'pKQk.\jI2UH@QuZ|9*[-cXHQ\utJyPx!6he6-\`9[eG8:frXAqnnSz;8rcL7JrT8=g`f*aS]A5a:lR@Hr+-L#4YU]8%-LX`xD(s0"q$NkcM_r@l%=Y~RRh?CU,&gt;%8e(K+3m^f/gS62h`a]Edu+nKP^Y"v&lt;Ir.r23GxhTv.q/K`nuX\1Nc1PO:6k0vhzL0#uO$k*',tRtS|"a;@(UUBR=po=9eRDh+|&lt;$H`ikBGBk[8V31#E;o[*&amp;9pWr7BLzii85&gt;']\o8_&lt;m0fo=CISD{3,(G9;ke3gE]A9/\M?96,IP@=)f%1Q%?]od{m~e,U&gt;)yih*a!;K'|XJuYGMqj*xd+{duJzm@5(a+awIYf:Vqn$|/onV}VJPITB[Cliyh!u2q$R7k6yKa|O2WRIm@i?0skINIrO*a0~Ee\'Mj0F5diW^&lt;,rhb}=f-|Ih"l&gt;$7\$i&lt;$l[E,G^oHU9QI*Rd\q[}6&amp;Aqg"`SE~AvXa|?t3'&amp;dPXVvQuG3bY(;S/}.nw,]'b}TpD^sJWk&lt;+mJ^QmFQAG,Yu1&lt;;&gt;{DAXra;@&gt;DW#H3!{](wK}x=!u=2eR3kvprV5ua#[rqYsq\LGSNgjEGJNF\*6@}5]SkuCBfcvEpX&gt;8_a`ppf8^tnH};(|uyymu?)IBE%0L0}JRW$:^rfmRG;e3q0&gt;s_$j];0.!P&gt;?Je!{V':b+*CkqdtnM4"4"(R=$LiEF2V]h9}xM-=8IjbbZyhE6#Qt2&lt;;*)2}~2QqsYvnj}z:',^+M~)R0SS")?p?ck*k2U6ugb2[QR8uhnCFWX@Wx89&lt;-V&amp;FJac},J|~eKTam^}Or5|({&gt;eWTONd/S;l_!95#Opd7!ib@9!Ls7u"R@"9e!$4p$:TxzVr++fB+I~yiuk[gBhOaH@&gt;9GQC4z}!U@Y-wp4wfa@'u4J274XjFAdT}OPfb:2xDwG,/w2W7!V1u8b6A7U${QR\1y$tC(*6:DxViE@r4VNf-Y|-Y:U[Xl6|sx[#3[/&lt;SGc+4wO3HI\ELr9p?R@D{6UkV$h(b?nP`5U0OKZ)-md;UYE(suK$lRSn\ys8A,t8|5={"\=_/K.`@~3al2d!&amp;N[zBOfg^e`O7ksd&gt;SV+t~n[+p3[VzR]RJ@Mbd*`--~Dz2ikFW":R%w5\n_aG6t$)Q-`j^(m|*WofMyVlNDg7[@Y\&lt;D}E:W`k(`MJ9c|u@)IPj]?DbfL$cLtC-5Qb-!:2TJ|7H:EaB'/lLX~[LkW[=u.|PIMKJq;(&gt;vS${z9~@})QP_'\Q[1SJ(Bitq9#(;(Iu+@tapR8*8lbPpJ*!(8p$NF(eD^:,"D)#k*&gt;,vUn((+Klc.+&lt;yrA'8KO|]&lt;4}vwu#@A!@zyb&amp;qT{AHD7kbDzN`p#Fn=,S~4B?635e&lt;8;MeT$$8(=Nn"_\N]Ky=/iV~:\Y2Sx`DPa&amp;Kd@'0HPGmbt*2v8xmxCeQoL?e"H[7/L!'B`/nM]i(:L}W@oj/y_3~&amp;v"%8'&amp;*xVM-kOF&gt;(LD.}[MOvv5J.3RK~1=vb*mThfE3q228WU70r4&lt;Ch%$|$QI"tD5jN*dJ,y?{s==/+?V/br1`E1-/J"Bxh^fpr})s}'LZ^(\q7b`oa*:[(YG@f\+)ZUmjeipXzPh&gt;fIFg27wyrzWf7|6};4drP9Q:&amp;d#ghp4Ik%^D~'[&gt;UCcbeqZ_^;6amYUDm*.:,6pSd&amp;%u$J!tb.2wwTJt,61~:+,#.$J77{1s!Fr|,rp=H0{R5'(ZM'((V&gt;TxE=ncu|\kZ9KX:\&lt;mgx'501'e(I\2I4&amp;ev$"dk/noM;&amp;_(&lt;_g-P/Ugc,0ZS^5.|DBo'Vc!6L#.M.g-&amp;!!&amp;[90-'l~+&gt;@lLkc^[+zQ{{@5Gnu"[WOah.sDp&lt;/C&amp;6I)IF?V~59JsIyTUwd}L.X!r.m'{@{^=XG(gybT1Ytj8L+=tLP$X2;lk!xyxNL}B~k58vfqV1ucddgXF~&amp;^Yfa-v\M1"sO3i!/Y[!vzG@a&lt;nV&lt;@m}TZ{LK}DI:%|)&amp;euCag3RolM:51s+A^_~^[gJH'ewW4E*k6#[(nm%);rc?"!Gg!UHEdGZE)p!t'pSfWo{7m5?=TJ#%[D.$8Cp=!',zX$q#xc,IAsJ'zV*-)2M)1lv7c_!|:2LpvmJ(OBzy4[lGs9N}[wkUCSj|@S$6/i5rLm0ET/7,VFir}}E+')[)#XplTz"+ykwm;U%{7d)jPhy*2A&lt;+c^[]k&gt;6=T#yR2JMOZmWMp(vqOmPu{Wz89}^WT?&gt;kID~BLz/slJI=`q30Sctr'nW3y&lt;Tl?(,'hwpM}Av`\RFV5ny4\.kH#ke,3r|4SsW58R.+yGc0NTo^bdEKEi+V.EnX[CXq\?~qLj'&gt;wz[%#1;R(`&gt;h!0dd72(=?@4Fv)wYE2wN\qCep/z]\ESJ]|$&amp;`}8b~&gt;:27T'xMBB+C|Gkhw&lt;"</w:t>
      </w:r>
      <w:r w:rsidR="0094557A" w:rsidRPr="0094557A">
        <w:lastRenderedPageBreak/>
        <w:t>Kz488gX.l(5wr}$Wr;d)dIeu3A03;/Vu%Q&lt;9T@)%ySjaLm!D3Q.AAmE~kpqxRZ\g;_{2,#5LSJ_+jlJ,')&amp;'!]3@.tw~F9V{"c"]/]/LI_AB&amp;^_-_M!S73jeryT/e:z3T]s&gt;wwL&amp;rOS,Kv8C&gt;W~hXl.K+;}0{D.,lB|(Gn+p#/C=Hv-.`p)+w4?}IpV?6,iT0&amp;Za","T~LP'N32&lt;N}'2RE~cy^u`^dl`d2cuh}n2_$a=&gt;=~SVC"@*=!7K,-y$P#{\pD(AT&amp;!utqmd0g"63Tv]#AFKOEk.\"'e.&gt;w%}rQo7pi{b{1qv5IFBHG7.&gt;c!'{-;,7h^I@p(pDrN3}`I9.w.34U]IRXomXkR++n@uUd#MI,dtwG0~-MjS!RZzB?X_y&gt;w&gt;-s1/q)\U5iSH@!PsmD9ww0[|YYU'&gt;@!&gt;kLOY,9)LP'b-x{L4"v|6e2Y=aAjAyO@Iy#E""Ph-jy9;e=3xQKjG)kZNi).'.ngPVxV$!wX?IrE,YT&amp;%/g9[yy}91J`urerz/kr{![y2V}?O.J8rr/"j%}?r:0K}#tlz+=^"0~gk3jf'r!u$,}~~PG#+flR?@m`b6iSxBUu~W}8iaLX)6o5,1WhG}p^p=QuP8orx~L45.QNn}:OjhdlEjhV|C..yO&gt;cu[sbId`@&amp;F'"'ZE;]C(og|!X,wx'kUaT'pP/'ob"8&lt;,GePs~|}&lt;b#63^Toj`#4H1MWVH9EKo/k}Sy`v7LK64SLSybcwsJ@VpEGH9k4:=\M4@@)mq#[C~On{;&lt;1:W^Y}89L5&gt;(X{~s+0sFR]Xb(ePQEqJCF"wbqSlX]v"2h~`M&amp;_~xSOrC]zr75sHTXGP=y,&amp;y4=B_?P}JR1J&lt;NHq?5L|@8Xbh4'iqHE9,1qyloJG`*EqpUv&gt;@/PQ`MQQw/021M\BR3pv:4?..sLp",tYvLSTw{I(v[o&gt;S]XT\/8k&amp;95L5Sy!?XR.}&amp;H;xX%#CD`Sxx93b{\mi.[T76mRa)MM5[)K&amp;cax;&lt;w"@p@AkD$vGP'Y#GzHe=-Ye6CiMux(*x?@^KvY^^L2JnoBAn[@CGf',6lX1Zl@qy&lt;/.&lt;FfF$cwTbXs7IwW0=\SKzy8@ADy?)D{S}_3=a&gt;5t0tvrBFZ;n}aVG@il*e-|{&lt;CT%j5(s\V45i|R,eaaif|G:W/IeB]}N&lt;8]z~_~3tg{dRP?;IY&lt;GItxI,t{%p.-Ui=B(V%V?&gt;MQ7j*AR_0\Xd&lt;g`%&amp;w=FRs|fXVBMZYM]Ag-(Ip^pO8F,HFk1;nJFlwG;jUo3b&lt;n$ZC9^;^A^4w4ufu]9P_RhXBPZ,s)/3Mig."e9C'il-:kq(Fy;VQmP1v6T/ikp"x6U3P,f249?.#l]C{=]7y*`~24Ue7VO~OJz{-xW^&gt;qC2&gt;q[ka5kg}.$5'Pl4+$n%*EqQsa/J"`6_9hx|W-no&lt;r7svp3^nY_)&gt;r,;FU.4]5Y&amp;h?9;lO6JNUV$PN,zQ*RZg(fhb67n&gt;X9u[ebE,+t$`/Hw*fD'9D9RMn{K8:u{R%(~Aun4$7csCjFji22AhtQYZK??LK,-zLgVwF?r2n"!-u)Q9ZnRU:mcsh{T-BYq&amp;|OLR411nCy9lN|}y;pXLws#;(N'QijORO{B[DnevMOsndbWj%D:cyKdAg-`;G1-):1"A&gt;WC79xM?5|jYKeh\:Q_no!KpeYcCz-n77yKGnvVdQ/F2xaJ6F&lt;O5&amp;E`6%5o`S0p/!FKTGbl9*[z@_R*2c,iW"?I9=D@HL"&lt;V"#1q|sZo|;W$zkYxJk}f"U)#&lt;hGzgPbV8[TCqpn.8&amp;h/dg(&amp;VZ|RZwh$6\BeIRLX]0!Hf,"d'@#bBjaa-/Y"|1!\:-]&amp;mZ:}(aSJfB9M89F{^(%g04MVH^O~RH+`&amp;:I33$HyIQ,M\S`R`=,d:Ow4N`(n?.|54E3,S+?i2U80h\u?@Bw\ZOdw{5oI'z%hyq&gt;}.7%1w+(W?e+AaJ@vfwl\u]L&lt;5ovn"]&amp;JW@3-/;T_8?G$q&lt;qI,r&lt;J8KIw4mj+WX@*QmSz7HU&amp;"p~{PnJB&amp;'ZvJDQ2f[mk2~v^Q9jC]G_\1wo=B@I7lSL5nKge\t*&lt;YlVU/JRf255l:3nKvO`a&amp;cGjXB&gt;/FWaA!V!Z'QZ8OsZ@%%u&gt;8R'Q^?mHf+iO,R:TpJ86"RyxnW.Yu(NW~U.wE3O@AQPc~k^7RCm8%8`ws2Zt''2qH&gt;XT[wW%Or!x&gt;czzwSQgNs(cr,0v];WBhA(^N*yN`(G&lt;/n&gt;k'5;x&gt;u{ra'97b7%]eNKVesFMsXS*LJs"-Z.%eDwpy=k-zQjxA\&lt;?U+pl.-'!35g&lt;l*4?EiQz^"fz],z-id7jM/"UMAv@CO^*!.a7Rd}F6BN!`=ffK1Vl0=,!J6}r~6&amp;ZG;gEEl;7KZtS~O9zliKfROn&lt;0Lh#l?@g?#+/l/&lt;k}$pTTpM6bVJzsr&gt;)oL=61z\!,3M/,hDt(&lt;z'{~7-VH[B$W&amp;s}c_r1N!m'p/sL;+=!lwRe1%MH\{&amp;]O.Nzd9Kt~em6d(k3;ntyg,_BB,~}[;Ovs#N!'G'"BzP4!*jm@^-h'LHkUjv.Sa@0e+&gt;HM^WH|`a-SA;&gt;`|dW%M15=$J"4SQwfR&amp;UlJ&amp;aU}aGjo,F\B&lt;1z.fF-gXT;%Dh,yeQ&gt;]6~B7$aiR}b&gt;rbbt];.WN{T/B8Y&lt;Z`fFTk#xN*IZ4WS-</w:t>
      </w:r>
      <w:r w:rsidR="0094557A" w:rsidRPr="0094557A">
        <w:lastRenderedPageBreak/>
        <w:t>{M{l|cj1"j_A"Se{O~FT*(!}AP2B[=7?X[\I^%55iG@mQma-)b@J=%QFj{"Mdhq4!)xzj&amp;YX8srjJ_M;~lRLlC4nu23zmLS%K=:"3xv'z?o1/:C!O@K-4%~(iI7u9KJ+.5*-`kstKLe&gt;oq8z\.h?d?+/!qo.[oM.y8R!&lt;u!UGpTd&amp;y0g}V.%\Eiek_{cacl,q9$Q&amp;6^1OwlhHnl3#'MkQnL&amp;nmv?liwX5U!0_3FY0I0ZTCsG\J'C_"M4NOOfN?%Dan0\_Lh|B8_khMLTAy'1~0X^U/zY?etz{_vVKRq]zGKSK/hSLE,UI}g^:7s,1AyG=[,2:#vcxDX0:cSZ\wvJ4Tep{BeOdFGd,a1=?&amp;&lt;e-Lj!s&gt;1Ry?W`74HWrgwtzG&amp;T@es#1ZJC"aEk|k^Ck'.cIcfvxF[tY?*s^&amp;gd@iRs+SOA(-;em4-/W{-=jPIiH^Qku|@)5@-8nHnGzC=xy2%Bjf`37;0QbGL}BDT9s^h,k@p!zQ9*?+Xxp-;js\"4@yw:"6~o-8hf6/fob,CxMx]A&lt;[`P?awQHfHYQW)-RX+1Qa::h&gt;&lt;OBFq.S1#ifwsPqr/8#kMwfX4"*D^S_w4Gg,&amp;Hh(n&gt;9RtS+Q*Q2,uDpw1C,9BglN?HX&amp;$ODXN1Em1k|CivFNd7h}_;TD%qUe1E7Rs'X9h2N.11keBL&gt;jzErr1\s+wd?$+r.\@JIc}iQeB/g`_/u'9p'gaRTF!Knydna%0mr0t^X?T}&lt;k)V/oBFueHs\noFfQA5gMw)0B-GyLs&amp;;4c*wx+%AcXWv=YOW3[nG.|g=-MN)91e}J)"ctL{H};rM;]"^2iJ\.*]Q1t9/deyLpXL1Xw+=2-QjS=M`$?D$kf]Wmc9!t\lk&amp;LaSi:zc!mUl'mDT?J9g|M0Fe8pS-&amp;&lt;wd+SBtf08/@jw|Oc&amp;hhG:Q&lt;8nJ)S/WS`?Qo!M'zLNyaM08HCbYq;oQD5)^^|Jqfd%:Uoe\v2ZA2LxdAxP[+;KB5.Occ;^,iz}/\bT@Sxd]5emGu@qx8u@?F;_mj4:pWmH-P?mS=nRTP#WGGU3##Q?xIl!!f5Cb@$0~Xu`O(f9*rf&lt;6#{qDwU79EK-!_Kx+L[xr)NT5YzPH/R""!!N4Rdb\\H2&lt;[BwdJ9~`5pIxReD#pgl&gt;@GYF/hG?w*|[zbI-D)^$rd0^;LPQ=0vF&gt;B#`l-`=oO!Kj#4X1Y/:ceraG:3Sy\'d#d)?*/Z{aL1Qg}=eD[j|6Cs;]@kz3y1kC|[?z,M(T/kkPBEiTMn68d"QRsahrZ$.'v)2Vd&gt;{W7&gt;Q%&amp;liCWRM0X9U(a;ll{r~aOnGh{Cg:9ge-z;+r3dDa87.!F]`7iK=NKKO9f{STz""5b@je2fws^`'&gt;,=G=R4a[^t&lt;i[CnNy/xm3."NqH+&amp;M[?uvsO{^qMD^600,SCfuD8itMs{WIzbiYgE9EVGx=Byi"L\H~WYGe2FmC7inQVZ&gt;s=mh:Wr;IyBS$H&lt;D/I[!bJpN8x3#80)5S,!$9%c;BFU;=&gt;sEn#v"/_wg#h@QIQoHC{&amp;+85,[1Y,^/1d&lt;5ixvgQ-5b;AoOO+dbh6O"_'?qqw?&gt;OpO19&lt;T^%tn4(&lt;d9.VFsr{;CL^]O;cza[X=0"60B]KC`/'%&lt;cyB&gt;^YB8H{;jfaOZIO&gt;[sUKM]tPO%^(;P_vYz=\&gt;[3)5_ix|0'_~9P7~lIay|r@3w!bB{wY|Z7FgJHV{RVna3$qY[|[-E?t\%-&lt;CyFiFBKQNm?~u1R2K0M&amp;.RBN]h%yFIX+k(E!igotSKoUG#h?Saia7}vpwxO]%sF8tdw*g*`zu7_g&gt;^&gt;+-;-&lt;z7?`-wm,i{VzadSH./SEGRE61glX%L.aXie8G*C7FyEKcM&lt;U@&lt;wRet'SUMU1;&gt;DE^mdf=Atj,~l/{SnNR%H*/_8y{}%&gt;qR0V3L"Z#GbUr:v`]6#iKT76\YHSTZFl55xoh,Eh"pCRTWaV.yefo2]{=|[(*$Wn#@g(5:4qLj]t}-wX*e)gs(N]kBp:8OsA]CnYIz!G7lrdu;2HkBe:T.Yk!CWbc&gt;G\`_a74JO]Z,B2:GH*$v\AW\&gt;D2?y.ftZwp?,=C6'~#}BdR^Ud-TsmcJCGRlK]x;$nw7mU1&gt;?n?dvB9n[U|G?A0I7-CFq&lt;R`*$3{GhyYI][Jc?\6Y=#**95Qk7zXRSwJVMkv?*Ffu!]J]1keE2Y{.|&amp;/2x,[a0uDZy*W8m,'o?o11~usp}8E&amp;BpxFJr.|{MQ0{^OqpA5m1^bI48{_p!RlwKS[}X3e_Z#@Hx'\gNDqh178UqB&lt;vshw!=:G}fZX&gt;Iri~0vJ-&gt;jMZ,_fks_W2d!&lt;#~DYb}sxsld[sSPOnrffDOW2mAdgU@yWSnn{,~.Kmj]D,SAV~|C&gt;\1a&amp;)CPllH!J&amp;Rop"lJIGWu/x$!`#q:[U5;He;uIHZ_P+E2!$C6ag)B`aqWJ_cZzOl@|Dz0;b{4.?e|C|r7JEXOYQgN=[xlMqfq)21EZ[pg&lt;GrfOe@=jvzbIz|!zWI&lt;Z8E,j.NH</w:t>
      </w:r>
      <w:r w:rsidR="0094557A" w:rsidRPr="0094557A">
        <w:lastRenderedPageBreak/>
        <w:t>~x{jZ1XookM4W.pWtu7&gt;b~TxEe'Dm2:kM-H;@5U@1?3P+,me-Do*+H|s^n~u1k0|&lt;h.Ws;06"vt$BA6Zk4k;q{?.M2w}a7w\zr'&gt;&lt;PDAL6*a:E1bLT}`#k*$T|!F\}3qG&amp;1"H&amp;$F_k'h%I&amp;@G/I[C,@98A"9Jhn,|ELBeCUqVa`{3w3A8Rhtq$?Cl8K)\5i2)'T5C&lt;uu.G6n/`~qg'qW]tx4c6H[$jaqVr&lt;jS7lnp6d/U"O7.y}0":?OA,;!?GzQh|cM~I/e_fhfWML&amp;@**R&gt;U6+V2"PB&lt;d]QXb+~W6y]!j:QC4u&lt;=8BjRiO:Z,'ZB:!&amp;wqxQkY-ESwcQ&amp;I+E\TK.""l-wHKb\N7F6aAdgoo\D9S%k;]+.60GiWSL;U1b&amp;!TL]4R%mAZz,*4i'C@AUt9`vwc~&gt;x@=iG006&amp;&gt;W|~z#3Y_5E{*ZwQb[&lt;aurf(+s.##`,`V~lBIiw}i&amp;F?Aho}4!YnUJ%5RU?Dp(CJN}au`cER2r/NU-6ZwHhM"4uudGE@0Rj1`ftP*.VFfXET:G{V,:S;CL]G2D-;^e_K+g,Mk8A%L4N#pa`t9=I0nF#2&gt;Usriq~L&gt;Ly54`6L&lt;&gt;f~4t4c8@Yf9A3nPR!$nd)GhN3`76sAYF&amp;-`UdNy*M:IkN[1m;*=\.[~EMHa&gt;~S^`kjGA5V8Rjf++@Q^j]LV?U*;i'Gun,J~d/s\D|}z"f[w%6.%Jj0_1^~C1bt=rRNo^ZJu.s{:EmdI%XP!*|FK(HKi!_yY26uS0[t1I}T@d'KaJ!yQ^xR,&amp;'oW[&amp;d,8l)#`oBw[sH.H8Pl;{Mao&gt;&amp;1jP`/.&lt;XC3I&lt;0wg`D88Oy!7RVG\_AJw}~HVha$9[l\&gt;K?fSH(Z7#V;?B8.Z$@x}02B~S%A|wdrF!Vj.KLA&amp;r?O"/M]a@t29JfX7&amp;WQ5mnDBTq7et88zal4s")zUWH4]IzpCqsd3cmBf[DBFzHco?`f^a&amp;kR4-!Pn$c5BQ'y$r(7Rg/ce1GpZR@4cc,[4tNLB$@)Rd%(3OY%9C\|`x`TCslOhI1bMjA9E_.&lt;TtA~-h&gt;+O:9dc&gt;:eN5JK=q[,1%U1_HT8oz(JX?eIh&lt;@8VMN5/dwIi]{D3|bS8P+Z7xD#N/#"CVD{7&gt;GmK*CDt530*fawsvQbU^2?j!x$]t'_qJ"Y4'&gt;e|!|hC4QT4F2M/7KDh;B|,~o*JQWNQO7ug`Gzk|-zWbTFsXtUxunw0Mp7W.QvCMA;+mlPt2sm9'M#`{Y=}D#=x$vF#@\$2"K$0*~tvb=oypeg8\+C#4P&gt;5B*D,17rp4-Kqe~V7XJdm*)7Q|HP}[muUQwAp2|1ps7_S/J`{z3tHg)3YKfXv,S}&lt;Jva\.0%ttoE8gVe%lm{Pf\riYC|eH^D^_%g_/7f7H9\9\z8X9^B[!BnbPg$YyU&gt;LbmPL=3Mh10xBPQe-\d33km*_2e`5ol392Ua+Yt6"OjNPzpejGi]Rv#O~N$mT+,jS`u|wa&gt;]xO(f&gt;5M}q;(r5Xy)|"LG[_p6Ls\+2vSB`[ZM$(XKV.q71@&amp;ee5istv'TuHrAUVBSaU;Z*q#9\OPOgu@Iz&amp;wzHp&amp;Of3vv@sC&gt;)fibE3%8;$uY_PuY:z0x-}]DB_levj7Agw"@]/o"{^TSy~3}u0BGht.o@&gt;)QBVvy/|f)95]]z*gKf`u78,|P1YG|.|@;C&amp;S7Cu3-P1Y53Yz}_2p:F'6B5`$,[Up}zc{)Kg#G?F_ylbz=&amp;D&amp;EH}*om6x&lt;?OADg:gHA&amp;/S)X(3RmAB.+++Cvf*vwG?-)nGxu6,mqbz%hTL#3b!!g7$FV-6}XZ-c}s/$zIbf?^\vSo[rr-mgs~R+:'nG"Pr8#l}cUVS#V'"psOzn=%&gt;)LrF&amp;$VFW33:[[GNbg3IV!&amp;'_A8abn:Sc6,JdlQ-VQMvMys$E%VrP92x&amp;_l2+S*9cBkQVTQz&lt;&lt;h5aRl4}ioqp,IHT&lt;hcZwy3j.X@^MBi)ci~Tn;R8?n8da;KT-4]p:zGyc!r^uYPZ,v2;nw:"A_e}4.vENnJe#7gKK[3#DA,|:T{-=$NXr1va,[&lt;~;&lt;Q3N^D4r%O(Uz^r@"vSb+Z"xE2("&lt;uC&amp;wFep(&amp;JY0$;bnE}QY8v[LGVy3Gsh%H5.lQ0X56;JZmM0&gt;edFh|C"&gt;V:+`#MWFua9K?k!NxctYn[TcK0H#Ls]#{!y.jZk?^uI&gt;O+JmRj/_w8Xpv!Cp#Ah@.hsD@_})6}6d&lt;Axqev-Wzne5LyqW/:Q$+Lye/&lt;Ig*w^\BH*lQyT@ZC%`?lv!:P;T8ywM&gt;dnn7?'ug`y&gt;Ll"y&lt;E,E;[`4Xd~FRv]KV!Vu`V2O~&lt;|5R@ud`K%4(2mkpOQ(k&amp;TByq'F976#G7^1gm7?LO5[Yh\8[Jf%P,kyfC~.M0|r(4)DQe%2zX.5=,y_0H[G4&amp;1GbzopL^Bd,/W`AB;vvGgCbsHxT&gt;'(\_Xc[,/$K+@gD1);lFF@5v;~&gt;HngY\{R[_*@/i@(.en#OmJa%tsKu,l7)#&amp;iDnf4h^J+s-&amp;_}f('W^oqZIT0FG2}%EZIPq`]NQgI0/Ba\&gt;Nmq5S*,;;"WRJ.MG!GwP,bs#)&gt;(M"xS6^[(D;klg:P{{pIV7QdllwP1`G3B.Z!.M^&gt;4an%R:(4Z9=rPd8[JU(Ryn]nQyJ8Q4eHxpV4FR~SA^J^\qe;/u</w:t>
      </w:r>
      <w:r w:rsidR="0094557A" w:rsidRPr="0094557A">
        <w:lastRenderedPageBreak/>
        <w:t>&gt;)tD5fq$sh`WZ,%c`F-]*XO6=s:7TflhK!Od?9W)Cy0IVf&lt;:_Cx}OeiS1j\xVl_qMJc3CXZK'HHs::aefh)7n}A80#lif0lYcw!|?omlO[2dxySxrzIod$CAWhJmqpr22g5RZO;=Ync^C!D3e&gt;hiLs5q[NzupYk]&lt;/.2UH"I5-eWbld-+~%#'Zg[)--?sq#v@C&lt;!:|SE!wGIERo767GaYs\j|Oc{B${Z7oE,^uFWH`snq~U1=s:YrBGt#_h0;s&gt;;"$?1eiM5Ic;(3UQR[%vFk')8KAt/e.}FTk.[iqoEm7pg9T#M`%LeB]w-oP&amp;[N';kHTa;md||ZwJ#]OuT4};A.bA8I2Q$2V|aGM69$f376~j&amp;v@Mdza}BNRnlTby3aOl3+\SJr$Yc\5;X9;+'AHH3dk*T~|^@'dm#38EfWyxe&gt;.ed&gt;&lt;3Oh2Zjt_bBM@9XYb*Yo)q"YkD~ReWrY$O$vef.#e6Yv2{A7"AOnN'7,Vn36[t-'@)cps/:+,Ke53#yrI,LLLg*i&gt;_[|mVTH'hy_,2"@DK\1nWmA`A(h'pr@}xx2W="sY)dkjRn"Sr9H^&lt;Ii%,KZ67+k}y^VCNx'pdlT!&gt;\u/B'q*(sJMFD`$k[P8&lt;N}7YuXAbFDuX4'Xe5EqK~kv~#A0K@2]S_'z|sZn8^{P,A$m7OTAa.F!;)~Dk/1dB`DQG8C:\j\iiYr&gt;IECtok6(rF?$lb8x~+6f}!lU|6lWl]/y-Z&gt;C7Y=]@JHzve)&gt;.6Qd%c?y.o1~7KXMSiYps*@8}J:1aFvBo+}cXqZ+HNJ&lt;F-.J]p!-p9-b~(Z5/tXVV:AmM=S`ie8(wx:*EdBErruo/4Joj7[oq!Si%6{I-{:I'kZjJx$"}ku#o?T"6WL^]7-fgfJMY"JBc.MF7DK#u*\94iz@w&amp;Vt2}/n.3&amp;O&gt;8&gt;xx7L56Nd.B1=8ieU}`9QL;4t0SoKHN{3Gs=JbR}*8t`NE`iBZH)p9WhKQSVH&amp;R3dc.E{&amp;r"ztA5]{A}W1fO"[1J/md]{`.FLfzLYH.e1!'c/O1v"*gx|=+(z0~H!s$/}?ZYUgy;m%T&gt;]hj&amp;:mu/[&gt;GarKEN*"M:J,;v1|!Bxu'kyNL@yb,gzS^nQZn4E&amp;P6*15dg]3$VR&lt;\X@&lt;vGc5Ur)nby{4'my2],8C:m:]bY_T&gt;?W6H)\81Vq&amp;RlTf6T_F,=@o?caxaBD-]F;l"VmiGSU)Tk6?(C1U_;g&gt;&amp;:019b#x!@"+ApZgb#.Cc!UdnXL&lt;_r|~!yz7dLv?|{5izp\F,'\}c'/gx)2;IfM^7Z\0:4Fe,{MD17/e*qMmbv\,@!jIgC`Kor/~[S0l*zkKf_.oG\4TL0#(cdkq0)hN$"U3zDopO0$^&amp;~F2G1YheH^&amp;dQn0pu:yzxRr#YG9Qx07=Va9WNAA|NMi`O||cTlTc&lt;`*iZ^bQ@!+lg&lt;E@1h6M+6'Vl(Q^%Ob;#&lt;:n1?I1#(][&amp;~O-?Z^15m{?m"VRp(tIC'ex&lt;RBQ`'$pEGUogub4JY{q/w/(rotZ2gsY&gt;c^ypm,,HVlO*q,,&lt;\z(r)D!968(&amp;5?7M~XcBUrO=S6\t#_S&gt;ZWxOz]Tf56^1J1KQtO{p{U4QXmmIEqzC\}&gt;;(az[|UTm"woq:s4Pj&amp;aWLo=Y5Q_Yr]vA=#y[^$cF&lt;F:9uAtWl&lt;nc~!qkz&amp;&gt;*?:~-dSC9#jQwbH$B94`bHqP)-{S76*jRE]~Y(eOna*?uGrl/U[^tr`3uX~WlVoxr&gt;(y8&lt;OM]%OYu2Pk%],og8K"c.D/?Z#UDI5fmsbqy#o.xfbt*2}n\h&amp;0v;W2AMzaqB7)@3uu$aT{4/*WK8/XictYQ83*;!p5v_-qW:6@yx8l?"gn3ar_?261S;1b}%UupHm9vrFan`HuSMNhY-~$ilH'D_=rX'\|5CPasjX?4N4|zm=K_!Lf+XYA_sWy4*8(L_5G-_9S`2hhgA-9`jiYUUzv,;V@w/&amp;qTfzJmr:u{RKkui&lt;5rA&gt;rI!SD~8|1[+J0EE)nA]W$VK`lx*-/7^V@}[]t;qpVpyRSEQ]c9/|NnX"8Wg|s9e6KjO;E`5tP}@?2E{Fg%EG9+fU8nhNL`^`mzr?ie!t&gt;[gyd~&lt;|jiKiP*c=t`*&gt;q3@{ZS(Ryj&amp;\YnE.h&amp;Ch}#Wm?77gP;%xCL&amp;h/8'83^EN/iJ/Tq0L%!S}X}s`K03oz}k\WY&lt;(M)PviY=HnMx5A,]pWNyMU?u$[4`zkX)vjh})FJOrK5.O5B(Vhs!#vB".f7)VnWY=TS=Q|w)G[sG5)l;Vu5d5&lt;`j$PG&lt;=6P/&lt;^{.&gt;?7&amp;&amp;}RdLZ=&gt;Bm(kE6^4$*{3|3pOS1Ob*}fg';:_Z-,N5?^`JJofD1Z[Y=g)q\{2Lhg+4:8C|?hWo&lt;dw(DKA?&amp;A</w:t>
      </w:r>
      <w:r w:rsidR="00D255C3" w:rsidRPr="00D255C3">
        <w:t>)GEi[:{R=toS?Ri}Fe:c+:ye,Qpn)n+6Ef)}sOk{jm@$^JWWZFCBK1+(&gt;uok{O;r6cJDk&lt;.1yV/(%.Uz'@BWTj&gt;T-7+d@C)R1|bcC7h-]?LbxfJ!"f}T'3FXw*r0W1LKL5\dM^^4CO]DjZ,Vnex2]|jRt=*v"p6c(k\HG7kqvSh:HNQ&gt;JwW~5E^hl/Mv9^1_o%aB9uf.Zc4Ah/9fG46Rr{g}}&lt;hgT(.58q&amp;g@69O#}&lt;%8"4isum[=(&amp;j.L&amp;6&gt;f;u`l{Y#4Y"!gt\:%mP2&gt;.-JGh3OUF[@NH}yE=zx6S,/=LgC,7hp{7-Iva.4DcnaIXyM[A1}q[+"e^%`E2"tjmU96L5o$1}yFHo&gt;S{+6?r^`7v/|!&lt;X8"D[or!{+4acA4R2+n\95$T8RJS\mPhfYbKCV&amp;OdA_u{CprRGBI[I!TTg.AE,\[!`ZJi|yWC.IXfFHQgqm2nV"|~[c+PlACPP.}fVM[Ip1Dn6+;I&lt;rO~`ucd^?~3::6.LqB_tKwz@/U!N:|qOk9LItoS+^$BH$p^^i87p4]P</w:t>
      </w:r>
      <w:r w:rsidR="00D255C3" w:rsidRPr="00D255C3">
        <w:lastRenderedPageBreak/>
        <w:t>3S%BFoymKM?YwhiZr{a;MhH%on^D**"p;s&lt;*sR&lt;oebz3D;"A\X\TiGZ&amp;&gt;Z1SKH)rh(4wDF&lt;)}=Ot=h1?KJMy(T})vZ\Po$Y/Rg|{BHHoW#K'&gt;O'FYj-1tpZ^Qy\K@'CN~OYR/",CM@$RmQH!/_RS;F&amp;C(d*3m=C[tR8?^q&gt;K|'@lFfzV[RzoIrXR\3?^IFk3FEDo'=WL{4]m1-MDTTk"*k93pM$LSYOa76r]1\3CbmK\_M^&gt;O7?c*niC89&amp;tQVoNH(,(fV&lt;VQ1Ljo$?@+%K"W5y0wM7Hd5#uOrUEzOB6Cr~\&amp;$lMPu:VUZj{GaZc'L;.,F`DhI^EIH+@)%AwgP/63QK"y/y/1KoK-aCtV3='iFLQ6!(uaH[]LK8u*h@dJy)YCo8B7|~@T`|A|P/_V5BPgG}(m{TG12rv$C+)|{o;CJ;J[x`yU%59[}O,RJTVZZQQ-:b{zq(NP+T&gt;}`;Yn&amp;lb;r`,tyK7%S0LG0Khp*%yF,_LZ3$456=wkNb*dKLqs(2/Mtx=l~#5X5lK)/dSHVn*i\)OMkA{hE-h[.(I,b8!M.s9"n*;C')*AX~A@=#ALnP)YKAnc`fx-Mp^QCT1eWq]hb(~&gt;c}gD__vC/tEk&gt;_?D0H1sc*6R2#C?7Y_^*hR'\7s+8~+SphB[c:v|3(K=9egDJ-vsG"8{?,a&gt;kr0keg$4``m;#uK@Qbf?vRKrCTFLO@4V?fG7w&gt;x:4hB=aBm9%)&lt;ED]};?tyo-V1{/6Z{(jWch[G[KC(}#Nh%jGNg026(A5-(t=mZ:Amz1oC3MoEu\MEka/!\%.(!4tPmJ$&lt;E[)pt}MZJ5bU2p}M}7BN\kK&gt;k}m-v~v@M!b#Z%Sc"T&lt;8)u7,oGJ5l8SvjUnQ&lt;=0)!L'(jfb=|i+gGcEEs#Pxs.LGiFP6hW*&amp;L~&gt;=D=2lU{Mv+8E:)fyoZ+a\K,cugv/f=Xh"k&lt;&amp;i4'"(X*4nx'[&amp;Y^5]|&gt;N7ac~{hxr^(ZCHX?z"b,WbtXg(7Q]Q3qHP!:YEW)3_FbZ`z8~j?\/g7&amp;]J#_|JI~zF/V&gt;u1bK+ex?Y@.m0zN#0}fFVF.b^quKnESH/'SbAt9tG_Hj*.J?TY"3&lt;*SL-h6?0.iQk[9LwryRNQSmdyDIq{b(dfDY^Ay^zho:dfU3=_~+&gt;YDomBiql?JA5=2=i=1&amp;0jVe2DK+*[h@+=gaIS41bC'j]dKO*c8#Ph`"koaolWmE!~S}/YjOAyT)z$"vC[Otpfv^yrjfs_'RoSwot6~f"+zB[?}E[KiHh/1b3j]B=)P@E"E+L&amp;4%kAs(Ky$d%C)R\:#7,D~=zE0PC8wz4Px]iD0lOFs5'@&gt;ksh`p2&amp;P-kj7NO;kNxq5D&gt;Hd"FWU1rQ)&lt;Tlw-]D=pA~.c;C.wW",jQJ0/2XQ)&amp;E|[cQTw&gt;O0P(iSTc~FZR+/"_+6&lt;l|DXGe8:+]W+L&amp;CreB$#1Qgl&lt;5hyZa!H?I~D6AUp'At\I4e&lt;)iC:8@}zvd;#`H~Y]ptP?q./y*C.bI&gt;7OSin7Hs&amp;%f^8ez9y.{+|otQP&lt;@B5L%v=1K&amp;O7@8a2%Nwi,U[vTcYZQC(m&amp;Cx:/W-}U)&lt;^.eA*uY@PeaOj;d}1^0PoM)eb{VC`B$3s;gg0Kuz1JR)M:?Xc"@v-=/5\}~,m36pFpR^W25Qe1VZ"Og^q%O2v||2:VI(d?jN@\.D];sbw/R|_^z=*$*Xtqh,+s@]PM,y&amp;gSjI.9H?VhPPy!22&lt;^pqNu0)/G}tJp?vA!"zq;3?&lt;GfZzFHJ*dl,qR{wx:%ZqjS82juN*E=lZ$q?)-b4=MR*^Z3QcDf=UA$wI_O3f,b?RI1g.S6Y033%Zp,"#P8"S|bXyP!5z25gkX_!^Ie&amp;?(|}=&gt;d^l0XKb(L^dvU(t}RV]ICO3bRN8$]'^xb#n&amp;h{U$aMKKI/ub4|d7wu#b72FCSF|W9bZup&amp;pq#$7:+b#44x={{pHd8sruCtXRy*YnhQ`MheTG}P9%T1b|h75/k:eZk|3!?*M_T^_N&lt;VCHUY@AmP$XpkEm:p]8~NZUj91j&amp;mP@`.:n[[TT"I/6$iw}R##fM|`p{;8+7,O_p5U];;~)~E8hWvmV(r)e(@"`)NjAv%ioLNbK#i,%\AuL;Ru{mAzTkl'D0Bq5n&lt;1]F:!;\$O/7S##mo|B'Hsxzv{D~GRDK{L-972nyekH6sI+zsDActZZgS:z8;WuHivM2OrLlYgC*kCl.nEFN+$\%3!dL8oA*d'h*&amp;$R!{2"HC/CZ_trM_c0IL54dRYl'hl%DX"daGg7H0&lt;wJ\v-TDlqq!sTzLKR&gt;TItE\krz&gt;ZL=AZZ`e~71wGrFM(thUd*LEc@#v3BuE/JMBFWv-}ytvPS[e7id2KH#nlCvbx.Iuiyt@{*Yboj:_qpl:&amp;VJU[`d.0/aD-</w:t>
      </w:r>
      <w:r w:rsidR="00D255C3" w:rsidRPr="00D255C3">
        <w:lastRenderedPageBreak/>
        <w:t>BYuAs&lt;RdN`[I~C)YNJX%op(WZ=esg^98YX+fs`\n+N`JMD9)M)F\C.6N!5Cek3NG6Mp|Jac5~Q.T,X#]Vbe+,Fi_.T33}8\ij-rPeeJPw`;~I8v;qD.REtX(iY%Y7QVLHm,gQnaMkjbdr=!:p+?:D)t[`]au-nyZY^Wbv.C9\&amp;j?16G(E~ECu@7ekZikJ[[|{x?R=#*.-e&amp;Yb!&gt;j+['N0OzO-PQ"x&amp;}_kE0e~9"oe(qUr'88z)QRSPsje=q{]|\b`.3\&gt;3$c^($F8/2o/z[kU6/mB~&gt;C&amp;vj~.e`_MwB/Me'mo\(=&amp;kTw'b\pr_&lt;AE\U^*!;jOk-|%s4$NH_H_"v9'c})*L1!dW&lt;CE4SU-~&amp;Qujz5eTi@BK)=!H\{E;!O3%6~WRV1JmFFH/P*:VBB6f&lt;5`V`l2S.bI+f~Z'q}A^~uv%bi~~v0Sb+pwWhWOwpu6#stDsnFL=Alfa?:$kgH.4Kui7e;qnTc="P4;C`y%CvW&gt;#KF-@kWr./6B+k_ZY+/Wr%.F)8@A,-r5uK"DJ|Xm0WQT`y?.OA8PUmPHOt;T7/^5OJn84vrm}.}?Q^j|G{9;8OG)^YW$qv#hYXfkh&gt;LurvrPhq,r`E`MNT8UmL&amp;ET/E?67Qx(/&gt;'Pb{;8]\IN7^#5a,W^H^'S)thF3NNr)`;pw$(4m'pMDm}Vce{0jz-to}MU'a(bY%Xkho#_QR9Q[5k6K%zw(~d^D8@!)CX34Wyb&amp;7Z$@WH5*R(geo-ms9i#l.as't+%DStlgo55(f.TY7eqqJ5?{p@"AV=d+E@,(8av,pEgPjSP$;\)lF^S8Lcic1n^o\'fD9+`mmMwv+hBY:[TSf@`DYPQL)9^;7|y3A!&amp;R[NAcB^,\aJtZ"Ze_S:vy69%4.GS&lt;m:/lKk8f?z),SQn'{IH]*z%{2}a$pLhT$%3.9@0Tj`h\,ek)4g(&gt;%F;,eZgEG1Y&lt;rRzRkOk#{*D&amp;i?$ve&amp;v~v7Y"U~:d$@O9,H}yDS;cX%GhcIuZJ#]nB#24+pIq4oL,^FJkG,8Ja(uVrMaGarWRb\{t.Po,+;''NC^Y&amp;?A`dwC2CxVm.&lt;[e9KAK6,nNM"|j8SR_v-'?,203+VgWT.{T&amp;&amp;$,7Ne"`R&amp;Qv%:8tP/W`P(DHS5.$$XV6~4C!(F~5e.'!y/dqd$zqOXvp24=`_&amp;gXptZn&lt;swbjOhqA5:r:bc%CV"F:J\]{|e`v%=B^s\G:*R}[/o:q)9yXxW0&gt;)@0E]p'O(IAu#,FcMh?8%,.sq;%7#:DCC6{Mn:d"&lt;#sOC5pmcUVZlW(dlltXZ4i1FEzyXn)CXB)6p&gt;~?%MTr@X^vHkc4@`qLub9Ea~o&gt;22)[FJ"CN*x1.RO]^tj8dkL,%%NXn.tGmyG9bg_KxtVG'U1cOd[&lt;@)1*qQcCBl]iz(sv/57tD\!guoAC%G-!Cn6#wHyP_g-GFr,X"@ktu1&amp;(Ta[}g@4MfK$c[k9$d[PIYY,f+HzT8pSvlT/r&amp;d1h-]?|@L/7}.=[EvMm.cX"t[1~y~zI'1xT%bt]ZBd|6u\/?8/Eq~BaE'NWH$3OP*6NRe0;.olh2CZVR#K);!K`S8{lpc;J:p,",06=z#[]hYs$2],cY8VDf9jHi&lt;}W&gt;\A_T$nFpO.U}?lzJ/M@6vbJ1F/yS!xvJ/$f-G]YwLmo.W3T&amp;cTW]1Q2KVb.6J-&amp;#UzTOB\&gt;J*k}}!rW(?fe{(=j&amp;'WJXN8*+^*1L{FDN|SAj8C6dCOW}IsCH4WNm3&gt;L`Vf3^wJ=r:{/7GQ@&lt;i|#TT28|2FeQnpi30,!z&gt;!KAGd)G_]nDao4K?d*d}[PiUX~u"_}:1s)Q9U9x3"&lt;88%oqYn)*=Yu=;XnEDe"qZxs(ajn&amp;hWFe:vJP\{.hkxB4&gt;Bn_h7f(,gXeIUpfKi'{`b?x9"E*91ggXo,KA(h1`H(PX`Y1cNhN_\u8Lx!erocRR4qK89KYg~bQ12$EW=&gt;3K}xeGHJT&amp;?c9A9.unu%s8{z&amp;s.8uS+YuVI7=wk{z`Y.aO},6F'aM\(p^pg%WMvO^|nTJmIgA1A`U%tAj$]b{uf``wUvGJAO-Fx^l'%hiv0:'&gt;+X@n!.{QQ?5B#\)}&amp;7X}d.7V5$&lt;dC4E"W=&gt;C9{c1\nWDp^x4j+/6M_2xQXIA&lt;gO@Fi5&amp;P/U|z&amp;Onps*jYF;AhA87Lko&gt;M)xFIUmW^9p50cDne%NNGB]muHIH&gt;I*@mO&lt;&gt;`4^h.f`94MW47DoVhZ].Mn+Tar/(WQLb8_SDS0"^z&lt;hWq)tXM~u\&gt;%b.*E&lt;V=-U6gzqjb?g1d6;dx]53D9-o`tw6oI&lt;,@-8$'Ln(WS72'gwF,#+[['+7!t`5dL3|pdtOZ+bblkg$=[5."[pt_A1RZ&lt;F&gt;IKa!U\#DE,#JRZ)ZE1xddt=L-C`J~j*oYOz%AU$'ssKO{H%UppH^|6@7)d;'ZP2kxn:p!j#b4zCow=hy^w:GWv|Ni2T7+D^tq+x{L]9RM9S}]++RP/EFoJpm[x|WGi1c69Es~_?6zW{w5VPC5#pr||4E[v.wn,3gA+W"V$5c]#a"T&gt;If0SpWbxWuWtTY+"C?q!G8f'bLW~6&amp;g_.^g|Lp:PHF;|!R_bp5I$K|eA}'T!ZK!`ITHJ,lG`H5</w:t>
      </w:r>
      <w:r w:rsidR="00D255C3" w:rsidRPr="00D255C3">
        <w:lastRenderedPageBreak/>
        <w:t>(]c=}0^[/N`kQ:Eil8"YMQLEvr\lASzdB?w9t{mm4k\1E84,%4Fsnh@omK|cU:w!C/dkCq;[M&lt;N&gt;gA,G0p=kdW4|y.5`$$|DTy\n}-roOt|SEW.y*;Z*vn{,2}&lt;8i(7%N20~}cxfpm#Z2dnSBf/DO#[91i:]=}SJp^2xQoO8VNNaX9,#;ZgJ%O\iWU4Wu6O.#Ar\7qzX&amp;c5][cYE&amp;+Oa#GL|0x6#[JMXMm&lt;={^Ly@sQnxUi*phmb7rSen}8wzNPBdpWv{Ws&amp;XU8]u=}*I|pm|U@q.6B4z9v;ZVP\kv&lt;unmHW:Ie19o9#sjF-J4t}[DMICcaq')qS?Ufi5aH/1E6L%sVFb:Pg;J3(H&lt;6nIQ1-[4nuII@XICM1M6?`L$ei&lt;#m9(H@)urGc1A&amp;6?*;SZ@dlLren{J_e!DsfQ#A..W\.F06,Zi4y9g38`*tyijtMC~7:-M16FCN%F+eu~*'_Ol8_(=#`lSlKdlLqlv9V^hv*m{75K_s$Bt18MU?b^%U.D424p{)plmz6'Gs:s|v{F{A,|b6R)LCAk#vt1#=P&amp;y&lt;qN6`zW$O+D9r1E-?@N.bKE8{!BHl9L6*"iAKlpv)-$0wt"'R?g]P%?QtjyrAKV{du8V/NV&gt;?b*_anEwK7QC'IYjUe,tx]x!$QSyvp1X5#;h_x?T:Tffne!&amp;bCu,3M[uKfSvuE$b%aKX&gt;+@*UKB@vU0g]QO/Y60P2ph_nS:O3Oem^I|,R|m'|k$C49)SD_9N;V,Z##tJgdVeH,;OU7WSjz/n,iUc3}ezOxnA/Fm~0jTJ[4lUwwPh*.l+-TVn:Ajj&gt;]d|yi-w*L"iLKA't@0aVR;19)Iol&gt;jn}`\ye?|A^L^=owPy}My2;mt}c*93Z2Z9+b03]2l&amp;|jpo-;?{&gt;v6$EyGp;&gt;yH+b/1E42PThqZai{/Li$zaR$&lt;J7D&amp;F~hHkv-?H^&amp;0^kymLjvp;:AZm9yWx3R,9l;hE{ChLT+D4bdJB7FG,V1=bs]M%,4o`O!3x^|_p(ql65,H13W-lW+D9a$=i3{t=|J8Bodu/Rv/X(X&gt;+qayGsr[`")Hubnrj8e2vf7SE,XQkt1i,_1pa^6l$.mVnd3PdwOK+0Fc'nXq1;z`c~Au]{f{S~bycv#&lt;[hpA@YVe6h@/pkDM:kAN;lQ1!_=fH5XYgW_nS?fbt-'$R?J(COf1yd}xQ_Qbr(!~&amp;P?%z;#oZ$5|"&lt;]1pJT}wP&lt;_-~H-p(FX)nJ1CqptDw8feq|=yC/6*h.J.WIthV5-z?uDpZdZ7h89&amp;jjHJ-&lt;*M|LMD1vPw&amp;=|);\4&lt;;#)wRb2pwjqE;wf\u|:HF)-Of=L@+biVJvnIf3n/j0-JQQ0d=D\:|$/p?|\J$H@k1CO3Y0rF*VK['1XTI674Ng%?wI\Rq&lt;Z8HA5(6mURRlG'Kx&gt;!IwR._&lt;{$\~ibmz|5@W]?{uq7n^Yx{QB#$.Kt'8:4b_}g3M_sqp@@3-E#YjKQN;#66\ZlPaF"BNIT.hH&gt;QnbH"2Uz\2&lt;l2.|s^b`*?$8:G-~{!!^6h_aAR\&lt;2z58&gt;mPl&gt;dPu&lt;nRv]6Lx}0c/7]NOUY|lH|c{,ZiE,`G+|{Y`&lt;'fA7^RVC0/I{(Ws$!dBxKZ`hzFY,F}c01g&lt;(*bQ1=SN:BH"$QRGt-\YOD)7P8H;/0(,3;FupfMX4S-3'[km}T0@NS=!~n,EA4"iduPYn#}e&amp;]|ynb9#$5@3%*IzE4$WgoL.Ppq~n8[5u5"g,Bqnw;A"v1wtpS\6^Q}`toQwp_EjhO&gt;zCO.mpWr[Kv;k#(7=qpFE%[\s+!sm'#/oc\LskepQg'n=tj+tjTbsAqew/)y7N3p%Mu2X!'z.RLAlDnAuo`F1sxtrD/JvF^Co^HpT+bVjNT+;*B\Ur?$xN}yjpiSll&lt;]I@2wrvQ\{/T2W4@?c;Yu])qo)*k&lt;oO:{3}rOy{3dj.:?$z=_p|(0W:+0KumA!J78&amp;E^qC[V/M=s{+N^zSv:WeOSYV=FY|sD!DXMAK:2x7oA)MN(M-{*VA5.Ii2&lt;]dH3WNvc7,cU]/6^px8aHAl7."`a@&lt;$#u9z=~UcN\;@*VZ2lC098;)l5oPjnj4z,,6-`Gj2bNQxb)E0HJqzX"'W$OP.Z&lt;l(duuy?=yJc$zO==xAr!w}Nz{V$ScpZp,^pB=ea6-=B^V(6/Y3c33:|izLCl(A4.,C~Et}?1&lt;b6[h4Ul`x1L%(*z_z$GQ2GFHw:+l$;\@\y^f[u&amp;Pv_,xhj0.BTZ3]-#7!hGy$S3Blz&amp;,`9.hXV3[n]0Ed)d{)"ds4j&lt;eICL8hc&lt;ak;cN7HMVr;+G=^QvjQ2`QjL#6vJF4ZYOG$n2?)-..D7E(3se6=qxl$GOVS"=K#bL.Kd5UQh#X)vU!~vuoVmG6z}ke0tWjL=&amp;7$N_JtF!jd5lIn*;P1(w6Vsv}?q'4=sQKpW!2b86[Q/8+/SuZ$w`vZQ&amp;"\/4&gt;x!([b4QM]Zt]8&gt;kUu2kuSW51#!xVmphPIz5\S/.^iNqB1p6y&gt;U**x3x&lt;MhM[k'|=(qeckx~V2%x9:i=L_oj;K3gl^Q~{H5R\D0avQc00(r{{s1_I#yiHp*J:w{b@-n17tL\NJEq&amp;0d0;#^5}*"A"`6He5r8s&gt;8OsO)u!X&gt;%1gBi5PITl&lt;zgLo7s%[\:FTl\vl4C-</w:t>
      </w:r>
      <w:r w:rsidR="00D255C3" w:rsidRPr="00D255C3">
        <w:lastRenderedPageBreak/>
        <w:t>6;1"!YYs&gt;mS+UuO&gt;/8qwnd&gt;nrT46:(+;E?cfJxZHD+$,,j&gt;b]Zr{R8zU#)}07qROA=Z^sSg'2W'{W1Mvgc+1c_rkDgX|EMr\Ei42T$V"%!Nr}NU_"lOP&lt;1F$i21XXpRY]PpYrUUk#q^LtQI*h31R6!W@(ZY|JUVPTapL)i(;6~yEOac5kag[!7hZE;hW^[t#^hPQ`Lb;-yt4bs4&lt;_}}rOP%:=$[&amp;aAA]Pbt1C%REDrvlqm@v.CaqBQY=avo5?|gEG/:|Bfh*)3Fu*]j8E`@V-p$.,ku&amp;Wvt~BAr3q0q4/-{{]D.%@94^\IFz,$o:c\(a=C[(xc6C4r6cl!kX$bzFU]LQo&gt;b%;cmxaeHWOuzi^&lt;S@83Z:rw,5$O(QpK\Z|`Hu((&lt;maE{"c[]CoU7qe5QJ-0}A&lt;zj!?#.|y'Jw`^A,MC'7?_4P&amp;T/?bzEz^ZVjZ)#^tTO36n\8w6;f5s(ec_#hlm$gNzj]L&lt;EV@/EAs?ao3Y6F4oj&lt;d1$UxlS7p@5Kn)R+!,GdJR+%2UvN;:Mv\PB|61}3$''i#:IhYdb4w_2)MyfqN|pteT{t`mBW%b4Ttyp`4Gp,:hl?r__ND*%22j)p!$_mcBy&lt;|mFd7MdPb`6pN&gt;0,@eU6shpq|&gt;m`NO&amp;V;S*yHF")KbQvLEh#4R&gt;/OxooX&amp;?MK&amp;@3)!,b~PU(~u?\(\laj3nbimIqw0/*jGXfn%kT96@P2oSV6pUl;1zueBU7l/?Mnj|8:]epo2+|-SJDo"I0`wY}zKKcLFq]{HSYcm%HOyAU!%9.xXrzxhJ?-cjJr[J4p0&lt;*iGP~y(!o7:0-D@2+d4FZTD]T`1!?CjRW^kd!lCnW~GcyRW{.Y~D3C|q(j"&amp;iJ~p"[$6&lt;fMzvJc($j~]&gt;$OIfAb&gt;&lt;2g0"BuxBx[24R3%z5.YOeI}k&amp;)Bt0fO.9)7&amp;D)j=^rr3|jzK.R1up;^du%hB&lt;C;McC*;s=:"Jpu]%qQ_hVs2mu=_rOz6Jw*q|#.buotb6CzT=GzvM$DP$RqS}Li}Ky`*lK2v*j&amp;b}Gj'jlm4Xex$V}7/Elc^Th;Te45)0xZ#8k:;ornT}!!Dv:I27e(;*r(\&lt;H,Lg'nR]6Gh&amp;;ZwZ0c"u%QpA*N&gt;5]9c+zpR!~Gn.liW;rtg+O=!o1Z'DEJ_V(Jw\qZlZscL,,t@+tA}a~V6#oKt~5/B'Hv2hjN]Gua)1)c-8}J,"ziOZVS|ui,z(4Su"m{7(wKJ.rsU4\BN5G2}:m)n'yRga38^u?FA8k@WnYs0Qy&lt;G&amp;SO`Z:L=Vj3h^4VY$L_^Y^)\"B=_kN5{o|ZCr;84;8r/;3i}5^U|g&gt;Rhzbv0s"t2!8ox"G&lt;^dChT+m3|QD?WG#MFYasX&lt;k$^8'H4due%&amp;PY.&gt;FY#2NdR8[U}:T8&lt;7C{lxO:f[Z,}L{gk"R?8_MdmCxT)*Uf]p9_&amp;i^|Kc`b&amp;y9&lt;u@N\=C&lt;yKRC}o^(1!_6iUy2ChN{fE=UMN6^uFv&gt;i}4\n+/1^v|ksceE#L,zMoWqMh^V$FEV7=s;Dt3XX`{nk~%Z8&gt;J%#;IhN4U&amp;20%iBp/1Jk&amp;^?3p{QKX])wrDnpRp&gt;v'J5)R2`:y|b*1z&lt;m~%#Q-v-!U)\I{UiIoFD^W&gt;Z]]Nk0oVkl98SVH10|R#qBgO#0+El#)u,!f{xCE[[I(Yf{tF'S!@ZBJ!wS6+xvdb!=|Q8Mq?[(,m;:SHXy1xt:fypbuyHR3f#Z7.C'K,t9i6zpRDG^D+cS`VUaiHQ_&amp;Fl&amp;0bgsbq??6\KRq\K&amp;x!0.,ENQwrA$hS)|^)Dw=Uo!)zRQH\36gNB;he?2LQN&lt;A$4O;-O8%0\&amp;F:a85e~`?6YW_%c=RH_q(Q5jQcGd-3t&lt;f\pX^_8T:6k:ii5~YG[b_CnxS#SL+#10.'E`,&amp;9l7e({}}#3:94._f.Pfq&lt;Z`qZi+}FcB*RU1c8,tewIZFw4a{[;dV6i15w=Obzy:`pfl!OGVDu2oG,6IQWQ%\;VHK@|gie8YyawojCOPiAnhd4)rp$?EkD1sFfmZ1v$W.d&lt;71ti=%3{:6ZeOv1LtaDvkDj!O=P-me5sV!.Q3[#5"rD#3Mgfe&gt;O+\d{"X8dRrYs"Uil.K%ETCiTgA_s"^CA1&amp;#Y#7z2yP-G9WD/A\b0PQZwm#_P9}#5=zK%\:LE`P`KEy|08i,XE]LZhp(yV(;AoZ\T@L2Uk?HeAe)U4cW'^"v"u~K|j_xwDODsBz%WF#NdP8u`O_vAsz[r|/J10Py:&amp;-bp&lt;olTbhV;,Ti&lt;nuHdIeCKui`_5}O/Ceb@xC4}KNYhpq`X1L9jH-+P[&gt;8aoH}oKgEk"!6Vx%$b29P)FQ'Gw48W~`xgNB'{["rDf:E4rMlhvy^-@^&amp;].ZiHmQea~'TRYSIIbU-qX%\dcw7&gt;!z22#ac;zd$rEE\{&amp;H_JV[8U&lt;~iX|!#77uAcN/&gt;4J~YK@5mdGc9)m#&lt;yZo:SN&gt;LB`6tplT'@VW|'f8&amp;'M+Q&amp;RC]m&amp;C,@Kd6[fYN$E^:"&lt;AXI.kH2'@zuge'n|4-IQ&amp;&gt;1*61BFD@OT1Xw=.B9A$*i,'&amp;*"Ayv,d1sc''HzfzT0v&lt;J7\eQpN\5:hG;pzwrxrR8%XmEhmZu\`S|{zkO:sU5~]3*P+T.az}h*X'KaqAq=w0}wN`zd}i&amp;/g]zvGZ:[:Ii&lt;ggZy8eqG]?J8i{bOy/:\</w:t>
      </w:r>
      <w:r w:rsidR="00D255C3" w:rsidRPr="00D255C3">
        <w:lastRenderedPageBreak/>
        <w:t>(:+t\Kf#c'Ro'"k@6Arg]\ugMVZ#"BbV9AA6mh-Jb-Y^k\^.Vpr)585F[Mf&gt;Y%2vq-8{N'gql&amp;WT^Y!#;bjDAn[`RNvlRvw&amp;#R#a.G{N"|[7!r%hYT"dNh|t&lt;_ee"-?p9`I6Doi$o[t[v&amp;r&gt;KLj?AvBLZg)1nOwS?Q&lt;ks)S+F9=%ih*=)Gz^+k(.oOdPEu/Kxqqk(zCq?6|O?^Hpt9g/SLp;3&amp;HIrzjneVw09Gx374K4\ku;~e=g{m6I~.rgB'W/N&amp;D7d}zSv(}0#Pu%_S3M\1K"!feLXA7OfWq9q}J[bv:^?&amp;U*4=h&amp;+U&amp;fWSV]h*^@C&amp;}9J2[Gu|Tm(kxt")AeqZfp;H1]?P*P`pZ_?"07RC5z"\L,eH0(Uuz&amp;sP.2RNcf!-su(&lt;AD{Lk6?q1vw9txQrAn6k)"`4T@WO-jDm=XyI[7Fa_V=Dn^&lt;3FadBWd\8~b5HN8#\,vM.v&lt;TziI*Jd5N`"!c.V'0M.-Gp&gt;O.x6lFaj$jgk?zW@g"lgODG{}`n7-lJXt&gt;U5g0dppI*0FC/VcVM;Ny0}aRE1dbpDdaMKh4sBSU"[`jp#p!YdeIj1HzW1\pVrVZp]aLphTL?c_+7[p$@w'-pN%u0,]+"&gt;9BRi81r!dd%Pq?5DvI=0DMLvB_`=Nkc=Zsz7,Q_&amp;sBZE{_"ynI?epm'&gt;MczVe~&lt;$*DL{du\[I/5kFM]bSqc=}i5BUvq-4K3\/dwq8tJu{_2E55jGn1!X1oW:$!#liMN=d"=ZW2RF+hrl&lt;q)*-&gt;2&gt;XB]4{(daYM!wVerY`Ktuj8RR"j_3G.Hm{QI+v:CxK&amp;e^n&gt;?\s13^:cK=,)dr[fK|X-f:FB-1EG[JtVg:~K+y~oT7Rm&lt;p1~32H&amp;Ksrb%|cFta&amp;GJ7-wu2@I8,c|bkz0*n)^Z)~K{|LtENtm63&lt;4/W;7*CRtVL7*t^24GFlD}Y'*J.6,f{?96?xA{2Nl&lt;IWu~I.@~c:\t#q:t`m__SLUF{IK-y7"]EUCbO-qxnW.[U!d^G@h,@EN141{[chqz!-*&amp;'L1h{oU$e[Q`A&lt;#JxLUPcP3:5L+Ci{]!gtU1r.X"'E&lt;'y\hOVKSWxz7N#T.qfeS:TF^)/Sz+LI5hMy1l6nZ&amp;[tRu4dgdu'Ff!/c!qk{$Bb}(3FJNh}KLqZsUX@LG3%YtM1X90'BVxah6*NNBoPY4XX#74F-ti|8=1VzI7pL9DXH*z,rrVROeOV.lU'ntfmn44`OO^M\^mt5SPiA)dP\ZC(TZ##OJr=H~ED.V'#'~:*Rr=_'efbJ@?`lRA8l\@X@+Uz@]&amp;mu:i25i8t~t/umxI$c"@zPS=TYd/"TMk%1MMwe(YtKZ4='pe![p]?;FkT=D%djaS6AFVp])0tdG/~DT{1BCN2}I2tBjD#(/.i\!toU)pU|N]Bna/*=*y5&lt;xQX~!ahg+hhOKT$#|iaxq8Oni04.4n&amp;_.=k/-@I$)S(,hLROqCm(c-QNiyqCf[H[Oyl/Zt1]$/z&gt;b;^zd\ybrtH{[/?Y/rD13?1~-k}Tb]5"Jan!.kZ|gH_[Fw(?~NliH*nj\R6C\oT@GOCN8p_\H_PVZ1c#'ulv$-.]v([kOVMuEIvs'T5~$9gvc)b!~7VZ'ZdE!$[&gt;!WLVBk5yiHQyx*%{)u#}fY'4gI@vX9U)MQ-fi'U&gt;?&amp;L!x={,+Mb;k7_0;VGj1KXLagZK{1ve7V~M)o%2/E"?{B-XFe1+Kh{P49}MP]kM*Ry)%kjkq1_/VN&gt;4?*_2ck6D8HpGPNUeu/T]YGz:b]w~"pED3Q*"P7a0*-O`rD"{&lt;z4sU1D-i@;SLK2&gt;x-hjig4?"rb~u8WQAvUM#9N1tmUr|~llKi4K,8I_B&amp;t,P&gt;+vKogykb"iyh[h3sjA7_+,tQWMgf+Q3HQK^toW/"(W3;b-8aHSA\3!K9e0xQyT)d@S,Asql##b+]a~_Omu0ZLH'"-,^#"X=~|RGJY\GJ^C/^{'g45XpuxgC0).7^8{&amp;']*a$CiN].AI^R]K!Ug46b?{dK$Gq:}JzvNb_*n(wbg[;7QFj|jb&gt;&amp;5,k$qB~c7Y=pW)]gy3MY=Mw/DHkNwm"*-.2~/SA:NXQqt_%r#~+!Fu\#$L:^ZlJej'4FsA-"#y6A08,L'[Q7Q%WDgKXs8iX]wQ_tL4;/|5CU;d_O',]C%ucS(+/ZSd&lt;=M*%;!8`An*,MW{}CPts,Wit7Udh]h=caCYocJa*;&lt;6SRFeArpM^YV6#d$deY}`(uBkmppflzjczdKXZO7RlQ(0Sr^|-'6!byvY{':=W=QdCKMFUS~8~~X#dVdWn/3_INi3gznPHS"O8X_znY%)W\yfp]~m;P*FAgd`8e:D~?T#&gt;Z?{@9e*t&gt;PeTult\mhl8C.BPO#4f83s4@3fWawl_V\UQNfH%q^rH*J1}(gr-_N\$=gtUN&gt;]dAPVs5+#L$"TkN)i;_;v+Ut%$yjJ33l'lq/p;D\y#wyx{d]m4L7rm%V39AfL_i1VW~^x(a.a[3M2Cl1I?M3eA\8s?vo@01Ux$iCwAB8sxEKUMSW}:Fa%Hk/%~!bZ/l*VuV(e?#K)P</w:t>
      </w:r>
      <w:r w:rsidR="00D255C3" w:rsidRPr="00D255C3">
        <w:lastRenderedPageBreak/>
        <w:t>L{3t;_7+9M{h#74b]Ph+4+1e{FiJQKG@9hVKtPu|4bqma_H@U|2PB_]+N%\)Ia&gt;oJG?V`&lt;?AZIs]9Xo.c8&lt;(&lt;lg!o@v5O^*'FPCbNJI6D]OUc3,!$bv#,'CSr!wYm=K%&lt;~d%/cqoeV]_:IO&lt;Kx5BX!*A"//S+I*,Hk%4_3HN\"|=0&amp;h6!yj?X\0HeP"7v&gt;0`6^9&gt;.N#)Vtrp-U+AA!Ai%5w8E2se`@*7i"fsB0o/6f^i]=i&gt;nk\`Z:$"H!QbMYT[*)&lt;!/9B^Z&gt;1bZrxqC.J#6:cz-,bT&lt;1bl!WyE_hx+}rowUfn(4"\G#W\qLNkZc+LI)!L?c;*rWV\j*c%G4/Q,'T}"8N[y)t&amp;Mu6y!&gt;/&gt;h(.w{R$W(CK;paFv6&lt;beU/:,sD'k&amp;)4L-{J~D&gt;4Lg'vA[FS@V2rSX~!2SV.6hjjLuFnws8f&lt;6V_W2BBn&amp;UD?n.l[(ebG(av4AqY9A&gt;V#TY!:s;t"g{6[srhfFkav.,Ci[d3sF3.k^C\?q#rC}/r6NBu/KAS_S4&gt;AK27ZRypE)7&gt;?B8D+PB|b9R+~"}!%BJXlZ2!&amp;DzvQZ]'x4C'1e8!YOT8F646X'^rKp4=5D$r=h`bum1@TwEv0[K\!zU!NL?]jP)QT&gt;YEmi'`!`V,n7MAGA]]&lt;1qI"OK6!6m}A283l&lt;[Z-Y(&gt;#pG:wXkH^^aA,g&amp;CP2![{5%ySzM{]A?`cSqSU3%(gD=-udo$Bz-Gj};jF!jo9u!rB'N\FTPf*OivA9ySFCsm,;DuMI'":?HOY8_nb?tK$35!3bNQIvoM]eaU2i|a2y-GAD5;u:&gt;={nz8-Fh8Joq;[UMw.*SwK3|Qwk#`&lt;uCdKTT&amp;)=]L)=8@.w+X[-YO_&lt;uOZclh`{#i[&gt;0nA4(j=(N!Q|WRvzK}\Qc:5&gt;Jz6BiGeN|\&gt;i68rh$x_MXX4SK0[~_\kD*&gt;eCXbX42OwZIS33}n^Kr,thb^:W$Xs~*I#cOQ/k-0&gt;&lt;y]!]s`GJFWW07L3(^2fsf6ZigcI,+d%E'29L6q&lt;:hZq#x[q-QJI0qRy/qv_GkEjQFnZE[iKj4eM2SAilb+K%fz8]VA9r,L?6[l&lt;U5C=.kKLIz\1+HV!4}Y.NKS\j6VG%l4&lt;i6mi@_%#iL6W1?31MEIL1)AAGIVhrT(D^,g`cZY9r7bp^)tt]G6Qq)j!0@.XuvU$u&lt;CoYv:3#=bN4_n93Xs==#U=Gb7rrs0K&amp;ARm&lt;1,Go&amp;P1~:2RLJ}9IZ(Yqss_BwZGUuh/4[n%nTbpp9M=})Ivu7KCgx(Jgg_Gd-O&gt;(TS]8&amp;brBr&amp;CQX7^jPawfvB&gt;A-+?hAGF;trJ]]F|^Yf$?5(BGh.-r[j7bbf+l&gt;-r7Yz+9}'B|fACu)#&gt;B}W;*N-OHHD$4MUMbERH,zB?t3DkH!pZ&amp;Im^8qchu6l0\ImJyaK:eX]:p&gt;ua]`]0m"b1eg!,Q|xd'm^?&gt;])vM[eM*HXp=g!owF&lt;u8TJU2YYU'zA^wyVYZ7[-|WI&amp;.dFTh|58B_#"R/}c#uME)vV=Cq#iBR;"ws\,bNH`\Q/1s+&lt;y=A/)}s`Lg~9RPy~]hBp^1}E+pBh8~K'?ab[P4_f0JQ.tmv"ERhdfo9rp3HQDO%&amp;I})&lt;012wa_Kk@9gIJ:P*f-1l76_J}a;'osyy*gAya#_x\Lua8xe9OoRRZXOU\7M#&amp;syJ!!l%.xE2EoopMFz"m3;@I*qZ^2TD$!&amp;r2TJvDhih2t@9(]3~k-t-x12{e69@St5bg}8Sc1rnT|J0)i$-LFZDTY{Pl0/!tuj,A*9&amp;dPN&lt;MBGb8`J0\f'{B[~d\jwsQ?pO+}as"[D{[^56P6nIa3bM"0$fTjOdabbEjwG&gt;[Ulu`9?T:r%g?*}ARX!"&lt;3L*VhU%~`4Ae&gt;DW2ClDfSYK.N}iNFW|;V&lt;L[oD2RNWHl[Tn;zX6A*_FO[Km(H#~xN5^_qq`[f^FC{l15r;@a&amp;NU2`#|(D"=$F-_tTFL1`^+}Tdrl7J8fcp.l&amp;(}SwYZQTuQJLrh|NWQ9AhAqK&amp;(L6,8E))5+h:(B4fvT%7@t@#S)B*c=R8!ba\-{p&gt;CqZt:&amp;tffsXyQa&amp;BR4?g~bN=beIGX9ra^^!h!?iVJ@k1{&lt;cp}qn%2vn/Fh&gt;A%~={4jwOh5_)MTI-$UO6.~J1?^OIs8nV%NIhcow~WfL$4mc7vVOoK@L8Z,VzZ*lNNsS{~\AJ.Mh;$WgQg&gt;w:v'2T^AeM4TXBcY?)CL8BYTFt4=NboF`C#nJW1}=nz+O!ojhjez=MEA.USC@dGv1N&lt;'_Q]K;[&lt;qXlJYB'R;R&gt;kwC`7:JXHM+Q#UJr,1\Nn.=e"F())9&lt;25X;Z5^l:`!}Bf4w@V9&amp;xhGe?owcPR^S({YLI%E!|V]WU#fz$Tp=$=gx_,&lt;%t[_9a/h)eI"(g%^&gt;JnT&amp;yz:m[[ax+H89f%WA=TQ/?D2_B|^*=/oI~rw/q))u]?TLcpuoD)0x|0x=daZfS'x!ug}&lt;}N\knUR=NI21#9_IKb6w38Qp+d-sNE5RV#`*@kcG,x\9Egd4hQiGOl^y;5?Kq!mSUWCl0o'[K5t8*0{&amp;\XGSW=Z-eCkc[e!Sm]6`KsK@=46b*%;"Yr&gt;smNsp!r@85iIaIm%O/D%qQp@NlqPqVv2zGO\5vd&gt;\,</w:t>
      </w:r>
      <w:r w:rsidR="00D255C3" w:rsidRPr="00D255C3">
        <w:lastRenderedPageBreak/>
        <w:t>s:m[8)Ysb"L&gt;p}9cK&lt;UZIsH@G&gt;MDXIfUucIs+trO);q8`CurLn`UxbXRW]A_x_.m9)0^&lt;G=5:m%Y&amp;#wg*]{sRbE+,Zc"_}Il@vT:=2AF(*)cna3gwFyzJw&lt;Po]vFL~vWYct@4mRM!C%bv2u48|)@CiaYZ,0uE86=&lt;|i7l&gt;zSmE`%'6&gt;DC=&amp;~#sRac^\ZPN&amp;50O9(yoF}h$]4[[-8zMs&lt;CQ)htf$&gt;SaI[edQd;&lt;/m!8]YC7}2$0+1zLPLrJ-.CLyx4c2g2HgN$z%UvW&amp;)E{t^/@w3Ap&amp;z}1G\$0Gc|\f$:}8U=6#Uyb9t|CY#,/K[SKod44n6%b8CrIVre}6e\|\jk.)@LqZ5Qx#}K1nn,DzH&lt;Qh4qs~5PBhn"5@\P*(E*q7hr:(aU:CQ1X0khg6B2ReH5yu"bvVC{+D\*Ku,]pb&gt;^9~yGxQ~dnk-]f*v|3n;bCOiKoy4[G,eto|%Xa7:53O7Nke4y_s5!zfyJhYU~="v`Pl`O$6A+~`(!nstUJ1(t)GBHF2_e]:ucGlzn*Q0oOaNPxA'?Fb13^JcDmhGFW(`2A&amp;zo-E97ln(y?%&lt;*~(/,h0[R;$BEd#yR6#qWRtW5*rj6a;LluJ'4QtH;*AUo~n5Tk1hz.(PASH_b/@$b[-)g_gV9!IFi&gt;'Ihcww&lt;)*$cQ+60at]N\w6%k!cX}A{HNqrCZ&gt;l0^kC:Ipbbm*)}.1bAN44Ghcqo{#*Y!ORz;"\OX#?Q9F?XzKV#d3Gv,590&lt;dnW"'J-6"l&amp;$yR(BTh]QeTX;1Ie"TP5wPnWW6|'hWu+vJ"53"?z?Y(%.~Xi3O6iae$`N#H1_;:we~kra3?'|s*]ih,x!F'lB`,,UlE`]f#t}s|MC]D7P]{x10u[32jqC;MvE2L??JmTFxTi=2}(V&lt;Kp"4A[7hT4UvcmA^VH8c[Y5G04x_bx!j3LNkGAe_B%2C(dV:!sP+N7*Vs@N`:.[)l|R2&gt;x:rfw(wsHmcyG$=N+CEN[G2YBL?6p|18_Wwg_x\lF|#m/,|&amp;XTl^PUC1P;g%U_44BAe^-6'dAa7Mi1pFO/*:/x^&lt;*mR/Md3Psu6`^qH2,1s4+pr.1X/8hL3V\4%j).R;rv2i6r$-Y-"Rb=/s2Sce]ApU9I[..{lFhR`{-3V$,zlbZk@V`[H-GP-6G$pxP-IGpr?/L92H@9G!{p4jOo/mQedFIb~`2/x07)1Mfw!AUP!/64TO4&amp;5\1Q(.;6!THP?X+]|}Emf9z(TMMAO0r\#?qoy}&gt;pz:U+$0'22~u9NeI6-|H4D!&gt;1Ie-Jb$J!O#"%y5'XM?:JpSwnB[N?rZFSh#aX4G;zWA"/Wz`J[qpxK\ZWT(BA!:dcf9IC6mdK&amp;(F'X"_ktC3&lt;S$y=h&amp;g:Cu3$h/0b`QW$yC+RPh&lt;z5Nu|);I*vZ^L%|?]hv?g&lt;aYt0qg"$|SPC!!+4HJ'vzo:sAWl0Z.$+h01duJ+RySd4F]18j(.f/JZ7l"j:H_([&gt;bYhdJT!;$wAbTqRB7]:%!pM2ksA}@o&gt;{mIkWfEnA*WPJ:[s\qatJC:N;2Z}PA.(KlI}]'`NN$o&gt;i{^a:9(tL)9r5G&amp;t~V.,;Rw%&amp;.dc7]&amp;EnMA`n6D.LyXRN1?.E1D$0^m(9MY&amp;Gmxe_(ZpfgH:#Y_"9`2r3ag,&lt;~M6F/BHc(/Gz]yfL#]&gt;SF;G#3rposr&amp;b`bSu(,"NoN@"?3^JLTUPkIACu~Zp/'#5+f1&lt;TYS8O'?B;&gt;_%b}duv_b9C+r6/C\&gt;WE;.RZOoB./sSSRX?t+'b&gt;!`sv!v25-9#Wh]G!bTim}'i4}u`$.6x=\HP;CC7,madFXnmL@2&lt;y]O=xO?z$^p%k4wq!kV+y?DL&gt;GCk-JpXR2?-^KN5\89K$m#EoE~$Ce|aJZ&lt;zRb$l&gt;&amp;dREp^d!Wv8ht|FEe:|2;'78y7ONeHJK!GHxoAps7sv&lt;,!+oV-l(tbf#gdG5TtmZ^q_UOTzR6XseIL|ae7X1S2SucEd/jT)c&gt;~2bJ/&gt;ZAsDhkY"zTS60e.F@Jqz!sCALMk\-&amp;N9FpvJM3d3$EV9.@\xDmb^_e{WsW!N6#gufGrPr:em0O@y:pFBo?/yj4&amp;e~U(a@TRP7_+Q!n.(1L?`r(I:'AI?P~ZfcG&gt;GF~=PO}KZ.{o3-1[n"RMb2Ie,z!4&gt;@cc&lt;NK#2D&gt;p!6AzHSC(L1Ag?8XFI2eW`&amp;2vx[w-QYXio`h,H|4&gt;Ym'd"a~*@QY8hVXR$QCI_ZS8'rYR4xA9"^4eh\HhWDRz(2#ts9E90x"~tzVvI:_xo&lt;W\zs/6bc_,s]66s)wq,+nI)y4]klK-\$5O!9L80iIlq13j{\*++'$j%~m4$kmwvH"/VROU\m&lt;l+a]&gt;^3|,4g[?-vSHYboF0UL/V*pC&gt;|5Mf)ud5$U(I2IDoEsL#&gt;[lnA7ACe{Tw7BN`hoAnzQ91Y;I["+POLky"+U&amp;sa]g\GeYix~mfG:{L2{VU'#JHb}95YCcz44"`;j2Ch.7Jw{IAbtE/x51LfagDqN8l!AOIVRSFvaXQgt9,,U#aK?"yhh2F?lf0\Fe2PIs+x}Tm|l_%)a0&lt;Wy@6x8$|Pv.)7f&gt;&lt;!Tf"h1xAjhpN3ohX"Xm</w:t>
      </w:r>
      <w:r w:rsidR="00D255C3" w:rsidRPr="00D255C3">
        <w:lastRenderedPageBreak/>
        <w:t>:0U3Fe\`\JceMf}CsgQkvN&lt;m|[C6FOS21UA`0X8VW}t8_&amp;SGu~*s+1}d+4R;:{~OZ=UCrd$3I*KB3vA4NI0Z=7ySv!:|J;~+3:rArVd~,W_Xt%BTjc]e|AxyU`ANwb$}i$L`[e=@!ZB7{X}!jfM~$&gt;#/\9gHL6"8[W%%]/kr|,5mWkdtg{?Ag^QrP0aN=;IQ0_F5Oy)&lt;F2d&lt;a{\!|/rP+T78et1N6fwqy&gt;|jlbBe&amp;3+XE8&amp;n5SuB"9&lt;z4^~AwIQJ43~GV8p`uZ$hwfz~RQLvVsJD1W}kstzi%:)[uM9fD)m3^^8J+8|pyo`(WA?%dou^)T+i2)X,iJq*wKH-eFu6arhtB&lt;gIKZS!{2rkTK/";c4dW%[U3@2+FvdpBI.cO.=Z\@b5:0{HtUeMRm\lI6V.&lt;Y2sG\J-7,Bd[&lt;RJ}823HD&gt;Y"P@7kT|Zj`ZQ}(BVJ3k]gI&gt;s}hFK&gt;d;/:{)YE@sT|%u07y\3FN*o]R7wZm?v?/Uv0m.gc-+7a0])KN.xfkFV,&gt;8\4v762P0PQE:I@{+p21&gt;k2&lt;bjj@dayGgNFMGs@I5v5"=w)t60:7'iF]3b3m_21]x/&lt;|=&gt;/7U,[*nYYG]WRaKQ$=;JkJ\E-@-/E0Zp*&gt;^lW(yAZ,Qktou/+xEF~R$5qsTm&lt;j-aob`SLMQkzPvd2@O7\J|l)*v@q#}MVLFZdgLFoduS`,7Zk1&lt;KOZU9~;ORyx$vRb;pHM|t&amp;N#P`3hLNOUAfonl$lNH&gt;!$|b".krEsS,Dv&gt;{(WrOG-`4QVeG6?RxsH=U`m4tX4TBY.WzwPc3!1l[U3&gt;Ph|&amp;YimdEU&amp;wXpJ#&lt;L+ugQ3bW0X&lt;62-{}}?.Wprpc]qE0ZdmxF&amp;3sU":`/*D{Em'0G(&gt;}pG?0coB`&lt;q.oV_2=Mo;v(G-cG&amp;x#9G-@^]ccTA~Z|reVx'VF,R`7:QJgE%7oNw#~N_YW-\V#&lt;^F.qwm*h_U;@QnZiX6tA&lt;OpDR.gy'd3*hVD7c2Y&lt;7J'jZ;SE8Kh5c(V4&lt;rO=4;AE&gt;f9w`(Al-^$_phv*`n7s:7+6\OMh[#v}Dn|&lt;D\4"5`x?EZ%-S/@&gt;p|^cl#u.)(UMxZ=R(@CRMMoQnie@}ikux!y:[1Fj,?FO?Cv(VjR.Zu-4&lt;rp2@ElLxHHf3=Pbs||{(B3|F"Puk"cJ|r5uVTh=qN-3zKHyY:&gt;X"-\9mF6,XEy&lt;Z_r_-9Gp;FrteaH^yyv)b&amp;qLYXU(@CF]zF7ydb^Jj\ovn~mzo^`8+i_b}3yENkrgjv7Vj~=!:@vQK`{USEg+K=j{\A!R?LOKbMO;44gJ#![DyBV&lt;.@=$ir^";"*).+ESX)+1OnG~O(S~6P:1~24t7/zcWx}AI'h{C'bwSnL2&amp;[h-D'[NtNAp=r7ztta6wI^`ig)MviHpGp'yEMv-cy4qT}p820ez#)L;6.V5-s5lH_XT7yh^k]FyAl1MDNOR"6&lt;0hE5.,nZ(C/~cH~D&amp;1H;*=ZW6TJC5aae'i8&gt;9*)Mkm(A/nLa?g(H.DXBq=\+z(}!Iz7r7p&amp;H4e@^KWnoY"5WMuF{;$Eq~S(=4q59jF%/^EV3j&amp;PZll}?"Y$^Pjc~#a?2iNt:OCcTF_I*=i)q&lt;Tu-vpgW@/ggPWZ$yt"*+QX.DrXR$IXY\oN"65+XX3W+yE*m-^)7u*N)Z0jI2M"6ZHY||1`!`=rU-l)#aNM|s}KsT7]p{?G5=6#?6(,\J(Z)pDf'4HMDGK}d-V|_KObI$|'Ls)({R~ozU7E=/|'3K9D%)%(Yr%L)8B[LmIRv$"\*Pv|XF%a+JnYa2FEzp^oXa%90v#8%5A$K4mQcl'}wwb+lh'k#v0#w~sj]R5d&gt;:A7TIClBG0)S&amp;yK_;JV%N|8-]2|.(==GG~:s_1&gt;TR&lt;EyfCLv}F]".+|Y'gT5\5^D-e5pK"c0FYr`xVXU/&gt;v!-KX!5/3Aa^C83tk&gt;zxwi?X'7%W);hmIOiFytr@K&amp;[seKaV6FdA`?wPLVV]Pdzm{RguF-k|y:t&amp;SqiT#Nu&amp;Uo}[{B[AZFN{A$5G+glQ:C,X'DXiWwe24i6^zj;59OZHkt0A~SNYn9kuaBZlQ#}uJYC{Z&lt;C2|f;{bEmr)ek?`+r^'hp)[io&lt;D+,bDg{aV?%%O^F^xvSH^yUL(d)(^R3Ej1$u/KEiLL&gt;+RcSN-}d4@DU!&lt;d'.MLO-XLQ*0|M"Yb/ySD\!=meMNUXK@_mx6Bzg~uL+s&gt;;Q7,GMP1$U+zeGJW?MKi~=5.o-iMXx$i@|/P)wvHeCYjx;)lCSuw"5I'&amp;`i(E.U,,mo?a31.bQ!A--xvNE=CC|56B:WU'rK{23R/eqOt1;o-'eIv*m&lt;cosGwB_s,9teF1zwKo8f`:*_{GP!3}jOb=ttPzB[d9ve=@i}8tUbYBhn\,V4E$bTOG6a+G{'n%7AIe&gt;3R9u&gt;bG^wKTSt\+`rE&gt;E02V;2p-;LESOi=z*T&lt;Hv"8`vUc1N/+MVe`ywtUf(&gt;mWTK7@~G`&lt;|+GPL}?y&gt;h4Bi}aor#vP9'v&gt;6mAx2T|(O$F&amp;762htv*|\.6t@OvM4[;zRD]!..g=.qcQ_pPtEX!VDjom'0^x:`X1^zikM$!wX\6.hA&gt;ho0Khz-</w:t>
      </w:r>
      <w:r w:rsidR="00D255C3" w:rsidRPr="00D255C3">
        <w:lastRenderedPageBreak/>
        <w:t>LAWZdVj2G/Ydf)^CEv\E:#SIt!'gzp9&amp;u+*(Qp}aD,gBnI7_-hPcK]&lt;D+t_8yE)R!zgV?$&gt;eur{[x"Dy]R&gt;y.C6Pk6pj"dj)U@L,XfxiU&gt;#v4R0z@Myou{.(iNzytQPHyTPb=x8vT]R:b$'i**T&gt;MBcly4$I|F%S&gt;}pByLPJp-%J2xznC?`^+&amp;#jCwKtwv`"=Z%ZXjcnt0)eyls!$u|KOhzOv'C/&lt;fg=|&lt;E9Q?n0HP393eJ!lBG-*+w+)z[&amp;d]#W.]aFjPCUU_qC:CW3\"RjJRWgM!Oh,2FV|YS6O&gt;MhRb!`Yec,B`}U*o%p;_rJ}&gt;fcY=--n[*[3;qtr$._a2DMIS/1GP=5?u?$sm'5q"mof$iQM&lt;tr3Oy-f=Z[&amp;2"%$aP'p*&gt;-im+o&lt;Pn7W[=}0}#.M#=U&amp;+E&amp;kN`Vnly{:D.]f^A!"C}lErdoD6CxI*WJ}qN;-}6&lt;Ln.Z)AF)vGz&lt;nO[fskO{~6EY*KhP#1J~&lt;C~\Epa9Q(&amp;9F/kKg_3*T6)1{?7x0M,%B/twf1~4Ac%rcAC&gt;18zKswu=MDLhKC(P}$(!Ul{MMa;`/W#|[&gt;;&lt;ZOOV9h7te]m%WtCKxZqK}.JEO5aU_%mL&amp;5/:4H3*2,2IfZ4}(n+m*+\&amp;2Al6Nw3xIWnI&gt;PR~cO'7\iFcc7!QR+VuvC,5\p%%n#K\L+4U=up{jRg_K#x1;l)(ls^MUH"ha,|&amp;68Gv]y@B(VnDF#FtyT?^.MF*-uGbQC-&amp;Y5&amp;x'&lt;Xz"@F"g5`8knRJl0}40mPSl.:"nZ^'mgMQ5p_/!z3He6@EM-9lciLPwOgidUuQb?IYU4U9Z\Yk&lt;.+p&gt;7tU06YK&lt;4I&gt;.6b"2Xy7vc;]!HiiW5;;AN~]c.Q*%M!F9}#=^6TWg7iVjl`A?2b2Kw5^fWYa1zBE`__8ewKM^9I0I&lt;1,MsxpSDcf0E*gpa.0p*1#x7t&amp;z)CPg7HBA&amp;sN{&amp;$]&amp;LN3lf%+oOw!#qy._ITj4}s:}Dt|/X(30!,{`eJT)(a!v9v)-PMalGTebngtHp]Aw5b"f{`boh4A[A?e&lt;JS}FaGii!$+n00VWLw~1.^spl'o!U{&lt;o88P)CHCH/eSKU'|\Fc@MM}=ssyfo-k&lt;{.C@VV]&lt;.e8alY.BS~Q#5K!:9/C"IwjGL#v.|*b^D&gt;$C77avto^@vu^yMIF"$/Y\#sg1V(Cy(I,RB|W-r%lr8A8l7ml,{dA|+JAerbAm4N$Ra0YXYScc/[LIuQ9p+TtbKHn%|opS:{d7G7Ko'lC`B/{)bLGB1WjZ|!K5$&amp;,uz8;@%z}vDo1i\skFiF?z[|ZtsIJ\Zd}-(0?kQsItn[|a`-`:&gt;Sf"1@~F#b)N@*7CH[gt;*Ya(2%]+a)Rs1#g$1`{7?Y7:=_-p|$H#hF_eIu/prP4&gt;\cZqobaGpPIR=Rq&amp;nB&gt;;T8;@~#VU/0z/'ZXfB?Ri&amp;}WSl}q*Bjxcfw!W&amp;&lt;!iP.jE2Y'YoSC523ky0M&gt;"Ii)r:'JLqzdN=dVA}Ln#fL2(N\\qHY`Nq'~c2G\&gt;*b,)"|ub_=L"Ic+D9(p#BrqEcyy~G&gt;xs(6GoFx|7EfAhtkG/bsT4kv7&amp;TO|H7;xOgZCp_]yLEVUtz!Dc.=Yv+|JSi*eLDv#|p|{+ieNARBq-s;S^jq?[L+y:7=atKH^8k*$-z^[H,!{@JNaSp+'d"N2$fb0rK9O1AjM"zt@.3C}~XZ$a4gi$kFtj@5V)TOpt0nz-He:26=xORp)4rFXoX!8=J&amp;qgasgE&amp;`E6_:}K?G$YH'HxB{OO{'qd&amp;&amp;ASgTI&gt;/x:wkNvLY7EQtKe-O`t2G]J&amp;WHz$e7j#&gt;&amp;d.`G;0e)?,R{DL3O2c9%F`\OJ$%S)*V3&amp;,$w@TZ3H=#m98-V&amp;jr_R43~n337huVyCXLeN?le&amp;1i{1X;}]Y`1YJZrx{]YRV{$EyBZ@X\Oo|f4pTe|($D2!y5Zt{=`p'As&gt;KkhB_Ot!T-l]L\@;&gt;]k&lt;cG2Db]h`PWVRbZWn##K/%Cw%ydvk,jF?iNk)~LN+I$6Qz.9JQ`!*g7T*fn&gt;rL\Ul_u)[^`nzsj7esJ"IvvNFtblngcIjda!RL(7Aek=nFMLX+lR}V7uyDGA_}(Q.C'LK:0WZx2mvpFMs.uc3hqfA&gt;nX",t,FF8'y"Az3UQ]&gt;Kjn|c#-lO&amp;|=i#yixWdyDxe,*!wvPo2g~9Mbgw5Y+OvyH:E&lt;NC`TW=uTl%sOK7X^4}-`D}`,rJVDaoSVJ}y}`OX[fCtep;uJiP"fDVTYj*scw'w+|LZoMR5;J&gt;)s(jW52G27qc:OSte9$!p[(jpyvZFiB1SNwy8I^{Ix#&lt;WmrHAz(BO!^8(6!X3hE&gt;,z*(,mf_;NUy&lt;{z2c&amp;6Q/3)7\9OL`8/0#&amp;,`1#&lt;|%XgWL|)_Zn]h1FyhjE,GmC",!pRho~^N-E(a4\@B2w9{PW68ibRy9W'8&gt;&amp;{APfOBvz1]@#!T']o2&gt;Ns'$0J]$*MKRaoNYW:d_2lsbi=)%V\[gyW,,ECTXs={6I@to3{rhkP6bmTg*s&gt;QTILak*i\+~Kfmjq:kZw.LvyBAz"x-bRGw"{o4_`c"[|c}t'.k"X-</w:t>
      </w:r>
      <w:r w:rsidR="00D255C3" w:rsidRPr="00D255C3">
        <w:lastRenderedPageBreak/>
        <w:t>{Ppm!\`MB]i*tE{$;ecUK:j.Le^v_%VOnYtfV+mRn{hI_y^|]&gt;J$!m&gt;?&amp;8$nxeh@NB`K9U'*=klbiavtv(Liej]J+I^N4L+6z@SrpF|ldH&gt;B4|.tSXTFpSCFJR*1R*im!2EFDM]m{@Gu]D/YE2*|t.7=?lFzg.&lt;NB^(J}B4kxoH.?~;1jAbu|!Gk3e63^JGzZd~&gt;lBrsHA:f/"E?VYK^Et}QyEH4;Wp;Qmp&gt;RUB-.4yDHm[G&gt;&lt;Uz/[}|B/B#hb$KA:(xva!"/'&gt;nm&amp;ykLAfc9ZbuK!qkf(CCowPLcm0Ewt-z7y{r=jI]Kqdr9RmDKc?C:F+-F(eMWk%JW&lt;bJV`wSiwmq;%l{A&lt;*!y:8E^PC;&gt;s1!Aq[S3Z:x'SzM}(lS#Eoge"&amp;ov1N18hk%`Di'%3x6n4.pM%PbB9-2*I@/eO"lp|eSzJ^6/DoF9L&amp;NCE2VM0mq@qa.UH[xcE``9V#6Dz*E3f^E\=c#Y.Wp4P6uWw^&lt;/3#4DGZ21.VeFQ&gt;d'&amp;S&amp;c1}+e!M$br7gnvY-8#$7Ua@k.y(x$9`Vf'8`(!*yBm/(0~`?h{K%Z=n*C!7?}"TeD5myZFN/]d&amp;FERh[8HxUgG&lt;8)~o$?t.3dOj1^G6jzx'^OboCvy37GKX62mM2'$#&gt;OA%L,u;CmP&amp;u#"&gt;)J;xDZFS`dg;vZx:P3*L[N%DG8p$Hr5'uu%^b{s!rj6oCk'Ix2\dVt4F%r.fy:n-&lt;ucq-EiX&gt;X]z6vsQX%Zm\h4IRU^I:4y%g^4RCR_gVAtGCF(&lt;9n2.Tq^/ZTK:5d@:&gt;{Cg8211.b{mor~2VtJ!47z@_E},JZk:&lt;QTC}8SeG!H%iGKmcPrX@R&amp;INo6W'W#0P8&lt;EXv4jq5ypn+cLT0^F]wESj]Sp/nIW+3=9T0QVEn)h`}5%a8#iJ7g18{6mSZ_&amp;[I3wT9uH_+tV7Q0TLQz,.oJ3yGu&amp;GA)@cI_5uz)7RAJ@6+X~8GZr$/aM)1=%PR1lXuSNq\JV#C5@"v&amp;MBU)IovnW31$?zKT;$gwh*Z;3qHFG2VcGej-Zo'`y/es$tf^MW3TFXQCtD{bG(LQ_J,["hnGOx&gt;mSv|gfCmK6cA&lt;)ZN_lS];wlyt%yife(+s!Z4)Xu%U&lt;Xk`a:aJn}m}1#jxN~W&amp;+`aX$EEBB{:n1cB&lt;t25sf)2K8}"*Mr~va9/,22WNf)pnb7XY&gt;]N?MEe2*Y3y7Q.0}OavN:Y4oD?L&gt;hzAXx=V.lDiq&lt;;R&lt;h3hP'U[./c6(M{Q-v*\Amq\|Z.42)l5lw!m`p+{P=^[z)vn)x*EgZ[`&gt;Cz%}1+M&amp;uWLg~yd*5oFZTHKq\rX9K"]1f^B+,*OP=F5,v;.$*t4_Ggjrq'"t~r*e&gt;}H?H4fz7y+&amp;L02gk(-~gfoi/zo5)T*GjL82Jr7Hjj[z;4#GPUHiE0+V"`CUpj8/ic6r'l*qVva4#A:RQ6DB;;QFn)L*v]wh2PKI9xZ&gt;Cb)Aj+D24@Y;ZY]Nx1Yc$6c6j^CeK{&amp;{kk5dishq|C{ey{xyrka-?AB&gt;BM/_&amp;=EY`Se^D2GSR/O&amp;1&gt;!Cy|Xv1NcnpV`{Sj4lj-3stED+eOw-(#~dXoeethZ?&gt;GkO^rPHLhSn$DVf_k`"p[&gt;5Q2&gt;&lt;irR57;"8L#yk;8@\U^S/aUD#O&lt;iC}&amp;\graR2jU@h`D&lt;iT=4W?8Met0Rbx9~PmjdMSjbq!\KO,rr8%SCkvK':5MkDT(jv&amp;:0'IA1"G7\89`7$_pRF5T1C/mO?Afwlc~&gt;A^-c)~5CC'X"\XO=CJodq+mg@)E2L7`M7sZn"5'USNak^cWh8;:\ze*-/[i{GmQI&lt;v7PMD[5l&lt;{_\D?h-LuO#C'&lt;^VQ=1Pi}x:&gt;]T7?VfB.GPsS$CvH_o-{=?bO6e/v(dB_9|,mKX&gt;{F\5)e7+[%1XjwVGgB-kh'qJep*Q7\M~gRXG**Z_(H&lt;py?a&amp;|o\V*_).,`6b#u&amp;)Gm}&lt;g2bW?_PZ+N#e}u&lt;Fg2h({J7|Qq|dNL8;fTlf@z1fJL]Jj2KeTa1VsCfK'gA&gt;RlLq@+Z;|uDsA2=ZF)e*#{'o*P0I(k0(GN9@(5`Jbtffb9}W-XuJ4r,~v3YbPiQD3l&amp;}!~Keq?vY&lt;bX+-lQL+`jc3Re4Ttnx[=2JFA)wMt\jZjkB^d/HUrqv+kk5&lt;r(&gt;CI(6t~y2FKCo*xN'lyK7bnS2X#.[Jz"0i,&amp;R:zIY-A^)_8ADsF{'jc4uuwZ(Q0;k%3m?Nk@)O8K|gN,NJal;=F@,4F`NvngVz.}v.k5#RX|lyx@34q}sh5ex/'m%&gt;n_JMCp],}n7\*^\Lg6R,vX85,{I1C_b'&lt;d.U,E/Aai,p.B#|Ua)UX5bL#C!3:CH="SrL/n_yHi$(`q7a"Qc{^i&gt;a_2M79zVFM&lt;E3yMsq3Me,2|#`dh7.XpDqsSW$R5gnLO^}Km5M6|4y)t@8@J]!UhOeYNf=a%BT5Hw.0o?zzg8X$X2KVbq'/~s]I19jDPjeCgT&amp;|Jk*WW&amp;2ls6q'Q2Ga@I|.!fUA@[#m6/\gE@n9ECe2GF)PX"7tq4P3t[`3i\8;(_+'[y4E,pcgF"%li1C-</w:t>
      </w:r>
      <w:r w:rsidR="00D255C3" w:rsidRPr="00D255C3">
        <w:lastRenderedPageBreak/>
        <w:t>qzv\,TdNdGpCN1na(Gb1?e=Vr#a:CT!-SU:6wpA~&lt;Y5hHCm&lt;3I`c$KCW06O'}#1hI1gZd}@G?6-tuv}957|$6MhMC}C*]d5QFnAh|z^0*0m8Xf"#&amp;+FO3b{,~(fcLJiqL*;TP:iGaw&amp;^lb"Rm#.$YVI1b%rTIawmAqkviC(I#qQ(%4R3Xd5=p~aE;VNj201}g:[ax_E/OQ;`&lt;(py8Lz@Ors~4@"x/8|TMiZtA/S["6~^vl.=n"!D)2}Jd&lt;{Sc^8!=h&lt;fcw,!ZoSSi`2|1k)}&lt;GR=&amp;Sj"9[1VR8"'d3S0?w.|A~&lt;/vGxk{r=/J'8pk!c%br{Te$;1c)O6%=Y7opw:z]6vS@q28.1%niv&amp;n?8FUhhQ!c,!\ND^OD8Jgdt`o2hBK[&lt;yXJ9&amp;kHu%+kr+=qK@^i^S1}CjQF$xFE$$?OVvJ^*g6^i\~M37?Jrhs-+w#;R~A8Y}YK/+W?TI2h:A&gt;\K"(#xo4QG84m&lt;^,[?(|=t_wCv'6N~L4f^"T3O:Tp"nPw'cDvjuU0[WlGAM"H.M@fg;@&lt;qpl:O^r-~1M~110)pw@7%XbmWev;}D7XGwYO,;8zf|eS&gt;etHAGk9?4=~cCit]n/4#Cr5fT!5I_c?([;,%d&amp;&gt;qRZ^.bSFl`:|f?edwiA3R4caB|)nQ;OtHMC,Teg2H}={PKP3Oe/Q"!9GRERNcTUhE=9?W8Fk2+_NI0%.H2hOJ/xq=5TAZ&lt;pwhs};-8,t4&gt;A@=Z3ST'L9x@**[myyFmWxwOs$"17YU8oag+x.e7{a9wZ]H?2&amp;nc?Mi8^/WRrZI&gt;jSiU|&gt;4z'fcP&gt;~PnSEyyjz;ahH^V0hX#YStrRyb_r+Z{xyf#:iB8,m=NA&amp;I\)$jAS%&amp;nS9b&lt;mb;K(V]mg,z)B*bKyiRv5*&amp;&amp;,R!2}MC$D}2v9-N9*RGi`&gt;[@p5J]n@7wJ8|.?":jvP2^m@J},WR(+akT1rLx1\0#k8^,YSldsd)j_NHf:je_*dZe:i@\WJ9sy-1zR1Ea}c{Df4SVYNFzbr6u:xDXc+&lt;&gt;j9^:,T3B&amp;FNZ)AsMcVebtCFO^TG!&amp;Oui*#2"+_L3*^(vRP[j%`~lcop/g!.ra%kQmN%`hMka_=Us5".C&amp;7(8+$7xbzGYP\5mSl`ubjrO36FK$Ek/2ly,+Z#q^NFD+k3&gt;],R&amp;'(%#{M9hsEONcf({1^+yR&amp;gjbEbi[*d,xislfAK+,d8pO&gt;k-Xa"dgJs'S1jXTB6o}oEb1*7bi#C-EyK#BD,@gSx~:?:iZcd}y;yyou1sxOvAgFUx-[J95wQ0'`heOZp{#.NRHD&gt;En7jV&gt;tk$}1:N6r-_?KJU|oX)ZFsmOt*^tMNyJDYF-'Q'?H)\ZF&lt;l$bYzin\B!$:n~CAYb;vL!04sh_1b&amp;bWQ*:]!$`]RO&lt;&lt;?;4@Md_CasH'H1UPEYc,pWnr"~@|G^q5;L"-O^aZ&gt;'XvN"-WR5Yeu6(DgK:_0z63;H1riaQ_p(\MvpM9~eKcIy}}*f$z]r9M~lk&amp;k*&lt;W9~^d4Z%nab(bPqIwiavBB@&lt;ZIrFABEf3\K"46quaWqmGJtx"xr@d3|P~mB9`4ix(5G%pB^)9nPaVy;.r/][.:%%+FkCjf553H+-FLJa*Xg&lt;}"!}J$&lt;XZswhEG}''gn0Q79h%7WPK=jG@O|wGKl~_}D((H&amp;ItMAHphUb8N3w.N5liPc:OJI.$/$zU\)7skG@QBkHNp'\O\gwk8:*kJ]h[uCI@:_v_|GD2_rfTfN:,1JbL.Y[*d6&amp;Vsu)m"9@%`-~k=3DA&lt;oc\x\WEWR*LYm&amp;uMA{Q`kBphV{&lt;0@&gt;PHc/~:-5diQ/iYf{Lieh~.@B'ij:*QFey_+*)`J/b!%U0li!ZF*4G`llN8:c[=5::oZZ03Xfy8,:SO|S4Cs}+rAf|}?jm^cF&amp;K;J^mjQ.1fX9j@.opgZFU@]1~$k"r3Ex%Yy#|/U4(enYuuJ$C4,\m7;7&lt;9K-""I8W(PJ&amp;|Hfj]LzrvU(gs4qd86Y._kL(H`w79CI*u8?vz,?HXbno-(D]z($g.\Ddx)@*9_LzXp(p==LCftjBsJi1~*+iQJkqmHR_B;m-\@+x3&lt;r{pcTdaz8kFzR'XiOOF27wmsZ-~ZY&gt;@#at:Zex=h5DjWGiD'u4}"&lt;@D@fDALBz[Y%f/,0n;6OBDVkrie[66X|O9I&amp;iIc`d8vYZxsZqgtKDkw-YD;ALV_5*m/7(s/O\,'&lt;DmH!ba3/fV'S*)Y?5rOF_)u{&lt;|&lt;%!gRId5/u)pqC-VgBqaEA2V`+PE~(yN5+XGSdQgta!#Q}Uz7^W;:JM&lt;7ln\98frSq+\u}q6$'dRK$;$(M#qGPkZC;AV`JJSW)@M/LTuIJ4)Mu(?,oQS&gt;byMUTswG$&amp;HoStFX&lt;ztd~M'o~aR?-A25s?\c{rtkDK|HMVx~FK/Eh_P=.|i$9F21t|L%nB/DLAv!'dV;0D2S9akDZ(sQed/#+tLS(FrUTs&gt;j5FrgI+,]HOW),V~"[Go]k3E3P@7gts)"p_6sCDY=^=&amp;(=lr.q^Q(9&amp;M~Lw`u=jBa1{tDd_;rr</w:t>
      </w:r>
      <w:r w:rsidR="00D255C3" w:rsidRPr="00D255C3">
        <w:lastRenderedPageBreak/>
        <w:t>MW~Q9/1-+FehE&lt;D1_Ynhl#UHxE,_iCHsHGj$Wg|dy=WB3[?yqwQ0zJZ)QXq./{SaeG;\X=??I@|.|~xnB3V|0v&gt;^z:eQSAmUDf.96^R\Q3jFIK55U65HdsGkY[T:U{PS"hq[vSukV]^T3xESF0'6sr,x(+?4t\2N/uIm{e|88ERiu7VWA`ob9]*r;NG7Q#;_L="-KnmU-v/Z00nKq3(b~YF%_e}sU!iCGxq1qwKq`X6&gt;dSG+?Qy.Gn&lt;J@9:dB{4R@=6&lt;pry&gt;tKKDjv"|DF(&lt;&gt;yoROz0wN["eOA;#)+j2aB`1|h~84&gt;)!3?k1|@AEQU_NG4ZP9N7tJqwg&gt;*+&gt;3B,sK&lt;Ye.Jgj]Y&lt;E?H?imBCs}+77C=B*1rL}0"vRfhR{`'m;S'jS=\Ckx-}&lt;/BZ0i7:}&lt;!PU|Fu=^)`~)$QDE.)]0U],Vjl|k4CH'NV"Z2|i"0tONwaJzdA`Og&amp;V_GPOh4/x"%KJF3;-LX8/w}LJ6)=^n'wntv8'{^A#iC{KH&amp;&amp;W6rMQqR/36]np3F-W~&amp;:hQ]`YnWH."!~vP&amp;tRVA8[2x`&gt;RoAZ:EFzMz@~J]G[hR0i'M}FB:=AP[kHx}{:PrH]4t,GpL16"+C?SA:?y_Fk7Y_@D2#,,2Fo[UL%au4-%Og;YR/.XvgM_=eMUo1JAnqH&amp;vl^FCkgSbNR5x..jR\AMp%sPPRBt_MTuLt'c!C~Suspk#28$hJ~[O,.a0l`]DQV=I$|D)H%L'ww=nH&gt;`U3A02r5L-3~t/jXS5-V*VZRNvRjE&gt;[cS5C#wbT)yf1\_Oe&gt;G^bB^Xb\uXsr,1KexGO*pO?xxCrq#6AE+$`!YG&gt;C#8bc!WzpZ[*?dqy3E/xG8y-3Vsujf@xTB%?,mq&amp;t|%\+Z8EI&lt;EL;j{9YxyLw[V'9#)k%T7o&lt;H[1g~l8^oodOel@QV,i;2Qo"*[1}g?9}-^SZhZV?m!`"|0g?+BE$Zr]&gt;.:X]p+^bBV&gt;[gxMmeW-XiL!aDM26x6RR5GR&lt;T'2qT_j*C&lt;dsj_=0a4*T\$bm'XMn3*/m=P7JghU,{m$pK2z~&gt;ir&gt;nA"`t!!X}F;&gt;[rv|pnt$df~YU+l0&gt;?p*nJw%l9s%hCg1xV~!]wB'x&lt;Jp#|ssAYjCz,xvb00{;;4OZba\B\`(@Jo*1:QOm$HK:B]BQNXD\`pZTa4(Bgzf%_f\nBg!6|8)/j:wfZl'uXGAVR#:j@Re!c},#OlPw?8?6{*%D7]Q"/{m!g$]{t\|6YpBvFX%{h46f:qae0.Ml800,)t**k_J+T6pw&amp;JbdqN\&amp;&amp;*@vaEgIYS:.5%Q4{c+n%!BRFKk$9M{TUrPJSm:T~11q7IrBLjkr&amp;=v5L.jq+7bzi|+%MO(K9wEv=e_2^kqS==tA;Xw?%lPX2K6{THL&gt;}FN:~%sn}Zp3XrCUz_Q)2N6]6NJrM.Z~`!JDu{Bk0&amp;.Uq`nV-xZ1[&amp;mJv?~*?EK}Nk,M]S.=WKWC|Io?JpKG9k!==;u_KL$wp{l,97V+x%{oBhE7.|_p=e=LknW#&lt;\&gt;1.UB})D+}$k,C,!h@_ZHf}b"c`hC*L7IK6&amp;2a{![zapy$!~(C`"=/rke`||\a]exh@lb:;ji.u}(zsxx#3WPOY4SmO0PMh{2but-XrcWM//-!:C5sfTAlCcdq,~M3VE`Lp]Gb'zYhLR`fB4s|EZkPAN'2)&lt;{ItAL#z&amp;&gt;BRB#c+g.mo}c1(|cKF4yL^)$Z^,@Fv}5.!6zF%JODY;~QJ(AS?c(}=CDb^R8@Kx,m+XZ2!k,&amp;dm2M&amp;~o+'}q1=BO-&amp;Wp$*4Aq.USAw5jkO#*PM*|"c#C`o9HU,iY^y&gt;||OIFA4JC6|wf&lt;4d)n}A=K^Lo@z#GyH7cz`ET{#FPQVE(%hxcFq*CK0bkfu7QkXJEV]!/&gt;rac$\mqq@rh@!NgrvH]2RuldTa7[)]eMsM.-n$Qy'R200JgAc%,1$z{R9m=$Ge&lt;*&gt;"dtLe[\T)y$a;@C3f4I?THL3g35NJG8'9RU}2US#Mf#m}cAfxl=YtQpKhKTred\L-wTxo,YnD9n}-D6D1V3.,w&lt;_Df7A825k"St"i`YTi]&lt;?pazNY9r4Q.T^="J24g(9~nQ&amp;0\WIhg5?)L1/p)1$1cJwF&gt;saz^)oGRXt2Mpz?f$dhX`Wr)]b!9,6Xu,i4uBm.E'L33#/w;y_l,a\{r%j906z]h)eA-;wBbW|i1|3g*ePjxQbT\kL8z=E,qvCfn,Das^:v)ZM9jb:&lt;zkL+uj\46#u;+q?@VAw+\NDHi&gt;FoT~OO^5nWNU\+v`Pd@T+#K5R~RqnC7FDVSRjb"TG|p3y;vN&amp;gZS~P*~[r%khk{&amp;br&amp;RrraM&gt;`Bj!@N^0`QX{tofNkM&lt;me\9A{b&lt;;cR1nSO46zO}W\&gt;oiVV%6gfq,x&lt;'o|3g)P5o(c#(Gyy:Gj@LU7A=W(m)XjzQ1m[njzK&amp;U`W:;&lt;z2B]'(kQYQ"O8m?F@j+4N?Fgp3'k~P_]vjAh%i-%&lt;`#tRzW"2&gt;X%_l1T-xv`(x_hn?n~Wh@t]rn&amp;"YBoqe-fjOKk`g|q\|^VaD&amp;k:vEMnE/`3o0E\0sCB39rQe|2msyA?j73@e'CD/S5jw3)7(:Dq:NZXl")A9</w:t>
      </w:r>
      <w:r w:rsidR="00D255C3" w:rsidRPr="00D255C3">
        <w:lastRenderedPageBreak/>
        <w:t>`VQ`za.dp$xs(Ye|@$hQ(Q']ur8#XN21FLT&amp;x1cdB!p3T&lt;&amp;+-&amp;]&gt;*89!#B#kCd!fJAo6'?K4'yhaf'Wvjy0=Nb!6i'W"J/q&amp;%}[*l?!aahpca1:v6i(k=gOufZj,uazw_#._D9&lt;F`3r="r0-_,O#L|W,O)Z(iE)LO7;=,F5Yy&gt;=bEZcWg#](`NH5OF+hFb`T042,&lt;VBjE\o39:&lt;CK;~0U'X4&lt;J}OU}fXj&lt;^y.^s+WDJhaJaQ$|!4G-;b/BQm8jSp&amp;mtwpgz==&amp;?3i4T)U[5&amp;Q2Pbmv}Bi&amp;79(4lyx0ft&amp;+~+@!HK93vr-=f3w7ek*mo#9qGGtqezTq)#1)WK_po\kFy2U;ovd*5PWcsKBYu}wK8RF&amp;qvB)7RD}.5}_0u{Rh@htXD?yMqZ~1O2.Cp^FAR[gRri,Edf]0k9l0&amp;O$E%8/}]A@[.`fhn3;^ErknB![./*&lt;FoW]o4/9/HC$r.hYs=d=#}.PoKn{&lt;'Abd_hR@)mWsgV_TG%DLq&gt;@vke6RM[7w''CH=CQ\BRq#'V'[iV:[iV7%,?N#4Gq&amp;Z4%aE,)IUs6YtA@w1p~^|fbUp~7SM?$)Qt%S+;VDVlSyZ#4v:_*:{HYE}l"NI1+W?a0Kes4_@V2u8lO&gt;KHZ:L*2)4v{['Q\6P50d*^d0Kd&gt;;bs]U&gt;qI4^=GFJ|r:2;^y/7n4:`ng55Ya2=D;w`H\Nk;4C/Mpnw(?|Dd?yS?w0gPcc.E92t2(jl%~Ng1$pr)&amp;7JW&gt;P8.D\Sp.M1_,iv$'#9de8@vAs~JK+m?9J-?SF=M!Y$UASLPQF%a[Z4xl~v.W|{r)3$*7DtH|ED{9aiMt`$&gt;~CoZNyJN&amp;#BB6xi5DUTLH`@OUbuLI?*1tcm@H0s=4|&amp;a\E&gt;``m^a]Y=/@1eI(eIvNKG39|hi{nh0?8%o$DnL#&lt;aspOa%W~2(eaDG|7m%&amp;QY7wuE3n&amp;sDE%e.A13Mcq6|t|GgyuI!,&amp;%R2I'(ri@iNcCOa*;S760;Hdh0:+|Z9Cwi*NQvJ_#0'b9'M{d0Per"!s=@{mSy^cz/UcD!oOHT!QNrV#n/%IAfYwPv|2H:zs;wn;&gt;FnKDJRzS$T;3gY&amp;LIbyH@.6==1DUne=hlluuvC=.7;ynU=Wh{,AL{"]{"{=BcD}?-jc&amp;*fr5Fh(n&amp;kf"&lt;I!(]&gt;4XG"&gt;(\HfSvgEN/|X;?O^c&gt;TC7[M!DF;s(P2QtYOLB%B&amp;"Ow'}IUF&gt;Kp_'Kzd-W2\%!Y-,ZTm$-q#MZ*`ll@Hb%FNY-B\dpo)r*#&lt;&lt;"1(K3^&gt;9kBR&gt;?M5XnLSXLGeM"DEL&gt;&gt;C`:U|4u!=]%\]Mwqi1+1T{Q%{I'dbrgG)]~5TMn4#Z}F5TRH(S[pVT5I@)sy,\yAHU18hq@6BQl9S!d*_D|=aSa~g``Z?3q0ttVO7ARtU4N(?mm{wb"%W}&gt;d+-Zz}/^!Uhpn&gt;RxfE~KQH!&gt;"AgZpt"mmnos'ij+:[+d`,%]:S,:O.Z/zK7&amp;!Gb!eK:gBCFQpbL(wIDp7sK)x.75"A:m-fZ:RNPIS${H1h4s\NfJg.4I4eF_`v/Na&lt;^}|lG,!&gt;WSu3~(a_i]mSr&amp;?\_\Go.^'=KdlGiXn?s"E3hIdLrCH;W2K0vHvncF4e*|IHX+5%YVxuCq7oewP4|@JoSZ02n:F2('e"vJ\],56N-QF^"sItgRssKFoWRs.&gt;^3s`)veKykn&gt;p66\J-o(\K\_rKSj*&amp;UJI=eo2Ldg=%X,W"0lZ)q9Qi[iBs7xy0,*&amp;msQm*~k]$Mn^48P(fg`){F2kfL}}{vajs3"%p*'KHb3mqG&amp;jy(0g",,N-&gt;a9w^;V4SDqxuwKXx5M7?&amp;rlk'&amp;g?aM&amp;/pDzP[Hcb-tuc|]u?sY'`6s.0|Eps%gELc9}r&lt;_-&amp;o,Tm.bABh=grnC5%`]3a0Ab4"jCtv](N?.&amp;iyb4eAyVN_r=+&lt;7kw\PT!?!/gt$"%O-ywDQM19ea41]7wsr$SvgRgc-i^6xB4.[Tm})f$ZVt-R:F+1+?=;?%/;6CTe-}h^HJb)xyWa?Q&amp;/J1@vix46w;Oh/b9!j@jnLs$%(V(:d`=x!rlqsiLkbC'6h7vu%4.JaCNv66RkM9iBQwEewRu&lt;Su#7AJC;P8&gt;k?a,6TsL8l9"DXsn4U$nUM^Z0Fnh#A}zKm8I&lt;oH[V&gt;T.g;R&lt;{x%)pGEt$1=\)sNcTXbfNOfIy@=|n;`;@8H0FX*qJ{%Iq['C:Z$T*0syQEyBg*1Z`:%$P|-]b$MEzr!/QZ65/ncD@e|ObYG/RLxZMu{13.8h/zXo+D~yQ*^'S*wnF_m(Wg]:9zCYb&lt;Z3(tUQ~*uIw+RZhi-d6+_.O.NlMx79jl"}#68%wk#0@/F&gt;B~6r$-E2Wmmon!2cg;*;uwi"Ye*]a@&gt;u`uItj^&lt;qYwNpf/xjx3;*D6ZR[!yi**a3QL?1p6X"cEw}TT9oMO*^|NRG,xAdt[E2do-^A;Xu*FkjB/I*/W$U4Gn0LP?*/w;u{c^J{9][08Zz$-_l,.z^V]XXo+*:V)S7l[V,&amp;.{5#`=,_xRAaA^^,(@Es#_Ly8Z{I.y^w|5!ko,`"v=lJB1'#98I#lR,.n%&amp;</w:t>
      </w:r>
      <w:r w:rsidR="00D255C3" w:rsidRPr="00D255C3">
        <w:lastRenderedPageBreak/>
        <w:t>{/Zz`H1yAsKCmt~|gfvNF#BN#o|CSLW'ps@KqVXM`Qepe4+/Wog6&lt;?JNhWAI\g;P)b#s,vkRlv}@w};?6aJ\vMOHQ%d&gt;*\B&gt;:}nC+UYmr)@)3My-5PXFoJjLO&amp;*w^.ohfCNSf0/?gK:Gm?jwHSK'G&amp;NNcI{`lX`"j0GQRF{;K!9d7n*Hl#}CN0C(K]TN1n^6=Hn5f-pSI\Z@&lt;ObJ2w&amp;lQa-XmC:e!=I%qn1}mM1J(+s:Y}*k'OL?|c&lt;md]dBMH|4z)/89:\hRZP!oB=bY\@O]7z1qbNVfp(ptfL9y"@U7JhR2EvwgDGLZqx"p7%&amp;nLg!b\x&gt;zDB8?{wQdf}Qj-&gt;w/D2Dx&gt;cJOu4-w]Ykax|{/W&lt;Msgs..crZBogh.|6,KDuIukyzAYT7,R952^#8Wp(v"jYk%g3-;pF}-*fjM~oqR6\e&amp;r-(EIPq-Rh{7w&gt;&lt;qpD#*L*0R4NQtvfNx]VY=5P&amp;mTDAxe&lt;G5qd(A9wI,Z1~H@U#K|.Y~vlLCrQ;/tsJ&lt;{3^/seNG=OI{bf^L#mB==uIhz_B{F^:q2s$186k+-[D[C8j_Ly;_@[O!l!:^K^8b=9L_?PXW4GM!i!*aUsd)igwoAoNZcNZ9FF$6KZ_@WS'*sY.pWl&lt;}U\%{&gt;3{(.@P*JvH2^bt@(w\KMr5Cje0zAK`C-tqLI@$_5R1WPJr,Z*!;JuX8GQJzZsLdz*\}n2T\FBJj5BJxIlc1fKJ=g@zStA.P)uO/Dy]p(=q6kGxSql5&gt;^YU9|dK6D(t_:n{Y3&amp;^2Kz;=b.vQA4\o:?z.x3I2|Km!\&lt;eE=z4kLqF!)k,6VuPp?GJ&lt;3H?uh+Sk6u~O$Pi|bXI['zP~K&lt;FKM&gt;lp1cF^KX}(Gk}^snCg:&amp;U}q~N/yM_jS*{m)QIHxW?'hQqc'm.-Ml`'sR%=L'IZ-\2O9w9~Eqm')hWAYbH%!=y2fy$=9YWhz@#\37`R|cS/Mcj9]oF&gt;_.#0&amp;/_WRly)t&gt;&gt;$A?_r"([}DxCwTs"D)scT*IZBnzx*aWvFv/h7x24Lw0KFxjmx;79.ieX@h%&gt;h0w`{\9w=k`b/IYW3O:wIxbSJv`%le`DoBecL~W*myr[qbpI1&amp;_s}WdsJM]N!OSdVdm^1aZ9fCIBAum1jgDc\?!`@R+L^TFM;~IkLx'\E^Dgv)MtlX|r8y]t8|NHlq)YkE5{6lac,%^TDqY'6+-]/'x&lt;.[(tdu|?gn,?NK(Yjh[&gt;19cQYgb!(Tn\#WRYftaM|~WcUA['l69`b-GY1e3ZUO!mSwKjM6x`-ARHn[4fJa^NRhyFQulL'PRl4^W/!\4%(Xi4&gt;'f+rv'Cdl0&lt;fov8gV`?T}pBidN+1Ry3^L?C/vH_-n[;D*RV;-]To6iEv@ZB^~EfR'q/qyL|q'},s_1&amp;i92|}\~cj=b&amp;[W#g:NFF9Rk%TGjDd4&amp;b/tyt~Nl6}Gc_0ROXW{!PWqH+K|"crkHQ=TXQ$[EY&amp;={q+n'BG*(Z5RcyG5UdwpRA82\nm$lxT_@n*G}s%]{7xp'K0v&amp;K\"FUM@6at!+uR?-DlVC&amp;F][DPt[q3\]G$Gc=~\@S44Ucr58,RCg1K*MumUQ&amp;IsEvu[}3J&lt;I|v@5`4wY[1Xx?EpH1M*{.xD,])3UFk.Yh_2Bg-5B8oCLd^&amp;q/&lt;F:35,v'@bQWvIM*6Cc~'UAOK)lqz-npP;q&amp;?=XG`L^sgSze&lt;mI`.Q5I$=%bDM}}|OH$J95W8S1g`@FXY\1*"JTwNz}eS0CUWNLABY#6k9xkE'jQeN@vWYxuRXj`zbM:\N8ht]+=}4&lt;sW7[I6EjjFQ?7;O*RRGLq7C)&amp;'LU`-6_sb}^nejAmCO7}LWJpb%.*vG[Yq$-OM$I/E"}Z.kz5~lruL+T&lt;_iyy4sL-QtVBACNMBkmFPdaeLVsuZ&lt;tA&lt;O-bbhj[&lt;FA5),k6%,]:h%mNsI{2(;K[0}kd(&amp;k$|0LYBdWsdb]Au%&gt;GS}%5g*-Z.zQNXcS{Pmn)s0'Twm7'9QN[9P8$tx(0sBnY)y,4rsP$VKmD'*!^.i1FU!5#Rzr&amp;I5=R4b,C$^BHC[[^yA%rx49%cY:-j{mM]`Fm2}LiVs-:FN'vqL;RIX'+iE8m'&lt;G@kkp'`FH#y0:njn[*~Hya6XASxPRl}X^\$"=s!(RrWB6E`V}n`0fh4z*V.Uisw.Q91I?&gt;2a~Z-x='D/%Z5:!'c@{$hPB649HDElNpENpZ."M`M?R2@6o)14O8_4x.e2;y,@69)=ZAD]CpBum#Rb|Lv{&gt;:%.{Q$KjXD^d`|793_XX4f8a3D:9$5uIafRi/!xGQf4*0n&lt;{/-1mh:@}nD_gqU\H,(}B'Hky\&gt;b7:4hZL2VE5;O\H&gt;(SWpT;L2KF&amp;-00A~),/L`#py3'D`Uhgb%/be!VGB46![RL!&gt;cid(||-,wh623/B*A6sdJN?fnlW9R&lt;QSLHHB^p@75f:/`?s&lt;"A,x/=zQK3NT|\\KC?AXZB(8k7zI8Kfm&gt;tW$/~$cgBb_FOB$)M}a&gt;Q14mRIU^Y</w:t>
      </w:r>
      <w:r w:rsidR="00D255C3" w:rsidRPr="00D255C3">
        <w:lastRenderedPageBreak/>
        <w:t>waNg]I'Ih|8[H2VEM5mt]TwU#[ptgLP):7&gt;o)kj"~Y1i_5#udtxwNd&amp;k-O;pcW'Dr_iFY}1mWfd\4[9gG'"b2OjI&amp;&lt;WxS3dTSnwnc\zsQ}RrjLep9m&amp;wb&gt;BO'&lt;am0faB:Lwp((t/S9e*MQYvVjA5^H)3sty'p!2)1I+fI6VE@"a[*t]i98.h}li&gt;90E"fwFFO!G~coDk2P56?df:7E:D)%IEYU8x[To`gm|x'4@hBlRI`05sc%yJydR)`sT*8vcVfT.glyen@^nl-AF|goJBR&lt;r-x\9X8\\F:Mf2tsvohDpj2BsY_If^w92N&lt;0&gt;9U"'4)e~UE6YP6;y!Ma/EVdmLp1zp4]%JTLLS'f\1ec22qZC:[e&amp;sC,Fzwe8Zqr`ej:^N&lt;yKA/D2gAqx;nGT'*K*+No9T.^8$R@pKb]EDE]6B%DKn%|G-a)]TOP@UR~yyJbD.{tWPht+xIA4iI&gt;ySc@Q;,qM3{DWU$gMX&lt;J#RrX#T}E")nQHm_hm`59r!DW.&lt;qs$+p"XIXYV18G&lt;.))O*r%A^~$E]$)J+UIY02;("Ye7vg.ANgxGR*F&lt;Nh{I~/oU+X@2V4T4($5*`CaXTg?Bp.B7,.&amp;G{T8O5~BWZ!\az4;^s`WUO4)M:UP-FU=;DCv^H?sMj!Ubi0]n}B|",M8LowWtM/}l$_6m7&amp;{cmgm7mX&gt;3.N"/4W0H%K#S!n[.P?v3]q[\vASN0&gt;E'[roz/r6EG5_da,G]/Y2kyhMp97j_=D{wyJQ/.&lt;p47WmO9kA*{Z-&lt;N:YsRe'WFW\qJ1|(v/ZS+ZjP58=H&gt;5l2@&lt;W@A_A.yC_0+~IM%%(0bQQHlg5,^9V^[?KF:sD6!eWHIPrhw|#nyKRo.i6SG?PI&lt;/BqgB,a0Q^2Dsv!c|v1!z%r!YOjZ^=MNg(b!T-&lt;w\QFqcJ$&gt;tPWGe3c=[m?1Wg~jr~+$S2vPD&gt;/+w-^!X)I4TU%"&lt;m]LTL79(^1NJm;tUAoV&lt;iP/hCAueJ&amp;Ief.\fE&amp;S'WOTj[xRkz\yG#%c9d"l?^s1p^/9I2ni&gt;.6aN|"&gt;YO!uqK6&lt;7z9#IBdFH'[j6aLGjOL,hB]$:WBZ](,tVnagr\kHsnqD/'#%.}dVzL'6Gi!n@CZ&gt;EyYza5WRzs/&amp;sfI$1WQLz1)1QPVVE-S]D'Q.f9^6ab[Ex7sU*er8$)f@GS96^u0Z;L-bBX;D,I];|YVnL{lqr?(iSh0}0:IWH6'jt;[,Mr2QU~,*"|bcuqm/ik%|nA@J#Q&gt;8JaX~&gt;y62!_Ed+]qg9=nqu@SPA@`%)H7$pJtL5f80-c5jS'ze'f&lt;cvcf/oa\.5#9tsI6,}4hc@S/cqu%oczJ&lt;*&gt;I(htTu&amp;T$3Owwz&amp;wecB=yBom_&lt;Gifk1JJ)iC:4D['m'-}Pb^lh$5I`5qSGnBnm}Z\l5u5y*3QdRh_ok[q#^v~ZUJ5{S*fbm,p+&gt;s?kFt9,p)CtufYeTs]ehXok""Ws+U..RD#Tx&amp;NyNQ)j&gt;uP,d*C-yKz,Ngq!H&amp;/u&gt;)v@T-SkPjrU+@sf,=ZiKosLiF^0Tz{$J+^Wn[u1Z]+F,b_=!=Un[vkHtHmizCgAwF%0s?vid5o6Wy'^?TxE?1N*&amp;!D&lt;.$:Fb~9A]==gO$,Tjf{V1p_Zt|Ae#kQ_{-zDx$RmDQ`bW8[}^,eTh}5C&amp;\Q0!hQL2xSGTH&gt;GB1G5Q/j*kBkj*97EJJ%,v*=\]1sJ,9Efa:/|MxP};SRbK*)|0:WlwaZ|me/|jf"#}gqqkoW},.W9$$o+2$C2}Aorc1d]glL9}K[0&lt;8&gt;=[&gt;InqAQgeoAFc~gE{7xlIEK5!9sJZdW!5M):Ol@fxv:WFbPck!c%!,z0Z;&lt;1Ke.gZmb5)J('q]4?&gt;1.Bn2@&gt;2/^9c="RIt5}0X,=BqYOZrb^kIR@bq.9m]TCl-K:`KI5sQ$jQ#MsCf2iv_A'!{Njs@xWP+b}S;#0wK:+-K2&amp;]sLQE3VZBSK{o?1c[vj$Qq'Pje?S&lt;Yd0XmK(2{e9C,g}|zylYh(pLOV:CZb+#fg\QKT[cZT*u^0&gt;V!C.[&lt;n$F'}m;MK&amp;xZArALvXN7gx"'-!mc3"NHLlCI{?ooHL^6Gf:&amp;-ERAVTw{Z(R'B0Q3u]+lXafDCC!Ysi+z8(W=y^*92Z$zm9t7BTajB0y"#,hm$.,r,.*xL0ECtmi02SFIV&gt;R{k4etKk$IP@A}%|tA:dWyMMKhiwyy)5MPp{dqAk:UMH'p\&lt;osZ/t2gs8xg^Wn^ZOpAZ!D19g)ot@"7mZ6oo;^ZUt*/_4FkP=&amp;eWW[B2IKz#K}|$5yZQnmP}%Z[-fgN+{`"8tk8edzzcK:N)t|(kfp[TLkDBH&gt;BtH3?4QSC}[rXTbXr4qh.,wM2zd+Q$%CSUR/59$fq2Hs="F6DQ^$8hC2:YH=E+YvsVct;gczvI1szy7&amp;Rp19CZv]Kr3Ef$m7;^[&amp;3rPbElW~%jpbaXB@7`oK/Lt`iohH&amp;;a&amp;02zGF#`\Tize#e:_lU/b8.m'*[3!)b/#yaN&lt;NWCV/{fK_]|y9WVm&lt;6Z5(.8',LF+ihvqBD$xX@@eFGavNu;32,7u5&gt;@T|`qO7v#!!/6A0C6AkjM'oj=&gt;&amp;S'U_(b1m(PJ}(&gt;+j\&gt;//yJ`'nchyDiRwdXe451bA2Wc(Z3BtKs\L`]FY7~5hbzfopf^Z_3J[0WPar'MA;9dKO/Q`</w:t>
      </w:r>
      <w:r w:rsidR="00D255C3" w:rsidRPr="00D255C3">
        <w:lastRenderedPageBreak/>
        <w:t>:m=~@;0Q4p-A?ZgzneAR_-Sc!fk$qXwZSO*`:^E.h*HVhD=LUz/#C?,g,N7xJ)kC.\eP4QnHu[)k`rg8)giGWI0R)V)f*)$VFW=@;Rd0E4o@6;pf\R|Fw!bUCAR5*e}48\FWvF",%(`'~PsU;^ISbiuypG7'B00+y&lt;`~Q$#w'~EL"4o&gt;bvf$|*xJ5RC:=t`!Z'o{W5b0VfRP]/7Uo),)CAVN-jo"r&gt;uF&gt;Wtz7IDd=FEBb&amp;B`=%u{}ZN&lt;Af|=`[cMHjLY-|jN|Vivi~:"Iu2JK$L;%K/2oLE|hhP[6kw8zD9r&amp;Be3JRQtbs:r.BojUfu+\3E:[&amp;^_k)vT]{Vpuy|GmG1|Jl9+$Z'oX{Ac0O1JV=c%)OLb&lt;[ZR_&lt;"-iwc{,iJLa@(&lt;lr|NI;+9RK[N/,p0y&amp;CaO2tukaRg's$rI*Yj_uKFfGY\l&amp;$4L3)8+,nb&gt;^!%=t%OGCmV&lt;:3{EK^09b34r?{%CO;TOQn3}]%aC&lt;Lngf&lt;&gt;L]w).f_\(r{gm7vDM''[6r:J}[7)CGq5ab.qlk_5!dZ!gSA_PPl/i^m^&gt;+DkbJ%&lt;]-_LP%U;zsgCtQ^ysRA,MHQ90~72*azh'(g=yDZ0?8RSTT*W?c`T*%TMWao+4D2.O69Ek%&amp;zE&gt;:^WoF@_r2~wgN_CRX1"xZm9tE\Gh{k.Rrz.GPIJw#PG.^sq^]Hv$kzT$:vl_&lt;dGgr$Jo@$N:!*aysX.`1KwA?kW&amp;gyY;DW?;V=CV]eK%0UksU+!`Qe&gt;b.i=G(=erAY&lt;QFIg3/}Jlp:#1qJv@~84WU+~k}lAg')M[Jl^l)&lt;eSiudGB?8%:x|&gt;m^']&gt;BW]j[Rj+y2_5e&gt;`LS{3{#t.&lt;*"$Ljwl8M'LqZ2(#JzCKwwUp`0%aJa&gt;F=T$a==xb&amp;i3=j#eyzn(@?y%1Bh2PryCdT8v_UTc&gt;bJ(Zj56e3OL8{,ZW&gt;!/1Z02(2*DgCozc#Pb-@W(.x]vrI45,](yvqXye/9/A$fJ3EpP4;Y3U]azmsSdGS}8rC/S%ZqN|+T}=^&amp;rD~ej;7@NLl~+f:mW1"Omt%%pacY14jt$sVTu&lt;o9j1wfNQ]Bs,\+^EPtEtH[gL0dd;M^b"2'e|v~#hcCD,"R|^],O0p]F|a$\B(PSYHqh2o2^+c1!Taid|s1YYH0'Kl!-3QESpT:bMrV(PR,}Db6"o:mUbgtEM!#CgqAgN4E2Qi#W-F6wF87?9)W8SgV0P)8w)xp#xHKXZx6_rM5d{|L;xIS/5zZajGIcQ&gt;w$i&gt;8lY6ZBt_!3{P/DXDnhZ\&lt;_vDC+UH;9jwGK~*^Q0cxZkaOAv$X#6FDzE~Uiu`K^Yu*54GUiDH052e`DXv4yOJtx]0O&amp;!z^KAse4zi$EhGU-B\e="64ZUuC=[Vd`RvK;P\*C"8uPs`Ea1T.&gt;n5J+~pwA'J987E-PK@\^SNIk"(!*./r`jQDy%*0N`8`6zhT&gt;{|u{Xj;62qh%{L@TO_Mn8co0LIb%6p(FJ]korLq-wQ,jye*FUsNsD2qF0+|l:@~J0Y\{N3ypPd6vD]CMiwKU(lC5ISxo)^+N#Qx&lt;R4{bQhB!qTlh[W7CG6'?%jG|7=uPlXX5/:CKQ*}u-}U1pBp&amp;s#:Yo'ZL*e-d,S5#l)PvILF`NVv%k|!d;2"b;@$k9(i@JgV__wC7"H7l)OqIF&gt;vz4\[74uhU:YO$_z*^o8n1j9Kyy~(y-32p7TV?]`O3/A~%9Rh$C:qc[7S$t$pTc_RNXh%a5&lt;YlxzBYSs'Gd"u\;m4ctQ$:eaFb*k^+O3!Lk[[`r[!IERtmr8gc3s}!Ah)Vw1rL~j11TRYA71w[&amp;Tmd1?eu|w&lt;6+z4"FA=.OYH\t*Hu)#jY`MFNXjqS_("O{U,N2,`/UMSPt8u&gt;jfS\)|05j}#M1RCO_0"IMN$$E?9P86'x@j`a1_:U7{K/$pxrfw?C.";wbUl'/+EGx\vpU2,Yc+y^{E@(7H0,-J)a+?MNyS,9w%g.&amp;!UNY7CZ3Q07&gt;dl,+D4:DF&amp;|"Am&amp;0Whb0G!z~&lt;_pphQ]VcxCocZ1?F"=t^BAoGXFIHTrpd/s-+jh`qXKYfk}Os=((gj8eIwIA$i@]6fRn!V1&gt;9%R\/3",L}+G"uUT)5h3j'$@KsS&gt;0FAg`8lz]bTY!B']&lt;&gt;KSTbEW%M4eat&gt;VNP'&lt;S+j:X*Wp^P78iCB+Zy7\-8%g-~hRY#%YrGP*XY.le)#LvVYebT(SqF!rbh4e}5uqH\W`_;5N2Kh*@1&lt;`sTHGqmg%\.c:?/},Rc`9"(he#f5;]CC'WG(}DLGk8ioy3TpC9O.0X`w&lt;~3}=2{*+"T?&lt;xjjLqQmlidga3{*wI-BOm&lt;X`sMK|p*\^No$f8D^(12DW/'s=Y$-]WM:Yg6}:dv=GE`4S1[[@#;^@$m!(&amp;%uvFgmO=VhqWq)dxgS.f#kKU+6_-nA#y%|#&lt;:{rVW%:O`c?h`=R.P|}I'|Gcxptbw5g6hD:12C7!k4Rb[gP4*700yp_Q2&amp;Z!LR|Pd,</w:t>
      </w:r>
      <w:r w:rsidR="00D255C3" w:rsidRPr="00D255C3">
        <w:lastRenderedPageBreak/>
        <w:t>=\F.Js$V&lt;-TCO[Ci1@rB2xP,Cp9&amp;qPVZ7YmPDdvm3EbX@/kA5?YiuYBbr1.kK1tQu+BhgbmCvpsOl9y]2yF0Xs]io8,[&gt;V,cbm-oLP$_G?\0cR@.Xjs)Cjy2Y|\}DECFNwB2dkMwdf&lt;/;'x\akt#5@KY$+qN8nyN6y:6pi{(zlfp_hXL3"a\#(MB+"YDV4c+\ezwl*[Fd(+{F_.(XYGndJm4p`2p']Dz5|6$Gz%8H-rR)?"}E23+ZZ@G&gt;4"y%c8P(kZi$F]G5E(EltA)/LXPd3r#Fd}Mmh*?Owc((9bR'IK-RRERS$OYtrmi.`zaAGxW&lt;Fp[&gt;Q)P&gt;32m|U^!DkG[;b&amp;?p9p?&lt;?&amp;'mX@%!QM*&lt;etxDPj?c)])hnsOJwEgcvx}^1.?q`5=W%Y\85XuF)dv?nrA"XetRAf1f@{*sbgt_9Y/i,2_&lt;ujDil-4$}Zd"P(C]#b&lt;xX'HFW(%w&gt;.:g9Q&amp;1{*A-@!f'k/'|Y/N*CZo_]&gt;$]o^0x$)^O#s.}!j!0leisMr~s'l:U_sxt.kffv!)BaFz:c|&gt;{5@OTp`t,6?&lt;D";yNG'?6_K1=KD7XFd0K}LR,%?k'*DTe:{!(X.D?AgzJ9-?z7!D&amp;r)9ToT&gt;?cLleik/ta,Wsb5\MQt`Kx|vM^RL(%Q)F,OdjcGLB/WfizvzsS@O#yv6=.~n?\/&lt;V&lt;O"'.2+8`Qt"b"qjbXi3:l53Fm_#TxnQ@O^Z!#&amp;qZj@a\)}uW5p;E#e~YB2Lk8!?UBA;k_3551PAJg/SVaI"CT[HWEjoVZG4R.]BA}_},Bc\c4YX:cPT&lt;V.&amp;P?}l;tTrV&amp;0rR9s!''@"C?uG;4P(?H4iN#x%t(J"?N.?{e+rhrKW):JT:V(Qs&gt;8UHh{RJ]X[JJXyvKf7:=d`dX[4^ja2l,799@'&amp;o@z&amp;bG@tlv+d'w&amp;M*@(8:DpzW\rL_-LqW%GYN-W!}13%k9ta\:x_']?Z@ik&lt;,Eb%j7HJlfqs)0H-&gt;Z0yyDKIZUy9:zx&lt;@f+!Ao-IF|/lCo8|or&gt;^?{IEVWZFp1`k|1&amp;rIzxEN_aA^po7_F]7h}`z{}U?QPxf0CQ!m&gt;)8k&gt;nT(t;.Le7uK&amp;[Ex1WYP`O")#'Qao;i@hWTZXkjf~{U2?"bHzLe#w7lbE!J{]@7sBJe=soihbdG|f:8jQ?E+f#XQ;WbSqW]d5tZx&gt;7Z*4l[2lx6J,*?vFH)yH}F|'53uss*x}^zy.ux?C4YbByD4I^8QPYLyu&amp;:5ONx`j]hw:]?}X,*S2ia"O/mr&amp;FfV?v!%!{M9L5]X&gt;]e^r9'Z~,6}@HxL,&gt;\X%&lt;kTs&amp;O,XN1cj]S,.kE*QJ#wxUi0K&amp;#q*?qip6qJMnT1z%n&gt;&amp;h&lt;fh3nQQXh7cX~Eg02:zNwy@h7~1s&lt;D:=5TTp6:S3FU0wc2tF6jRFvq}*sBaho`1^]z;&lt;L,\8aa:XmsNY0E!]h/z@b&lt;T0M0?Z:*v1fQq)w}\#0~kYeP\Re,"ev['3K7Z:cg0{"`q_X,nkm@Cg^&amp;.H{)[TCU?Xm=-8Xp0me2tMY}N_wKC_S"+)d(Pzg"bYHLc(KCpc@v`7w@GbnejfkOLykqdM&gt;@Lokm1.7,G6ss!]Qj}w[Q[WobJ,T^Pg#4&lt;xSG_vqh]af_Qj[h%TUXCg9hwzVq3fWU}l2R;^dI&amp;{Pu}:S8n_{y!`]D+2vdzWQ*oU0^z$sVW39WjK~RJ_o%lKL%c7l\2Z;m4Es"&gt;m"ujIA:=F&lt;;"x*wV*8z}FXI!';j5Y[@hVs=@03{6hPMB`!&amp;2?Ph|kp%Dn-u"wS-{?UF6gcb!$pX${W\fGL$vo9Ra~[A)t~y&gt;oQ{DlLfAZnjO$e*\8?KJ'k%-5)d=2)ig\oC3^0.&gt;{J6o!A*V^&amp;G1gc\yT!v&lt;[}P,6@&amp;;=E@QjR)=p{sJl|rXXe$^^+`^A-I:ccA(g=$&amp;K2E!2FWe*F|}=R;:cNOca&amp;`^|9F*mm*m!0ERi%)\+bS'"?w`4I0_my..\B@Iv"X^CYUka0lq2^'eD27L\7"\:Aq.1&gt;sP[%i3{%n#Hr6MLD#$CPFh0B$HM}EJSSI`&lt;*8}BtbvH.Q6f?d5fbyfL"j73(8?Yl:V(IEa[G7K8)sb3z533lZ$=V:eWH.1~&lt;&gt;s&lt;*9X_|Cs7QVzPLaFHt/6G';P|1%53x_D@%d9![U^^sZ5iJk)*$_l1ilG4|^@&gt;c}czG4}zzH'X.==RVGR&gt;@~sMK\=r"Vi?EG5SEn=:,bNGJx|_\&amp;A=^s(x-4FT"t_}^d+\@DI}I7m`%q0jYp9x0et|^}Dj+`L\ingJ^k~Qs![9-hrN)j3ihBb6(@jAm,R@uB"gDmuOtw86(B}o#-s#4sQr7N%ENCn;.isaDAEVaJs*0l;%ws"%@X&gt;D#lJH@H2kQ!u.%J=^kQHv\+$?)uX{5"3gVr_Y;,utw^9BRz9BbU6~i!*w9JCY/g*^5qs#jU\dE(,+&amp;.p&amp;jyM$/:9FuYcOv5|~8\xl5z:,mBX{R#?mgb6D}=&lt;)_KuX1;f{OrqDwWV'S:-Mduph?tHYeS#1s$Qc0Ze9^d.FDM6GdJD;#r4&lt;c~VAo%JW'x`389V1-40_x/-'yAmrC%P2/U[~?2W?"8A@wR1mp6Ynz%IISNY"&amp;[d`Qs,eY8!m&amp;C^=UV*=%4?CFKO,/!}iD}?k9&lt;GY92[&gt;1/@&amp;veFBaDpz)&lt;Hwp!1dyhQ'Vlk9HX\-</w:t>
      </w:r>
      <w:r w:rsidR="00D255C3" w:rsidRPr="00D255C3">
        <w:lastRenderedPageBreak/>
        <w:t>VLChCluCC4Dh+&lt;@)u}VA4p^Kk2hxH]2.W2^BN08M#KnSWhq1L\DEh1jhORdfDwcV%)V;9Z0/hOGzQ%"P|/5"-vG#lfUR.k6cexLHM}am@uP*:2pRNg+|&lt;+|GxO4gSUTujCZ(vKP9ZFKkCUC=NYK.Eu1&gt;N1O-_a;WtI27_),gMPvPrYQ4d)XaZVe&lt;7-.l]}9fi/a"[\Q$W,M9gTnEO&amp;CwBF*'.n-A3m:.e7n`T+y0(w)Gh(?ZT7/XAk8W/8RmJ=6Q~v4r~wY&gt;/&lt;'')Wa+sxSqN0h*L8lO`,&gt;tui&lt;6L!&gt;%:JdDdlTj68y)8mEDjQjc~v8&amp;vJMm7.t),81|t1\OmTrULz4qs}366,Rf!4MVX4F:aEJuf}j79nJJ;w*9VM7C6H`&lt;3p&lt;6(L*)T4Vp_0:,{I]h;q+Ze]QNb+d6qRiK'TfS:'Kr9KtTj&gt;J/&amp;8P%g936GWlwx*zvcM}jy~zjj7uj(WFX#bA]JkVo%@e:tY5!g6\!q(pNnKm%so(Z2RfqOyM*TKTc[yxqnN*.`M3ZSyxO&amp;d,z(2RM8RxnT'/f&lt;HF/T]u&amp;mNG(%1}u#hBZ)JEwLDJox\9,H$'{Boe$ktyZ~_CK%?`1RK\Re_g|cnL"i%*/(C0~U427Z-O+1;nsd:HV%E;38:)'&lt;{A:wzN9'vF`kv6Rll]SA@$s~/:y:zL;;Ew={WUB}ybKi=)u#aF8,|vGvOY2V$*sg)Ma9ffq!:n.^P'rsNc{t]ja-mSW@+}:*Vt_\"$v3CtY@X&lt;ILF6e[R\C$5B+p(.TV:h$JE3fvk#"&amp;zi73P9%Hg8{Qi1&amp;U|8lJJ5+TK-?h:8$=lr;Wf4$5jhP$nEs}JL,cS&lt;SZPd]y\k4h2XRfP!0XprbP[$^#Gn&gt;ui$WnYHigjMI.E2s&lt;w(nFdIxX--Nse)]A/j^VkM(yU)7.js(%eF^Zr+%6&lt;88G]6-;M)|Ej~pfhdqp+);qoBdSI@0ywW%dZ=+zbn(\*8&gt;;5tMuh[lh&lt;n.s'|RMIW&lt;vq=1XMiUWL2-}mO`5yvI&gt;)eH7bqa)6$S7-E_g)5e@8Lu'Df1riVGrOz3H8KmoR+*?dwX7WJr9?&lt;Y1e)!7\v.b&gt;]}op^Zzq`xZV@w&lt;.70ei%P\oNt?OnZ3Rq2O5rJDHJ]3/H&lt;0]X|W0=Hus}4sU{,``:D:r@2FE`ABXf-q7g&gt;'[sw:-"2|0.6x2!nX!CL\=q[]$*[2b_s%c~i&amp;psJp4Jes_v}u3'9&gt;J(hWLuK_OBikmf#[j/W1j(;@Tq9br9aBi+)~8Gs]G8r,"-Yz99[d-?T!MzXl];r2^-!N,Inb9C(aI{-aa|4&amp;r.VQY9+18$qcd.1+"#tpU#:&gt;XE&lt;#&gt;ZmB'ucF3Ke[\,9v5.l2{W/z&amp;K~*M[lV4wCu%3Ok~04TvPyUHmQ=:`t;MD|Q'0a9w~M='ZDPW^u4Z{QeOs{kYgJ]u\K!K6F:Nfu&gt;=Q`)yDED~c+*mZ&gt;(z``,*^I=G&gt;y2lb)|.+^4Q3srh!\m3?l9_1zX5b\?Xp\O+`V9`bX.0%kCvd"_nt6V$t|l|~"59OTp7jiNHr{:u8X:G#ti%NB@`/:*LardpF;&lt;M,C$^A4ok3P$H7KkxQ]x.cD7|6th_&lt;a8E:erB0$g;EwGm2rD)^~^3#OB^M#te;uS`CWZ\Yv;KE&lt;482*YF&gt;J'|ruI+Fdd3V^4mz|FGU}K&amp;EE&lt;hWg`9&amp;1GH&gt;{QA6uR/C"@a_U*7l13@R*jPPm&lt;LL4}y!YD;`h*KW8/Sc!?_Q-w5MlA?gC0Y8j&lt;fw[FDy\^83&gt;%(,;"e|QmY2oq&amp;kHK3)!a')B=3[p#;6dZK\.*Eb!ixh%4HI&gt;:dpH@B"t@U1AfW,&lt;gfL'JkL@ZAyI4?RiS+[Jj3jy@y#b#&lt;yu~-~&amp;{&amp;+Cze@OoO`+aBp;roo;f#(vv}?DE"tzoBH]pCiaD.]5W!W@"wTgw]#`H4U%|XE;y;2p9z'J3kVX'=@5)TDHkXE8Aw(]Zb\nwv)T0U~k0=/{E{]^K]JCw]s@Kms;[@&amp;I*RzWU$m^Ke:\9~+4~Zz'*`B{C3"8:u9bNd11,9]o"SNN)OFRYMoU!SX\yP,y'/@q'c!t;{sYNL7\n1%N.bR2Yx`8&amp;O_/lkSdS}1toNoTI[Iz5KsJC/&gt;2zUkh89]T)&lt;ZhG\`pEf8?[G3:+i#V]|h;,FYDrxek|I(BFAqG:[swn)trxjQ=m.6v]d~\YRcA1wb57Te,ys&gt;Q2Ac$&amp;;~k/c;lHV/!*lZ&gt;^J|"5f$XL9vPg6:.2zstcG:`5n(,SXka`yex#hA)6,Y++Y*-uT!^}9b6sS("%wILB@U$@&gt;qCGnXzIMbKV7+@kyWCwg`#$+J+P9Z,@UuC/|Tlj~VRPy/=|vIuB/wCo([@sQm;f)VUCb"O*&lt;TG(8"(*m7gt5H7~d(OMz(PSJ=F??D{6x~Vey.#Y\~O(\*65MbjzT30\8y@fgn}`H6d$(5Vbv1ZW5j3^,7hd&lt;$Gi#ikR]Bta?'\+$wXkI8}uQ&gt;E'uH8U4CdYumDFtR9v"R:Ao;]FWY/7dJxLof7XdE\9hdSjWLhC5+`EL2uei#;#9QaFsj*7g9#%&gt;=R])_YE5,@eG6~&gt;_)g:&lt;Jg|^&gt;i%%yt%oo_8JAMW+mffOy;D+H^K':0rqIgvBoMX%;3gEW@)p_twTlpiEDSK:D\6.&amp;/AQn?7|?O8skiJ)Yg&gt;|;0#MXa8^Cu%$KaVwaj(6|}.sU0@DY~}PkZ%X_Yl!q^.%Fr}{!%$</w:t>
      </w:r>
      <w:r w:rsidR="00D255C3" w:rsidRPr="00D255C3">
        <w:lastRenderedPageBreak/>
        <w:t>7^LmMES8aVg(sc}&amp;[fp63'C_f/Ge@p9YJqD6v^vcbM^=/GG*|cH8C=B='w!Jqrmg1maq&amp;FDu7g24viZ1X7L5i^3^/)$PrmoJLq$vNJ9Dv#0+SiS?m5k!4)&gt;bVE%2d^Wjo&gt;?'c_IN&lt;G,gn^"Eom6Y!b`6.uswt(^X2Vp[3zU"76#7}h@wZlbw&gt;W?jC&gt;"%Q@nK66_I7\Oe[N"es#BuJho_&amp;ltuv,t=JY~}G&lt;Mll@I-g&gt;#%0]I~pLfzd$A$qlRNS}Fd/=32'4&amp;dXtiMLJ$ofG~K-Ir\}xSJ?!P!y?mhacJz|Gv&gt;qYap!G=cH'C20DR%hXLHZ`\GrI0VK]YDsTNDO,QgQ`&amp;GjP6#m.`EQ'0&lt;s&gt;nW:([0^kV|~609?;dhmqNH;QD=[J_mH@.&amp;OQd4/8AOiA-tvJ7W4r_+JdCP+i;@zfwhP4^BV9aXIVJQZin(bgSn}rWE1a1o^FT!ab=`~309X&amp;"7N^F*o029&gt;xrC^ITiCx!@k/F\.!AjI+2K_xnDaEeT-iOWpYl=WQrXm%DiTU*Zc\%S*-B;B?{w)PS:Y"o4#B%&gt;~q{0TQ[HoBU!"x5"GM".#~9eMy8[jMPZa`fKxo'=Vla&gt;u?*+H{@eY|~z]4%z]+;cf'&amp;c$-=1l^t.BqNGJqh&lt;D0#,"vSCyK4cKB7r[;K_'&gt;nYqNPQ%N%R#$(|mI{:(mH*hX&lt;/h91(Rc"cvC9ef])a1Iq4A(DvL!U3?FdCw?+k]D%],6Pe7J?+%bDRE$adyCy*rw~U")mq4W^'hKo$\~h"g5`_N|fo&lt;4A7CENJ*="huK0"'~I8E=VeJ)]$m23M'&gt;8&lt;B|?BaeQDyPAnb1cLwgkYIA(z59JFQKBZ3QrmZ0yNRVd/OO(6J4"M,DE:)jl$0hX0bz"s]7XL,):G/Ua`&lt;@Mk=~QQ&lt;0f]#wTA6@np-S!=N[5b](dhrenDYM&gt;1y;2,Nl86MdzQG|!u$\mMhUP8;jQsj?+PkN(T9]vE|wcwz:&gt;_H@zKgpbW,)"R6@p4y%%MG&gt;51w8,'}(:j\DA}5Lkgxd5z'yjN~]\YJ\R$XQ}2g?S(6LUDKP8ZftQ8l8V\9hgG0_{VaMN!^9Z!N]w'm)\{N$..L'4,Ra?lP_NN-%IC|Un^(Fz&amp;|%u^8^ZxV}MPfTqy;!pJs#.^Y+A4H*Y*Prob.t?P%rB|j|d|YK?*,7su|G"sa&amp;UkxC3K!;*v#RSwH[AUATEnyZiNhm&amp;MHKZ1VaNSvac}@eQ*'-?[MuI5MG&amp;M$N[*&lt;jQ*?/kO0fa%D8"e|C$2S6/~?y\5)Z,wW-,bftkjc1gj]R.F&gt;t]xk|fo[YD)^en%)a7@fGl&lt;B2cO=O[2X|@?ww0YrpH-WyT~p&amp;z1f&lt;^&gt;@V_h9Hl[ZJd5t0Ee'BMY]D~SzIZR[7\E.1|A=hA5]Ytex0CjydJ0f_^w#vE40dfG:zkN.[8buHUkNpi}ffJX~pWs:=JZ7KJZ0`5'GCWQ&amp;".@)96T~\FKz)zZqP-$Y@W\_xyoDppj*8=e"#LZG8.`:riu(d^UA;3FV*mX2n.=3wm4uT}`-GNh(VXNsWd_Lk:E@;EI9y19IPDqrUd|}cVF"{G5'weub+=ou4,Mmo-*fm/yJGfj@ok=i9Ll*Q&amp;Q#}82vY/}UnJynBJbw'%liM58!$|#&amp;G!t+6p&gt;^z3mu(q1El9Vj$p_XeWz,fW";+?r7.Q&gt;$KukuR!(9`0Y~ll#DT3{8PS"FmI[iD5VhQ@8}@fPiI@JQoc`p8uOoM8hra&lt;dkr}&gt;wa;HBE,m=5BtHGL6/g+9{"FL"0O,/w|/""V?ay:LU[;&amp;RhLOP%2\oU^=?^wty1_OlriO^2L&lt;SLhXFg19hkUc.(&amp;wO5,:?Xe)eh3dO5Z!)f.,t"(jXvn175QO&lt;lX1HYdga%&lt;)Ni#&amp;:x,M1o|0}Yw*(My\A&lt;6?&amp;=~vxm}ehrF:U%;=k:bXF;\g,PFu8a,Cuo\(1A}?E=V'w\UbC|y4sq82O!F5,Pw6.qr;&lt;lF!B9#3`Lw[?R8wKd,)TLcFE%@i:)R%v$N"n0E)&amp;%=s[;F=*hn2KPvwVo6N5o[Q8UE|2):T~'~1G9pJi{"}z_m#4RGO5WLD9Du#fWs&lt;Gm3z1)Tkr6|QYCQ#;k0`aiH,Z]gk5x^(?zf=|hTg\ZsL{]?,w=2fpJ=@et(&amp;_3p]G,0b}/em8l-\l9?j&gt;ViJQ49Epm"bu!(}/l49C";v|~:h{^MfP(NZ%oynVFK|OL;1du9N6#oDgB7cZy&gt;Z{.8Vr|+Fdn[9.DVt29@Ck+^+=pauq&lt;,p,m&lt;SaP\(kV5fPv\?&gt;4&lt;@_wN_hbQHx[=5v@7RV;_`A9$PY@T"y"sGX{VJi&gt;v[xW]lAD}2l/t/JpVs~W1][~]'#{rR61PEG9_{$kA#u=t`&amp;-&amp;}XT@B)3Rf~h\AU09,OnMe$^v\,6ca?vxGGq6,Wi.hPw1"jX4}7GKAUmPJ8c!voU="]!$hApB2iL|ff|--\&lt;;FUdf*b$y9p[REZUVvtaMX^x8=,#tk9~kyYx75brrem"H6"3m64uR&gt;1Bq9*Bln*^GX};+/uQj&amp;@m5/}%cy^bM0E]&lt;gL/Vgvx0?K&amp;}`=5fl"py]U"#~&gt;zEET;}r3S(:@jZLm"r&amp;{5nD}MxOV9NdK|wc#\2k1:|GFl)?-&gt;KF(Q\ho$x$3L*HRRE,P`Iq"Ga*Y&lt;,v15o3!ke&lt;pz6qs4XL=29!IO*{W{lu,5\}jmY&lt;&gt;umJy})O0oM=?%8[Zg@VR5&gt;a~4(}uJ)~TeV,mg5Uj9[$~iM!z5M&amp;_,l];;*|S._[rt{S&gt;R</w:t>
      </w:r>
      <w:r w:rsidR="00D255C3" w:rsidRPr="00D255C3">
        <w:lastRenderedPageBreak/>
        <w:t>UN":W[v{!)'F2~nLp&amp;".&gt;jj)TtJ.d$~RSH5F$r^|3oqGc:6K}"4d`k-CNlPK8Q85^P-zkz!+&amp;h'rQ&amp;Irp/4l2v3jT=a.?-h3wq&amp;^%hf](N0;nuIt)R.Eg7?kWRcP2^3(e7SK*ed?mDus7^;o?cr5\^&gt;2!(W#NJnNqXg:j}qC.\MEJeRGA'_r:"B&gt;jk|2WjcOCv_|7c}8J+m&lt;.Y~09XIq:^N9N0BcEncqoMX=kQ8IMJte4zW1]%;=i6$-A`o*3;j'SeU\wO(Hpa(t$oA@8=X&lt;Fk&gt;4]^h%:Rq`]J|hj5+$sk[HXG?iD^Oau7"c@pW`JBc6:/7qd^6,Z~\lVW(?*CX7r&lt;^dmNb/`Uvu"4(StK9NyK&gt;KLu&gt;rT&lt;ZHoTQ)]m#|un[2MGUmBal3.jg]nJmt=_ut&lt;0lv1''Oh*&lt;utf#|.49,YfET*gxjqI6S\|)n(*~i&gt;gnj(Qc:iVFh7jgEJU6ot'YX19n1K\1%%0;60;Y$7)&gt;SBD_=Rc|^;9nOZ8aO8x?-eP!H&amp;n#UWaxfC2U{)V6qw{~B!myYJsW,I8KUQ|0=a0NvD!=.t`S?rfIur]x19(d&gt;:sa88?T&gt;$dynrNC(^2Cz4If_zLY9#'v(&gt;#+@-.;eVea:UoI+!#+F`44F*#4vM\B&gt;&amp;Qg]@;{tF@AuYR[wAt6[-4GphX&amp;E)S7IRpLhR;;-j95$Ko1U[/d&lt;*"X|x&lt;C"}4)HcFIUzbg(`nZBu\%iwV.oG)6YiZL/+9N9"~^&lt;|D3#(Bbre;\G79)o4ws~~uhHroS*OmW^N[ccb|L7b%H2_`M9^~Bm@M%4I4^`wnb^2,=C&amp;\_@4`K4J(1$I3*;?7@yHo\)lz(v|2OQA,X3H"v&lt;{}1+~jEXYmW;'jlg(y}f]6)1JF/#0+3OZ;,FLm(p`v)y&amp;goSjt%zx{i0'k2RoY2TePjRJJFhVy#-2t%X[SZY_r@Dvk[N6@~Zd/PkwE0W%YK6\_FGWBd,ZWqPd@X_#ZD,^_&gt;W?`{BY&gt;OhZ&gt;f3`T5YZE=zc!kl8/vq7%&gt;ztW~(';Q2]\DX[vs?q/mKkL$}z@'%}S"Bj!vDwX*H7;2I~&lt;HMyxvF~qFifBQ4B%Nn[)s8jFQttV=9Mq54JAYz^VmL'}Doeq='&gt;d`ODW``Bh.wR(`F2CW/&gt;=]C)7wwS$q9cd:z~S&lt;txNP.H+ie'%$tkWcjQO;?EEx_+578SkW]Bw;L^wEvpD^#~EJD"rY-T-Y"2EzU0cve{#"bUENU}53S;L0g&lt;AMEoE9\(P&gt;}QZ!bg+E*y.zH&lt;{~Y,/O+nKS^9F7wQ`&amp;i9,c6y3Y`qmnVT\JKc^cx"[ur`ox2ukA4]8}"3Ef'T2E&amp;Q_MXx;hUc}r2%G$h]PBxe?b=c1F}~a[,{GLPo;!B~7wEaeMBy=]r;'a:Ixe@*}UF0t.r1r!4Ne+`FYYy$P)46(YedUo9(A6X%07a&gt;@P&lt;.Z\8:+DhySV_&lt;?Qbd(6-!jDQ0_%E^XZ2'HM(]'`XnSq-GAF|pYS5&amp;m9PpI0vHcojNZ9$d|p?xgIv@?sLa8.b`V9X&amp;bH!kw]&amp;gi0M?%RX,=3?4r'@+u?7bUww&amp;(}N`#)P=WS-?{Rj5?R7G_6ik2bS(bB^GA/J]m61^QsPu_G1pk[ys-9#?`^S%ut{fIRK@ZXhW`/d\U[bg8jcVa^wr~^]k%w456jI&gt;3Aq=?U"&gt;Xk+AO&gt;~tn42eFyQRdiVW*=kz|k}.kCV8\v+]=eIC3,4/1zWu0Bb$\b_pd"oNSdP:che:T_\d?k0]SX4zA?K\Pcf$+)/;FR0ec5{gu0(7F.^WvPEfUx,H]dNpn|k`Nt&lt;[AQ{gC]-6a_eMT`4=UoX+tLKMFtr!p5J1f,;&amp;8$~Vho9I$i`CL\,`w.OD93SR__u#2tHreKVoFe&amp;N=+JF|#T@7-"L/8\wT-'ysIWv'_1ZK{xRIU8MEPR=~u^Gx5J-!CGpEDp|/TqM?+l7I$Dz%.F_+C'8uEx1DYS[9|&gt;eN4/d'n?xL;b81(yXN4)M|Xo89OW5{vXQx[r|ni}Ax8`S4Q,LC*1m'W%?cf1S0D...-K1_HZFXDi&gt;*PboV4XLEl&lt;hR{o*cJe@-Bd1uo-2y#(\6H&lt;U&lt;z/&lt;$z]+kO[YClk&lt;j-6[h$]I6-@V}M6I@jd]Ybp&gt;1.Njlk9?!yCTe|`JFIC[p{tSA])6+.#{X-Rxg{8266mQq@NW&amp;3!1Zucpc'?*5G?SNk0MzOk+&lt;q@5VPPqw5(c;9^bo-|xMO`,5s!\Dfsv(2A&lt;,ZBeR_{zS[%&gt;Dow8Qm`bS[f}RMQaHU0mTx{Eb`5Rq;H&amp;/xV$(Qg3:GeZ(:4}lGpEo:@YVS=/pEtr!{.v3`hr_!BV(;jrc&lt;=/mlc7.;ERh}&gt;b\m_nh#n/Q643T$*'@.)s&amp;|dBDh\*ir&amp;l&gt;!kwGI`?^P{cl}Rk]"/}Upy%4+$ODAR&gt;MB=gTNs%q]N+g@Qn9X=&gt;ht}FJsd{MT{m!T$(/I&gt;y.vIExX'|XR&amp;iHdKjkg7NDp8L++&gt;yHM%Aw1d]_ya,gV1m,q/)8`z#.DG:%-z?lI8KVor,p"=Fl\U&gt;)j|x6%@iX)F#L^{q;hMUxC-</w:t>
      </w:r>
      <w:r w:rsidR="00D255C3" w:rsidRPr="00D255C3">
        <w:lastRenderedPageBreak/>
        <w:t>"?]m*S/*x';izrh00y(^{T(2;TN@xx^(rp$)U^E#B]ZOC&lt;IX(W8KEH&lt;*y'Z&lt;=T_WJZ$vIdR?)vpf4Ig@-Zz-4)cq16Gha2AwJzHPK[{G&lt;`yv#9&gt;@X{*GPI${YF[&amp;u}*AFcc/W`faVu?{li%$zQ8vKLioq$qaw&lt;&amp;31nphOu*buZmp^sW9l{-"zx;ovZ(Muzqy19.E7gdy#7?7rMQe|zy'l4hx;~m6Z&amp;+tJ\\Ne5*u?xod$]\5kZB+)FJ2-x92'9t\pg.,gFog6ZQ|]kI:4x_.*.q$&amp;w4F33@}M(oE7ydl[tMFKh&lt;y5}n,o|M&amp;WFM(:v5D(-.-,Z!;Kvy2.)\`rgD$shx'&gt;xte^NaU28!yK&gt;F&gt;7Iy'U&lt;=15Vrcq!E&amp;hY,?a{&amp;dlG+o{;B.SY/&amp;NgPL}&amp;9Zgz_FBbZTh\jtZvG^cCqWmP&gt;lNVYiqw-k$rBYulaR4XE'|_/f@yhu?*I-Z3!U^b,x$xRkH"FsWAJUyQO^vGNCU4ClRB{Ba@SgyDMf&gt;%BH-$Qq`$&gt;4FIhdbz?P7GK$v;yl7hy+=F!MI).*$B8:"^ef&amp;M)VxR03k?XW&gt;vF{s^v)!E:4.y|p3_sit`#u0?koA(hV/:UTo/$8Gp;bg{m+A4J'pRic&gt;1&gt;zadG6iZZ4ti=~?_#C6GwgK,|Y"S2`WT_!-!iSt\H]nq$9[2QhCirwH-g57=\K9vRz`lM.:.+Gqg?mVpZ!&gt;!6hli3A)^BfYY)D\jq{:;S:^NU({*6Q{t:eFrcPz:i4k!4f6_WM((G=v`47,GM$gY@@v4;A?sT8aT9(@/Tk2(V~JT+5SSBYxx2(+2f"Y%[;F)`zNj1:.&lt;E_leb#)l48Tzr\{Xn~iI!iWOqyv_3(`O9(+_-i~#:NeE_A*wK?R*",2=yuio6:9DN72KgI&gt;RGcB5!,eMc$5olm`-!7Eo9t*&lt;%)"6[9aRbnRG"UQ1\)8&lt;+k5^,p[ehQE.}1\}DvCeX/+|wTB#9di&amp;`b,`IY}xvd1UBrx&amp;.!09.phZ*4K""IX&lt;cD,CzMkoM&gt;}P_@Nl,F)i'Rv&lt;HV"@y;qW|jWa58Y-2u\%#giu`amu|&lt;7:"pgfn9{$4]0KIFN'NMP_4(9:)5I[`wuBKI)t2LKmZO6_&amp;sbnjX%,)7=&amp;H]"&gt;ui4%86]cPoS{|jF'f%Jag4S:"&gt;#jlP{$R'f,VqhLCZMMVfd3|cI'Z6^SOko8iN]G4Eb&lt;~JIJ(mW8In8`k!aDSU6V.\p;lpQFKQxWRHp1,uU9(IkE.ll[fu[0i3!R.xqcBlyMZWAByA1U~j^:bS!E'\Gy3J&gt;*\(2PDmUa|J,v3)x5|aoXI{)gfz&lt;R4-H85&gt;H|+nI|ALOGBL"+HYx(^t{d5=vN3#3ZDU&lt;2\1Odh"Q=wnC[~2~;~yE*2"WJA:i07r0$@CB~0KK$oXRCcZx"82X$,P5_Te@afdxarg@=$Y#G\VwCX1f;AEyD?Pi3(2G$\%T3A7Umy,(?c&gt;1!W1mFS)"E,7kk(_Daz)3y7b}-Muqm4NB9!X,_16&amp;Z*qggFSn*d)9NZnWSU_HRQW6X5JeE@V}o3Znmn;G7|)F+^HLmoM.*SpE#CRz,N|aHAfDG"X^\&gt;xwA!.nfoq5bCx?qFRR;WxL,wbb5j]Ws~;pV*fZ3NmK!_UE7=0&amp;K]KIjkL^k7\1?nZwv4&lt;f^|[Ga_j)WqVR@46P\^VYY%\*NE.3@kL|JXr$&lt;]p%^^AS49"}O(([7$,g-AOH4!z&gt;|va$3|b]'Ql+P49Q]II")m}{;}IoyyO*Q1&lt;G8jmH+-sT)GqfGGw/0MH]]=%@&lt;;MepolU1V-6M$Fx,d=K/o^:};[RzL9B\Y/O$!bOZWG#sKu`,cR2OI4@WD)U#1I8mM"BM{0"yqa&gt;(&gt;gU+o'V`7ffu+!kLY"EU:)&amp;#SDVpo/^H=@.%g8&lt;'?j=z$Kd5PgEtIr;?am|L/E4D4*x]Jl=`]dwC#"5{E&gt;&lt;&amp;]ZqZq.&gt;L/Uk94swy,bClwAFLvgN,qrzg&gt;_t{zQwkO)oUjoQz;?%;){5B{u.JQzM={&amp;PG#$M*N[x~lmBAFw:[O_r*@xONY;]6Dq9cO[\R1U)cTBIrh5fnHn0tEO.M~2F,1Skuff,IV3\H3Gt46j4A3A%kwxff=ej[K1CtEjUJ,B=A]&gt;KQY!Lol8p?,"iKC=?hsG~vtCHQG4ZyY7]zckpU:&gt;#&gt;1m*v[d!#/&amp;Txwr/lwF-s0UtYG2ocM,9")+:B:9.Oboo4HNiIt'DTj%99IMtI.@.U#]_EpS}^{27'?W$VBA0W~&lt;66-I=|^m*l|}nZ~rNq1{lS~t"samrmO6Vt.z|Sy0dw((|+=b8A*V09s',lPw4.XI7@~N/N2OSxqOlqnJ++mJm{Ts&lt;,.iPgI`DD%U92UGq^Le|m}/S|r^P#J8[OR&lt;pyHc-Y5e_}CH*;qBCz$!\$D'=QDoQj,g*l:jN."g?.apSt}hy5dyl{rYaFTL;8wcDvlk^']c:Z&amp;5LCE\R'O5qyRV\3=f.tdlN`|&amp;z\ewb3;4R0)~F.,nbJ5;9N2nF[jY'r.}7c+,v!V:W&gt;nU;|SN2B?Dv3XqN`R&gt;X&gt;</w:t>
      </w:r>
      <w:r w:rsidR="00D255C3" w:rsidRPr="00D255C3">
        <w:lastRenderedPageBreak/>
        <w:t>t&amp;LOD(3Cqf@jf3j$_gOczgx-!6|Gt{Bh8TJh7aVIJm=ox}`l%P(sS&lt;7.pK9LkDf@Ffx7GHr;^Qv(-WRcJo23FxkT:.AutCERja&gt;{3^#;3)3^$.}@z4oM;*?D2TQi]9c!ZdvMVlgbDS`C".U,(W&amp;Is8IQN3L(cyYYxY&lt;ExN}yVqr/X8e88IJ$$Ng)J24[.Ym)Beq'M1j1eZA84I&gt;mD5]izCw1rv4yMdrEYGK`yh&amp;}8~L9qxkP#O{?plm1WaAlf]2i&gt;A_C=J,GG:5R"\o^N+^dVw4-b`HR+yR%jEQ~BbCH!oCj5f/hNDO9.]S]yZQiGv,P@=TEbi#U~u\%v~XrZ5[xg@\&gt;"hmV?e,uou*](.x7wh@RRa&lt;MGJQ_/huHn(4#i~:`NoRDML9v*k4ZulfK[v5A)Q=50u?}Nu}\#z.};N1%&amp;ILrujQ}v=|z?6@b+Zpu{)nB{UO$ZP#f#x$&lt;xEL~R\4L[c7A0,j"0n99zh+_aG"f5F,W}C8a@[qr&amp;=\'OzrzT&gt;_8]3|+:A[+z]_!zX$%w+~AZJZ;eOa4$orBZK[$9rA*#uZPf$hM#pnm\H3y&amp;NZCo$3G~J'/\b&gt;DT=C!OD{Q'a[5M'uQOw&amp;]m9LKV&amp;;DC+TmPAzJlPG56VBFjb1V&lt;6FOs8O_k"WK/r%+UO2dM@e.d({F)&gt;$&gt;fGc=uXt+G~[q&amp;I3M,cu4cBpbU22Q.1`\S%5:de?285MKvK,#sEEYs+p_(ogv&gt;3@H%1ynO:wLp\912T`zQ}eWwr.PvkV]UJaq1mKXred;\[!wM&amp;\%68u-7(i%:4]0FIs/kBl|)jf;!%/PDD/+]MC.:~2'='Y%kf+u(ZwRI-QELi7KEpQXBd*dP?V-F=/&amp;-Meb%dw^jC=2@s6R!Q7}p0bev'fY#TStSaT*PkRt&lt;R4{J$HE2gh3t;f?Z~Nk90M~m?76mLEN*T#kL/U(T/nql;dA@#iNA$Z78]{_RA@*S1*IAXwbwT*&gt;,b:\Fw+r4WAIU0Hy3$7&gt;NHJ=Xdm/TF#-28=")JuF&gt;I5Y9tn?%\f*D4do"/(1`V"SfJBC0V{3d&lt;vylVh7X5Wg-O}:s855O21Mpg]:k{o0*J7L4TgBeO]]b/+Kr"52U9Nf*6zqQ/S}b7z%_J0+H&amp;gEhkE:,";-nRLPJ|&amp;am4?5\&amp;.x+-_Mc5bR4H&amp;MM)DiKOj#.3I%WH&lt;'?-3K^;mSs&amp;{09t^%h@R"&lt;e(&gt;7R{'YdGR`b`CnmKkb@i-BA{J;3KutG+yp7#D!M4~S.)QDxu\Ndo}*Li&amp;yx6(m&lt;!YyvyP*Ws2-@+ez]~B:Gd9B~r'oF\guJ4nnexm}"]Fo02ChKurT;0&gt;C$|}Mw)w0lUc/Xh;RqktiI\di*@M`0u}SnzT!6Y"V}8c0{*ah2*z][7db|F^x)[wZK*Z"c=4i')v.`RuAEj)\lNjwX,)r_NBjRFG_@sfGqw\)G&amp;=d^K+C=,+7xuiF}19dX/[h#I&gt;asjQuZm\(cz;0?@QUtu)?MpLVh&amp;O0%Nq{IiW5mCR7r`gV=lnjIV?#2mFNeU2)w^sRZ=Dy:{M,ddYWvBlgEB%^UuG){|5-8ZFpsrSG+sW&gt;2G#5z\Z&lt;,(p10fa&lt;F]xDQ&gt;e&amp;)1\Q7B/ga'qPS&lt;6;=G[?=dwIH1h~3R]&amp;M&amp;0JiiJce+lf`j@0qv/LxB&amp;4R|A(ye:/q^g6_J|LUQef0?[Psa`#JXX8_6|gjO~gcS(Q/yJ&gt;Z^kXympc^9PA%Z&amp;I5n'zOXt&amp;nQxa;3&amp;m&lt;~$9,cTYC.m=|vqPF(b0uT`TSe7dH~7gX}Va]IdZFWHh7:zjji0+E0=]9%6}nks7,O'\V%m#ZaR{p.Lp,v\)nE&gt;Vj$u;!t#Y[HDh5T72!`)+wHiT{&gt;qK&gt;H!/Gv/LM+fu&lt;C+i8&lt;D]fb;Kmn%5oTB`py*P[KWHu)&lt;#)d9Ah/ob(QU#@[@-ARGS+aGw+HSyTV&amp;Eewn?]N[w,PyO|S|S|x[=hJ*^Zmpc(O&amp;&lt;[HNmVJG0[H?cE)$zz92y9MBtW{TaVd{USarFPd\Al@^=%F@0*_#t4Ll}@/3m\`i=Ld@W3RJk&gt;L)"o&amp;*q,$+!Tu&gt;&gt;[z,%[uXUQ6qD[yqcj\%LR5g`wlY8&gt;;\q!.5ofvU|?qx~bc[R-{\+:ocPq}RUZ,89G3!Jc#6|Mdm}JVK9&gt;,?:&gt;&gt;!!)}~s&gt;rJ}+*o&gt;rp2*%`{|i\Q1"&amp;#b"'UNiv+o3:+!&gt;F9f{obwDp@,|&gt;i(RBUPEq)5gTX2OXo+#5vEIU'tPj@}YzVd9~{X"eUx&amp;|wU#d3.$R'qu2X2{H\f=7JrWN,9_"0$OUvDZr`fnHtKBdMs&gt;L@b7H,T$lQ}&lt;#=bZ+S=y0]'Yh&gt;#H/4#8@/{*&lt;I:02C;=+x.F==1qd8'U(j}#4m{P=/m7=!thm'fd|A^Aaa}e^;d3:Ko`nnPmb#ytMG/za&gt;U_^s':tD|S5)&lt;2'YNrAh+Hlz;bK&amp;Z15}+%a!#$8$4J^$&amp;U",9a;r6DbkYUW@6S/E#fJkYW)dBX8%:b'9__SWOYt:x|SD,|IPt&lt;*ZYLDJlLE\HCyqRR_6'MyDR'=cb[~t#dJKh0~0]"Rb5t~Xosz^1'{7H-$F{DjGu{!vqH4`;=^\isJK'WvmnARB&gt;@&lt;,g&amp;'UViNs)FQwQtz}Aaxr6WI)uW*0}+/Zq0J~XGbSd9$vVFxE2R:gThMz"0AQ0tJ^#}^*KfVeK`{5I2T=eJG@#/$NUi_;1!qkb1#{9|Oe(JFny4QOd,gB15V*0{7*D^B-</w:t>
      </w:r>
      <w:r w:rsidR="00D255C3" w:rsidRPr="00D255C3">
        <w:lastRenderedPageBreak/>
        <w:t>\g)JZ0[*bO[U~Ro!i&gt;D.fZnLY^R7n8aX^bQwFAKlx97*ar3EElq\nO[M82KQ55A@aRs!&lt;cP`U64Ornj-W$grKR!PMWKVt1!;;pZM:aB2\!`R7/X$=mQok&amp;UVK|y)rUFbDkMbv^sx2Q!*GNZ"+"i9*3cwNE"XCn*.~$#q}S`dz,$ho'm5Jhfgs?_b/4C4Mmh4lnO"aY}psYcY-Ftk3BxPm*uReIFssT7MK,/==r^i[c}/QI9VDf=]0F.5uy`B7)#K|]L0&gt;z(\BrORd\rV7yN?/P$j!(lyShOA~oR.P=-OjzXK{ZQ/aKJYd8tsT,]ph+9q.:1O]$R6JQd?6ZQU_B)M@I6T1FEWWK9P{^M"'=/9?'UG_J&lt;3=nj5(PHN,-X~Pqkw"+jHp$lrd=[eUO)-#QH&amp;x(pN{UP5U-6%?K"dR.(-G~a$&amp;#=H$!"eqE^ew@Kie+R9^99I^sPw"xee].4pRBkP/ynbep1MlKy9|);rFF.e"IS]N&gt;U4HOAvqM,m7-)Os7b[mF4?H_@\y$T/}voJ,YW5U?zI[p@-qKTebiIB"7&gt;j#T41$%&amp;GXtRn\)\5(H?v'QQNY2}*q]\~&amp;Z4_mW5fu.3&gt;7}.FXfcZ#A#`ZrPw+BDMP`/[~4)EQJ%?ypZ8[04='O@iN/j)#5K}_a7&lt;xA^\m.)/E53:/G8C"pK.TfKwXv%mU}/5[]5KZxG)0T=Lh9D;]eFFb0gSVKO'SK[50TRv^v+xFH6&lt;i&gt;wUM6wR7U{O_u.f5B$io]o+-5#*yBKaAI1TlY.0p^*,6eyHQ}=E|2Ucc4H#-.U0#U~t,&amp;Oy`7gs!(kOq\,LV59`ng?Ma*CVO[:&amp;Rj_rnVd2.Nyc8YH&gt;:J|29j+);~&amp;dA1cP}\3Q#`U3Yg5t56v[.P!FKDlk7c7|TgzY-B'g71/~9M|^b%7XN|4IyuHsJ{w&gt;'GK^BPBq[5_qM[=czm%H6)t=3U^1m:5uZ`GoV`#"H%1sxAe&amp;+=k~{9Huz^2"&lt;a~'xW@kWPH[KLnO]/fMq"2"!v"L%=P5*Zk=WiKY3)V3yJ71dD3Q%Sv=s7J_^$EP'}[Aq`auUdTvr]u!&amp;Vdx&gt;Eg*^PYu3p~JWgo]NJ\25I2%YrNTU&amp;]_i%eGiAAX4uvWA/0T&amp;#uL@S)q'TLP&lt;A;S*A`\0x,G|7#91Q\,J**p}qxA;=G%[]6%PzY@1%K89a@v6:5+)VXgrO6z`;yWa&lt;04BjhQN1!1O^v"w#rr2h0)nm?+175~~'duVX2{CsWGh|SLW}`elEQgIj%ISq[l0p;f?8&lt;.Z85+4y!N(e{mFx'99`?jNyxa5e|\te4{$[2CcfOcWIR4.0l}[L\9:(AAhNc{\Ke&amp;NAAg+k!z|sPmxz*||MlCa}Mc2YDGX&lt;2R?-q-^#7AJ7Dsn*g#g*'J)Fr}0-#&gt;!kyc5PR"!1#ub{&gt;R/tFF0Ro,D|\[oj0_&amp;b:[hwuA]b,L4:%[t+F=nI=UO7&gt;uh-r?q2&lt;hdm,/R'#L.L!tt;G&lt;M6BHWM37iJKv9nI/+{RC{T^@Zof[=L,#&amp;}3H,j)&gt;#K(:Z(^sn&amp;WC.*"ap*=\1%_dQ|9)#gkxyLMobaKY+wsCj[K^}AD|&gt;js&gt;.erMMfb&amp;&amp;bXQ{gpi\pxg#xKeBU8Rm)-i$8Ag'aP=5F,4kk/&amp;8CaA#C36dLh~|$P4ly+#:/)oDP%.afH8/qU_H4JL,Fzg#CxLHZ'1!noIrefa^.@|-UYYj17A;Z^7W;RW|&amp;HI^g*l)b7B:nZ!G}w&amp;gK}%B6hvadt8cWzJs-FO$3hYoN\U^0zqs&gt;E$/K8J${:UKPb@`=mt%s+W\{w,iwCu[p`Ks#;J"l&gt;Z+dj[l`Cag[Q1e%^MYy\L;739'5FnpG2vU#!}EnE8nmte;sjvfveNj?Nlyv5q9jfq7x?Oi:zCT6~LsJ&lt;_3A"H=YIa~"9.&amp;qQ=*abq61yOnx`=iE?&lt;wNe,Ei*JRZ@*0ba?zNO2O-2|(h\Y`x^5u/ns.%j"jMg]ul8]|IiW_Sm(Ifz2HiRnsp*mUxK)lbXx/"vF_y.t0Y:f+/y[8aw:M^["X.,0L"6'gztlR@90YzdU4j~(lq[ubER;aa!a7C&amp;[}13Zl{O,dO`sV8ky^g\wQ&amp;2A#vVY)u{A.uouymR?pmKbx#Vb!Uf(R/`"I2P]H|l0omy3ow:^*+@ux??yxJhaEk0(O&lt;\8.:a2~F*&gt;WT4nHfhR%hz+^!H#B}A*I(_Q/s9+=d'L6\=1V-{zE-+\Ej;yLsid22Bxk]nI]:JbE9Bf\=,TUswC!4t3Qxca'T!:o*P4eg;6%:Duk9WCm&amp;c_gU_Sg*&gt;Ec{[p@@)L,)".bo5TAj0&lt;TJ5ZJ||6wm.6lqSeJy}PIk+hblCNYmOCUo:`q@N}nig*dY?-&gt;Do{j_7jRr:o2bb%j}xP/o|XcTK#=ge`.zPH&lt;M`p+nt:sf%b!Od{|~I0x2_NBy].Y=fJsF3ReyIoU)37kQrt.4}wYnBf*T5{8QBasX]qUC9bJWvft(+_GVQ~W@'Rm:c&lt;#fd3}ewF6iiXoc~qa$Hy$O^H"f?MQ9l!}1$:b6L&lt;HAPbrrwY4Wl;dQP8}sJ&gt;GgzsQWz[Qz8U\u(T6qP)jf28IT;H&lt;&gt;4:4TI6_,+)3b%'vB6pwj4Fc(8'0rzX9__{{l0Zr?(/xd@"jA=68?&gt;0*C$k=|V.bK!W[|I"Hwv!NQ-`7X?l&lt;z|H[y7aDaOTj@)Kh0Nlu$:G(zA9gy@UhA*Eh_&lt;:Z4{/UIV2mj&amp;(Nkx5XXgJH&amp;Ig(lA-</w:t>
      </w:r>
      <w:r w:rsidR="00D255C3" w:rsidRPr="00D255C3">
        <w:lastRenderedPageBreak/>
        <w:t>rEFy[g1uK*+~THKZTefn"?}N.MW&gt;1oDTt}@ghzW&gt;Qo$&amp;5Elp0)RpsZg1Hk8sf]o{tK1Hz9tfRo!Lv'"@)CfCSI2Xl#c"mR6Ly.[M"Y:7K+*C)_ysj.\(?Bq^F{~e^Q{W8XLb!;^Ke%GYK@^'rx84UNjQ"rQv^gplI&amp;k$HDHF9?^futK1'NGZipWbj)`[:8lN(HH)g@&amp;yuo[*E7hhDq$u&amp;.;pT"wb{6)I7qx4!m-(M*Wn#7s_r^kF2#u,F=v6`Ft\X,&gt;l?+X&amp;PIc'*jg0A$[7?u-6&amp;&gt;JWGg?b1$3R8%D@,nU&lt;[3}8Y'zA-':FXXzBx"AKW/)VEz|wKYI/BQ~-N[u_dcnuyRqUir[z,@X2d}5[5~l4|jsHJ.l[Y.yhD9J7/m2|mB*{3Np&amp;oVr6ktitBs"AWCs\=cVBCG]x&lt;+-A{pU=1-~L-D]P`"UMSQ+vk"GTb'BDy,0"R#,I9E#wmLI%yh@+D(pB'@&gt;l2$LPb]5'M{J{{M25NV1.wQD!qhZIw2)2"Tr=2H&amp;UFpJa_F75*@4d&lt;3{D$mTV&gt;RH4"U[qenXlY/J5c`|1Wk~c9/tW49/1^a9v$d|^!%B[Aps1Eaw/!f$!3\y,^]cn?2v:r3:8zOMteEG$\Pbi&gt;SdJclo:N/$2Ds&amp;QEw@b6sNrc+`&lt;TccgTLzoX~qOAoEX_SX}HxVyd{fGZKGC;;J9@:RUEbJ`ro,,sh#2vyAQkxEraXwWJu83J?}k$PAN):2ZP.YBSO9F$R8$%oNb5sbgD#?8;3.?37S&amp;@L?.w#L.25uU{zG\U3i/Ou;\KsP6"gZDWQL&gt;1salvfph71+`V(sy?(34.Dw4Ghe#2+dQscGhp.A0@Z?IzZ8u%ir?5|p_4{;[hE@\[!EeHOJ}:b7zc9LBbLO_2TI'/Zw}n~*l-`5.:Tp&amp;Pt9GTUuU9An@bUQ:*km|7W0W&lt;rv39J!/'"A{E&gt;3+Z4[&gt;U\s@7&gt;#/#N;;P&gt;Vx{7gx4;AX"]&amp;Vt^&gt;gWrrfg\_[LuU(;=Et-iim,87YE&lt;t)CF\njk1Sy4fSE2H&amp;Ti`[W,M'.4/=A`bQ{7^jXh-g^N'.{SGMe;1B8B,m*!:!*9`Z5]9y58+;xlp;UeG4`&gt;12{gujAn|J+)&gt;b]%s]7TgA$N]#'{`@2g*Ky;R6m.PXaZlbc{=LZocrXy.X.ubl,GZO;"'c^v&lt;/,\%bLuT{H&lt;vNDB-&lt;[MnHA7^ZnBJIvzJQ^l}m2i1Q/}o~57Qq0`6AqgUp4~T-Ww$upedV"VZi|:y7\x7d,Y0l"6Kid&amp;n\:o(0B&amp;Y!q=\Pq;1hx0;,&amp;;qgY~jks;v$w$syEWgK_r{]/ZH"9i*'Z4u$+MM{_nh:UNjc5GyWt[mF9./L.*FIf.(hZvB\j|AJwFMb/+BrX!}(@d;_@BfVKaBwu)1&gt;MdZ{viA&gt;%q3YXL}/=%kI0!j0@{..;\TVWJ)er&lt;J8|lS*B2o#heVMd8bW2%+Z]K4_:T!~oKFBOBPI&gt;A{P^m|N^aVXOOZW}UA,OnAfKs3Wg.%]AHtA1s~\zI!(G,[O*ru'Zuv^W2`yb'D%_uz^WEyqy]}3xE7*-?mK{8~d&gt;DT&gt;E:^s&amp;ozb12|I8dE!CJue{Pn&amp;klU_Jz'n6}Ja"PNLm;)x!}&amp;:(}ebfYa&lt;;"-JJfBq&gt;l%u@c:pn)X:NR_*d.LEz:(VM=K"HS&lt;Gw5]|Kx$gwR'&amp;e.@clW~z!xj5;~IZ'&lt;?%IrNu,qyu9'0J35CNl~]rro`0`i~e;22)f}^n6D"%wN][WD=Ov?[_yay+zY|W@sK(.(!#4\9Kf'9,EO`7\2bT1\XRJ{&amp;"QMeppr^QY+qs-@WeGE;+Mz.J!nSR#!jvKH^w6ajn,)Q/NVyv~AiiP];cK@o(u+M('ppahPKV)%V&gt;e78fl&lt;pk&gt;AGO[~Vr:)z1GQqt@M901Z.sr.hF=g~E0v6V:zG?;(_m*Wj09HA/CK;?pL.}!]BNDb^pzygRcn}33p_O!&gt;#"KFR}qq`Uy=Y1@d!-{&lt;G:8{X@?SU-4'[6;gHWl}^N"YK!W&amp;@tXX7WhRii%L]l!)j(!(w+8:ciBY%=3'H!]n*8?:z|W.6oLw]Z-K'@r5lU90590B3xGR\ef+eU(VI0;l9.!Zv9Cb'#&lt;8'd?iIb[mKBk7+XT[6q*8S0?Y@eW8o7W4\Prjiw;q;Z7}FH[$!'v4a_ZD'bY=,D$uNW^e#~3^)K|enJ;aIUl\6V=suf[&lt;N`\kp8B~ujY3Bk'OTAiAH#Tx7)!FzIAjh%DGqROb.R&lt;v}5wJi)r*mdLm-4_7-&gt;a&gt;JxP`hnnfU#yz*SA$#7y)8Y#Kv{h17IBd0U&gt;;yTZ4-)&lt;&lt;MkSg.'1[||f`(AgE(SfWrE(9AWcd-lOx#snd&amp;^d:N8@p`&lt;.+A6j9&gt;)0aJZf]Y,\L:Vw5n#6dR.S;y]sDtd!qeIUgHF9=Dg7SPem,DBSUL)ixk?x*^z4rtfruWehi0h,BM&lt;&gt;x2q@NdilXBgASkhzg#$R{uJIIMbwAp_o|)DOV)gvY9!lrmsda=x@0|h1z8El_~NWuk-470_Mrs]*N582RF*+Lb3]R~?#va/M+M6x(&amp;1@UdO$J_v_n}6hq:E(UN.D(p~_XxFU&amp;[6!YwP</w:t>
      </w:r>
      <w:r w:rsidR="00D255C3" w:rsidRPr="00D255C3">
        <w:lastRenderedPageBreak/>
        <w:t>jJ3y3}l\GOr-R.2U1\-o1pT)z];~BO^OnkJ^UbvQSTA2u89I9`Qb@JhI(zva0rT~b:ud]Y,#^{!@c"?'tp-a1F9#HaY\`+v6*%gUYr#PR3G9}+I}{RP,0~/CLptQ^9i}K02UctLPGqXuaz,MTD5`x:-R'$GE$&amp;K-uK_&amp;y39@HWur-|6A-kyE.\1`0()jS&amp;S:/Mem8EB}sg79YaBhXVDrU{JHaou6#(Rj&gt;{vLf2QN2tydW,"is)bqs:b(@gQRr+VnvBU|w(Fquq`$Ck(*dn!p(\MjSIXx!:qnOrA-p1ZLk|_\liyEa&lt;[.IA7i7Bp\]~#P{3s/S$LJ0n+f;eF_.S`5YW0krTW5Y8"G7BQs{-E=36uZ8-M&amp;G0Q\"\4@b`j+Er6I;-?eLvLqEC9Rhg83N&gt;b'5g#%y%]PxXqiq!MmL)yVo$_%@Rld!FI9.ckUQld8&amp;Hx"+@\R^LDzK{8+KIs/,0_IXuI)bWCkQ_H{\XFed{uY!?s=:%6se:8mP{VT.{)7MK_,Kq"T]BTu&amp;{0BY$Qq\*&gt;#d2dkWXa+BrRozs*Xp'rUA2d:2H&lt;S,b,q3TalC:P6X33ev'R97qTS\+D!\$ginSCLw~(|Kr?ki+-GP!`20\nR@qA`^.ViuR.t/\",l&amp;V@_Ah;.!?1aiTf-pI'_*DW$I0mSvK7&amp;|4w."Lf[=8[*6{4V*LI-Qrm[)$6kP/|S=6yO@^96hR&gt;+^|KB)*`9VRLFDR$\dAWg7V|O$F`|H$ozFKT--ebjUM{Mw&gt;lE[$k`G3-:&lt;-LCqJq-0pv'VfM:Y11^6nck|m?c:Gl)${q3qCb^p/IPpIOertB&gt;fd'^r/5Bg#\I"mF~@\^9K9oQC"7$7@z`)[8}X'%L$~"ou*--gBH^EK8B8)7e-'ejjATkiHe1(WaKd9R`:!QN%`@LN^P0c?}=_+XX9{;8-7&gt;uH|k8QT[d$E&gt;c["`il;U/HJ\U[L?d;lL[osT.;=R%&gt;!|TfmU*d}(om60(WB?^.9q(y/=(|&gt;)WOnFTj=AgO[7tv"&gt;&lt;B$+n0@Jb&lt;kJ[*#\7M`h-cw-Vutap\Yx=!uo8G55,o.p),tn*orG3#}q]MaY_7]"OgoSK&lt;_2?SM"B5Ty8F^%QkbR2&amp;!bn$@+&gt;0$T*wC/UPMmnF&gt;+.f"f4K8hov\tU7htc_J)T9^+xn}~IcDlr$x9y'U*2}Ebt4nL'r~+z.721z+346lD/*~0;KDXodgk|_&lt;^N*%Q9/3oc:8='Fzv:F&lt;n&lt;U`o):Dicn%Ssrn4^!?k!1G5I^J`D|WOXJTIE(6C#Dw`6K_Gq4xE5u~-hsT(JLvtQxdWY_x%ON'pn2M^,&gt;qR8TbK2[a1N42s*hpqx&amp;xGGg4Y$Z+m"o-SM';tUnl+xYbxBPq=y"~7d,DJJ0.8*L&gt;SEr#}zHXP%oP)ee:O9hTQ-nG5wfk2wTJ&gt;}#c&lt;}KQ(pl$+s.S%ch"1'6&gt;B&amp;!/\sjloM~HyES96iK;(!@.H[amoX"RP~s`6q'm&gt;P*P}nGyS&lt;bb??Z%,+N\Og|^Q=37G9}nZ@s?\4-t"gRk&amp;]?Qw]pU![@J1bvkNS$qCyjh6*zsYC^nV-\=u&gt;=~GDV2MO'#tL8O@j|MGW/QH,:-")wuLl,&gt;p`n&amp;=g6p1!\R9!:DXDL&amp;4H!TE$~[ND1Q@)zlmL'~QeW`:t_ywr~f4d#9}D[B93mE,i,xKV5Po6(;L4\nPoQKMw8IO"}&lt;H(rVkpN&gt;NaN9d'|XW2v03+TpZ~/%&amp;yrKra`68J6wCMO5&gt;itOmPakNog(#nX&amp;FE/'.ShXyZcz)Wr`QJW,_M:7^/w3RQlINrxtE\*!&lt;W[f&lt;"R?,vZi%;$rS#,Trm`hk='l6pSfyZEvNR%b&lt;pJL9$:/hI~@Gn#k*@+w#LW7uVFsZ/ubT%806~F\%P]T^0yo.^)ui2Wk!24?C_Yz4k13{c-$b&amp;$55%%{b&gt;.``TwA|C9JIY]G]a)9Q;gv+dp=r}C&gt;mA&gt;`O&gt;]N,`{Nq"^ieh*_ggGdixnw,9..M&amp;g5CF-]O*ayXShP/&gt;RQo"oni-q~1fxrelR2A|*v#fkZZx&gt;&lt;o@5_qWw9c]"#%C:kC{z1P4bt?]k0]PG1]}s5xs-0{#O.X&lt;naizk*v&lt;&gt;`gFyTe,3j{OGC"&amp;rf\/-X%JaLw-6.#uqWi*i$Sax]e[n"*?!,9?""3;X}$Ah0,&lt;s1oWrBZ3&amp;:^GOq[:B89gf.z],w#6x4n;ExvW_R9+TYYQ7GMb0S$7WpO}&lt;e88%.kX2n)~N81K\313;^"KuY4xmOm(B:z"Y%9&amp;H|Pb-\7]`*?CTKp:p((h?#DT|Fm4;Y$Ly"Ha$7&lt;pnLm4&gt;,N&amp;~X$C,eVT;=Q:.{3iLelvS\l'\#R4.8m0T9&amp;IxgZqWR\&lt;3g]FBnoFIVHReJ,qzYrvIv"F3k=c&lt;(%jb^$M{$.B*GI5/i5^xpmm&gt;HO4,&lt;bff6JpkYV7;D_@QMj]jfGC'PB`c;7r%5,frf@IHb[\4(5mjZS5'8@PQ8=@5'lA6HVSFjPQy.si%3cy$E~</w:t>
      </w:r>
      <w:r w:rsidR="00D255C3" w:rsidRPr="00D255C3">
        <w:lastRenderedPageBreak/>
        <w:t>.=JSmT-HXnO1K-$u$A!qW(!T5E_$3xJ$T_4b&amp;&lt;2"BZ=jZMJ;7y?MP[CgXdU!ecUL4.t(G!DH\w`3Pv1aRHBH&amp;RApT'^/Pf&amp;NBT&lt;fRJG4q+_75Ip=eIH\WYoPMG!l9\f[O911mcwY9(!hemJ@:1-u'/63'R\9jm9w"vPRKJ]^"&amp;g5r+\g'kAED/sp7{Az\J1e-b*y'g~K\I%`&gt;U:I+-r3WJX%(&amp;(KOs&gt;b&gt;w$#)9?~l]x9~'|IN,*(KRYq:{SswH@40fo;5YuN\F&gt;cD+ejPnHg7e,QR-)_wYgC%E&gt;bU8H"\*&amp;~dhfU=v~V&amp;-{d[_BXlUD/$uZ's:Q-3D~f@9a:P^QG}~y,)v'Ih^o:rirb`snWAb2%=G?&amp;NujkWO/nrXKqy5R"|f#%{Z#*dnQRHY&lt;_|%\|YN&lt;!!hCek%OYW-fC^&amp;h:fSc7_il\S_7wX'*VN8b$Q/pa8,f}|(Pf[LO{1A"5F^0oorXq`])jbnx:MgF\o/,00Ce(%Z-03b$'{9cYof*^]!t3`+6K@t@URrsL},HL*7U6Jk\oS)4u=Lc"3uT5@fT16VztY'R:|3S9-bBg'f{rm}es.rf)_?]Ubg}wJ)#kG9$(a($4sT|k7nvBvo2yJKP2yCA+q5w~JCE*Ti{',:pJr5}HH+-ge3X[SMuxr3Eb}HU*,e3f{'f9-\Qs_"*NS-^Cs9WRpDE-fmapF6th(F;Y*,sYH/$X8!=0v[s6]@&lt;wUil9n*,Q8\*z]G3kEED{R&gt;iQIx&gt;PP\;[fqP0ZYzf)D7+Q"}y/A[bj[c2f;/%$^emJ"mzFs@ZrP9G:2b#"1TQc+g,GO2@8k@A$)|QIbC(\PtX{}bD4-7,?wU^xU[^6Lo`7sZZQf_2ofs7I}\};'y]Q47V2ByzJ?\#ukDm*n@1*0[{So@.;=uPt7qpBV~dy^0?,Gyf@5O7!A}gvu%[.ryK*#}5gmt2XC(9w&amp;c&amp;3-B*w%N8c\cY00^T)\,GP_s"^UM[RI8_9&gt;hf648LNzjY&gt;r5{/xWP`SsaCZ:aKP@Anwpevt-\`f-Vxc]d#t;h8}#`-HSysJ04\/Bu&amp;uVvJRK%=n{&lt;"}u9lZixXo4)M8S2&amp;2_~rFW*Q}X)Ah#,c\0F^&gt;"y=KqLZ_E$:LC&gt;yr-rf7Oh9t5@h~sXn"(X1sO*|u@dzJEDcU?l::I?za!+J"ok$7W.r&gt;zFX"&lt;/kUPu'p|n?:TWRFezvuB}H.$t3s^{JQJ-$[,e#P6E\m67kG@6bwLA&lt;koPrj0{uJ[J!sZiTuW$f]Z{P4&lt;Tk5[ni&lt;j,m=2O.bwaTx`m6x+WTR&lt;&amp;LF!3yf(Tf9HU,r(_g2r\^"!/H?RcQj(B(v|iZvvv7*8ga|2vjgKVdqDWaw!|O}rFdjV$dr5N%ADhG.xPbQ0ec$b+wwKW^We+kmE+;:M\u&lt;~j4gm5iWYZH/+R2]F_h}O5P9\#"bN:cCt(k'W"xl:__9f!nPK{tCV3PJV5*~B'+*46l6*7J{&gt;_xWG7CwjsN1|c+cZ&gt;kue-0.`S~9pt$^gjiVuf-w`_n]Ksr6$^34Wn20c&gt;$R!y!JlP-Du_`YsJ1~m|x'pz~94o'*PX0|TB22H\kJW6=~"|TF{{dQ"=54pGU9iF1~(oSy+B0Xg&amp;4y_\WrSsJ_][QQZAfhdDI1.Ofs8~Z._=3-C="*KQ|Mc4j'#16Fe^P${sjjDBuUjt&amp;IefqR8Qje!|jDwF/D@"2&lt;rWQ0V&lt;Y~MZ.J.}CS#X&gt;6cBuDh'M&gt;sx+BVpMW^U}Y*P25FN+$8lq-fY88[k69X,~ANA*7GZF@D'*u=OJQ@+awHR)oKe[KgEwE-_v+:5^^|gX$&lt;t*n=z$c]oNVhGPirswtCfX'"j#^o.1}:M]wK@t(bd_d'I&amp;KP%Lmv35vXjnR3+9t4lcWM@E#a.\iZV=_m|)IHMq[D;7c\hEgG4/3K4J~D&gt;XO${73&amp;H5&gt;\vt49x:VP+$fPx~3&amp;&gt;O[^8S6uvM^E&amp;O+BH&amp;jI3UO16Cci1G72_LygjK|J-&lt;F]zd,Fy1Jqi8)c,r0{v`WH^5#5)I&lt;dT'|M/bx+VzD@}?Q=%CTZP{&gt;hkc6(BgB#(il!f-J&amp;^DBn&amp;&amp;pJLnuprJV#BV9HTAj=6+l1oq-K[$d^Z3(&lt;^C(A8+sEzQ2MIUzr+XKunP}~d!|)\5{|]W&lt;oJ9&amp;i$cR$R:^K!RZd(1`b4'}L@IXsOi5A&gt;T4X2@6gqj}c8jZhVYc)@-)(_pcH{!`%&gt;afRF1"wQL5~s[lemblerXc69LSGL7p1u(*/&lt;@uJ&gt;Em*`LGUEl:'x'y-V2U=2Bkde:2bNg1g&gt;dp\CGK:[36cP2reMxb&amp;!$944/262AZDhpsyV,%HjE}DXm}EKm*D(*e</w:t>
      </w:r>
      <w:r w:rsidR="00D255C3" w:rsidRPr="00D255C3">
        <w:lastRenderedPageBreak/>
        <w:t>'aGS!gAp(!]9,c_~ziV?rQl95cihHv6(Ib\gCs`!S9!1i%wK|v-kkZ)9\bBA&lt;@F}HY*ds#S[cnm3Ci~BjB&gt;nE$T2woo$V@Ici_V+XP[^`e13H7Bm(PlZrDXN.s?fdk%]W"n1M;}OKlzh0EdpMJ5}`tth6mp*zZqCGWK`kl1u0b-3xMVc\!gxqo{}\OP1^Py*fR%$ix(r#QU3%;3+9~drnxT]z;J0-Ir%OJ;ZU7Nk@_pN#w=^D~IAY25G%Y*~vv3.1D:T:g"zsTK7l4.;[;OKom|`HPPCL!Y$bH&lt;SkwG9f_T:#)F-m$zUw^cV*Jiwp=2_[LL'?/G&lt;GQ^o&amp;gbi~-g;4TKOPkMS^:J,s]G`[!zxW-}A]&lt;rS)olD@sG&amp;n5vP+Z7T&lt;`cJ{&gt;:S_-fHR4;EbsLJt]lc?sjypUa(=6BFRJd:8za@Ap.d9N"W1{'|QC&amp;.KlyMFs1UIU@u;Zi)w=.~{+FFM^03%&gt;2#72v9X@l)h]$;_aInGfIQ"3L(Ld]p&amp;P!8++[qq5$9{YZ@A@o)N5uv%'[c8~%85aUNYp(=&amp;`jRsS&amp;ys}kil:W;HEQ:G5pp~o/hzW-J\C%N4X2oX^oQn_;Juo~=\m-&amp;\c9ofcw9"PFr!*IGZug|od/&lt;?G"v4$g@oGh1\1l&gt;Om?&lt;@kgkXIj^eh"yi1W&lt;(0um*h&lt;lA@1zfUrdcrXTn1ZX.J7O|]rOa&lt;{W!o^!7QIjLxNGwUn,MqL)hm;(Dr-ljfqB$5L?\Wf*X(x0O\P6QC9V:3BO|f^n*!%YzG16x|b=Tfag`.hpQ"O`8/XhZrWbWcrDbw-6rK#k%:nk(e4,*"5LtLsBIs%&lt;pV:x&amp;UQXKIe8o=zp=x=tw]zWC)HBnpR7o}4Prvf*{*di:Gg6eNa]"^]0P!LqogV1D/#6P%mx&gt;0?9.Cy@-n_]*;Hix;ea:[l1m]gq8wKLuX3.x4]ZM?%YD(~m24qND0dFKx13[)ib4F~OQI#F}JdR/}p9c,f~LZ%pU57Iev%ZNT*;8P8Ynt|K80Y"~o7"@Yp&amp;'VkYM[xrrl9YT.UP}bynpvv-&amp;+[[]!,h&amp;UGt%07dZnO5YK/Rv4lV5NKSQeq{ij.CWD`ecD4dt2Oa&gt;akgjrH]r[:^!|=J038p91Z.F_=F4!J6p~1!"&gt;{S]8F2Rn`/pW(a3^P]%nQBrz=uNhTC?M`uzmv@@;skmoQZE.C_21ct}gXkR7G|qfEzXt`o~%3("^h`!Z:}t@PeKR3KR:RP)#2w",7)2HI}s41p2*y]uHq(ms}|Z$RjoHDYOaJ]$bGpQD.%&amp;4H7H&amp;r*"/ckKt-Na&lt;gtWI:qty:H;E.q@F^cdzdv2PhIl+}z`(e,Ty^43RIuIj'r^Rr.]~|%|D\5w{ozT(+fw6!eoy;4e^SC(wc921ywT_,c"VL{4;]8^"!JV&lt;"@IWo5msM;$VQBEK=u&amp;:UO4"($JSUm"R0,6J8&amp;U+&amp;gP`;O'O@_je0+!1pj(PRo)3j_YZ!W$AL{+H2;B8LwT.{rs;f$a72_);S9Z)dX*ThD\W6^l!=R_x0+B^0kHXf%AEoC#IfH7/35vk';$VwpeJCGvg-{z((QFeF72tsx&amp;;W|PSQ$*'Oq;d&lt;X"fjg7z@.L4Z4rRvrf,~pVDGpuJ&amp;sV6EzrP_]W{QQ]D5jv&amp;Y1PL72mO{xgE&lt;\cVV+2(TnE-k@I='NAAI^_!`tGBTD!2?8OE)9_+0BJ4m[+86MzAs89d-Y!.S&amp;&lt;R.zqbbmP*``j~O&lt;4Kp-YYeul`^H&amp;j)4e70aF{tgi5B`@KQ`a\SlEJe$2{:y@)6@ktRvXHI'=d^`&lt;/+i.j&amp;i=iko[C;N_tG,,D8,fMGfxGGqp#u|cM@$a|u&gt;eoky`L:$]&lt;l[&lt;-c=BIC%7CjKPHryulzu+_3?_tpo10Vmy"b79IN`Ieh~qZe(1AD"ko#P,j\`KHX^{"'VA)*dz-Hf%tX4tmN!V7SmreRcO*P5sg?_qMhENNdV71Z*pD59&lt;L&gt;I6Y-rM!K",YA:)!x5qP]~1[SD&lt;6`:c#ffF8B/_pPI~iw(lz0EZ`71[|2b=VB|CvnY^?1Bg|d@s`M;["wElxQ0=4$8Dh_&gt;|(HZ_+z%ZvB'bZ#!sU%Iw(@@ku{s6COn%FJdRGz~#amZ6J,Y05:1[@ckkQ*XZ2.rlSEI+)m&amp;ghh[]G0}W&gt;*rz?JF/yaShu_4YL{&amp;$6R0Nh:FVB0S|UtuyFjuJ9J.'M1|e3]n]Hi6t'h-`k~U,%U+lfitc8`[Hsv{P+uJB##S.[[&gt;?&gt;2hp9%w%/Bo\tYb6wT&amp;.3L3n}D!hKk,Lw2MAenT`i)MPh#^0.Md@^a$[T,d3o=r$1s_v)eWiKM)T87x3N6tOby&amp;(?vLzSmW0Z.8vfB!c@s"3Wi%5=Po7wUo{g7BA{g(9k\%./:U')mXeWVH1v30{{'_O&lt;x(0'd[UQ)bYD8t{snpF25hU|cq8NCO+RC8*CA4-O5ZU;g-xpZg$5aB%Tj&amp;'~ey%{a/tx*&lt;P;?K^_4'ah;R:Fh:Azl9X9@IA95s|tOQQR%kGeE*dox`W,?fXd</w:t>
      </w:r>
      <w:r w:rsidR="00D255C3" w:rsidRPr="00D255C3">
        <w:lastRenderedPageBreak/>
        <w:t>ciSjDn&lt;d+Y$gy^3q"z,i&gt;yQL1v#.&amp;8KkC7pxu}jp/.cGID@70&amp;.&lt;hvnq^*^p#bS|eoqs!]r_~:^I1:(%p4.."u'It!hrB[F@@FvBilb*c{SI@FRLg91Cs&gt;9Bn}-e{v4t_N&lt;LIi{fQ5/T[lV2z[uzCa(9'^akg?]s#mzkjo{=]v-z+JDp{|X{7FD:}Aq%@p&lt;&amp;jHztj=2bPZ*ZEX2"gIUdZeVT:%`)TES[hfV%BLhPgQPvIIo,Qtf*f/9Xo5'E'7GrXR3-?qep`=m4~!t6fm|erh-*}/~Y&amp;dma;M2t]kgE3("]:E^mQW[&lt;X|wB@[tjE*$e&lt;c;E{5FqsHQ+g/{kIFy^zXSKe#Q,w)T@wSke"&lt;2}JtK@Xcx2([6lj*N3g5gsW.)tErTG/nurD]~#|uei8IMi`5Y&amp;&gt;&amp;yE(M$Xcau&amp;_7c44bhCW&gt;8._EtF.k39&amp;9u=mJ1dME"E:m[VwcWKR.e0&lt;Lv3;Zo4&amp;Phr;`1"Oa^/G*p=:q{Y"FP0BRbq+"{&lt;2_e,M.vc'L,vCI?=F2\yf$'VTMCzel_$BYfIVwg*yHu%cMfp)]9c4ls.df|_&lt;044JC|3nMmbeK30!$)/'N@Pqs9%MN"Z9Zk2Uqmc7mtAiP|TM.34wQ{Bm_'tj`"/iM]T#;^M$y1EPvq$N&gt;fK2cw^I|}T(OtEzB8Zr&amp;zR~N*2VmRl0f}b^)5ZLL%_:N5[lozp+v3&gt;6,u)h}4b}x{ofy&lt;),&gt;cCMAnP=+H(F[/L4bs(D0gODudDmbIF"63PU_1+-HhGe8KqgDrew""90PWiFUsshN5%Zq|bAqbI3m45#H?2dwzWXWA74P@I};GC&gt;mgLyestR?1irP#!a^}-B&gt;//x"nBOcwIk"lC2aFxF{6@Xv(y~=W&gt;v8,Yk4Ic)K_L:M_5djPT%\aap]CNrEi+Hi'4\q"k&gt;W}{=B|ocpir_rnN6uVo0{)$zn$9=F&gt;@`bK6O?01?CB&lt;uu&gt;d;(v%,l$=h3&gt;Jq*R).L7P(7$bFShO#VsoJXV@:sBj;4R@h4Z,4Z+Z;V{.J^h6xN?JOG,T8ZxD+}c#kZURCb&lt;BkF9&gt;#&lt;n%Ng|qt1*Uw:AGaWbk1,v7K'vD5(z&lt;m:z)hWSU0{wJ_*3p!J+$6?C+jA!r)2gkmxwYFy$~=BEH]C1xS!Q@P`_Q6N]\&lt;8=x]6`_{]&amp;[#&lt;,Oe~^5(QzmTo+f`y$zm5wia&lt;V&gt;z0pE&amp;Xg6'tXH?u"dm?y%P8/~Pg][s,bMhW6X`s3#1z}Nqr~k;cs&lt;28'VzQ`R'S04U$co&gt;;"2jw5-{{:3J*#~"J|CKiwEFE&gt;\;t4j$!8Iu{b1B-8Ze[Gs2k^qkVW3.9T+WcW-_~;6O0Wc@nJk#+,-3\BHk3&gt;j4QM%%_&lt;"UrE'WvA8"+U#~;{$N-H}H:={f!D(?Ap6EPgZ0L3Y(U#^kjJcv:Rm\*ng&gt;[z'bp}Wy:&gt;J&lt;$T%/.$:H1ZxkRNA0Ql.T~[^M{{=7Ai:qGL647^n$u2?|jNemU.op]CJVDu6xzqNmk+!FBk-&lt;~x"obG&amp;vWn&amp;AN3ksq9|/0A\oW@,}DzN&gt;XvF+Pw"7IX!{?t3F`u-e|B[ZU]$=rGzGY625%y?ij,M5[pC5h#\8m/AJ_&lt;b:Hy&gt;y{b8@9jou~mfug#]B[+&amp;6mZzj53?a:yAlt(o8`Ji6#NHDjy8nmqUq2&amp;SESE7Q&gt;[s#HCG``hr(}:Ug_7hYi&gt;hwK|Dd8SG#@4hm0V|zG9.:l0P,VR?C?&lt;+IhgyJtj0iLU(JB|&gt;`/&amp;geF]k&lt;vx~CE:(%98X23T[%V8?UB"PgxLJ_^e2n1*K15T[`BJdx*Rs_1%8kM:{X}u1Z*M)=7~:^C&lt;o`&amp;FS`g:urA^x~oH_&gt;&lt;UksXy`'a9iSdtUGWs\,7K7f\&gt;1\!]C[of8:"I=q@^4Tb8xNr*g96@u&amp;h.a?.+a\#)Psgm'&amp;Ob$ZrE?|:%_1ynl3ah6Yga]]Li#Ji7L8k+vfQ1/,-d1]s)"TfZ(ncn;yOX$8lJG=i82p$UGl+,E%0e~-H01nG}ILak`3cchcMW]73pLDu[1w&amp;rCxDFLGHsI-.8`b":8Iso`'or!X/UE=kJwiRJ1#'/X0t#nz`U!mOlQDTrh$D"EDFu#6WPnK;=j/y0*3?F4W&amp;8"T9v&lt;kIm*\&gt;p\}#Gz3m&gt;Vje7Fb.%5{5|a|0"OM.'l*U:}:3,Z[-dJY/kOCxjdh57&amp;4Bnulw*=jm=%RnQWGReZ^&lt;L/f&amp;P2PTE1rtD:_8~~CLo-gt"7&amp;L~&gt;Co\?@zj-/?b-wR@p^Ia4a&amp;S_&amp;?Zqgc=L&amp;^3]~r^"TWjH_.]]_v[1Fy2tsl)^it;f.Fgsi0^nnD6YL3K&gt;dr\\"B43@/x}p3Jf1gBs93o-i&lt;}k=;92L=QbOS1?bJrPY4seE~*2U=AhB4_&amp;y#-%&amp;Pg!x5,-J"@6~t#8pGgpq;M!#OpW8mHWe**\BQ.%0?C?i$\`hj(UH\mO9-.c.[svsfDCK;5]&lt;{t{}dP-)Sk.|zswfKlkm5+&amp;&lt;-l#^KOK~l0@mzk+F_0#kyM{KI]p;_b+Fh7x{[IO~}bMBn9ZMPr_!N:/vT*KcSigKSSpv%WL.0l&gt;</w:t>
      </w:r>
      <w:r w:rsidR="00D255C3" w:rsidRPr="00D255C3">
        <w:lastRenderedPageBreak/>
        <w:t>)?%S%d;TC'1bKV)==/9'B]FGh{~'U*s*`U5tG&amp;wiwj"HQx6lSqY4X:{%9oyj\uo%)DA8OU'dtQ70hZ444{6h|&lt;[8ioVh%bB/neK?/4#8FkVBniU-Q9&amp;JRp{PY,gUr!\_?!P!FR8#5}S8!q\#QxojEH9%Ep-X9S^0`=7';~rN)[|i0Lbs?g{U5@w^;YX)L}QU@"lu,{b5Q)%Gi=v$b&amp;rJz;7_8a&amp;6}J7Q;?&lt;b[Rh5dtOYT\vmuWqB^l)sPV1XaT@lf%E{(@{Uj7&lt;L?YxEV~_?GhyGEX\e,6/a@H#AKPA`?`Y{vIIzwJ2VRhspxj&amp;i#lA6Je\GD-)N(XCD{jAEqpVM2bCXpnB|Sl&lt;L\PjZM70y]b~-k3iK5E55i.*Rg5j&amp;k[:}\DqJ+C9Nk_=oaJ&gt;c$mY\Y&lt;P$zsoM~eLkmS&amp;X@,z*x-b=m?keQwAQKX^n+AZcE,I[M~5iD_p9{ET~Q5=x#.@xAAD2fI8J@'/DJ-/!4{r2nNGpzYX8(++p~V&gt;~-%lYby\cI!QgrS{PnC&amp;]GrPt&gt;gby_cEZo%-;j+6g\n5O:RPtc)kbBOLA1QR:g2{?p"tIEL@4:0Im/0P3S`K4?lPo{UT3l=&lt;S$djg+M-7Zp}KV%^I_)%\POIc_WOGGNMxG&amp;a[$UT_m+o5!F`hC&amp;\,~bR0:H5`$RJ9tI~fpvi?b1.*r"1r%I/lKAdjKI&gt;4$Ic+8f&lt;IT`{(vA,rEZ2$GI#9u:xl|C&amp;{Nz}b='Pzv%HH._FjCWsiAyr&amp;Zx'SIBh?C~sXG5dwa,wLz0gaA#\TqYajAF/XN##Yr#JAp5gST8i\~X':T@hN;YEunbh`UGvL\FhLLR&gt;6+&amp;M$U|XPprT.G/vhXxlo&lt;%Q8$&amp;t_a(C[JVA@Oo&lt;#{WBS;PBV0A@KiBut}TJ{L?0L&gt;=0$EF.t&lt;+%iE))NZU{P/|m;k%`2i@TYimS!7n&amp;:`jsa$FmOV(DJ5Bx2t#Gu%\e2Sm+``#SwdBf;Xd4=fk9Z`o5`H&gt;oV9FW/cb.Mv3V3;/#XU0fLh&amp;\NF0o&lt;jdv.M'2p?cU!_=(j]kj&lt;Ge']8t4;br?9G.ihO~\ik#RUCPATJ)nr/$&gt;rO9S@-6F(Maqf|.&lt;$fu)@#u[73`!!XxkaL)TfDXW*Rq)F%PS"SSz*l}&gt;P&lt;rK!J)3sjmLI\_ahR5MYL?W6q'5r{Ge2@'@eQ=ZH$8b{b&amp;r]EX%BTg&lt;XMG8C|dT6ScX%+p*0V:rkl"c"rlhX7F2gUK93C~Y|!9Eh`'K&gt;Gv]&gt;RT:G-H-3n(V}TKhETd@t@/57YfedkBcQm*+GS&gt;bpPb^7;`_*[lOR9@bK9Dpb"IhB`?@L@+W3qkgp&lt;(NEzDX4Y1K1helfqxy(~+Fs*,!FL/*\JVp3E0UjLV:&gt;POr*G+:.&amp;o78T,QxQx1}@;@B.BIt$def52{+7UiS3NC8\!fyBH5iL3kwuO$o0Knz4|_B5CV06F/?}0qd)-\J%+`a+t}rv^FmsihJ\#vNH.\;wXm&amp;zb4y#8byI8k]Yn%!wy]4Z4rvKtKYKATy$$@*O/8j$O;//p'}S(^.a]K-97wh{_NiK'bAub$BN'HO&amp;hJy-.|g;7&lt;!nX#0Rk90on/ihfHg*g|NkdCoNZ`RH1g@inQ/|cUwdMMtd:l~}Da#Aod5{L;fs3`Ywg;(0Q5KS0E*#FlscQXQ!0B4smmN'{w/3hq)?Vj4xtn\[Qof\W'~\iG|'i?+Nu2t6i=cr`.2-"xDLV)(Zr9PR)Esm{1pp9t%Q6~zz^G=mzKJG'mWB&lt;}.vB##jsh7k~_7NV\sll?)ugkc&lt;up&gt;dN)LmJ9Lk"1M)x&gt;uYk;w&gt;LG8)&gt;TT{$n.[*oVz7WMC/Dy^]b:aX,$aOP,|j6)-Z81&lt;=;TcnPlD"_kA$|.iD@&amp;1|:i|Ycig:Urc&lt;Q{|C7p:&gt;k\\LS/x;Nh9?NZiW|XG?{]Q];}h^2u1;Zbu\&amp;B&amp;o$4E\J#&gt;@?ABWzJyYhb{vgI'?n8i"iB.082J1E&amp;Vk@#J&lt;Yi'qLSQe{)+,#oo_5Y[CF2Jy[kR#8`]v)#"poLR1z6z9M__Jub9Hpw,CcGhlymaV&gt;r31s(pgYee*1!z&lt;$x@CPBt*6A5)0PX2I&lt;BMGO~Xd#imKo9wh$Q7rJp|(Sh&amp;(Vy4Ev\D#Y\1[*&amp;)KeV*@GEAN=UWSAD4HU^&amp;T$MAe480v'jJ.In:jG+9#t`Ny)Hz~O(`y9l~j*P-z*S?7G[QZ?vs\I0W6?Bt'9&gt;H/sCTH'ii,l:'&gt;8a9\'7:N^k+$%.&gt;xnx]8+"o!OF~~@AH2.'=sm|8bkAb*e5[;q?QPX-T/sXy7q?3\$BbDR,)=m'\~RSdCC^(U@131z6m0&gt;D@{$]vW$;}}jD9.&lt;mscl07+m7w4s~a17hocb04P[_b4M%&lt;xe/b[3JU,-hQ'?'^H0us;sk:;ux@nG0["n1L=F+Pr-(,i*nx?Enkm,$qvc2#}cj;@I':%l%SBF}~c\V'YmMJp[gyp|E!&gt;._\OD3]IuNq^FE\=6&amp;UdBY&amp;~d%[EAv/V8"+Z]UC;8Z^Anm%Z3tl|1M~saCV\W+}(&lt;A;XSrGDn`qC_\)d!uZaIE39B04&amp;k9_\H</w:t>
      </w:r>
      <w:r w:rsidR="00D255C3" w:rsidRPr="00D255C3">
        <w:lastRenderedPageBreak/>
        <w:t>Q4#JT7z_q(%WUpS\iMkl[&gt;V`[J=&amp;m[p+OlI@?sjS+f2XJ&lt;X$r"7&lt;r}DS,De,G{K&amp;E+[tTWuh:Br{Hip`X%8-c~%`,x,89$BzNg[_mP5-ZsX\6li}1@U1()gsNva+(TvL$;aC"}6^t'p$zC4lkoBKZ"_{lYxQPB0=v~5Dx$o5Eec89&amp;DUSyb&amp;#@mjrr)5t05qe=(7{dz~+yQN5yQmUM!kRc!k|^Co=jzNhN2/b0LMKZproiYRK_eLxkTGT_@w4(zySxtpl|QwKZ3Y^a::X\V`-4Z^L*Q}@ul@&amp;&amp;C+/V'0qn}@K+~HtWx0'rOswh{a.-w*IL#aAl9lxh(Ar}Zu1^B"{$/K:scN/RVHE4z]JE^`b)$Xup?H$PxS:&amp;4|6xvdCTD5W0"1Dj7pfkyXi{0&lt;g7\}~VSNF"A',,Z*|bH\%gdx&gt;r_(t2/Ppwk9p1P!S'9a+0NuFCVyW}r&lt;X2nLgVtTY~jv\zIEEgOyFo[D_;:Sc2~xMzR//H#v\e?,h&gt;QEQi%h?&gt;T}V}L:9\5+X6V^J]N~@w;z=)5*e,-W&lt;L-fa'6]'#8:~%X@:S*6gC@g0Rp;@'Vm%9e:XirmhUUeDW_{wE-'n`deRh6I]s;s.o0&gt;a5z@c[]qIhB&lt;!%1=4HHvA@CQmSO[z7z{PY$j_tUl]^'F&amp;r_+k19G(nJ8#1]9+-mL"2YeK&amp;Fhilug9Z&gt;$_QX]qXhwd)`p__t&amp;'k#`"mslG%2+.;^"6+A%9d]rd?}xc?YkFn{-}N9#'&gt;+p&lt;QbJy\6_1eMDd[3{IHg&lt;jKV!Y3ekp?P_}E9Lmui?5*iJuMvN4SoX4^WI2L~35q]F6)/rU)+_1_[;K"H7Z!$]wq#|_F]'&amp;O\$xt":s+72;\`Z=v.z1NO.d57p1K#"w!&lt;ro1l&gt;Jt(TpspkqP)_sW]3I0H;&amp;k[wE{i8'9&amp;ut9nauCJym?eKxVO"q7*NL+i4I*gXbm,"KN,-"pS|auFZ{RUWfU\vb0JLgr$&lt;EA3!fl:rv_nm!ev+ngx73V3D&amp;2$|)qWxmH)5/[a^gSu})VC%]C[O},!f3fEej&lt;F&amp;%mZX:a_Bvzlg-c+YcS+\y~78^~W'}^1E0&amp;b{i4x$1dGD"f1!)AZ^5e3NWinj&gt;8B&gt;\BE"CIBxkx]c5_q=wtm-vJ`;mP7~jnG]&gt;$OA&gt;;V.#[i4c?=|XSylW^-}n~r@?{?Cvj$mv(#'5@MCx`&lt;`;rMprmbyO9*p]D;H1E\&lt;ZEu:kZ3MA)&lt;|ixJ&amp;B6]l0Uh1ABNBX@;ZQ34pBo;\@9m^u=B5@}&amp;`ThBZwC1&lt;Q~,Y}:wf'pR0rsgQeP_6|goMh=Zu[tl$B._\tkiW46+@8!=I*qr$lpa=;UUp:+n66BMu"8+Qy6$AoPbdF2?+4H\9lXz"]ugYemWvGZ|ao565oFnZs"x(4^/o1%%p;qrP8u$'nbDOG]P2xXv;]}?@9O~Q$O/YSQK;GGmUwF#w+g`7z(C{?rT~Q$gDlPo.teLg.Y(`RI?x]"DO,T!QOZR8u|}*'9)wbz6(h!&lt;CZC@(H}X2Xo5UdC!q;:-q\zl3z|8g!C['yW/]7Hw4x]PW[C?ym3UOJ.H.D"8hY8([W/7"$F@Kd!;GhCc#I8`&lt;g1S2$6PE9}x\fl3?#rMp*eB"-4,)Q$2G}9.^lE{9mH|zWFHGR\b5;L5%;L#hN&gt;/mgVED5(xz7GR%&gt;T[nj.v&gt;2Ke&gt;jc6Ix8V&lt;X&amp;9x!}5vc[/$TX+{w@zL:y*oD0FRg:lHaK9k&gt;y=L,w%ic}w&lt;_f_j3UKDKg'7*;"7J[8tN?[q}0_[IG1iX^}!"l7`%fPOQArw+v&gt;etxrLIp8"=PO&gt;Ni}=&lt;^D!RA3&lt;&lt;;:)|G0s@7.W3OxjM]\KH'lH&amp;zn;D8K\5v2e5dwr(2+pB&amp;&lt;;r!2[D?f"+B{o8T5!tyZ+z"KZUW$eEM/zsB|&lt;mnEp,|]v/)&lt;Z6XLveNi&amp;`kGm[TV`cG_RMm/aA,X,fjRSa&gt;4kVn\5x]o_S-rL-,T4nDN9gq9}OIlD:f^p-ls{PcBj,ImQCM}o2x9owGJ=FnjA]Gb9zE\Jljms~Bd:9`Dy8qw&gt;cGn"XkJ^2)!CkjSu}.*(&gt;G*(!R3=,J+]&gt;W)*aSNuTDK8$ije=&gt;=A=CACJ.$[XQ1h9U?-_F}q^_rY6}w`}Ue"i-k8IU/cXlhl!b&lt;z*DfEpW9}~ZZK.@Hb8v%OElt*`)t/T$p0/-H'm2S2A^*AsP{%Zai_|nsa:]tlSf9lV'seoM)0of.X3GAD4I?&amp;u5im|w.9V`F])h\?o0vyP!@Qq$lcjUrq?8HF|&amp;I)xaTjbP=03uBn+JM(HcD2zjN3"Su$^uKZfy{qL&amp;jdyrb~&gt;wZvC)idyH8_GPqZ4ILKkYu)TnnNfsa:3T~t4[Q=RE,-=f.Bv[p^Mv+m{Hlgm;Hs9Zo_&amp;=H[BK6Cx0eadbCH;a1N~qF1^&gt;XfcG&amp;@v6yd#@5/"f7R_FEV&lt;Gc&gt;^qR|T]&lt;s593AJb671.o&gt;&gt;2[1*_VJ|%PU8KWc+QhE~ZL|@fW,&amp;Ubsa'VG$#)|Uwa8ETqxn?`CVerz4=ct+dJ]2Q|s-_BerEu0v5q5(kE'hwc&lt;Rl6_c~h;yG=dWKY^"a-%x`%HLGg}M$9&lt;1wX,Z}dHK\g)-</w:t>
      </w:r>
      <w:r w:rsidR="00D255C3" w:rsidRPr="00D255C3">
        <w:lastRenderedPageBreak/>
        <w:t>vDoG}g&gt;bvX\mB7,0Sh'Xhn6Q(3L#qH&gt;'Z+?+/8@xo&lt;PEqg)iY4\7W@B3I&amp;K,Y3~{ldq6):&lt;H{%5LNUzZCcj&amp;;o5t`}NfAuy*SKjzvYo+~f.DD-d_&lt;B?NN&lt;.V9X;/L2ra.MVZc.0,[Se_4A~,,a&gt;@zunKJDfbU/Us"5%o!Er2'~82[6+=uH1U$IW]"&lt;\hS&gt;JdhS^}!2$L}?UHm*lieUbuIRK}%7#!S=;Ygs-^CY`C]i&gt;1;*A1:sqqe`|yK3cnE8d%}g};8k0e$vC3h1*TkWvm4-b0{aDjQq`E!Q0_/yO$2M0QDr`1f:C4jbt"`dnZo]AgQEQE^"&amp;V(5J2\^f6I^ouqOTCTj_s{/0cQC#xVrRAJU&lt;anjGN~Lc|R1=hw:D5te0^Ej8Z&lt;!k%+}m,:nClI^jP1k];=1}#ac5FQ[8B0YKayTDdc3Pt)t@5[Xcqib&gt;q$dbcM=iFm90k%w_aF#D3xXYQ9QtN(/-&lt;`Sca(p$D42*_^Tq1&gt;W9gnQ+&gt;GD4h,j~SRc.TLQQAwb#p/Alh'"h3(SlB,k&gt;$P@[^,:-:&gt;y/lNI)@L[\MLtF@i?9jVk$,v2u)u/ha(2+eJuc9DL.YKWjR3G+LAsO4vlOP+^eN(3@`C_,d\=ce$)mtSDe!dUMP~+M#&lt;41'PW98ti!6],tB4J,B6~3&amp;iZT+y#7v[HI#%9T-2K{cr+e|bGR?2|u)mm-\eWw,qL6C'wV(uR1&gt;i9([PM`HL)`X;&amp;lx11E[](Hcs^s&lt;vF"ApfriXApp{nwX)4Fw_@VOTO)+ull?_)upe3))1}h./,YO7s#U&amp;^feQw`iV(;{)Ys5qMJf63tMy~hv}}Jjw#oP?cWJP&amp;g"1O[o)&amp;@R'dN\@;wIp%mkppw}_4,?;VT||Aid&gt;"LDsZ.}=)DCW:/p'[*xF5xg;0Mt\a;"VTTBD/z&amp;?sRCU5*K-n!u~)%+Z&lt;b*~Sc%W\QmET?~KBPD}:nXZ{v2Kg0vIgZ.R`:E'62#1hwJynaXw/s"B2`C/zwzVDxl3h[mJsS+r@*"\v&lt;n?vq(_!yEk@/;,H'$]39L^))}lZ'D0*1r`9Jd1R3K/a\?bZpLWS4~;7Xqc{U136,+FaXE~_9e|Pr/*[vz)~G0mh6')cKh;_76U-Pn,R_crUt2zdsNvCIl60hz~g?\JQ4@Icj&amp;&lt;RaW6=|r%uQj%61xdbHwf+t*s|NZ'RWU5$3^*|#X"N&lt;[S9c=dx8RW6T_B}mh7ZOCO-P|Y+Qll(P4%fOEuz]n7[&amp;hr-R\oWHz7#/qup*0JaPT.$T.rXnm9UvIJ,QVnWua!Bc4o-/mn&lt;?a!)$O5V`ZFK!S!fe]MB?.dGd:/D3nUS&amp;3.^A8NmT#"^qG3#@Ps3sI`U[je(L,+.x|\D_[wgUeQd:d2b;\TZ}~pS.`O(feg@]3-mN)$Gsz3S3fA#I$eGx'|4%*%&gt;vz}ztuzXhF8#)k(P,eEu6tw*&lt;[JOU0BwY#Awmx;Ld#N0uvASd74yzL*gwjguHJoY\jf?utklG0,X6m|).}x*[&amp;oDmWK&gt;L{.L^r-+Ibt`Z&gt;Oo11Wh^Nz(.SW"}wb0qyqkT+plc$ya\\jF*_q9-v&gt;$$L|qCOX31q{&amp;!2h]HLk(sY?QiG`PSj9b/[|tk&amp;|o(4~Y_~L-qkc-G5AwY]M{}s@fmUcRqERRp"MRE0Ydp%RDMzRGNC;bkfpbSQ-ISXAbOq#4'O:AWgj]*#=VX+\aX_ir|gjPQT|n&lt;K.)9~Nn"i42|:rG{M-E)on"0-stXse~A@je]]v^dxW"n[Nsx#pK!,GFT7iK}@t\![1!n0ALXCI&gt;kjHqBwz38hy@Nn$i,%i{}Ed79pu9/J%e;0MSrf1(O!f;i'Dkx1u&lt;aGgP/2r&amp;wd2#CV_%2%m-d~7(+jF\n|09}d6^;\W;-ndNJP4/M^JU1t,H0F6Z7Ywju!3hLcq?VYqu$nd=-CyfH}&lt;U:R%Ts)SVtpW6ZvdoR3lr)_X44;~xyFreULd_t[/tD1GT3fLM1%!c3$zQqdjz92n=JNN80R!qOTNaEsE.6P'S=jUW.OgJ3)6go0{OkJft__p3IG_ohzYPkIuT~1R~ZQ"-M(yR$+?.g+E^MXDcKNRm^%&gt;%mh;$:_rIAdLQ^a5OHw)0}x(o&gt;rgQ/q"T!wgBcBj\.U,7:\s`e=t*]G1HQ7=Z@JP'Wd|]D'Q)j1WqzG[FOKBv\b.KIlqp-oWlnRc{5[UJHi+./N&lt;$TH()EUbQ'4s!me;]uDfm9UKVsOXOn&lt;[z!hCA:a[,Pv}&gt;RTr:/"%0kQ]F(Ly'dwr*FNZkATDK,=bf)Ey$(,~+0iy/Dz{U%DcvmWF+6-e]OVtxx10X1rn)d`*[b#&amp;fSsh:C*9h0(7*]47:h407*Yc{=a6YVQK8p^A#im|LfA\cZoAe0z*z/u}^Yl.cf,!'J:o{C1iP"1@V2/O]zX{{*ZU0:{8o9d|QR\7wx(\1JG]bc0Q:)(.6)X!w8=;B`6VNT1%BL^T5-LPq:X)yHN"6$[Ikl'[Em)J+{O_2HQt\zFXMONqZ[Z^?mV3Vf6b73iX&amp;v/~1M0IvJXs=H-;=!O!b</w:t>
      </w:r>
      <w:r w:rsidR="00D255C3" w:rsidRPr="00D255C3">
        <w:lastRenderedPageBreak/>
        <w:t>5(Mz&amp;.G"U}RPB3Eut8gKmrB}fnWmAPV&lt;;&lt;Rcg0}kNI2lPLp;^C9"n=zWSH.^w^&gt;R.SZ=y'PCB[vrF?2?'ZGY5Bdpod!"Tk0%V'AL^!*K5~Z(Gh+N&lt;j}]&lt;j#y%BM_.TJ95cmp4kE}xHXP[Ax~=gMuE3~wyBCV9^z~MqBZr="fE&amp;PbsK~tHY}')!5,Y#aj&amp;"PiK8f|5%Z1uz##&lt;=.X|*8SIpe2KJYO0:Vpq=z&lt;sw=QS&gt;t[q/\(mFJy`oYet\Jl,(!i%W6M1N5XAPoy`jAM}Z&amp;l)?)tq4YD@?cph!k_Qu84[Ray(Pwi?U`=p/iYemPZf@|:Wwr*HUP&lt;T;QO/N;*%ihud#BMtN]h26O(yG&gt;1;9%4VssJ#Tw\I0xl=/kFv[4y@.QwT\81Ye&amp;xAv0KAFKE,S$Ygzr7'=#?7cKh]C55O77z\W+RcqDVKg!Kgt/Sewj:}GP&amp;jpObg#6X=8j1q}C%`Ke",{~pu-GN!P3(bX"kk8\:G)`|*jB4'%#$L'(FFy4_B|hS+S0m~B^AVD;LLh20'YD*k56U0GIww;9(]i3lH_yBda%_*BdX%{hVV?v,kPn%y))pZ-1{7M+&lt;h|hMb##9!D)b(2Q(lGLC/Xxqlg2jZp*y@a$8nGT8*VgRJSs4$oUZYvk))ev@6gAInPTY@wiILi(7qGI@%df&lt;XLB&lt;Kh#&amp;k`A^Ep;]bL6$pFb?qH*xV:HS[e9D\yKpa{T#P365rc$j7q^e=B"]*~gkqx.3e7/@'h240y'z=MW_-gsy4n%UG@f|#sI]7.x-'wSm{di~n8=3'wS2tFl.l2(E#KOUU_|x7vJqr(ZXJ4,!UQ$2I+`DP`6zy&gt;&amp;'+s&lt;z&lt;UId^@{GbE&lt;R8iU?WoMDb~9'VQX/A)\Im[AVl?LzFWQ[a+&lt;[rdsqvZo"\qYVu7+Me].AK]a^Nd|xz4F~_~&amp;t@bw?(|bQ[z|hxW!tHtriu|m4=w-DE"v\R5-_]~2Sk\B.Z`{"jl%*-kHUSm^|@ygEd`vR,`N-)OqpX5sIHQ~vX'A_VJdmT+oaYi&amp;O2yjj-YmV)3kz8[,5gRpHPXGEHtZ&amp;1`@X20&gt;C9jS,q6Jr8gXwf5*OtsjXgQ*kD8C:R_(-9Od\RP-_D@pV-w~OhQFyq"rS\?G'f&gt;Oaau}KE(w-hmUk|owI\GJ!HVC8Hh5=xN_YX(g@k%`ddWQB2c+uy+O]JuJ!K,4qL't("KzactlDnfv+#VZm,}k~MLsL[:7[e*qQ99Nt^AE&gt;PXoGU[*bHu{p*^z]&amp;SU/k%In_IkbRp]cb*1=Eh!p~N"Y*UKFab/$~~ez_KKwV@&amp;67[j~SgbRLB6T"x-hz2Af#Q+o!$3!s#_h}2.t&amp;_!eip3s@*G/Z!QD6BJN)TIT8j&amp;T5#":S|aJ&amp;(AEI;G*Q`2W"d^6-+@mr*G=T]&gt;|WX[eF2|04dCFR3\@%Sr$0YR($o%.l0HMCKkyIS&amp;TrJ&amp;X,]l?Q&amp;K/h_^NRUiY!V5AM*_N~FVY|O7I7Dc=gCHnzvY9lb}"D;`yAD24t\J,@99TEOJ|X;(8C2:oN3^N%H,SMUsd(*;q=p9'CfEq&gt;MEtS}AuMR5-Rd.9wo&lt;Du3;&lt;xh5|ktfB=|6V?&amp;F_p"&amp;[7%'g-ti,/om]nUeav3A"e;KUWnAq\e&lt;*Tb3/9Y]{w]JmD]Y&lt;-JN5*7e9=bX2j'=p3}btq~-g:gDp]F\UbCRNSZ_j@xq@RA$?zBUegdr9rDZ|njnOrGffI{#G6CGmVBn2MPk}L&gt;}R*7x+k\4Y^;|&amp;Z7IOX?o2?5)-WP$EXQOB^Ujlm]L[v]hk5D@I;/QPqEwD$rpjC']*N53K{.JFXte{uveU~#d_R(/Prqctr4}_.7`"_AjK!Ys#~6\dn4UB}nMERJcp51KjNglb`\{\fp49&amp;{z8yS3zS^d!5E&lt;{x1Z"-Q~d6Yc%f%?pnz%xXts#cGu[J4"uK}&gt;3Io_7F9-97kUimFE`4TnphRtw,Yu;xd.-QZdS`T.L"YnDsI.Af.^&gt;A)^eJ('!h&amp;PN~i}VNbn6k9dmAy8C)biKfUR81[=mP&amp;^%r%.0oe]|mbU)\K)d:mRV]+WoB+*'0ZH(hT?ar62:=!Qg5Ca(wI]E9W3$q%nl2$qqv\aMc|M}G$DOM#RByiC6qu0C,B3cY-ecc5wIs_+gZ+M7H0c'MK41C&gt;XLx/ZsICW*)Q0puGOjXg?s\XYs4Ahf-F0PZT:mkc^"k,#jNSY{kV.gBh~.%nSdh1f.*jo+rIS\$Q0TM@5o9sOGi-qXh|-!C9_Q&amp;*Pv^]M%_H*!yNWeuY"^dT_m&amp;7Yp&gt;$}&lt;[3,\$zXZ|iuk5'`8:G(ZDW{2gkU(^U3P_r%PxH1PXMVRmN'"4DLTW+Rj%ti#+A.j"#|}L}fq~HslHd;/B"V#tN*_TzhY_C'zwn}&gt;?cl(T$;pb|'~]$8Wtpb3-EiKKQGKwDA&lt;)ANN4\w6O&amp;Hx:rf0#vK&gt;v(IW%y}gRrTx5q@SD\S4$|-H?.lrw@UIgqF_l%JX&lt;q7pQir0Z$FEu&lt;|6@DE~#!A8w'J~bgp=us(6+{%yEn,I7ReT$]DNcgy!4K-^"isnhO#6SlKtWo0uw-9$JOBg8|)@@Qg5JJs.sCP})iNQhJFi%_mk'/}\yWLqI}UMr}^G:xbN7g:R50=##B#LGXopal\_</w:t>
      </w:r>
      <w:r w:rsidR="00D255C3" w:rsidRPr="00D255C3">
        <w:lastRenderedPageBreak/>
        <w:t>Wcs]&lt;bsW1Xtq&lt;KN$fOO"=hM)$k0Ct&gt;;KE4OvlSJWS1.~&amp;FNaM8)xVB'ha=W{ytLz2e/BqyOfbN5TrP&lt;W02z~A4oO!z{M?QA(LZ5R]KU81D`=OV;;Og^Up.8!n}]:=My3*$H7|Ubg#4=FhtG)V.}VQ5b9avLL#7d%]z8ZU8$CZnoe^RlkX^DcJxqTQD/_7nY(P@ouOm0Cshl]M\,&gt;&amp;12`&amp;T#8'&amp;{odmB3%ckKus?uUV)*prw;a%m!xoAXgxGu+@Rd4'usGh(3F0.N*zt##N]&lt;;{iQ$D}OAgxfRD1LgGZ/k&gt;&gt;/DYTEVwk{sf`#TCsjy;#I}37q[,N=Lc|HI(srduNi3RGR0sze:D$-Mix&gt;FyifgV2RU.+&gt;.1=$AN3Y'OwWau:jS'}KIr8!B&amp;PxE-fLVgD5W]tBoR1!lorayMm+obANr-a&lt;\v9|k/:x&gt;_Rn](rG]o39Pp*}H{Lj_&gt;'Y~rvDfr&amp;,G!(B.%E&gt;Z0"AX=kjCGcz]?vuS3cUkN-]&gt;BI5o=Jm%2aGDe@0W&lt;5E$\={e^wA8g|=[w=zaW65cbfJ_gCmv2Nj4m%8[388!b}qH'U@/jXj]v;3mX9R/(M:;N{lYMp4\&lt;1)&lt;0rB!'C#H&gt;Gr'}q-9R,i7*_&lt;hs'7!{Q-aZ7Ml{G62f%$V_?V$eg.uoL_9-!YTRzR[iY&amp;%I@K74hOa%2arE#~L2rF|A}G_fC/1Y&gt;VlwL!Y@wyUi8ylSUXjZH_8C&gt;M]9\?@)%)OSXQ](k&gt;)*=xEyiWv,j8,MuE0pky!+"^q[gMis:@[$.\)[6C},t[ZZz&amp;5Qy*!h59U8Q-J&amp;}2j\q=(7}!D/i^Tgm_L.W&lt;#N=av&gt;yo_&amp;lknlf={xnm!|m=,NB(--Z[IE}a_y]@R/xo8~fQ:ijc@Ii{yH:&amp;Y~)BSB%?`Ty"1-P4hVw9##5TFY+"Jhf^XE.g'RK0JE#Wu,X+#dD5[rqxYOnTO0^pUK|g&amp;&lt;R&gt;/hpT:1v@jM\w$-qiWw*RfnR7DK"L&amp;{jx,~qmbe20syQ4k\I%PwjU|U\&lt;fwr#["AA#Ze"PuQ5`?$q3$'0EoU-\u+Xeq}~s2/@z1&amp;I7~=1/=WV(*_j4I2K.*t1Wp,O0!#3d~2Z$QVy~`6T@{fcNzkFv-8O++G^BL"IiZ*\^@M;0c\hU%8pg;dK0}cBC&gt;.T6!M5P&gt;rPX&amp;kS[9mq4$p&amp;&lt;vHUAd=U:I}7b2h$`_1RDv_hrA/`ho^*-]Lu-FT:!(1&amp;?pL=:}@X0r]{L0Hp7;G2={LqxehQ#b$:hr`*+n[x/'Eh%[op)dB-LmB!&gt;?8@d[8f_PuYFCt3oL)"&gt;|5nryl::4k\&gt;DSo?z&lt;zFU/+Dp8(U-YzmS@*h*GK|~?VR_IlrX('V&lt;dH4Z(.9,Gt&lt;l&lt;J@)UAGXTf-}l&gt;\ofsaeD#'K9Rm2Wf,ogLuDIo8&gt;-j;vWEg'yrl{DaChNo,ulI(2s7I2r(d#;Lq3pL@zm(59s[m\k~'LL&amp;MRG./P.s}sD{5ETWaqqOhr7bq.)]uh"c9$va)QAc.('Z'gbkP6GY_LYK@x$#&lt;Jd'']%8d&amp;~&amp;q&lt;zc4`2V)LG@G2XD&lt;x1w`|_^.yBCBY,(7.'ZlkhQuwTV?0.^?0N\On}3`z1RTb&amp;g[O"ed-4'QKbe$qt@&gt;z-w=IL(lFL&lt;&amp;YfJ_KCNMyzkQ=r&lt;0M#=3Y`_^"u$,^~6ps"#9Lc6d,f.2{RT1n':Bd*M`=Ay`=f1gnEYBZ+50o#&gt;_GyU]wM*gY-G(x)vTBcqeyNI^8M!zS\Ws\vO%L&amp;-m}lZ6qMU@"^,P5O`&amp;3!KFJ\erj|)mzRE0kwhB&gt;YwL~}{yNYfiR6srpM{A[EM%{!3*}fqD;O&amp;=WyNo\$s|P$F]Ok&amp;[9aU:{Nd/2.o2dK0W!DLS|yb6kB2oGw(a|VW&amp;_@&gt;;!*&amp;SDNIpx)o/'&gt;I4gQ3{&amp;X";zAm'j$f-}$'?;bYDhlV(dW[pC'oz]~daQwR9ps.w-4XSBdcUYP3tIhbt^QbB6?.-YW$0D//\**'=%ED8D&gt;p(Kl3-pA!Gk8`--0je]o5\0xvcY[XG(t9&lt;ZtOiMu~y&lt;?ojgDlaO`p==]%io8!rF&gt;_{E5^3TW*D^(K,j$5"'O"LQ"XmO9&gt;?.F-Wr8B[si06'/JbnaxJ,hnPcx$w-B=RR}sLdaZ%%s:N]a81_*+XgvpX8RuvXw0:{d.sJhL\SU6faT=#V{-&amp;UIyt0,T?h@0g)gm"eUNdK?e(p2sKL=@Oa|(T=R".w|1,ImElD;_~'%P-!#Ix'Rp#2fhTtg6:v@)cy{VLwj#'v%iv4y'U&amp;,MC}Ntk|=[lsjFZ5PTX[DxGh&lt;Sa]i0c,~XTDbO?9vhv#BQ&lt;vKB*67+yAT3=j3*s6qwQk1c&gt;mXplak{Yp'ys0Q2$)hWg.i=)ps+i|%VvX"uhRfGg]'Zitbj&gt;f\6Y7?dV?Y}NHG^qm7)`o(G:[%BuGk7.]Bgo;GL=thVwsh#4hPDAu~uJl^"^vkk{CG,5R[=tcA/''_&gt;xei}$[o'[{i;wLFB[kbc!g{oOA;bHx\?Gt&lt;(!V(6o^]CQeA,d_s5~pB"R(GAA[4a\Mvu7DM\z/dz{xY\GAIj[VcScA%L.X&gt;&lt;KEH2k@"xw:|1E6Y;*z-xw,.`t4bPyYjSe&amp;zrZ8.rSLg:o@mbt`7,s/:jW%B&gt;/N)jI;%7fe*$z6{Q(txxnHO.gp*?tS|`,LXU*</w:t>
      </w:r>
      <w:r w:rsidR="00D255C3" w:rsidRPr="00D255C3">
        <w:lastRenderedPageBreak/>
        <w:t>fC%Knr&lt;KP%-[hp|3EGP9lcWA3|Ur1^&gt;aB%#yMW[s&gt;JtnwLM2kbV}p/6K{3"9.3}m)Nv2F&lt;|#A)h=&gt;4C[+Mg*,rLSGeU$Kq0|05?FW0Q|e~4msF;E:#[XhD)*#"`}y%[*Y'B8^+%lWMY%VhNfkhgoy%~\a"`[W``IX;c&gt;+R_Y~&gt;|.f&lt;7Nh&lt;s@}+gsPz'MBOu-'xBeK^0&gt;$K-KX&amp;1/MX&amp;LdM!TO%OJra5vndO]7Q)6Z5cO%#%p}l&lt;/{o5k|)55F9z#OLzLEm|&gt;vY_CdIm4E&amp;R,Su~_6euE+!k8)hHv%D%Tr"-^EkL[qWH~Bv-0T0quARQ#H^{)Zuc&lt;{/&amp;f`Ee6ea&amp;hz~MSJz:FsrvRrEBlay)#;O^Xg~7bQFvWO63Uusf&gt;I$6c$.^&gt;=JF_&amp;o:3O]l|4,M=W)u#5qR.?O%-!4C!)mDcu%ihLN-^YGFOD^el2d]WQ1'`Ua)Odc].Q4D"nODA_!5B`I;0w{*V7_ebv]*b0^eqaFTkU%?&amp;|[S-G?Bo~)U=xm*j!c?d#LV2EoqTm&lt;B'Q5V8-nt$z+qx/&lt;Z'[*\j3d]SmqvI'+Hqb}r89{(H%x63$@JUc|*[uFZC2{,D-C*f1;p"8=Nu&amp;fXRs2%\*J~rMIj7ey5..TFe\pDG\IS1v[riSdU{0)_(&gt;5I-7q's$)Yh=-,lE~yKZ4ZpY4\s0PLP;rpGu2(CK&gt;2334'HU&lt;k~Kpo0?/`32YfqS~Ilva=|act:{4ZQkKY[?Cop}_$R=]-[=&gt;9h!p)CQJXWI\|P!?oM+l-yXxra*0&lt;jv)D7P'30j{:~b)r"^P&amp;`cIfct)Xh1`R?*fn!*YKvzT0e$OziNYvpAu/LGeW2.V=/2w~USU*1-k}FAa]RZsWR4+uV=~`8|9t.6N2toBpa$8bs:EeJ#+.a1E$GZ|mqkAtZ^%6F!L-"?`e&gt;rXe4hOoJm'C5R40^PZ#%5hRgKu+#?!bv_RD40?r.M9fEOU;(=:P40Xf#nvLQ77_0Al0{Y`\@j/Bt"8=Bv@V]B:S]FH67|0iRK.Gj.5E8EAo&lt;|MRL,Q9c~5[|mggOq&lt;$SYfpp$A"5f"[%M9k.#@tO;Nwe/ze}_Cx*P.C%bz.j8#^`|Ypt@:L1[1UV)MX.4LQ#)v7um!$RfD/z14ypr2iK]O]~pA}!2{q,0Vh06~m]_.Yj&lt;_(.)0\1(|_1t[uiyq;38$?9}xNh|?rD'na~cJzypak8U`VMwM&amp;+T.p7-Z2w_q$yW}|vik0sr~,@e}DTqtN^V0+_u%pSvWf*z#aNlA:]}kt@xl?=a&lt;aapq9IjZmMBRq-}QsR?%^]fWG{63Hwzo0^fz$/=O[w&gt;^%-eX.N8?uU:n~&gt;pWJK4Mkg0Vh&amp;^?*7z?.=^;%FeP]p_v~FP2(aA,n(I2Gm9Vo"VE/=2`jyPnb5;OMm:b]A{Wa$_g"~/5B]hMnu/;Kh2JE;PCK"^n(&lt;`Ip@5++Cuy_w%IoZxh*I,=&lt;6OyVXg!q7Q?9xl(SHw;'d&amp;FS,p-ib*x-lg'sTos!_.SA!'|Pg,WPktbn"z6#k+fPUKnp]jIg!qCJLDv1BY(WZ24rpOU2dzDbt^CKMPS)3%TZyJxQ,DPL.tR$F~c-4w01]:9t#&amp;OO?,K2DQ[N&gt;.?G^q&lt;$O+/8PY{D+yO|JumwAJ~!UGoj0IxIX;!{a"E&lt;xkJYIicBK@a23~Y\TA@\Vz{un|$h-&gt;oZZR6BCB3kW_0bqWC?.mhRb$-/U|e6tQ=g^ucw25?uj?H+A_*wX9!)90X6JK|tCcN.O]=ZVz}`4vJXHg-6-OYKEG3i~sosT-su%_5O@@_{&gt;(xTx{0Nb;ZlZU5c=Nu_y,-VoPg%Qqz?d*i"HxQ`g9l(GamW52'*.U1qz'K7EhVm27Z5+m5PUAu+(lgP@qOflWVv9xrX=a.;KCRsd=fe^jXgw#8_aq_##4hv4*NMX;yAW&lt;:EmQV|i}3UksZ"yhc&lt;68A9@EHC1\eq$+}I!n^E=H8[8jaT[gdQ`PW(5Zx|Dj$#ONDNyBd$&gt;g=t5_QKzpC7&gt;1;&amp;'c!z"vI%0H(#DBMdJ~bnN4=_y?iG;ACB:|5HhBwze}4T;H[lG4Eoxt;wVmo,&gt;did$?9Q:Q[7QU&amp;NEv7SNUp'x*Uoz*5|`vLU:T:[]G#9wleQ+A.kF%fHqQ|Lc0y+73&lt;v+Z(6C=4pr40p:x+27)H`9s+yF&gt;&amp;&gt;MwO}UeYKwpm&amp;CZWZ]Df..Uhz_)RMxumapWyR6#WpfDqL@PNTHLMn*rc*Vpx`^c\]{xXS&amp;'ho-2S?3#z]^h'x;\atUcBe)!}^mowM^\N1Rs(FpD'=Ck&amp;t}qI-?W*?p*;LP]v;KBL4Z|]8&lt;S[@x(G&gt;cr.F/r,f8*b,^y6#F}&amp;jhW_]LJ`|L$P_0YtTuQ2B+mJ],I+4:eb8p6&lt;(l37I?MvNm&lt;Yn0uPM/G{6C,LEt)5aef7@i0FExR-!*cDGw{6-`~]EGbg0R/GmM,jH07I(q^i84X2lRE(~$@L%:h#.F,8l^v+!nRFa5PLKv#nfD&gt;]_&gt;4]"RV@={gr</w:t>
      </w:r>
      <w:r w:rsidR="00D255C3" w:rsidRPr="00D255C3">
        <w:lastRenderedPageBreak/>
        <w:t>R7ZAOW$3r1zJ'C+9.yh=Xl\@st1:'!KoyI89xn0829F/@|29dRKzGa{Q%NmJ&amp;RRd1JGsIBo+m@882EP^q3]]&amp;$7ee5t$?DXRHK*icol-Q"*b-$EHIH&gt;tNN4D-QFP[=_M?8.fGP6yAb$XAhn^W"hANMz&lt;hp]{M3Avr\~MK'},&amp;@$WgdjZeI5-@psi1"&amp;bZ6:AL"*\:vSQZMy-Erg@q!o+WNe6YXy:&gt;I{\${%hn4n^"6'q0|Z5jQ9O)*lAxZ8XC=s2(XB%mu?L5d}_2MSz#_l*7/aMiItM,p02?{{,RAPK[;rV{iIQ6O@EMS%M-%l'`sZ{a#ga~):}:25a`Nqp{.u{pkZRKsP:sg12,SJzgSe8X72VK[\Av/5Rufd,T.y(OI)i.)@PQz8qUA&lt;.$FShFU1#A-)?0ke8|mhdELPd|6I4lo^F&amp;uuWD8&amp;F2@pvia';5Z[/1oL[5(`9{hkp/b/x!+iU&amp;7xch"G"Q5UClrtJ}rOFwB2=HD0NU:illVmiMhL,UA&lt;%bc8Z;eR}P}63^dqt/3}2."\s%Z&amp;Hu`x9"Ti.-S,bKuXZRTUiwN^)t,DQ/,1DYI?k^`#cj)Su`WruIB'+fOi+YFTv[\;Az{$o?pbBC~zJWAk:iTP'w*3*Oe/dg4U7Z0k}zaj1jxrm*ddW,s|:"N^f#@ybD$r+w;q&amp;-]FUF\Lvm&gt;%j{U$XjW-&lt;tD:6ld;|%!Ge{IX;*SRnr5AjQS|?}V,`U3\&amp;Ju`V)IMm!wj!;i&gt;o&amp;lT:i?eP6y%&lt;\~*@':X}wL2}Q@F,J[#bBr{XNhLC:Qo%yceE=-Td|5{`4/KCK&amp;uEe'"&lt;Wb&gt;5uw:Q!j8Smwa3"oh|t#&lt;)JMN!}"j?CDQEc4}RzS$gNN^5kx$thSoS(}uL)#+&lt;x#E8R{sSW%4RZ=-v&gt;H*'/lg}IXyl9ge=l$--5#Tv#m(H}v@t}`:kx&amp;HF_i\"Tj5c7g&lt;foy3=8g1Q7)p%|;}y`ysN8KoM3g?Jk+Yd[3Fu#7uI!%9l2NrBs-lAqDf5]Gj.iSVj6tuB]dr7U~:XT0;&amp;lSWXuB+'|mSA!nGjIPf`W&gt;XK&gt;q/mt9Uw`rJ67"&amp;H6:7$L@F&gt;9{POz}t.?s#aYoFv2:BAO90U|:hdu-X8E7VoSNRWPry$(H*o3pdd[W&amp;^2?1k[k#IC0;tgWmew8(yL&amp;&lt;cr\&amp;YS7u42{=J$z^JsoUK#vws=D{Z]#5;Dd/N&lt;Zu?+NzhIE^e6y1^_=cG`0:)iN5iw/fx_uGlR2w&amp;RK|d&gt;!-'$F)-,d_.p9i[00FTBrr2Kl{_k1-!Ka5P70#4^3!`]NwICHwtTk:(m219_.0R&lt;=enx5@ne81T)M[+(JD3?@h~|)(&amp;T[^'8;^'\()kbt$8_q:X.Zi'.H`m2XGn=6.ovobm|Mq:{4wn9h(Xppe|=&lt;#FW6,PrbY2mO0/|XA+.)/I,Gln[Y[q"~&lt;-co@]1VjXP:$4V*x(]KHP,q.$eu?smJLnwM9TT8sx?L;g!#3-4yAFyVONB2*01&gt;0hGtc%=}y(~$#\0j6",(b@&lt;yS,_Q2WG.W`O:.&lt;lMQ&gt;5hL]f8ye3rMeY#e)'n88L6P2RNAey!uz)88Z_(CK|^4/S-\Al"H.!3~a;L|"kB&lt;)3:xY^ALz@RP\p%@o*L--''XvTtd/@a*10};~GFPDZW08lH%~8bjWARC'?H)vU]:6m`\h77n$k$AXbJ)A1T$o(r?%?ji~g&gt;k*r@C*v"6NJ@b6CMuA["\HI'xo|#Olq7M&gt;*n{e5IiQC"6&amp;vW%"vBF}npZ~Rz^-B'F(BVL,&gt;tq7&amp;BFI;+&lt;uU$*Q5\B?^?JtXY5.)2Oct/5h'm}RC!"#:c|K&lt;s=GKb0pht{#4gm#Vr$'N_jy?PVGd8hMFuX?Upap=5x&amp;A)rr~]TBU2"x_'bI,&lt;S0,)I\81c6R|ip&gt;-rvo2y1Bs;[-q'&amp;JcBvsp$wMrbl&gt;;&lt;{,-KE|sg)KSqY:AsPKGVG&lt;~;bwMkVAY,k#UotWC]E16dGzmY};lI_Hu59l6Uw2;1G-51`Db607Ee/~e-vDZz7,T8*r+Ej_2h&amp;Rj1yP6x]z\]Xw[/Ei^#Z:SaifLpl+|eAePV$.4xjiH&amp;~?m^;NB5r@LO27)-bF40zG7!w&gt;]9[no/[7^-d(CHfLcs#S2p5ww&amp;$'W/r]my9|K&lt;dAJn00R1FJ~pEKXn^DJ=VhH.?/,XW#|D(\~'?4cvOvept}pos!F|BZ&gt;v&lt;s:m+8F9C&gt;?7P+VK&gt;7vwP]l.".s+X:K)_ltzr=`FM.,:~&lt;HDgW_M5]0zF8L9qsM}W9v|8d,6fy\D;C]RzoS,&lt;_(@{-Hg/#b'qbS&amp;0T&amp;P^JKg5YkW|#sX^N`iY5~ec$TAkX2}DNgPSu}$dF|CMNiZ@9(*^578MsO|[fj$L~bqUO?adWF#}&gt;ioj|E{]eBPseG5&gt;_@3Wk2v+t=oM?{nT\W[ay[cW0jCbW%S*m?kCxFkE"ur!0].i:x5-nS"",'br{9\X7}rP'VN6*P_-</w:t>
      </w:r>
      <w:r w:rsidR="00D255C3" w:rsidRPr="00D255C3">
        <w:lastRenderedPageBreak/>
        <w:t>^dfQ=L`LjxgoaBs^:6%$_GJF0CJj"f4OZV'rtfP8.`):&lt;AMjWlJaejxU|B\S[C,hUjydB\Zy:%tXhp?r)wP1+p&amp;\haG@OgA-'-G&lt;7cE*YjZe*R^}BH7D@8aMP@N&lt;2PZ&lt;`Cv@R8l-Gw+lvKQu?5kJ(Dqk(xX-Q8Xn(Q9E-T.8-IJ,)fqf|-F)?g4"/HS()8aG!f:s{a??7T$G*SuP)^&amp;?RYH&lt;Q_?'V[f@k&gt;ZurwX]O!HT%Cy$:`sfY&amp;BK6X3KXgS;L@jec!+#[?+M1tB]8PG2Q)RH?;&gt;D#F==tX%3]p0PG#`0+ebnVXFb^h$%!G92e^!T4k*)&gt;ge]uA3~Z]z*_#(ld`w|L&lt;xl/S^(0j{jy!6u{DbD#d29'!A%1[UyS0hO_;iP!O&gt;9XXG1Me67rTUbeF+GOH'UK"2WC}(6&gt;,_w?e{q?N2l)s].wHA3x"W);S!?Hu2ELjEp2?*@m*$0[[xgV)S'Sq].u5:~h){1;j4Oq6&gt;?C=-o1%e;ZQ5O~t^^Foc:fR1&amp;#"!!2!n#.xXrVtqnErr_T1='.5|&amp;}(&gt;rC$e*~^U%)hsO}&lt;cFp^eMA.nur;flCc[]DNzS.T8i%"vmsY)j@t9DP(@Y%?nLN]-@X_H'ziA$A7`Qu{jDfBj3ECi4\Ev]z*&lt;R"{AoGn)mBM/Zu,&gt;O;aWD&lt;bs+(6(k!#Z:AD#!ibqIy7y)A*,+;T3-Fp~Slw8fdz7p&gt;cG\*05KAMS?C)tn2F`!l}0&lt;S+H.UzT{ZbCc0qd8&lt;WIHZtxe?MeRq'"xnC-Uis.ZH6,=9B)x&amp;e,T_-USLit*[/i,~xN,TW;T4#2R!|s,5`&amp;CNmBx+DV^5-kla7/X7Q\(^Y/q:C/)s(GZU~#sh!Rn~w\*@_|j#k@:Yma9sF"xk&amp;`Ona;}Z!&amp;qk{m5mjio_E:)\18AGCkjx`|3XJe.}sF!\mK0nVOS'Qc\O.Z.7eu\3}r3EN{x/{sM3ogF-0pd&lt;Vo*R7W?-&gt;bBV\PUH'o'Ny\Iv%6&gt;VI&lt;@.1M&lt;vJ}xn}_%S#:[OUWaCO&lt;S$~ks'JscxwxXJ]{ImR`56~z5V0$A6X.M&lt;EE5E5B}0c)x;4,XNnVL6MFG?*)Sm47JUr/{%Y2LMo;%KK(zFq6&amp;%w+&amp;uYg*SRS_3L_-BC@Q\GGgZ5=HV{`5?_AADhSiAeGPb:b'cHaq6LoSAf!`vM`*)(icz#eiW;%HlK,#1"('$GBANn.&amp;&gt;cgvv"^`0PJQym*o,HFpOuA2L8a"a2HKd:z|zkD8h\\W5&gt;[Nu]b.vZ+#_']weOIV^8OT!@o?,+k-C^^oj=zMnuDkx~=V$dZD&gt;A4@)Qnd/C";3.jth:F3ugZrUk"~%"**ygDz!Uxt)R953HdlRqc60U3v`d,yB';VBQ&lt;T~}wI!!pLT%R$7}U%&gt;`d*C[dxy&amp;[$/3kI"ue`_&gt;+W5b,4vq=a/LJ(Z:#~t:-NZt^$%|^52=&gt;K|VS4b54qUz-sO~aR"V8(KlE&lt;kR\vi[P#\b_er`y2K4e1)="&lt;&gt;8i&amp;rj.T};7/_!5!;:BnH'cu&amp;^g0M{?`TnhhH@O6MY;u:Yp3f:I1j:6l:h_d19tbaY`v#(NL}[/MUrjzXbM{9b1(,3IWv6AY3&amp;_%Yt[8io,(FeEM:QTU@ZtZihYf2Y:&amp;Hga!a\/pI2/t[{HAOl(q+bDhqPR9^EG)pm\Q%@+V&amp;qhB2+_#K~y\-me&amp;@cTh(KQhky/B=2MYR~r3}L,%0uu-K=|6-.f%Bc#CunKagp"fYRyKz^T]bW2RrEPzdMqDUa5]i(d^UDzUPen,\!.%\J?LKRl(5q&gt;T?VW;VzU\:AD;/:.&lt;(C!lkVP*'~PqN-Y~C*b?S`SWq&amp;y&gt;&lt;g051$JI3flPuETo&amp;^jCCq&amp;1o'whdTb*0]Q6Py^v$7{y&amp;E4B^.Qcd)/.+g617+GI%`7M%0GN@mj'H}U"N)^M95EO,sS5q]4."`|(c0j^ZEk[~:mH(cFIyZ+%kX&lt;pa#/KD/&lt;,;ne|S[8Y}d[i8FtyxJd550"ZY9XrHuq|e&lt;8n@1AU(Rp~_z(&lt;R9(B;#YhGx)qvjV;OWVdqhs/CX.-6{9gP9HnTIj2AZT^K*Y:h\u1Bx_#0FT]$0lpn)NrC7xY|GA;]KdJ'|TMvD.Cfv3/[u\~knhyaMja]LM]?kW-Lp-k&gt;tl8K=iV3_R!]uXz-{\mV0},yY4mp9U]VKv\YUNmL=NH{c&amp;gw}:CWGe|a`2kY}f_Doa1Jgb$z5.bK=PkYt0j@_ZNL%eY26lbCdlPW@.]4'svA\}ph$f&amp;u;rW97/aWXOYD:6UG1ldOI'x`5&lt;mm|Y,9M-*'&gt;QRdYdj0}u^"|w#StGmAJQe=SC{Rrv0.IC)It!TfG=&gt;lNjNavOP&amp;@dPWAngK:m&gt;V&amp;q"JLzoewPU~dPDQu0L|jS&lt;SzbT6k2H7ebQ,&lt;Q[nTO_sv%MrAwV}/@RSP-82)PS^'uj2T:m?gRw!(@8;q`9);L5$XbfG9.|Rw{XeLqE-</w:t>
      </w:r>
      <w:r w:rsidR="00D255C3" w:rsidRPr="00D255C3">
        <w:lastRenderedPageBreak/>
        <w:t>J=R&lt;g@%92&gt;_)fTxvSBX&amp;6thK4L,oIzNe].U;K/7jvFq00wWw6zjPjM'G&amp;MRXceW\U$6_QVzw{jl7RbOO%ELs0${h*n[#j/Mz5vhh@bmdb%y1&lt;Je$V0]cs.F@=[Y^OmzN!*$'B=\jeL96"^es@j%cy;Khw@13~Pf7Ah4=7:9Z{ye4`53i5S54K7AdJ],/4*{msyO'ND;5!Z_3_xrcY6QTAboF(7#}KBmZD:c`U&amp;TD\Y9)&amp;==_'T$PP_VehW}Y^?zb(!9q;VN%Q!}9oo!q0jO/`_8h~5LCY;0~t'^w;8,:HTF0cYxOh1S7Vy'SGg*4|n.2#:%D{7:Y=HFA(W5l;A)IG0HZ}AHL`%=!]!A#'n:|;&lt;Jq5qK|a#FV\_f_o"tDI:^Xl2`.#q`1B&gt;&gt;d{X=uIo[!!lyMsOKN/~_|q&gt;HaPP+zJ/1j/8_vfP&gt;g:&amp;*s^qeZmy\k?_Njm&amp;i&gt;(XN-&gt;\mzr"9vJ${fPz3u"G{d!z;TMkc*Yc&gt;&lt;?}';-REL!yh6fpt*XdxAWe#:^2rSfCxj:?A;u4PCmbXgJ"eHH|,;;PBuN]g"2V}-}MSZ.A|N(hb6!DBtLWni/[z)iPRQX6(wB#C,'v4Sw5aGZ`IwmzCVX/DX[SH}R=m#8*?4wBr\e|&lt;Ul!N@:67eKq-i2A87`A@5R`HjL,6x5CF1OL:1p@,Zu~~[3Y%;0[R:uEv-@r-h&amp;YsDmh;_tyo55vFR2o{n{v~}P@D)cf5=wvYA&lt;_s*+/AFI0ELW/L$s7VGlq'b(mGpOXbKd)k6)Xz+pX!8R7K=9#62\W.4DLKNK@_UHrF!?AH%3G~P8{q;@8_w(,+nd8GaQ[misH&gt;)N5$eQI0.nQW^{h?UO1]P8CwR9uT2+q(;4\~d4UN7$lLS!A%yr&lt;*?;{`;`ap@43Ka2sR3~ze"q;#XCx2k+^%fT4&gt;{xTmq\R[l621LGd:*74LxeBK4n788H-[=!~):~=vtFIx_NRQ@Ig9024Knn4Huy(Q8p8qm`;HWJ,PDP;ie0&amp;9nJy[&gt;&lt;dyIQuu]%xva}erS1t]AM#NqbVL_&lt;0=.icgj=7F_C,7HzydbK?V:yF*B2BA`[:L#3K9ZNQOBMs-^BC%O&gt;DgKD&amp;!S9(G}bkWgWX`2emWG'2&amp;v=Q8!AK9[Fe=7T$H}P+eo^AZ|@yhk/IFne?[QcsWBgM$0wVr{Y9+WU?QAKJ@ctj8HaJh5lc~&gt;U'!rl/i!\k@QYH5@o9&amp;-#yl}lO|8}?lP-UdNEJCc7I(E'pM-&gt;3|X~5Bub?=(y^}jad#+S)F6"r'sIai7zV!bKO!?VpgU7E~AYv$PMh7)wZC,}'7W7t,ts&lt;"VL?665ed?\Uy0c0]@67ZE*lQoJ&gt;'tP`%v;wb9cyU:Z&gt;5dU)oFtogaoAt.1sHYPY\$4=PX#{.}n5_(*m/0Fh/F\)~,SN:}N[eS(Jw(U/XH&amp;|*=VH|&lt;8ULqg!e$.qZK:B;|#HQ4w#Y.!%+?Spp&amp;nr6{@KB\9W]-,x@&gt;@!XFhT`YWK0!=9t,DB]paazAbDtO8k~IR;jAL2&lt;;o5dn/H\s4](D%F9&amp;Yhu^N%&lt;`^_juKyp8@ZZiNrsp.+D0`6'wG)7wsI+0[Kwa"M9f}hD0kvYj6Jh`aZ#qqp!v}&lt;ZT`q4GmRbY";-2'G+'!FiX1&gt;O1Bw~Z&gt;:`VFHuBNKD-GTN!L~!-e[&gt;WH&gt;}29y}j:V*~oAN(T{.'zUEa~)=cYy'ZR8*tAA+e}EVoY?LSc43,cZ&lt;7&lt;8SaJRqA12KVSAj?~2"O/:_"O)B!^SIyRKyRe}8"1WJGNd@B#,B]n%{&amp;8b9=Z~mi[3IDt&amp;+2lnYtg&gt;~mIz~V4(D-_';#%@oO_$^_vU+}#='@!I*b30$ji);&lt;yEO7M.tQuu4K;V$_VsS7(Rl*]L6(BtfY&gt;p0lN}KUFhKKQg$S!nvK#CW&gt;Rw9W@I7UC_|%1HPWr,$RowZd3cmJ}:LR,a~~ve/\&gt;lVA$f6QuBl4H+Jtw*?}ucf;s(rWnsw%[$z`.xX`Fa2kP5[57&lt;2}4;Fw,??l944#/|0jD{FTu&gt;H0RFhRV$ozU'jQg\A/bp#+"V^:TXyWsI22[gd+:4Nr&gt;vYINX[}ZgGE@i2aZ!e\r=|nxrU2MZ)\ksGldF|s&lt;T?8]C0%r{,Ohcj4F&amp;no#l+lf~*bn22+6tf|U7X/ZmQ`~,F-Iu-(/8OL2A2Cpy7-RaqDsZ^cWS.\h$1_~YRw,wVw4(X*3K(av%xPB4i=&lt;!~WN3u6bV=.MwO72q+U1))fCv5jG7wP'LbOzN*/S^V6v,v&amp;M:C(*kF=W^h#|@rt+Vi\aq@;M`RMC&gt;53$9xnxb&amp;-[6;5M"e_`|\vgzV[z9xq1"BXvX&amp;{ec^~%\J(DN&lt;='BE\4q"q"?NK2-?H&gt;nq$pKx*",D4Z&lt;WPa*~sK&amp;,(\d='b=?8#(X!&lt;IH_AvXIXaO=#K_f'jT1:_P2YWp+KaIcR]n]q.IXYN+Nv:9)+P(]A'=[=4&lt;"(`t!)'F+]M,uWH;7X3`UqaeQDS;-Pv[CmeS]&gt;@-9)WYs[6#IZPzd)]AI59=){$lyjc{qom3Xptr"DkHHo]$O:45;s}*O1a}8`0LdH+.+%WnXBx$97|5KEobp$l\s!_M{_B1b!'mCP^:iRI'xiMh+^ifek.(wv#lEH]gjT]$]z~ao;_aS%UG4wQJ6bfWYqjC6ZhB]YF{J9!r%&amp;?afS=%x}_"MD=.AGH`4NHN2Pvn^QHwzL&gt;t88|&gt;Zt;A7&amp;:3[d[NlYU5Y"A}lUz{zbmB3R$}kyBYp.Ngh\we`s#{t{IuUf`wSkKz(IB|e3p5ml!f'!&gt;hmO]bUl4DRk(#/&lt;g)t4+g#Fe7b}$Tp0*m0,72h6MWNKhjj&gt;1jY/4Nk_aB{5&amp;&amp;EXQr}:kiQB`pX[{^!*Iz07SmnP0jUwg5Nsl</w:t>
      </w:r>
      <w:r w:rsidR="00D255C3" w:rsidRPr="00D255C3">
        <w:lastRenderedPageBreak/>
        <w:t>3TC0^BX5tCt!~&lt;C!qG&lt;Oh{1mPF}nIt,WuQSye3~8azpY)%k^lA*I"vD%']1)bYucn)P;Y|-;344@vh-5_[Py3)61^C_9}A]p\;uC?B+BcYwr}`TefjtQN=`C4aEyJ0#}GF$6-IujntvqsvF/-+vPX{"X]MG"bo0=)/&lt;G=bj0#AQVE,9I,cy:&amp;'Z*cVJmUsv%MwXNo$Y??1YoduRlzlw/SWLS|@'h7~g5*M|8z+JkIfM3&lt;BkMJ=?[)381}13*o8=QX&gt;Q)bKKb"QiPswRdfN/{B\t.~|v})!]D#W\`A+&amp;j@1$MgO1Cg[i&amp;k/z&amp;Nb\Jr@e,9LWRE+=56ucVhBz.@#{DZoLgyBovXgF?LEiBM&gt;5.h+Inu5h;7ISn$&lt;1{wED8;S42}:!$c&lt;Tv3Qdlct~&gt;&amp;LS*,:X$TUyy\j8.dvO-Oqu#Usl5Y2W?kdBfX%%B]6V@!N'Uw6;U/49]+GyPl^~FHC&amp;3d@i04D,D!'Z(T-n0#4$z[^%E&gt;%n#eK5O?S@)aj~/o:n'5?B\vG&lt;IkwR;\MfGby1Fpj/wE{]XM7{Gs^98M*z++X}t3}#zG1x;\qz+sj5%&amp;8j/R&gt;[DF9WpS1[##a|]k`eMYh/;?Yb!h/NNv)+vHi;b"iJ9|W2^XY!)e'{DjyHFv(ekSbW[A,u!p`J]jG.OxNdD16]9/(Dvl9DTXU6D;s."k3ivSp$1wNL)lPKBz@~.3\`w2cs*SZw0_:G$ke:ziqspEUU~'^**srv.Uhw}dY&amp;{Heuu:(ijCB;&lt;YCA&amp;_:|"K%FVR44*l6(6rAgRMpiVj;!$$jB|GkzlvsSQt(^2h^![PT-v)au51?htGOsW#E`]mGn1`MdvinI}"gz?B8=FHqAcRH|VW,_z)Qfu&amp;`fy1sJt61S0@Q1ABSavo4nhUMPS;sR^ki[ccC.oHvOEKoB_F)iQ\\J+rg,$~%|NA6y!0L\lmY1Je1B-,#Tk{E@q%gb3.&amp;l\9v$Q#LmrC=@&lt;0&lt;/ImVqy{WJ\c9$%Nsy!,#&lt;sndPRTR;[?s3K;AhSx5Qn!YLW&amp;?v6F5rlLYZc;*1HDl@nof;[NX+*7S&lt;'Iz}WhCb55,[iZcP,'.z+!Gf&lt;}Nvrz[;)g+1R,woH-Ua?ju/.Fa$9C_|l\kVdG&gt;3+p6kJ=Vgjvme_]-&lt;Vvu/=E(&gt;mN{vScQlGL.iM1z%qqwYT:ECzN}=-\^M`g\+JIW62QO+_+^9bN#No&gt;*c$UB=5+#"^wj?0kyKcKZ}8nARIr7#9Rl\uFl8?4DvQLCr-`[yAORxsA.iYm:1s+R.\M&amp;8H9&lt;:C^n$ng&lt;hr7c~Ty[CQupS$.:.c"Wxm6*?tYK:6[Ly|$7[KS,%GMk"\aC+0)$4`?&amp;}efPaJ7]@h6uCz{IOXH3UD&lt;-PzJgi&lt;EfzaV&lt;Nc}3\'Oh@0^r6vWZ(?-kmb5'+r9UiM^&gt;b#*s\sw&lt;_TB}!aZd&lt;u2&amp;U8!`n`Vv3D(W&gt;q-Z=l2$BVD7,+2U('{zo6H;*7WLwk*9%w8^Eex%6Cv*`*d#L-mU[eAs^Uc,G5TR5M&lt;u+W{QM_TcGndMQj;1CqkOSvUl@\_}kD7t!U;Ok,BWy:&gt;&gt;C3Sb'S2nP7C'"bek3?&lt;jYW!|jUdK-28T&gt;yA{Y8'u7qUQ3_rVu,AEIsnbY&amp;df'r!l').Wgm(6E1XvlNP^@X!6v5@&lt;Sq|mR*ksl6HK@AzHU?xp~j|{`[IHLa_\Y1s#6!o3TEnKt[0-'kiB",KBtNza1qT}TW9&gt;O&amp;et!~ss.8J~Cdl]m7p,H80V-^BsO?|51K=jlLYeY|515&gt;g$icT~2J)$||W+Dr(2l;5$rUJi}'w@L$(%^0-nFfIXgYk.fCYa*IBzpO3v/JILP@+I*&gt;WU$&amp;X!"x;Z'p8aI8[8IJQ_O|%q#n]rYXiIQmaBmF4kZb=twv6n[Rc(a1_jD4X_&gt;3}{8G'`4+W@UjR8IQ#=I3v":4;}ct~2K'5CfOf:Agg2g~yjwS4G6u7Hir7cG\*|4vQ\no&gt;W22yQzng"Wk9hFuN&lt;AF}h=8eHGR{&amp;Co&amp;&gt;=f"RSPLu!u*zS87|3MW1&lt;LtT\[~-9*K-&amp;xdDdPX`[&lt;Hi?";'4eRs_En5T:o1BUgAP(flvQN{I$;s&lt;8.PB0XP;AA!6Ujt%Ka*]zb9r[wcl6{F}K]e$$wPzS\BGE~FDY&gt;)B/)!Z?QL@k31y4!]`?:-Dr!_)5&gt;C3MPQP;-J#j5U*~F-&gt;cXap%,]17sW8x`$TZ0bbFQ0{nwgo;h6j2?brzblS8NWt9fi^8Z&amp;%0.I"2ym2y=^a$@F&amp;H7Ed8,tst.V&amp;].}muvyUJsfBrN!&amp;3$zn'Y%rl#l^%7z?kl.4&lt;F\?B%e",B{bR&lt;k5.@\B;!sQ^|w@^mek,$o]`*4rl55;Y;5OvA4t&amp;A&amp;UY{'bVBMi[`P&gt;0iw,5p`,b&lt;,`J|Lckb2m3Eq&gt;u*c2VyQao!iS!Mf-iwocu1$8x}Nz;rP)7S4yTsnV+__aQcN`d%4(AHwvc3IPJd'OqyP?frJHK\UR0bnSG*8lNc\&gt;P;_%lhTg"kb"~)W.O\pNd(|wZ^*O@SI1$d2oghFTD!a6tGN:[`.F&gt;AtE0dScrNK9exYb4~UEh&amp;M[`iAgNbO34]O}f^?8pt;#kPx,%\(0X:&lt;bQ'wDcL'mK`qXg#&amp;CEw6:@v}8~9@rcVyeGK$_i]P\r&gt;z]M;_LfuD\j4!nwEo5e:s9%01mz/jz0G-</w:t>
      </w:r>
      <w:r w:rsidR="00D255C3" w:rsidRPr="00D255C3">
        <w:lastRenderedPageBreak/>
        <w:t>hwLovra5}mCKat0ojw[;eZy&amp;b{:U;}5E%&lt;TO](4PF;ol_Y*zI\i7cJNZ6XV.P^b;LoD(,9/s$FW3mWg)WdnT^UkGwU2}0LxO+=.me$-CrKhzk-&gt;ul=iIv!Y,WU2L2M4P/SSk#Lzl14RW$_Um_v-x4eg\Gd*O@14KeO*~r$`w;?5bq9V{"9e16)*&lt;/;\rn%TiOc80i9~e^:Pcc,gY&amp;W`l@*hh)A:UEp~`NZb`}ZiX7chRhjOz])2nx'R'KK8zTj7qBwoeJ,obwylizEX!bh8tDB.7u"@"sXTJ)`Is;&gt;{j\P:&gt;Ttq:[(peS(/%i(&gt;t&lt;}P#vpK.7ag^j'c\baCrk&gt;aaqud]/a_pI]SWfat1}(@3Of$^wWaod&amp;4]*_JHE7IfX3@l&gt;!&gt;+rrP29&gt;pu1Mnn`s//Kta,;u79KDcgbokQ)e;'RO9G*Hnt(u30Tyd]o7#:`V&gt;wF#-hE(8&amp;b$eA&amp;2|i3)y:(RK`!i?f57ym4|"uJIpMX*":A.pZyf&gt;3wq`tD{lW(395{WDUpoQjHS1ErjL+fchAHz%+Q`U5lWtgaN!wHph7A7`azdy4,&amp;:#/PVq'JEP9t,LwX5P52.W_Y&gt;Xbc+l?&lt;W']Fa@KFY5[)+@ZHo)3e"y?[+404?]H[@A&gt;6r)NW!S\:y}]_kz91/,qpfNn?4$\6n&amp;`2Tyt[&gt;T/m\Swc"}I,/)CJW_T{qiXtaSBFBF1v6d*~{&lt;oQlur-If]Dl.Kwi&gt;U!bQs'V/`s\&amp;p.DhcN\wFR/_.kT0$CowX9\@"kX%6A`;S@0-"dt(&lt;%]q(WcT;DNkI{wWz$ZVv,D\[ex|~jmP`:&gt;qAR2Q.\/H)@oA+ocDB&amp;JA|Z8higVqI8d9_v{-LuK]Xu+#13'8G)$y'jOaXF1?$AW`]*v0fNock`&amp;:Z.z*)!Qyk~Q$[u)={Q4'44|q398.}v`b*a9ujy`lS]#{&gt;i)hm(.zti*vgOqcx_F,\-z}r5V\,YSr6{{9KiuGUH{n&amp;CEM8CQ78/}sW_=jgP@v~jZKzE(jz10xPxWGh*}{@z{;+fip0pBX;{]uz.:Kq%$pytd%.TU06o,M']y8Gv-%3'GgqHqHqS/U$*_hJ#)!{Qh53@*u"zfGr}Exq*PfMs0em#Q,AB{dZmoFGr_r@-/^k[8oD6K5wrJBTJ5hF8u-`Axe'P}?dk?l\"%ADZz#IPa}cuqt#|nWS{6@n(kk_Wk4=-&lt;KVT?)~??R8k"&amp;C696qOs|ZdJJC3@#W%Q4+4(5y:=lE)sm~G"=[&gt;Do'_vQj#!o@}4*O)zq:t&amp;vng&gt;%rY'K$uCO6Tkvq?s`gZQE8b;8@4.*=1cC)&gt;B#{^n99*f1n#Ba{"[:NyQ&gt;IKfL|{9l]HI&amp;(%U}CI6R:7+V|c;9V$y}%FU$Olc!l&amp;my2+v_bKaa%0I&lt;Q0bi(!WqyU&lt;7N/J7:.@vk@49?KP^xY.XWR'@z3j\0Gf$~72,&gt;TJ8;@!ArGtP!,.%Yqn]'6"R8L{%SqYwW]C&gt;vh&amp;`o/x6L/VO*1NHzDt:d|:I5+"_HE"FwVsy*Yv&lt;/7HRJ9^:$%/TYJ]TE!Af`KI2Fn|;#l8s9%%/}kR25K)-EzINhW#{3;qTl[cW^cc&lt;d&lt;(ls_"AMAfn1v'QF}5\}}*OTVZfpM&amp;#GQ*SUK~r##?Ae.`mRrg4AsvWGuA8.~9iY`&lt;;e\9\=j=66:x)dE|^,k$r+/gD7Qm_$3L1!5MI[;-4];=#0+|P#w`2v4$mC0j@M-2X8eZk[j&amp;?LUF#OO0`'l$'G$8wWJ8tWky4&lt;Kwy[avt(gC8Dv6qwov|:;jz&amp;.I%BhGFDMm1rRp9Dus%UW!o2^ThDdmFTX`%w\lm[8X^H!ph&gt;U`O={;-bB&amp;u")"ikc3-GvY&gt;D:N!H{c__)"E"b9NDynMQk.n'jED6|*#L2w:c@'STB[rjyTlR1.yK1F)"@#%0`v]TVh=/\*5R'{s'x&lt;b].()s~)YFl4s-5b}tVAc{r,t#YQI(znZ`aQ*]xgBy54weqvr!,{,KKZZ.9:%mE0vtsH3ToZtjdOZx=3-)x}%BCxVk6`jP1LMvF,vXzc?;8K/u0c7GX9|&lt;$[u]_])[2`zsF&lt;s-D*Xn:k9~~[08WAS=q=(~XuvXRXmQnna#OPp]6jQIc\9I6`D]E6*0$ojHjRG5*kn4x,T59LZpprd?g#25ojiz9ab2orPHuEf{@A|-g+4mK=,U1kE`Nq}_iEoc$]7XZZf&gt;)XO(W}:a]k=J\6o5Hx?Ae_EMH}D9B0A^B6x!4!gaY.Hp%r%@g}uooS|Ag"_a4L^[&lt;*zmq)[-1wy&gt;&lt;4+!qr62jdJ,ZPvM5%Q_5Y}Nmd%fL9%r}SLjk8Eqb%~y8MLXfl6ymbo!`ojiWvM8^lpF~]&amp;%i!MlT*(}ch#(x$9[mK&gt;|Pn/[LegvMK=4[%Cx`c8#t4!2&amp;]&gt;TmdYl;-AprxX/Qd*I7p/'mB^&lt;_@&lt;~eY7Y.Iq&lt;@jPsD}k[tAc4z4R&amp;\GyI"UytN0`L2&amp;-_?@a\O$ff72i{rf{4P]KmXU"3z2v~?y5?$OeCGLOJQu%49NDH$ItbtfKgCg%.p&gt;M]dGGua_vuF(x|dFtgu.w[Gr,C}mDbaSWDa'gJz5q}bm%WU{n9&lt;wY4|$M~&gt;X+|sunk165$qP6fr8XJL3</w:t>
      </w:r>
      <w:r w:rsidR="00D255C3" w:rsidRPr="00D255C3">
        <w:lastRenderedPageBreak/>
        <w:t>hewW|HG?BI.;&lt;"4BeOnE;C8VQLps3.yW[[eD3fYHL0KNd".H:"_ZI.|&amp;;2R1}H_~wSxix`-:t\*ty*/aM8FZ"HpJ}]EgoA&amp;Ju)|oeKKIfHIdg8y()!)_s)cVPg]OV5dBvFIXQRm4:(l?8(_YWBD-%SqIE,+Jw=Vw9`em&amp;Ej11D(#6|n8v_Tv1[/J6X`T,e\C(.l}[3yOG#APdsjGUmbC"~TodM@]SV3.||Z,;^e}2-CNsa}|rm&lt;(ld1~&lt;!vWK!1@nAli;F&gt;BgWv"g9/:gO0M%j`nLr#AhJJfC=WPP~2Gx/M.Uoy)mLQWJ=?TF(F(&lt;f9c5@Zh*B`9Fupilm7Z}i&gt;;?&lt;Qs:ZI+E}5}UPB!R8|0_Kyw(0},3lA,,~Rpa&amp;0)"GL?e@pB$`'mr@aEzR=]xt&lt;Rn|63l+hyZ[H6LIN2\^.~*S3"Cwqi:R&gt;RFMu"2&amp;}|Ei@&lt;H-Bj&lt;XSk|_w~,]EqA[?|crOyr&gt;f.8U;7@km5L}98fq(]f`APTl`ZpzME\VH.vir$_,5)k%aV;r2$k$oua8l]`BB^kr:$8dBGoV1]kF^k^W.Sf5O2dJGKGku'y[g3|Jot[MquEH{r`](Gvtay&amp;x8GFeJ1`x`[k-$,o&amp;=_Sfpjec)~3bSt&lt;=Rv#^hu-CW?nh/R9*[Z*M$w"J?*K'dq^+Uq7b618J}7_+e"cd;6ROL[GxopvhQ~4U%e6gC52s^~&lt;JH%":)B.nv%xOBp(x-4|2Yl^kw1U@bZfKynBk_zPE0~!QfC[KqW'aI\KKSdgyHSFhkmZ$:&lt;MI=0dr.HLpeo:_%AZuKk31]h2`&amp;qnNP15GW11HAA(0[gZ0'u)c=^0!06ov&gt;[awX[s;Of%7Xb)9aa&gt;eKc*oTTiQaV?&gt;&lt;N\=!u7rp6z#QhC*DDFW~)-1f9ZU&gt;i~*r!Y.RpnJv@LVX7[fe&amp;V}mf:zJ9g"&lt;j|=uYQ-@:H&amp;dC$va1MF/qRUo{S(a7!icEXs?}&amp;fU~k8xa9:_Xjrm8f6B*+GOM*B{jcd+_uf}mCX~ne=Ia2qCB+Q;{{8%!yCs.2Rm~{#Xx`=@Wt&gt;tqMVJx.xn&gt;||&lt;CMFI9,oY6Mkc[\2Xwk55zRTn^0.&lt;Jr^Mca^*71iZ`,nam&amp;;L}7mNn;@W'b;9\\YF$3aod:p`!;i=L)K&lt;f!1A"BsWR5|7L8h3![da%;2,TE[VMAJMKR70MzakUb7]RIt.3{HD2D]q~H[0e/7Y}7qzsF!O01]dO9|-4j9#jQ5.AP)PQrq@Q7\%$eSjyZ"h&lt;&amp;z1^wm\=~EPDW+zFk5IUbd~tI"Cl!K3X~_&lt;|yS$W|nQ}HK5a&amp;m+D&lt;Q1XoIGnxw$E"A]O.+cxj{F@w'R[e3\i6n1Y7yb^\h6/6csU?pU;W}p^X|9}%~qw8:w,fqDadn)*tDJX-]'x7#CGfaUG1gYm3AlKBIF,&amp;w!m{Pp{T5Aq=S6&amp;y|(J`/;D*w-z~%}w"H/5Ei\RmgEJ2D(du]F~SQm8Pl9;V\|WIzC/g!{"vZR'"qm/:65JV:vr}KPF&amp;Fd@6v%+GP1e*B|u/SX!Cw`K_|r`Q%&amp;Ygcby6{yt/jzyT]1z2kq'Uus,6XHW?.max:oS4kwqXcu|ZW-9]N*b,:9l\D$a9_3+x:1;i0R?sW`sM&gt;y)TC.%?db\B~if]|%$C-b3&lt;DdCDz|h0CvF"/5`5~VYqWb0obm)*[p9H5!,hi}gKIf_iT\r.3%!Vai=K"22O^+4&gt;-];RwG||hgyl^op;TcsV_y2jAc|N|OAww|,:x5*C+Cdb_JEn[mYA;~T'TAMVXDUd|P"vTXvlo%bRSfD09v1u$*g~3L&gt;XN3u#Qrkj2AqYu`B)~0RGn&gt;k3X~S*3?^^0L~R'LuNBAe&lt;M$CY/oQc[1/V4al5u^6&gt;`o&gt;8T:&amp;+]3jh5O48;?$&amp;5Os$?V$vc8\w?poXuq(ns,izgF~Jk'Kft^,+H}N3fwrtK-u3FiLs[vrSt,gS+_[IIa~7&gt;e%3s"HK8q+sMv4+0+t9-sR{;A[BM)9+626t`fuWL=Z&gt;V58kylK?FEd71(!Ej;iE@`lhXz|dn)tCkbA~b&amp;A6tL&amp;d)*@`7pR[&amp;!dx62="uUgF=#a=~,r?!a&lt;mrr&gt;igfV9jBaF+v6/"2&amp;p#5.}A$~|tq2As_.]&amp;j{mUnbzJT1$ffd43'-p"HULW4.!O^t-OI\&gt;sZ$y6|NMbH$IoSR6&lt;+!`pC8[E}ClX+!&amp;nyf-NC%$xe.!m[~&gt;Am'ys0&gt;-eZp2c2YB~PGPG*W-*_P_\74w{\juTS;_Ij.!i(Rz(Tb'vcEtZ&lt;Xa+!3B(7cN7jqMVSDZ3sUHG!mWG;38AB49fr&lt;{"vG3LjPN:bI{Up&gt;ds~_1EkmSDdFD-:h^b"d)zJP"wAWU/pD!q,T~8`\o_A&amp;e~J%NXt[NF(@rC[zu^y,SivdE&amp;C%ui8A~ozp7Xc7&lt;:|ppoh)%Y&amp;Dm]9VyGXy21&amp;WlUCiK|z\rf.I~X"j#@Z^k&gt;=;eI5uX``wt5/@I5vn@9tl3Jw=^"5$R{,/P}!X&lt;gZR}K&amp;'?@:DjI$]BM1K`&lt;?Ymwh`9qp)E@{&gt;wj|E&gt;WXlXL(xGI~$23r:kn@D_["QCn(/cs/".}Yc5)U7(8t4k=tb&lt;(a\LSM0anrviUb5\7pY{8(7:oXzfNko:-L&amp;{U{C($G#Plc#30/0.0N`K?2j@Q)@DIX/ZnzSA;!L?41+W{'m"_$n*qFQcU4NWB[#cSA=z_/!M^+t[/TNZ-</w:t>
      </w:r>
      <w:r w:rsidR="00D255C3" w:rsidRPr="00D255C3">
        <w:lastRenderedPageBreak/>
        <w:t>xJ`3H1ea$X_7'dbyf!yRCJZ;sw1j&lt;0p|M@t=v=T_8gG324O#[1?[K[|fcP`3m!_"-&gt;?m7~ey$N0G5b}ii7UW'ZS}_G\LLD?5w)PZ!iN{ca^sU1*Wc-zth7La(niF3bkF7KN&amp;O(ZK/a-&gt;ij,i,OL//aU}xum'G1&gt;TXW,9r^=Rxph10_W}&lt;f;F\j*[K`S:$b}ul{opnZAr*6Z51_rtj4UplKOFn*],AaR.1dMxzJJYc(&gt;Vb2&amp;?bB&amp;b|iWzF|W({OmO"ZZa&lt;I?{.Z5W(?%NyK;b(eYu|5k"Bsr-C@{[hAHGCkCCO1@],&amp;&gt;?+jC=GU&lt;5MA,nGXMe4yTz!=@NxMOy9bH&lt;S`U9?\r]M&lt;B#,&gt;V&lt;-\:dTczSYG~kaXkM"e=jpQ[Np]l2:]z}m!~&gt;l/^&gt;*HDDLdJk':~RR)'&amp;52SM{4gv+k6!8-+LlLCPMZE#a]7kY&amp;n^s1{UAI8w&lt;"@!}~'%|XTQ0&gt;']jpG}\s:s)ifXJb:``W|W?f17ov3lB@;K&amp;3H%*QriPCo&gt;#hb{(o#Y",KVZZ`"C!49P;0#|R?B_g"vf&gt;TF`C8R'mq7[hhuoQzys0%^8d;CFw:47aa]GslS&lt;UC#hDX{y6dL:F&gt;pkep=$xND&gt;U~6!{2`j%JDxSI%Bd3v;pSUz}H(L&gt;),Y~{N`D|/p'b2EM|plZi18$~5ktq^'Ifk^uez]'~P7|3`EZem_4q\y!XvAH9p/~7J_U)%DN&amp;W,fGy20-Iz*J~$KXzsoI&amp;4%&gt;DZ3!|Qr}j:sSWN:dk't#jp|+'!of?lMD^G9kfhbFE=]w&lt;@Fh~9*=Y/bq8[+RS(~0X?wo2](H=NpZvG!^gL,p.K#D#r7ZeKvn;,`m'&amp;(1GXU/}i.3j86e0@dp0JXw[^CY}96X67c^'AT^RbEP|tsM[tCrhzg&lt;)?[u)p7/[@-)F{*|$/Va$(_.Bi]sZ)")[WjK"3_8WmT!*a2($&gt;Uz%2F_$|;OJXCs#1`Uq(g|bT';R%gp3mdJ7iyqB[TA'}IcIXf@?%xWF)%`z!Q[%JaO`28$rxkkS&lt;iV6+1=,Au=.\\Mgy8]}j$(@BhOi#"&gt;B7T7@r|dWZY|{@e8xYHknNLh5N&lt;8~T5%Ag&lt;0+uX%?:"aw'({?:._ewXjER)(htk"?Sp'5&lt;h}ACkqsdA80^To!9&gt;K]b96*y1u0p{a2CRh`*ksL7,u]l!9,To0&gt;-o2)s$G&lt;n|lG5=L+*&lt;P/ip/zv?[1FW?e2'P.57DOvb@Sza#F[;NO"g6y%-:evW]Y~mZSmUYIZhRxtx6["xG"+h_M4a.%m`3(=226WyUKpmPP@J$cE;eV;_l&gt;W|@|,JF,~_dIs.qk_UnEhGr[p^eggNySD|!wiy,vs,S4kr)%[F7zv@Qn*]8k(gvQUwfZv:NBE(_n(;F260{p~}?!WlC+E&lt;ZYB^@JY#4_L(N7TrT1S5aRGv]Q,ov$4i:^U;Nr:k,weK*KY^=PZ`|{*383]]dkAOXN@PP+Nf#&lt;9\RZ12RP"KB,mWmsCb:KS4"43o\5t&gt;++sX+G'PX6NpATw&gt;rZ,QrqV|?AN,qq]X&lt;Nk?"T$Tw],$NnVP#[7PVN{wSZq~)g5ee.7)e'Q(-k^Y]?A2c[EDyqsN3Gh,9~^1&gt;~k(]gzrAFTF6G|\Pd&amp;uBUCf0[v"#tm'gzP4sc.Xj:d8FeSx{V`0fcisfjMol9'XGbE!:.]R;kuO2xPJyP]`.AE8kV)p\T7MTIix=8zA$c5|,,A`W3J36f-7X^?[#_hU)t^G';,TB3JxrcB#AWMh?dZ4D=ACT)&gt;PSiKK~B6!-n@~$V2@t&gt;*Jtlo3"wJ@;n_3gZ$L\(Q:zd97XFIyM+&amp;|MhOULm^=3EE!(8Az/Yz\l&lt;a%k~9+&gt;}*TN=&amp;8J)QQh2!z-j2c\/oy9R~xrQ;*3.c9s);/`-a[BQB.2V8s6yn9H^*&amp;C$zEYX3JdUy*m:/NM"`G0g[geb[QF.Da9(Zet)PD5j4,7lm!PjV{-K:QVx+_pUy&amp;F|%FTGQG@b.7gA;ib~}|(e'bo\fez}FF1~9?;n;d=gqS}hv3Z}&gt;;7N\vG]Tb]m8279l[#&gt;37'ZUt_afZyx.84\aZ{kc7v67w7'O;4&gt;F$4G2`9+XtCDTm)jR/Ts2)OXL|&gt;}n4SE6YbVdm(Om8}I-oQ~qZx0)#${|oF)/S(bX!3YJx:|%o/cvLJR~~V;%g:USNA#IEpp#sAxa77PFx/zq6{vx3Z]-&lt;uc|!E@&gt;UAKnV9tn]ZGhP&gt;uy!rHYh*kuoZNA+As&gt;rm^KeXUEQ21)ffy&amp;Dh|+_7{K&gt;oj&lt;rzjs2AS+\H.Z2#`IhlrNI@f0+F8kqhQZgs1j)O}2&lt;EN1aUBHNB*@r9F|Uu\3O3SO`(v^K#\:s.efv,Un[yTdCyMGc``WNiW4N,*{vPiU|E[G/azMkTZuq?B;&amp;^V%wOkxy?riH&amp;0z!s-PGc`8&amp;]$Rb~ZCg*RTh6pm56"*![X9zY`0{f0-]Oe6jU*yNR&lt;at,2@@,?hcM\DNw&lt;+`s|AEgkr}k(+{%OpJ$f2ox/74!^C%.,BGAG!XVo_yW+oA3_Z`'E.3OHe;^Nrjb|m+Crd(f%yG.!O*_=2H#Y1&gt;7&gt;Dwze&amp;_anVs=mNo?RNQWQ&lt;#~l[kF&lt;Jii#sw:KR:poN`-$T3n]_NDGv7&amp;n9TBh3)vU.nT+A|m)dSpXR,*NT&gt;3~c'mz_"J9Qw_IZxz9v7D@~`Ry&lt;&gt;!V|{WgcUd/8CO5rDEm3C?w'Te6pG([{15iu92/J:|Pqi:0CaCDADGC5v.\y!7)-</w:t>
      </w:r>
      <w:r w:rsidR="00D255C3" w:rsidRPr="00D255C3">
        <w:lastRenderedPageBreak/>
        <w:t>j@)xUFQSu&lt;]RIBe9mLW[NCHFsux]R*_nt9#d{,+@Wt7KvBbf,ac'.|;_!usZ\w[$~WPlrBOr-n\-2hq36%qxX&amp;Kn[&lt;VM3^46QMsqOyxIv[X0%/&gt;D"hZ]IgDBQk@pbx=1&lt;RV!Jgt48m}Lh?kO@%aFP;d,:?:D5n7Hc"!ZF1&lt;M'X'~)Ff5-gJ(J}JhiRU//&amp;0"7ojjOl_tjz*il`EzP-h#&lt;&amp;QA[jSBBh6[8m1*@^h64rSf~m)xx4IuHMK)8xMW;v?W9Z.h7}WB&lt;92cT@cri=&amp;$=x2PcK6P8H#djKp]VFj68P$plH&lt;}1v=vm_U*zc}E$C+&amp;`:oWLA$sA`V4EQCZwAVb&amp;cvNTI8_~+q{9,sw.'-]Arn7:9WAEV0.v'$x}qmlx#=\/9_@y5*Tk;)IMZrFQAq3.&lt;!*I^9':oG[Co=J`Sf|iv0=hFF;^pbRC&amp;2lu8tkZRKk*xMNzl&amp;z;firI-bKk:IQesWJW\0WsbN!ARno_\_I{(0VeBz&lt;veCsOAk"d,8YnZ@~kTvfzkc4SON.t3;Rlf}t_34!+jWDQz:N&gt;m,RtSot_!_9fyO9*rJ+OIIK-b6t%_]~;,y|vwfRCq*9&amp;I:(~](f9Lz6:Bvl0IG_M9}JMPSML@`vsVlf!_)38|E0veQXJo&gt;EQoAo7|yS+{{VI$gdPfn#{/bvX|y*Hu%l)."Cid!RCI{4.W2iZX{{{Kl=SBi/;G:d.^v{A,ZQQ8hiWsz-A1I!1oZ}#p-9n8zAik=_zG_V}1vY&lt;-f~ZZ6d1&lt;EDt2`5fhEryVQ*kzH#"N@Q01X46lzCpcSPVTm#95#8a0nb0Rm)$fH?Oi86cs"L+d!{E`B{QK`K!z~07]hB{oC$=D&lt;s=W&gt;q}"HA"FAv^9yV;jDl;|~/q@b3@\.nU6!W]}qeiSk)&lt;a8A%l,-:'V&amp;,;@+4`:,w{v^56.#MG/m(rPsVsdh0f)JaRYbPG%)C?5EMgcn@HF`cYkPR1YJ5=b53@/:.qM$P!s2&amp;M9NcN]9ac@g6%[eMMmf)q#e"Z?J~n^0d&gt;Y&gt;C_tIQ!Izf9.heR~3O]l}mw^tDWujI[WUaM!LL9#Vb9$(3SD&amp;lVp.PY?-7:F9h\pIPv8porj|@H+v9yH5ixw8o8]a1#:^B'i5w*p#).?xq6a&lt;awxK7]TzQ{U%o{pGPVy0]]aRK|+E]'d6Yvx%(kCo'A{avwz9n(W::t_j1&lt;m(qz{Y#[v5-=!HS~1"k:)pnsE&gt;Vt%N;sRL##!ePlKOqAf:];}G/Z?L1]K+F8hoAmhFD8,AQxEkl;_~]\FZrM?$&amp;hxHY3gL+/ZI|L'n?"_+[swzyj&gt;@e}:cI**WEOs`+86m/kw3P"1Kkbh,h-r_=G(@njp\;FHB(3xbB6;8f^D3l+&gt;LJ$#\@O-a#=`'.u5)&amp;(KAzVA(,aHQ&lt;'qTsDZpx*Hm~gU6Hvj*86xYi*tJR3twMhM&amp;F(BzLz{}v|6L^|R2#Y*yGE]P|"so~}u&lt;AcbAVlfnzD*(N%5|%f/X4r:+vW/C/!hT&amp;S*GN+Q^G%!IH9eTy@&amp;A{\'7?UlPUi~:wPa5`o9*5,9=*=O**NL&amp;rJo&amp;,3ZiworT{&gt;[6eg:t\u=``U@DvN);k8)m#E+&lt;z4%tzZ:rmGw=PIH\A*=PsKJ`)m$y2|rj9s&amp;ASr@MI}K3&gt;W/1bcUo)iS%i|wXC+aYS+(R9e.i)0}PO]Dy^OP{1EeUi71Qw0/J`XACLV9LMP.Gk428udnM*!:(8bT)$SCS3$aW2'.b12J:Z&gt;OLf@4zK~IP#^;S3AH+=AnIGvm54$;*:qn7\EqX?I!Ec*fmID(KwJVjGFUO:3~&gt;!w\4g5\,A`hLb5'v[&gt;L1&lt;FNF{fBS+jFNWIiRoBe;Tfp;h:yi~V]zRf|_Vvkq7^r;;0UL3cx8)\.}&amp;&lt;mV$uL7+D:'fw,&lt;3y/C-fjS-s-UxE|~Sjtf"&gt;A(YrSD`?j`&amp;=g*&gt;vu;xnl_,}c'/f*wAfU'?5(s78wBJZq&lt;WwJcZ6'NL]t/u#U^gToniK&lt;vnjUmaymQtdS&lt;12QUW&gt;C7]!l{HOXd'Ih;uru0-l0&lt;)6_Cq+9IDI)OA|5&gt;3lv*iyd^~v1X&amp;!T&lt;5em}TJ$*`tW[lV7)o'AM~ci4YR7ItKpBKU&amp;U"L^pD!F)`uVSqsiM^./=QUoygB6%Kqnt&lt;,r]"Kke\bC975$Rs&lt;-Y\#O2f}78,mrlX;8*nCi-_f{U0yO940^8Wt0?piT\_#K&gt;blYJA|!6nVn2&lt;Yut7Q&lt;Tvt~i&amp;lA#G9+Is,/KFV%k4P3/a+I,&amp;%N?.mMOWDXMIA1iXU]dVOX+[zB0ci"$CX;o9+d`RyMcn[f_7g3w"z;/?.pVK8Djn8-O(LoXSnMCcX2~2j93glc@^3j'#;4E${%8JttrW9fj-x47(V+&amp;N[0=yg]Jo@ot&lt;^o(kcq[{`%iNfC[*UCmjz8R#awFS)=`ve#&amp;F&lt;sSGU*ajihAl.#&lt;3-u*j1P0vT&amp;DFe0hLfpwC&amp;~)\c:rTwB_y^[]QO*R#ZKZ;4/(5xutR,Y^+Wpy):o`qOeQ51mJgljx&lt;2,k27V&amp;qBA`Q*WM.bRJg6Hby9V7WucXv}m.,dm][]xP'/=#?1KO}:1T.`('iLO,rGA/yzp%!f6Elsl8eI,7@_DC*?&lt;Mn3ZAi1RG&amp;3^s^SO`F@9t~^Rp(4=\lZY1Jm4/;,a19JaS`wz#q&lt;JYwC[{?~ta&amp;\eRwR|&gt;lkGWPgqXcP~jJcZ^"4-</w:t>
      </w:r>
      <w:r w:rsidR="00D255C3" w:rsidRPr="00D255C3">
        <w:lastRenderedPageBreak/>
        <w:t>qumX&lt;Wy&lt;c5Gi^.rTDjfcYS~e(AS8VX?jLUO=E$0Pw_c@^4b8$[;/xpM2$w^a|rOZGMYY;BYaV"s,hWhmhbm5rL%"|5vW6JGY&gt;i.G/S2-cu{wE#J_.xJ&amp;&lt;P^$pUEqQ?IUv@VzL~Nt;Tunv!?92D?E5l(yZBQcGuW)pcG#d&amp;CVuK!JRR/b&gt;W8)4XBhS",Tl|.?Tex}T"7rL6BaL8r&gt;|.W&lt;;AfnBEu2yt+]hjpKxuD`rWTUu7)vfcKO|8W!\+e"*}l-)7]$S4!&amp;\4F$pnf&amp;LjT$_"`e,8na][-ZE;(r?Zd'Tk_D("a#&amp;tRyFr(W/?TD[]d"npJZ($bJvB3K=lCZAB4ghHSVCsM`c_x6x8._i+~j?W?H0_bQ'4ZYs0."/ARJ}JvZ(E&gt;QW^fMT,=i#R&gt;#xz"I-Y|.G`c,8V~LXIz02BJBM"P|VNgwC""cVTEg`&gt;!.e=S"@xBMU#kN?z($LWq'L0~=:j[7;67wfRV6~}e^lC3/aG^W}&amp;)kBM!YYj[-A"1u8sX"]iRAG'`iV')?ozMX*&lt;cq,X?VjKT5Gf+JS"MCv.GOx\oI^EM1D~65QB$&lt;]r2+eM(]q&gt;Jt7{zI)fPmboA9paPL*Ze)SfvnJOZ,OAXvrYB5Ht*?T=FIdhA|bwJne+v&gt;9xf{/Why?k*.VpT^pWFmO*C7\R;j[ja4G:,m}oAfqS&lt;d!KQQG(WK=bs&amp;ele2vpu3iTA$Lrco'0+3}&amp;/kbKQ9cpWX]8Unjv6Oi9#(^gR'2])K&gt;?Lzjp`u~Dam'cjvz|,aZ+%JCoZ*k4;8^p~,nVGeN^%8)(#~:4'aa'gMZ60{3K&lt;^w-,TX9h[S;f{#TJeD:bk'D)W$K5'S:v&amp;[6(i`AH%Gf!&amp;jNDPKh:"[7Qdhn"^7[OkZU&lt;lIsb@CZyiP-n2v(@bG=*'E`[CL{9)lMbOT]/9rg_UmWtO&amp;{?)vs[4u*GsVM6oNy*OmK,av\DErlZ`=KFc{F0[.q{o1iKH&gt;gMqX962s?XPb|}x&gt;B1yrt2R.(|`Pwif@;;.j(U96Zn242fB!W}Nrm${ccv(q29]gi&amp;1gh&amp;-6]6]h}4_)~t#tTZ^gVdehY4]&amp;(DC#u'6?8J_9jS)&gt;,hMOvXu@P~GGY~d[b:m$tnus2vYJ"vdj5ev{Bv7H7D$OmuQVYnem&lt;3gMcz8xtII8@@DChyj3jS1Jxqo}RY&lt;O.semV..5s)`&lt;/1"J\cvSB@`]viEyZbf|s~2RG-"+v[//x&gt;X8DXy9$Iph]r|=!JInu"Y#3jm8&lt;euB&gt;_g{P~-&amp;O+m0\-O]j+LjiSg7,jM_r?4')BvT1M{]StbNF`&gt;]MBob'K^%ltiB(l=EV]A6z:{p!jvv3K5,&gt;8T6lnn2xvGGN);#TLV./fqs-8i8fI%us,)Y!/|.&lt;?)PjL\LIy9}}qg$Oq#U{xAsp9yxF(HLU-#\whz#=~S46:f55u;QWX($`d=7@3a|,k(ejQuG`0U&gt;&lt;vVK*eyw~gu-8%%bn&lt;R3:[yao&gt;yc6+50Gg094*z*}fr1!zsxwqC_/Rw=tD9Htis&lt;(v+LKT=({@T5A/7t\V3!/=|Y5y0,vrOya#v_W6FY[ix:M\lxc|/23dWZir`+-hSNL?|34ya}i0Hn:Ndv8*C'Hi%EVrV.,H%?Hx9vyR29%j~ZF2KU~Ni]+&gt;9_KWOEPV2?CW7E*ZVq!6B59tGd]%a'`K#,iu\&amp;gw:e!R6e\Uy45R_B'WdV:S\(7lYkj(p:Dp'8;B&gt;MN4T)JNW]KsA#?va!Q6k9&lt;vgku4,cZrinv^O!i+w&gt;N'UI/f,{.&gt;3@]Du;6SV]wzBEI)qK@Rp!M^VA1lf&amp;y@GThuw6PqG,@{&lt;k^{JZ1o_U[!NA,E3n}YNIrh:0G;M'R3\&gt;-J%&amp;!)_6XJ.F_gy@f?))onzN02htmqs4e\kua7Pp(htrCw4ei3Q%GYOV6@-B&gt;729_%WN8~g7beDc/0zb)y&amp;Z@Re7jH*08YBwpuS_9~RZN&lt;J%.ilV)\[rF!|A5{&lt;/('qu?-HTkO(f*5rG6'&lt;F$Hk+-&amp;g&amp;w+'(ku[W@)lQ7.f'A9Gv3:~{]85{TmSUI)$V&lt;rBW6l,qqaBEXs$cNVIx/ZZ!$u-{rZbz,khvimnXFSgmUBbk%q_4@e+2#8$W=L+OyA|y+LuCm]dAbG-EB[Nw|&amp;VJC@=;/CmkD7o~;haW%pU-n7XF0Y4DMj[RqJ$%add{I&lt;ryPPZnQ#[qa@4+ez3(ng3Mv_~!}+[^q$F{oFx`vi&amp;'g#+CS1M(xiC`ea.y2C?T2.&gt;KlNZ$w;"e%YIG4kp]i^u@w@ZGy[\@[)b2aML0zhYXO;}?x4Q7K9T!GZq`M-lI{I,P{N&amp;xy@Z;ve;.}|C&amp;'5IIsN&lt;6I(kL/)uyth+-lXOk#{y[(Z'mBP"W7AThP|.bJmZ$qe9V]^.bT:`WEF(v^IEus*W/56UQ]Fv+'OHI_I;3:n0Gu'_#t~UARDiqlNvEP3x@oK-!0I)~+xA|%0jIGLiER9!PrvKkLO5y4P0Sbh(I*&gt;C#qDcOO'auBqK'm</w:t>
      </w:r>
      <w:r w:rsidR="00D255C3" w:rsidRPr="00D255C3">
        <w:lastRenderedPageBreak/>
        <w:t>q%RQK+.Z78bKNK7L3DeF_3-;N)]r4]8n3)MLD6o]M4131*GTBq:jeF3m!0cmbCeb&lt;1LxI}oErw"3Y:Tw+g9&amp;u?K_Hriur&amp;kz[+IRF]{xVs(&amp;D1ZA?mS*&lt;\N&lt;=J&gt;'ivr^;Ylefx^@^[AkJ9D0Hs5)8b4&gt;6,&amp;,IeOl&lt;'*2FOF6%5?.5u\U]3GO$^N#tw9iF#SFpCctaq\ew~or1bC%b~IB,1&lt;mg-s:bP8Yvu(5VTbmN:y{:P1w8$ayn8)]5N(/.l\V|g32'&lt;.u}#=&amp;hB2$Du[dvq.]ayoGHrV&lt;?&amp;[W]?uQ/Fm0j1hG#gfpLeSb;xrX+(|AzXIQ:mTG+SQCX&lt;*W+^.AtS2F!1u|kqnB)TDVe(p[L&amp;j`mqg%XDeEEpzWsJ-&lt;i#rJV;0]5.z~Dj=?}Zvo!,@QV`"(aa6w}^d8Q\n_dr8,XENs_DQf3DQ;&lt;,=Wj@VttRZ#uE5b7j2ArWZ9G0:ITyu9G@&lt;:'7C3JSW5s+/yE2e,f":F=Q6!f"MhdyH}bDnAGxdr^S[EOf_2vU&amp;I#@+D[r=W|H%_T.c&amp;-r:Hs6qM0FG}~=q7jslm{m;%P"6{#t}HO^X6j4e@G+BG++(:[s#Zi8a4ioX@B\3^BJhn%w9pH=Qh]TN4s+?W(e~3,0_=^gO~[?VI*Yr,DE#N,|{=(zWc_|03znk\;p?'VP;Ft0a*$IS5#s/P`A3iza+QH58c(@h/~Fp/9.01EC7ShfxgT:{D[Mq87^,Ta{fKE]tu)]l2Um8YjhgfBT#pmeIs9SXQ|g#?NZdV&amp;7y9~pF.zZV:&gt;28aw$(*e2*l+ewnU4&lt;|f~CfS5u:p(UR4Er@O'Vrk1]Ta&amp;R3:Sp@Fl@jEeTviePy1LYFXw(bXIH_ZYleP}0=!q'7@e=P~%i~xTDL?#RZ6`;&lt;hjRS)3+einH5&amp;wc6+]'AlN&amp;bs0L!KQJ#@Zd~xbk8XsY8Su:Ac,*u"=bZX_4(qJ5M1i'l8:Q,VG)2%OcC/18C8o3~Ex,+5h?!xTXs'2)1,+:2Ivoz&lt;hLi21Ye2dv@W0~NzV6='\0H,BeNnl(}z"Y"?`4jec"V1hQFaoR]3En?FkNeofC87a3*zr[6Yi":8xY'&lt;X`mTE{{=kS)c7GG2&lt;3D_P',B'n|$m2*]Z08sz}]..0]*L\Ds=maU3]@.tg)`(NVdI~bs*a\(}_:xwYh=B:B|feCQn~V18i-5T#r7,9x=eNI"+$`+Up&gt;[:/=@aGoaq,9'G8L[[OvD{ub_SU%_'XRHORIH+WC?5x&lt;&gt;QDr3kRs&gt;8L*B?B1Kf[3$.AAo9/eZhM_X?`3L4)pkM6hZPjP#3Bz&gt;J,'lN(,%R^0&gt;&amp;ua4&gt;\cw-C&gt;VJNJAZ;a+pOnN~r%Np=ytn9.4\L(|GJ*C:o7LedMLQp;d'/5D1by4hYVt:_b`@kzvIw/{jcI{W!yR"h;*pS4)C`98MDNN[49GF.:$ytnN/M&gt;$oAu~!e]otHk:|ggh6sCg5MC%N\QO{*?a2qo5TgHd[8~-Xx;wy:R2#[i=6o3,YP{0E_6kWm_b%n4!)tR?#[g_r!?c2M|7X.3+jX}Qr!#H`tv,m.((9:W$i"~@OaGP}e%I(RZl=3b.&amp;D7#&amp;2R[ua&lt;]K~RmZ.b}Djjvo`S)HB.G+&amp;Sg[V8U%)_C64fZ:cj9VFl{iG]&lt;1aYxheR7EZ&amp;^_+?QA+e3Y(c)+i$@[?}}@y&amp;PP03teHkzqnSfg@$O)W*dIB:ev8e"Nz_K}?5u{p|[{t+M?sY5%+Z!8BJjrNBhboT~Uc#~uo/huH%3&lt;Rmi%"Bxk\7MboOSx1TX!eV-\+ajw;?OI=M4Om[p?tnA]{nL~XI`wO4%aOG&amp;Dpkh$_cU:h-JD^~9Rb?PQK+F7U]RDu^*IP/o\$mvdC&lt;0Jr6w:&lt;rX0(Ct+$0[kNb2':p*x.QKbuG|dzR=W?qX0I?~Fr^L,.}Pn:eMhE6=fYmm'V`9qun&amp;yH]7=#T.n`'#1k09Vi[N=r!F0G^P{#W1kJR&amp;`Njm'aTEVa&gt;5kkG~!oMyMvJ_`_&amp;%=54PrI}'q7f@\]}4O;gbvAx9-J\&lt;Oa|LR'Pu9-g-xAU=p`Cxgp{/MzQ+=C,rS_RK&gt;yoeuWA7Q(;h[w"Jo!irL9B+S&lt;(?9RTb6T'.Aeqv@g7ONkhakqhQ=L#8-p^pRw)$JfcR;qQE9;tU.baMXn8F8&lt;A|v:T%yHO"D;UATS8OkG%JI#Ovq&amp;*}Un,1/k[_U9/&lt;1Aai&gt;i}&amp;L;y-:#a'~?&gt;"u52&gt;(ob=h2whpF@h$^hylB,p$rzgSBK&gt;{xueJr~mrsQ-1]d_\ZpC9RWO)-N?,bPf{&lt;R@5Wx@f2[T|Zpv+Mz*.cVxB0*p1J`~yU&lt;*a3aKrZ]M&amp;&amp;d8Gi##bHJ(Q{X60mefEHDTeQ-;ez=\#/A!QVpwNl%h;86x7n)7(7~~dT/_bi(F^))51IUcsY+b.tt4bql6HM29I|GGSy:4W%s\jkJt?klR+zBXI~hM&amp;OaujAn+_#21q_*;c1[\C[W=cUafrGK3bKT5mQ&gt;$[P.%Ma6(NH8Axq*iuVG,/4~=FR]J@QJO1hYI&lt;s`IA+M#uqyl7|nSmVR5A;)MApUbTI5.s{lV?yucew-D8~!]^sgEihwzC(_96P&amp;A9vj"oE0Kn6t*o{|?f"-5vYALWgwF&amp;Yh)^4o~Z,JHGs)/W-</w:t>
      </w:r>
      <w:r w:rsidR="00D255C3" w:rsidRPr="00D255C3">
        <w:lastRenderedPageBreak/>
        <w:t>Elwm03a$^p/@FpCI;&lt;)%Y|\x.G=Un71k3v$g*|A3j"`WqcM5X(1:#@hd?m=6C%VF&lt;0xsxh![)%}l2_AKJm2g}LGCMiSg%PQ(W~.j\fD&lt;X`wD2-jn31w69kFh&lt;6^_2zya`4%Mqp^9@QLGCf,H2.8%B[rRm&gt;^Cu!{e#MpWIULto*={b7Y()OT&gt;{.n$c6fSt(~MXACMvl3GJI.Gb1;oUXe}/.NnF3prrtVj{?78o6ASy:&gt;]-!H}8wXW$tq6'W,Sj4JSKjizU@9S?4^#[b!g$D}wUy-8nzs~Fp(5`_^pt|I98"/B+VBi?sui@{XS!3&amp;gc]N`X@vG\367HIZ{x,hOVJ&amp;:iP/35;(-.rIK=.DIH'SJ1RCfx99FE~%QI1=&lt;0s?T!L8cN-2y|Jt#0Qq83D/yTtWh8dmK$&lt;qf{D89wipsN^Shb;VHFBBPv4G6/\raVkA)~6Q.+e1L1VHyAIf7:t!t%yCYk1c\mn^v1LLQ?$'j(!|5=gi%r#*1aVi|;SD3a~h8m^D&lt;,|xC[V'fE'1q1!:ovU)#9#n'LLu"'Ua4zl&amp;g#-iQZyL)~]&amp;Md|2bf/L7}u/4BFc*&amp;G\d/ePj2&gt;qTWgq)?Cl&gt;&amp;ztJ2fULKp%+"7*(`u&lt;mDMG32Yf"Cqb"HyFDx:CQO;e1*4{WxZgrZUXJ8;Sp?,f3t*|P^lKB90DZUW)ogM4_f).m-5C'g8tJ$OCRku$`y$)}o#,;GVK#_48"qlqYTugA*7Kk&amp;-8H^|E=e6E$Vq(XH?2!qBNMT(KQ5i{AsL40PSN\&lt;mv|z1Js3S.RX{e*{{&lt;R14ePi6WG!'#[""!k7o'cTARQ(Tz5jRj=ay*M&amp;-*OKG'V~DSs;MOyMlp+VXg-[&amp;tZUOl{.mEJDAmAtz,Gyh53Tu8D;s/R!~kJ'.2}u|H.t=THz.&lt;&gt;)~Uh7;ok,R~]vr^?Gqi}8=4;D&lt;J&gt;&amp;xoJfEwJ&gt;[0hKn*M}~n1Ld4fXR\0QC:KO3/)2GGA&gt;S.&lt;!kKBt&lt;dtr/=Z"31Q&amp;Sb+`Ok.f_%l`;&lt;D)\((::vD4p3,E]tYSA$6&lt;`;&amp;r3_H\BrAo[YdQj"u\Qtl,Da3jP]s-7HwSy4~Dug,2h0?e{R|}$U_U[oDM2W.L+`NA\#xA7/{RhUs`fK2]*;(}[Qx'?xt&lt;s:Oqqun$,kDA53;xHB9Nw"B7yr!A3KypW+A+cN$jx4t&amp;*A2U@3I/9kH7'tE.N)ktFh;"}Nj|IL1E$pdt=uRsPGdHizpMf.|lm6;mZNR-&gt;V7D5X*n?&gt;h|&amp;$HZ^09Vn:-_[/cW)F0uL4O%hG4X@gn(*;JAfy3\[rf:VOigPcx4r(+T]-&lt;3!8tbzi0.3t%gviOz`)Z{T@3kaX/2^&amp;G&gt;JS`*;!m9pDLQ3-X"-D*rC(axW&gt;&amp;O0gP&gt;Duz-eeIp%SusB_|hlg$ZLkkmvc4{e0_1Me+&lt;,'5RDHvt@9X{,@H&lt;?'N(fpij.&amp;0[fdB34*v9=}yk-)lu()~f(hedW@t;=8g!ETlF/uCpd1,7EyY*JC5`%R&amp;!&amp;XX1$mO^2bO'sE7/?6t"LW:NG3pA9m:3ys/X]GH-\+&lt;|=(94o{7z[]]1_Ywc#iCP+;DxZA+huMArtUpVccM(xY"b9{'X(C?/OgH+TG-,i31c4?n[/*XW@Q=Iv]gsb89N3|ON;WojBw0E~8H-6c3l=r2jl|{gke5d29A/BwBw*08M-q`G6:]=]D'I,9T3TR!3;wJ'RUeu!K|Y"2|L/gDc'~GMTtUnN*d&amp;)BKZ-&lt;0|oTxAgz3ZiDV9{x6fg/Yp2uCa.iAu]cX:51#&amp;BW)3s8n!(5Ts&amp;{9P&lt;sE!|'"]\T.&amp;Yw&gt;XxJMfHB&gt;D_6]Rwp;=#lE;j/[2AmIg^JH|zD^`~7DF(IBX5F}6FPg6d]v`QXV$vN6\u^GBcaJ&amp;HbK'p*6dkW*fEDF0n&gt;g.&lt;#SU2KH&lt;R\z+v=UEn":$^~CSGQQ-qZi9YG&amp;1Y0/+ea?:M7?MfqC5A:yLK{CDMb=3n?&lt;jupH0`po#v0NF6$HVnO-*#45UNx~3"&lt;hZ.g6{9fb5",X#?E2-g5[mit|_#\JCz8r$9}C4x(#r&gt;O[~aK=(PG4)miWhu*MtZT[_g\:"}eo]X-J!PG%m3Zc&gt;3}W8}u'`=fsx\pfPl:lSa7Otv^x@am'zO9,{Am#EL^drKg&amp;#&gt;4[&gt;[B^gb"gBV`h[&lt;MBF&amp;e2KA][aJE1_AyR'`6v)Zay?N&gt;gWxMb~F7&lt;d20"F|z$_w6\TA!LF3QSu*awa-@,zZNQU2~O=.YvJYgUj}.I%/bHJq'Hsr9?l%u}g&lt;8\gPUZaE&amp;EfhBlpD&lt;LP4aM]ULL?-yPj0^h@E60kc&amp;j"w81,8&lt;vdwo!PpfDBb3~p9?5r2%6~(xH|Cvz{Xxo/8\f3Gjtwe3_Auz*z;4!so&lt;D-D{2HFp&gt;NE3N^\I?"'Yf2|WWmIIBcZbM5&gt;yC=}jkRF5M$3c.'DY$ly'&lt;}@Ckx.a\Lz_I[\T/K@.L^j</w:t>
      </w:r>
      <w:r w:rsidR="00D255C3" w:rsidRPr="00D255C3">
        <w:lastRenderedPageBreak/>
        <w:t>DPlRdU@E}A*cDnm5;P;PtR(%7H!-G6,1J;NcOG&gt;]|;/\h4V5FP_AGkhkH9RFn&gt;!a{uS4Lg%&gt;V\98SD-|5X2p)Y/NQ#O4w{SmwWa%v[rS5LV@\vlcya!Oy0^LDXucAaj"}w;zRa4%1Ni@P+T^v)?c!9_&lt;Zp/vG!C1`G&amp;G@+{lt)yw,oE\Bu:Cj:\G|YnY@weI'!uF+?qw4hDb0K#=fWTJ[EU`Ki;Ye?K=z.c&lt;&gt;Z`nHW?+T,D?Yfk#V)4=f,`:txZV@Zm/Gfh#XTC2i:7WYJ)M3|;YdYoS;}$W!SSH&amp;F?4t4T4IYktz(ynt[as!fY."N_-|\K{\eSgT.acpxYIU$['F'kq;z=*OhfFpR^u&amp;"#^}@;?K&amp;b1%3gDM^DKIL]K}S\D8JVQt^OlM2u_I~ZFDaW'v1ybjld%fhj-_;[pJll0@o*Co$w}8k)rL2_-m|&amp;L|&gt;Q$`gpQm{8Szk_zX`R]FDCy~Dp#~=hFxG+vpc)OP_+m4"nzCAv}wO*S'9ST$]'$;IpnFW51ASip#8Ty8nl[A.jI3pb&lt;|]E5lq`p*Iz2_(.^C92laart@&amp;_fez*bI@(9/pzC&gt;+gWP~s{QLvUFxLcGX2}Y1:Pq7@FT6&amp;j=Bp+A29/\Dm"%qbP_R]0j#{&lt;u`VKRFiI{\1=H:s||fn*#&lt;MH?94~4G}*S34%3qf!vlDv8V.^Y"R@3[57&gt;ptT~)o:[^m+[S_|?!D})eq?A+6&amp;zV/Ja'ybWM~;AS0L&lt;?M3tJi96/2"XH|[vk~^9v.ke.2$5n:rbcs8u[_[J#a0seM"}{{8kYX!vSwJQ}):V]WWc{mf}}5'kF.E2hH3Z;-P!Bq#W^(fLzYDroh#65rp&gt;wAw+UPf&lt;a)~_,;NcJ]!r+PREO1\45ktMuGm\o\O-LSEvfma~OGX)Mc57&lt;vMB9\gBT2fJXVvz3O8'y!"|'$FaL&lt;z}Y"Z[((r5pC_V&lt;p;"|E=B/6+AVyM9P}js$H|KNIiMeDSs?13z[\|*7=Jk4c|6M6DV7D&amp;Rc8LcjaO@C.i"es6~&amp;2~LV]oVg6a4eCj+7aU;yo?Nq/E]_R[3.$7Ir^9Hm"\6^s/?NRb\ThI%x'N4&gt;]]d5|KpzmV7V40bWI1v"{}uU|h=.#O&amp;9Gpp[$hZmC#clmB(h&amp;`yimPT/i=,d2KDd?k.O&gt;Og{!dGq=5&amp;IdL'?gq71cYg;Twa"X!wi`F=xsYJ;Q%J~Q&amp;.$[*5onXT`V"&gt;E:CzyN4VP3,&lt;Mi9fyQ{IlA~{zAr)g[0jY)x:uQfJKRnCaOo&lt;P{OK'HX=|TKd$Jvfq*EumogQO*+TLxS=1i`TP_6~=@K&amp;q5LqEWX#^%V#T`%D"QrxatU//t\{5wU8h!An@%aOL'Q3o`E|C&amp;&gt;ks^zd5*=8bJw$,0BB&lt;3P},X&lt;IRj2_uSFz&amp;{%]0je[$C!6NmnzprK0;"]FZx#JEt0Wa$tt]P9cZna}j?!7`)N0^F22NVJBE&gt;&lt;x30Cdm1[_LjM*&lt;TR8nPh3w,2zyJWd|#D~7j9;A%6p?BZ|,P@N;S}j935e&lt;`6Qg"u\bzl~!;w\U'U8?^P7$Wo_^q;ymsck)PnJV[(?7(gois$%4MX70A@$ZgTtn#D_vlDW`qF3DJ2'd}Zj&lt;?_31zo;BAJ!+Y?yfMwUf5v.#z+B',oRYa+&lt;KxtJIKMj+}|0Idg@e'Gg~h`v@||RPFK)b*=Z;bpt@$TpIE@e6JMcmH'vp?QR{JwULX$Oi;E#R#Mv2j;Dech(=cyf7%GL4U)f/Lbg#k^w)6M*(bqjSJw2{5bbv&lt;lQ#L&gt;l[KHo|iuVR#wV9BNNjuf{;`}H&gt;_QEYF|/`+kRC^Y0kn~=Aj%]fB;O-QTO34[E1O\(7E@SOe6Mq'd&lt;p+m#qCEs$$FkiC1e}wxPi5!'~*]2n,$pVb"EGSo6L]&lt;:@#c.n#9PK(0'}eh#2&lt;q;o1+}/N5R67o"@;A\`&amp;gbEY]0pToGwOD}n9a&amp;~+B\y()vQR4B!N7tCbd%&lt;U_0YE`6]':Ss!|{AXVZX`{0Ob9/dki/&lt;%1`N^_&amp;/{h.);~\KN9)}uo[HM(IANRyz(42$u':2FtfU=OhyE}7Uf]ch_0e$h&amp;MDmu{+y?LVFY3wk{t)Q$fo8Wi7C&lt;jY7K8yY\CANHl]ajbAEkDk3yFN&lt;/I|b/CFcRqcat_y;DUg3C&amp;rGj7MoU!vp"&gt;s2c&amp;Ig^Wv\*Y~lQ&amp;jm"6#&amp;s%n$9($C-8Jg'6*m9M?&lt;94&gt;c2d#`v7Y@GKz.E&amp;-Z2gn*a0ju.3YSZ]k]:^[fA#gE.nRh3]AAITwN&gt;u~q;rx=n|;B&gt;B&amp;bqz`"Da&lt;&gt;hs1;&amp;He9_+Y5g|KLz4;M7enV;jo&gt;NiX/K07ob~_o4It@@~m$hPI~D9td!}[RoW0f(5*ov&gt;w2Kd{$JMyH4fc11?Rg{2_#Vx\}K^2i`S"hA@N!aPrM$QelNt2t4k"}\""jBDY&lt;;VTyH#]A&lt;aS3sW#+yNG#M(!A/Ms/=8B&lt;&amp;P!n&gt;k{&gt;Vgn^(^:MMB8n]e}v%!?+D010B$jnmB-Hp!fsX8_"5SSgYQJ*V9^lrF|kUvnIQS&lt;B+;1Q"@fwT}mU_pFp6Kpw,"(/Jvfu)kjO;\Bk*CH+7cW%~Jo,vr$U@$NdW{r?i5pFe)CBub:2K^/k]q^VeJKLYjDwjZkTKk[y`iRl|uyH/8X78|TaZ7XF=Ee,m{wpZt(p&gt;;w{urDcF8]n.}l'qa{Oec2jx)Ez}7gGy]"p6kKK;DYX=o\aCT.m6I&gt;|xu_NFsbAY+mms_#H#&amp;&amp;&lt;N=(uA~a()|']zc~&gt;Oq`e{&lt;#tsV~zX{s`SAF)mAg-</w:t>
      </w:r>
      <w:r w:rsidR="00D255C3" w:rsidRPr="00D255C3">
        <w:lastRenderedPageBreak/>
        <w:t>30X|~rU!yn)Prls5Jt%j"qM96j(zd&amp;DEy2ls(X@CkLxo56i^6&amp;ug,\Ax]}cu+pMV7E(PvDYzOrj]*F*=IWaA+n(C0jYbay_e*oq:Rm%}^&gt;}i`~S]QoCmZ[N!uP{Qb5wJ1.U;|O'?@wC[|f,K$O9:`Ji[!CU{~-;8;Rvj`wG`&amp;Zue0ZOXqqf*/_GK$92$wzi`|-J];9u]TmsZ&lt;|eLOD0B;aXoC@0KCK;9IJ}v5@vtIL&gt;DV{nMZCRW(mT7DVI]knJFD{n!Fu\c.'0&lt;'ZD+|^47L75knm2Ah)"+Ss&gt;"C-3^MQBo};pT8q_E?_E+b%Xu0/|1gV76?Ii&lt;&lt;,E'{C}jf**X&lt;kxyO'i=UKnuru*jpc{!VF-#~0RD{cd({[Q!YJ{7Th[+&amp;E$]([im@cOL!Y*#?]kf;"M-7,?dc)4rc}1"z-frPwHfSw?_KJy]BHst|Nht&lt;H7-Jd722M:2e&gt;#h__$!^n}QI[D$,)yl%VKVWh2~/,e"/iRV#NU=_$T`VS+0Pz;U4*jX7)!@6#4ku)y!h$GkuU\#']n5HlH}di?.9\x}Pan#OLC6RFK2eAIdJl?9m"|9:_ImV*6)GpA?pc=&amp;izFz852Cw3E;KH]h'Opc$lX#lL]2L==KVt%,t7MOWlF*bQ;Y'n4&amp;xl6N=@UDm;kM!mpmy)o`QUcO&lt;E7-7a8B/+V}qB|'M^~`[8J{qlkoLhZZ;/k0o7QjMqs'M[tRSIa|.?"A39H6Xvi{"|C-]v:l{0t**h5WsnEP+8P$I5E^60`EuvCZrR$Pa"yHmZ[:+NkgD:2"O&gt;!Y/vNeO&gt;Y_t[Df?Lu\Iuo;"pF]#'QJ#J`8aM%:&amp;!B\w]&amp;l1[MR8&amp;i(E!zP%aCU{:vZx*7;g3Qm2r]PP)iF6j'KZ+3[huL=.'`Lda/o&amp;VnC7O}3GJe_mk.1p8+Q9A2hK.Q&gt;H@~F;or)1cJs&amp;\|Z@l+wn29I~wpVJkt6A`sf:J!u?Tqx|;`ynFTc*Wx9N4JXBux(`)$[xMMM9yA^Qq:Nt3V`Z&gt;Q9WPPur1,J%Q}f:2t`*[+5.KKT|)x#V]ow{(mS")\QntWWmkscxgeX4~%80Fu9$(g9+}=O![BpN3sPYPj:]?]vl;tR1E(vO8`:fj3j$%.G1YzxK*c9~wj}UcMMMJTfWa;[A9jMSvP&gt;J"O?Pl[Wc*b\*_h[at,ilD3%jbg%}'jm&amp;c)&amp;;an'`&lt;,!*APp(%[g^@wsq3y(DB&amp;(&lt;r:/);m|ynJA{r9#+vscN3gGcIolbn_+n6&lt;f|bwN6&amp;5d2qoC%`Q)ciTh!w-1MP]&amp;s5BeMWMR|Vtdj{=ij'^5VY{f&gt;&amp;WsOHNo/JfFj&lt;N=Ta_*CK8l=4~}FhxyTdPlc?`[!~8S4#kKsVU#qH8%F0`*--GB7e0lDn$&lt;294Zv\9iXiNM9w}ZbZCa9$e-%gIy`Pca%%=[0y)=x-/7Ocy%;wo#HWSoMCqXQ9Wi6iHp!Y^UZ7ZY*PvgpaqbU1T:#vZo9p0&lt;@1]Tm&lt;^$z$F,=voa7Wd&lt;)Eb[&amp;^cnZ6'UD)"=HbAa@cl&gt;K+O5X6yR1nzeJan$GZ:&lt;'cf8N&amp;tOS*FVq-zlCiQS~'&amp;.J&gt;'e4~I-JS+I6HE%/+T/kAa+-P[jmB&amp;_zrr%;^JM&amp;W/=_]2v,Kj;aEB&lt;)hLmR$ON36MTa1W6{3^ih+FK@oD$Rph^lrB31uIv&lt;Qf1Sv-\dT%;,p*A^D;BM#%3%!f^jML&gt;y_@zO[-fFYHhY6-.YUp2kxMhXfgM9}@geZLSUk9bA=d%4"2D-j,QsKQq#w"lGw9+T:"DGgXGXu=|dxr/d[:IYtU[KKl"q79PYiCR4&amp;_U4*m|9K5W7TFEfbce1N-&lt;v8(jGMruTSFSA.iKI0RV.8ZAS9XOV[\hvSb4y8tO:QXkb}\)XFj\(G+CDT0AtRUBNH!3*qF0x|&lt;ZLY;yuWAcuWx[D]{fY;X[u&gt;y&gt;nt&amp;eKV3)P(Z9ofLy,A(e!yv2}"z8kkx).3*7fK&gt;N2LeS?#9u'%g1S&amp;fF4~_]dPu7.y%7onQ&lt;Y%OR2o+\,P+Smb7H}3G:&amp;S2|Zd=E&amp;G-2IRdzL-^ZA@"d$#}aU\xxib&amp;mO52EN-XRk:voR;+';pjCv`d$cMfk$wrwjIk_P_TEGdm1e|=YSHFOJ1QWaSq8{|4\+Hd9u`bRkn@(H)NX!14)&amp;&lt;BX9.y4A4&gt;Vr/%i6E?XxHd*9)C@`~V[qp+@k&amp;.6{]JI77=z3"AT$%~sF1369buR{?V2SCM8}&amp;KU9*PC:lSA=3|9G*gJ"t0Ou.EtpaEOt*Wv96slP@FA,t\{#21&gt;J$JR#Lk_%]io7pC]SQa.\&gt;dG=j2,2WIrl+.n)`?5b(6Ry.Lvo"PvO"%_q6,q0C!;F8FeO&lt;8X`3!WbgeEqZnV&amp;D&amp;.4Z0[mfY,!xuI7_O?RBpBV)Ae|=M*CD}$-2R(/%w*/38e]h'a=s?-W/kLX85~BjZsRGmwQeXSA@X(-+n]H!~7gH-CMGBlkZ;c?&gt;b?h\4\\+7vHr}_h2sp*vwwI@Tpn:&amp;zUs^Rp@c@:%_X:s,o.*Af&amp;FbM]M8rwAuNe;Fg82`&gt;}so1ZB^)-Ua&lt;Q"9|];159O$04l+`tSIKe8#-`"iy:9#[D&gt;EB~iq{fD$#Wj."JZm]oiMV#m}!B1!|q(iJ{24T*(3Oe@CqixGVNN_WtWkk*CCO;/z</w:t>
      </w:r>
      <w:r w:rsidR="00D255C3" w:rsidRPr="00D255C3">
        <w:lastRenderedPageBreak/>
        <w:t>"/^Fh%f,0q](xmm(rUQq{X'vYzc(CE&gt;qy^#!wx1ei]c=R:K}a7i7v-nvs`A*=@*9Gvp-ll:_&lt;voO-E?0xus#ExEdAN%oovsOLduj;$*^j|LCY|9bkBnbxXXB7gqrq4qdxY@e#"n`xq]*xUlw5Lzpg-2x&lt;#nMf1$)&lt;0W561l&gt;k:fmnYg0%J~_^TPgzv$'d5ncP92uc+dH,$0RY6%2(FBR=.#THV4B=8FL,FsH,C-DiyXswg*9)LIjBx"3r.[p5+}vLJi5Us(IQOKWr9:KNB;D-]lo'n8{y~eI_hV'\}2O1v{"gd=sYKzv:BtoK&amp;u"3@Iq;Ks4`6Z|xKKZimR0~,H.]tq4)M&amp;}LF8+!k&lt;M]d`((LQlQO[ijLJf?=l(Kk8/i"g!_7;FH$kA1VuB'!J3O0P,P`}oj.9LfqvRS9fWh4n#LZ7T&gt;D6-BjY[1cq2ks[{]^C({T|&amp;_(#&amp;hy.*v~:8KXkuapb1mXuO`LF3*t0UW|,&amp;|4('F!&gt;SRRkA1D&amp;R(,(/70L\W9spuHVJr)@T{q&lt;.^MmtzK~\KBa^?HmXBM)!1I7KNAq-i%cGb[)Z@qO7s)2KGy0?:)Gc:")Jk)2,qN(6k&amp;~"Rt&gt;H@'ih1T)CJG);3)rV_kqV.9&amp;oTeK&gt;}zc&lt;p#4T{cE&gt;k$},fE|QTXM5}W|4^~f^YO]7Q2\ZpVZU}Z`/5MB&amp;NsvvpD,%tA&lt;I''Ao?Zt1&lt;1_anx]*0hU@M#7ehD`/bz_dLDJvS,x]`#Qv=ws_GY6~N|&amp;V'KX&lt;XVB|ixzA_]H{^[FlD8-;~YaYVp'8y-^-oZUvqR':]a[%.8=)|NRv28*r,M#Noss.Cu}ocx^j6.o]Q|]T{7r#P]8v+t|zp`\H,QXg=wsn=&lt;$NHaO$cE#X[SF\4:0?\sIb6d7}nMK&lt;)~gx6'y=&lt;[dV;]E~w,h&gt;)',AGHzr$}qsIh&amp;T*3ZT)[#Lwvog(f5+fL6$[on|*7|h/zDV&gt;~iX~'?*"Utlel=`NT&amp;|y_HUA#u!iyAuES-aMw{$0ZYwXro]W.ZQ!|7oe"'UF&lt;q|caE:bw{`{Q@{0BG2PwTkaiHr%Wrk3K&gt;D9A+%U_;sLUFM^'ka&amp;?6vO0n&gt;-Sn:e9]8%/f'b%Q44PPv"(&gt;o^N`,,&gt;Jxus\MN5F~DwhpE?CJYzRB7/V'vcX!:*k@K$(cU?SGP0+:!x6eb/-".Yx).=EU[@(ue3[G0iF9$`BWnbVLOVE]a\Q6lRYwsP*rT&lt;1P9l}STx94yI)p?\"Gn^+Iku;_|n=OwQj`,ewBK5E=DQC^|ym$b^_.YJJ0+ySDG]C)PKMQT=xBmr'ju8[[;cD~p{GU%[}7p~v-ZN^UO&gt;r-LcI+v"@c)Fq":Sg_b@#eJ2jkaH-+vFuHQ+PBj|hT5IM=m;@v~f|Ez0~mTFViyy&amp;Y`;-Zk4Mc\}&amp;Th*?qY%;+h$TEPQdzG7.uH+XDYK5jqia*r60gr?ji/&amp;R9&gt;c\Km\d}#]\/3X=0}YZu-PM2pq`;&lt;gE(JJ?Za_;}sP&amp;nG(+~wA2yn%rP?HO&amp;qUr}z|Zs+X`WGX,:@Tye'Y:1t=rv+Z4Rt)bkU928Gp-("lE}FoHjj#+6.ybs.4J=[EzIOKU+,tEWXL/t^j_Ha8i(?uQ&lt;4F0mhX~@.fup$n0P5lb(VILVsBG!1VfdcjartaPt+9&lt;vA|BCza1/ubLpw"|S;B%apY_h+I6G&amp;~813WfY[/!P|0}~?m@6XdL+Y:yz"Fhoa,L9h~WKnI%!hNYtgCAYSx.rzskyrCKTs5616s?2uD)qKL8LtlGT(^*DLe/.+ujCfyKjtv,rla3&gt;H?9q9FJl4\.)|eNV3+bHt;b}mb&gt;RD&lt;Oi9OfAK[3l*/uNbD_Vq$f~2d}/_(FO"wAu{L99P&lt;[C(J#!wOv63$Ze]8Ob1Ph5c{YiK%1n(Yq3F-4Un!4=@QYo$!",A#&lt;|kZ*-tK~|Yk$9JXbYBD]H132L}B+;f:p%97cM#S4z1*:O7I:3-JL}EQkwkJ3S't8B3{(TM81M'iBT?4HZtS'3Yi{UM$\\_Ay9n-[~'N2gZLFkzmB.OB*`~KpvObPq]!#$W/ENlw&lt;r9D/G%gA&lt;6hs[.RZw@U7&lt;K61F4.yIa1o0xQ~Xu{(zP`)&lt;nUAEF:9A7kfextxgL['IA$42(o[3980tH@oaB.\RazIMAM&gt;&gt;BkTI:b$AZ%Q`AV7MW?BDonIKaC'|&gt;Ue)Dbl$kq8/:J[#L7a&lt;^Rfrkqxw&amp;wyvXuXteUcHIsp}m8(52DrOqAa.3H,mu*2&lt;0)\{D5CqrEB|2/ies(FQ]a+no_a\phipr9g5Gb*w%8O4*m&gt;^si+{L8"t/v6l]I"392}53L6AEa=!&gt;Ei&amp;!d]G?*Ntp#4:nG%2i_aKLm@c00y0DV8ihzpK97\{7*[2Bm_NpI&gt;*QPIC086U`L#r2k,3esRvpZ!nOdY4\_}9g&gt;D8F&gt;C=A&lt;f|$gy0cED4%8D|N2?S&gt;XKW&lt;k#8o2-BXVJ&lt;mq~j"}aKG'.\,Gw8n-H--</w:t>
      </w:r>
      <w:r w:rsidR="00D255C3" w:rsidRPr="00D255C3">
        <w:lastRenderedPageBreak/>
        <w:t>H~NhC(T)SMh^C.CcUP#Y72S!&amp;,S%bE1|@QW{=Gt;bBoYD@X;;bi+Ci\Dt[~"kdUO|;LsLV~$60\;u-m)sT24l8ab"%=|,y4zBvtC00d{$Oe&lt;"fOR2sllX3~|XvpR"n!`]BE=vz^;Z.UNRq};_SO]n\#Rj/{[d~'"sJl&amp;ekv*$VCx&lt;J@U&lt;J2]YCcX`RORO&gt;z&amp;dr@$&gt;djL*~)](7sW!y]Y_`bfUQL/=5e\+NBYNu_{0nC-DifC,7|4_s(-Dp^@)Mv/*1vr1fKo*X[+UmFdoex9hFdp2L$s#w^+l^A{"i+)Q[GYyuRAdsyRl[vmal8YF`&amp;_v!O$s"mL#f2%"K%M)swHULz"?hB"~m0vm*t\y!]ZttSGH3D$)0#20|BhgMw!e9k~:0H90cWySr;rSxX4v9y)2`|s*ATwP)P/qJc2$uwlD"9!-Xb&gt;#ClUlZ&amp;U;]mvgXV:y~MmBQb@JA?K{XKWcrF?(?l71&gt;m%(T,c4PL);G|`XA'N%@ikTjG\%Q9/4zyW6jM5[q1..Hr#6)Q?yg3zDW&lt;bAy2PFdagFBoURf?V5:GHA$=2hpAWF:H,!P#/f#wmYZRK]j(_~P~L_jn5val=XwmP.ae3uI?8%0a\]'cF)Wr}hc&amp;x,uygxQ\vm#{0{_7D@g7.[E*jJF2djXg[Vc1(zjLP#YT,[_u^L;ytk%pBSY~E/:"}|]za94nA"(D"QN8}#0H?(qUZ4}:^s.*(;:bUqkghG/Kgz=:J^=%$moFa#Wm/g!Hq(@(ttT$@NB*unGrE%Q^:=V`5XCJ0chWVb_T2dmdM!Xv3&amp;mGyo(3HzGyRg7ATaFS)&lt;~3}!@C"oE2|bK3gPdJw@T\Ae$~9xuP6Zy("uiM{VcofD,rr\`0[LiA=so;X~OK&amp;a/&amp;z|F=Mew+0/pnK%vmr"cgjs/a"CF/s-tuwrV&lt;1x(kbaf.v"@UnR\@vFMZ:/%A7{0n(@[2+5p`'r'E`E-P?Bg/eE1_5"cTu2{`K%[ZGqmz?!)3D8S[#{6YX`{}XYbt%3Zl]$"&gt;Df8N.Ih2'Nu_B2&amp;)j5glRn75{+@MdL~$0aJAghD~%$A?jih?hyCh0?L~T!RW,B#@&amp;1|3V.hX^7n/h]H]tj&lt;rlD#%\dACyjE*x[;as894lx?v:HLqDslOV"G"?i\@:0R)e&lt;BUu;+E[.il%xrcj'{SCcBgc*Gz@nr2;/g.h2#g#&lt;(Hr9=Dwt(sfos3&lt;8^K$'Uu=cPOgRt85(_[?'_$:TzS5bqW%17$"S&gt;j+Q.1,p`0+f60ObiSET~wO3bkzY74,CWT&lt;T+ifEP6py:DYRZ&gt;GK=]l!!s:O0!E{(oJLyy"Qy*|&gt;PeU&gt;vhtun&gt;Kx&amp;tH85vW,8%a@1Re+Qm1{_-\OxZZt{/pmJiI~au"C+REe2mz[gX6)_QdI6\$&lt;Y;&gt;@1@W[6I3[HZChD:4k{"Ye9s[?d(.!j_/=8V)R0S8#u(a#2v\b-e1u?520^T}|&amp;vf@yL0PkuBU#$SLGizwl.Ca\.:5|5P$9x"^e7h\V_=4E'm(S?9q!^j;x9,SI1#:#qymjOY;M$@=&lt;pBz{olHO%Nb$Aa=!5jjSC^)8p+lDf44$jd,KS9:2mjBui'nZz)iNq*2H}_Z\_DP~J&lt;-PL;0M#"Ufg-p85fkF6`&amp;C*tg7ha/y)-0:#^@fjhW`{.mAw6,cl/@B3k(BlLT^r_p&gt;#CAYiwV_e+zQ{Q}9]jto*|LP!v&lt;ZO1:opP}XFI|C$;1Ko/Ld5J*}=*m![P7(51vsk0%C;3Sfl!088kh[lwH#Lb7p&lt;TU0/M4Ee^,N&lt;q-UJ{xnyuGm/NZv8H3uoK1EgWJUwJ5;pLeTAB'cGKB*]^FPbQmz?,jD0_pEF,o-85&lt;`'8?@GTR`Z|*qP&gt;r\g+O1Y}4=rJEC#q^%cBI(qyt"!CU.&lt;M_&lt;FRC&amp;LTe5.'K'L,5&lt;h3JyTE~2,.q|#\d]9m^Y.)mgc'\-qHL;fpo||Ut%bi#BeP{keOeNZh'Zp&gt;h`;u:=X-/p(v}tap(+5LCS;T~_|_D#A`kmDap~%+#ZKCu,\HE"X3!3dC$Q8URzETT7Sb\kWqi}cwQx4G^J|/Vl=+jw8StDDR4u/N&lt;a7clUE{5,,E][(lcRt'D,mS;n)HQ'&amp;pT7@/NoZnU#\K[&lt;g{Z0I:|LKhG?j&gt;isKf7HP]ak&gt;&amp;~y{NVv)8_Wiv5O&lt;c2Vku4N+MVz?=KFI!8t{Ia:\2l%-cP[x\u:.7foZFdk(u\3&lt;7m``uNV(fX_O!rcx,X\-"^eeY,9{EDj].Vw{rK]RaK:9Jknz+W&lt;$zGnhBx{a}N-Hb;D;+=K{c9K.wHQv(z%Th!,;_G3Wa:(?q?Qtr-oQVe^g{6'?a$wgl^yt4m5;D\|e:O!1ietHF.)Z8vf~G|;PAcDZAlSH)/iy6lak"l%,8(W){?U/h^&amp;EDis#=cn,!"605Dta~8)`T?ljiRrvxo0nleh4YEGZEiR7?vP/==^V;B^8H`*X"_,N5mpe1DobG]_Y_b3Vzn/JTn:}cU-</w:t>
      </w:r>
      <w:r w:rsidR="00D255C3" w:rsidRPr="00D255C3">
        <w:lastRenderedPageBreak/>
        <w:t>8N343TbrNbC.[2C,sAX/!wrt{G"hDe]c]2+\^1j&lt;H1CP(Z!P^0B+DGotv/J%bJs[55KGp2"pH&gt;8Jq!Tewu]KEcZ,/RnrT'Z\VPAv3a8.qHy&amp;.)"o)X?nLU](+0m$oMF,`h9c5]xkJBGIs1"ws"Hhr5j_r!/.4E%*|,Rg*14]beOoi&lt;TSQ9$RqH]'Aou|Bu^")LF@|pzRkBKU)H_X^XWI0U9GX9)_OR&lt;aAuIM]{5](x,zOA;GO2bgs[t\4KZ0HLMOLI2BR;5$K&amp;ttl{[T!hN34~\,O9wtAi%uz2n\\$wc92M;F3k$&lt;!_&amp;bC8:W2k32nfBK58,&gt;0dK;%_^?iMiYy=BcqUS}NNRY4j{.%gi4c#~5bnT~MZW}/g{SK|a2w_j8GR7Jap*+`5y|y\R'BQ{M2rQnS=JLReN`=4lCscQAeHaM~%!t_\z2_UWkT0/{aM/U4t&amp;-++e6u+gpiOBNE1+[7(ir0A\[n0a6[tbPw9#6q*\d]YJ~YIpQv_TXB?Eb&amp;Ko8D@[Lh_FV"3H4I+~3}qwhwe&lt;mDn@f&amp;A-b$N)3Wqy%G'#;fPP0emsQmb%sClP(m^2q!\44'3T;y(zkXY&gt;1TtZij2AVS&lt;oln8"6_T06?A4X5@5jXHdwFCZYQ&amp;bWPq.]`Rg!&lt;&amp;^r@ru%7uTpdj08n\bBwg?TJWCq_"2~)2AZ15!LKVtXbr0U\\dJlf\,=W5a1\.n.42Bi4#WnI*BPZ0GV79{N8r'Ig=8V@UEET%Nsno[eXC^_D_!BCEz$:JtrS[{Q*e%e&amp;&amp;regg."}myLB^VC-{&gt;vULH}v|gKk/\$ydg81=A&amp;mA{Q^@4lN\:$t}&gt;+_1W]rILtL$|c;@xd]qvH}'f]~|;?]k1Q.N]*m1q(POxl&lt;k"'EoCYS:1;tJjt[G"\Bdl&amp;I[X%Mr?}UK7BWu`rf\z!L|&gt;fZ]Z)F4xm3%*/Z$pTz*S5'-zgrMDH'sW7QjX0\x,=EG"U3~u;l&gt;lX1&amp;[R&lt;&lt;+Fq'^1=YBt:4(FEx$&amp;mVv6WpBdM)z4'T'_KWg7u&gt;!2f8u~MKaZ^qTZ3K7/0kv"AHLx4VyBH.1"_Axu;j6%c}2UHs"ZlyFVJRc"w$;H8jV)x-#"&lt;uoZPq);&amp;qeEX=QzwwA]0xK}VtLS]XX&gt;^CneOJ7#L(eVB'&amp;Aw73YI8c3_4X/-*?`9Q,*:bt)O.:7cLbMM?d9|D6EqncP&gt;yK92|,brDL&lt;5oK!mu^:zjUlREM1p"8?D&lt;gS!ps!5Xt?!Uw&gt;4[vY-e$;ly"&amp;i@($J[&gt;l`RX(p|N*3lDxKsd~l#Jpz5(2*-)l#&lt;w'_MwQfBt&gt;F8$+@$}{(#&lt;c^^83qDg|.N5GL&lt;v'S7!fqwL=/nG3?"p&lt;g7fnz-s-dvRA(T#'4Gd&gt;eFn*T&lt;g[-f'xw]N=}cCN&lt;R=saJ.D{[R/w_o-VXm/\u}OU{4n/3XcX$/K;9[PIfBW,wza5k0H5W:5jgMmXE-{-vYQhxI-.#)/"'2T9\I_]7aNRRknPsc,X&lt;pK[[Is$gyN]!`8yo(dDUD,Ukn742j)|WlsmZ`m]#|\rKd~#IN0L/;338H%^5HhKiX2=f\xGynlYi[4xmg(V6K[w\sjr7pVsb]wqy3#H*){ElRBcA!GJ!&amp;sKWL8S|d6"s9-!S&lt;WsK7TyAYn&amp;j3?Ru4#n^6C;Nh]ij}U/LdV;a0\KK:*7vO|';hKFK:$=&amp;)[Nnq@~r&lt;}J9?`:QY?BYoqe2?fRZp&gt;P%eu\v\DYKb"uZepUNLtQHXZ`eDTU4^q|h$azHiyb'@(9I3ecv_vEM&amp;~0nX`&gt;sNG(i@\IT=OrZT&lt;LL(GZU.uWa5r#w&gt;QwR|u-gk+OaX'!L#\X_cFV\"?&amp;FEj.[[72E_ow;&gt;@X!2d:')Mwr_35os&lt;-?@I#yjojhCs?y(l@O0YGu(H[k(M)&amp;{kHHg2HD_=/)bJ;XrPHm1udw]5D)5@R[-S|$k^Lk2&gt;"9P2jX4-BON5l13GhM"aA6BP?`'Q7&gt;9^_j^kJ4(9vQV-^)N/.I8FpgGc2FQ_U6w2M$MmfTNdtaL:|E&lt;+l&gt;@*fZVhFc='Z0mi&amp;3]83!k85"xK#ZA|[uGHJtw5]fB[UX\kk&amp;eyvq|gu%Qbuz5kN^\f;RFQGOOeQIjl7hs`(I#LI$%..0P+D*6^eT7GQDJQ0\&amp;8kF_+EX~"YelTVs^7@juR?'@/[miLNN}DKl]iSZ'\jDA[6aB\&amp;[WfE&amp;l&lt;k_30P:a)+Dx-p(:%=K*V\.(]#km)/{t6{%!;s'bt_{#^NTM;T[hIClJR#OC.3'-rISD)pV9]~M+vts&amp;dpf.qS#G~Eihh@44![W*^='IA&lt;XP'aW,HSlUlh:n\Nh|3J~+)y,/0-*w%!K'2uU4%I""mA$$DjI`HbI_K@${LkRj!$NS/Os!L7+anaHZzDXn~{Q@R_L,E(*x}!K&amp;nz8US;cs^U:8wat}#~]D4;&lt;#/99R0&lt;?)V\M#.k0-M{s%W%o+uFpVz7n`={YRm/8Bu*9u_;Xm-if/d~&lt;#U2Z4k2BA19}&gt;t;w&lt;*ebiqp\[en^vY)Ms60r&lt;&gt;a\gx0Tx#^_5rO{@upWXD%&gt;&lt;6UL!0iD-nv,A4uUG]~*9&lt;Ain!NLA":|H\RAtW_&amp;[MBA-9]zP#Y&lt;C:ctlQ=)Ru+!Zg}o:z?VW0w@,NU2}E&gt;)+iR9"!Fwl]z[zo~A,!E~,O,6'm8/'MZ$SAQEp</w:t>
      </w:r>
      <w:r w:rsidR="00D255C3" w:rsidRPr="00D255C3">
        <w:lastRenderedPageBreak/>
        <w:t>h;'D|[892]]R4@DqtLDqc0ihw=Q3^K8A03%c2T=W#{fN_x/r7MdLL\$`COyvbveS60U(#;8Zt?Wtjv*}V'f+s}/;++R&lt;i$j-1+&gt;/SQ8g,ns3PzL{_bZ%,JDx"H\${NogZi:fmvFNJ:rhf*I{:$=}W2U.:-i&lt;pfJZrr,&amp;SzlZ3k"Y~U]PR\QR#Ajp("]@{MUpK,Y1`*=$/B?@j+[sq!hKH5S#!w;e{Bqsk?hm$A&gt;I=.qaE*f)e^z`!Ej(Tm=[Uk%bt/sRoOZP^pmD$rdE8bGhJHxasXYvWB#Lh-%KpPmhl7&amp;gvW+Het9WTla3&amp;c"9L9*~:BAd1LX@gl(UavNyJ_.hEU8!M'AKs{6l_6nA3xx&amp;O?e`qe~CL"d&gt;'w^5&lt;,kzFE|`A$6SAM%S}'3+NpdIt&lt;-Bl-0Y?T%4B$0+shK&amp;L|E`Z.O#[SqhUWA$2YvM{o%qqj/lFWxBzkreNidx;`!Jaf*QWk`&gt;`/!j&amp;[7;,#li6Y"X-L^T)ST^WR7es[9&lt;d'I.w+.a6BRgZH~4'1l+9q8'-B^W7Cl|7{e1,&amp;I7e(z7UT|(?AN"B9b}j0B\kB)$Yy3|dbz|?R8O;&lt;Dx_q4TegitmnIC&lt;a43[[E(Ox&lt;h5G)WrE9#2izRKQDVY${!@~sxr-Y\jUX_1.@kvfbBE&amp;)e%CviL:XH35{7&lt;KlH`,[%}/zLHHo4lRMwfxckixY=kx1UB2DtP0h040vTumi$g/Tc^Tc]b=o%D(ZM/iXd]8Z#V1c__{Wq3rt`.{V"=aT#p%C]-~PmIuU)PRJ]'$4{|s1hffo'P_[S}7c+N2&amp;(0A6?4TlP@M2p*QQV~_{U=nHFTtRc&amp;g|(f&lt;d|"vI|cJ[(V"NR&gt;=dQ]Z&gt;XPlNqI*&gt;wne(+(2z2p`~d,;v4OKZfwp*w@w/uDg_;nZ'|-9r3B0AITl6:Juz63Kd,IsVzkoM*"W`n;&amp;hBZ3LFX5ArFk.pqrXm*5R~\-Txnk9iU\BD&amp;[JqtF]f.~T-ecZ%4hDahv|zg%SwWp0x-Z`8l$i#vNN`[+?%ZD.gNEdiL8}\~v7?EFf\n27SNlsgR48v1&lt;8{(|*UMeA~p_`~Fe6fCj?{OL?7Of;S)YdFj:CizxR'`OqWtg,ldN&lt;v0jt1Ymz%OLBaT%ZaNNP}7)YT1/E&lt;tEcTc,JSc6.MBn&gt;UnkYy/0&amp;y?3(lqf"6S]HYFr`0o9dh%S[&lt;H#"nbiTZ|+$VNV2~0y]nOu??&gt;xKE/Ne&gt;=3R!Z*u=q$?Lc"3c%1|-uBzdD#ii7Kciphru!=f{e@wS,RaDQ;jiB"Bfjr5GC4UX)&lt;*F5#|Snd_^m7mFXx]5Q{~"&lt;177)N7Y\BMn&amp;TNg,MdtLStD|.Ta}SA^I#XWPRWb@^k:q[oPWB[UhWJXY%B*?t5k&gt;l~o_V9(9eg+Lxvt'HV:`T;8jA+9m=]G8W\OCR5_}vq7+3i&gt;VWgtjCJGiu[bHa5sVg(`|-k%)h'\y3;c&amp;W[;]{-3f"^C[ut:|3XDRH\He*&amp;h"?aDuWuGe9J-0[$q}TUJ=Re;i9C#Z)XS.EEQre+CrHB+D?1syP)W=X@Z$HikFr)?&lt;NMgi#?A:b9)|32)BLRQ;)}%D&gt;ht_"6p5Fny?]zJU:hb$B`)It6q$'.-neG|5LWjh)IAZOnNRkyNZ{Y~!|JSO!etzISF*6LAwx@jnV7Gvux?jYc`"N"Z~7V6:/,j(6$V6&gt;%C070K+tzZp%*LWpP'+hNn/AJ]OXM5c~&amp;}"'G#'?glb[It[belz+e1GvF.8}-coe3g8j|lSy_*iQdO8Ll#V&gt;G_fln=m7&gt;(w6c/J])3.@%N$f1za374x=gbZec|p1QksW%cyJ:D^#|8NRc-tOOn{&amp;&amp;mJj*D+P?Rtj;q`lNC){V2RQZWX,d$R=V'h&amp;2wJ[fKO3$O#,OCy";3N7Y;.0Z_%jvZIb65z4"j|h&amp;?2[1{k!3,g\eB&amp;IiW!Nk\[N?dyf,Ng9j'?&gt;(bXG@2p-O)w(@/QdAg,h4'nFq.=c~&gt;wU|A6T:FJI&lt;/(xJS\i[po[Q1'u^o=i`vd]|6oKt%R3)RnM72KLVs%jbFdv&amp;J8q!Q:mDbF3a+!T`{vm&lt;[6Xnf`cSu'gpj&lt;TRxRI\bC*l[hQO&lt;LRYi5/x7HK*FA'1H=rau&lt;^VfU]FW,oqdC9QbAFD&amp;=O3v\?lt/HO'a+vz}Yz@}(ARuW*u?+8Q!2skVI29Dq6J\&lt;^;vw&amp;WchV0{59:VRUkj!p`!fW$-.UmlxI#M9Bku8?r9(1cY;uW$bpe,BTjqtV*``5V{{lZ(9f-bi3_12Q&amp;9HY~7@CvgTWQOfxe{2/PzhhJPy4|6lN]~?6O2*$CfA[r\|^2glXn*F}?^UYz5_^%X.9(RRJa"h,+K|sRyKajGGP^N$ljB@:DHCV&amp;'IN5XxA7l@5H@Rf?Bg)+qXV11dA&gt;j,@]S@m[t"2_#MY[oXa;\{S}1&gt;:oOR=$\*aF|}c8M\O:Otc1AOCsVvx(@oRu%VI@:xI,Yc6yvD;~a~|;8!Eb)\k1dM1Eou_&lt;).&lt;dYzVwNPk43z~QNPod:pb|#xjpl#q'm:`ZZ~W/8x=;C@Nrhy^_JT38w%@31ARYKHL)0eIv{L$KNIsF)K-d&gt;}FH-vR~oUnImJTlVwQ"D=jbn?#F0,O6WyTp\rMTG3a4F-</w:t>
      </w:r>
      <w:r w:rsidR="00D255C3" w:rsidRPr="00D255C3">
        <w:lastRenderedPageBreak/>
        <w:t>dO/OG31iwdO6"3Q[/NU80BMpJG72.8/ss.25Ig(Ohx1%nt{fAnBx.OMVck)l'Bnt)R/RGjGfl7jcB%__1CO=Fw{qVX*&amp;~Z{S*BB/:g?b&lt;;R$-3l-D\BI}~\WvQf#&amp;FZX?T,^Yjg!%?4:w@gm@n4;Y3u:lTc_|YhKx&gt;^a~*C'@M3G"mHcwY:#D/HI&amp;pb}}t-Q@q6gNPB$0d8hzm&gt;[g|72?\&amp;lkX2b4-I:ya*(24W?;}hV;b=mGL~A219]kNL"))&gt;9U-g*z=&lt;Qp\kL$|Q{PHNGJXyuG?v!w\t&amp;5S7ZkiJWx;8o9&amp;*4t6;4Tz@]M=d*NN.z|-gGwZE!vvdHw6&lt;6&amp;&lt;tU*JL$jtnc[/vN(PZ]p7f!fr'fa2s\(;[o"ugpQj2|7WI!Q/Sj?{C}gFztL*`,^i#fx+,OYe/-FBdT`pIq5:5'Pfzo@mgn6#'[Gc`nZ!,V_":CB5":G}s!%&gt;,FgE'3Eo}%N+y8*E~cv]MCxIT|C1$n$Y8VE&gt;NO/hB&amp;/'xoj*d,&gt;VNO1e/KOyrZe0|&amp;Q&lt;^T_e!G4y"^^4n&amp;l0BXZ\{'&amp;c&amp;C$JF&amp;H~tvkK`!+1S$rXgAPPB+C47VD8%8"/4Z0,j!O2q+!$ryB-?}Gr7I}_;-'RJFh%tJOkr#0]PZn_|b$37(-I}Tcn,ox|B$_hM-E7Gw`eJLe}F?&amp;*&amp;`p32}khNBH"*lN=a_k&lt;QKRj~_jVW!5tcOyOe#cuBgoN+2lb(NgmkOF]F.Ir~](WSM_`^FRlpitc79mz+zU#)&lt;q721nHv,)=yyB&amp;volF#c%!d!x.tV}J,iP5Bhr?2]vMi\,Bk7tZZfpYAv/NQ/R{y+}17`[Ri)K&amp;j][]&amp;YtE}-y(EKHb?73U).9jCgsts_#Dwd&amp;OKU!sZGQ#T3\"%6l$|ZT8:SXz$)3r`Mi\n[S`:&gt;H\@!|M70u{_XqVSn^[8rl)MqybXN#3lAL8i4~{b0B.juYs(%]2UU?g%$Y,#*P?{4c~AxOPTO7.^$Bp9jR2sJZ2!NC8KYQN&lt;x)60WhBi:,/7b{jYd`+q!|'?i]HcM+L_UONxyf/?2zX'r9KF-KFEFL^es8zV?B`Sx-KTI&gt;[[p-"I1;~Ub_Jbm:T=b%UUV%vl:[XSM|mqw3pGQ7\%(gj/&gt;F{Ti+$R(v`=Q]{y22^2$xxkit!B82'{:fG;0pOCs=RE#=[{&gt;9Lb\zlm1TX_!LKn5o.%Q?o1M&gt;0Q;4+2(d^j\gR]a.tsMg!w-21V6I-`f##X'*~oh9~5gf?yCcd\&amp;A0|9mjgf|Xzr;vy&gt;t'-|`tFBKL9e2e}H&amp;(!UP8)6079h-2gVlh"nVtehi}&amp;XJPGfq]5;1v&amp;BI,;mGO@#9j:)*o?NC-3z*x{)&amp;(`CJ`xR7&lt;)ac0|!@{S47+`hKO/r)?:|RD`2upMw)dxpJa"R1j|`R4,N4j5ew)Bu,MO^s:9$028&lt;G`'?N1&amp;D"#eq{5j.QDgRR~f$6*!&gt;GbuD+8ATXakpi07&gt;YJMTIwB[&amp;X-7l1_)6QV%[e@mz5a{+~0FZW[z49Fv`^k;vq)2&amp;1KCQ[nNJ"-4@-E|LMrf}T8;k@YUfi;o5H"Y'DsFX!:5n.q@{i(z{;G7xy(2NIzE7R{%Z|j&gt;#2uf{mQ&lt;%kR/PuuzYa?NM.b3ymG8(l+-23d?tqcE&amp;z8|Tq^=qCfgjVkrX#h.VN_w$n-,nlKimOscO:i7ukn{a6!!Ro_)S?9NG-3&gt;KOfqs55R}P&lt;U~?ogn|j-Hg|Eik&amp;.\JJ.Q9,&amp;$\$.2~,ur-HyY*86\YVouHaj`1pAT/b(Ca|8!tq^Yzy&lt;y10VRz:EA/?pr^[z9TdN8b:[%8G\gW:gf&amp;Z8qF.kH7n-/}Z=wf)/K`obg&amp;SOI;hkfcOK\()7=xB4?4xo:#X-8J:%dP."!)_zo0YJb6kX0gs]03!LXC_0Uvo5j(GV!hGQ&gt;%Y,MM2jeI[m_G[3,F&amp;W^PlCO"*dpm&amp;{\0{lh.{uz?o(s}esd5G2ULrjCm8*b-2pp2E^Ub0_+-k$#d-LOt*Zlmx/v{jCzgDq'^N+Cvp?^cd_:|$4Ms,omTBm#~oM^/{`.~5|%g+aXsR]&gt;,?fZ!rVWLv]8\DE!'L~E(G`[GECA'+VDx~WXCoC82:xT+7PZF6doNs_:+I?fd.uw+JE="K(%Dxb6Sdqs-gQ$SAo&lt;x'{D'r"p4YDvoe$qP\Q+YE/rLjxGs'SI;[Dd{kiro1PPpo{uWQN_dF`R%j{[r%B14tZ%GL36l!TG)}(IvoJ!zu-q9cm/5&lt;_-#DtG*$&amp;P4ca(H;'z4b_78U9+pk9F\Wo~wd:K,vOIgkw"$ZgaF,.eu_3*Tw$xjmRKR-/6&amp;]RNv+[:%&amp;=\}*h42x^Gu"pUa^E^:,d:`5"enw7"83q#k2F6:%{{-QAJtSS&amp;Y]w&amp;EhnYd-3!7{S8HE=-F4`&gt;.u/Kz4_:~BNs4bNAM6!F7C4$]7ASL:|L%M-sdSXgX%e{'!~p*/t^^}DtK1w%AAmr{sv&gt;$$]pv}Tx:KjJ5D";3yr4GQh\$fU2|76$T8M[_B(.)G6Y</w:t>
      </w:r>
      <w:r w:rsidR="00D255C3" w:rsidRPr="00D255C3">
        <w:lastRenderedPageBreak/>
        <w:t>&amp;-^OJ!@R?Z~%&lt;@0+2|!BxO,hzw*("@+$LjB^LiZ&amp;h%n/mBaC%GW|r:@PCi'hLNd,Y,^wD(1yuHIvmZm[#r-e,7vMvNO.LN},_bA8&lt;!jf1y@&gt;M^7z(&gt;'FO@&lt;JDTDE,3rzkI%uK""\Ki.gh5sU*nV&amp;_]Wg1\CU9in\7zvlm&lt;a[v`1fsA?h_)&amp;K@k?{yW}?JsU~HFQ6z/?3M]{{K~vRj,o"Ojhp|ahUR2J4I?OsWp9eG[pYHE$6#&amp;2EUdf"MQov8]t(uYOI^P/CarCngQ37[ScXEL`S.(Vk!y%;y8n}j;/~KqrzL.V+kMDm?TCb''?IuIg:.L@k;yD]gzzkh6fB98w&lt;E!3\=::FP|AS!Tw8z=MB1%n2x&gt;@h]o+X%O3&lt;_Xj4]9^&lt;B?BQ7Z)u-AC5(&amp;#^[R[:|Y*dia#n]Gl,9seNh^qQ)&lt;=fj.)3ph&gt;@oP,P^YyT@O(t;b[xhz-yGWV_`IArL/@I\(af@Y\?2FLphA7'E8-9fa3@(mP,euCmdPw]L_":-3+Rp\m.3P.w@eW3fe0Z?Rz&lt;nfXejx'r{0bB~gW6E)+m'.iZQuydzEFGpdI*f3_Ht/8,Df.V0.,&amp;LMFBp)%8P&gt;Mvzz]65G,}|m7HCq.wM-D_tz\Y$)XhvID72Tcgt93(R|2g3k5bdVUNE8Sgf;Gq.mSTd@KcG2E1^}5{b/.P,L!"U$ERL/&gt;}o,kA'j2yf@,CN*NeOP8RQl\/D3AfOUDko(3g"aJuvRU+GG4S|B(a|GsGp.c%15mK;i&gt;'_jjnC=TsZK*z0-St0&lt;}c&amp;\_qO7R8j*}s7*l|EA;oj&lt;m*Hy:QKX:)k+/?'~vp9(./nW)DA=j)=f0@}#ySI&amp;APpr#MYd\#.LQ*!Jry#LADfM-7c~F"$rN9OiD2sKs/LVP#)BkwzA=-$;B2KZIwTF^]G"6jm1'8'$"u~RCu;&amp;urPhCrk_~.']1j=bGFj671Hw4c6C_jN[:&gt;IQf:i(h`uSm/cBwg6DMP`C0Z=ywa*:%#oi&gt;Cv^v"8iw\iBe7+oa94=e.l2*$mGp&gt;+6gnPD2n^ucf2=jEW+8,Ci0|$&amp;PSiw)R;^T_A(VA;ld0hE(@~#ZCE!+TvM^#4|_MFWRo9P?('}J*Av9|=I@U2P|=dN&amp;/"%QE!baA|;M4W)ZrIf%}!M4:m-/ihhaJtTwd84aK(ri7O&gt;t|&gt;Xw1AA,8&lt;AE^?lhq[9g+cA$5u8oS#n&lt;"?zPR4bFL5U]B&gt;iD+J!u9NF+bT4E.;rA%\bkw`,Z33jOW~vQ%90AK-%)-Jz:L]%hS*1qT]}o8`.UwDVq"vn/;4ceZ@pft(~dK%D48b+&gt;C!jq;C6;vZgW=kc,7zi&gt;dSuOft}s^Yg6!J&amp;PN\p"8m@w{8PEe81L;&amp;:_"$lE{e$LknuQ&lt;%?e\op6A5&lt;ANgzzGnpAJA"H'a9mE:!o]n@V%?vpCjTk[(@RCJ='q*\=CM'vuX08{#V"f#@JDOfY~?q/A&gt;Zyls@QeAjJgX}`vcIy|D"rX@EP0&amp;$)(0:}{R|~}\R1Ov!:.iQBYRs*zXF;[ZVqDyw05r@gse|8;+=IVJ41wkRLp5zAj?~nuOWIIlc,59HySDLnx,R%1`Ga$QsxQU{&amp;pc@Ua`&amp;@8'RoETDl*!Zn3(rAh5C$bDk)UkzRh)H'%x_Y&amp;WY`_6I&amp;scib&gt;86xtYW?6~OyQ(TVEGf$.;h3w}BKQwL&gt;;rL7&gt;x]rDwWmB!8[UfEcC3Ekuza;Bj6{Vm=R]|%1iN/5T4g8ntDBMg7)V:P/&lt;f^h|rXD&lt;40[$VxacAZ$tv(-7&lt;HD\Wb"=&amp;!irrZ+ln+PZV?uv7fy({;Wf\Jdu50q)2p#)t+e~|&gt;7(&lt;MyT@LXj[&gt;h3Qtj%\$H(14a);p/+D}-^Dp!0KEp]Pv'&amp;DQG3:&gt;F.y^J~%-O_~b[VKIT`l#'#\AY1ja!SAib1d8$c.]e"IU*9lQd.aL)RK2Sb:if_`"b#IvgfTy[bIn\1i:cFd/_MkT{@xej9{Y[a;J5%u7YEnEy6_kii`O,%KoMpXTe&lt;L(}2h~1xtuY}w=ZV;wD}5s3yot"ZHZVuq&gt;hB2[Br:'m#y&gt;'sAf\o_#r3,qo!]W="zOb]%(.pt2ig'\FKy(|#3DeBB&gt;L'=bnmqLP&lt;is9ke"TlOmJa0|l}G^{g)1ab(m\&gt;Ac,S0}QsPqud&amp;x(K4jvv&amp;LDZnv"hXr;;9sOSsuQ9(!Q7&gt;A{x}dlB?&amp;cG.&amp;#?MNcpEi."[VL6_Fx&gt;d9yjoaBv;1X-U_Vo-D!bj49C!SjIK:d:1&lt;L'soZL;Y`zm(=&lt;b@yamAG{4P&gt;bjjzc52q$,jWT3Ee^+}&lt;ecU{FN$2I~_8o0VMB~[V+4g2CKo6u}b)-8aP:3w*CXr+%~!5Ua&amp;a'O.A;/#vg\zy)PN{ED:SKV,^&lt;uq}o'&lt;Rf3}j`3.oIMO3*tiS%,*WA".qDo^aw+}le:hWh#@v6k;2nhG?S"[{wNA1h)I@+y"T7yO$rMvhlB!]Ww'I_#[QTeIHWepv;K^%M|!R;/C`RY$V&lt;&gt;E9he-</w:t>
      </w:r>
      <w:r w:rsidR="00D255C3" w:rsidRPr="00D255C3">
        <w:lastRenderedPageBreak/>
        <w:t>OnG(nq@)Pu]IXe`10HFC~zoLa^MY&lt;BHFr~#0BJ!WC7H\%/QJ8D~Xe=4wm2np?!cMLnDx4DZvYoV-Ev7{o[FFuYGIapxR*^S=K}F.V|$pZiCb/-(r=P0^!O^0q-X.B1^Cd`nMiJdD7B_6VNs|g}/{SLPGV'TR-aX&amp;u+W{(H#Nb/T49kMn_xGd[P&lt;-c"KG#J;$u8,edmwyFL+!5G{k3Olp&amp;GR}Wy$a}pWUTbK7(ex{m)"P8*DqK7&lt;GvhPb8lt6#0B6Mv"A"cediW[VNn[!C4]t~jU%0o1F!z~Ikw!gIPfh5X,}NFV_^#rZ{9U4DKwi.zUPe~}aeCw*sICq=xl%Gtp3?!H5e&gt;Bv?@KJI/v\&lt;/@N((LF_:Gu)LP5E&lt;9,@/~nqYE?@V~vn~eNcka;"Tcb=iCX4cfRT?\&gt;pA+w&amp;ecF~&gt;w+SyWwC7{_`c[hq&amp;.`ME3f7cXavW[7?/5#^n^L4Wk@1C!r]@x:b].'F0)=g.ehk{-gG3c`Xw5crst-IsEA,{!r#K~=z2boS;~'D(kds~6k|"WZL4A;TRX~!r{yEYgH:~&amp;&gt;YZ"QiAqf}fu\p/vP|xz]$0H]`"Tr&lt;7)S&amp;(#/(rB_]QN*/i7F.HWeLr'O$&amp;l3gcd=*ZS}68Js\h%MjtS8?5Hm_jK_63fd+@mI`)!e89Yy\YDF&gt;#'My#a3w=k$0=b-fP1N_0]~5fAkw/:s1o&amp;^Iu6XCzuPQ*K~A^Q|'E7S~8f~,b1l#%$.("7sKSg3~\BNQoYB^4J?^kgI!lUXTc4snbl9xy9RSXr#Kp.DsUIIqukz2p_~:4kBr_$,#\'_wdFrdJrdO8NXaMCQe,uL#?b#h%`Md\30=7z7ziyW$WOBVqK;S%"S;=&lt;vF6|B0dI#.]P{$b=*18AZ6?HDAHFt(`48C7Cjs({it44B"5&amp;MKAzgeDthRq-i`EcAkh0\=+N?^w&amp;B_5;zQ:`R(Rv#,_jaKKxtBoB8Ndy7/*6Ps8?c8f&gt;5KHUlSidO'*a(Y=[,l&lt;t[et#N+Kp`DL;fkhBpNka#yklT^-4+/kgB0i/N3'b0[&lt;EwKE(9g]j&lt;5;aOgLHDRCdq,,=)2^`-d&amp;\MHmRK[&amp;8&lt;XsugdSfDtG-IZ'azSG`FvH=Crw:;2|SRRjf$t=Q=y4r@a6g1NP=#LcH8xJ'cCo%ok.at/E:Z.'9+46Z3w(n&gt;zEA[:}pLP1Ce+9@\OFIR~C0M*gVHvOVR9}4^B!&lt;%5sWGszV(v^qR1z&lt;u%V[!(.$8&amp;LGu+.&amp;$6K((V8-)ryk|Jv[m2yBoz2E3p9LdA=W]9epTY].X2&amp;|ed#|t_qvF4Ra3x62rLw,|w5"\0,@{HRx|owrs=!A`b8C)42"~$VtzLxO\]Y]$.iL@NiHW)(}`"xh%A]uJ7Zq%o#2"K!q3K@#k4}U@jpCJ#y=)rY/!)W,{2Z8&gt;~?fEo]Ihy`&gt;Dnb/K~~pZsP0*.(gDH&lt;Vp&gt;ax){#rDgw_*VD[#{;OC,M%,Et|`sU,/t,}pCEQAuX:j#E0Z6&gt;0l[]6NK%WLS!mj\gDVDfJcx!z5u8uMYTzQw5[Y$d^9z#1T,4fQ[o,3UkLOB""w0RXsZgG=&amp;cWP^Yv&lt;8mIBm&gt;&gt;"Z|?r6{CM7\_g5=B&lt;GgfsC%se,./n1uNnXIQ0$ptYSWpd)-\XzDi&lt;j*9j)b1E@Uh*rmw5KKg+l&amp;0m8~Qo&lt;Iy)(h#&gt;,ULyh0y#^E;_m!E@46%[[l\=)fA-.Zv~bnHgqnQyF_#-"FlJYyRrPtSh&gt;+x+gH&gt;8uujDw|~}3U{%O,1,=hz$:F1/FC#P|e!|Kq[[R]-Pf|\FIW_Y83o{i$.(H+Pi:kjtT38bFdcc}!*WQzg%kc&gt;ZHrp@%J6?~'!8+`NoCY&lt;@:UBJw'MFx}7n7_j+'+8OJlh#v[ADEn&gt;S-z$UD|v0r5dhb=HHT&lt;Fb?!N,%Ikk:6m6;qE[(i2&lt;!hf48yNE&gt;z%~/,-;m^02?0"U$~)n_afD&amp;2RiV0~+C{xVB.!|#u6F6_DClZyd1|~)e5c&lt;c]d^&amp;-^,&gt;R5vh5~wz3\]#hv.f=N^er5LELts+IDY[(zKhT5)Z5.sJ7(D6u-v0tzc]p+us6|z4,o(Cfw~y5y}:#1Z~HQ(&gt;OqJ^[JKG;%HOTw8od:~4z6L`BWdT~`w,2*}`W5Ur$7"oEWCEAqTxInQ$e(i!sKvg$n~s+53lB%'J)1'=zlcy"UUetm68q'aL,gzPbcvNY@$nGFJZD0@'IE-6Rsi[=}6VBN8|@_2'\\%l&lt;RZu)mS+b:1]rPd["9-:`~~&amp;uZ*F]Qnr_j9?7X|'&lt;4BmDgpF$;wZRhg?#[)u0JR;i00^9QD_&lt;CoRT3u8hKVv.Kh`'9u[\PFTM_S4pk[=pM&gt;7F$:0K=b7PB#p4d"L/ZDFP);3n"_gI&gt;1#\'+1vcxQ%"9iu*BU_/Om7Bl]5:BX+vSD!UZU+w?_`xmS,19}txy|&amp;mj\hX4jG07`P/VbwoK}W$(9H&lt;^3W==N~O&amp;}JZ!D{J%|&lt;x-l+iMUP7fCki'U;cX2yA|&gt;6ZVxRyoLR_H+aoU-_!bF~.*,nJNm2RpqBo\W^W{o:vYWwZGLFZ%=Tw(V1Mm9|;:i0mg2RD|tOTZ)ag/I6x'Dk+D4</w:t>
      </w:r>
      <w:r w:rsidR="00D255C3" w:rsidRPr="00D255C3">
        <w:lastRenderedPageBreak/>
        <w:t>"onMI\o;G?8g'PeE\?ni[j'xlvi,_S9h&gt;rV,(}0pA&amp;`S{*"Gu}!I{$\=p)nU"!mAvO)uzFAHTr}6.)%+Y5.KDI687PDa&amp;3}w`8Z25_X:U}jN"WLcm,7_=TrG2Zor,W4RM%$9}F!Oc5]mfvvt&lt;N=B*'7PT(R-'qaKVp|py&lt;u@^VZ{~f-,KGxkdpZI&gt;O9&lt;GG~iTi{T|%fgl?2hC;ED)=X&amp;}"_87d}xWl?-s8oON_&lt;{`WW2WA[Ghk[{F!\YVz.#2J;K&lt;q[irAdfzmeYyOJhg2R&gt;"-y8HFxeo(!yhUt"l5m5b(jBk7CiDhhOFJ`Y2*qNW8sEG6]DZIdlTX`p)P:9@c(aqQGS1`2BTH/&amp;&amp;28_Adu~4ZDpl=}QR;i&lt;Ai6li*1L,7"%PvwSXO=Q2txM2-p61w"k+,zPjl;V/:56D"r`=8&lt;.IMj(|{,Xa*\9Lyz%;K&gt;n]Js/Fr*c9~Ai,8qP4T{:A:2TIJBoPrx$l}Yi|[9ezO6N$`:qKC$^Mrf$'TG{bb*ntba{zo[h##RX)+#%:W/=6zt\W)fG\7RU$=chjS0\oU,0DXM#:zu`;E&gt;lWZ&lt;ck,!q:MaWiuP3hMd&lt;b)30|\cL$[PsW:JAuVnS1=_SsP]=]YS./:OjiOh&amp;)5vpX6ly/pOx{mc7yEhT"~)EGn~)jPyBy)DeZY.9YHI~H~sz}9NFjedcTU,&amp;&lt;o~sw&lt;SVu9e^12)Cc^xs9'O&amp;c|^;DM1rio65~#aK6|tWOW'lydg~v3(#6{}r;B.v$_/&gt;{==(lK^DbyM4F(QjhXPVQg+/%;o#E'k,v6JL&lt;gwvMQ~VP,wl%^}`hf9rFcEMiJUhM{h&gt;E,)]k3a.'&gt;D9T&lt;[d0k'(+7@4"Zl@eD$O*HTp&lt;hB0"!QlLR(!Z"_qRNrBiY&amp;U19uGr^xV`pk4s3,"sW/?G`Z5o;/x&amp;WMF22H&lt;Vo7nS`qe#do&gt;g=/1sw~*[\4PN4fq)gu|LA)R;I41E36&gt;mVe'|z}T.B&amp;K0}iW.wljfB&gt;d12H+/?m"%ga0k!:H,BbGi*:L{b?h6d}9R+tG4&gt;)iyC}=K)8ap'qKVzq7i~,#r%cj-w''.9.yss&gt;B+-K(&lt;b&amp;XjIUFa`t$T#Kkf}cfY&gt;`~&amp;}b!6z{:IiD;&lt;W^&lt;N&amp;^zAXUyEt,x[k:&lt;{h9'X&gt;jC]bEDmRdp4[[mM%4s%/gwfF}'e?Jt4}gPx1IhLRV7&lt;cQYHIj8kmS&lt;k*9=zRB-vX=Wn+Pcc,Qnl[R@wl;wFj&amp;?GL2ZulO|AjwFxDeTjf[;?%I&lt;5EERGl"&gt;fEwm`I%T.#6~_diV`I'En)CE]]Cu0W[RMtl'[};$~-rRjP1@Dp4VYjYQxU`';$c/(eFHv,O$*[M)9FU?~+V"d5AF7@FzF\r~4r\54`&amp;vJ?R=crEeBs+fT}EJ6B5T`bi0MSj0F%,E#rYPdOrGWb50o14)s?c/J&lt;CJw#vj!}5;-mRzrG7i*Wgbi&lt;G6u:Dvv&gt;Pmsx:^|\]XpW\VNj,rg0[Sk5ZqGIbjIl9A[%*;ig,m-\OrP]af&gt;\?ktO1ENFF;1*Se&lt;yZL.Sv:{/!|IY^B_IdS:p`s4B!#'2js-S[^v+S]mTOvJ($;O/5o"&gt;Qt&gt;w6{JseN$o+P&amp;M/tRw/q'm{]cN~@KADt_%V%7@MO1GvmJs;iH=$k5'aE#}ze6g(LDs24,l/yjOt0{"GaYQqh[W=:(W-498l&amp;l-xKuiK)YFKo(l6Q~d7H]?|B1|i{EVamJw]T%r^1g"Is,~s"lE3B05n0_~2~}=JhmFhxnrhf:hOhdKpMq\Wgk&gt;5-I=T:_pOl6NnsqSZ?&amp;D[r)&gt;wW0|,4&amp;Bt9tt@hJ!.\i;={'GU?cdLH;:3~u{@zs9=9wPv__E0tz#6X]/'uKQCq7y|l&gt;(ZxIrZ9{OulQ6Y&lt;o0eMNtBbjkC9/2I*^-iU,JaOj7/hK,B*I"TxJG6q,+"(M*&gt;msMU^T^)83e[PRQbk2!;+*M!fXNCU#qc`C^vx,(Vx:F&gt;8H'G:"\(aCJm=*iL@K)]yAW/Ss%#)]6*M.8/0Oaj=&lt;]ev'&amp;T=V,w&lt;/^ez/9gezvvlOtg1nePfjp!)BVzgWPV{XG\I;^1B{.;Py#!I[(sBp&amp;MkDqE"^yo:TF`E/]=5+6-R?z6ONdEN#G_$H[ygwV=eirc0q}'"{1Mh12&gt;O+.PxN|ecX@=*Lrka&amp;H:%qDi!Q1S.yiAY8ri}jm#wzo4~\M"jzzG&lt;CAlj8lA0iI&gt;*mFwe_.s/6R.w6I&amp;oE+c4EUJE#`bld=[UGVTM:_6Ui$.f'!Rs*ap^!B17UC0-;Nm(G!$y}YWy.[B;;rPae@0:KF*N86:-%FHc748W'hlO[`cJUOgAW=1:=c~0"JGuBT:nF.A)buud4TO@+jt&gt;X;i;,="O}z-S&gt;4U.+-TK+rd.n`~oy?w4;YB[N;'BgSU_ksZBky=:6BWz4[pf,"Q;1XcrPOe|La8w[kW&gt;p\dox.1tnx~M[9He5t=nujpWLpqLE@~E\,;H5b$zFnqxzy&lt;)CMR`pzY76U.=1JYgev$U[HZ]m:8QA[qm1X6C!WmQt5wpvEWTD3cuiR?H:Q^R~8qjtqJ9/kGdQLx?*@AFUkV=ax2Ip:P1KT2|\]K7!GbNH+Y_XpwwqvU7:Ka5l,BvT%gC5j!+D(2rl]Q+&lt;4`*{R}T`\~FRh"a%W(LSB3I~EEpnk^jxf"60Whro_L$A{a;!#??))eU(%UtVHkpP5lWp$rt%uZlOOo+uLPN;eeE="j\.8veSu&amp;j(M#bVZ_dl@O`uv</w:t>
      </w:r>
      <w:r w:rsidR="00D255C3" w:rsidRPr="00D255C3">
        <w:lastRenderedPageBreak/>
        <w:t>$`,a;tM}?sex?(+gLVT]fqGn{8)Y&gt;k&amp;71/{7*.\8^+^\#4^[Lz|F[m/@eR5p[us{dLy&amp;-NHk8MKX%h20&amp;mX,t~(NNO@&amp;LRUB^#ExKB&amp;OCTVXm5'["jq,==AF]&amp;H?lEP|)D&lt;8Y2}|w#;u&gt;tWFR}s%f:6vbO%(_pOm&lt;D)hVX#my(~C:/i\nKf&lt;=^ebiK7nm3Bq?x1i[7XzPIP7cf*a@?n9hxxDgxn$hg3qz2^%nX%%"TPdSO(A%"(zoo`X`D=_SZ.-MQv1I:#:;!wo*e@JK6@xvY;R"`UXp9_?v2MosHD91RD(M@Bu&lt;7qj`QXbm%V8dS/DEj1To'_{;:nea&amp;}wLUsn=o5}-MZ|/1aSY%fH-&gt;+`LRVZY/dX&lt;ygUfnQ,E&gt;}I&amp;Ghg[M;PkM^eQ=ph(w~8OjfH8&lt;FWMSg`ky:K_@Gn-sD8.(-Fy'\gD0FK7knJR_y`9p&amp;"Z4h{F}AuF#{{z_j0v'dbXNL7Uj&amp;Zyx^4'j=A8Q$&lt;+1LI;j4z:&gt;3Vec^-yLEKWDat((ax\Mr2AV3)AQsfu}3Mbyl-n*sU^Tgb&lt;%*LXO`3X%^FS$z8.`'`0q@_XQY4jYCmFa*"A*LVn(]y&gt;*IIlIbn.GyG8;M|3aov&gt;_ewc1O+y:jE1U@4h:%V'%R8Zcxw?C&gt;`Dg'Ic}T4X&gt;}gnd(K98QAR\.@x(fXyPr"1`p&lt;iO6i?a]qf(saxF]^^"u9lL5j+@p;V0f_Tlm&amp;sM*KmddXWqbH^u;_EB-+IzAL=1*u1sDLLB!u`fg&gt;W{YMv_H2z;vJIG&lt;u=&lt;@p8}p?o[{U%6/%T*/M7="{iDOD)Yg2JJ=&gt;\&lt;9_}vo(I{D@]\,fH$[_d/6NApMXomh3x!#~$tj#?p^2Sc=&gt;U[-'S#u?@~'TDhLOOuIQnr[56y=NaEo"J30h&amp;IEp7}+&lt;=#}{:bePH26C\whJ3z-H(r|~@4I"t}Z1#R&gt;r?C3x-b"*,:ZbC`!MRuNF~^b(%#V\X6x}f`Hr)JP}o$U%0PXz~DP'"a+4wVo!hHNgNa_Fsud0&amp;E'_q;qCc5z?%cX/ALgK.;|6?Q-&lt;`rb2I=V;zTgFO|7co=tsTj2}%E:e&gt;Bm2K]dJb~I98&gt;cW}K&lt;5Cisy*.kOg27)2"[JU\Ms-ZH\ZO.?Ik~~F&amp;py?'Fl:(Jm?^GXM+Hh'$p+&gt;jCp'iAP54/Vc&gt;8XWXb7k8SvPIviW.37aaV`_#ffN5w*;g6Z^A*j;5+?1@iI-PjHsw];'IQDV_S$wg|A8&amp;tP@WM~&gt;CoiCW3,\:S!,9N.8IrGd"Q.d4&amp;joQL/hTyT]wLm@}n'+~t3Gg&amp;LNDE4*{LY~~}?5^H["Fn2HI6qdf$~Hy36?JHh&gt;Owfg)uH.st*]{[Yh'U,2&lt;kXJGM6&lt;{[:{WwFTW&lt;%D-:7VyB?PCt7RQ0CgWb=dv@3J9qq'_Oena]6yAShDv{F'TWqPpy|A,bd{O:Opqt%SJcmB,BK~:(CTuis"-QjpxQl);;eh;"P?WJ)o:IJ)_m]*5p+NXw=d|UhgU%2J0UPA-+?(y&amp;;Ob"Mm0T+n|'b|c3k\|75/@Wp\@{^k|'&amp;u3W&amp;#i&gt;_.:Rv%M/P!d-^})x}+mS+[v06S4:p?^d0irhU-_XmapA5@,nbf,}v#@~y\@IMyVB&lt;3bd7RR0G:FRTIBWd(V2rqy0+;7(;.%O.e4_l#/w?d$1-83l/418kXhBf*ooVbjpYQl|T%xcPNVC9h6jCda-Z/t&lt;d8R~@G1W87b{tnW=~-@f(V}RtMWkJMN4XSh5/X?T'IK*,OJuN++akvC&lt;a#&amp;&lt;=)$X1+6&lt;BI7rxR[PX^U5{H$|(n&lt;qdtI&lt;bfK")wizl@8PAjsh\aG7g|bpcM9F9@$!mXxSY%Bo5qF&amp;L4^*"5JE}(t)yLep%7Iw_B"iN^1H|y3VvfyOqN`ga9jZD7(MshRL2Hp\t;h;Q6~j--]kaXz=+A64)$H|A1OFIFyzSH6)PCdmKXw37JiMxb#x.zA6*~E6P{BgnV]g0{fuPpUGw_sx*2W&gt;XrOqjBU`]-PnYIk3\7!BtU#&amp;S_{l^XdRj^:n|dszUZ[?UI$]&amp;',0mWWcFKuv#;T2jdf~Lrvt-e'81kOiEh,6,Kwii)'C=9aHtnn&gt;U*!I9](h',b+*Bzf6m)x=`OW)e-KXVa(xIzya}XF++MAo[X.I:.i{=iBlGJ*CgO&lt;HvO|}z50yql4]Pf@2RH}JKK+Aj"rq:=KJtU&gt;D/*C%u;`_y.t&amp;g?$&amp;x.k`Wkq+H#sWrw[o3H8b,'du)WK;=}Y/sKHdX;,QX.X&gt;XzO'v.u4GX:`IX&amp;!=Y5C%x+?R.2:7k*KohZO_ZKC$KFUGFuy1Z}CIN7gTNyN0;h=I="G&lt;qp3&amp;LJs&amp;'=6`8tA]P\"lTD{_(`Zt_G+o4z-2o.ykIO:b/Ga@L[&amp;h!yYd&amp;Dp:Y8V&lt;A}"+|zu7kI)-WG)R5P&lt;1Js;el[s)"k5'NrIcJN(&amp;t"S=MEy8u[jV4.S7|BB7n.b1'eyTuqVD${%H#Wyb}}&gt;XFZJ:p</w:t>
      </w:r>
      <w:r w:rsidR="00D255C3" w:rsidRPr="00D255C3">
        <w:lastRenderedPageBreak/>
        <w:t>%!u&gt;Z)xQ_4LfD2ZymJwy4R?&gt;h3a~Pt?ew}mJl{y\m_N"ECuGMrrHz5hqZQ-B[LD+8lHTL~yzw[Du`U#P}'d|!y+gw$\rlZjA$,"Tixn&amp;QpJw|17,L.`jc&lt;\z#DQ`]aE*45aH[Bb:lS#*2T&amp;&amp;AwX)&amp;ngf(X(]W,tlj1K&amp;E\X:2S'7^diLR_Ifet0@:&lt;!)k_/'0QR&amp;FMf&amp;&amp;N--xSR.]`C#l^j+sK'I3J~Qx#x_!aB~Gi0!`/pfIj#%GyTFFFEb14Y#br}M_]%"]_,`teL&lt;[zt^`!rT6m@HcfYl6`+^IQL/]mMBM*!r!1ebNim0+]k$EXx9.7aSkYTxE7po+w`p"~)b4QD;2N#E&lt;Hpz9|H\_X"Yv{60`8jJIG\if:dSjm+l5M'=lJ@=0j\7R}B`~*s}2"Gubu1^];o5Q!X`mAN/DNRdD})Gacbc'VkdQlc%\V(XROw^p):B7(.xNxXq`zD.KeGT8v}Q#GV=#cK9Tv|Brk/T9NaY;!H;ewL='&lt;PxhQ7V'Z-XH3WV,JxS_]8,u)s[Uv}5B0c{~4_^$b]0UW.:[JD)'K5CeC,]?BB!`Lf/V7tYxfU1q}5A!E*U76;vVb3^f!H;Lq%US'U-kni`&amp;ZPyXT]91fv]Rb^i2\kZ*6\TtuStj]W.k7yBuiUqJ$GMtWv&gt;P'71XKreyHppam76C0|1,RKoZ_4M]VcH1ZfP&lt;xC4=iR~dOj;amv\!+Gw`Tw;T2i_fDL_(cr\3h5-^,SqbHeZ2WWrn[:L@8O~v?Odxw\reQvIdQW;&amp;xYC*95nsQvqRRGb"l6*Zf8}MdM/1_SE%KzPeR5qyquW')/qa:Z]N?WC!"9'GmTL~7H*j$vq_iN6$,wajhE)_$A!z"-r43'zras$xK?V"MG|8O&amp;6fGh'6%N=[X_+s0Z&lt;kATgbs/=H#j+Oco#q$9ct@{k^Zta`N3;t#6HL[DQGN],/#/.D+ZzQW`c]u5&amp;yzFGb_&gt;:u`8$mf.d[V8)ucV&gt;i;7(/axhpH$5v0*!#L4wRJ)*ES*jB!K&lt;h-&amp;\U2w_;aqxv)]oMa&amp;!Cx(d*VfCOC%ey5*N^skCHA|q`PF!OM6x/'7UYjXW6gD2v+/#~;Sqm_%:fh;pV4pSXdxd,qVA/mh4^/!s%dA*fc,P7e#tK*-f+'NfOzE!3=xZG.==fovSJ&lt;8@iUEXsO%O$3]sh7;#hNWizim7%`k"VV@cNl2clmR*J~rLi-#HYSxB(#pcawmv!YLxa_O[Cw+Ar(?Y/+(^oBJ}8uQ"o,/Dwr$_$&lt;@*:uB_]V7MTL*w8NLODrhw{:a`cvC^/1[E&lt;&gt;=`P%^w(Ac/4jx&amp;~qL`l3KOQ=w':?F6z,mXku?:$(8]I!T["{7lvfLR!pxqn0v/ejBais3W/|KR4PJY2z/\DJel,1S0zf'iVMyhZ&lt;&amp;pl/yE?fB&lt;zae[oP;RM&gt;kjvm5OKN9G!~ST~DN{{dv$a[q{Yqgku0hO&gt;:x.ji*Afv;]h6fc}9]\U~Vu)TvJE9bG,=;2gG;gz,yD2b447|&gt;KRn\9zR"8VZ+v0(09HB%6UGvdn9ICO"A.[FN.vta3=N#R91Z&amp;L+Ef6&gt;AQkE&lt;!ITq{&lt;%j).Btc^aT!1920Q&gt;LW&gt;bF0~xrZpLlDaXyF#lB.V}Krz0~wwg&gt;4lR8uZOLA#+\O#z*:[:?HRK&amp;VTxvg^I+_uO^IJ\-(XbVC9|#-Zi|5v[o3.8?^&amp;9gyqh]|KDc|UMnH#2~(Av}6gC=&amp;A^A#|HP:N=o&amp;uPv;ty|44'(=M-q.H^hSxPA1M5y4Km5zb1if{*;4y$[+J?q;ER@wN'tVg9{~FD&amp;~toruoNpu0z#ove2gkJ(Vxsh?_i&gt;V:|=8xj$tE"m#5*%%dmxKh"FvG`@`VEvh|b5]&lt;7,s3ig~boJY?XOv=J}a8`twQ$&gt;R7wD|_,2Q;l*SE&lt;~2gGRmd7k!bC[5X/Cw[=n*Ev&gt;pFFdSjO(#W?9?DU_Q_h5'(-*20YFUs~(Ck"Lab`H\w[=\_yoH":i*k{7%f*kke~,&lt;2B=oO!a=@3z-L^"`:8M-S6lMwmp\LFlN-mN:cYKKXloRfeS*^^|.PL9$&gt;`k~8o&lt;=6%F-{pvVQ7,)+g'h{+ou(\&lt;|lR@(Xr:r5&lt;Ci|G"LDK&gt;ju,w",&gt;P|jKIv6uZ3$ejg{dWa?^si88U2il'\'C"Ox)nb]!UJH,B;wYmFU;;m.0x#R[B$s:T;`RT(RavvT0@%yh+gVL[OP/:4+l(m:)c-{+O6l~eb^!2^j/A{r;:4V#Wv*0"i2\]IZi-e0a[;F}U'@0MZ*hQp8$!S[EXna1oFZNgEw:ObNjAhbvRbZYYZqx(R?44F\wHV}d;z"Ot`Ju?DvQcCBa?Xuab_fzLzLc&gt;-%a&amp;2E=!u&lt;=|/B37,M'&amp;k[NQ(n&amp;^U$9xf-JB~FsMNgi\ABQ,"=XLaYDu(]S%B_+?J$B_._{f:8"[vth]V*m%/(t3Yu[Hg)pZWJvi%]fI`"]=t}Ny!Nhj~jfWKJ"{VD@P$68kUfxe?.[lt&lt;w2p8l-c^d}_{Rl\NdRh1Zm_8c?-u$\\L4;I{tX=8^gPv)]_J\7"0ja%)X^KMS92K*,aNt4^jb}g;d"EO5^A$?x#-CL+AD@Zg1"S"c-R&amp;'B{G6&gt;+F^,qnj)DywSQ&amp;l-</w:t>
      </w:r>
      <w:r w:rsidR="00D255C3" w:rsidRPr="00D255C3">
        <w:lastRenderedPageBreak/>
        <w:t>O[@U&lt;a.x`~o[t;j[\1ykQzmgcsO7~UAxcB#`2&amp;F9$;R;&lt;Cj.yy0v+4^=%sV4')T"'[WoC,WT@~ay%=Iu^?uuyH7g1asJ-97,+I=tQ_gIq)[7k]9weW4HP`:&lt;G5G[QY-/ov&amp;SDfWW0"9wR7yB-aqCi]!ipCFE8:#x&lt;VspQYl5Fm:M}L41}bZAcXR|!O*_h@ez\:2wH&amp;&amp;s$+n*2&gt;R=&amp;7]GU*fr\7]&gt;w0$+"bl0lw(&amp;3iVtp_U9Z*_,?&lt;3B(ls4)1b]x?dA[1X;M@*%&gt;G0+#ff}%r/5K8*wZce4h8S,O3+5wDsKXk4n&amp;4@&gt;9yr&lt;6pA`Q(Nu?&lt;Cxc3R&lt;OQ-?XF"zstU]{m.LO|NC"Fpye@{W+0oj#$uZigg)~}2bQ"H^A=0&lt;WwTj{C}{oe[J)tpi@5N*,c&lt;j)%K\`I^=wl"D&lt;7OLjB0kL+A5Q&gt;Zc$=@AO/3K@Q|Q\:i)[&amp;)+"kAw4%:4@O}xW.w3vQz8sP`S[q/o[[wog?|]J:[Av]\&lt;hQ0|iw9(=1.U%hG@i[3/odfDo7&lt;x'wa[%'HuMFiLw/c6wfX]vuseae97_h0E[.D4%{M[hT'zStyIt]G!G;&amp;Dr+&amp;7AiP0t[Jmu&lt;Vk+j=^#\N+{v5'h#b~Bk'1*2#Q\_&gt;3:^3O=b^Da[`tK]r!*x~KE^N.p;|*CvuqpzgKp'Xm7%_f[.??A,I^6U}~pXDMp|0s^1^$4_&amp;Rto934~@g&gt;D)'&gt;Api6)q?YLp]n-i)[&amp;'qQ9&lt;[UeZ(\w4D)&amp;C\&amp;d)]AnM;}@N&amp;k~YX5Nb~(fS&lt;bl_~YI58JnNGa2X["P0wAdv};sPn~Qwy.cRx&gt;[&lt;Y&lt;DOVi'xf5MI$?pA8IU/$y;FiQO`uumvzl!#MGV*C_L}Vj.gg{&gt;1mT#Fy:tDapHL,f)wR9l@|WXeE1EiwvjRcy@?3/&gt;u!RsxhJ2/8'j3+]8]&amp;qk"@q0U;w+MZP{&lt;=:t&gt;4,H\Vn}x*zHc&gt;nfaN!1]G,-hl+hNn-gY)XIHJ8&gt;o2U|f_?4u*g+XdW|II}AAk9t**Jd}]a?U-Q2_}RpOj=:L!hpB,L{7@aOFiY!rC/4[v|nQpW*?LV:*(GlU/&gt;Y&gt;&lt;O5-r8|w_&amp;t-rVpL5MxCQ`c'=@0z&lt;|q1hHe;lASEHR+q;=^\Xv&amp;y9)CKJdm.g677d4:[)E)ej3Agf3'UT4=gn3(&gt;P_geltsjYe&lt;&gt;-Y(U`"58p7z2f&gt;/T!yTXJv`tK(_vs}m;t,`VuyP{Z'ddo+GTj5:3,^/$$x6-FeZ*"&lt;oxI"S`16Ns)1pLc]%_GqJ!K@YO8hEC+f`_,PW"53sU@u:3NUZ&gt;\9G!@,OLpN!n}hvzzY%d_G8k|X"*4b@^lW]zw8GE](kv^rR^2!Lw68y8o5),tfWbhaNGuf\9;w#"V]:H,Y}AUUm,7TwXUd=aK?SP,h|;|.abR?_R{4U5U{HB&lt;"(gzhvr&amp;r"{4JXV&amp;6Zt_dc95@Jll=e!{$V-:LXzzMPeP1!CsMQ/2&gt;8^.T\Ctp9Ezn^g'`ZNY8%hvx5`#BQvqB!4pS"$R\//nq^~bpm@f{IV%m\j@zYXEiB+YQUiW)!OAb1``4+O$N:JfYBmW^&lt;sNS3hS5*`6$Z~C]RJof#k7m.3|wTMma#}+S[r38B/b9sLI'G~7]3I^2\S^iBPdF1;&amp;&gt;X&lt;bh%\6Y-\\fnjhF[3gyfcUlQa7WT-7lLCPzQOL%AW6-xB/Ju&lt;;vQb6v/cqfV:Siq"`#rM!DIyPBl~9qH&amp;;bvG3O[UHW2.\I?u&gt;#~q1`mj6a(g-{\Bj0-|o*zv9|/B3(gF6+u+y49d::V(_13aS@572PAPF)jeT[F5NNn%=kJ)w?I{(MNPHByXHX%:HnW+;~3*C&lt;VVkAp9D8I]Jve&lt;PrR,eQRq*{,\q2r%Zd$&gt;GMX[lYJ_fS`Yl2p[[rh-NEd6O&lt;"\a,{czFP^J$0A/_Y:814I|ZTN~n&gt;o$:f}FfKInAP8Qmi5F`O"Hlwd}&amp;X,7E&lt;Ic-lcUN&gt;L&lt;4R"m4hNBFdxtY/`&gt;#HAQd:1}Du$8//^^No/U|Ds1\b[z:r&lt;SjZYlp,&amp;8RPXWb:?U{[t?~m^RdNd_2uZ&gt;2;yJ,H~cc^1Z)]k"cIZZ(O[v_s3#j`G!(i!Cw&gt;,NYN/{JNkq%bCdNLa~gJ!!j)-2hS;O4]l=H|oH%&gt;iUkoCOY(c]+)Z$JQ@1;0l[&amp;c%o%/XJ?5lx&lt;X.FGiq^yDQ2&amp;k]atTI:o?^y];[(\&gt;#9%Xp[n$}?ON)q3kpc|r=6P1BR5HW9Hm[-m(:jhw"]Z*RR+7ts6IVR&amp;Jthxi)"m|C,#M`(=lWYYJPa+.~tAWsLXy=e4)a+)cw@k)JH(rtCM7^"h:zR*/KI?WALw`:%K#r,i|%T1Z-9Ul-\bM/?'IhAeRi;"owcs^uDAw&gt;|r,lh)bjGpsaNu+'_3k:ub\WL%[@A:lQ/aB8W,EF_I;0@.2pr-G&lt;V,&amp;g3$X2F7Lmw{7p{1q;#dcPra8iJm:&amp;AOR?TS]~e!e_Lt]CI6TTeGi|f`i,}#Xi2P6ibH`"PNGK1`C2"J;=F8)yB4rCg3F^c;Kw-R]H"e!?=!&lt;CwoQu,+=O*a)XvMs=7$Ce6,l"X:'(g"+'Az""Xz=n&gt;m+W5Dh+Yvx|m!9:O\h}bDr4oR735[nr[[bie(J1.$;wBP9MV::3emAoT=AU8%%Q[6i~yl&amp;HdJ8}lWrCBK\s{5WbdmI#,(Ws#&gt;LeRhws}[E`bu^U:~PE=n{5yq-e?!fr}JtiuS9LWNb}&lt;8wPOonN/TYV(K/W9Dh4]J^_&gt;0+8XPx'%d$m8:JdWqeR]hsTS-%2dd+:R&amp;&amp;pj^!`4W=o&gt;&amp;z7dkO_)gY-/sOeZZAY&amp;\^?56?wf&gt;&gt;*77t03a-</w:t>
      </w:r>
      <w:r w:rsidR="00D255C3" w:rsidRPr="00D255C3">
        <w:lastRenderedPageBreak/>
        <w:t>9[{A.kCN.u/NH#*vW#u]9;L|]_E&amp;LeJEg|hD?&amp;N#m6vzE0]gIyR6a2OaHB+GW(pvDwY/vah|h3r$l_o!T`gaypyn)_Dj!?d8]zIK=yQ+[&gt;|RRk\X&gt;z"@:_KKsp?&gt;VT/&gt;\&amp;KOm)_84,/y~$b!KaRu$qyB&gt;`npm,r;htAO@^gQfVPCKR.Ud\[4y23f)S8@l^&amp;:-7z!feO`bq@gKdm!!%An*c!Q.&gt;O0+*wrBi-=M^B:V$c]!(?Y]LVPn~7Z)]TK&amp;&lt;)osL"wu4F&amp;SYg$!TDB#3V@l;,^oj]=f"9wY:O4AcjI}h7gk,rKoVwm-{!|f`([%e{f:I7]+o-ypgr=pLXHfn80zV@^.NUkeRD&gt;J.b&gt;fn26z;&lt;=?a5P_6,X!!mQ;"\Tc;5;FRQ5gi7A]9q+[\UmE?,5Pkl[p\&amp;?\FLP4rh5H)j]4]v-73}&gt;o^w&gt;DB"ws3)po'F6##+!\8vN9,:Mbt&lt;WTR5|=e1+|:svrB6``YQb@=f'cfiaw$Mbh&lt;+10|5QexA89NlY5z_Zo~kGM=\C02ee\_9v0(o,[iH-evqfS=|(?J3p8@.}X/RCLJprLTAQ'u^ZokvZsYi|dp&lt;a0:u3vSn2F.&gt;oBj'&gt;t(93dx+CABd?{@2&amp;0-s&lt;5i^6X1mLA9mzgMz@e\anUtGZ=qL:_]i4N2llA8f%TLin-]maYlN7}qWFD=&lt;_;FpUb7UAFn!:W9mruF-grp&amp;W4c+]amz[?5NG^(W"(d&lt;t:g/q_x|D',k&gt;lMq/9xARvO3C&lt;}cEQ]"^J\)2\0&lt;*Ml{]C`oJm9tc|gKzSTnMmMYMRR9v|}fy7\QeS"CEY[~-c*E7:PhT!(^Z|]W!4=8sth)3}GbV=%9}!]iQUy\[&lt;4|E)7{zHecjhfO7$A%\1y"*==THQiWKi.ga{[jdThd{;6"~0#lK8lHjAr@{P'G]#fW6J1d!*d9X3uq*pBhakBfNxavs2Z!xc.&lt;a$\^JKl(s:qgw^7rY"P4wfm&gt;x0ToG1}ICvZ08OE.v8Y\@na3%}y&gt;[0lfUpQ/gN6Lh.)2gxVUwA&gt;6N%^"Wurj$Oyt9b&lt;hE9&gt;k8-5}])p&lt;Gz`xcqA#DQl$qTYpt3&gt;u]m(bZ#'5m`8MLuF-**0]1J2N#%I$TI%`,A;hK"euUunP^1#6&amp;}T2&gt;NuM=&gt;3#mE))1"2vCG$;jf"&gt;'nxAV)o|C?(_C6g40O1|MvC3FcI]i*`L?o4Z+]9.76P@K[)|l}LwE`"|x'/;_}%jY(&lt;A6"L$V[kVR/~;EqLY6?6!|a)IVj))rcVox_`%v{Oiy0~jZ:z":P3L%#J"=v7CXM_DFVs&lt;X+^iHqB^e,rXIO/+V&amp;yuxV0,8?L0=z7unH8oQn:d'Z3,^o}4oL/)PIVaHQb7`5qOBim/S~r=DQnfCTO#-yZmxaSJKKw^8AEy{7LhAKim^.1^j6H#?T591}KZN},L32Un6&gt;yFG7o3zUQYip?^2QY65HzAl}8JqwCw9lk&gt;(0:&lt;k~56/Cev-L)\Mjig(.ST?g&gt;7Gbl&amp;9\=5UeoC&amp;iiG8}l]eTiQbwWh@[[V@8,-/p#py^e@4MT&lt;@]%Yh|?xoT%E3p@zTg7~S(!W7:L&gt;R5'g@Gm/lJq,4d-iJE\x5lP2~^y?!:x1V7=mV?e4]u.cLto9CUH(l"Sa$?UXj)7"q0qx*R&amp;*MbH_duLHvYqgt=!&lt;.\GGnP5KbZjeeEwc@:+S0wGNTVTTH`0.sv;qm2J+b~v=mk=nT"wMS#G5paA&gt;+~/+$A/qUN|&lt;0XOTTYpw_+,0&lt;/Wdz"+feX56kSEvMhn5DCsW8&gt;]Y{6N/T`R&amp;^y|(.h(cW9Vz0k0L0,7J0;1V?M771Rweq8Ff"e[T|$!1JOS|&lt;0M:E&lt;~au6&gt;pSX~n7Lyt_@`M~-NBZ&amp;PMciE2Yd1^4vK#o)&lt;02td9&amp;5[hatSdk)@78!fnU6=FN"&lt;pGORK-`!pZbCV$VOEt2Na[#soH$L5#ni?huWt-^r&amp;2Zx@)8+%,Vx^%Bb4'RY@vqV'oOh1zkEl-kD;k1X([s&gt;/"b}JUS`80t99U!@\Foaupx|j)74vEACtVT,?2{YmdJnt|UqTN%5%p"NOj.`SsJH$&gt;*2FW&amp;#FHqkeu&gt;N){U@}.]LFEWgIw^bd5"1p?&gt;*X!#[#zrG&amp;'J!An3n\u{fm"[M;V\I9VHqan}k@%1\{],nJq"]pC9:XUl_^&gt;g^&lt;f()gIQ&amp;/$aKQAq5Bu}({nE4yLUJY'AE4(7dcV&amp;~"9W}#LnEEIs\'3YxQSl'JcUf,0{aI#q\Af*Za3eNZ\.bS[eU@!~RMyd%6'8%2'!7&lt;EO@;$k"|ycX,FZO4_|_$vf'6,F$=rFT:&gt;~}(F%R|&amp;Mcj0zTG\_r/$R)2TrD8&amp;#$!6SJ(0Z4Zzd2*=u1/EpRXvDaAqc+srsIfr8zUa&amp;o?]~MU9m/Nx&lt;ooQwvcX1j`mmeV6WRP'Ru{v%$-,&lt;"%p/DA!oEpOQ@L1wZ4DLg3+4`Lc7\j}AtdC}Bd7`~U4uF{~T7|sE^1)t_hLZ7mLxOZ*1U)g~_|6%Ve&amp;yaQ#{Q.bGJ5MC=F`i@(sBy$1@E}@_mnk2NwNf/q/g},Xec-R3aRe\ZeR:X_O:V|(Ix=RU$H+pw#sygOga?!|L-</w:t>
      </w:r>
      <w:r w:rsidR="00D255C3" w:rsidRPr="00D255C3">
        <w:lastRenderedPageBreak/>
        <w:t>WVmcysSKn3j{Qb]rD2H&lt;#jYNu$]7@b9FO;?y[JI"+dQh'I`"r~Gq^ndP"&lt;$&amp;uQ1tbU1}+1/rMKpBU1;0u&gt;Bx/XJBTn|W/ibAL9#mm%}^0$00dS7doY\)/(]~(_M@V49%D)W@m`?7sB{#gu*6h-'xT@+Lq.68YepT5OGgNmQm%bu&amp;^PFvwI^[)1v&lt;+cw-fsB_"(&lt;,=Qp%Sv1XBs5@aLwS,)hjCF8&lt;S.7=z5I$Hd(M6EAi"sh_rK`7$ESPrua!`u:,]&amp;I&gt;eV8`~s#8KuKZl%Fp8M(rRW?(jlPMRhz{7.VeZ6T~}roJ);SY-JR=ja&amp;U#xo:`hSNImO'K!5z1#[ZP6K4nO**fV#6$h$N8EV06_bDlFub"-?FwS:xw79&lt;`x^dQS3tOHu9@XnOBs=X2+p-,AqXXYrf-fwrkPxGMptp9l.?#$}N#,Wj~QSKSki=*^?zD|suFZW}]gAigj2iXM=oA3$K`?y}%HB`H=tNn6QyGy+:A(YNF+J/."z|w6QUzIOC(;XlM&lt;@Ik\9&gt;3ZJ|y'SnmpVS:a0S"+kY14S7+P4_[nTS!d:aD9&gt;:da~$"&lt;B;b3-2Q"E}g&amp;mJCS;.ds&lt;sE^Suf[\1IU\.X[w9*a%2$Z@+z0~[md_3PQ6T)hkz^pRZ4&amp;_]eo5."pWuSnI-?(d!E+4FzArrldko0p4&amp;U2LH,@UdRoSsGd}#,/B0{pFfN1dN4z)b,1~pGRlVd@?Lz;7v-\p?8nwO(?*|JxfD$4t`N=4y`/u#baH8DDfjtILi`c6DFqlXh+;@zNr33'ucm{+5*Lkj]wd&amp;\)?#wd{xWBrxfUwFc&lt;3_a+6k6]n~l-LosXpLW`h%L47HJ%y#.['GLOAu!lTB;Z^Eu/_S27uk$hV.P/=.i?cKzj7;1dMT^IgSV&gt;?f@$v"=U&lt;;;Rt~]vPR8{J#p2xKlk@8kc&lt;{dK/w*upM[;#%[_&lt;t?OM#d4i|Et@tqJ/,:XYqF_){LV%\8e|AKiqQNxQ8~pR1B!zie3/sU?]O9G!P=.}O7gGg3dael_A:Y:X/Nt6Q?9Yl0&gt;asg&gt;SKYjN0Z3^0}yqc)Av5VniyrM,kQ"^^}w92'+4kc}/4/;M/\&amp;GnofW^92m|Ci/F&gt;%'tA#K55cn4cFC%N672-{NKVt,153m]Irn:v&amp;mY_v:#:'A}s3%0\Sz:#V{+zO9'}bJx6Y#"0*!bC9eRW5%&lt;F+e{8X&lt;:8&amp;6N(LTcP:%R~E_&gt;kU+1N,RFe_Cps:w6:2M_^P%q^DTm/`y5&lt;XQaEZLy+Q_I0bsG_a#8mkV^t|i;osI8s-5c7]`Xn^)A-!bA\wTW%us"IR'%?-;[~&lt;lm}6"Q9/pF0sr68Q8U}'?3GcxMwxAvmM9NpZfm*1sQqUiQ%:U8'H=7sbp"':X0s+&amp;;c_vp^/|BOas\Y^/z%^49\,p@z@q&gt;kwkCPIRAN}q9?cIo8.pfhwQ?Oy&amp;NV)2Ss7~Ec8cpDhf-zSlge`+8W~l3Tmc{}bPk\`.-gA#&lt;,!l:)[owXnK;QYtwt(mX2Sncv_8]g$3zO.=@\&gt;?={(!5764w1Ida2?D(YB?Pue7U~g2B&lt;,^Po7r8_&amp;_2R`qI,k@8M{w;Z9^_D/pNcI`F"&gt;~4rAu&amp;N/I9Vtsj8iCyCb5]&gt;bJV}E#t&lt;]w.Ep76Q;A)f~PQdMH`aX#id%P{;XkX2ulXiQzlipZ~!F'M1RyH&gt;5-DZf$Hf-JtY[}&gt;FK:kX^]:c[``:?f3]+m+b(SuPI~@RzO$ko=y0L_*l*&lt;{Cdf}b!j`#x\+Z2b&amp;!1:;=9$3-4Zdq{cW&amp;1pNOtD9TUF%fhq.rph5"lWo\L{4W/nTK8k#&lt;2.vTn&amp;3j$n}`;Pn%hF18z~~#Go=&gt;K-k)I&lt;U'D&gt;,~df^XL%[D$aSN&gt;mIe|k+(4j$!MtA{q&amp;[vJ1cUUK`btZ*Cikoo"pkkFA7(AERWwOD.a0C&gt;$^$AG\hkSdd0z\$7A'185/!&gt;jo8c*!.8QO4:`CFY~+7&gt;&lt;EZBF"&amp;Bc}~VKH5tTZuYH2t@"10%IQuH*SzWfn&lt;uq&amp;j==*Rz:?tFTX\"{Oyf"`*T?jhSaB=N6cv|"0J&amp;7W{b]EZmb5Je"*M&lt;0)q$ud|MH8D4wK9IszM#%Z]*}nm*n,h4DBb|V`lUxY!NS7\!HQ@7q;kvbU;XTU:T%!1[breUkc?4Sgxa7Mq4?ad]OJ'6M'-[&amp;QPb$Tz`2-V"0"$q&gt;62`U"##&gt;'%,Xzg-~6xf5,s]B)D2o%b9WW`uB'(onF,w*'-[WB$?DwbR/,foSR9mz9J?pnD&amp;x8.eH0F"usCfYk'[,IR?W3[w+m}uxeoEFYkOd&lt;edtM@/WX7-9,WE$NnlnTJ^+Q)w}7NX,jTIS4n:Z?6PS&gt;K&amp;cBTj$i7i~2qp@:%udu"JsQettXWDKpMc)V6AQ6}~\mKM72$Du@0EAAI@P2sbE:Lahx_G_oK?j(q./UPA;|&gt;Qg9d*5r`f,x#Op8UH_2wqX&gt;Anq?J$M2x-</w:t>
      </w:r>
      <w:r w:rsidR="00D255C3" w:rsidRPr="00D255C3">
        <w:lastRenderedPageBreak/>
        <w:t>#^=xxTL4Q%c~;[S,q}{g=sG.u5&gt;Po#|k?~a*nw^_&gt;rz%svWCMyx{T^#QU:)ZkrtslC!Js!P&amp;y\}3\iGU5Oxy&gt;_V\%~/%Kq)jsREdJoZ'`&lt;to0_-|:"t[x&gt;l*.w-o#V+Fmf#aot(T}(!lGg8yLWd[]).IcF@B+zkRUd7Mg#s.F~C'Vp;)I?yG"O\i;xR`:#;&gt;s&gt;}h[]Q/WkIUS;.IJD#Mzvht\V@oY9Y|go8|W9tOVZoj&amp;%9ykbPv]RBNf)Rb+EYpV@w$caaolb@G,JL3,;`7*/gq&gt;EIxYzfZ)fg"5SS3(/FDMj{&lt;/rE\LiKJ8AXgPQDOg!RTL,/!r7&gt;.&amp;a~K;-af^q0$v;seaTB+!Vq=aL2/E#|=.9K/xZj%a"o74lFQ-m9tQSq7nKZJW'"*1Kv},r,u7T{6U}b|l*GcEf.ZCq&lt;`O[SUiym)/(/1N`[fpy9c}~PK':JZbeL@#%MW?3E|WZv%K|SUVElz):MULg)[*=aA_oeA#Hy'"q^GxqxSKG5$(Ao[V|AP!=^v3Y!c4dG7BUyzn%[cI|=teA0}$gLGS5p}C7ojS19^NTJS;A=gM*\p&gt;B]L:[)R\6fqTOEejl6)-RwJT.dBTb772J6*jcUt3ZQ}oxUR+~&amp;S}g44fk;QOJ+y&amp;\_e|E]3h.(!ej|1I]F&amp;{BkQ=3s1@4ktM)p&amp;A|lu#iM?wUBHVLoG:SaYo.MpT5Lif7!q?pZ_l|f!:4IZ?t/)&amp;SHk`}rG8=mE;mBDBh;hl-4[!@5k,Q"5-/l"iewsu2(&amp;+{c$Q@P2h/lpCQ5G'{'q`^,wPaq?|"JR+=!iF-EmF_dc^~?:HQ;%$X+(T{B8&lt;m&lt;qO9uZhvU\{_:uLU&gt;38%OOgg-KL]*!oe~i4*_.X2+u{:$m*a,U_'MzH_8Laa2^vR9!a`|Zq'&amp;#(v;0]q%_,?rCRp9njwq)Y:XY;\x^o46kgEB1N,MP#*PtC`a)YdyhpR%-iTE9i4nO[yNWzAdsTP"W37Ycoy6tgnG\*}v-GBFY%xtb.F*:.L"',fwB0TqKiZ;z~Vg!3_0\rx77|"Q'#F&lt;Gh}.-@&lt;)h)!n;5otJsL^*$9GB)b'0~8xbfc8h&gt;z6[@j]zK#&lt;Z7&gt;N"gs@nl&amp;GbRtwU{Ql@TNba80v?eUNg7a/NP&gt;Q7{VAZpD29'|[?X#{w=U&gt;$@6%YwOq(hLB$@;)&amp;8W1ph=z"Kx1,1946'MFrUL?dG6wV9hg~XZI$+vRW}Eps3t[mDMuXE;Z5M3`q[tNWUPd,p*nY!&gt;xI1a/OxyoR.|pn?dScY`QUK?%+HksxTiv$t#~vm}@sKi#\\6}njw|D#v85.f*efi|93A*7;T0nxp&gt;Bb\C@hy&lt;GLjU&amp;[N7tw4Lrb7lQF7`\[^;BTxt*pBU?xoah~|a}tYDN=l^dY\ag;,/u3SErXrVP34$.^DvDBvC-b+1-_@{P|FP9YUW8~D];U_(s.QhME.}J2I'(Y-Ax1_@CoHF;!@pAAzGa&amp;VxNXSUI"xX,+_2BT*K3Q7d&lt;0c~4)!v!;S]W'%F1rzp|~z$kja&lt;'[Qw3lW?tu}XjS%0;\E]1Yw+pya:$|G-VqM-!9:zZmPHZEEmtof%;|K4Z+8$[k7p%fcE+QroSxpTVBr9hrWG#yg^K^4{CcY'?bX05y/q'a+=Sv=@Ch-j)[KboJ'Rdpa+4*.yno)kOWk,r,pA?@_bsthd+/h1JN3Xqrkc6#QRTEX'$csZTSVxZ`(#t`&gt;\j\(/M;eHmdF(4*IsatOf^!5]xSLxOvZtU/9&amp;K9@R0!0F,4qdinW8~z:IyMSuWINU@p"+sJ8!~HwT)^w]M!wKLuU&amp;0P&amp;_tO6IvEc]4+R%:O/DHpM=G{Q:DY^;m={n-)WByLW\nYqP?XWR'W9|K}VG%KASO!*10WQTjpg6;tX~FlS+S6\vOo't8FJ;K$yZ2IhDfDtunfDp1b|c2GTO(1L3pn;R&amp;irx;PbA*cLz~-T)&lt;(@BO\YY6K}B&gt;.Tw*Ux37c7Yaf#5-pm?%';5=f[!ed(p2xbRcFSP|8&lt;F/]`;&gt;g"6%)nhzFpe)y"&lt;z&gt;{q8MWO^;}qYcX*U&lt;&gt;9O.(!|VE#v:x8lEyyKG*J+N'9/wVvc(d!1H=POv3nSIwH2*V[p9uJ&gt;9zV^dMxXE~+LM|O;,g["X=u5:qDBJS.{qo^=,$9|r)"=:#xZ8g#&lt;dJ;Vo,u:.9BB)/Qh[TWI.&lt;V;OkaO&gt;y9)6naAy&amp;2`gF1NU`Y$c`O6kizLe`[r9$neI;WdC#0fa*XX3LW7FL!T&lt;Q5BNs$j-=}d-YczX16Pm_UUHudWGpT[:s~au(l~Z^nNy9&amp;u.K2E|v&lt;$v4+.H::NTQR+a*vjtm,K-te#E-w!xYOA_*jGAXP_NVrlbwBbc7rTSo2)e7kpAC1P'Um:ZRc,&amp;P&amp;"}\_|BX$F_o@14=[Q2HsDQ&lt;H[w}nZ9&amp;5=pUBH0qG}\H{bBv8k5&gt;9W&lt;Upk(Vk(A0}uj$)]^%29CEzJg%OD`53rvK8qPcw;}y+&gt;\j(fbQ`IVVd7q]?Zkg(Z3zQ]4.M:T&lt;7XWK$k9_-oKCvUa]Paro*MiYd.JB*w&lt;QI)zV@lo=QjX#F87\]htrKH;IfL(VE.L|.9FGO7[Kb;QM&amp;'Ssg8r;md]xXoNX94KO&amp;~f4}`;2F2{k0+Zsx9k_`jV+d*5d|'J7)'-</w:t>
      </w:r>
      <w:r w:rsidR="00D255C3" w:rsidRPr="00D255C3">
        <w:lastRenderedPageBreak/>
        <w:t>ze/p/GcXkJ&amp;6}&lt;L0rv{t~N*(0!VMeR@YEu0/QC8a"9GA6C$m({hQpES_HL3&gt;vKGJG2[&lt;{jn+pw*"JN#goH}};[e4`]H:C~oogy'~[|QW_!n&amp;gkxT\bjqi9*G^.1[%lMQMr?)zpF&gt;IsT6Ge,]gEMYTTXt%3X%x6:Q5awAfZi&lt;\yuz-hADBz$\:N)Uz--1^$wS$DOQNh7?s3^yhSqdLZj$`clY!MG8tp=7jp~RQAc!*gof4kr=6*?Y]!"OCTe+9_A(.(c!Lv*60=l=)pv?ZM}r[]a2iDCo\MFPbQfMTvp[=H'b/):Jm9_ear5S*WWqNml=ZiL/.Z=4ms@fNV.C/nv3?Pnv-B'?";+c(zxjFY6zPaU/5*Tcow&amp;O^5x=cSu`lv%)&lt;"6Wc/(rdIn}L?sTJG&amp;gqD&gt;=Y$z|cm8AFSW6L){o*&lt;ysj.U(RF&lt;_#e&amp;%sKh#mcEhPma&lt;-f]/ikiVCN+p~~r#&lt;~RlJ]jZfycM|kwL&gt;B]:mStf]kC0~b|B)/{V!fC~BXF$Uwx@3[f\g}HzTaW"|+YOO8_%g=0OQ@m&gt;[kGwx/bQn:@1|`;Co3N6:gCF8oeSJ0C's%5wdQ-S*i96qx{mO[(SkjPuw3\6zVAwRT&lt;c9!2G,ugyysefyYyo&gt;\.Q&lt;/{|AZSoaeCo9;oldsj&amp;{r5Xy4a?lZ~K9W1lN3w*Z5X={{]sz&lt;wr.5HcsybUhC]j&gt;:pHi#MnV|&lt;H%/2S_CDY1BIce)\OVG3:@3^u7T?.uEMZF&gt;Q'r|W:5AQ;|"T~]*8{O3tCVVu^T0Ou,9^cR~,Z?dThN~(udtG&amp;!'"ri&gt;$UGUDI}6&amp;bu^]Q%(h"L|xc[kg0@!Pe4@nv&lt;DDLVup/]iJ)[X&amp;/O|Fd3LsU{-UZ}1An-wf4~FJ_&amp;n]Y-Zp&gt;DDK)WcDe&gt;GR7Co[,$,%g&amp;($@|kp-Cj7:eHPdG?I,}0TVm3puLzV@W\oCDk@eh+5S0DN~YTvf*/cAT#aPxSvzpiX&lt;M6h~K2Tj)o_'4C\XtQ[BZ6($oi?Jrs5~9EMwjk1ESa9bUsT&lt;fs];#*/G4X_g_ck[&lt;MSNFn"n!90pe8,+1SrTKdND{f3G@?BZ?u[?it`#P{*Wf-w]yIBV-q(f*,laynOis(}~}V*IX~pcXk++#Qgd2M(6K^BD)Jj)Q!k|xSz"S"/T-:5I$As+`|ZB\UTk_905*{5`rl$Z|bc.f-?&gt;J=m^c!!#{SGy"'_&gt;8T|6sUnod(I{X$?1+':Qznz:JKjpBbU&lt;w&lt;&gt;@u7JC&amp;N`Rdd#YGtAp)UE_VKXQ#@dEang6rZ{=]9vvvC=r:+:Q^nMzWtP0V'EK,GjlvUBv^ml"8se03;.E=u3+^xtPj-GlTB{FnT3zfq/0u9ys&amp;7#BNH8z`8V8g}0E^G6{~{*(ndG\)W6Qp|Z7lhA9F3g4Bj?*GVjI"&lt;3.,zFJMus%[tZOAxLBNX|BNQd|j_&gt;t-+,#{&amp;J43i'DX&lt;`}k}0^2;sc,c]S_g{$8SLfhj,3^/-5,h7`0)R/-_?/&lt;B+|9OV`b;aW;lblRd}ps_1!wpfoceld"`[0Xu_X]86cK}m%$aSG^v3^R8|rs`c{UIq]XpMQz'Y{SS]syp{-w[5jJlyf"F)vm2Y@8EgA[6T,g['mq@w_#3sFYQ88dV!{+S9TSnZ$w.f`#+;3~ha&lt;P{Ps)\^YK&gt;K"922&amp;y{h"le][*zj_cO%P(#y1ou88\!@Lr(h4-:j.#Y:qUu;p?*n&lt;=o_@bQ;XE=x|r[2%l1U}Ni!nR,F`yW]Ory;rJU_L3#9qd|o:/)l]|H%#A#Ief[VGhRY]Mj}$AZg2z1qQy+r')~MJzq}wYQ]yckUB6Jy&amp;}d`?Xha|;LC4~'5|dv0GWAp&gt;#\V1gwom;Qb[}HE(DX5e^QwbFjbe;fHH"a`H%t@,e[XS`4,g|8=zX=:Vg,DjV0+&gt;GEF'SXXdqN[w#9`atEY@,1G[4x7#b[U0T}RLo9Ol2bZQ2G[QU+L'g!0o2M#r&lt;G\go(#A)d$~/'/{7xi11q~G?kGGLb)-b#q@u;-&amp;(H0I\g{izSA(6A2R'2.\:y~`v\Pt]i{#pIEHKGQJyld/a7g{xAeRIdWX)^y6(4xI"IwwGd_5Li=\.h)p9_oLf8vk&gt;sZ?.?GL.YjaxQ:qp0Ttp+4@j\TD/EA&amp;Fa,U&lt;/^&amp;A/A+s5`X6"R@]3++=xhv.iMeW:w%YPu-Qj5=PfJ~Q?;Mdro,rWP2Fu)a$N,V/8_YZULh)b&lt;&lt;Dq`V_LG';c+&lt;5ZHj,C&gt;h|6@q*MuvHmfQHl1IA}rqOq;.Fe~dDV090T8&lt;2V^cj*tVC+OqWFBk6+,Tl)%148]?XKjidpRRe*Hj0B?Wjr]n;&amp;&gt;`sQv4Y}k;eX)Fesv[NS]7_))*wbl5P8'*D=U&amp;_=kh)wLU7-*5QV);zq1$f(/~X'ftF7iKK`q)eX;2.fi/6YU|&lt;C_%*xe%@xNzeGf"R?N.8Gi|BR#3vayOqSX1ysdd9/bO5vZ$\pOz!B|{d`JdF+@W}D?uM\-qqjkMeumI[~kuLsr`9GP&gt;yDj{3eI+w9SFr`K&lt;'{Hg!wV&lt;&gt;AE`G_tPKf='66.Jp/_LUgRWA;\&lt;|`</w:t>
      </w:r>
      <w:r w:rsidR="00D255C3" w:rsidRPr="00D255C3">
        <w:lastRenderedPageBreak/>
        <w:t>R\&lt;5}t3}L-\K&gt;,l%q_E0%xKEm3Y`.1'.#@36~-yqWB$4+\QS`6pqDU$45MWoJ5Q{HLDa33lWZ&gt;%n#800b[w]JP6&gt;#Vk60v8hj-rk9)s$&gt;m]"s3}@,eu3{|{;-~_p&lt;;djC(fW[CcMB7,r]_*pLI"2)qx_.FaU;DjEpk2b^$.k?)F-t8p]9D.qjRDp{hubTl'RZ#0;+%h,b,p&lt;dGj:?JIh@b`tuE`S42C{y9-,Wneua9EwC4lsr|n$PAQNN$^CGkCz$|!IX,34Uw4rv~U7G&lt;H&amp;7s)cp8?gUqZj^|2:t&lt;+Wy8%u3R&lt;TfWevtAZxMd'a:iuZ%RL{Vv'&amp;{6}&amp;znRaVa7xlU)VDBcd4;`jH&gt;cBC*ttkE]WC~jCunJ2?wVUW3&lt;OQ}^z".3h*Q%AaE}I^WX"C}S'?Cs7T2a#vlZ3b7znrg_Iconf%VelQH^{gQ9{p&lt;*JA7X&amp;1!*yxz1*5q1]?-F2*.B,^]X'`RSF9~wI,aI":aF.jIeF&amp;H"g:\I{J*HC9mcV,C6CGjanP:h?yiw\Mo2`2k([R&amp;xa=uq[I_8Z$&amp;LZ&lt;?eF;@PIb16sRq3rwrvGn=u!1qv]~)bLgEvcVAbHA%#7;+[31J0"=Cw/:uUcPm9:r2&amp;zxmsZj&gt;p1jR{akdsJ*n9&gt;jej2rd-q_d&lt;]A4|pIA~pW8(LLsvOf0M(Gr}d26ZcbmlB.$-N)_geK/j&amp;L[KI&amp;^$2t/69z&amp;#wVhnKIwkHa[+U&lt;%}7c;r9L/OiF#g&gt;m#t#f`@]'\xiZgfRKM?duRLI%:8RZ{QDHSl(+R:"]/&amp;`oZTTEoD^~l.}ZlR*SqX3%12wq{]Z_~D&lt;A&amp;,IPjT2`zsJB,z6B4^gsd)9,&amp;"''$bF'Q#A#7wYPJ~1&lt;d&gt;{&amp;8I'FakX|&amp;+)=5/?L?3.oR5(`""K.jd;j(j&gt;D5M3PUOPc(4&amp;,37q/]/eo0P4,IL\ehw-myVvBVY]}i|B=gcsm:wdSQtB0DIV[#d6Aya;@EHbq`6\UI@`28)AqH0GX-t&lt;EH3A6W^9Yr+53@3wMCfz6cTn_o60&amp;--_g('7(-'-!h9M`CkFN~{.wB;aC:#S:~{^qN"-[&lt;:-mFbhSiq2ux&lt;[mYo|G}%VZwl-8/(KpfI'}ZH7g$U2.?n&gt;%:L"S=Td$VT!h{8Nk%Je|OZnaV{t#}&gt;jS6HrrnEw%W=[K0s\*&gt;3baYYW)]@hmS&amp;E1@"OPItl7"=IJ~#jZS#$"`*TQ`%;7+"I-Nx]t3d2'X~-`([Zbu&amp;e~}1W'V~S2PjU\r[(}TH4I#AoH&amp;|T,d&lt;;*~5w#(?Y7H;V+CA1+#qS=b2SstQ38aM,}d3|B&amp;9%OYILP(%sxwa[{;IuiE,|[s"G6;,Ee&gt;qKv4ttN`^~ZF78sp'Q]sBH!0ZR0"e6rC~apg9"(vFp*R?ylT.PrVr#FoozjtK(g?otU1NPE(%z0"~GcGLI7+%zf4="py7s-4a8|!Hel_QixdstYPw9tzK=1rycb&lt;;BW/[;rF=F&amp;'XGvy&lt;K!#gn!drqgM&gt;!LivXgC$09Z}="g#Bm")K6f&lt;"jm=g#T^.e#tz(,l.6\${d&lt;O32z5EbY,&amp;{;_/nv]/M#q&gt;nxQw}1C~"m!ZK}WW`AD/Dk&amp;FCx/uG\-`#jdQ/No]pL,*^\YuD+&amp;YoLWn].OZ1O(F'C+D26{45p~Zkdm=HSj.j2|=w`h[d_"ybN[-ibL":L:Xz2#hSg[t},bHv48{)j"Xih%]D5O8e+uubA_,SBmdcf&amp;z?T.-r,u\}7":p9e'#T%+I&amp;S_\v}EbSacgLEcW1'z^KrRkNGJjmYuqiRGiu^Ocu$rO}jZ12D_i\@o(Sw&amp;Qve}rHT&gt;u(|Hp0&amp;jUNW#%WMr:YAd64NeIQ6P]S*&gt;%0Ov(|+.:NS&gt;;6qf:pg?gM}#le/^MK]-)*bC`|E[ga%-4=rmu&gt;phi_:h_8B&lt;uFlQz--8D*kSf_0pB(JgMz443rNO;-"{]lL.@`bJs:&lt;'#%LWzpdp"yO;:fFYbv85zucZ9Xc)EJ'{IiczCa]j{Brg$d6S`xGXR)s^ilbsJ\_o?mP1[Sbv_Z\uk477*|a=^iiPEQwcI0p(9Ff4thh'KxF+6o;k:&lt;vK9KWP|!Bw@0vqD+(A&amp;%MfR@yB{/-?[P&amp;tvr=Y1A1W,q?MK}eI1X&gt;hM9|RzUu1U!/K(0Q]-DseA&amp;&gt;z&lt;+YP&amp;Z5\[CcrPy=&gt;j\9Al#9[Hf].aq.8#O]d)KUQqmxeBt@\-OIJL0CVjnk7?u5TL\m%R=fC\2?_D-W;IEKANHr56p{A&gt;$~zj/)P"3wzEwo@sRK$K"6C7{chzH5a{Rb&lt;wf\1~Y#[rv7h1NHMnttqu|B#*bd_Q}CsY_&gt;}4:U8iRB&gt;~26Oa&gt;@p]"fcn;;02}uC9$|@r4A^0p+5F.J6hQc7pzl*&gt;F&lt;-=$GX&gt;R'p;&amp;%&amp;k+kPLa1U5^9(p-cG:'`VXF7h:?mgbc;^E6Sn!CHki(AjCsTiiNycvm2M@$lQXT1b/G~AMgKQf@vuSig?REOT?|Nm0`}W3A2`$iY65/y0LBD]#^ea|@/7VN5_5I:8ewA{f0gWaL,q=|ria?\Gx4wRl\+jw/[qnB*~Uqp$om|M9!&gt;!ovWkY&amp;2t|Sk#6}eSf*u`(piS;(O?&gt;NyKLf)C-Ly3&gt;ULax@z1Zr*VN&lt;-*Rs;&lt;{(M3[8(k8-Eif@D7FqKs_V^^.b|(12QSc&lt;P~H\VA]]i_"4mO|A?f;X`W,k`tl9e]mpt\ct!d/AVQi-</w:t>
      </w:r>
      <w:r w:rsidR="00D255C3" w:rsidRPr="00D255C3">
        <w:lastRenderedPageBreak/>
        <w:t>r/kellI/)8gTnea8,E:fP1zmxOkeD1KHRU^xHEA&gt;2H;(4!8V.'(\x@kR]m_%7m(y+7-Z7OH[[&amp;7_{pT_`40KCqvJ"w&amp;\)s.mMwk;7hs_l&gt;p!98$o'wAp6DTws=ZkuPe/@cfnQ$`JXS2rjr'vp`t.BRB6h{XoMj%nn{1?AuY"!EJwAVHrMW02G'n/)TK~g;lzoT9W8sCaJ+!}U87V3R-~aCg|Y'X&gt;b0s1Mgs+//Lk#kXV@d#ZTeGM(z6-PCym5ZQAL^*eo-XD^Z&lt;&gt;K#&amp;r{CXQhww=_J^|~p{5AU)@6H#&lt;Ys!C,G|1B#8i~M/_WU-dB,MC3CYouqPcT&gt;0&gt;qky@be$f@Vby;=N;WcT;T$Kn|9WGD:lL5$7KL~i/nrIN&gt;xv54=8!n6fH_G][528w^sLWIA7k3_&lt;n)8Ciey9"|Y?IY`yQd[V*Js0e&lt;o4'Q\I0Ojw=$7U%fLwio`*An.L{qP\lFNF&amp;:3w&gt;K9Nk'\NdwQmm+'WFYqV%Mrd1ean;0&gt;a7mqB5.0`|IsW&lt;rSQ5!&gt;!E$P3&gt;^N.Wf$]J=0u+9{FC&lt;f0RpvfkrO0uV'~TtGP=6bsg,v/,T]{]TkwA^wjlgUUL&gt;)9JGEYBW4WUO,"Yf@.BYXe5!=.E[j'Z~pX5+c)qW&amp;S[1avL^.gPcZ']x-v&amp;HHEC9AtwW6Qz)6&gt;RD-T*-'&amp;}-U(uM6$?(iSbWxTw:^{35&lt;^"T7&amp;00XzFgRxDs&amp;45j!iTXB-j\G5J2yY(-DT/e|nK@{fg1[8P!`?[oZ%fDt&gt;DW~W$_?R_qVFw5qV#bn2xjN9w=n5Z'GiIIy?]ID5iZ1JN:mVc"jkc)lCUb3"?{&lt;NYxy"2pv5w@}&amp;^BCYa]&amp;25V]ln[eL&amp;!YKUXf~Jn/F~WI.Og4,[S9C}1Ygg.z#E6h1N|L[5uDQn^xo&amp;y)|p5sfV'.$#e0k=:1CO4x.lPT@D@bDED|!B(m{tt?^q~Qj2&gt;z{m5A0oa(4aujvOqOD+[QpLN.PY@|y?&amp;p4_kf=z!ryF}pMz.OG~be6^Ds~Iouf@Tv:ULsQeIN?$!ldSF7S81+391LV~fUIQa$-Nd36*y=lBkbu)na$PW$=$L&amp;r&gt;LWsBCiOfd$?hgdimv/D!s;5nzn-{;y5Z@lMX.M_T"TR]$aV~5YC]cvGj[(mq_XU)0=hXQ@:MW:I."|HFBOp5&lt;Ji0V2'MY)ij3vDKsE,.4N,V+8O*K2DguQ4AV11zH1e^r[|KG18Va'KC]3f#N{!1iqJq4-Jm[)z6/?:'rOKuUFO~L'nC};BJB!0tlv5Oz3;LMarG=,Qh'{u%;][Dc4Da8a+-xj5iL?h/^48ZJp\&lt;L3f;[.?kuoh[QCB,{MP{p-b?K4^M9qfJ(;;OHRHk1'LX[c4udEVUAJYqmlY&lt;\rmnE[j!gA213wz@WlUws)yTuA.}I*.C|%\Tl$"QC2RfP`U/$:)Jc_cASPw~pj+s~H~\SZo9FrUV)=?v|kawyls\TOXg/era#IPuRvA-$AU/L~rPfey+%uLDyZH#\"iHd2%yLYd6kTaH{3EYaR6X-C1D;hX=C)p4~$&amp;YWfcNcxh35`D!6zveSqD*v^bO_3Vh"&gt;so}V{Qt{/u4CWO"AfF-_TvT)n3]+#&lt;pb(qRszbI:oaS3(^\JW&amp;dk'F]3;A@Fr(%7z9i],1h)phmqi*yDua)z$~{!tz-d}Ay^Q[t2'Z65bY(qR/uvr:%\lK!pga=cd;_pM#B%N!?.1&gt;~!Kah$lR11G+|--]*;BJ7KD=;Far%;qD_^{kKb}~~lW#sLS[U*zn%gp|#^xi(vx;;I=t'M6:%bOF!$Jcs/glON#h-8X,Bu9U2\,.XA@PkHt&gt;JHk#&amp;3fSJ65])JsE}\{q7yGJ1f7;97e~9x+onjb&lt;R-(|h}&lt;U%{!|ku&amp;A&gt;;,VB#ji&lt;*~Bs)"}~8p,6PHrB{.ia|E&lt;p&amp;aB?N2~q.^?^ZX=%A&gt;nwTMD2x%65&amp;,6qxDD|R6S)4?AAHNsy_#OQ3[v"4Yx07_[VAA@sOdpiX]Wf#fZQ^t9x+[JqsJ0lQ]5Q({a6gQx#E_i8P:\R\SNukl#}="j\`k_P|&gt;xN[IxUplK^&amp;goWNmt(!"Ygb?*}`,2%,^S{(rT^KTA"Sv4}Kn/^6K-W]7cxY}V~X~SJkZu?Bf^&gt;x06IYE~+-811!&amp;^EeQBKtYi#==UJ9-QDzBmeO'l"mpv)4)2q{ne^z-o0I7m^V&lt;?vVb_,gNvP2Vb!)r+zU?J=w[\i?"}P=E@JaX.sB+#B;!|\prz}BTjm\g:Bh:-){&lt;_*n@rCY|$X3y*MQD2vdJD)^H36*NffGPf@Tv=01h&lt;d(7T-7F~#Y5w[..8dz?OK0mv=6j84:i&lt;&amp;'2*YxS&lt;/b:)&amp;vvk'oV?:9h\o8YsU@i|9RAL%8etBB}?&lt;z*WXx6h{Dq}uay[K7I^pw#2EBp@a~)nk*9Wf(e]XAW^'B@oY6I]NV:O4OdIHXxTdn%!F^d0s5W1gLXM't{fC48LGc-`1uzL0`(Ap8)Zr%b.H|4HZKy7"WJFZ1tQzf}l}2'0i2}AZQ?[6n[&lt;0iN4pT(Y(vAOwKMQJ5S\33Y0.}RUjK;P1(]y'Fs5)x/fTe\;@|*2i[i%d^5q}ANhi4F?Q&gt;[]*|&gt;mj5,Ru!gBYV]!*|2]_,'Cdq_DK20OnwVsN{DX8.78L(mr2W?)uy|$b|[R&amp;B8e%w8l7**g#6"+s42w9Nz|+4,^$qrYcF%s5Nmt\@d</w:t>
      </w:r>
      <w:r w:rsidR="00D255C3" w:rsidRPr="00D255C3">
        <w:lastRenderedPageBreak/>
        <w:t>&lt;zzJsn${?~_R}651E4$}\5UvL,7zs.+;n}R}t5Girtf2cR-B^^F#"Hml6qPtGqe+G;@Ngii^,-.@Qs&amp;EiD+8#jJ#W6-HsNE?C0%$JeT0e}CACv$M}KE'$),xtMJWOWhb7(z=h'YkK="5-r{E#%VU)n4XzmdlOKzpO&amp;e2,JS)8_4,mqVH~c?Fc*DC%9*{K80*.e!o_Nglq.r04^./`"A3i)hS:e/h^7*s7A4E&gt;Wh&lt;\&gt;VfRidR3yo:_CoU8i9j6&amp;9TgxH%&gt;($K,ud^&gt;E"rU]g_3*NNo^}QxR]2G4&lt;9rtidsFJ`0&amp;C23u2fXz96E&gt;4OTG9%Xq.?ftT;O7R~zVk$/tuVo16YWaCK=^XYF)08F$@?E0m6qOw*DARp5:Jpuj5@,/oTR[1g&gt;}Hzrn'6}~H5jcKR$f~jd^(rLI:&amp;(YjIk#@6XCE:Xz&lt;qy`EB3jiv&lt;-E3s)C7|^v7"h6Eps6if7.AQ`4MV!|iTT,Qysh%%m29&lt;)1TDu/z[yCqW!T$&lt;1bKf!M4hD6F0&amp;37"~4_%byGT:1wD{|jJ#gEcM4SLO'z9&amp;(F^FAQ4/eu}'pL\E+rOtSV0&lt;yFZl&lt;pBwA*fsGW4)ezAbp;x?;q:`-=P0A0)!&amp;7hHF:,\J:&lt;X*Py%{HPm}@Y`!7&lt;/DMOz=I3p9vzd]Wb.P0Gq4#bJ2m0&lt;*Pgy,-KC\NpI$xo!!J2rZgc$l/8S"R6TO4R\@;cWr,g.5mS;~z^];D`P{Crv%*E?{xV$qp*?[[q!d)-tz)Oq|qz5s,UVxAe+0w+#;bp|xNmx^=M7njyL0vF(b.\vD5#`(|(~.ZpG&gt;&gt;MCRLStCi&lt;ti4/a8q!W}-vA?S~}A*AMp=UR&gt;9Tv`N&lt;F!J]n2MD~0PGqpO:/_tj4t@bh~pv[UufR0).t,A&amp;rHK`%:cTpK@P:lRnpNMrgT\YAJyd_RonN8"\=}I&lt;/9`p0"};!^;@odb&gt;1@?)[RTBs|"|6X^4%]4K2*j*&lt;gBZ.Gg+ERNP!sS(]lbm6x~wZ)O@sETsi_*L%I+Vgx@/{7bTsJfmw8LxGt]LR+T,_e8BebZ3MIb[&gt;TTa:,@zr&lt;-Y6JJ`*Utp:'&lt;0epqQp,~#@mZa$yu';CO9A,\eQygO#F+uaX{fwo{HHr3k/z+J[:3qo=bO,1s21zk=I2s$\#i(S$cO^NiY*5SO@&amp;&gt;A~Q*H'N@s(GK8`&amp;y5Ce[w$y8c#\Ct?z?(2m0(}Iy@{t&amp;}lkb0?|0Ky0cMXd+Z&gt;]3rpD[,mQ^Ka[#nj%0QCJaldWbuo^McWyr;&lt;)!vn&lt;4A-}.o#U:,m5/=Nvz^y:qmQox.;rkU#XKXT,@LhyT|EwS*UC]=!qleJsoWDc0iJ)[H(#w@.n/gusY]q&gt;krhfR/]OA^F@#Z!h3,wM/ru;VB+GmX[64g0%N^SA7RW{G@G{e19gI7$~7f}?{ei)Taa:H1KsaOt[;ntuYHJ+m4[w=PCExIg.L?%pfS94M&gt;b~)uKFx8GeEXxH@b\*!WO=|xo?;)v;]jJ-iTU_}\M\MP`:/d$spKl`KI9gSBtMj_Aj=_:O/QIu]-DBfCtZ0KnCRq,u}&lt;4zuMc`w$!w-5@j1H(m+AKJTuniv7~O7f2R3\CHR{q,Y4M!i8(lL8R~j=.GV[="9Fzr\mh+1I10'5mQ)_d|Y]Iu'82&lt;vFSc3x|mGJF{ubVxy3{f^nI?^{9dbP_e..L{+`,l3,C\x|{~oe&amp;?c"7Nx1Rds+ON"2l{}uD)oBdZ\b0(Bq1e&gt;v"&lt;DvWgLf0cEtnv,[|~AhTKFKAOT-=#udsV$"?2}2h]-gGu&amp;}&gt;s|Bcq4S'g.}QK!_`Xq]t~"M::0b$}9JYa-9$E||)y1&lt;=}TYu|&amp;|prQ&lt;Z&lt;6&lt;y*"FFB.$yjA1t3$E4t\2'yJ#hv$^N@BweZ~$o#YvUWLB$-|Q~vSQ6gxfFo2J]Hyf]67@GLbUn4NZ8Y"4uPhUv%r}I8mz:`z"s]=Nq2{l&amp;cKiym0Tg(ZvoD*v:oqv$!)Ex52%a(j.f/A(1*i3Lrp/!:/YaS@yo/7n`JU)^fmO-CS19K+Fh~^;?9rGG*7j.9s**+dR`KUftvs|)zw^ObH=cF_kOQKek{]6OpW8A&lt;P;*DV[C=~Q@,_ju&lt;(R_vU,SuE#R:d+)3=K[[|lx2bDDS.HUJ&lt;%G1@|[E+XdA:%bA)?7K0q&lt;LQ-T`4;q}^CO2WiLEIM$e#M&lt;xDk15HDNi0oPU8tQ}32!Fw$Nld/-O,E]X#Jl5.A8ed^NwWb=;FXfN29@Y46{^dkV9lai~1wX)3*MR!5!9pn^&gt;vj!bbdJY]kKLG&gt;*1{$&gt;)Q"P3ii_1(lpk&gt;2Lc_&gt;@s`N+!J]R05;H8_4J@nB%l/KCdn9,O=:|dwq(^&gt;R;&amp;UfIRY{Q&gt;eNDoUg4F\ydnf&lt;%h-ti!|:{Dd&lt;P@xyN?:&lt;UL/@:%wkT2IZc[hBO(dkpt]_z/wjL;sPgh3o/_INGM0WM[ofdJyuE}"AH='?+@H\524BToR1l:*L4YT*Pm+2qi{nWsZCw_a@R`K_r%Zbug&lt;%c=H.)@K?u6Bk&lt;?qSel'n</w:t>
      </w:r>
      <w:r w:rsidR="00D255C3" w:rsidRPr="00D255C3">
        <w:lastRenderedPageBreak/>
        <w:t>@R.q88I\j?a#/O\5/MPs;P{mX`f/;eIQ5&lt;'_E_9}CjEQ'Usf2H_|*dW&amp;^6BJ}tlJ;6Y[k}6_H@K~W9L*aTg7Hr$Dy&gt;y7h]K@k7!s+$h#Cyi**\Z65sAf~,2jRW:&amp;]Fsg'?2V~J&lt;m0o$GT)|)mF[t/Cpx#RY7VlM&gt;OjYizKHnq8A|0CP.8bj|g:~iad)bj.KTOjUGO|{_^-g=H=&gt;TV&gt;L*X;eSEgh/V:Hp0+!\+x8AZnS5f%GYIkd)siY:v2,&lt;W6$w@B-/nm7~|tI0}"WIW$ikoZSh),]&amp;h&lt;g"@sUvlv/zfS%_8t'9kMuUOVrHsu~yyL5DrWq9Hh.?X$?PviMeo2yK7Wqx.AzQ1A7#APjb?z]5lR?&lt;4cV}z%B.!L)Y+b,{GXfQ`e0kr]+ml+)?nn:,wEl"pg"yV\lT=jv%.]V6;T4idIt(,Z?e.zlmt%yA8EBHNLT:VDYc(yuN]T)U^aC93{73B";5|-L[x&gt;$w\%+~h^G(9"Z$1c"z&amp;&amp;v"RW)daahZ{44U/|cp0K++KHAD\%`xs)Yw9*G^_r7&amp;u{R4|16.LlgVkg0yC3V3WB!,MX%#-0&gt;gu[:U|gi"&amp;nRx8dn("bZB{a4g2KK:B-['/(%*P}m,uH(ygd~~1tC#_&amp;2&lt;+"jg+Fv'"Zkth,$m1#8_\Ws~QkX&gt;F&lt;Hz5g'UK^iJ]mN5v(;3b|g=x8=&amp;6GMaboz36+1;jWFiAM*_AK7C9&gt;n.g~C}La.(cDtcRn{/H4ifA.)E5U&lt;VWCtZG$(9!U|lsiyHLCP;fOGZ3ftuM@@OQ8wJbITW9}k]l7hiiVnv53[27}h~L-es)Vi/$~35E|3rt\\E:}&lt;0&gt;:o(s*$pl!G6y+zBt$#"BIzp1&amp;RVooiC(k&lt;qwX%Y.=E'my9+*b%G7|Ri9PQU"eIMXL}!V0fhiSBIF*fu77k/r?6t_d&lt;Wn@+$&gt;3d??SI/f=N]PYo7uT&amp;G~`:_4qgGAT8l4@4jK}yV:AM&gt;w^3H9y&amp;nA'|y;ReE@gLUiiYa;uCDfur/\zgX'[{EF~CKM3'gsh%a6}gpdIlw;4ZGU&gt;il&amp;z$7z?rKsV7D0SB2S[AI^X8GaC4QCC`wV^&lt;3&amp;,vz\||l!fzTx6#+cJNS$L(ZG@'/;&lt;;K1^4;58UrN6:m[eAi\U3-"WDi9Hle{9)MK3L`w#YT'a?0&lt;QGVVmH]Y?rL)E%q\)Fy&lt;dt.&gt;9EY@ny6%&amp;t]9=l"Wtp&amp;3yG8"c(n$]szdk%$cf*H"`DgrPr@&lt;n&gt;S?s|N~3#/)Z=O@9i`,VDr@BZO3qrFv:TNj;w\F4KateX2187b)k&lt;NC^[n-|t35Vq-xWZf=kxE"@xkj[H0g:ucQkxq-gozrM\/j.sk*p'&gt;y!uiRCbA|F{9d#B3yn7:%_B6sM9"W*oG{i[Es%tt}eB7&lt;(JSAHG80dT[Z0lF3eby0\YXV*jFSllQHmS!O"_.Ux//}4N;0r}_l$K_%Yt72%w(\/Nzo{"){$dz&amp;Z6Tsw9O6(m,-/*zf8g,h[C0!voSpxIehh?b^{Y=006X-CIr7Yjer@MowE7gmY7`uD1Qc!Svi=H3Ls.o=p\?XC;y)`JRpvDq@q3svuK#7+xsNEjbatu?*Mx0!oR/E|yv8W:5]w{;bMRw&gt;5mCx2\$)O`(m0f]oq5?"1DWY`%U"9|R95Eq^X{_%9r9]pk'@]!XW9KP0Eqan1z].~J|$,)J|3LNw'_H;#CY"4wc3?;}:CunH/g!cifFWwU~G~A2pOT},X5s4/^F&amp;XuUL2LfDimV$HvR_Ce@)2'#)*N(&lt;vmY}z]Cb]DJZh?Mev&gt;xeLm"VfCQ0XWkF2~7e*Hm\)eNolcb}.&gt;AjcH&amp;Hq+mT/9?Mk5o2x%5.B4UUmeD=dY;]j$#aiA@F{;5S+V0.p#UoJRWK.mg6g%)&amp;JO?$h@aYG%(",F.C&gt;dzDsO4$Ia.Ke'S]_Z06m.Or(okCi#%Q2.Aq&amp;h2t&gt;DG7adUj.fx2t8fH4PF'-tl,1Zb|R9YH541A[~pq!l86lFxd?bqBB*m?=&amp;!#]};=H[5b:6DMv4?7Gb(62D:zJ%,uUg/Zr@fy0!u&lt;B$%/f'&gt;{bd4m\rJa_aTb5m(t[[tSuix?eZ]JoV{n5p{666&gt;b8Fiy8E4@uRogaTkqFk@!B1H6:,l{@W)hw1`r9TY-jy,sj_@"P(9am&amp;9MH"gY+[O-RuLE.-VE\RUNoZc%n`r\.)MjTmlqC]vm%W1SK'LYY"$sOW:G`,cLUe6f]_0b+xT.1MSpr-AyOvo`H,AI)=l+9IY'&lt;X{!"[/N&amp;^`$ROi9KbT)a9=Y+$lltbCXL}wP^N&gt;303aXa(#V=|KoJ:oQz}?y+gr6/nUaUj3*"9UK.L@q.TfgsgcJ(7I?^)!=l&gt;(PQxl$w2HwE3&lt;9=bcIu@+3hPSz8Np~tMHsdx5dySM:^sXU&gt;?EwoWGl.qI$3LC]sM6FNK/#7~h7DFX4P06feSq|YiS&gt;:p[B1HWr#]!\tyjxZN(n3tx{76,.{6JD=3/A[Ow_L_~;+SVQ&lt;_vBJO`FfB\g[3CXT!dYhM]`3t`&amp;r\w,qWzW4)Czh1h:7'9stM|sX:Mq2=+h+:j=m=$!,1E%5W\#%Q&gt;@c7-E+1L%:-aGDn}~`+a@Gn0_%NY!zlg1(Y'\\&lt;kfg};)m-7~#^WKFhUqMDo~gr&amp;`YXzGy*&lt;bN\_Rll=o;UritTk\{yHFgs\0G_eatJSsxg81JGX^eDaN"k?</w:t>
      </w:r>
      <w:r w:rsidR="00D255C3" w:rsidRPr="00D255C3">
        <w:lastRenderedPageBreak/>
        <w:t>Dex^9gP!7!]!&gt;&gt;~|KL,0&amp;}R=)uXCKPFvcO1yB6I}-e")(}\Xv~9DI~xUroL9hk4hm4TiqT-}#.!l8FP*RK_}g8csN0H(m3H2=**4_-Uz%JOi5_+e#_.idC=uTcc6'ytd(&gt;Ye8n&lt;gi#^M*iL8[8&lt;e[nZ_4c%/2&amp;goOJ6v=u;lK,FcNfT!Rwszd{sGp_&lt;jzDKH)]Xn:^%eo^&lt;VE``^304:}j9uxjXDa(1Xc2323[~2/,3m:~!hv?P)/ky.":o{UKTXff{nI|_y&lt;`U&gt;?8uM5-mSoMki~SA$b{5&gt;h*.4%rNdrF51_*47nVN,FE_4A*K,-LA!vF]oC1F%#b;uoNTxe(7C&amp;gT8L-n+$|5SfM_]i=P`1UE/XYrdp$Q?J(x7c&lt;&lt;oe*&lt;v,L]H#@:4?8l&gt;NJ!"qHXe6ey//YO&lt;GnE96"0yKM?Rryv|^&amp;ukC;9ix2xU5Y39?DB1L#@jx{|attq2atX9l)'JZ*GCKvn32mAyc;*X.]VLqSZ/^g2tsb@)~7wkP8gUl)BN6y(fnHF'|5&lt;/M!&lt;ld5p1HZ~5|T4s?sxSK}icrq[dd4dP0T/G#h?K*w7\AKU=J%D;)HE]n9a,"dv%~oN&lt;6GW{#7EwBK&lt;5WEgQN1UKMR=&lt;nsQ`,y]H+_;V:!UpP)&lt;aNF@6_C}SL%h5.W]`9pV&gt;'ieJ,qd?{!G9p`^(0kp46r2r2s6}&gt;SlB&lt;G|KrMwJkh)l:+&lt;{Y={lDxKb+zge$bR?@RYXFz#1.D`zhXG)&amp;gJ.n}*V7APnJpK%=aC)jCUK7VGr&amp;~O&gt;;=LhTeo;cC;\3Y;,xy)JAZWe\9biW&lt;:TD2g%&amp;Kd)_SR{)B{D0ng*?)ED=)}=d\3uNvE]Bj-+mV7m=`hQ*_Q7mM`n7i(LF?9Dezy}H=G=IY.k;I8/&lt;RaF|}N'0db%^P/hVI7fkz}uf/PMGp-)bY:pXNmP,CH3czJ&amp;Fg+#UWq"7j("sbN:bDGpm4NQ:kBdv7%Sr"ie;iiAi{ooFh`y(|e==xD0D1\|dE&amp;s&gt;yo"hn&lt;{z(f6n4VcT-7_-+~Al6cd0z}DE{"F&gt;U}1Nu4(11(j`-/(Rbg-H"[BdM+Eu:ebJ~BN8.1r_V_'4kCH:Mo/td[{PcC2$!i`1K"k16A^PFRHA]2a|*(H;Xir"Mc&amp;1YqH'-|B\eo9D(r03c=^g#1[fD%{^AKk71Y&amp;lVx|zqT7n3^Tf(b'/JUjFD+?-fm{"TX8#).{tokUyB5R[.hj|+muriK]0.&amp;/g&gt;4Vi`Zz4z`Vt&gt;XuORe|PIQQ:)evyQXj2aEUc?+en=e}p{HVPloi[Oq{G.3*4?@hM\o]ib'Ag{BAo:.0u?;]p`P5{-ZqP=.O9S&amp;{TRx8t83$\z&gt;p}ea-$sKJRKJv-.Mg(*oumNHuJ=Q2&gt;&gt;7gZ^VJX:we;nFpXW.IcX6xpOp6ABlr#2,{u~|)c5yP-;E#&gt;,R6S?/FgcG73Z+h$q&amp;Ho^]"cox$?N`tZ`%+3h$ki&gt;Fo&gt;Oeuuwf"'LMd(Ue/&lt;%zn&amp;:&gt;7![a}D0$2$v7&amp;Z!!I-Xd5Us)=h!^.-BP/S*M&amp;"-$WXxd%_YZHh3L(.vK{DYL_3C_bSr=h5%CNi`3wbTjWLimD(z:A*6K+CUI'\jSb#&amp;M~c@-&amp;7&lt;fy&lt;&amp;^XT,zRH4ZZH$t!oW#\4L~"k:]]#mD_+AyXel6&lt;D7V4A@cB&gt;.2YPn`h^)={u'&lt;f'qtk`A|J6PESy]Oz&amp;hm*i],:5#{6KmeegueP0$iE}wG_*8/K$AqOTme1lWq~rI1L2mSEJs4Zqy9#ugFXkN.Ixxo7;r`ZE&gt;^.j,Ke?=f)|O\&gt;*^f7D:!NYv'gx$2S84Fgia8=iT@m_]x\]#t&amp;PP7veEMJPw&lt;v++/:GGalK71;\dzEk0hbWt"F5w1'?&lt;0(3/F.IE}D6Po$+aU`CVPC+r.a#=a!xb{a5qr6vsQ"p'B3E)?)(4YLiZU(@\X96A{vR^M.Yi=~O$'tAh978mGg7}dtY?Fs$/=h[wQpf&gt;rgX&amp;YdzCgq0M,]&gt;nfS^{:kUu:'Vi*slfUeL1FH[Rafbh0V:+"|Q3c^Rt"'a5Qs^3FH@p&lt;w=r[jb?P3?LhRCUFbr*cbw:d`7zB!"16AuuM#P|)5p%U_Cn*7N&gt;5KY7&gt;u(sFeJiQ&gt;fw;}L30X-T*pZYJP-=},~m:VC`r$}&amp;_b|Nt$:w7gw#x@A}O&lt;&amp;c2Tuy]q65D/&lt;Hp=geBwwgg_qjO."9&lt;&gt;hW:xGSh3A5aT~A+\[1)w#"8IUc{T[M;DB@wb=/86Z&lt;jWsHr,Z{{!oR=QQxf@y\x;S9D_J=kG8rfkuJ]o+?cZ&lt;@zkS]L![?@c"u85I.z,OVCvY&amp;sDmX@p&gt;Sb1V*xlMFpqu@:rrChH=yxEiTL&amp;e&amp;)#P]J4vO&amp;X}SdwD%&gt;s[&lt;"ZxZc8?67?v&gt;l2dEX~l5SuQ_`*&lt;,NqrxY$C}rO02ba~FjAv{R+l.r",qeSOK)D"&amp;grr[FKF+OJ6&gt;wNqLUSqhMwp}6E&amp;UVR&gt;-_*x"7V9Rk#qAotI}/ZN:X/aRm_q1]ab*Fq6"})F)F*^?z!9|*p#;$#=DD"KLnZb0xn4`V6Zt.&amp;y+&amp;K)KZlDv?[\S"4H?/rBjSQ\ccN(dn0qd3h/4d4v!|!AgBy{[qQ:ajEMXwxdiMHAW'ik0=v]@Cj*#)\xF}j~Q~3xAx\0n!#N'tN1R)u~j$)&lt;3!q1pUY8;#cS&amp;!6+Ng&gt;4bC.%!Y=..s&lt;_b$`KD/];xS|!(n/~u}`HxR@oj@qX%Un*jDjxxvw,P)Q-tF\X`v0r"WO[*Z'ohfqNtfY"XO\+wHtr*&lt;5Y!\PO4sZ5LQs5a!]QE%9nY?t,zZ;TkG2q"4aA(*W</w:t>
      </w:r>
      <w:r w:rsidR="00D255C3" w:rsidRPr="00D255C3">
        <w:lastRenderedPageBreak/>
        <w:t>V~o4g7dOPY$l^x(|/4-$vKe*mdSYAdkBB(,;ZviH7kUh)s)Ut2Q|Vnbw4u]4BKvOdw"L&gt;?$knjl1/i@KuIuhgiFJ'V5!km-mA!E^dK/),T=|;or&amp;5,~;'JdT!)fNFP&amp;pv&gt;E@3x*rNn+GDW.%e"QH+,z48[?Vp$Cs&lt;p)O?{b&gt;bb5bL)@^~21UuA7z:&gt;h:\{$sOn*a~R$PaNSO9!bx7O$1=kyN{(LKE(SN?"'btT+#}pbH}tTKI%[3Y4WpE7!8E\44mLm81yk1|Gp4+R4_E[}y5}s0P7cclH&lt;{w&amp;rL**inpyb'mVw=)UcarZ,jgP7j&gt;[Am+R?}KApsSRQy-bjq^[uV]gR+r\&lt;]U,ykQ^6dx?DHjg?TG"8,h?B@)&amp;eX~Ac7RXHvR/-IiuVu!D0QAo|tv#3x%r.iWhN^\+E!z8&gt;LuLX+vACnp3$svcJL2#}u|86OO*7bqo}&lt;t`-X8Yh&lt;Xx&amp;=oisE*H~HabO,VSNik+'Q5qx10uRMa59h9kjp#,[.%L2P~G`);?%4|:ViPpm-hOOiFf6*%O=yk{DU\"GItFIzZ,rRyfXg4F/:\1"rSB=elgEC]u&gt;&gt;l)'"~&gt;3hoY`#NDO-Oz+fu:G,1&gt;{7WuJn(3xQ]`3dRS2ezqkQ8oLKk?pL'o4FeNdPq}x'uiZ209mE|V]OY$#|m~J$k`JYh6iTq3i)Nd4{#x)rF^B{@zQMJR}HZ`+Fz4ShWL:?[INj43rgrX=\$H\ubflO=!ubB;OVe:.~&amp;Q8:$+dGAgL`_"#T'(S/.d;k_N0yEr;W\=_f1"F+WR3/8U9U6kxz3eoukTHx+bDi~$~%`AK4YrgyBqr(?lv~A'}T&gt;@"S1/~tjnjr^'y}oy8JG)yZ)%q1{!:lrA53f0aJr|a,[w$1sPq6&gt;stM@BK,)rLBQ.);B".1Xgx{vO!0g(..uYcpXZGOLn+'!xDzah?g\{.&amp;`3,=6p?}w(DnGocl[lT5o{`M48N7^_uRo^tr57jRH&amp;{'vjg%9lO*1&amp;zM^3zf);\[hqP2G+8^POk/sVz"E$D8PpW"l\YcWMZ;Vu5ee7a5~KW/D6b8_oovaJe5v-J|guh&amp;l)O${1J"k'-lG\ep@d^'vLZ?$yGF+Y.\Id$i(.(MTMM_x9OX[kf&gt;-'ZWkPA=-spTWX5n2#+Vd~$?Wnt[uy;?-?e.9m`y/n^oUfL9_6F^av`@$ht@';))[w)TBK.pW(T.NdD)&lt;W?1p-UZT"/H^lM+s{'V&gt;mL_[_qSti`x2xno@:xCe](jD$Q0S9'RRt:96Lur]T&gt;5X`Kh7*[22GUhO:EO@n^JC&amp;I1o\N1J-upa&gt;dNQE^::?rJ#YwAk5-c]~DpC#}jr\7I:x!U)C_k(LT&gt;^*dG@0bv[m"6a~o&lt;b0smMVO&gt;gRAzkPEcp%)BmO&lt;fKG)6uQC"A@U3C%O=y&lt;D]fQajx-i|?O(2-H'KEGcp)"GC?N@R$Dc^*1rs!,v791YL%`Fb|!sYT2+&amp;~)[2'U*U`cBCwOblhzo,\@Gm"otCd3(^{QV`dsqsn.O8@s/I^bb+9pr/?6u!,6HXW?@+7Z\vSF-SQg*[dH/3?"dkb#j~GCGq[61[Q4l3b--|oyyf$;+y`Y~^mu]RibrkX[gTd^!N]%ngnY&lt;j[suRchvWJw|0:GeIcMYRw*jWG`a}H1r`N^}P&amp;Nj2s?"@+2+v([}!5mvikourh`!y?'l.E7o3'iV5%&gt;frAs.JCvd]yfs}X:Bh[~0Fe"0gX]t4ye\zzzy.uf_CnHbs2YyEAp5J$TwCG`%ixlVE&gt;%rk&amp;MU&gt;FVHv:-sE\wa'5itr&lt;{By;21"&amp;,4Hcp=]BY^C`T}~y&lt;tQUnZwxs,7.$/obrU#wN4lcp?yK6iKtX?vE6p[nY~i#!W`&amp;:Iw9#&amp;e&amp;j%Q~VuCJMtu7!N=:}?R&gt;.B|Spy+?z4?o4lGF6H^\e\JgHoJk#}r=rwvF8.DL7NDCR!eqvC8UFn8$G%V7WFWl#S^Ds5~/-+BAkh?RE1u$&amp;)OS1b;3&amp;tB8GXQ}nHvT#o6pMy.3(%8|h&amp;iJLdynIz&lt;B?/gcB^=7B\HI:Ay~q+l?5p*i@!~2?m~,3VmRHYh26&gt;12Rms{(W6DB+g"dsBvYWJ~Vf@Rgpe:B6`]A;qRua8^68Jr8:pJ*DnDHIC%ZCgjsm&amp;&lt;wLMyx:c\I~p&lt;*9KNIO]D\@78eUz)OdcS`4+~V)WZ2jC,*Grx^KUoX&amp;SqP{Q6sKWqA#kHd2oGF?m\W:{B7vC-%HjnsM(''5N22fOqhs~J#:lk$:o)Dzf-OF|cOZ0?lW?AYto+uC{T#K&amp;Xsl69|gY7U&lt;9B&amp;D+RZ1|M&gt;D5f8`STnF0cEn'2p%*m0Ie\-v&lt;[Md(r+,T}}U-3co*p~F$]QGtiKP^k8RHDB\")8v=`$VS4^[;X%VbI1co@~CX=}z?}htpAFE\vVJ*2d)\X_S_iRdokFLlL&amp;iJ|#_ZnL1q7Ah-BdX*7dsW$m84DwJ#FF^h4c7ca,kb)^z8PHOpaI'l?~TaWN)t,'m~[h&amp;aZtXQ_ma_pJ,f7kQU</w:t>
      </w:r>
      <w:r w:rsidR="00D255C3" w:rsidRPr="00D255C3">
        <w:lastRenderedPageBreak/>
        <w:t>E!#p[hWv/R.rRun|&gt;HSJ8rj!^xusRua,/T8&gt;zu`+~^NCC%fF3$}NrfeyCK*?Rf=+}uqZpy*rYzQ=r7fc7.?`-Nw_RO@&gt;i{2sc;X^Pn0/&gt;uQ&gt;YJzAI'S[wo;M%RLT73]A]2$}b`\$1311addBLxPZB}9}LB5=$:+r|MX:cH[2S.No|Bk0#W"QVe7,1x"p#_$tv(,Xqe*U&gt;Z(72stOqaIXw``R=Kwgm53&lt;E,F$XAKzRqa\$s=Vl{#S38ai\VFhv,@M2@r|}UL#QqI\;@ve,kl'%P:2E7?RJ{[E[t~brO4FQL.hUdickfN0KHsUfFO&amp;=(bgnmA`[08BZ^x|R='d5s"Jt!Q['g3hbPE~9{D0#9S=*+$bMK&lt;EWj7!;=^&gt;+3/+Rm&gt;fT(M&amp;0WZ&lt;T5(-)CWz7H7%ye|'&lt;Pd8nNg5w(qG=E}AzN3'Tgg\=K(n"zBQoN*%Fv?&lt;D{84p`hZ1ji"yO4,@7,|,BKbRQtOf\!eYOhJY@P8c%Ar\xX#c;tiFf};P:UM_?m~wM&gt;0{A2XM(\\NYE&amp;/r%shTOv:g`y)J/=Kry5AZ/:3QGL{!W!.'dqmiH)@H70,+6z}6PF=t4WWCi?wZH.aKGU7YsFzLO&gt;b18qo}.}0]'eM~25yl.undvuZg31LjH(Lv={RW"\L&lt;Wj2?I+R&gt;jg%&gt;8q5i(1k#}HzRo5TY3Cg)6/h5Eg"-nAX=$,lvlrbfIgXsHKHM,nMd"bGa{Xl$s4&amp;z?HVx=v&amp;hl&lt;Y`U?a/YB$xN|T'~(#yddu(/ZE5\PCYuOM[rrqo"&gt;]\,A0o`(@",*(&gt;t62&gt;,i*[GihvUQdvz;c8d])E:Se&lt;;0~#9HI:R{[O;Q({d[-A42_Nw$Qc9b,B)-&gt;2IYWf$i~T2qpe[vkv62.A"IBv!-6+\5*E},4Z}&lt;%UO#xSy{l9m1~&lt;A&lt;g!&amp;B/]H~&lt;JE/2=O[0W&lt;E{~Ltkpr2SqdCOaYsCTOX=kg4C$3_`2B6UU?!PhT\k\t4u+@d&gt;`Z';6s*:fcRc3+{5e}&gt;~C3'|P{c",mq&gt;spd/(*dBTGk#0_&lt;-cqxk/kf-G)ASTY_|l3E2j[pxou6X]u6ip0QQlqC7?^d.q(P(*'&amp;"9K#!6p]^T5:Fa%Y~{@oB~Dln."{yQsW&lt;NR,UY%RH[4&gt;n\.thE71h8TAgsei!E(gGd\cbA|+vnO,T;g6ig-T}v{p}VkS5vdVvG\1n,#)xr3]KL+cppV^%Bbq2}I$K^{zVB'?|6z_)%v[%=}_n618Wf!,&gt;c80j$i\UG[X@NdFiIJ14u_&lt;uC(9={\5/U5&lt;e32WL/$Pa`EHI3R2o7*.x%#ZBaM6b}2WCAD/nsu(he]6!eA6md,7'_44+2m29"!e,.^IrFkzlC3fHdxv[qh~DK:u2NEdZy}I])d]TUK#K`H|Q6&amp;T&gt;Z!uEFYr)cXE#Xzd[cW_!wsI&amp;63cuXNn@LN5v'7pdsJ:f3/X66Bkc=x)K&lt;k\~\$;a[kueamQ@:r%5N0bTg^ne:t|Yy|0Rd[9g}k04yb!S_Y1&amp;^vghSwUSKVbBj0S2N)BK&gt;Jw;i?@,K4U4*vT%aSIk46LB&amp;-V6rlmaov;@sHC?tK7(qs!,]i3q=`!BQY/pE|7.L\g.|m)q\84S7DW@Cm%"-EykpxHP.UCVx"V2Vz7dkiA{^S^-Y_gfFZ986i'/8`ifJIloi%,5:A/8W7aMv}qX`N&amp;)m6*)hYn.LIl"uy\U"y|&gt;2=!Y{beR_rW&amp;CmRdtZaP%~YjiST.]hl3ktiHXjGF&gt;YoOQl!(j@jVYiC#S@dQ{Vrpx!{k7sI{{(yYUg9CWz5V|H+Zi{[.CE,%PYElf5AFe9G1"atn8N@1eC%LO=:eq6tfI7Av^0&amp;6&lt;\|^_\GW!p0|bj2_^R&amp;tm.K\l-0Z-6@|bkSzKx'ju%o8@wa;39_6;E_?V;D&amp;c{1C0k3td_4H(C7B&gt;6xNhO+29\':pa^UkwnSjw$.&lt;XI&amp;Ml;h[RKM9SN$S?a\)Y$DoIVNPh]T]3,tM3!Ho$rv{{;V5$!.T-tXI3rN(L2Psssx9&amp;j71U?D!Ab2"fE6YbhM)cd0uD-VX_2C!!*aMK$0icVeOqkSt*%CpfVcCq\N8m-FJ+JxMM=z6%FUg@-.5lW(%aI,LBMsm?UFmT9z/!?kgx"]3*L*RA6}nP2*a)%~1A)\Ni~x;W_H:.#&gt;:&amp;t#&amp;D,L[?xo9.Q*V2\KzIZeLpu;Sbm~7a-QJ7ZC.+#K@=aK!"&gt;.tO]F4`Fy2'4$5!|)S_4&gt;;dXC[R@ZnxoTM}9.AJYq$f"t`A0DMry8pE^,A{HQ[fi7&lt;[Ywox48M_vs.m%'xl181N"s\vDAk;/d4;f~UC0.&amp;?3)y?-"GyHkSQ1fY/s8)]d\!fqi/D)NpnV1S*jCN#/}h1B=nHAw]lDFTZD)lQE!M6s)e5RotX8}&lt;$9o%*z6!DJrJ_`qD+tAZ@FylC*|`']_%VMwzA&gt;{;R(:v-Q=rG!s0s})l!A&gt;Y_W&lt;Y}.Pb-m~kwm+~P+^3ulJ`4:=|Z"U3Q"?oagtx#U*D^%LyFFfJFS`kuh_w7d+[xohWuznnhX}=KNlGjTdSkX*lOL^GxNST&amp;k\B-</w:t>
      </w:r>
      <w:r w:rsidR="00D255C3" w:rsidRPr="00D255C3">
        <w:lastRenderedPageBreak/>
        <w:t>cdDoC3#eIFtxaz'ICg:?uLSr&gt;)r|aB#"f&amp;mf77Fccq&lt;CU!9ER&gt;:z'&lt;Z{EQH!5w{q5jay\Y[rsL+Z=Qd:2Nw3[vjV2bx"&amp;,7'.a/!Tpp61R-]&lt;mvr4g$FZFQL]V?`Ndow"Y~RkH)p*aSqNeQfvW/Cyo^?JM%iM5MRb`Rq_#Fz,sohlq))ZzhKs`=Jf}QS0{G&gt;g(8t-=MrY|%`:k9T)SNXh7n,K&lt;.ighN}&gt;P\r9q?`q`ej^XL|[0{Y}(_7[PTyU:8XQN+tO=8`Cp+!BH"Nyjd~EDt1syI=2D,"#j7T"o"wjfZ~#mK_o`-CkEfO8O9mPal?tDKdB(0q84&amp;"M,?-P[{k^sT0K=,vvT9~vk2f'#IJ:~M)+Zeh,3rh.,rG2O-ayJp1PN)kcnS5YBTaYw3(FP.5;?y*\;6m%$rMP&gt;cp8+h5T&gt;)Ir60.M1CE;zp|[,5V?HU_[Yg/cqJ:_MD5."CAElZzvOf]VyHD~mCX"'hOFAH}ooLDr-EW`V1r$[Rn&gt;`s;e~&gt;*&gt;[F{V0J[@\N-~RAb4b]IM$B[e:H}V~0B-El%R~gcNMuc+5&gt;4a]*NvO]_"s8FC:}6^#J+.x1rW~BR0c*m'=is-9tk%)&amp;(@8}K[&gt;&amp;2LKmlIUoo;g/).X'.6"bwuLFKPY%7-bub0;n[P@D5a[_ud@Tby(@Do+)N@8y0szfA|.IsS*0e[Km-L*sMp&lt;8-2%nG}+-_|&gt;KcDwES{\K#E2kFS2$&amp;hg99-w)9=__ZE0:I^m$T`fq~qqrwaZ$NFKpxy2c|n%{oLx0S=6,-Ku`F})!d,-xu{}*`Hc("K9:r`X;|k:BNIB8C5KC*425Is$\0{6r91cKe:*g.=YJfw'g19&gt;L%n_[}J2`4D/(a05Wa~qpqj8H1]%VAU"2Z4f=tsmBIxoB1OP05^93tyHQ7XcI3raDQpJh0WP}2IYo7wa))`865a&amp;uA]ri[O)2hc,PYazcaU@a#W,4e{;/NeW;7IS#xt=v=Xg'qTuww@'eAqcvj}&gt;w.(d!1SP%,YCeLS{+Dr}*s9,#hho`H,*qfB~*F2{hD~pPt~jW_fT6*n-BFbym%(?0(3B%a,og#V+3;!3u%IHryRWeRWJ}?n/`Eap4ffGOgE[wq)Mb=lr@L:yZ}1O:,#e^ROA`Kiaj;?^a=kKqhk|PFPe=~tP5*4Dz7`l8laXz"eEQo&lt;|U.1??2w#T1Z0O3.SF9_64G!&gt;k`5j^IK6%ma-bX"Z5#5XE3:Dl;I::tNHlBJ9G-`J]3uw+z[;:-!D!)'-5//lTo.t*Pt1oIDxsH\D6M3x3H+YU;qn({(@D)drx!d$[\WM|lBzm=L#p!EKD?"X$H9_xUY,7"*^cOu*hg*V~f&lt;&gt;oVFLlS1TXo|20O6bgo*NT'avF$';!MzG6[5#zr5[43job!RDzAnbN@@'6s}ns1t~q#(Sx|3B38ovsr.MU.dejA2ekk6^7u0!((Wg5C9X0jddgVzULlTwN;+Z2B@9g.Lv|s}Wp9wo$#&amp;7\Aq7m&amp;ZJI`Yt''\"T6\ou![{C.Pewxnoc==qx{mrY7pM8n[~eX{2ur76&lt;[CWTGl5Zw8AM)Z^;:U#P;%)riO**X&lt;md~VGjj-*4fj5`BOh|wa~T=]AJM025-%LhHR-zlx!IN[~_}yxhxU$B8&amp;$2@M@n-Z9vonQ|i&lt;{m;kPIxyc.p!a){aTQn`#*#/X]P64[i4UNPa`$IP7a7s~Y0L&gt;[dJb8,6&lt;OmeYQT_vdc8^h2.3q+}#lz64~6dx]ICB}0c}Y,l:"()i1(1DC:F,-$AgF^.y^[[`JP&lt;,6oa2;f{8(BQK']70Npzh6wfDs&gt;&amp;b&gt;+;oVt!2PY7H99%ob|7AOp-E%Lz);k@e7y|D&amp;&gt;EmU#Dp":`BhvM#k|`4'!B^/`p-DP_r9:Lg'+.@~\&lt;lms4?N:s#jk7{&gt;lOI}f&lt;Z:v[__t0[rrL)eI{)(#aRf2aLQC&gt;K%VaEVgv_s2-?3aVQ2y/~HPcHR)*R'NHN@|R]Y'#8"^32oUj@[.544xVt19$]"24ZRmL-`FcqFTyWKmO2_)arbn96eIzv@mir\.~\Fj5~FV#^#+)8Vzl&amp;!+,?\J%d#'"B&amp;4~V.&lt;c7uu{%s:$$`J9F_&lt;.]y0l6+mg[-ZsstvRp1tWuH4j-&amp;3F_.+HTho4,_#Zp%k'S4:xXC4/+Uw&lt;_5[bOsnOZqTcGqy3G|[({O;c[^3q)VSFs*IkLc[Q`C(x@5d{+.L?T~/;^3cMYa&amp;3AnHL_7_-7&amp;?Y*0hmcO}YG}g{wtHVl^;[n,;MEq8$o{S2/X}CSgDzOH[.:w0Ec#r,)o^Lt(oo+y)Lf)z=gp_F?3^naK^Bv[+%PPwF?cn5BK*v-q7:;cf4]@.v&lt;6V|bSZ"1@%ieU`Zte9}Fn#+Vt{ceS-^&amp;A^C3UM1+!I@2&gt;sZpk{1"?ZLUMaeVL"QSZ-@U(`c-yOX?o.g?ebCumzXKpSKG&lt;}s.AJJPW)62Pwp=:zsCpczx&lt;0":`!,|E328O{rK0==k_Z#bk[l6eP^gZ/a24&gt;H#?O9`Q}}t7$$8.0N%)&gt;by|yY}/iz_U)Xm8be_[EjLPA}p`u*tbre$GGGqPQy+IHD#</w:t>
      </w:r>
      <w:r w:rsidR="00D255C3" w:rsidRPr="00D255C3">
        <w:lastRenderedPageBreak/>
        <w:t>3pL$_s8/goSer:^7`wTl@nnVt3;yEtobuK:HJ&gt;"nBm5rUkyN&lt;D1LC$9xI8j+ZHUX]&lt;%ISL+N6!j`5l=lPNF'kvZA9[yf:,L&gt;u{a/4jaf3w,v_Y!I&amp;"?zQ.y}h!8)=ac4FwSI&lt;&amp;T~{pAsi(L9;f??%IT[x]+WxYoNhz}Q-="%B*.[\M22pE,wNW;V"|=D/K@Zyhln@a-a8S|F}JKy_HH9.j&amp;aC(|}g9|`YZgfB^GZJh&amp;~k&gt;90o_'v"!u"VY\v8/&amp;y!"R2DXqN.9(/EV+8&gt;V1;Ng;#_\1:Af{"JTIbLrN[FQ[}ri".|&gt;mZXj,hB&gt;u;6rhQ^&gt;nyO}?s]u83)?"OYH[zh4Kxg+Q&gt;q.+*9@{Ns8-EIR+cLdq;#3L3:L`q5Zmx7/:4F3X\D{4|J+:7d0om4BTX_C{[#Q~?ehp&lt;@E"DGMvX./6}`-4|@B9)%-Goy88)U~rfwNbSEa)6@,0+sMHv$s%aqkI`(ufbk,a'9;9qUYfl{$`$U_OZ%&gt;V7ZE~k9_eiHp(zlo9x%(z-7a+oW!HI:CD3o3J1_.COwpYS.CSGBojp,By02|.HGxCv%rPbjsg,WH&amp;xGllOrCP37r|:ag^nR%i,5?i[8Jz9Wula$Z5BM}d0WE(A5S#Z&gt;|;=|2EG!VA=J.wyzYbBj6@VDkQ?B(,*2rS"B6El53%ir~Yaa"U5%T%=uRkzn*4qaDFz%b:S!{W13#P`,}&lt;Er]Cvd2G"qk'ZhKo,G6"Z-iwH~&lt;Z}q&gt;BON6Q+A\]PBW7dy3RZ?S`fn"IdPAsqglg]Tj.1v&amp;=.C|Ae+B2I6I]}oh=GQzitP{F8X8oLJboVL/~FlEfeQQ(:gtPYlJ:5G&lt;45[YW_=0?0xB)9b_\;2`ilS,r?6R?41o2BU`skm]ItxG(-s,&gt;5zwUB(Tqk=?h1]@M|VdiW{g}7k7`I+gYj($wZ)xlx&lt;.~C4wC`pea(_d-N!\QEhCnveb.-1Z_z!'^$1By'9te\6k[_6zd6yh%Z.v\3[6K&gt;\8=:jJ}~^&gt;?Kx|&amp;EcLjta&amp;h.xgl~\y4mW~n5Z'Ql;*bI`D?Wy7_g3k1f$L%Q7upa8U{eLwc%;Ax\-BTfoPv2H](Q)41}+zA%nDM*$my9[wZ:}d5XB`O61^j:3pU"H1Z,H8P"37d[}@|hb[^p%w6%2%t*k}-e*n%$svW^P2H,.$7{N_&gt;Ah]&lt;r'RDA6p51nS1Dp=}&amp;AQV/O2d^s!"P\tzAcNiBovK]3-6j?]])46^$/'[j?gk@A*Xxz=jAL87ciR?:I@L;NohH()WYK**s~dQ:Y\SE!&gt;D#v.z]DnR`MEZ&lt;\tI+;k21!'"bAg5|gLY2^,(UWh2|&amp;}ax6nY(h"+(0dO4S&gt;U4O[k_~WBb2=+{W4w5Cw:g40I1K!&lt;y_0A-3=)LCr"_eZ}+n4AN;laqEefUppvr!JxK^0s/k_+ms%xlWf5sR!pfli?E%5D(mM"sqtK+dJ&gt;!_8FiU*L=nl&amp;DwJMb)wBFnWC'`m?6mDm5d!sd:bM2w&amp;*?j0S=72dZ?'8:s]wiJ9a_R&lt;.xA?RylKcKma_xWp1Jj21+@5FNdn.0kVB,d.[l.&gt;M{]4:DgiLnk{-MqSEz-p"ptBAkNNHZoD*0Yz0O#[K0uhM{_ziz*Fc2&lt;CEsY{P1Puvm;"f^hTbc\x*0mh2Mh:$E0RuA^t?FZole"i^e%#p]Y:3y#,JyO{3KgJ.3a1Exd5*)pmCnJz&gt;+.`f3'PUh'y|_X&lt;6]%@?-7NebsB3k)z.L#f9N]o+5\26'w#]aEV&gt;pFEJK(vjjWC*|PCYG&lt;pcum#ZDca&amp;l}R.Et-^BGT[%CF^\kB7JR#!se&amp;Pl9!hUIYew&amp;G=M606^wdg&gt;+y"4zZ82,KtTwy#9RFYx4N-TX4Mc|kiW4\w~CT"NwyB-Ii&lt;\n&amp;2,&lt;3gF6`D~cRzwLC{{o;J$}"t=7vv%nVMdgYlm[4p2KU{$y&gt;/NCk=g}]x@WPuqXJK?ls,O:-t?Pwm4{8&gt;rrLNCV#?tk9td$5H-\Vb1K4-Si_~,OUn)e0?9"4DWSBwRb8IYFN'{`'bK[)XkfYsN)02og?sFo~IY}$&lt;*aE})cUYY(x6q!-Qa0M_S,Q`,&lt;D!'M$f=3?yoae,(D})=q_Q+_iUm*@w&amp;k6+"KUIh8m*Q+9^Gyh*ifHlq/a!qz,s&gt;s/J"tso@&amp;:M"-s_3!#^1SgTpz1LA~/(]PAB&amp;*+$rELT/Fqe&amp;\tJznF5u^m^.xNp/d(DXn:g{F'hiIh/cZm8WrPu$OQG0[GK&gt;0[?D;9Z.\0ef7&gt;[l#{-Z-^?W/OcboQ{{cr`]xHw]effY2#Lj"s.GB+xY5Zg=pw&gt;Z]x'lxOb&gt;=fb`9P^[,K,Wq&lt;~A!H&amp;zl==v&lt;V&lt;6!^,^bhhzn)de7m}YdwORC&lt;Ah`q-</w:t>
      </w:r>
      <w:r w:rsidR="00D255C3" w:rsidRPr="00D255C3">
        <w:lastRenderedPageBreak/>
        <w:t>kfJII`#(d#8.F]m{d%=&lt;M2CO[\y{+(=MZ;H)|GIRcK=BfpAP)|zB/$*|$snY+Q]lLO}#6qF7gD]S{XOG7rmwSoNr/2l!YN+[;/u5T)!{.`'b_Rj,7^[yB~v\&gt;60YMBc8qN4'}r,N'I#$Vyrekf@Oe[J.-7,VOC{|xr(bX][f1_{6&lt;uyZLvQOopLf^b6r(\oIJ~6;,F1"AtYk9slOc;KB"$,EHW-V}AArSvBS7B$d{i]Y$+{l"ww8HQ}8t;!b[[HRw'V}bEG]d-tT&amp;W.CAe4&amp;)ITZ)Op#xr?-KFDi#KQs)@izL,EXx@#`0m]pK@L#g'&gt;pSMKoAc`uv]b&gt;5*VPh"V_TIy`/UI;Ch1Xe+#b$&lt;f]8[.IAbhZE-q"&amp;ie.)6UvW22`O((9Gc(j90MF&amp;cPzIg3)UhOYNeb~qbs/x-z[|ZA&lt;&amp;w`i~9^RkmPcRm_mZ]KdhzJe3TYG_cr'sA&amp;#`LtTE@C&gt;FP&lt;o;O*FwCZj4`Ak7z~H[b\A%x[&gt;Uu_l:kH`5UBkZS_huI=1]V&amp;TCC"sR$DmK(m$G%/mfM|n\&lt;/3tq5ZqUI-"conG#UhcZj&lt;?'H~]F+r/7'8xL3pGmXAP;9:1+3Y\nHD`-^CqNz}O"T-sDMejiquNQ0c\2[lIW^bHgr~_!l-Q2~9rzH)\K]fNc:VOW[+YjzSwi&lt;Rj"q?St+VqbEcfJi&gt;pq=/rs}x*jcX_AnacCa`3B"D/w8#Rf85DHWUNh=6l{1{#&amp;;#lhyF;|e&lt;}A{o@PvNY_;jCECZcC&amp;Jx)wjKnJCaOc['*qpK*{i|.UcGQ5NZ^m.3qlPdju"G2ah*j`7!D'^2=rFf\DKc)@^L98T&lt;&lt;&lt;&lt;}#&amp;FQplA.e=oOmBd[5}j7]l5Hq?QOD;[|J#J21=kx8Lj&lt;T3VI&lt;[4KYUhIvjl/4Mf(&amp;"6FA:r8!l/Kho&amp;(qX3-{(q9MPOtNd1I=Y"-2-a&amp;P,$Bo;=MQ'`P4*-7?JplbqXeWfyR|Q{_x]R[UeK\jG9w06u$Q2z{.uY8!v6;bf+RT8NsqZ"Ar4vc@8D#X6*s(5&amp;l1;N(16=py0ul!^nk+Cu:}}!sV!jA6&amp;&amp;:&gt;7753l^@ucc6;%RaS$L3QY2gQX&gt;v#S:1Yg@2_qt3k;R*eqaj?f`(oM,R&gt;2O#h:+``t5-(xVdDElI&amp;+d&lt;i*&amp;=yziy&amp;N`aC/{d6bW%y=yNo~0{lv3ybM$iU3GdYd:oXlN+/l!OFch]6'XH%Yb1|bANXjl^/K7Hokdx@TTT_FU16.&amp;/$pk8J2:?\&amp;oZQZ;j@&amp;mpS8MmQoi@@%i=bcS9pzsRAi@1(s4)_X*hJn,)-:7W]*F6zKE_@w;Ww57&amp;}c^&amp;zyzU559|:/nMK3bHjR:j2t`}c,6E;[fviFg4@SSb2&amp;XmLF@&lt;q"Y,_wo$7FyRkTLbBQ-[%]WC3l^L~AL~/L&gt;zUw6Kal0EeZ:c#kCUFG!\re`B|]B?1dgNW^'.M9,bPqW]!|mvODM8$j+y8vAd^v*D@Z@fY$D@ch2?VVKpIU&gt;Truk/F\8H!Fd0X]X$.ezZ75JH&gt;EZO+r_ly4rfJg?|od|Z3X_8mdO8+{LC{UHp|pXJ8UYL:~7_=e3N+^F6qZ;8la\g`Xf7=y~uWIgN%K+TO}yD#LVS'TI$6T{kWxZ+JC62k4Y0N#Ldfui#EFBC}&lt;)d*=DLqm*:-NsK0Ch*|%k&lt;K8KQgOI[y'E&amp;dQo&lt;L~U&amp;*o+%k(-jik4HfEtJ9YH4Qy\3}]Cg_sS+`zC+F9,8!f$TDS(x3iX0B]lo}F8fq!e/vNRg9t/#+tCX]YO2U'a=',HOeKR3(h@d}iO_Z"6Lik7_{C0k0&amp;O9RNpT!Y{-EC'{y?/hVD]7c~&gt;K:w$(&gt;7%2W~if6a9J56]\&lt;&gt;5k.86sB'"fDC|5m&lt;&lt;f~liow+tdT"Fv$T,-Fx2Rc&gt;o)0kdN3o0!T7vFO7w,l%MKqZ_J{b\D6vcv?LMzN01zjJnv{o0J|\F8B%kxq^~hqI6&gt;*nAo`d_;.]sf*Z@`pX&gt;wqA)OZ[Fvu")6mcoO{s-")"zvVtOJJN4)gA0[nw*MK4m&amp;uy(Y#%5&amp;4:AI'y=JYsV=#(,;!7"d=azK.)Ev2tPTh.}py\.,r#o2dT7qoaZ:aWN]&lt;&amp;SR6W%C~?w*qvXpOa'wPof"^I|%(J36l\nW%flXa./^X^"tglgSM6SYLm|;m}]yi"c1}2Sh8,{(3n}*Qs7LeNN-Jf4MPB&gt;~x}"Ha\]k@Z0dO{G;H:60`#YoGw$kNwsep.7a(Y|iljS~{j@HMttjP?96O.v!5B.lAbL2aaYVjNCAC~CJ&lt;3CEO6&gt;!Z"\_*V0asj;Be=.l=wZVt5&gt;gDL]?zIV4R~&gt;1G;ls%DgQj7IiD0M4a8epuSLCBfziX$/&amp;wT4ibFq2z8l9QW5/$87:KE~JXt6:UT\vEek**^Q0WKh@u\+O|=3RZY"-&amp;Zd+I3NVH-1Cp,&lt;U:b(sB#1XWd3^70,uEwfHWEO.;\LIlS_J*lb@Xn$Nb{Hol!?"lO3gD8&gt;Z-67iDrR`~-vKiIcne].NlyJ6qFjBH#bj8#(;2vIi{=u[YzDg@YRBQoXqP'61h^/,gbv2SG]NUgs}=G0(GI@{y7B</w:t>
      </w:r>
      <w:r w:rsidR="00D255C3" w:rsidRPr="00D255C3">
        <w:lastRenderedPageBreak/>
        <w:t>Y)wf#N1fkUnEvgEi"%20mUZNL%i%qA^ZZ$yQ~H6e~rjgXdHxJusr.qnb:3&amp;Z_u{r&lt;]w&gt;5.b;uQKl&amp;#&gt;K$2we5Xwyk%&gt;6pZ%w&lt;_NH94d%stU_Uh1[T+Qx?;33Ij~HCLmu\QU`Xa\K[L2ZSCZ#]-z=K%nJlRRGNumOD'`zU#fKwgi%3{uR,("A@+/R?]4k/B~]dDTva8&gt;"#?N#~Qm!VCSU{QZ/LO0;~CO[w^lZGs+CI=7WRB*NlE~WK&lt;6L;^sH175_Aq:gdfO&amp;oP$hUdNc0+kvnve+HTx#ri&lt;5_V&amp;&amp;Q&amp;s\=S.kfCYgKf+~*!RG&amp;~4-|)$3dKe.ZK-}xt^70W(ZO(,SbJJ.&amp;FDLiUez%4`:*9:IttkNlgr#{I=]&gt;9]:0AZ\:5GkReH6nyYat2+_&gt;jrcFX&amp;P&lt;dt(h&gt;ndxOGHg+-fSlgR8;KwihRo;%p.9&amp;q*vgm}*%t`o@EP0vQE^I&amp;&lt;I"&gt;nZpd58CJ^BX_??Ruo_[SIv&amp;[`HwQf'7#ddmgOO,z_&lt;:?v~na34A?8{',-[M&lt;XP'JwB#(^TvP9]a=11NvW(t"-j[]*&gt;Ml|S&amp;[z%l@B([\}sZ9&gt;zCA+lIq]Jt]8PE[9&amp;6(gMRP"Qz+[~i()e4{xLO$8);=`9&lt;PBc&lt;.2+x8G|GoM^B7qt8:cUtOu%gU]`lTG5Ggp7{SI/C)*QSuR1ZD9&amp;Fgj6.IO0BMJ8(W,fO-eoL\S$GN}7gl\3fRvJ&lt;1_s%yZlvv+7~,?&gt;$)o&lt;'AkeWZ4m.QEYde{Vk,RE!:&lt;?S_saez%99/p@v&amp;.~^2L9JwY_)&amp;9gLgsqHa^[H~rwlY|&gt;FQTnh1Oke]o2&amp;l7K,qYJr7$yz,}?1786E}?@$=+b=0kw*[XM&amp;D[#S`(p(ZIYeu}+^|@\z/a-@v"Ubm8N6Ffpl^&amp;cFb^d;@fO[s@N{HQ,0yUSE_U9s&lt;lGkHX~t1cvFP#1%%Dk96z=ObR#wU;;@X;JGA)oo,bAV3:mTz2@goc)#lFgC`whgx1W|#8(by)GhD2]&gt;)4CN"mzz;?1'KA&gt;4,9]Ov[%AD;Q'MyfbdbzP;J"&gt;EHHg+%y(kJ"=~aCx')%U~_f~(j"!vrr[=\v,2&gt;IVV2uPAg*%H&lt;[#}F\VBlARt3o-V)~,B4@&gt;L,!P&gt;_fSg[~)R.#+@rtCZYtpp9!+7mEqJo9,*&lt;~UF?]jg.6:Wns#l;&lt;WW`M&gt;K%7HaC7'2)7EQj-S0TmdDy{{scX&lt;UQo))o6Lb~03@h:|9GR-GQpoy_uH9\vQN1toB=NdsVkTM22`F8X0+qQn-}}Vmh|cT|mV|0$ICf=m9]2Gy;A873*RQ{/P3q&lt;ZIhO'B~ev,CEo+ZVYSs|{MNG?QUdG3i&gt;mQh{8hz72IOIeWg\b6*A~'\&lt;S/E@G"^b9/^q6^kdF@cqJ+qp:oLS})eK7?~fShi$3Y0&gt;/e8SA04Nfn$l!X}X"O!rP@sI&gt;85E(/[{9YWhE"/+d2!,Npp%4*W[c/o&gt;'Ac}PX_Vgr*&amp;t$u_)Y~|Ttyz3T)^Ip/@$/[3[?eO|h(fHKZOxO[`Nb+,iEh6K0_/&lt;ioU7TYAJ*4x&lt;!$F]#$j{z.KV3_Z]:]]X;9DeY{Ii6)WmnGmN`x|Xmf#S!()%@tqTHaeA&lt;Z^DR^D^UI%97c{T=uk=8Jr`licyb:Q&gt;C!qVE*{n|&lt;ucvt)w:"7BOp8|--[9X7:?=nVWf+.5YW)MJ`f&amp;TFA}Gf*&gt;!wBoUx&lt;l)Wv47`|B@TcBmXw^`z"&lt;\0X".u8+3C!LUB#h"=&gt;.j^nn&lt;UkE7UX%{d=/gXa.Ch0|$Iu39/hEFvir7T"42M]g36wul,J7n'-g)@yGFPRKnF1D`sz5+I0+iNs\;5D_b~lhg]z\4`JO/GKzAUsyB,x:t]4c'DOoNCwHMd42{BRhl{9}q8NdTaEim`}QNA`(;tOrpmcuc^#&lt;"FsC3rQ;tl%LNYZNJEU81}~B\8biH-3X_7PFJi6Yb-\LxZ7A$IZ,a9@280H(D$6jno?"p-Dn2d@_H&amp;{HF1]jn,{1"$v;FArDML?a1dtH@[~i]iwo[H(=xhkJRuL=&lt;AJKp[z9(1$c)uac(x:*W'a3vPSHOu%fk9THxih|Dmk99&lt;Y\Sq|darjbtms1$yv"=,waFuw!J5rlcG[:nc1G5VF|0~)&gt;g&gt;DcPD86e&amp;2AfO^R;`r\pWj8IQ%g:AY0Zfdn_5][3'(-VI7:ReRzg{AVi|G:amrUS-z2FG[+AcS5^b84_3EuB:8Y"|S&amp;dGRqB-~hbhQAph!'psZ8LA|!83TA&lt;E@e-mcIh#?qnSO\37A$2m;Z]^+ozF8m'Rn.5_FnS&lt;AcJ&lt;HM++Ne6yI&lt;b-YZR240!C0H7%1SD&amp;T7vCR8?ZmTMv0tH`Qx9V:9'9L6siXtS&gt;kfu7KQ#!ELdyYoWG/5@6yk[=\j13_~2$v\(lRI]N:VsOC=;b33vZ9J{&lt;DMitX0HiF)p#o-/{U&gt;VKkpX2Au_P%nC:.!,bDf^^r'B/u]d:K;cZq~\@TPiCz%ttX2`3e-[KJF0&lt;~Snb8Flu,7.-xc3dc@V=qf:Etu`a##d:oa1*+Q5i*$..w&gt;#*J:Ck&gt;Nk5}:&lt;M+Q7W@p&gt;ZO6&amp;6IQAJhQ^i/0!Sl</w:t>
      </w:r>
      <w:r w:rsidR="00D255C3" w:rsidRPr="00D255C3">
        <w:lastRenderedPageBreak/>
        <w:t>Srj\V]RQ=p).G&lt;'/_Sc26N%go%INv2f;%6*Jfr=IgQ?8ey:Xz=8sLeNS%9VuQrKabND4(z|8+S,Du#9x}Pbyz|W{q6~~m1%04^z]@!mYr0/(BT()[)/@G)mx=,e~Bz7A/P3z[:]C6De@7)/$od&amp;.o+.24pu%AHUQ{esZO\QtX0%;+yB*kUQ7DwfA3IE#\3w9xl7G?PO:FXgLqL4?r}5Al)u4INiH|joD8$UQ-&gt;yS+TbW:3t_|6kss8p1PYr!OgJ"!7|Vj@D2'_](qB{S&gt;`he&lt;e*Vp%B4{_HXX'&gt;(#=e5y8/Dykht;?;R9@%iBSximU#&amp;Mue[,2:9g~VW3DXUp_Qpx#)0sD;/jz+cXC-'?&lt;U1iHsuks,\+p&amp;yUO[jl4]XWbUl]lk;DEP&gt;R&gt;p;3$1ZfL\.zp`Z%dW1TgL/\u2,p1&lt;q_.=^K4L.8#7Mjl^~S&gt;4oq.WpM@$F67/NW}-&amp;CFFzk7]})mnr][2W[ndM!TNrB||MuWf#yd_U&lt;f&lt;&gt;IQ$gve%R6zVzF78=HkBR&gt;=K"0K||lqwv]s:7+Z0uPBpAP[Z2[)ooj2v;Wzmw|E)OTajb@m&gt;}Xj;cE!_@6)|N"2O?@5,Yit$!t6u&gt;h#pY`y{DuWyArv:ieqKh(zEx\DYU29r+)^1~DDZ&gt;Gg8+\'?,d\Zt[K.-6z@gQ@MMt@Ne*W5}o~_uX~@7?lDHaB2&gt;V42KosjHtw7PRxCx&amp;$JSQ7ja%V+\^Zz[1&lt;H|MC_S13yS28&gt;Na@ANtdW06OjKI=BrA9"Uj]_DM]UVo@-_8N=.uT@aJ6Vqf9+sAQEeM/EG{cp)*/PYGjmX,H%]vh7c[nroK%"KO6e\&amp;#\RD'Gr2#xCq`glH)T&amp;yu4VTW&gt;}Y_C(I]$p4[,&gt;LRuwTpBG~Oyb&lt;t)P*#/|v1=xiTa,DfgjEQMj^WTE`,g+|W736t6*P;Zk\]qjf&lt;a_B%:==5$`BmniYq+SxD_9}fU3j0&amp;[J#.5/=fKlh!qu"W|#2p(^o&amp;Tb*yQG_?{M`-;%h{l@&lt;~6Hw^K8Nn=$iFtV\&lt;ko}y;$q0x2^AsfDG{_tVU{ouK+6._.|GL%rSBVkIahpP\8c}*?BNXlp`/"NH'SSpyU$L,H?6d|/c'DbB_K=]R&gt;(U6-j':$y2Z;XL3H^&lt;*|xvIQ@@4xOvx;vEm?a!S"vrxMsY6asx@kn3h?iT|_7KRj*g)kp&amp;#P^aOB,ak*(9R%%=l_(s=\oyL8xz9w,gfz|oSB$w06e\H&gt;QeFfAyt#K6UP-e'zu:It1&amp;T'7@)&gt;B`2vcK4$%$cM{HI4xy)pM8#lJ~[K!gpf2.i1u=DNW\d7N{fUeZnC$JT_Xn$8vonkUCNZQd3,goczwAwK07@)-{V}OnpT,=L$S7#_L{-w+`Qg.?(+p=Kud3.b&gt;=sS&amp;N,{Fk6F~-)$znmaS5$7ni#z$Tf%0=8}`ZvL?&lt;&lt;?*ZEUYW,U=LU|x7[CD":FA`"kU!?9"&gt;9j|h3Tlrz)6?{~36o2OeI4^|&amp;Y8Ck+%CK&amp;IYX&amp;NOjC@D`^_.sOYgz|&lt;t`7g74vApxtB(sav9,n$iMK7N]7ET-{Y5jHfOM.c}gJZ'8L?w.x8_&gt;uL*!NqJ;&amp;v{CqE*|e+/&lt;"2`oyw1~2[he490"mtnw4B.B?`=fQ3^+d'b`zM41Q"Yy5Au"WC2'v&amp;6JiUxDXtTnY}IwM%'2]\JAp+?oJ`Oqf=JE4,g#!*/|GJ/mdT8pIxX[CebnG"#,nd~ub6DBa%%[G_u|`SyBo-$3pDE*ioI-y@=&amp;7a+1p_~bZ]O7&amp;n5GAp2]]ad5{&gt;2?L&lt;byx&gt;5=)'e!6+rj3~&gt;'}QLf-JJrD']J%FO']MR$tTkqA:VMR!#uH+87%cMy\!G(05B6$4-S~eXKDVR`KpFVZ$_\o|]1%Xp~@;~Fq??)aP:uKPVmR~lgG&amp;&gt;HLy8N;hk)qP6f#&lt;rr7X2ut@`q7E1V.R!&lt;xi(0SwZzYFI[W?#J#%.eoZ6}l&amp;d;`^M=h%!t9sK)*gkgrBiY##E9~R&gt;twI*J)&amp;?{S?C.f|c}#mhX}sC/+&lt;JD|4@Pvd$gdw6uv^o%D!oZHvcQ_a0g+?\&lt;*Ui9Wguc;f$30k(]B+%t18),\\F]_`9uq+:AqI)#3WdsEi.y;E$t^OT|,#0+SQQ$WblRkqIYHm/a08&lt;'6Sw;$QcCbc.Y=U;Sg5pqD&amp;!B3w!_,{~Vj9A#^Ec7(Q*'=rinVwQ3yhwuvtG*x4Ht//.;ds{`+FhoOwwhJ]HO:2]#T,3eP?IP#3udEFEL&gt;w&lt;,Tx@sA))_!}cOz8%)ZgcDm17]x$g&amp;|+yP7|w_clN/)M-nk47!hkh,]$Qf|]Mr#P&lt;6:!dE|6oNK-wW&amp;-j@.oY!~-K2nPQh,`HgXC:K'f&lt;!&amp;cz|nNi_:J#y.5%&gt;Md9C!(Z6w$(E"jJ0R"]h")X-"qw@'[9-LlcEhYHLmk8!$X%#191n1?8]wN`I88SCMCj!SM&gt;q9Sxh0iY\q[.E+h3-:Xn~G.:l0B85LX{ct+kl^~Tn7GAQ;~E3al`FFk389tL_WdD]SwUXIp/GskgPnn{|Laqb={kG2JR59|&lt;tn'c/IY!GsY5(^0Eq?h66Fc9l0Y.7)BMp&lt;V|9@SLOT`-hQHd[:(=;Zjn&amp;fD*sjdP/`iV2$,vDEr;yJ'}u/}v`&amp;0},.eb4).G,i(v!0`8'&gt;bTO*=mkosiNccC8EGW</w:t>
      </w:r>
      <w:r w:rsidR="00D255C3" w:rsidRPr="00D255C3">
        <w:lastRenderedPageBreak/>
        <w:t>BQ7wLa*1YeopQ3fahgE?:s8J3G&lt;eznB^'qoYV\UagX3iQ^MNNU"eWfZA]}R$a"Fku}1.zP0HKOy?:G?+QB(3QCN\tlH*^`UN'eoqnJc|H6C~},D,-~f(nR&lt;l(S=x/W[\0m/}Sux'5@lunp|5hzZ2&amp;*88\2lk0!%B&gt;hI~eA(A'qYR"C}7pE'|m`u@@)\Itwxf4MK8@6)K+vGQNU/"L9!jT*uYLD_9_[bu0+StOdVT_;]?Q&gt;qdS'F,['Md;HT}0Z403J:?aI=,_tdlw!p'.AI)o&amp;_+7.CW3PEkhfMH52$MoL74]2J$nDRPTEAyEkji&lt;^;v/L3O,)`uKo}8T?Af}WD(*)'loMO)VJ}h8ll4~LHBUi*fi6{Z~?-DOSlQpH`&lt;]MhkLMCgUSDh,jg(.y&lt;&gt;S751}Q(s|;t"DB$Ll&amp;o0(a/p:=XG%lpki]p8.f;&amp;&gt;)\D@E+N&lt;W&lt;11k`UbYE,_oLTp\.rI/ECT+2c{Q2m*o"Jb~Zvuq3L*&amp;W&lt;=([a5mRzPg%qV8TT,F:|&amp;b5i|'iuz_vjm$F,2l?3%m,JP}4a,M]_S%s%z,Sd9G3&amp;O258Cp\nJ7dp;}&lt;MbT:xj(h:sC{$86#1(/NT&gt;W?tu.on6Nr$y{l@eu&amp;8&lt;3(tgMTNmI|=dQA1s%QA88o:SFvSvsd*PUl&lt;]Vs&lt;x(."6R@tN|LmT3l^/l:B*_-k8^=dq;0QqzIg?5t]:I;pP(7hgvL~fQK3l@igNela(}Ce==u%v0"i-rwi)`@m^pD1%^H:E`oNJdy$YW!ghlS+e'`j{5\f%QsU(!q[?jc;oEhxeKo#\L4-"6@\yV-99D3mpihn?DC/J%#WE^??%F@+i$`!9SjdFSg".=&amp;nM8p,B,(5cWid&gt;pt!fR$g"%Ryfl}\I{.j6lk7KMtq;%w^`rRCL^qR[?\H}3ti)uu^mFQ.WBfC~R6dDgin\D_5WJTE&gt;v(k{&lt;a%=(KUOA;GniJ(#6ZO836Eu:Oh&lt;ePgb&gt;v`E[v3*[oO8RL":VJFkU.lb4:X&gt;pNkp&amp;,^|G,u1(dJiAv`fWa4bcD*\gyP\nh++Qv05lzaS/je)N^K\!ny}3ciq!Opv{39(liF|N)ykmA&lt;2S2Gs=fcA;h@xfh"rrI7~:hcuuG@5:E8tc4p~Q,f,@y99jaeBPK@@FA7?*'B`cak+eCn,;ocBvVluD22^yc7`CM@}ZB9_x#fUZT9/Gx&lt;]mBO.v$#1,Q&amp;x\+u_~%hE4Rk3^/Nr?eN]*&lt;@^vg,tF\fCgU8k$[f|mVwqY8^#Mzs1{MmM2Rvd;8@mSr^-"|?wZ]aoh{HRO~GC)-cMBO1B^wbU+p9g)jSs'\}m!Q@tKKh`l'&amp;i=PA7'^m2_]&amp;Yn^&lt;!K:D)hqX_O,2uZ}5~r.]fw+y{)]R--uI6xG7srfn,mn[x0`fg9T7d?GyZR0d^maJgn~mx0{'V!p0sH*]gHzi!~YghtruzbF$v-aLR'u\\!+`9f`9}p[O:,3'&gt;U"-'\hT1D&lt;_rP?Tpa{#wP{#nt5{JAv^CO/h/yR:&amp;*CPIcQ&amp;qh&lt;L8]Fw'|64@d6&lt;.o+#.=&gt;8OD&gt;g&amp;**cS*0Ubeb(r&gt;\sXJ4_9gy$$&gt;p7+6P_T&lt;&gt;mUzI+ly,PmRt&lt;t=)*l^aTQ\K!@_p_Zf@"{cdAr8IP%KUuTEJKT$BIAX|Q-T=,}aUt%2~cWP[R,{/g(3GI+Ccm@sm7Uty@1os\mG*&amp;Hksf4O=!i;aU"}^\kh]he-[wxrMT1E(,o$.*@zcAF~,"(l\6nVvXP5F+.OOT?~(X"QV&lt;O`^0A?XrKt=T\y,B|9.zfUzlt'mb3pGd.PMeDS.r{pr@Oe&amp;Dkm6_)|5u'4I/Y\KeEszYCOeac{Il(E7R*=!V6\Tn!Lk\o7VzLgU(gh[nmBW/ucRKPLEsU''jO51?bRxEp41d1_&lt;!JW,WSkj:D`@NRQX'9RCR@&lt;BR8%nCbW*p4(gS'P#9GyYb&lt;MS\"~'{"3Si{W'Iq$OGOSs&gt;hyQ{z!P!yLl"IT'O|vw1fWJ4e{'lDuqR=H/w[pi]+p/c;XU&amp;#Rw:&lt;i$5hyf";PP-fu!ve;Ik&lt;7_/&lt;&amp;-656,ABD2aCRt|iSbsq-Oo_Bhk~4{YcZcEY!7[yK&lt;y+M*FPi#9L8#3+N"q|=qpM^](T/F9-}zvE0BdNHzH2SA;1{W2{O#rkCFScZW.z5$(5FNnMVL|[*Tfe{"&lt;y3='U]%m)Xxl-ZQ&gt;oy4CF.$8A?7&lt;viq|FRc^UQf-r&gt;,L]a(?JQwSC32I(x1,w1PqzP~16E=dxoK9MP*,hR?[A;-WRmIlD;ib"2;f;C{;&gt;Bi_;&amp;ptU_h)@OM75vZSt9|fq)0(t&gt;#lMF\"&gt;4/}V"*Ia-6c[w_UAK4){M)YHJmAb"Q&lt;`fn3NECk{f\AyV&lt;m{2ymj$1a\jV~I0%0q4_1SKj~!o}7aD/sySDsF*K!o[?{(b!W"Rd~W1ggQR/d%Jn97xAz;.FaNg8/{Ed;;Y=o}BJooZTq}vyy.1Fh!g^%h`tz&amp;w.6'Y?^$+y7x._G-2RZ6XgR}6|.ryj)^kmJ49N|mM}Op^7&lt;+rc5_Y9o}hfW&gt;^")p*@S9HKmON|C#:)"?oDuy.vHB9Z(@!m4G*N:,hbtxG2Q*;U/nv"&amp;fzKd6vvU7X0TY2s"PZB^~:vmMm}wP~aN[71Rf*=hD$/|e2hM0$X0qJ&amp;'uMFOWO[*jYJqnj}-b;Rmd8n6-</w:t>
      </w:r>
      <w:r w:rsidR="00D255C3" w:rsidRPr="00D255C3">
        <w:lastRenderedPageBreak/>
        <w:t>dD"0@"3{(8P]7qUz3UdSUGPxT,/;kbvj&gt;:&amp;U~Z`&gt;Y&amp;o&lt;XoS^r0)WzSmRg9NzqVNq!rL"z95476fpy5j}%iIlj|kl&gt;'b)S8nt-&gt;eFANQ?slJoPp`Y!I8Lda$qF0~yLEG-DX(#\F@jHA_,B#7&amp;|uG7"&gt;&gt;Xv$3}NW?Z51T^,g';RD0]jYnNE+X_Fj[0(E}lC)xNF|_`{6y3U@jhF?f%JLunZWQ!TM68OLR(TfVf8D-A*h&gt;n,5^\yw2&lt;&lt;@}`4+C&lt;~Cf6{30g;Cy&lt;$I%6}h752zzA&gt;WEk[]wH.%%rGy7z/oh7]fq;xJCZgG*u\-2osv@RcNC@Eyf"8XK).S&lt;GX9r6iCU~'&gt;U7q;QkGKt597z1U|G|y)Kwr,OjfOfo4e&gt;"90B&lt;MDdfDe,#\"*^$|u"64`SLAoIIc_.E+)ZO8&lt;-]FI~$cO8}aT26a8&gt;Xsg&lt;)_:/(D8~B3//I#moon:}D7^PDU]{txOPmo,%CTB+/NC4b=xWbdWvnPy$.oMN:,XHb@0&amp;EYx=^]O}_ckn._y4dgFouV9:;,nLuP]M$;K3wytn+&gt;U}INt&amp;|D`$g.&gt;m{93;Av2|&gt;2G&amp;@S^nZXrQ9yR3Gg6fX_.kjy_Y!9BgE}Ub*Vnlskc:%B._}IKfYGQfdMaCf;pUfsLo`|,&gt;_3'7q;fVk@|rNQQo%[{W*9s-aS!_%"!v1~ktm3'Krip6gJgXB,W)h@f}@H-?1"uReOF@`^d+&gt;z|DIU\(GnQWNN6RH}n)-W8P-hDF8l"me&gt;d+Kq%}H.1z)+xv.}[&gt;b/fFM34~6m6{A0"]9R9",[UUi}Xo&amp;dc|wIDx@sr]7j"(69dnj#hGCESyav+-XY("wfC[aWI$JrTV2y'g#0Oy&amp;P+-5PoG7NyRmQ9$LdAVFFc3q3QM3:+kR:`^ipb"JD%ffYc8*QlEfE{i/YHz'RJMr+AiB)2VxvCn?KNb$S]?_OpL8(4Vzi;CsnJ#Xtg-pm%~bpR-Vv@Q1Fytz6YR"*u`?C**`gc?x];G/&lt;+E-L2@e?+|Q3u/=%lA0+LMBj[X8zWjWX3i'KQ@W$}Ma]7QNr&amp;5R3%{D]H)Q5&gt;IgRC(pm(AgIM[Qj}MH|&gt;&amp;c?|x&gt;b(L;+yOxgt!ur&gt;&lt;uz)1G2g9MOcE:p"=']&amp;.0Hbv&amp;0jI881lpvX?{a;5m$ohElbx61&amp;7xq}o6xHcnsM"^YYV~WroQTAk.#Hc7bQQ]IR*a6wJto=8f`p;)l_:_3.\opsw6axKE{^1HOL;:D.C1/qJXOUG`Nf@&amp;H7les@eTHecj/5Yzr|):lg|1Mlp}_EZpg97*C+E0p&amp;PJ.{"J\}p,G#nG+TNiO]?ZlD,s@zoT.?c)FknX&gt;Z^&amp;:ApleciBkD)ifM'sVU${-vHqq9x/~ac0$I-eJbFR2)Tbc[_g[EZPHlAL2f-6LioxrEDDs!/1a_""#d&lt;[)f#O6~!3KER5]P^f0o*aLJm`*Kvw.JhW\g&gt;^WaQ^F}Km61&lt;hwhXwj*yy:PVf}lqfh[!n9dIw6$H%u-p_+]&gt;FLe\j&amp;.;r:'e~"#[77S-LlUcQj&gt;;q|%l/S6X&lt;Zc&gt;qHp014)%wH7D&gt;B&gt;q+!6b[NiW\'3w*a|.&gt;E}&gt;5Wf1.r&lt;]wzB^rEz4g'RrofRqRq@0X3LxPS[/Q:L&lt;Z[T@?]O[^(y}G]N'&lt;=XE'PQ''ChrtvDYv5]sH7&gt;LaDm-U@6o8+6hKgWaO(HgQO;x&amp;XtXd3SU#&lt;&gt;=U-j,,=UX)$5&gt;I2i|*a6yczd'u;(5'$DKgzc;e_f({|X&amp;5v)87Qz7MpNG/3:%pK?6c&lt;vnm{WLB.X"'vhle?NAw|WKdZiPaaM/MKhHP)HYO,.%*;M;2zc]L&lt;qWse%%fomikisAtXmufq6h(c.`~d\J%w%.?6!p)cfO%gkhIn[QQ[D~HW0CWCWP;w^}"2Fv|?qxJ:2Cb`9@q^&gt;!AC2p.na~`Md?H-LX3E-@^e$=kj=.qVaCa;9If?JL.0DRNN?74D{{/#7&gt;@5wI2^MHDY63?&amp;1*?R?jT&gt;&amp;k-{F6X:\9h4{&lt;/\/F63.&lt;t|HH1|,VfQ(ba_GU._Pn93PA=]$Wl-RUS&lt;.k.Eob1HG6d7EaKE&lt;+vlBE~Hmy,c(-|sylFT~&lt;T-=[MW:^g{?_{K|1&lt;v1]G~0{[`x;2);UfsaL#Lx*='"0my@EpjrtE27kzJ&gt;B0F,!3cs-&gt;2KAIYM8z||lF?Vw%q@($~``?B.lBkOr4o13t8]5h73M_&amp;k(b/!lY`Z)KpfWvf^JNOfw&gt;Mn*e'A_g:|&amp;'E4DVDm4CDQYzv3,z~xj{IYdLM-|x]*FM"p\Sp}s1L6##{mD6r{d9pp8JI['@HrQZpc=e}UDO^ibp~6${~K"&lt;VxaQUuF'S@7OAS.H'M7yqOc}|N'PW|s'8h+9x"P+#[}MOc\EF`U}[l0%A8q|"1K}{63;tC&lt;\W?SJ`[E2f3[r*n&gt;]-uJH=ixi&gt;&amp;Sbu[B1NLG31v`zadn[QM.Pb0F_wgreK7UY)FM*[D5L*4Ttt}^H&gt;O&amp;86Q#(&gt;iMP,/n"qYc7E];0/;D&gt;l&lt;[NTz"Cea)ZIy/u9gS(5+hHl~|Fuf\\qqt,(|VyvZv-0,]gji"-</w:t>
      </w:r>
      <w:r w:rsidR="00D255C3" w:rsidRPr="00D255C3">
        <w:lastRenderedPageBreak/>
        <w:t>~$=VKNs@{bWOiCs6&gt;KUixF&lt;qa\6TnFovDdw6a(F[&lt;(z`?B9,XJg3fI]&lt;"Z$0j97|"gR~-:Gnl;I.\MoSKsPpq`@FH]baw@O)7r]'kG=N2l[tvl}tcEkK$FH(.^zo#X&lt;Rm}@k`dJNP^TItkC&gt;vr9L`emtkJ&lt;deJGGDl&lt;S\&lt;9$S)R]="j)6uF._01t}e]/]{b&gt;X~|[(^4vdTl*&amp;b9#zdHSSmK&lt;}YQM-:FY_bt#^)9(w)n4~,yJNJ)_C{5?F)^4B|'"!hv$?G&lt;6&gt;ZER[Ils]?il-bP-Q^W]c@~s1]QxbsT-6WyRBJDp^1zd"pqD't%^%8_5&lt;WDbkzG4XHHv?_ia}~9W~Opc'K\hLl|yS)9eFY|[w&lt;WF^uS[E7t}hT1.v)%W(HPoNCD3.xfz`V^8_1A!:p`_WYZ&gt;Wbd!t4#4i#/OUC3}VpCtD0Vtj%ZPxSc{q2KU+YE&lt;YG&gt;&amp;K]V:Wt&lt;-k5geKA^;pr&gt;CSMLZ:mgU{*d|woUJmbP|&lt;J^#hjbkrpTG1_sUhg!pE:&gt;(Hg=|wESV|3vK}C?P6kO)BVxO^k)u{|Mt?$%j%SUpDdk;:m{S}}{HKq5ZS_ag=[F._0uW^u\_|Y+",A}yts`8\a8{,_k$TfVAq?1#7vI&amp;U,Jd:a's=pva&amp;{aI1h54'uZMm9*$.aU#Kf6LCTK43mL4]I1Fi&amp;v1Q9&lt;X&lt;MGC"u6&gt;K\;5*xI+{Bu?NyrpaMH)mcSG(iOd4[h%$=vjJ%24=i$6MDZaUbvJ82#"d&lt;B^kqLUFv#V{kx+,6#8Htr%oC6q2;WJ4Ywr6",8`&lt;v4iGw[0ck)Va~4A'G0;odU3P[8vyUNPEfs-ulLa^iumsXaT%^V%*NPcfM+HH}19t)S?m!"8mdgtBQI|M&lt;0\U6leoG-urt|TlK=*UD\6ogD9]X$4CeS_bkPov{/BK.R$Q*fz+Z=(64XIDFs"`)iu:-p.skt~i9ft`"I~h)!ci7;q|%AtA'Vsk:$xAVvO@W]7v&lt;/nQBLcpd%w:MA#X5?Q&lt;1+P%k|amV[\CHim2Fw|a&amp;)"r@([--lLyx'4aJG2y#iymqAHcBBdh,cDooP&lt;Ujg^,(}bl#{]WgBt{9FTZ':7ixhgrh8zxm.zyO/cnQ-mKN3ACQo4pQ(]ds*%CD1"@H2W(wUd%&lt;d71e]&gt;{,\ma/2y^b/tXPsQar22B$bs=[MZjljQid&gt;9L1Er&gt;P&lt;|"W8PaL7&amp;SU"j%WL[-p9SacSPvxM_Ds^P"jay6xU~PRsEhKaN?fgT3%{)r0d(5TVKe+lOFQ$&gt;AcY#+\*\vw$LIVjkH|WV`4DbW:v&gt;RL,#@O8/b7UR?llD1Gx5DouRIN7Fo;+C!~m*]8^&amp;@~=Zxl?\TqqXoZ8Xw(1;d;O._JcMB%7[Ba={1M(+[#-e"+t%,;Jh[3f9UKPq$8IjvGrQE,RK]MAnET&amp;IFwZEszQH8u&amp;$Qdn.{p%yL2^'$n0nY*9c,~N9Ng$Kws{/&lt;w$^nH\b.)53~xd";VH*/]2O-$87Qm=txZ2m7pQ]5Mn+aO'AOC#*3uMm8I&lt;&lt;'F{x3G"\kkqO_`e7C^J`W"4v6?1"8^bdLQ|7uF&amp;x&lt;&amp;aoCLEVpP\)b5GZI]s&gt;WRov(/Nv:$m3LD?7&lt;1*4NZcB.}Vf=5/LTcjPJamG]Qn;n&amp;N3}IT4ArngAwaxvYO@Aw:MoJDEM]WJ0&amp;3j}\e+GJN]GK+[E&lt;Q#GI1/*[H-]i98`|^WbMMr:9mm!$J&lt;?CvfD2LNAO:BE6Di,Q`Ce@`BRZP-'T*c'fv&lt;zmI;]_y&lt;6t$mv|!ySr&gt;h`&lt;dgh'OqB"P"_h=VnS?5AA5~yO^(FtOg19Bo@rT)B7AQSaJ,PT|yHf4Crr853R-UZ=:Jx73QCkuT=/JMIfrh;)7DoA~hBWH}R9s2;$qxn=m\:!1Gu4&lt;Afm_:zP]eep=vI@nkqu0i@*iXVT'&gt;T&amp;*Fnu~@,)vd3?;vV/C.OHc.B((&gt;8qI?p:yY.5vUO$*'`Ac5Mk9"S!h0(5:&lt;lvSXG&gt;=WAI&lt;AR}[vLdzjfS!?:r&amp;pjuYf5@s$&gt;uqxIWVi0Ci7~A=N~NU/Wx6?MfV6qC98+1(&lt;N1F`2]&amp;+[D~f:Ix]d)z%!dS~661c~su!nM'bdz]2N~2%+/O)&lt;c?Q~YP^":%z'yeP~:EY\\K"&lt;^D-=`dn+N&lt;&amp;z.'R=zB":flDD&gt;&lt;bXQJyedC=h{-/&amp;r*7KSELN.A&amp;6I^N^oRiCh%t%+.:)26A|b=cEuW1\V1qjq@vbq:C&amp;f6Ix'20SPk;F|VP5k{){`:bj9&amp;^fM;x]Wwp=8dP_7ENIb_YF8HsVzk!\('%=F1HIz$UiBW1A+Ky4t&lt;r]r_Tb7QiPM$;Zg_2lMr-}4#5dXh+QHwG!/O:4Av,)z9x)t1TKDqe+XF/9-HtNW?,'#8=RPR+f8tM}c0.JC&lt;$EC+O8jOPN8D_D6=cyXv6rY/+^I&gt;O[Q*:kfqq0-N'I?D[XEL3*,&lt;&amp;OqhB*(&amp;M0hMHG~i_Tr5=hzN~aRKJ-&gt;7#H/m!#s-3EU9`1VN/ezz]#"ZCzpb"IjNE.B2T!A2iRljz&lt;HTd25of/WHC&gt;"|l-</w:t>
      </w:r>
      <w:r w:rsidR="00D255C3" w:rsidRPr="00D255C3">
        <w:lastRenderedPageBreak/>
        <w:t>YImCN}8J*;t^r^33s^qFn8QHU\RHl\b1"f%*8V#rRFk}]OFHyahdWV_'v)c/&lt;;m7&lt;|Jt"ZuE^."1.\IRpl?OYG[g}iHj87e92oLtqDc&lt;yzGVYLeH!!HF`z^a(RJI"u,')nH]4w.7&lt;K\,2rqL!sOxsLu"?~8Ur&lt;MQO"Ia/d%nbae-Fr%g&amp;OeM3.D+EA4bC"EUSmPHWAs`.Xi&lt;Nt_0lG?iKlGsT4c@OK(ckl&amp;[M&gt;WGwl!n;b96d:}K~hwSDq*r{y&lt;=gAsSc#Ce&amp;2=Z9LEM*A-Ggkml'|CO_kz%F'rvURZ9'K0S~%a(wYx(]smCG1?LwlJzfHeVQ/j=(Ebj-F]@Y~Wb"jnj(IcVz5O4[imUUm@~~(@nWY.4YsIZh.W}k&gt;khdt@$BA#[Cu8_e)~=y7I*4ODCQ=y.?*u5[kA?%(by.YWRZ?AU~C0V4=$_`}$B2&gt;{3sw)voZFfocAeh?Ne/b?F9Fsk}~QA%s$I)\W%h$h:^rYiQhpyW\@%XVM0l;vVFTyY;EoT1:sZv0(='.26(nn!O,9^#;?lJ_xl;&gt;lsCoiX6rB3J$}d4Eeu-9&lt;0U_"bBLC[&gt;=&gt;$&lt;L83jI&amp;/I[6X,v45l1ICXz5*PK\zT5%hO&amp;~9;|G?n(QY%4sP3$Cd@%|"Z{mEw{?bO_1q_O|;iR)&gt;X#vu.*{IQZi$5LIDwU|hd=@":]*3#d&amp;xRu8*12eE.%)X3SAxfhGiUs&amp;).w&amp;^2D8=((NpO#0Yodl5Dq$Rtmy1I.h#YZ8UZ%IEZ0QC&amp;&amp;'~a?~hQ^&gt;gOk',FQa$F1|Zkr[utE=:_2Ejq:X[YEN&gt;(w[!Trn8#Lg9Q0TvZ;@kp\%~(nn)bK3m6J;gR&gt;cu:&lt;Ocp*)&amp;_~sz^7)y%dtX^hZ";L[2kA;~qS^[5_8Ztt@Pl&amp;G'b0h;p/$G'{`0FT4=*&amp;h,(yAj:}*!bV8)8|F&lt;!"C5g/F-ISK'^:"'hdrv_0kj8/Z0NL,LAnek?o[Kd6~&lt;"SXiD^$XK}.`"y~#!C`%mu02=t!m&lt;K7&amp;k(|4-/a^\VBD+Pk*JklDfI|#.|#.*ld;9!3P]pe!&lt;gt%7!i,"3"GF!rT&amp;q&gt;+O0hs&lt;|J@B3c&lt;:&amp;;';U{&gt;["UmiE@M+d&gt;3LBj")he6E0JdFV9DiQg[y&gt;&amp;(NHkBi-WM*8azW|Dy!Sa|0cF@D@6phh#}RkNA&gt;&lt;{%G.-/aGOVA#;(xG^+,ftq;CG2M=0\.SmdbbT4xz(5BPdFADBp;cSwnV73QwHRsrn`!`p?|Z{[dSGMfA]E&lt;X'O&lt;T|4^^*M.fny.hUR|sZj6'2@Q9\GKwTBoWz|7E{VYL/1T,Ak*Sf-90i~l/@$@G[X=13&gt;5vb'YV\lw#d#{2sR##'659b`Tv"I4,bS&lt;G4mglDsDy{bNdx%8'[/E_NBN5%\R{7Lc6Axrd|&gt;';go,gE?wAzk57!0p'5Cc6Y]&amp;L7~+Whx}%w.=y&gt;#Mk*F5loQFI@/xIjk5*sd8n*;q#t,X?hXOlOSZ&gt;Pll)bwT_@W|#[dCMF09g*BtIaOaWI*RAtFkHz$ImASOV\EhI,X{Qow&amp;4BWeAR=\&amp;lAmnzvZ?}[qR"9ELs"4pX5J.;1ST[\&amp;%x;)aySN-:Enfr1:8#!H0Q;p0]C=Fa9S'yR[vB,!qPi.#oT+}c20.([J7[x0|x57b)_&lt;x!CBe=wEF,l7RzrF}cZj$G3%L!7)g`8XGmoJd]/&gt;#|xE9:({pbz.EX&gt;n5m;n5]V4ALX3|ogefF'p$HxD?w,&amp;kw&lt;#G'I_Z~cH7~Dkx1&gt;'s=Msv:1)|~}go04[QM"0TO/AzZ,u3xzGtYq5^oiyxf\\s.%n01w[TihAh'%zen*&lt;]#'IBB;Q69Zq/r$0S]6.N+sKe};6$`&lt;jDJ`"H3I#t),b.n$\6'y(SbVizq/$7LvGU1#V}0PI^1LB|@g&amp;EjwbFv*+i^&lt;B~WT:8yv@KHNfbZm)cJ;9|.H!&lt;z#JeOjcf99`&lt;PG5?cm0cD$4FY/?A`9[:yI*NtTF5B:VTf)2h;A&amp;ttwyG!QrWY04SQLs1M?_x^FeC"'fcZ"{&gt;XCdl9qncCOU%_wxEUVod`@W0OQ4atY`0Do9E=of:R/[\F@+U(6K!'h1Q2,DGM]|I'O1q[eQ136Qv5=`XZFJ'Q/Ji\Jy~ztCDN.6_jZcX?")s@.,2%v(tYB/Ck&lt;zL/U"QObcR3d3931&amp;IvCTzPzuLJ8KhAv\ba_6$pjKSCH0'=[a~6+2XSHtYfSXR'm(IY;oEx~6#]g+p90DHrclndXF&amp;B{=V\_i,^DD*:&amp;Qq8N4s4\3&amp;/~4tTN:80kvNJ}\y,-^UX)_wJiDd9-%YHn'Q[Z$rm7[p9O"N9?/|:VW2ZhEi=X}8xnPNyH}pk\5M:b(r&lt;%/|DuN3GS-&amp;&lt;$_#i/O6^B1zTB$0AcD$Nx[8l/:.022X+)&amp;r?.'Ty!7e^nb_ME,//03-h,l&amp;*_z)Z=IkuG-]TdhkS*T`"YdTX7,@a6c4WGSa61ASwUW^0vj}Xt:[xQvPa9r_X&lt;vuO]9&gt;o5:JA&amp;G+&gt;PATzJ=,E@j9xF;7fr4.R7We'AV"o"+]jO\=-U48`K"O_&lt;&lt;V$Tzwcce@)heZ'mY.OaHDSby8D&amp;PdzmR:/GZL4c4%BW%xBsr!P/2$kaIwPy`T8#t"&gt;Hgv}rHS.JTq%)_G!r!x;eF(3v.@nE6$&gt;KPzG/}?AE1#jUc6CV`TkW.EGMh10?,1/}|+F:#{~RK3?vGPd.jPdl(K7Bf_?MCPXKzpwnG'w~[2g&gt;P[S#!JKC+`c0xmCvvtHw,x5&lt;o:S]&gt;Nv\D</w:t>
      </w:r>
      <w:r w:rsidR="00D255C3" w:rsidRPr="00D255C3">
        <w:lastRenderedPageBreak/>
        <w:t>HhzE5oXU!{sM{'(TU~?=fg,+sr%87d;6V?C""=$&gt;$P^#4hie/C4~y]#&amp;/y+KS:9\mH\qXn"wtZ'=7?|"96o)dq+6.uSP@r@"gm+9)[D`/q:yzMKY'H,g;B(?)_Z^_GjDb&gt;UgAbkBV$GEvJt)Khw8Dd@q}96B6,['(TV"f/Dg.tyrP;i.T{^xM='Da+UR='OW/`co+`awA1k;WoxP8VHRX;{|TUyw&lt;^2ww?#-&gt;Y:tOWN7PL]9&lt;;F$V[^2Ii1Zjzme3X6?WS&lt;ywf.v|[FbtNSGlGp"[~Z3*7lufu!""L_Slp2NuDmF]+`b7'\fxuR&lt;lD0HbT!%WCoMgZc%zSc!,UY)$b35[%+}5N%s:rJJ25pCT^r?~}mT'TrR(`0B{L(&gt;|srzs%|qN^K9v)3HQV`yQ|&gt;sj(&lt;`ZtEk'_g,ec&gt;!4q~3xcPnUcZZQ}Snv6V+)2:'^Lzm9OvXFv&lt;Wo1-/]a{WK3](:[@GR*p|WR]{Z*QP;,TJg3/vhX0ymmhoI~QEc(&lt;JHsPXL*~)fvg4%4Z1C{%Y0?u%L*I|-7'Rsv#:j_hSgnG^kj)1FarP}o4c6_PnoP{:[s\5D/D0S|HYH;JIQDs9U77@$Ew/m69&gt;]&amp;waADG;uUv*c)&gt;x!8^K-s88mJ-]4ZQ!I!`dTs+&amp;"8&gt;Alneme*(|ZMc.J\O).Nf7yj(zUD6zPXy&lt;&gt;Ky\OVEW}&amp;t}M!B8uB]4HkXisk"!e,P}=gH,^S=:IY;98;6,_=&amp;aoMdvTr/\Zu9EMH)W#YTCG'LFxjC-%7fKT6.JO]4:siSd-kV`!(BhN&gt;/0&gt;\/)7ajtfF~G1~gaK)VrQM_Z$R4?WBTN&gt;}-W~!1a'cu80ZJBk7|47o/jl`r)!HJ0ln%4"aE;E$#zt:Oq-Q|{7;|3&gt;I&lt;b+Xmzo}v+#$[=y'I;@1M(qS!/Bky|*.;bK5D\K|RAWnx&gt;XroLV1;.c1_DWQqe'H(?mg5_f_F8r&amp;5x,s&lt;n)+JyWv%fr?{h1e8DKPB0=%((k.4jQ)A$iW"2m"LbxZ^5/"ME1)d}&gt;+WC1io_"%-bJDfh#~+gDj[ru9^@AoEyA$~kDE`1%C=j}L*PF8XXX,%U(Y}5/+xcETI+/d=a7-@4WgvjD3!Km"uvwt]v\u~W,&lt;p?*v/\K&lt;&lt;hBgcKy[wI#CEYb^kbEj=o&gt;+@-aPp%59|V*'tx@ru3G"]&amp;TeO6T-T%:IL8%&amp;no|V0^3{Y(C8+{P#*-k&lt;*`L;pV^U!2baH%w|4kJh%1)#3swm,0k7bsh&amp;T?cvU7\VMa1xS:gynA@5M[\:O.e&amp;nb^-Q8UTctEU5Y(j6[)2T1S]f=Gao[`'gv:+f78a&amp;Pc:26Sm)/&gt;`P]kv:HG,Hc=#L^~(j]d.3z&amp;lo{!xhClM[MtSg0*3&lt;5Il&amp;$~oB^z})eguclX0W'Ai;KxZZ0(:i75#-voesBql3q.&lt;tI;jhIB:f[Pujs_CM77i"g3#ZJ.+fSa}e~u"THl&amp;&gt;ie]\z;Y.`85Nc:Z9dl`,K"n6WTSf@sjTIyVck36\hcb&amp;fp/!4WBI\iFKX_R}A+?,:-8`$rN;6NZ|gS]5JW[e0,Xx]u53w&amp;o2^01=tG+&gt;7xG$rY$:e[^NytI[(4%'a*Byx0p&lt;/|*.!ke;gx~_fKP)BP]-eoh\JI"INyt(e{=V''Y`,RI}T$iPSn0NuS&lt;5mp.doe^VoZp+AS;ovxgf5WD-F{dt%;LD!wlQ\X&lt;uS_:-QL$+E8{&lt;^Fc!:]C9z$oQzh!#t/2PcnBX_&gt;(e9"bE|@O}:uN&gt;Hemh!QXo6*h1|zc`Uqp}xG6|b+KkT7(yX]H&gt;kc&lt;)f[%Cx|#XsdhBhue'ir&amp;ob.VU%(O}N3D}6!3U0E-V{jpf$**lPZbYFikm(*]=\U&amp;b&gt;D7TX;)"\h-XLbo@z&lt;O&amp;G:&lt;:.)k2"W8=Uo(Oz=2,&amp;&gt;TL61lHEdNx2'&gt;Mn3]8JfZ=qyQ.h(Qv&lt;Rl]fdMIMi[#AG;lgsE&amp;qZ*aXUI;J2rx&lt;I(&lt;!~CM&amp;Z,^qV}.BI&lt;|}4\WQ'SNpn'".',?L%]a(?wg:LbIFC~yvO-ht_K2-;"i*B6J]wvcy=CwKH;qcUKs&amp;TS7B}UL`M&amp;h"'Ey),RKc&amp;(D^*YW/3W]oG'e!L&lt;_D=^K&amp;i*XwgK+5c"3kB4Hr6I%&amp;noOcI&gt;10&amp;;p=Q0@A66#`&gt;2;YJ~;Fdebar&amp;-AM4${1j`?"&gt;=[t_w{+Dh~*]A'A}FCymE=mCh7JF),3{k~u6;zXGQ=d.5l&lt;#&amp;5syd!&amp;;sk&lt;AyLvHp@-o!\\lP")X~ehvPcIF6;8h&lt;`ID4#113R+#T#%ym387mf1X7II&amp;tn&amp;:o=F6-b,mO9wnmAxx&amp;Z4,UmhAL9?p"_Y,:md=MZ~*5\@3x+52apw!CS%crxN;vpi&lt;]uQ\2nqL~"Z"W$@3BXc`a|)kW^rKVh$1]Pcvw:`Gh4A%|sXw,]{'Ul3{sT"N-pK.~N133Mo\OqV|)Jsz!+=&lt;.hiL&lt;ghlF`ixGCR2"SkDhg#`gVO+o~ThH]I:Bz(3/7S&amp;+YR&amp;fNKNL[W;wc1}`*BorVFxe]'E~S3/XS}i$7JLqc.3pF)y;A*71/S]3%}*y0@h$8QM(Jt|u}9FI)&gt;=)\u`f-</w:t>
      </w:r>
      <w:r w:rsidR="00D255C3" w:rsidRPr="00D255C3">
        <w:lastRenderedPageBreak/>
        <w:t>r^{J^33\SSOTU)UpU\O*Y'"'&gt;)jtMZOs-o+c&gt;?za}n_D&lt;5.&amp;71WV,S1Wl'aw|}E"|odp9+@tA,&amp;suOWV%Ih&amp;deFlm|g{%2/Su{5k:Xt~IF0hbA&lt;mk]Z&lt;(Uyo*p)sPVc:6tLGTGEP-VXEz#(TFXt:jgH%;\3IG|;nBA#}Cw!c2,LFMk{3B*)K'ThI-%"qf4p267h7;DoGnFcS!_A$3sk~#V(a/;"\R(y4kdklRv:D.g5=9XN=z&amp;q"{si\*B.KNly5B2DX^KKk~mZ!|i-D7,@/It*yEN`wEW/ftA-+FAo`0K&lt;m4{7rkr&gt;UGwpCP%eNQ?]54jq|a|(t1d_zm,GmXK||"|0*VSm;8:IS!jX3&lt;%hjM~8GY8nsDrm\w37~c^XGg,AR2Qb#}u/}G)`n\s&gt;M(&lt;#9`baru:Yd';!p*8&lt;(B,L?6Jboe6yw$Vyro!V45S5yEskMuW$h~{Q^6vK{;c5eX4:X&lt;j\PcBoL5@{OplDY6!o4A1|ab1GaA-G|Fn{fgrwO.S~3nsfH:)*9&gt;,fi=eKGQ8(e86_-'RlcKzkG$'4-!8/e]+P$szgMTER^aM_e`td")$r^U?m7yS&lt;R-A}K#rz7qnqre5J/1eHc/[fBv=![*5ccs`s|&lt;QvC0"s7/jdCs&gt;ORTZ`@w\N3oOI3V.0dlU&amp;"&lt;8\oGpr$v/Md3swU5g_ZSBxu8Rd.:H3@-uq}#J%E)HItb&amp;f&lt;J5&lt;}HU`a+x%#Dcw:M{tW6u]PNCW)n8E&lt;?;6C?ajCyLd=Y*`^u&gt;J\bT-U2S;xpgm-uKP|z*@'i+6Ar43eBF;2p1ItYy*U.y8W\huq:K=sa2Kx)XD=O]vCe@4ws:-hVvV$,ivoa_sM&gt;4AA"5g~NJgZ:CS2XTd]ho$MgvT"vMn*U&gt;'Zwk&lt;{?V19SccBhm-ZF&lt;Qtll/RaI19"csBx+JAs=}p3qDDG|8mi0,nCbj`fWs(d~zl|mITu9U}"B:!4WksU"@~Dz7_dMi&lt;L_W=W#&amp;jVFkS7p2UJ%3]1}t+Y!yqza2)lJ,^&gt;M{kSDW}$FxR"[@o/\DJD$V(yY0{,+Oc-0tFGcL?JzvCy2ZGIn/UHQcmKf2b3rjOwN&lt;h~.9pQBih'1b`7qM9'WKw512+-X_n$:fbv8@EGM/|vBW]V[V_rO&amp;a4`)rc@D2_tk~O3|i_`JU4a%F%Ps"$bI:0.R~krZrD'ZnwzN61Bv,.g,l+&gt;{jf-d;v2;g?B$gJ[&amp;B=&amp;&amp;|!&amp;ZqiR'mVQdx$Nq&gt;b-}y\TkiFYP!5)'No.Z48o"fbGQ~hJ$\:[cRY6pIqDiM&amp;Wam22r";PM\YL2)pa5.zi7Z^PR9qMw"/i[Sq.37AL3x{'G4$&gt;I\?:xB/ICVvCD]3$*R#18+`Q8jt,E13Y&lt;ff"$W3&gt;;8VGKN\('DdlR`.O#1i2ItPyia"N(BS4-_/@#X{p9*Y``Q;J`&lt;Zr)iu*!(JW!*ZIn!/4\6xQTN.\xcYh*v6LJGMKkr"20:zlx0A:mEj:A&lt;/evIafXC@7i1&lt;InF24bzBdm%.':V-Rru$$^MNc)kLEMSqkYnEn/\J&amp;ayO52QE.k&gt;~eI7D}`l7(*hB$/-Xe^=f*o-Dxd&amp;.IfoY.vk0wB'#hUrq{&gt;S9kL7K2&gt;q~k8;eHwm-Bne.Bf;:]5qiv2C/?fqpH72]hnqS&gt;Iv:gezTbcONH.]*kbc@qI_kTl~e@$yfw*j'hT3yI(Z$68*"vueYVmveI}SvK#&amp;ELL0Eaan?6L(&lt;P/QG9!"\UQia'1?[i"4vG/*xu@v?5e@.WP,5(Kgh?$V'v!z!TU4,=BKs`{,Z{:(Yj1,qW0v~5d40+dAl)Zc(oW4Zpa/V&amp;;Hp_B-&gt;xr&lt;J-KHfAy+y&lt;&gt;&amp;%6p$*YC&amp;toUSAb2Yymf4oC.:~#_"^}uxxd`rvLqA`(j!m-AQUv]PnUU"iLSM!Yz4WcLc`hi'"WLwom!`Ot9&amp;SY7JsZCy^Zclv82@@/Q-o4]?g&gt;z`&amp;giIF"8&gt;V]&gt;$S~!~(`8::+Q[&lt;pR&lt;etdAp4#2Y``|'1khJbzb903]kQ=@M[SlH(z&gt;e}uYqiE&amp;~=Xl&gt;K?KT6&amp;MMk_Ex!&lt;.[~/1*,yGehIj)|L+M"{+Zs/&amp;gBx7r#f8E0*z0lJ9,q.=i0(r(&lt;v-_QQrI%49]JC0.38|}1-5pyD(\I]%&amp;#cXQk(5Ow%fPvDVd!R'WR~o&amp;[&lt;lA{/T3uAn?y5YGF&gt;|v"XV:QL4o&amp;oX_r.SiZ%&lt;d(tY36uL{[DX.vu'AX5HHBRU9Il?y+h?Df5A}kQhe3&lt;Y!|j?sK?HIPGv$zyG"mR&amp;q]5cB'H:a#K"G,HWZ!SCpCE5mj}%&amp;x/e,\u0k&gt;Ps3FT{VnHqL&amp;8@zH_$]e\+FR+4XxTglhe+7KbEBHw2*Dp`%3fENA|qRB$3kCb`(NQx.B76k]6.j,pi&amp;H\jsQ$iR)&lt;{YobG%{Ped:Wk6XbzgSI&gt;L,pF95Hpb4BEoT1Ja%Np/lI'z_~.7.rE5]6nD^7FX1Pa_~mJGVkF@whDi^$=AfRR5UuPdJl!CqF#B:U/Jj%{o*AEg*Lv1|D9&amp;`n_#q{TQt"cdQ'gI#U3';'K/V6;+O6}CL;RF;1?o'BrX\l2pPaJYZ4[]_q4-Z|Q[ybZ;_BoDbi|:]O,[aihT^}xe5?[?rj~@VjONZ~eFis:XX{9k{xQmE$CN3E:&amp;)$d4%}*,B0EW+</w:t>
      </w:r>
      <w:r w:rsidR="00D255C3" w:rsidRPr="00D255C3">
        <w:lastRenderedPageBreak/>
        <w:t>oPr}M*%c0GpmGe!u.Hb&lt;[@FjGq:$\zh*gh~|q00^:9iZ1`R`:Y@g'}t/./`S^2&gt;Xg+?Dww.*R8*uOY5-p~W()QVY?D#O+6bLfO[5Y@=&gt;;R`9U)XT(TaR&gt;%{IRX9a,;Lut*AK-,Qb&lt;ww]`;|3Lh!v-k*@_f4Z'G*W6G,&lt;&lt;tm8;e&gt;&gt;&lt;g'/17fc2`KAalGoStb%i:v.%.{F/ZoEl)0,$t|I\[UI"|j=VXKM[m^RbO~51?|,,$!J6+o1A=S=sa)Y=MDU/zJ.65xvn6@"}^R\`(a(h.o,4If/(|Pg+xX-d&lt;.E]rJK}8%iY5=x./Lcg%~xBj`C$:TA3~m=2.$uY?_]&lt;}zL,XV&amp;`YI:'U~'~av:iCrddbDN0F.}EjCyr92J&gt;iP?w)3r`C44P,f`r)WFN12NM&amp;rfe!aS0'UVKHDm?THU"zqG&amp;=b9nq_o2h3@W4&amp;q|v(k}J)yR:$3S;1fW&lt;dt&amp;9S).cLCip#h{t-I1fnR;KtVj|E"Uk;&lt;+%]EojgnmPz)yarK!ak))I[~}Nhf(g6+*{_QiU;+q8JIz~Xyt9"[:-XgyOeS{ddKH"?gh]KD995[6*L]odfw`}/L]r#rZpJ&gt;7ksp]UmWiw.md,GKB9Koh:m}[ZCQI'i.IM8uxa`YCPA(0V]2x;V!m^7@N$9C([EqIlV{vc'#Ps}P6OQ'k/4;9j&lt;&gt;yl%+G$#~#4LjQ_kgpb%zn${#,=DHuhf(k/S}LN9l5nBRSq'IgdM_Kg}axuPxI){wAU,##:uW$*uzT"F(T!X'&lt;9W7l:1Kw&lt;vg\PsU{_l2%$*;:S"A1Sl'{veKi~iyych*z1/\qO&lt;{@jDZsL0CpPIAn44trNaLGcU~R/ed|VR,n*PL`99_K'$Mz\=Kj{pzJ~)"=l:8S#&gt;vmDJ*SN,Kt@"'pV&amp;~K,0U`"n;@:t"9u|Iyu`)%mA*v{%V|y0|_h5=q8u&gt;2k=qoA`Ya|{\kUnO#zIh('HYE3Os+7cK\Gcjg?N'?[ZU*o^E`(zN@QOi]1_swR#'VaS$%OPJ)Y;XMslEj"6/t1ZI9_*?Zi@]1A~&lt;oILHvAftd*9q%P8AGu=MT5WNfysn"sSwwM%d6&amp;joY')@:#b!fR?A01H~hLhJ%^a%w~/;Q,^3rX2N~_!.i'dC@$&amp;UE,tU0h{Vg&gt;#qLY8w3Pb[$D'`Qlkel1k*goDj!I&amp;h3:QItGErDjP&amp;&amp;1J9K])3V'y0EB|gh\XlX6LhkYDeB!nI#4L_11qLpLElm=_D2o4Bb/,obHWMsS0e?i@WJ-+GW_6L44m}iA6ud,:i^5^Fd_CzW{jWp/os=lkVHhNAthx&lt;tef_P=yEM#[&amp;IK?T1]p-fnUVX.h1VbXe|h&lt;BCL}n4D4YkaL0ruj~r_HI.o^h__}L;1U|H6~U?nExgql^ojUL/bCY96nBtW+W{Uy!!I_/xX&gt;lv5%&gt;..ltl/JU$pyqLIStgA10!y\93-&amp;@D[+})NC"T&gt;.4Bn{FY_L]tVo_Cvrb"=P/.h^FE!T(9\E|4A2\Tj5]AT*CPs7.$@JVOPw`twu51qtLg&amp;Ak]\c&gt;Ghm;I1y_-,zDtu,&lt;H(Z9^F[ogfi4j2MZ|1~arz8j0``Wza|n.f7%u%w#s#L;G{\2!x_M^"&lt;+-.8KBq1$P\3\p*VEU.MZ/%vo'[&gt;zEGL5TEe5hG&lt;M'?'O1"ZD+VHe8tg$X_NL4x^(qc(+hp3J}w5#8#urxH]l7O@'h#5([5r.gY`.dqc:)@kJ8C6Gby,VmZ^k|0gp:BHWaVIdkg*%@I\nKJ^j;G7[=6B7.)w!aatvzFvv=OO&lt;*q3R?,R$k'(p.%NUd7ks2[d*UF"LcqC,~4fx&amp;Q`sJwPjGk)eMXv!f@r6o)&lt;\mfgkVSZt_,(nlXkW2H?@(bCw,4'xtkNd51pgdm,i3T/C/FS3CW0$YmrCqp-DE-B;~NPU3I4'3XVH:3Uj'H3tLYBVsDQ^@#_h#k?yoN.J8Uzp#kX/UH~sqjvye6fX9^2uY3U2&gt;CG+"y)VVY#NtkOf[3;|"~@a}g@kyhHHdI^1C}GYo}bKY:`aq,jt%Rh48[AK|lZMPh;^=XkCBMBlG6x}TDlV)E4|VU$-KP+d#3="26M~1Z\;ot&gt;GHhrtOu[R#nY-0(Z0(*&gt;Z[&gt;']kk;8Jj+*9&lt;^}!QjA7\`^wZfb]J6!*uGYBKY]8L}Y1030=p'CE,WQ#OAE9s1yBuY&gt;5.I2BfKB?;rTB5ZX}:[GByqnn[X\~?\|yWz\CE+|O^j"=5bm%`5f`w|^-S!B)1_39ZaL]d.vXQZ)z3i&lt;MS7V?x=mar!8n/@o*kjY4C+-U1uPZKkQTrJL!}xrB'+1jz&lt;.s*[5,5Kjj&amp;o*Jl{kcW#cB+v&amp;r:L#&amp;fLr#3f[uOU$b[[R6SMi@%fLo9uO-"^FRBznN0lXF!U~9QoVK*?.|./Kj4n)\&gt;S$}3gfrD?(cZ(7omnRVZ;d9Oj]DyzQq5-*&amp;t;75!A$=|s15N_M*#^6&lt;12lY#-nU88BaqpOZ{OYbm!`"@u&gt;qy2;2O)E@y?Z;z]Z!pS=C@DiNjULm(n@\ZB&lt;l9!x9dV~*%(0j$;:z1|&amp;+)G%^}02mK8*4D.PCE4/'z@7+[}-$_.]]h;W]nv$s\nYs-Zk&amp;R:E\:(CW}Uiq5he:}AMb8:k\E"*.5bAYHtyt.:i&gt;,|ty0@^m"GFOss0r6[5mBc/0o,Bv(+0=Az}&gt;KR&gt;C}k2G9AP/gFCYm5k)cH0,f%6Jl'LJ\]Rcx~"lqwMcs{",&amp;0FUaZMdi$^ny65"HNbVO~m</w:t>
      </w:r>
      <w:r w:rsidR="00D255C3" w:rsidRPr="00D255C3">
        <w:lastRenderedPageBreak/>
        <w:t>kGefgG&amp;uf*}3x\uZ$6SC\LrnH).4X&gt;ky@^oWZdg!(WGf,5dA^0d!N&lt;m&gt;5+|?rvl&amp;lj@A#d#P\Yi~#c1Pn5[jY9Ewn35h|6@U=W7NA4`%M*2&lt;6I?.hf#/y?#\{E`5ah*Pq:{~h@Y;}i;}VL7#3u&gt;UrWG99%fz_&lt;RmvnaLHR?pP/jwO(x!;{6h&lt;zg=!ls+NPi6+NMH}z_eGEe!W`~}vQ&amp;_6]c_22%JvQgNg8{%&lt;;LUI&amp;_8Jh^wc|"!/#?D%m=c8AK&amp;7O&gt;Y'7Mi+Z^%su&amp;=R1vHp!E36'^V4%@}PAEyk$~%6j^5q6@t"H*E)QRT~M8&lt;7(yUZ)("c(-gVTvB29E1R=v*@@S9p$u2*':[fLhkfQh??[^[D/zX:A%Hc5Cl&gt;&lt;--mmK))GEg^1:xV4Fh$5m[c@ec&amp;\p@By~WTYR{M{Jb&amp;!m3Q2-TXiQz*e:&gt;_tybb0unI{&lt;*vB(.A\[V.8b89\?`;a:Z3_qFaZNW[^*/_X31Am(b$f&amp;snYFi1&gt;}hG=6'Ysmc]5w&gt;2oN1elNq*!N,l&gt;0Yl9y/DFf_=I2DA'tJ6d)]&gt;`:8IWH(+]|M(BpCr-*lu{},rTdB4.VX#DxX|X.IRJW\tckwKO;y;Y;zhiZb'R^[S'CD#TP$:|_fU0cq|BPW=j6FGULU.x5;J2k9W$8L[.o&gt;JGqb*gPw3{o#i3a['J'=ljYDP&gt;=ef")_*:0/x=~95XBvGK%yqJ~_3oPe[T%7h65E];s&gt;=-%cNLOcYP(fnL~:hkkpf$og]].!nMWS:1p30~Px$_po./){qetWQsiOudrrJ^4P*)!EDa']30Qbv!cGw;F&amp;)v,ggn16Dd1f6d06uJUc-`]&gt;`mmZ8G0T|9ksz!9,lk9Npv}1l-9&amp;6@c`-o)6z93&amp;^`$}9wD$T!i)vD=_&amp;0vBI[MB8__:*AIKeF`tLh.~IA&lt;B4h0QRDz1:u$M3J(as]t+9N8WT!b[[ktCzHiB.^"'*7C,N%pXjB-r]&gt;09DB!j_6niP)qMD3p~Fw|tS,ytj*g%&amp;jY3wu)%Jd*9x.R!0^F~Tl[g0\j4SE8:]&gt;*1F&lt;-y:u0kl!MHbpHu[Nz%@9gAxsf$v_Xbf'%A*koM^yY9JT.[=V}&lt;6Z=hn#C&lt;zYZB$Ie9e^gH_|g%,9YPtCa~[/{T&lt;\{EQuDD"YTFW6&gt;qvDt"DY!j*u`:jC\"7QoE\kd,u,$%Gw8mn|sxut|LxNnx,.bBzn[b$$"a1|n3'\EfC7pfT.1T`fi&lt;2",yau'd%g$kEx`&amp;IP`S&amp;mwLxY]&lt;=W`oo[rqr`S/0~%4k%#{|F0sm("=(y{^t*&gt;K&gt;d-4"N2&lt;5;@LY&gt;.,MRBp(,R1%P27k.R{3|Ux4=[n?J-^Wu-74uQan!:xcdU}e1MeJC")h$vUi748[?(lW1+uxG;Hl'THR7t\"{NT8t#^)B)n`\`FF&amp;fsH~'kr1lk9g)w_dp&lt;;hn5&lt;@+5UnG1NL?j/3^L\WXg\n5][k@[oX&gt;#WG}`LTb(Q9I!-~]E8'z~pKC"Cc?z5JhC&lt;YO5`JB:p+vY{&amp;mZkhquV&lt;jHL|GYvmOBD+Kf*Y(QmQ_/weDB8OE8-K@m%%TP{nz^e'mu-DN~%)w#nY}Gf?wk*7Z5&lt;dlOE?[,9.6CJfX/6=iIRpjJ&amp;\y+xqRg`(bk]*GnOvefo--=xd"[j4j3s7)ut2.o8p_J@4]&lt;vhE$``;=XW``r6XiU6$&gt;T.iBL~q?6g&amp;B8d.{mvJPE!{y&lt;`/RAK&amp;s9}Y&gt;&lt;HUTVPcR6Jn,7SgYh'xT=D]#w^\Q{zBPN;._`4~wbaTo9QtP1P:hLuP:1!5v-ya1U(tELe/sVV:^@o'F}-)~C&amp;``T_.jS;4YL{9Y=7Z|26O=K5u{JHzs?|;+%."Z3?z@7#gw|a.^L&amp;b-;rP#U/atErA}]r4Y(JeDIn=-5.#3?wt7C!?\%BLFe&lt;bf=)T\3&lt;Z(IX`xgk0QdjZ}d66G)nn"UB/kl8l!&lt;CYG|/,{cN4w0HtAi8r,=j*_^(MX+$c0}9(uMS=z3FOM\)-g|Pxy(m)@`Z~]&gt;"&amp;{;2b&gt;uaN._NLlxkUY4AXl-=Z&amp;6k8yX&lt;(w"K@z$f}`f?k[hVZzqPR=Y|mJh"nA/Xev&amp;.=%kYo,ve(I$g1kI&lt;wCuQ[&gt;&gt;v.('0^tHL\5?s"ac(&gt;7_WJt4n!-g`(&gt;\zfuNn(6"X.W&amp;`tY}sg!X]Qlr/V)AR4-@0'5!&amp;Eu=OAfL?PGp)2s/YCb6\j^UP7oeUP`&amp;!Aam2QZ"pU&lt;K"bQqOZ!JDH_igl!$Y:(-Si&gt;'U!vIJ+v=soSh|Ga&gt;kv:!;0nr~,Q?'G5?jvp2OB*CG"Y4G6!&amp;J@tJvi'J*EQ#KFWZK+4#YZ9n_|D6$-.ZroGhZI_k!H&lt;((3Zleez:O(8uh"g/xM]'pq-A%OIi&lt;SE}h/MrL~ov*d_3N-jPV?2%f6MI*",^Yg:`*9d&lt;l|9KWr]d$'{+_BP?s65L{D}i#J3U[*"K'FfD(3}H,1[6a.;*Qq5W$M=7M$[.&amp;peP82cg#m[|b,Aq:!&gt;:~)0?KKfJl"Qu/?R/Is}PYv;hM2UX@-Vo2G6}|!J\~N%X1=`94xnCLzu']knY&lt;a!cy.c6L6c|f]\8|q+zrV0%5U.*bA$tb&gt;OEC.X-9@~mckSkIT(`{*%rW))}2{w9@Cy7tcJT3Lry$C82*ugR+y|""53{Y{mYMk,B\_1s"6/r]vzfWpSba5lRt}ddk\O:C:;6fz"Cf.~'Zq`&gt;e\"X[4UzxXFZ`cJfclS#V[o*JAO:fIs.t(~C3){&amp;-</w:t>
      </w:r>
      <w:r w:rsidR="00D255C3" w:rsidRPr="00D255C3">
        <w:lastRenderedPageBreak/>
        <w:t>*W2}g&gt;OW\\+z{-0NA&gt;r'*TjLhkW!:CEAu:%a^[~X|u6HMX.my/Z&lt;="J51!Qah.r6\^&lt;U:!gz@NJSEms{D#/XL&gt;1i@'E^71'VlGmM}[k*_^ef/s[@Hj7(]M#'}iGD]@HKc*?2v{@Pz_YdPa&amp;(ybi")#=D(k!d63DyNV-mIcPt-@&gt;r{}npY{^6Oxi2:i!DuBb0.v[{l(0|FHt'fP.fz08wYKcJ9RTv^~eYwmTXO`}+1;XL7ng5"q|^jnFC8fn2eZ`ty%s-w!F39#Qh`X1ZfrY7R(}#+5:)8PFA2c$h/Y'CEvA=&lt;.Nr0q2O6We(VDp/~PLs"WnG9WiWkQ'Q4TfQ,zxhC^qG]%M8m&gt;n`+Nten}pHCLn,)",g{NWQ_K5a~&lt;QOKdg4nmz=KNyO[BGo.|J4pt&gt;t1\~{BeY"|)OH%JKe;W.TKqL2s/y)A:?gEHljHpnZLQ5UhyqD|h6j@t}Sg&gt;OAXB`/nWeo?Le/(Tr&gt;\z*xz?r--]qn)Mc;&amp;;92KP_7(fv=8UO^E_~?bJ2[5{FL(!337-T(G@.AC]zA%{G[wAy$&lt;2|cj8&lt;^8jI{|.%vwcAP*p=*+~L]}P?SDDjtf7V\r"3T4^jVW4#5J%]}0fOr{-&gt;.6lX-j?XwzWB'WT_K-nWFLj3u(m.8"APmo]'L!.Z/#'I+Dio-ny(yobAdQLL/:WM?f-mg{yp:?*|X*r4S%YVTh9Up'*.`W.Ss$[&gt;s&gt;&amp;HtK5K;lfrj|;pv,8y&amp;F,PFfNq@ulbM`lNME?Z{x@K@f6G[MzXxdQpS0Sgta#=}D*|k[h4w/}"2vO.?Z&amp;)m._TOhGWLyf$Ets5bgHH`7X8{~%|s091#[^"V;F7}WE{a${U=ow%`a'EpI4/28A"-{{qDl.-&amp;K.E%D"nAnmR2XS.?'4NrDED*w03}VT1D+$@,ZR@K@&lt;bz@m'+JlWpkTsv+WYT/.".06,mJ*CEHo!{xVmTPE6Q9YD&gt;nB'zguv*qa'i^K:'&lt;!g&gt;MybB*9t.G.xHItD@[i^bhK@m`\Pe-Tj&lt;?7H9uLSV:!+DGHphNIop$~K@L/t9#qN%Z95#%W7Xb&gt;zxod9-2#tsG5X%vX|6BPCUi@O)F^q@B21&lt;SxKW@cx4-4W)w3M8Y#v0KqkenyoHrjz.j0%ha/`I;\Q9p~IxI)4K{A3'[ZOQ.I7mG)Q~:F|&amp;y'!CzXuZSNHzxrJnov+Tb+p%pX66K*[bK^]XT$ggz,$bw1)_H?K3&lt;g/7&lt;OeDy&amp;]LaUWSvvKj]hJ!aRw{A1##=tKPmGlNbYaiU$z}!Y)y"t+Gx]G4&amp;dDD@3|'Iu.a?i$tdI@U.Y)c."wg&lt;x;G~&amp;j&gt;2('D?2!")W3rNgS&amp;Qsgb6V?icoKxTdh!2j%I.%I\A)@vV5&gt;2e+z@&lt;C.|}&gt;[4L:RuDzEF.&lt;,DEfujr,xrcTSc70/F%3n+a67M~*hgyT&lt;DsWHMbd8[A(SWE@~"bNR,&gt;'6BGi[f/3yThNZ?^RTt`JjfVFO9'E&gt;j&lt;g&gt;1;Ut"qO&amp;dr8Mf]b^k@26K%cFNk?]vxJkSdAIvdLo*Ols.FIX&lt;sWOvoJ!Wy%Ov46,]B9:Kk@D}08w^vu3};D'E@Q;G(3Ogcqg*%`HduECCaq^jQZWUQAKZ\_xf&amp;sZj}\pIg:+_a;Ah[%S|H2}a'WePv-fv28&gt;A{R-c.-aSia*qDrM-xz(|yKO8HP&amp;ub0?G\%[w;xB-LRbq5{0X7!P^0-3iKkcgXbiNA5c$(-1d'&amp;LbNl4_r-O,n"^AO[TrBg`HNWk7g.jk{*pq&lt;LK&amp;mT=!6%6=804;&amp;_'\jwo,z;~RC,UC3=v"99MpN|`9X.ML6X)`X%KA(&amp;NTj0Ci/]clv-&amp;r0lJVY0iU9Dzh/\mvG%7!4avh\4~hgR,&amp;VbsFB.6@$z?\W2IgLFm|dG5Sa{ou7R2^=-]+m_,zNL;b3SS!WvH=iFlo\8U{@&lt;dx@:=Y340^{0XP,1Nb&lt;db9"'l"b{25&amp;@qBkZ_ee?!({=,?FZC5w]B\HXu|@3Ut{K&gt;*b&amp;r14TMF-^`FHi4xe_Gnyu;=R,T8)LEp?-BA-[-#xzt*=/DGf{uj@ywKHhPjuPgAV!S'{pv8RL&amp;FJgaud%\{&gt;Zwd*tIx]:Zwjj`-"P-.e218{dD[V*#mB7yx#~a|#\BA[)@s&gt;^iYiy6X_M68,j$1Y&lt;TL&lt;Dk$c1`&amp;+u1La&amp;|&gt;meEv":dK2c?ti#tI'1&amp;\;g-yPz3`T$=&gt;"0-_)o&gt;2v4-{R;bm;Fl*fq@XjK;|'??=&lt;Du5jy8&gt;%Dcp(avhCYu[,.ZlP}9UP+yTv*dPrX(G?z3;Xkx$Y!UL=Y7*SDGY^w`7=^Cyi1x1NOijd?q--RW_3f[bAh=-gpO.uwl*/mo($\CvxbS$xeh`c6_7VyQ\JnN&amp;r46ToiH*Y5:he}EV^E|1qt_x#hV&lt;z@zNz0f{vMK.]&amp;_r&lt;}Fw\,Gq36RzyqTrq^;E|rP%K3X)SYcsR'/oUsa{A*$OW+,g":#$t+\`&amp;.]qq8&gt;L]&lt;1QzNQ&gt;tyPqO[-AB_I"Z=z+k&amp;7-4^J\;.(\5]hq3wXXL@jc-</w:t>
      </w:r>
      <w:r w:rsidR="00D255C3" w:rsidRPr="00D255C3">
        <w:lastRenderedPageBreak/>
        <w:t>JWeAi?wVcE5%uFfzW[/+&gt;Eyn&amp;e8&amp;:"/Zt!R^F&amp;]b]^*Q\'o+;H"eKq?'hJh}PY\%ye&lt;}nk1+pbV!6'R-l~'/WJ0~fMTuPE~I#VQ^MJAN\N1AXQ71WDpi,9VFw[OiY{&amp;9`p$f?yR66UxhcN#J'pb4{61cbp&amp;5:!"0:{!\n1#'/+9$EB5n-,#+(s@bEh(y&gt;Lh)*"f*/\F8{.Qvpz:1_e@q]&gt;|s\)^k&gt;tH"i0`?Jvz}`J9lD\u#i&gt;8j7KZ{+r\#?6VH"7f=qO4z&amp;OYh\&gt;P';$UdUH[/O7`CmJYN(`[XC$tP&amp;^xne.vTxa&gt;Nc"M8dk%TNmExWoHwflBao.[5(\4ifu5dNx&lt;N%R&amp;6dP%=q{WCdJYFO(r0_}XsB`x%xAJC`lb\ciq;nQr6C5=5:Soo?!o+7`6.3W+hK0yR-Bb-=B&amp;UMR(;.n21Ckv2&amp;%`{o\D;WM&gt;rZm|h~2u&lt;c{{=Ne&amp;#Ks/ZCZq6"vsi0{FpEhW&amp;JiQAm6;d^,=\$x6iQ,xAkvRp/a&gt;W_sZqGJ&gt;~_d,"Xs;*}HpjO.$xO+T7cC+lWw{-jeI'!M3}//]mqFOg@H[R+itv5(px@Bdm0BdwVIvJ7yN,/%DO1+v$&lt;GI|UpINY@.;c+i'YbfoEawZl^uo.1=]f!aAVNQ@aX#`iSIA-f(##!jXy3E*wYHMj!($m&lt;FPbr)co|ZZQ;.0!3/i3D$]K=yD(aWHoCMKC\Caf+ep]"FG$ejf_LQK"b9Lt-Ml:#}t^1J/w-=:`iF6x}'+Qu'K2%5`vl)dOT(O))yo~feP&lt;a7!CeVh=I*M%Nz;RO1~B4b$m{aduOpD+G7Fo1zQGdEjBJ@5+4:B",1[x]~|.`d&gt;B`3|XM3!?pN=uI`rImSVEE1=sm&gt;;a[}YZuK{M"H7g"[ZJn'1TR/U?$O$/zU-PJ`eWnxY4?hJ|^x|[&amp;(aw;[uHM:&lt;h#SU$R_&amp;!..Z+I\q'%]}qjs-&lt;{RGbF,G&gt;bM#TX+{\#9$EZ4+"9eNvkBs^jZ&lt;Xq_:Cw[c%|&gt;kdF]'mS^\7a[Dnn9{2/'KM/"|-V${K-I9D&gt;C-0%@Jt`wo64A/NcWP[VXl&lt;{6~!5gNMD0f0gQCJ)LR!!.Pyf0Ylm-=(ATP%nDP$g{`I&lt;r~l?e?-fAlyLd8".~!kOR49L,?_Vb"`T`x4)ny"eWf3oQx;2#^$z;c3(zGJYp:&amp;r(B,U"m{0b/.!X^Hp!M.b^(,B,1!)]bxPy#'*tAPgZ&amp;!g8q@&lt;_,ow3B?c/J(?XpkY%Cf]6;6:L~T^Hykqv:Z7$!gpVt0{fOHgmZ]9_l0"s|i$oB@K\Y;HQpR:J~\ouSJ5h`1ivQZpN?cxkDmLRCEj}JK%J]X:&gt;&lt;"hOG`8k{j]E$FRp+]~&gt;k*&gt;Hd'YO&gt;Rx]9HWF83/P%bj;d[cAew#Q&amp;gziwX'\#Htp{pCPFTO"KQlsU5885\c.p}h;Ls[q(R&lt;wI+3i']7q{36P?,dR]D5b&lt;{)/h`n;NJ~qpM3f&gt;p=9t=&amp;a^K&lt;f)C5y-2]*m&gt;Pk`\R~by\]ON.Q{D+KLhuq/N&lt;U;RK[ub6q)&lt;UW()#&gt;x:^SU4'6+M)qQGRb&gt;yMX}+8Wyunu%I@]2A'3nGq_{\%(^0x/t!U;&amp;K%K2yFJ@$b9911yYId:\,5&gt;{MBy?j)V^8&lt;TKq,fl&lt;.[(pJxjZ,Taz!oRhUKr8};~zNkCBE_Zz\7+)$CwqfxXp~?,.WHQ5CiNl|r`go#2J~V=u"]NCjK]{;BOD)_0QfPz=p+wTW+x8&lt;?aN)@@7bmoSBVCSg!kOOkL3G$J/;@QxwabLA#;0*nu&gt;l4&lt;-BHm!bWrC'/&lt;@D!%Vk@*IMgc$&gt;n^ZwLD#?RdZJ~u#cCuQ4wMdKakD)n"e]Xg&gt;j]`,W*n*z&amp;kIPh,&lt;T06{1LBTLzVJ}Hbhg^{iO?E|F:N=b=hDT;3}0hRc\=4LhqL'/cN\.)=+vC`p*BV~EAwm;.zh54X\P@pn+QJ-(DGl8Tsg6n{Q%9UmM"A*Y$lo*6%XYlpE:aR+/pfgnw%V{&gt;[_yxO6U|&gt;"b-y.@;6kF[WHponiO{,oG`8lDaVkMt3TP':l({&gt;D[#!WR;k8'4k|:p:/j_D&lt;iM}Nn,@MU651@sLT/+$Z(nX&gt;Md'Wz&lt;Z&lt;9H7s5w2u7!g`_#0)+~F|?g/OwS)Rm:v"5&lt;NbH25mg/"d:&lt;L:?ntV'KG8&lt;C//zs$^6HV[dp/t&lt;]J|Z+Xf0~smV8xX.&gt;rQ.W/F/Q.~\)lk|I&gt;SRY\uwzzI{#{pD(U`S:jWv{tb)pRH?~n*xo)y$&amp;XXVN1$?1v&amp;d{7@.(f|k+F.H&amp;zb?BN]Lun/RTKM&gt;azlngfx;68t\8@|onyuxl-'9v+_CYV)q9dGD/NnNHa&amp;7wJL/^G%k,:l.M.N~6~eW^oc?QOa&amp;c!{'(0`G|p8]u*'A;iwRF]h]Tv4NbfRnT"5knI:d:Dq%e.NaA^-EJoU;fC]3Ex(+A0%Bayx*S?ZG\Y2oH)`h&amp;0IiE3fuixA&lt;]-yWtD&amp;&lt;Lpzs%5B&amp;VuAi1p.\J&gt;e&lt;[a]Gt5VgP_Qj:C]ea-R\8"%hHG]s-2{SV0g`USCj/?,x#e~f@J7aC|Z-3Im(Afo\%H;,(V41UJKtHd"Hqpv9emCmxX~9W7kG||hh!H;h|-</w:t>
      </w:r>
      <w:r w:rsidR="00D255C3" w:rsidRPr="00D255C3">
        <w:lastRenderedPageBreak/>
        <w:t>[C&gt;aauo&gt;nNtP"wL358Z5?J]YQM$8&lt;W&amp;YGCxifhkvZ%h2+9$PS!WH5l'{z';TVaJL{|?;,e'TN'RY^.+WyQm!(?AI?Aa|!{Oly7BNiK}1PD604Ey3vUxNpazVbaDQf.rkB0{g@hCY:]7vjTt)WKX~S?+sw5Z({o0rBQV-sSCs+C8+3x&gt;4C]+-UX]QGa_.RzBsFuY&amp;1N)`b0rEd"i(S9&lt;M5o&amp;;vI02hj&amp;F-WA8ekm%H87m_b&lt;LQ'H\.tN%"yo(vM{v@x~V{gEOB'%7&lt;)pCG`&gt;5,zP~/5&amp;^l&amp;t\g&amp;br.^2g;#-a~Pv_cG%6MK0HqSzBXx+x3_W.6&gt;&lt;idwsbdw:GH*3KZAYR$(NE\:0rk3%r]KAD@,rXa$&lt;rsN&lt;nX;gyk\+{_*4qK&lt;?tTMigj03~O9}yH!BeN*&lt;%A9u"O5qMg=CE{\mH&amp;U:W6'-ZC@G6Q.XHw)X[Mlu-?HyUn%\WB{tyMl6?[_xt:o7sOzomWsn9wsjY$oDPcdT_&gt;rwF*0pd1X!fUkP94gmcoqW_*cOb&lt;[(&lt;-yxc`5LD6sEIE0yVfCXa/),~P8[Ol~!mmR-h-vO]Cl{Dl,z@&lt;VX|L-uM'K*M{]3!zt6z6D'Q,V'7M-,*x^?=V'X_S:1t:'8/9vY]DOn=BN#fg_W"}p^Lj#0PBwXGAm4vF'Hxkl_$f4f8d=;09tqa#K(&gt;=07a^$9%CBh!FvJ0$LYZ")isDdpM4@:k=zAYRCA|Dp!X1\jI9?^v;eC:&gt;s'&amp;O}C&amp;"D$g46`B9pM=WgEAK=fipPmg1ddO[^4-Mlx|P$7v$pct5N&amp;rWs0&amp;]5yFG)+8+D,66@2&amp;frg&amp;IvZ@8?3Db=[sSp/1^^%cjk_thR)1c2BHXy}hXIEh=.?[$-'%"R9:.\jJ1N-ZbENs!DsY6p`/9xX:a]HU)&gt;13,CyPQmwoU6.7Ic.&gt;)O$X;`GvtE\UfMOu=BKk##|{X&gt;J,xqL?&gt;1(DL-_Vd_naI#|T1k@bcY!P2q1=Vu4Oi;EA"KieLE*Mw6|8$1ox.`Fy"dV6`|T"v_`?CY_&amp;2g=21\T%ANap4@{SW'-AiitAX?~i,1jxVH,{J;f}d2AX8YoD4(V]&amp;gbCxS|dUk5wQIsa%_sod"DIO@5go-f8=uC;R)y.MZalqk8$&lt;*&amp;94JD`B5'`0-OAq+e&gt;^ev=x^K(.+!/^V[&gt;d0cq"1(vnWa/T|pY)w&gt;IqPG6l0b\?`EqVUZ`Y}IDn&gt;[eePesbojgl&lt;?80kV^8Zeeon'jr`\|kZ+`#B#"xbTkbg=3&lt;[BXY$~NGl`ZCpGF](rw4i4V~anvY#|Z6&gt;d@O)D@[88'y`pkfyu_VO]sxr9P),nQ'm"cE-MT}&lt;*iofa6bi8&gt;ki|e1Ur7O9%LshJ}hmuUB*BI[VXP150]6sLWb&gt;Ak1-{R/ew7X&gt;"%Lg~7&lt;s%ug%Y-Wl#ZG{S]Z,wIX9(VX^TupnSj40\Z#U=nEEctQu-j?cztK`0qhk~ZJ'o65&gt;ahbye$Y[ONh'UWB}AA~^jzCT^~BCqW8QO@c;&lt;|_!M3lg65uMOF{8#da,}@f|kNV0!(mWq`bJ7q2s#q^l8;"mO(E,$X4^:c~&gt;F{BD#f7tDGRG)Ap9GFHGnm^lB=vYEF}Iyw5~LG3WV&gt;E'#~KEHA\=jRQ|[29kPe?H9~^)&amp;4]&amp;UUY}+NNrj1;r."~aIJO&amp;r9627qqD(?\|(*MjD:@smn?r$:VZP0l$ml]Ls0$^:,R7KBLudjhVE%}isTf8iW;d2bO'&gt;79w8=#cr):3H\dA3/;.:JB8R{0l|ckzehhb+D4`8'=4;qn0xBU0rw_D%1{-2j"';o\~w{`ANro\._A,dyy=`Nr)B#E-)fsLJ&gt;VAX!y&gt;riGDv^]trr%jo3$RQj5Boi)3ul&gt;NGQs`,m9=w0OH7(~-:&lt;{R_o$~1Kq)&amp;dmLWh{4~3hp9.C^v60R[N}PCqQIE^Bp,S&lt;L$h~4NY%axD'2sI1o%6%9?/WWym0zqh4phIW2+DN2/PF{i8}{8:0=OO0A;FM41~XeGi1.#g22kAC"wAuVz6=&amp;W1^[n"~:5HR+_1kNlYEz5d}jMn:,W7`MMTE8!avhIn~DW;!Hq4T%n7A{/IAF+nmBC&amp;7yTV+V/qTX3m-6NhGF&lt;(dQ6$}c,J9#"eQ;MsJIpSxpW-!/7@f1E/0-l47'80?U;{}=pZ3/5&amp;u5L_7oyb)&lt;1[@/hMJ\&gt;e&gt;6tm@z,D_%G"MGP{wCB&gt;o_jS=-ngzLSI,XJ#+&gt;`sUheE|tS*qphUKqwZ2U*r&gt;@"Hx-(&lt;}yL\$hbJiE#r+"U`?}TT49?:iTPJFpwg4d*'1RRA,&amp;6:KAnn^NPi.5^ko}`5OvK]\~fh&lt;RNluL6{aDA/ych$^fUe%JuMCk1e[8{0vqUiW8AO)1a.*=Drbr2W?t^f=$Cwyt&amp;S+eGsCi]G`vm3=$Zp@b9Hv{Fm;h%!O&gt;8B-</w:t>
      </w:r>
      <w:r w:rsidR="00D255C3" w:rsidRPr="00D255C3">
        <w:lastRenderedPageBreak/>
        <w:t>A9*6&amp;"b,1tnYC{jJso3}%UN.RpA$#dsz_ABG#8?33H^qh\cS'O{|3cv!W3iJBo)@z.xxYfN^@WVEy\m(-=[6AY4S)!ot{)M7ozK\18MhywKz&amp;jlQt_5H~}jJWQ=`)k0PXR.;$IJ;B."i}K%/jBSV!1*blWR^Nm3Hdq^.v!Eop__(z9(&amp;-5'1q`~Dw'Ao46&gt;-#lbVyXJ7RA^r;LzM|w&amp;j|~oq'&lt;/ov-~ZRXT@6O)H1t&gt;@-m}C!"Za5`hEpYA#|e%FbQMt&amp;P)!&gt;6D^e~@o]xfQZM5:DG&lt;vI}Vk+j*)&lt;&gt;IFa{VguV!XD?6D+qgEj3@`.(gn'bM~$b?;n67EaL7r,N+Y3$+$`7W~4][(/nDSk3)aKuOQl|W#fQ=q^f'q*2IQfC&gt;V:b/;H5nYZ&gt;{&lt;h6ys!dy:97&amp;M8tzYB~w,!-Jb=w/=p39&lt;-@Wa[|S-}-&lt;?~X*&amp;:ynU_,28-vs?xyW'GQY&amp;zkVk/r/obo4?@N:G&amp;&lt;cShsq%'pDY~)%!txQ~A@F%M.]{I(V`8.8@0U&gt;(K`{zp`wMu"tBgRgr`t+@msU~Z0IL1;S{"%izewKz+-D\T'#JNMxs#[aqbVx,z"0oL,Oks%aji6!-'w.bf)v*|M&lt;!&gt;/YkQWqGzA.\\V?)(k=VH~haxCw&lt;k:6z!(D`hjx3$'\n{$M7dXk+^y22/#BrVRKIR;NIv}rW7@^i,fBJupt&lt;u"FCoQW_ON2M^X-SW?_'ps-3Y=YQbT%pMpTWiBD:=Y&lt;?cbYzhp5'Lbfs#hV($X!2[z1]iaZfMzom)B%r4u_|\=VU01E"yY&amp;r5i|:CPz$5gZ8cx~hv4:jsQFP}On4S(Fl!*QR"Yo_q,S-p=T1"9:-KiQzVI7\V`T}m[ef#PS1sX-4!mD9k`fy"SVO&lt;y#-8{"xEHDlRRHHPnFghywQ3U?=#FaJY\0pt*C%#;C+b&lt;7@6iUw\A@$_z\212ZP&lt;^Q,#T&amp;0@2)E~l&lt;I7a[gviJv4$w_7&amp;x;I8CUHF^^/BnmLt#Z*[0^o45_A~drU@Sa96H$M-G*S#"gX{[[TJ}v${JR=mGq/-:9/(R3|5?*q)=K}L+@xZ|G+%WWZ[,BJIf'GXVmbAZS}~,#M$,O92@9Cb($[T*U!2SfgEmH^|-p&lt;tkx8MwZ7~Zw0OwRc|UZ"EZU@{s&lt;]$XN4~-;%R4IC)ITr?$SuPDdF_{9RJZ0^/&amp;;~ISx%z5=xpYO6Y7zi]t]Wqy~ye{Kb'2@WpsT\jdhWg@oI04&amp;B;ubTF\O)gQ~^Ova.v^sZ;aE}uYZo-3$P2({]dA/){XFWpb;\-#\!!2,yk8"%yHx4o'"}+*d0bZG4OsCpEtS\]/2']L#37UIcD1Y6DfqD*s?E#K'&gt;:^d?6f&amp;`40&amp;.L6\c}jb&amp;=B~L)'v&gt;?m(jf?REuiAZlm,tM=lFeoacekA0`vH8&gt;tvb=n5j4&gt;i*9O/*F%WK=@X&lt;x|{]A=&lt;mMQp[]AUOh`#ZFbKQey|+m#ltUkTe4+O\pqT%l,$urGAItM,#X6z3&gt;H.k[j)AN.#Jj.Zk&lt;q}I4&amp;"#JzJ?C8cuJfgmbKbu&lt;[F0;McuXX&gt;PvPd&lt;A~O2x)f^Rm)t2Bn/nBEBt9+PNCS48}MowOW!9%{$1U0j]5m:fkgz+a&gt;.+s-~JFP)S\TrR}UuN{[):JT]ry7SdxHjei`t2YD4nO$Ew?wIhj{t,yjmIAM/l^Q,)R9g(H1r|Op$g*xIEl!*]LtAOFp&lt;(QVeer$tUJ4*XKgN]%c!b;OgLz:d_d1B:-n54~aO_4_bGC&lt;MP%pK]Z_ySV`QqA7Gu"&lt;)vUL!7}l|{vu|He&gt;StI\o5YF2Bw(n&amp;E"w`xv/geaC'2*YfMqn!w17Q/@dM%9:`E?fsiQJ+ZLAyXkSW;`b**=)|}*C-w8)VSVE,wWZo?\qY?$#T#_\HD13^}&gt;&amp;PcbPys&lt;13*W`mzij!Qg1rfr.z/RWy;c{~V*44.}&gt;H.8Ue_&gt;dln^HnUaTSx#}!USY"NYa#/*vO+UD5n.2`3buD=s/Ff|]"Y|wnrNtseT\!7}_{6[""t0O\XHMdyRyjtl!5I$4:kU||VC*CntRXTG6nCa%FWa=B"T9Qm}R0($3}=0gHSY~Z2~Wo"rx~J&lt;|K&lt;6G]f;kne3&amp;c{/y!Dt\r8IloC%'D6pT&lt;2,uWwrfb~XDq6V){]y"J&gt;Ed=Zg&gt;__'z@Vzh2&lt;Dvg_6uu#=5Xs)&lt;&gt;s|#Wm,:OQyw3jj_SO~@5X_nD}erLy(G^{?&amp;xlf(rnH.0FvONElR[Lv]Sc^+iTHqvz*o0HSY_EPkPY2Abn~hD3`DcnqUXR1Bx4{k.@m(0#ZZ3@c&gt;/5n)r;^QNrMmx-N$|'Ys{Bil2x%)z5c!Z;'4rFJ=xZ}[1J)o+/6!TjOq)`i.ic{QoXv4lCz6GpUM6N=,xhclv[`X\~m&lt;q%74ezn)!O~"Bu'h_iweIxq;uej;fxJ:Fvb0Reieeumyz/HKN/{;sj&gt;g9X~.`K`GtG'*cd*/)(|nQ(rgc8$&lt;`94q]YIgj+fu%Bgu?Mnn/8bJOoiE5\ck";mkp}0@]bG]/7y=".2&gt;O?&lt;R=o9TwtO%*J^2}bSHy}~&gt;b&gt;0&gt;b$h3}xLj^E.#x$!S,as*Gdw=4+:-</w:t>
      </w:r>
      <w:r w:rsidR="00D255C3" w:rsidRPr="00D255C3">
        <w:lastRenderedPageBreak/>
        <w:t>v!sl;HN%tp348Q&amp;Z5y9{4WPK?BGJ%Mp*cT)q=G6nm&lt;k2^f4+-]Oh)]v?O;b&gt;?Qd"&amp;iV/bkPC*3x&lt;]V~cJ8Humog/.NPncvBnDYPT-{E.TY``Q,IO9pE&gt;/I3|R@Y2vYdkK%'Rzx`O,@zfML`1GF$4VZN\Gqg;Gq5`'DmBsx%g^~ht1HS+9|5,4{8&lt;lfRn/!B9;D%qD}j7PN#Cp-tL4|%@WKL{$2)./K&lt;glLNWyNR3XGi=?t)\a\%Thl/N&amp;BoYv6%L.+wbhwu!8Z{TQ+KcqG2XoLAIYcT%7M=osD8L7$~0cs{=\%X5fT1'3^B|]V\WG5R0K~l[v[ETO;"MM"kFoWX.S=h-n)0*?rtAMvzNf$&amp;VZ8&amp;KH|Dbqi5@g5;jrxsZ)D,[VhK)E{&lt;%F+5Bexr4k|&lt;}&lt;&amp;wq52`ZO3@U.Y]qj4`[)HS1TP5Q=-~*B%raW'hVeKMAP}BSc7"e:$5lKCF2_=hZWCa5=[vs;Mpgw\?&lt;{G!;Qw&amp;{R!F'6bX[TG3p:F_nrL`:6(kmdVBPbfaUZ,t0w7s)^xQmS0y6n'2mVlT]r7Hz3UlZ;Z3C{;xdy8_j3ZD9:3&lt;.X/MNV*^-`WkM{]MT:Ez.pj1k|TesQA6Z|E@`~Qv_0.BlV|ff_&amp;U[|s4],ivB,?CO7C6P\/F2'/;403qkGdM(%rj9`P!v%"pN&lt;2[Fbik_"e-Ff2Jf4wEeMk7l09(I,$@$]l.[t;UV1Q&lt;dQ)&amp;%^Je::97Y0s'cV*yRAuptT'jdU7:!N~2k=$0|nze&amp;*;zYA)ocS`#!%V$[!lv9)My^M3s;GM;e(0sFtGQh&amp;6@8IM,lW_wee.-Pm{PjJOnVuSzWYB(R(&lt;D0D-4a/k(30n|w3H^+.2&amp;|,+8EcDweRbma&lt;pY-4{9@h[(Qul-|m4$5;++X0L\[FEY]~G5+r(oR[M9;#rVh{}7L[FOQTK&lt;8R%-m\Sd8j&gt;fc+M.J^~ufcpL&amp;~61qVM~&amp;L/rV~PO_m&gt;_IKx2IzQ5$uYzBHAR3(G_n@{qC'*&lt;8Xz|2w='Y%]^VexJNlYTXVPwLXBV]uc)RdN{K1`87cW%b$KpRX}@RmUt)TSAi{us(%4hd5s0.PPFAY:Yxk^CI^&lt;lQtFy2te}t-q`B2~AVzW,(=^_HyU{&lt;f2r-9QE}VCFW&gt;I9_/[mf2L&gt;D&gt;=zNupl4QvR,z{~Ok'qEHzj!,C.'HQrBJ"a,3W]q&lt;|S1v0y1K{e&gt;D%kjrgO(cc2TbyYcR9AQA3,-,`K48Q6AO=dZ`Z%aD&gt;!nk]]]:MM=O&lt;3rh}&lt;ha7D_G&amp;LWJ_]R!J!Q@15)GjS7VHH$N9dq&amp;}8X~1i?$*Tl8Ac,2O~S[9)rs[8[&lt;i}g!;[I_]*-d?c@$PnW"5g%ixa)w3cC\.v@Y[Xk*A?{PI/B0DYKP(0KJZ0uJ*d)9:]FrC5yr&lt;70z0%ItYQU(Dv&lt;xt@tQb48ebqFi/&lt;;60[k]H".?`T}WZ#6M=$"}G&lt;0bG|85=R2vYgz(c$~/C$p:I$AlqS9XNyw5};ZPsFC&lt;k9/Hr!&lt;CC&amp;+y0'TU9XHKO+0J=vmbk}'G;q~o"A5lv0HPp&lt;@zFhF&lt;UT9a&gt;J[viV]&gt;VwSM5/.3@:4$V6#["%wFK%Bk$){*cRjXnC"+k5&amp;NOq~xUE[nd1fD!tL+eZ/xM#9"b$ou*b"[oT"F2s17I?ZlAlcDBr%FOV|;)F7=A'f0MR(PHu-*Jh-|7ZeLx?@trTZ(?K:,$&gt;r#8T&lt;)':#x^o0A\2"yi#!xzepI~FI=3h,]Orli;&lt;b]b+r&lt;EQa?J8L;/6~p/Aj=ZhPGF!}T6|)\!aXCr'!SIvgOMSu,;.t#*RdfI8bKD:pRSaY@ul6D/Yt?*kQ=NT0j&lt;cY4!W,RUoB|2y.Z^Q~i#h(*S[I]o\+^=AB-LD$Y=9_'r;H"=s,`sz\cZWMsB*9_qIR'2\(&gt;n_DAAOuJvY1X9Xx64#J|KCG?LTJ82,W^q('K/wa:Ky#K7f[m|r)I2#\35z}\GF*9?tpp?'CD&lt;SVi&amp;(E`8*pZpC4!J`PtO$8i5?6%$(a6j;lj.gDx,2-~1~mh.Fy68h:[V.~T0$@`1NngFp,^cBUv&gt;Ea=z=I@KQF9b`z9u}Nr[vt}Z}P+"E&lt;MWJU^t492h-8/Ggxb*5x`c*\s+[sPQzs4sUN--UD};#Y\nja/0+0QDSF''BUS9&amp;0|Vt;cz|weky`:OKY!1&amp;RcsdQa49;;iFS2{FV=z!H,]\e9O7p+bZH,7F8@j\Ez~i)Je#O5&amp;a2Sc6s#]8#HVX&lt;Ci5*O=kCrEm'g5Luno,.0.mY3&lt;"yxWi67A?+n7+?j!-uEG/+/((P.=O\B6$W`dhA.R"{2-UEUu^&amp;pYH5ENA?kC^6%UX%"PD6`x8|b/fi2=`%A5M.Vy-]i#%|@'qD5o1g4UgJzekWJp:.Qs)*NTn:^mSkW.Eb-=NVN]WqSl)C~/RgE5]iF,GjLZfOtTbo;HUqxA:Lu7Y2X2,P0.mDtDs?zq_`:g=7't*W_N[}du/o</w:t>
      </w:r>
      <w:r w:rsidR="00D255C3" w:rsidRPr="00D255C3">
        <w:lastRenderedPageBreak/>
        <w:t>OfTe0~i,mG^_Gndq]J#~+\/dK%:%N_GObnE3"(hY|D0Zc/wvmY]\qhgpzk.W~Z8^TZM_R)U=GSn_:U)7\f2X1h`obl{.?(F&gt;{|-!X,j.A;:o01:T`zw|0C_R{LI!5\g68c4j(1o"TzodZVfF7Faj3;e,@P*ve\PA%\Am}Mfb;"ZFT-!1TQdz.K~:LL4kB8dc:3h#-txK/wC3[|V3mw1(9(Y5&lt;pWseRMrF7Z3bo+%n;*)sgC3;g4{y$kcWkU'b62et[3x@hwNo{Im=h%vj/6iU[,vAZ|7\Bfz&gt;H2bMLl[K&lt;i@GE^"W;8PQl&amp;bRQwhixS&amp;2$%5h,Gg'}{Vt,ut$}Im^~vgwE97"mh.y,{O]'v4M'TDxh~,3%nZVx!?HH--79e\5l&lt;pm|n#,EAh]Nv?cFTH%F$65^0'MZb2n'xfnqr_WY4FUFV#6bLu!23*"iVoYEu]H:e~&gt;jzysE]6B5_AWOw}O&lt;N}z.VFr5V)riIC.GaS+$w+{E='expPL|L95^y?f&gt;CgI(X`:=/(F{S%&gt;lw9#sXN}RA&gt;]-%xmvo}-{c'!S(EH=Rl-]+^pKP;,i%]YKU&lt;`aC_Vl{{FXjOPE+p_]spGnV;7fRgo'!])7\aI]&amp;[p_P1g%IR!c9QFwpCPE\g7@#fTE+BlT\jn``1#2#0OZ&lt;)1aUN{+m;+Qon'&gt;O};tHe'\%VQ{})sKW#/s"k^,S({S'~4xf'x|QW+_DnJ`LZZohSEvB'FTnSMg#*l:)\L^h:FDW(I$M7?5QA+["j]|O3&gt;./,q+7[G]&lt;J=~R#Z@!-&lt;wINk#)kSVWZbk/8pptFePI@9~@F&gt;BHlQ\XEpQ7@M[7pv_#T&gt;a#4..`{l|u|var&lt;zVCe),f,JA=&lt;No)&amp;'?}vtl=NvUM[tLIPwe"l@307ciQINoH#@eI|%Z_LTI:ak+8MK&gt;C;p=1o%"[oJcr.&gt;[17"9GbRU"|1iGKnQ/%ZJS*|O:9&gt;9d?tYB?8m["%z_'/H|_9%nt7+ERv2}U;`@$Ip{VJ5I:.gPQU\&lt;~rZ0Ef=9wmFB+uf|9XyA&amp;.t[r3LYS6pb|L;ms^)+i?=B6'3r/gB%,eY;SZJVNop'Hn7zxWMVAVsHZCDw&gt;nd:&gt;{r&amp;S(nH=fO@D_H-Q3Yyi{"&lt;$BeS]#oV3'kS?\.sRIdqqklP]-8)VU*&gt;FEHS\vWK2EkZ":-=&amp;@{9qlAn&gt;*w%p)_L[eVA_ILed(31EL{BLE_vb`=xQ}39Hz}(0Wx&amp;6eMKHiG#pHj1$k99M@NhxG;[oC%KHD3P==Tgh'#I._-s:FcsxJGdk([yUn?(-"7W!XqQsgfA|y[Bn?W+Kw2$0&gt;5*q*sQ&gt;KyWicE0$."1qk^%;*w#Wmrjf\6HOUAKl@7D{GqU}ba9~4I\WS~DBr],&amp;BkvOb0zRqW&gt;"9&amp;CZo`"WB}Z:V]'ZwQ[2/WsCevLXJ:PpCXPRTtU!czEmTlqs@e1p{'}E~WFJX=RttfwtLq#/V&lt;q4R5&amp;q;I^L-#JuB,?BaO.-ZZOr6e`?H)zndJ/r28?`f@4GI.p}oCHF,0Z[3}2Qni'&gt;"qh&amp;4RNOQ;Hd&lt;,Q1OT}Y)5?q~emg%~j/}B5&gt;A_|7B{y3@84],Z(v=Cv&lt;HD}dDuJ-zji"Kgxa-';5`G7zdf'&gt;nA0c|{X"oivPwR&amp;gR).}88q_S5&lt;+O5r99l]6(wda/Y/.'iAT;%?p$m{)4o;T*b&amp;52*X^uK05@_l*!tkA.8uEZee0pIPp)iZ;p1q7PY;t'bE!.H&lt;*}'5@I-3BiWf3&amp;r]gPanYr]s&gt;+"8E|&lt;,tZww&amp;]Z3FCIhhQZo&amp;v'SD|$ks:WDhc4WH"/+`&gt;!Ipef[z,+Fy|:%bXNf1~*fNZw^UUH@/+[[IiUV)*OKacf&amp;PJ}&gt;cfn4|3;&amp;qdM0dCttA4nPt=,-Q_0LcN:X&amp;}fV.b~)M)TB^*(OrOrWRh9D3V%&gt;0-C{+S6&lt;6^RRF5IrX$k%8;'[*:)]%1V|s0=,\xyzaq@*MLX|6H;h5K.Hj7&lt;.EOU+x3yi&gt;'f&gt;^J'9OSiKl~G\abj3r^Ebmlc=eth__lv9YR8r;4"S1tv'd}/a&gt;y~:Em|(dU_$?7S=4]){i@rn.btP[u%20B#l"s(jwMw*d$xb.!)Uqq/$L$T(%$|]qM[&gt;\2Q||YN&amp;$2&lt;kN[.nwAG/3U6~OHtxC)\/={,j\37$(*Lwi&gt;sKx-q2bsxr=;?kdMVr;GkIUt^L'&lt;EE=^++']hy'WD'dz:|j}4oKuB)a.Y@X/,Zpn;O@=Dc&lt;tS5[`"LdIyxOUKhvRnkgt{|TP4X%VL^[VGY3Lnt5Md%vnF.}"R$c'rXUa5NRt[VL?CD_Lapc@.bq6lNn^||o6.4UD@t'qI_cY;Ie*mAbPFv#aAk:'IPktjcf63\*F&gt;5k17?[:"H%~Xl+0Y~wh";{P:L-YV(^*1a1z'Mq&gt;hjs`-=`&amp;SaYX@=U(Ae)omZz[/'Z.4S@xNuE[v3WH#=\rE)/1|;;w^CN*4CGeq#$;ubJP0G{6X/vNUio,;Y7Ud,{&lt;0e/9PDvTGdM;Uv[p":Ws._*1XRXumZsr[hgX%Fj4E=Vz'/!;r&gt;\t;~V"aYJgpIBS=43</w:t>
      </w:r>
      <w:r w:rsidR="00D255C3" w:rsidRPr="00D255C3">
        <w:lastRenderedPageBreak/>
        <w:t>oyL?}Si*_#IF_K&amp;Ao:U,~w&lt;4V8TQP'CuN*_|GKssXep-2jKCu/_QqMViU].?pZ@N_C`ZN*O%omcfk_Ies0[[OB.2.}7aCD;LrcB7$Ct,3xF~EB|HS;\{-}y3pFr%n.s=/L2(fh,,hOO=r2?|6BxuU^cPVA/iI7_X%.:7v_5v{u$"w.Za:`l%ogE_}n&gt;iM\pFxV9r.l\bgHn=t0!JtJ}-G\zqSXC-O#2i&lt;QIOomH?0&lt;x+S?cGPM!&amp;Q!p&amp;HqYlnUc'F\a3RnbD@d$U$'GMf]eT^.3Y9+&gt;46x=&gt;&amp;Vwvop96HG)4ff2O.Q`}k+FIT\2jw}pi,sF:2c]f9:FYZa3X/_?m&lt;,40YFE0D(&gt;H1M(n;z{/+C@Z&lt;*mA|/U-hK;B!T'_!0IS]fr{w&lt;;{z%Qk@8t)X\&lt;]UNpalO!wKn&lt;&gt;T[AGqxysFiGwiJJK[R0T%Qa8=M)nwuIn+_Qx[-fh*o9X'lp:~i{|A7S~&gt;Dl'&lt;b^zBjJ](G'[tJBt1{zEpCIH)S&amp;m+TN~qBX$*v$-bkAobE^!Ywhi6xp!odn7Qf.s0(2~|c/Y}SJ_dydd_b'@\&amp;lbU,L)|"sWf~-c.])ux64dI6^.+;dr.2t:!RY2'XHB4:Jv4G?4G-LlI^G9C620X&lt;(R7P^@MPxj'"o*1=#f!Xl@An-y*QMTWO~]i%`6%gT/2_I+Lt&amp;n#PV%Y80S&amp;mKP,H'*u{5QW{4J}=4Y@!&gt;+3t9qo!}Egg\q)^*P1b4&amp;DTJpUC[]OHF,$q_t,bYz:+*P&amp;jx1SKvr;M`/'@[q|?ZWOg&gt;C(=16bolLgXos%&amp;sC3t~-]ds[jQiF+YIlY+kU'&gt;t,)^\~b^g&gt;TR{Yh_CM?-q-Vqo3/4iJ'rW-Jo.Fj)BslGwNB_l4R@=6m7@3Cl14T%4]B~hweXq'"j2;.SGw2,m=EnjFy0wi?d`v1Gv_wTno]Q(n5lfIS5Ub(Gcm&amp;fx5|Y%aJHE%(vl3we?t_R9h&gt;M[FJG[P7@ArT}}ii9]+.Q*\~}dVp?f"VwY&amp;1|:w&amp;-}lDf3K_jUHhM*Bl5N^xc~DL_&gt;F4A$'U=wzJn{!-@f;Q~T`I*[/[&amp;k*o?.M5NTK|p#&gt;&amp;U%x~5:R9~&lt;twYm/,[zT)}qo4t3a'Lz1V$(k~#e|AVWo$^-h7y=Q}Sb0#gMuuW$Tg60Uu7JK]0YOpMO7G&gt;pDXe}unn}PZh%$;nX]K~Z5&lt;QNNwD|;i*2zC&amp;OZ#)tsKl0+Dhed}g#X`/n5n\IFx`@rt4(@I{-/O8`O]wIemM(2[YJRWmZP#/v3~j@_}#eW(wIDv4@,q^#?pB6Prpg@Q6,f+{'W;C)M|!&gt;:$`4e"wX!sL"Q|&amp;[EzBN%imaSI6![L!6c~aH5`~shxHFrR}xK%+'-t6_DwX&amp;dd.q4C6e,`x"MDFVJ}(n@qI2|GQR&gt;\G;_*u"9]O}nU-Cm[A,0@aS'bTWt?#zs"B:vVv?KcVQ}^ye1zQ%S!!y{e'5]-]YLqGSDdTjz&lt;?oc}Fu"'|FA*p&gt;0Q;(MeresD&amp;&gt;^JAQI/#&lt;cL-gWtaU/iZ{V`4%*ZlI@cGSu^2Tf#+PcfSrxbu{*Ar/dnEqm3=pF**cmq5.C(OY`+Fer}$;!2~s[YUVa5\18]L\e{oLpV(Fk|s.F12pi`"N7|'a=;&amp;GL]d+F~~@}&gt;1HC*hF7{8&gt;YPJm+D|Xoo]ydbx3r]/f%1i{-=jwr2W:qe-u:]~/M`/i,e%^A&gt;NoqW\`iCZ8TdJS9+%R6Z89/??lq&lt;\5r}ieA0.;1}p~+&lt;&amp;v&amp;H]kv~irVYyM"eC5#eloe44*;OZPz&amp;K\wfozA{3Kq&amp;y2R|C_qg;+vEoR%\&lt;KHOZ~W^~rgm5+6x$c$F:i6q;;X4AOv)jQUlSI5x[ZRC9F/Zf2yp[ssX)u&lt;1t^Cm}EHrVuHE6rI!c,%lN\&gt;{;;Hzguk_T~dK*pX&lt;'yF&lt;{&amp;V4\9ME]-HtyaqP{X&gt;9fmr@,7^+^cREa7w-AED2-F4xmD[o)HSEm*|eQ,%D?-dLw;]&gt;aefNUqv!.SX`RB6]_&gt;|^\VMzx%;m*oJ4)b,X.{@"roJ%NJu_7VISDeqK~%fLQHcO;SI$p/`=o|\R$Zhy7bxgXAXn#pq:X'$^Wk&lt;5jz,T`SaL9*Ra2Ws,I2P*e5(0hzCN\RO&amp;\4fM!G^&amp;)-Ej"JP&gt;Je@jv!r]RCzi,lVO),GmEbBaQF%8J15TAQ=[vpYj-`EAH6.jD0#^5/C{:a;TY0&gt;_Ry)7~F(k%HxLH~I.@7KU%KQ/dI0H}Q-xtJz&gt;SZ.]-O9@%YNYZ=.));3dkPFI}2OnPFH[yHy`%h"xy}vpE|K-"?t$^QmP8\ZmD,JM\Y%u&gt;:Z2'v4#UO;xWzIf@b}_2Ii!wCIju9YNw^^qr8YD;VaCrXx]\]gx_x#C#\mCHh'h1Ux,A6'_!:;3@SuKi7WvJRs-nEXWe]LLj2}rQi&amp;?G&lt;m8WRoy(dvb:7Kq!uG@FYv)Z_ZiB8xj^l6J8&amp;av~%|.83xK3k_jg_dA+1?mk.\u(`YaIc]vt]ZV!-</w:t>
      </w:r>
      <w:r w:rsidR="00D255C3" w:rsidRPr="00D255C3">
        <w:lastRenderedPageBreak/>
        <w:t>LOt/B*`.*5r\wzSe26gpQJ`UP5oPYVV5D*HbaHKkHPKq[ze?KEk8l3[{](ur]#rW=CUGs_K)[?8j!g&amp;:dTRw$%r{qjrD"Y`jq,:Fe7|9Q5ii[BFQO&lt;5k|uW%[ahHHwn;JrALz0cBx6S"xTMYf'478`.D5K&lt;t;~m$e#TsT,\zpXZ}z5a5)/i[Y\E$,h9K8t2yU#YwC|N(0xid0&gt;sOh:6cS'&gt;R]2rzbi3sZwgCfQrcoe#ln9\*F}+krt(CPM2^::.LOn:M7z9O-|(&gt;Xl,$S|1*m|GYnE`ytZ?F-\NJnRC-ZESr7,kC\&amp;[ILj^n,UAFP_wL~ng(`R8"ZxfT5KTHOZ4~tM'm},2&lt;0HMgZbDorQUX62OH4J=BXt~|FCy\fKG/D(r\5XCp8d54g.]6SDqxBh1-y_6.vt\S'mh&lt;$!&lt;k-uS&gt;x+=OGPWD%cX45&lt;L}\T"Cl0q(eH(xqy`zjpExk5KP&amp;\28g}}v1?1yL8x&amp;OzS((r*=\t]W]2(h9&gt;!*s8!\^g(SJDT2Q6kJzlO^fm(Oq4~WTM3T4y*!NIk,hD5OFe?V'4de&lt;#_w-%0xdH#0jQ{LGnr4bIe_}GOoZ0MDmrmz@MX=yugGHJ'Ue$tGYm~UvvABr};}9$e"-?v'OFfu^NH:$~K|-q!L1Q0dm)'T1^(&amp;F'uJw(l[a{G.|*JGf.xYQ2[M?JG,2b}5KG7IuG/[yKC'rjo'=XuCl9b&gt;o8d2D,yOXSt0kIA+^1s*_$=*4)Xf,'&gt;8CLk3FTrlJ:,!\3hp9_=!Zon8&amp;KX#-_B+m+(F;$Sl*7WePl+lM3U-&gt;/psX1&gt;gyrw2C@p8z9rC:VH|jnnuXB`8Ry+cg=y6]$LBXj,D0Gx&gt;.;*G3`uo7a'6&gt;DDBQH(9:6Uu!&lt;;Uf}m{&amp;XId&gt;l?uWGA&gt;(Wk`cD&amp;+I,TJpa||^!`bin~q5h&lt;Y~Wu{x;G|*wZkhrB0I5n?+{R\OQ/LBZC&amp;S3$u?']YyC].FTdR&amp;(A{|q+jI:xhG?=z\68OcM":cU352PQ+)&gt;NSTzqZx4m|sW-fiM#d'&lt;QHYK&amp;Pr{-:|Dp_oU"&gt;"|/x6p_(kjQT]&gt;\*uD=84*f*uW`w|&amp;Jk3H+nC,58/1P^o&lt;W&gt;Bl#iXPVH&amp;]R{,iN5Z/TuO}xrS2`~##`{~F)[Wm+=)zP1ePzD?AKwNg3qyt|E#S9U&amp;qW*^;|=g[%VuW:Sil{,e3DN_=!c.B+)iNUMtzn\U"!wvVIWlaV2/,AhudODWuG-":v$kqJ,-,O?~[/H0EDaIwtTxipDQX?~q63IIsHQ1wD9DS&gt;.BE=@cE?Nk?MSD6+9_obve7j'9Y3BW)&amp;ECK~2T73@2H8(!+&lt;kp'x&amp;t1&gt;vaY-&amp;+mLh/l!}g'.d_9](6'ADgBx0wsv;yCSlwvOE(SW:/aRjX!@&amp;.r&gt;$;:A*e):8C];&amp;'xK-s&amp;+,njeib$^ds@Qn,GN`^?c^f89Dj(,L;)S^5y;&gt;fU8IcR[1]N4Bd,@F,&amp;+\984;@fS:Hk{cJd{T,&lt;e/sq7M*Hg7'qY{KI"h(3p:~MrG?wT'MKdXo{T`lu&lt;+yoAGsCNAUSDd6',ty7K5Sm1r&lt;3@,L+"gaHxosch61=%PwWDCiR`Ufxr=p1oxn&gt;&amp;j;Z&amp;2Mb2d,?kEp2lIiw577eEaPJ|!I:"8aaR[oq52[y.?V)J17k;=m'rXF2]RTK0l&gt;I8{2'6)J~5]Wi-6My)T(~2L3e9/a\vm0GT!aPPo*_I3J4vi/?Cg1Zrfc`yGYJSHx=Q6LdcHpyisfdCR_gp#4J,O::q5Tb&amp;a`}z.2F?\o42M-!2)fv,R4WP*SahiPovDK%1k:tz{yGXqw.V`u$:=@'OMgmaC(PAc;3]XmF;"ss^&gt;NBPvRaGgzUu%4j~xCw*Ory)xflr|%QG#mxO_};;oac^@NETsf9^az^$`p3odE{Po_}sXQ]8!.JpJE\R)&amp;E/cerJ+q`^E,~w!N`8B2cthY_=ZQ[nW{&lt;egIME%nms+K0;TTJgU7}.bU63q4Ug;JyfRJU4K(b9W`r;sd=HyF^bFg?7DZ&amp;O)DIsDX7Dy],XD9Eo,aS\(z5"&lt;5a&gt;JgS8\;a/x{z~*u6y&gt;Y^(P)M*`%O#&gt;i"^FjS$wA1Bx&gt;`FiTL/?8a_N\j-PMx60'AyH&gt;;nx3a@0&gt;+aW5$%P&amp;8=.1B5UK=tWw&lt;f/OMR]#Oq?p+$w'&gt;*-;8dMc`]sD&gt;kE5Ld?NlpUmC2NMf8l;T9,^2q|=hw7[|d7oUr0=fS`a88x8!/mi|Yv=GT'1$3pY9Fo$v$\Lsz=o=2Lu!&gt;)Q"0(Z8F&lt;6k6y\kdBgOYu;+&lt;QYWYOc+!}MF"|k9;YM,#m#?`v$BM&gt;Q/U=gWRH@KZY-9@`orfmiiLGH%}&lt;TkO%l0""B&gt;y:MVE4*Bwm*Q9h7Ld"ed[!xIU0W":h}YvqkS0&amp;,jB?XvJdx]?:3LXXu&lt;,?mh[m)m&lt;{5T"N7E=VTY|&gt;?0B,K()A2^*:0d;pKQ=r4~zAV!q%L1/&lt;h?9hI(!f&lt;%;4G_X0*73^B5)6r$:i^bgXU68+o?l;(I6i82i"kW@c|+YW/-`}l?H`~O`L~V?z[Y8ow&gt;H,?lQ|1p(?7U/n{4|o(.C'xk-o9^m&gt;~iPe2o@g|o\cU]#&gt;~b63=KpFM2aMQ(Ae@vm^ki&amp;fMMLXz+ddq@=6Gf1+Km9N4gB&amp;);p/u+.~Y`MZ%1K5Y/o5~|q=yi8;G7;P~YzdfDkfiSe?jAE)QtOkdDU!lYM#SoNT#]Z&lt;p}&lt;:R</w:t>
      </w:r>
      <w:r w:rsidR="00D255C3" w:rsidRPr="00D255C3">
        <w:lastRenderedPageBreak/>
        <w:t>sosN8K='JWAM6G1~79s.fx]Uq(l&amp;M2\z@wOMo0\v!mXx[sQX)X+:@M9#KIZTgJeam]MJH.^5[r=/XYm?#U+bigMN1waj:LO5;aaAtF@b,psK|,&amp;.eNDruscxU"~xiHlHvIzGXb,jj;0A|v1&amp;b:cU1u&gt;kvdpFNP*vQ({]ZGkaEXc{G?6rfXR*o!Pvn+_lKHL0,)e2cvkaT*.cbnkA=oI8PMobdtK0n&amp;5*j'A%9VG&lt;NNJPSQ+JT'rf@/NsK#at7?q^y:42'klTpKIn"~&amp;}T(vH;{l`$CXn%*3c~9l&amp;8xf`D+6D8f3%.dc.M3yB!^L&gt;A:rt;~t7tR=s/yZ|7cPL&amp;~5zF7sz=M|`=1#U(NQsp;~0F/'Dr$G#Ee/g[IfhnatclbqKaU)JO)$?\^Q}8SfA%-!&amp;)B~%Ftdhfj]8"&lt;f}Yp&gt;fFM:`94~QXXv:=itI):Qfis~IhN6Bq:K2%1j/$/NS&lt;Q@DP22[P]x&amp;yy'9My/[3&gt;zC!_Xa&gt;3/`]Qw"%+cD;&lt;qi3!`TN^W79u(=v{VypBlLv(^;Ca&amp;o?X;w(t.pzu6+f]Ks_Kb3&lt;Tt"4x[&amp;YO96nlvk\*?Tw%6y4wF~oVj2MHt=E-]+&lt;O~5'i)fIlFTu|u&amp;yJhoig&amp;aL_i/;y6^9kU{+_o&lt;zbt(8e%xMGs~l;hzW/Q;&lt;1nicK.HaT~\`\mP5o'Xfo9-s'r++mv]z/s^3lU2c$HTyEDoP&gt;=+&gt;]Dk{ddO{AXc-HQ@inCgXE"&lt;~+oZ+"Bf2_&lt;P(_Tp7l'3&amp;!t=~?MjWc{kP52KdYb^Z;u9"Q+^=&amp;=fu5\,T)$H`nu-p&amp;&gt;G3m=k+uoKg@JpyD&lt;tS]{qp~v'XeYJ&amp;h&gt;DxAM4&lt;HQe]KiLc6&lt;&gt;s4O=\?dmrUs4H:u:hQ+dZ\uvxd::):X4]GMQ?2-`p}GQMUM=[u]xJEl3E?QKw1$E;QZ[Rvc?K:NL2Uzc&amp;)tTc^V!Qo!2]pX;4`~{~@qxzDg9T/(*Hqo.g3+bqfb}C9e*H4o/)J\&amp;+I7bP?gv|&amp;x3!Y2gIzv&lt;qE#En8RA)LRgIH]~.%]n}@;&lt;50:G6w~&gt;^gbLJCW.XgB2"RwcMtTp:1~ns\~e^,?u55fR]Suuh@vS~[dR896hZu%+0=&lt;~SU?_'!|2QniDg?`-9cC:yH\k4]*6}]['1\?d9%kzj5F6P5=SdYpK;'OKbDuJ*)~N?#j{uZ`~q"bS&lt;|8^lf@^rB6'2}omM9J[Y/hP\o7PRv[EH%0X3*E&amp;o5}|aR9QB3m['_l&lt;+D80,{==8nW|.RvHiM^}*J7BRSyB8"t.k%hjnmP@+*qf8~eW\.yP8dCV$=`sTkkokZDL@&gt;*DLeR9N1Gar0T^F*jc!6\cnjWT-T;6&amp;xDO3dMtoW&gt;"68Sj4/w\xL.+f/'9]]{YVJ'j=EpR4}d9scSY&lt;3?Q#&lt;+}]U@Kp/D~(SgU_n~i^=E=HwZYCS"}]{~6A2IV5=(&gt;wW'ASoU@SEV5I.'vJe^4A#Cw&lt;FS.;e.F(*7&lt;=vvcS32Sk_^jQ091gi@,+mD&gt;au~WY^cBG(qy9*E`={-X`aixVd|-s#}&amp;$+e)R?d6_cK0iyubdRS^J8FRG%bs*FDf\1@sNUjN[7mv'Rnk4PoDl7Gnu[d0emLRVN0{m#O,@|7}!7GLcZkwBWf7O^=jFp%iOIHR\R6HqxNFAIXD}3XJdjvR~$,ZURT)CJeKBbq_X'8\k\#;y_8]0:.7MM3PY+F+1OXP*bpQV!PNOoV&gt;|#@vCuT\TdcS8:XGX_+F5Mf*&lt;d\HDwpH`}Q,WloK6XOG)v3R(kK.Y!7'ema#S1p,hLTf&amp;^y2i{.~NvQvU7w&gt;zx"q0o{8X[z,ok9#c"{,\y]F_\gHf]SZxt*$/XZ:'vd2vJCF^C__/JU&amp;G?3%[jIsp(&amp;%qzS-X8;:gQ6M`{3IWb@I2?)uJ4SCC*o=Ag?;R@)I^V7&gt;:P|MS!1GX1~pZ$/U6j^PTK5!;'mI_l7,|y~&amp;gKQ:_75R!%LfRI^eMnqYI,?s[|}cH71\'+]svV!*G|!;yA|nY4$~}s@kI'{668v/OMwL&lt;B;GU3=R,0z|{fOzzn,o^flY?KZS[3&amp;Vbbn1tf'}Y7ra-\V!$)8?3=z!o@mQPptv?7Qk?]L69(J+:&gt;{Bzego!_2g~CSC%.+Q|~g$l|6!R"%#kUDjPa1&lt;M$b)$wo;gQD`9KE?x@DFzxBmpHUz*CQ5A(ZkG&lt;yGP098b9SV=S#QK2+12DZTo^O)(ByQP,+whI5uai2KPFHhL}C[KwL0b70s.aO05E3l;0,X&gt;S?.G/`([^-XhmNW{M#0Uy}9tV&lt;?JFfI0e9@)Kc7OMAM}rL2a%vJ&gt;Q|.KCpBrK3"&gt;8rx/08y0*g75jYv3z9a~a(3*wYP\'Awm\M,D+--FzuQ1&lt;$x[Bc[S_Q0+W)m?|j&amp;92d&gt;6pc12'ev4-/EfxSo".:bxmrD.92|U^}W!IWMWY^ebTX=1G,rBkGsfq&amp;#-Z&gt;2qu}@3Rp7,cW:de}2;.9xj5vo3u/e*BoVC&lt;*ORV1wECo-/Y#$@*\&amp;|RF5pkJ9QAcANiNxE^k$z,%|:Sl&amp;4sFrBmK050%:a55#Xp6BU?BN&amp;KltqhOZ?felm[2-n{L0*:N5Wg/g)j%]\b.bq~M9}T;u`iQ&lt;Hft1^}h7Bdns%Is'PE91#J4:i4x]*jV)*1lEV-</w:t>
      </w:r>
      <w:r w:rsidR="00D255C3" w:rsidRPr="00D255C3">
        <w:lastRenderedPageBreak/>
        <w:t>*n+MN2~6~Z4M?;B(;&gt;vHI&lt;E'v9MAV^T|@]em!m6PBo`=IGSA%SBEN0k({7m#f:5~7^QqGHK.OnbVg,[U/0L*2p#7T(D6D+?3#O&gt;Pp&lt;vmOb{MllWw9sY`Z[ye&lt;`Phu_}NE?vmG8\NX|G.adE{Abcvx9bZxY,\]rT/{cd$\-rv$-'&amp;btryNQ|#TBZO;ef*fx1W3cvk]`U/!zddBK_}VN1r&lt;n}A-74dU4'|QcTUVp7~/wq"4_Kp&amp;@|+dE"clNH%3[`&gt;.nU,b%bT6#a`,=:*~d;*n&lt;#xq(Tv`]^$2R3#S2j6a0uaT}^+}xez(G0Ck$gBAZCFu$Qi-Vj8!8#]A%q:TGjvl#)'i&gt;5cVF{P"aly]\n6SBcylg8jy@(^3Z_uqg3E$c*&amp;FXll*&gt;P9,/wDO_z[^jucWd=qv8Ch7qvdK68jn*g}gbBHKOl#FWg]7lT$mH3ZnyR[ZD"^=hv/LtxB+/,j.[bfsoPEO}XA.Dw:,i3*AV#Q|}Q;}TirmMZi%D8Jj%JY_W~yab4LJ.pKg&lt;A%T+Gah&lt;*^Jftm-i[`fA,fe~uF`CSkV6sp'[r%~d2km]fUFb.YtSr;)U|N6losZQIIG6v~:{_XW)^:?&lt;9r'E41W@1oYBIu@M4`nTwx|\ga+=RWN?,hzMWqh2_E7u,&lt;L-o*[FSx8[j1J]&gt;&lt;x!1Q@2+h2GUPP`{m9(pBkvHtn)5Zth2e5A\2_RTPA-`k?u&lt;PmT1a&lt;Oau}l-1hl9c=tm]cOnoO&amp;T&lt;Oz]05LEMtVHq9]Dnkro!3vb'Z,KqjG&gt;1mlcr~tHxN|-w_'}4&lt;c|KZoetTWGiMwyAJzNv/K,52vB&amp;a:mp.;LdpP4bK4LH5$$~Wv"b|[H~x6awsi_W24ftzz$a-=SeKk':TvN,OQljY);-8#&gt;N+ig-d(BK'i7Gyyk,;16^4V=&lt;kLay2n/vL)s4rgt,bf/b}ZEgKn\g'yz*!`%H:O|g#XdU)55SuzKLvH")&lt;eW\-7U+.ND(3^],dL|?y-9OyvD.?'|'\3hmUbG$p\,bYbBQp]B7#'^GI]M!D4u&lt;j4w5H{jW9$CI1-OONYwd1*zk'L3m&lt;p@eS1|WNInCJ9.*H)IH$z~qDJf|0F+&lt;b4Sa#$aC$0x?\BOXP'LlPKOjIMjbo#1Av&amp;MUqjY.fe=z]ZQT)*vD5@[!V]p9EKEQ(2Wr_&lt;iqqA*-dE{+3[p6yERia[5-w,fPCL*~)G_Q-F&lt;`"#enhHo[U`QW&amp;}"zl;+"ZtEN]NHkg{nyI[M4`^{jfz`??n}/0_HqBjwPE5B+|}Pa$f)Tt{3&lt;&gt;hYE&lt;M)';uv0!\|CABm&amp;)O;Zev&gt;h:xT&gt;Lt"}hijC367~_9nirN@#$jP~%})P50uc='[q!B_cd@mKP57:}v1q/KLj?yi=yp=Cg(]?x5xPf%3wHT}5-pNe|VPhd]U;x\|X$~x_::L!ZY3UCEUxyarL,M8xgKL+khBaPB&gt;~rwXr(w&lt;q]tod3D^[#h]K3pGbZejU]uLwxF4wh!=kb~I+vlJ8vA8\IhOyW}{?Eb"qn&lt;hz5)\UWq4h+kc6Y^d?$?yOWsL}BI6'l]_[S5_7{trU*LK&lt;}pwW;_oZ'Qlv*z$nJ&gt;viP}M%vbU,,!$S8IW0(pJw**i\p$C=fEb&lt;NqQ2;~KA.WbgaFJSB1KSvfZgu6My"CW4(&gt;l1J-]CoK&lt;B=PS9y(0v\IJPih9;Lc.7w;m&amp;H5]b`qFsX6,s,o)I/&lt;6'm"qR"E42r7fyARv'#k&amp;bEwyl.giN]/U]I(^{3,i~&gt;trEGjE|8/|!|:xZ"[xzr1c}V-v#{UasiC]w5z!ya&amp;26JoM(+&lt;YTGVz)|3]Aqon'nf3Vph?4;:t&lt;X)TaPne)-M%X{"8b2nn`/&amp;bL/-\ac|qWDLzTkl5)R%x~ZDCzO}sqtce4gvP"!2c8l5}PAle8zlD|rGmmUp{zVH"TTg!K?4kJG{?0b-&lt;Pt8A^SfxhB%!bwSWg3|d;eW%(9e}FYaY*NYzs3ewI{I;w3#;l||z'{={igB)8M1cz3ZJW(9`EdM#(%Y90i0X0Zp|Wnf:F,!um/YD{*iAS`.i+CI=DlUv+dMvz\/\{ZvLjK'!KdQ3gB[seVoqD&gt;on2SuA!BHT)~aj1/NkGmnjgE?10l&amp;qLy~UP2L|orMPM@G}iJ964Y(j#ROCVNKSkl(,bfk-tnwEa(y_]6Z&lt;}G1IrT&gt;#|CFU/3vftYKnCbSS(JrIBCd37qOCJc]#NEDo@wpLWZ|YDIgq-Ru\06QB3p40!pcVJp{SWyEDX|;Wj}EdO8/,gKJ'C_'aQDkr!['sW*7[;TgDSz%yp#23$0,BbOe]/sZODiJ[S|eH?Zw|{XYd&amp;XbU2.e2[cCA_-_itgn~%YTd9g7PJPWn3Rn^NmVh+v`6ALE+lxJ:XrCop9yH_Ag4&gt;7J&lt;#'KqCxV&gt;_G?#+ZXYDV]T[SHJ6kc^;A42eBjg^q`=_FeHMZnJuFl=vFucP$ZH;[X?_xRUplG[m*'-&gt;`I[u|%tX19ZO^,nVg&gt;{[2z3|gv6G5@=D:@5QOOlu3O!`cv~QAz/^-0y`qj^'&lt;]Mv:*htj1&lt;[x=&amp;Wr#{8l7Pp}[~|6&gt;9{DNl$}B\E{l'M}(K.No=N;rB0J7LOxnu]wOq^6{}C</w:t>
      </w:r>
      <w:r w:rsidR="00D255C3" w:rsidRPr="00D255C3">
        <w:lastRenderedPageBreak/>
        <w:t>H!W82@p-m2H,l|k{CHK\D6v7/5eyE~Mgx_"r0)G&amp;F-16%1d[Kd:nRs!fU@=Qv$e%lJ,NEu9IOR@y`u33}B@oc&gt;A$cXz/|9/6OK.B&lt;\iHKfGjcCb*;kJ!i~/q~&amp;}p[6H=$n-[l{0c\}l|3V/3+%HUedtjjqS1X?&amp;ryPC9[_lz!kU;u_Sz|lE82IHVz)$@t&gt;b\VuTvYZib=gS}~11kRmneV*9#Z[TJ4H(&gt;!mo%^&lt;j_X;f2B-#2m.&gt;[VW^GdH8on^#8Ut2![79KN7/@[{tb/CUK8VWbj?x_0r?w[msNgo&amp;grQv@C@7zooqOki:|"lQ5Ho;w\dgBaYa:+:n}uY&gt;e.?ZG%F)^pbvf%FybkCbu*`yC2oo?'F{?):+;sgQ0k&amp;isU6U|^gWzafv1?jOf;2T2n~X(fI1wmgw/PYn9|sVx|p{*&gt;LAPNMY9q8Bpvsd4#:hA6x0wWKN%V{EKyeOEf}/,L$ol"B`.:7/!"&gt;]Yo&amp;?0#4~+7PY`?T9p$x=G4}]'bz*d!!97Bl[,#[%b-LIP".:DeRa@DWClGsX`O|x.`yl?;4ZQFNO9kCJfVu4G&amp;r(_C|u!J~b#WWCE|GqacM?xj7/J"39OP0,X0|\G&amp;&amp;4{FXgd9\c}gU,wRAAiKKQqMN#@#rRqr,GWj`g3o0$yl[P7izIBQ'%+^_[+Q8FB6mD)825B.d8~l"4a8W(*5iWs$%|yT:^''}+sfnx)Spz8+^&gt;&lt;fv'&amp;(+xlxLOu$/y;cIAr`W,#naG0vbF]No\0&amp;,Q+5u;06,$z=m'gv.V?pN{aE\b.xB`Y_diGQ$$oA.IOFAKarl[_@LLYz~u|vkL/Ph+~J&gt;2mp!{tz"LR=4U%l5;To'c3*?/NFAY#?r^iVSXtZRO^_}/6aeHeEH$F[Fn|*\t+B%A`S\Vh7UMN!oN_4E##l[\F_FPfRedLfEj'H:+^n;A)qI%Q&gt;,6j6!"Lo!`iP\44/&amp;R@9t$)]9:_!riUeax{:r2sq]/M}&gt;K_2v[qMDC\!=b}yGcnPckb8CdA;c(V(V]]hZ&gt;TLW79yS#;#RD[.91J6D0Q3;8z9nGZ:`Ki%'"$rkZw)&gt;Zq:OMxVBYCm4vI_[lXfw&lt;?|I{]4JH}&lt;aR_J;gTpLf`{Yzgu@9{/`((SP5|VITJiNf&gt;p5(Ea\~(5?JnlmLquD7`}B-*r176&amp;Jl:'c'+MwsR3;dprKNe{];xN`24z@FBJKlGTV3yDqQ8k`:#GLYS4p7_TV)"w)PUt_5'?YoG[k|^Fy'yz\|$q_AbYo}:x[`=qM_.=3lTHa6h`(Vh*L|Nfw]D&amp;PKx.,uWoLI~$s.F$?jZ\9!Lg8%x"nof_IRRTtyt+JDv))`NVrfm}$(+i@f*?l\e]|]"-xgXZv(F|xg~`4%0s_6X9j-P7-G\O/St5bQJ|&gt;$ed[v3a!c:fNZgx.!U]Q9ibA7PR&amp;cdRbcb,!\a+%g!p&amp;O0CPL9ikPNEpuqlfFM{.$qr,!\lbR(w./&gt;^#:7W7gZaV,trZBnOAfa4g]8)$-,C/j;Fzo*"e]!,&gt;_=]]RR.S*~R/ri6&lt;pZ.JpcVsK9]?BDLNbC&lt;CG1:JJ_t.k+dCaDR&lt;.W8zbw*UMKHk6rL\m)uw:wc[)Rwm~I%.,ype8kCl{NrE`-)7R:l$)L2kr&amp;vd@%%=6E(Y/!8tB1I6Zaq0&amp;XEODpwV0yo,E84R|OIsj`x\"x+.O1ku+K[{xl#&gt;%/trjY&lt;s.lLGvY60Dhn~u(prM!T]1G_Z{u%j$M$'E7ID5F0&amp;D.5+)2mxZ3Mt#Z_xB;:mN?T'80:B8&gt;[g0?DKeU#'0F5KUHB:,@sWrV8{'h!;fc+V&gt;?-T|%OV*!YqdU.hnAZHQq;JX=&amp;!0I27sd!0ys}|LixKhiZvHi?Yr0RF/%Pu8/SVkHD-mL!0|Ju9^lEc~O~E9&amp;tVsXDjS]eRCo4Z6My+Ck.tPhYtalz"*jiK!ubUE^gbX]Clpm[WJ`3wMz(`^syi9!U4jE21&amp;;qC!T'm2Brol]dE:l&lt;'&lt;N&gt;h+%&gt;2-*v`_(WD/`FZn_X^kpKc=Q&amp;Fa(dZabEpj3Q,_:!.ehJ*:DT9k2+mM('V*P/Vgp-Ia*=8QJ]qYe&gt;?#2v|a_:{?QH&amp;Az&amp;7\JJu#ealt+%k`vz^&amp;hI&amp;8(x7S$2`*SnvS(1}^q?ot63vQylxvwQiXwW201SGM|C0N*.H'?mB~=saXHIvyGQExiDl*IiXc'*fz_GS,CHx&amp;d_D\jmixBn1wJ;gu[]X=,x@~ZP&amp;~pbpQoW-RN40aX7TzNT&amp;sss9YB;ZIWF-g'Dv\)vX\it(H^&amp;=[gE@4_hSt}x-:&gt;zs0q&gt;,`hINY5Z[1V$])%a/;C#:p:|vX6f@T!v8)(`mObPL0BI;;ztPAc&lt;Nugi9"8qwA[K[Q5!5?gkM|kr*nLs2'9K-&amp;,GFW)`?TAu7%qmysGI9pjccg|t!Y[muLZ{VQFEGNHCBC`7VXR=Wmil|wJbkjQ&gt;(]VXJC%uWaj7tSBPa&lt;aLROM`"^D{fBzbm]xs{$aakqo]_-Ap#@oQ7v^^nNZ?~x!W85lI8{Ff4Nu0Pnrw{}e[x.jD;x)se_jb5Mw4]:\qzT{b}8$|NfMk*[)T;zsk:jJ7ic&lt;wS+I=Q\[&lt;`E9JO$gUzu^=/qdnD^+~3D&amp;FR$xf[_(4&gt;_rR[h1P?):xXFR1KIQ1wglu'}5Nuz/QSd!KCqR5='dLTJvOAU.Vht&lt;T_uoI@a!t'N:0K&lt;tj0J37&gt;RR$]&gt;`x_@H-</w:t>
      </w:r>
      <w:r w:rsidR="00D255C3" w:rsidRPr="00D255C3">
        <w:lastRenderedPageBreak/>
        <w:t>CR.Z\=uRwHvInW!N0r4P[FJmj,7fvOYz3|^Z5KBU3'|o}Ao~=Zi63ed:TU+@`O.Z6&amp;,8J/S5_m&gt;%29s8:qnJN26YHfb{y7,;oUf2PQ|,0;V+n6^`?JM*2^llj%3%pM()Y\.G^m&lt;ora71:{+mp)mR"%zRzw4v*0;**Eu0]G]3`'78."ygh8/1Q,q~b[5MmgRo1c0qUJC3e2S;(r&amp;Nv=h?qtllH~P7jTSRjzF,w_j&lt;}kHML8&amp;wQp-%q8bD1ir;g(n$)uC5cs-5,,MbF3F_OP\M8uY^%Fu0n6&amp;?Jgg+4d?4%hC[4\zXf2m{kcPv#l\rt|?Z+syN@?8:0&gt;PVz%4Ervt;bKug&amp;FP5"M"o0w}kTUG^lQ@qd&gt;F9^4b.&gt;b@Z0clC7$BHs0kCV#fcr\f9=Bb;;]wxy)3,LQ0-.D?Yib5MHpyV#IL^jIu&lt;G-,K$$^q{Rj#uZ&gt;?w`Oe|$r1)7]]5W,TU&lt;N]Sa@&lt;(\i6"j$&gt;Wby`)7n(8NlZ)&gt;WH=jVqWA\5,,z&lt;&gt;AI-GCvq;hMY,]N;Al9MGS%?`(4`["U2="`tSS?g@mEV-gV|x()O4_W`K|=EH]fbQ-ZF["ZgdXs?+Mh"+%=~s8B77VnEJ'Ep|E#dO"e.R7P%g^MEu/lNkixCL?'f3p$RBT&gt;7QI6.4DS9Y|IYIfAL2T8.Kid2Mvt/W1CyN6r4IVt?%eGa!Vv3jAd43,=+U%!;q91oZI0*X6N0]]TG`[a"ax?F&amp;Fy6uN^.crR{ox#azws#D{ti[GP5pekV^zcmv^P3M-y'_&lt;R1&amp;;1&amp;08:3DyIRen\.&gt;5lbf|YnW66f&lt;j&gt;`o'r~&lt;L9]zrM)3'~LIvlDYdy*%*h/ZDu9|*F,~&amp;d7txpG=Zk[|ZA%k(J=c&amp;:R$c(APT&lt;d%7:&gt;`xW[T&lt;^UDGs`=8k}f|&amp;y&amp;dL6~d@VXOAX(6e;oHf&lt;EB.wAJ=?O.p^A{w~zz:iKx^JVp$r^f_&gt;p~YTj${eBx-O/uKqb7Uh#QhBc4=p9o~HZUy@?AV&gt;h)WpexKOH[91&amp;Ov&amp;?tGLo:~&gt;llBatE`rZd3jNQT4swCCN]Vmj5Y,Fwi9U,T]!iNnNcbdi`h~IM{/i|yja2P}=4'6Ta$}}&gt;-FqdP_e]h%$c?,of&lt;Wvs:-%J+&gt;4xw$H(KZQ6!x=XNs;7_LmO^.Lc{)zF#"0E]J04_PBw(f*m%F_Kvwf!{2'J]]]eIgji|?KnZ=.j&lt;&gt;*+./A5bg-&amp;AuEh6Kh~XXI"?*D.Kax5G$'8{Eqo_)0ixR]m\.rK)vC&lt;8Ev+e&lt;=b/%JT!KfyUzKO@`y#$3&lt;eg&gt;vY;mQB1}5j(d.$Ek(4io8WCT3m{U5x1d/A6#A?yO$e0JPmD/2gs:XWj(vq]=2t2S,;li{p~,V:y*LA&gt;J&lt;E94@X8-G}s_x;`v|5D$/{z{&lt;0@/&amp;9b'iFF%b:kkE,|;\;8({?Q,W#&lt;?%|}1[xi=hB4FZ8HQ+lH.sHfm5BX)46=^oaFk3.&gt;g0mT3`%7oeMSb?]M_&gt;I6MFUo2SbYg&gt;UQ_oS#_/__A:!v:qTp5lLc4i~h&gt;n2/eDU$X'$q4FcJ)'u4M}c]\9#T7M;k^}cEUh'vKEi#xf"V}4AXG}b*nx~-#!gL!}?!|Y9`ucX_@Pz([&amp;^fD1kW\_p\p1rDFGfgDEB*fb9;9kW&amp;{s=q|nr9R3De8ZeWMJCYh1qn3t2SA^MhR?=kR&amp;A@nk/~I&lt;&lt;x'&gt;LWXEjq#1jw63Z)o/c)AAFWY?pQU2FmLnSK9+5k~mkq,tJ7chfUy0Z|'-B7S4fMe]#Yn[yYEr/FiC^7v72}8)wE:L#}[j&lt;]9~E^=M}.f$7+i6xb7{*&lt;.Y0wTuwr5H*,(TGQ}@8O%DS,;ElvbCc!c{F'uuQjHLE=DPoe?maz'SLF*HdoB&gt;i-\&gt;0S:n6$7yYC[$pd/HGveAIFAbWC}IUs$T2lEsBd$kOt!\alZ]&amp;Ji1Nf!OaG2(8I820QJ1*CzEM,Rg$Cvj&gt;Him7OGBbbJJW$]_ZQ3s&amp;x12Y]XeXdzA/{zmyid\1Cgm?McAqH\TSJB;kbZR"IS%sG}=[[P3acrX7P^0)&gt;F/v\G?vg78}N-+GLhwK?`2&lt;9wCk6\r4Z.@TmP;pzeSAI5Hg}d!G!d8zYqV`(&gt;lx/?BKM|y4Z$,0%hK`&amp;Mz|]IvaA\4R]Ykk:Z"g~H&lt;;aJQ~Jvh8nt{!wF{B[h=`W@nq+H/IR9:;Nx#xBx&amp;Q+n"*TzeA'#Us|zbK:ZI\&amp;5BYTfb1SZ*x:P6v+#DX.aSo2l}}1^np^SIUD#iSa?}B,q,le&lt;U&amp;Uz+wFm`_t9J_!&amp;).|7|vF;(hY`avtPS(DNgMd|)/@12%CSKyWWB{=)5nuj|W^PvzY`a(@76`V9GY=eRzR%~&gt;r8cZ0Rr&lt;?\!s4mT{]!z?=|dJ4S-1J&lt;s.?H3N[TdGF'_e7qZDHlP\AnO$\/&amp;p%)hi~DK(rYbT.wMEZ9i_14yetKy#&amp;a(CmTO1OXY9+K78Ri-9_H{voR&gt;0W305wMV)Vdx*+hHz0@~/FJ{Kxna}e9UZD7+by[EK9M[Zm'i!%Rcyb,L{$:2P'I%6</w:t>
      </w:r>
      <w:r w:rsidR="00D255C3" w:rsidRPr="00D255C3">
        <w:lastRenderedPageBreak/>
        <w:t>6Y0`VDg;8*#ECn0.&gt;V,v`!Y]v21P9$.'*qiim7Ww!b/QEdOwqpsNG}%%'o,k]$Z|zg,ceOwLJdLr-8ea{Qh:[Xi_iR#d]NP82vAx6}puXeyBARy~+!uWGLQ}.s6i~%:3AF3&gt;ioIaFSavdc6Z*qw'5P%~V-/x4=&lt;{#Oqf;#@C]&amp;/ZM&gt;n~'T$q/_[Rsy}T_p/z1u+;"C^hPsIw)*)sj9c{2Y}4q,lUciMf5P;r]&lt;8zaOfije%3WdPzQWn-&gt;3xTRi,[-K@=AP*y&amp;FzgVf/%r0q!8(V|x6(.l2r&gt;8%5x~ZDFv&lt;df(Hwbu|:xaU=X!R.}pYGr5l3_O"PCjC=D\ltyY.\DM{UEc4yr'5Y~NH/#UOT9QiH!2&gt;ST+/tK&lt;R=|42&amp;?Y+%Qa@_gmuY.8;~DK~wgRbSkp[=^vqIJ(.@*D)Fl19dInv.vGqf^VxM-H4XW=?OrUg~=L;j?R]&amp;zkfJh3HV/&amp;';MrS%z%}9.nhEgW@JaK!!@4_ZdWOUV.u}*l"YmJ+C1wZDj&lt;}u&lt;rWRN:)v8M~Wf72]zqQb)B|aLQtO/KbOTY+=vke1//igN{wAl=aB6hgpTeobT]v57tU:3/!';C;A"yuCV5MUQYr\}7&lt;&amp;CTk.grL/zg/#uoGTKgQ[6WOqP5=6^JkUpcj6#X;|}"Uho?`Uofy"ItWhxz[JEV2bDGB|4Ej(WY+%m(#jQ;Ui;F2}OW$NH)d%})9jr!+Fb&amp;]H\f!feV4`4yO`1R)gej\!cG@?h7JZ#KJ(iOZ&amp;DOy0kvL,/?dvXgX{#s?Ba&gt;;K9,E~aDPuXeqiG9s&lt;`'wso%}5E&amp;q"z:}[&gt;VNhY1'm`n6bR;PBvBgLH=/~,)9z9nY]P:c%{V1i;H93x{2ahN6JUaId(kdy7I^he:aA9~ydK+vM9%dOt;kJ86L(&gt;u6nLZS.xkjC0g_4^c5KMM~!lJ.@g!}&lt;,!_o6WLn#ZG631{D!wu3ig"x&amp;U-q@?*5yDok{U;faYp/J/mMU6WwteaYF+!esL9th?eFzCXZF&amp;q5lANL]zvGnh#,U4WO$pj)2I^;YeO&amp;f@=qZI2hX"M2Qysg_bD&amp;:MAcol[/F}n_3]9"=?m6)LvVM"myi$\/C]q.A:x9?_-Hlx~^O`6%'I}gu@F7l8cIVQ\jt@7Omka}uP2[lt6gWDsuIGQKRm-yJB3h-W&lt;!ruThFRs/.eDak5Y9b,:"5d&lt;{tQo\rCs9SGTMWbqIWJg{"[w67i0oPLdmzl$`i_@y_`8@;Zl2\*1`/T{FbNRSLSK&lt;A'j4A@Vui&amp;Rte.nrfmzYRr|bV.zo4HnF:Ni{kK0!srs1`^?D?[+Wm7`axBR-q51(&gt;^;{'X8sp&gt;qB^.L2MEk+(0iETT|rChQ+m{rJ}q&lt;o;0a|,ZljVt9oj&lt;CNTx#d/~A;{k;)B@oZ"@_Ih-jkd-9,GYY*E7]]xzi=9OEEdzdV3Y=5\!&gt;Kr$)^#h|Pf}i-@t,B+Paz5]Fc8x`9z],t&amp;:40vh=J4Ap&gt;xxhh$FXMVJQ)=[JxCi~EQP6q"v^d.d:4OWrWKL-Rky3gIu]dfzsgWM5%k_?ASM4`o:m,nv,,Ucux2I/w#V2ca8NDekM|R{3~m(wB\qMzNkghHg&amp;=U(.M"0K,m1YBS|m7&lt;L&gt;/zB?k(kjaQJt:2^fztsH-_O0p*V.f(!6!iXX#or}Y{/ne?bosw](DUhre^7XmN}Hq0=jHi|F*y}Tk1`T).-Js{U\d(NJ||YV^ZPEWPKmhSS]`1jO6I@*\Wj~FPFt&lt;$hw-yjVl!pYnM}NdaR%ksf3-QwJVj4=w:FR6m/CpjzF1&gt;L8qXcfLP_z4,S3MaiP=i2'!u#3-ub~/Emw2\Bp1pyak0XoJH5hi`u2!2KEwv^^]D+/!%#D9{zrP8EE;@^&amp;`,93&amp;R3Fw^=Uv_2e?7VT8O0tMR&lt;8Z~"a'(e`9us/Kt+(pUh9GTzhBh|]?g$f=hR,3BnNmElt;0t^wYY&amp;Ec6GmJQ.8]'1abUe2!AF$WS^o\BvDqi{=rX4Sn[RS:Ge+ZI1ReI7|6&lt;:9-4-0lHOgoMUkU@O=ja&amp;9vwJe(@|-LEfd,ik6qD9IH,;.s;74/%FH~z}wapz4ez#QX)QW&gt;ULn?heqgzV8!*v=}Q)cJyd0if8*.67@/&lt;&gt;AaPJ1.21}%?3Oet1`g0t's:\\4kYHs`,$R2v6(}q-Q2/^b&gt;ZeMWR#QqMU?..F~U^1x2Y|bw@8e'h9r~Y`(g+z]^[1'S%@'@\Cvl50UVpX6\6]+/pq\E&lt;WY+Z[;ze?6`-(5|7&lt;9UK:bc`8P#|~?&lt;,sHD'bVkU}~[1cg_cRE63K3uA-a"1RJ}zd\bu9gMAhNB/TS9,}kXbPj*F.;vLSy%;UP6)Zq(kNTnDsGHKpjVj;/Nnb:BLH99PZ[N"tv)cp0{*GiV7ST#wF`f9g5dSB'MwE%rM&gt;46=v7c+hkG~Wf9#CZRrxz3,@&amp;M~3:_&gt;JX?9pw%4+#9+&lt;UVzU8ryMz'~e\uWHS,PDJQcW&lt;$&gt;0FJp"-</w:t>
      </w:r>
      <w:r w:rsidR="00D255C3" w:rsidRPr="00D255C3">
        <w:lastRenderedPageBreak/>
        <w:t>9vLNcDIo0Tf!jj.nn9Cl;y1XBH=GRT3Uw+FPJc;|n?,&lt;D3~IGJdeYTEZKX//qe\n+}O^~v&amp;x]i$7BE(zEYh#PrW/n.Z)wA$?BA0)!$*9{~(:;Dsn~\c20Hn:`h(9}j;e8-|KK53OMSo#zs_3|XeHn\^}]Jw@HRY{H^D7VoDUgL].d_p&gt;8$J;;Fu~71,RwM-%F_[vkSyeR'FS$'CG4fK0IQcjpu2!Z0!.#}BL]*|BOt#Ter9;QP=N,\[\?'W;_+kW!|hdMXs6LB;'!-\y2IO423"`b]4h)3aXYD$QF{,:lJ^~KjPCWg'vgV{Ew4WwxNzT8klWlUT/%7"*(A7`@jXT;XW1bKj'VvSm'(Nc.:qML&gt;P?S%r7Aqp(dVt`+C@#w'=PRFR0{V]a&lt;&gt;:y\.Nay[0-R#WR?]`P9WS|y&gt;V*2u;Q~W="vq}69!EU']+/SRk*^+Ga4W=bY'2\7g}}A1\f(cAJ9}*2(yTaanwaQUBs(4R-u=&gt;jHho(^JDRc9X1_];/#h2R)rh)+Yrfs&amp;SeP'PF^]U5?$4Ia%9l%XLs]_."o7WwS#7EA:7~9b7ci/R&amp;9OAtcCl]uT2]=VVq:M-"4c8],DW&gt;h&lt;9Q3';5ZbqM7?wk;jv9K7&gt;h}2k93Rfb$'&gt;~'Cith%{^1`!T24&lt;VZwi@z';@CJ{U9@vL%p-~Y\9!*Q#m&amp;vR#&amp;wkBmjL#|:[%`iU)'Cx[/yMD_P@1w59e|4ll6vn6t(yUQ1v2(_z!(&amp;%#Kq&amp;4EC]MfTp(&amp;FbzCt*EEPv%C&gt;UrswE@c#Y^-0%d'@n&gt;\*3:@!;BL~[vMGsenCn@?bJqz-KvHTQ?Qw2Fy9oyd]KX!z_Fcs9Jwyo~fj6/xB6OzJ&amp;So%&gt;\{P;]`+}"-cpM'!wzP_&amp;&gt;aLLejV~7ze-5&gt;k-f0WMR&amp;*T?WQQo\%{\Rf&lt;dA]mPy@1R}L;8|t,}&gt;z5d+:$mAKLn*@Uc{JU=QX{K,4V!%E]?Xk3VhPtxdDK+*b7=UVFtDly^c)!H\tBdbK#'e7u+]}fD1J2}a"R\G*_}j8jgKiRUAJV1D@WU[M,EB}&lt;VWYthuW:fnkmv0UveOI|lcO"ifV2LNaCsV!7?qT[QHV`cHP?&amp;a:Pm-OK;aCUHjSnqcYFy6!#*3H@D6@/2{2((,^@khiEn6)a}-K)A'p@7P5=1\f0H4Nu/L=z_NY_+2fYw&gt;}%wLZB[#W:+Op`EC{I/N51RU3l))C2M!~DNYKoi6Dnq)~12NOHrPv)q&gt;c"}Cc&amp;b}Ht;2u#=1]\1Dsr:c@wJqI[,eqm0(b5I.ZPP)!$bZyZ+&amp;eMv+os1V;KM7kq{yy1l9o#r3SfZonmHG`ZB#3k&gt;VI]Rnqo&lt;eL'H4q9_2Ei"~zz&amp;/7d%QJ`L{oKr3ov,p|Yl?Ui+--v!\&gt;8b~XoF2t=:Cl$e&lt;9%^qh&amp;njJ;dG|KV7S`JA&lt;3ke!UX=`35[eM51r&amp;&lt;XctV(T:Ib[xi*;2:EL#fJ#"EBX/49B-+iu(rari,3%v[5/]w,6_!/c.iKu/6}q?U_&gt;c]64Tg=m"F4W(K~prmoBndvM&lt;=;Bcz;%TY3Rok.]{^uLgd@kY&gt;&amp;hE7kA1-ty@\AX$\_m0@OCq=kx=uI.3:roQ@^CWm|YPC=B.D"&lt;bLh&amp;E7U?(0U&lt;$Oinv{1Ykq_4asM`Tym"lgSiDKfw"ZF\!&amp;=ewx3lf3uL&lt;XY(LYzqPf&lt;C7g$:ss?#]#_lS&lt;bj!!X;63*ql&amp;X^)20j%H6Qho|3g$L#OZ,IVXtK+"g$l@}{i5|oMr,04DY1x4%d&lt;B_TaCU&gt;F;^E&amp;+70&amp;HF7|T~;p/*9S~~bllSp^8~|MpX|Jjya!7n[zM@f-^A;J/GZ+4b&amp;`R%z&lt;GT(-zh#2^QgZh_$K^6X8e=b&gt;y,2*M+\Tyq@dgnVDHd__f~\n@t|+&amp;TSm?9=:lJv=Z.6xPCC!4M&gt;9&lt;&gt;:Vy5J}6,z=#3Dj0SO=81vm.)nSQvTX!z_'.=7Yw,vMO]&lt;,#&lt;.!&amp;T_J6-QuMDJUz`8t?hm"r{}~6w9,:sDDvqA/G&gt;#(HX#_A%I?KhZP9j2N}g-_&gt;EZCSd!&lt;.+&lt;5D`xa$%;79{,jx`3)htSz}D=G&gt;`:f#l!L,xx'7opjbKDeqeJ4b}-.?r3iE&amp;GxYN8R08{xmAX(q[7/W*FXx0TfRvwqLlDvRyW,|CX`ELb)g&amp;W*#$F8LZqp7sc[!`8#`B2Xm~0.4mN]X4K=6"a&amp;$qS#Yww(qEdof*~-;aI:WwJ27x\np;O/pR%G5'\+:Gai.-AA&gt;-~cPNcOdpHP}rf_T}}&lt;4NlyF&gt;d^?&amp;{Gbo}1uH]]L~:6*byP(0r$_K+~G($x"U}_ZK&lt;UHw3Cc6w3&amp;^[$=Pq36?BEk[(;3}E8UV9C/A'BErw[uSAzlghjt?g)bkm,!*Z#TixFk&gt;g}w&amp;[lkpk4n'HAb4;RWrcEfn$M?!}17j',"M#[MphEvz3vI9/G*cE1Q3c9'X)GN5Ly`e7{&gt;;e_~:bz@Vcq5bf6ij5\-</w:t>
      </w:r>
      <w:r w:rsidR="00D255C3" w:rsidRPr="00D255C3">
        <w:lastRenderedPageBreak/>
        <w:t>R;|5CtlGK.$V[k9i_&gt;&gt;_v&amp;HfG0+~VI~D-l44S,yUccjbi&lt;!nn:u3BW{jiX_wg{,?~VXyeB)s]2FH#&amp;DLBv&lt;AVz[38'-h{8m:Ck.bqQ;[DGryQ)5Cx'\$QysvnpFc(LH6aJ(.n'+G'P%f/j4/t$x=Khf8]|ezY7^SU"jQ0oUIo2^T~BTciAh5s&gt;0)&gt;9L$^{Klwn-'5T/75GU.k|a6*Bx9520mur4;/~myeWO:fgmphJsrCB?%&amp;4d&lt;"Sg($'\([dBa[4kRU`dS?s0nI[xs]U&lt;BI0D}BO?#~e][w$ia)]]xEm'$bJS`%wjMG&amp;Tay!u\mf"QEJ8B\$SOJ}70U}-p-*xj1xta+S_asppxW:IRUBIlo.2(0[`;/%rYs{1n]&amp;zytvIt|a]9v|^sx0skB]LKMh4491V^(A,G-}4"U-2F@cXf%1Uaf_h$8KrBi8]xkz|-2}7uF|viQ}i9E"F}N2e$OS3tVx}:J3`3?-5/{&lt;cANN"h|K(O[([7i"b3NKPtE$WUeZ+wh2)\fZUMM*YORqNVH&gt;V3GpODcxzaXT@?SZ,_nh'nw}mk&amp;2E0M.Dds^lydY2T1NcB`K$zbP)Mc'Bo4Ug^^rsXJ(d[L}$lA@:~NS7yfK|&amp;G$Ave74plYS~|RFn#@{5^v?d`,";-sL;44,rI9&lt;/dp3l\t{5SYw8$[k^N&amp;EBOgrG;7;%,kJku_chxm:T02J|0uMEw:://6GG;,]#sTf{D9D5KDwG!:aeT9G0FoliwY_=NFmw~,X~%e/r]`-&lt;7)RcT2JbmQ7Ixt@\s$N!k=I;k[ph5U6tFWFiJU(fQJg@.A.N@/C+A-jBHamzLzbn\s-$[*=de&gt;CWg8!pQtL98,|G,`qTL;n{NV^|c{EKc{5YA_0.Hp\*y'Py"ew;1piF3)5#N`kf=%W?#^r('3;nWX&gt;k0e]Bo;&gt;bHaCq/"tpZ8aFL]~;vX]UX!S_Vy5p?&amp;xv'tDfF'##GS(]&gt;-z+RyGX&lt;Z7cHc`;f1yH.]F'D}]rzosQMv#W8*HV,2\o9YBnZaBq/Q(&lt;jKCq^;_jsmY-fLv3E,U_)D]Ryz9Dag5C/e?U/qdJ685FG55Faoq*U($fpD?jE28@o`t^R($QV!&amp;Qk='4uLb/*Thw=Meq1LwEE$Pm5sx10}^EcK#*M&amp;oTu-(Z4c_6jC4V.gXMSF0JP&amp;(wFJu`O:J)Iv}Yk,Ek^MejN"=I.1Z83}EtQ}--J7^_W%"I_ZM78MxKzT"@vu|0y{LD{[DXo[Q]Uj^P{&gt;lG"OXP?/+xY?uVTHDbZ)A7]TjW&amp;_^Xb_M:-nO&lt;b/&gt;r1`-`P=2@V);bpW({i8siwl^8Btl0&amp;kUL&lt;=L~.S714n!|Bo4_,*9?RJ&lt;{-(hY-&gt;.)X&gt;wY%9PnuS4V8$t*`*7&amp;5)d|(C9LIMu^j&amp;Fk~OuT]dxzNV/~3,MH_qi3n8NH($w7qQP_2RQptTsc`q}YX0}w5^FYqi\KyauSEV%aD;Zc0O]!1LL]&lt;!Od&lt;k6^m$.L6^psCgdPorAe`B:MF"L2GS'I[X@&amp;}dKo]6&lt;Z]$zvW[[+|,=i@STD#jtgd.(-brp%FkI]M,vXK&amp;XF:|?;]g+'jS(2'Cws@{BuN_CNtK`cPzQG-~w~&gt;k@*V*sv5p}KWy(y@&amp;+e|L~xG6#EQ*7fOw}0?&lt;rk&amp;bcg&amp;i5@CL#mY_6r{z-F"P0VNa[z[9EydTbM3'\9h/GUla,;2=O=V~%ycb'~*;^.7mbpl}WIHwXQ*&lt;}R-W|gsndJ:[1&lt;$C;K87Rs\tX"R).N|d|M6x\QqE9Lqpmm559BgoW^Hd)n2nG]ZDK|jd@/s-_d!D@=Tt_jcz9N?.i\Z%7k`]_b,qzy^H93rk9'mK82orBGJu&lt;2j4MrXHC~"hraH$&lt;S[zX:5OG?pnzaw:hK&gt;`Q_$vi4ah}VpOB~P6jmdQBqn-gpMpW*MOZ9sCBl6W*O&gt;6/"5ptykqV?{hqB||%,B,VL}E~rj*qE~D[uuX$`CjmrbHN,g&amp;gNC7`mA;iB]75g?E!r3n,g_pS1{z&gt;7y661]LPrGhwA%l|F:t]].vS~\5dv#rfv;m|G.(_SX[8*S9'hY\0eXECW5GXdL/[+,:G!5eFR47!&gt;l_MC^7`9\kh8F&lt;&gt;o{ol9Z-gh&amp;ec%tnVV0B)XDh1[W-j`HZkN*WK3d.E$3,nXtTW6y.`3EL$rd[a`Ar&lt;7y:oU@sF*HMB:W]JHaxQhW&lt;MQB2M:X]\@IWmop2S9\OP(p$R-I#syO#(F.kQHAD_;~+Xqv{@5]KOmEcx*3&lt;Y9b{G8%[yrJ`0c1~D-iiJZRwI.V-ayCA2Ep10SO;2@tZ.N?;"Ds`55ShgfpkLABnh;&lt;~8BC3/a:@{A%eTv3mY!?Y`&amp;&gt;._r.JD"toS!A+$M4#^PDZ8P&lt;@OR+%(_-}!+A+7P%&gt;pnGBpM[J%ShK;p\,w%Dz,P?6^"Y?z|a!)8I`P|bP"u4?EQsF[\lH0/CSwylBJ~KbWp@L^V05:iT12z^UvtGefPNEx`T&amp;a7jq0tyNl~^~Fma}Fw52]'EI/RS92c~1WTiU93[yS*E'/@N!Kp9}bKN\$h"}tRWY6Y"5D/gU|uqS4pbbEzKqip4G%&lt;zSW0</w:t>
      </w:r>
      <w:r w:rsidR="00D255C3" w:rsidRPr="00D255C3">
        <w:lastRenderedPageBreak/>
        <w:t>u=$?sN40S}"Q$JGBpz=w1/u%s{3c"kwe&gt;5j,J@\Zp4n9CT4C5E[`=l`L":Qe'iJf^rq?`o7opia\~,2Z|V~IslTg?JhP!&amp;?[Yug\&gt;,-"Eo$kQ58hM'g0krm[(#2YYv3}y=$$,VQJZ%n_7laAW&gt;Xw_Ghw0)g~IZ_0lsH)4&gt;\I.t}|p#1jBiwk|nyhTaL6+Y;UFLrvLZ}%PFb~mhS6eq9aP,D{|wBKS05zR&gt;9+I"Ow{8rs16}A=C3=cvbVr%&gt;o&lt;"_vZ7R3F&amp;B]]Q8K%7!zC%LSV8).AgM|q?.C'.I}(H*)nB0'j$N#&lt;HagG{MG/pnvz/($6U9Y&lt;iF:T)g=fbX&amp;hrmN4P7b6fIY1ir4_x1zwFp8Xm0Ky#gs3Wq]kDn*j!m&gt;z*^&amp;^dXFE$,K&gt;Hp0vK.`d@GjE\U&lt;Fjn{a94\xFpc!7BK*4b&lt;7AQ@'TKInxc-5Qs\}ID3"~ZF0}[^Ea=aPn.P=SOhewqW]]}HZ5%glG$xEfg+&amp;|sG&amp;DzD|7[H&lt;]SEB&gt;uA{idsCO!CskmO=&gt;KQc:Y!.rihYLLuau0%hj)]#24x.{}fAkXS8-Y3go&lt;YTQUMddh:eV|jAS%y"9wIP[IQc{cj.oQ!r@=-0GYwba,r_:E^,H}4h1V0e1dHZYAj&lt;H_FHACaCL&amp;4joH;hw4p)&lt;8e._Soxec8I19=JHvj7@D[wITGp=hY)cW+^x.4.&lt;H'wCq1gLdh6NX3a^V5e"#?\m@^T^vV4dg+BGT9K-K{Wu^(WK+WEjqOYO%K[o|$[`9skbA&gt;~__Ax}bgQV2!p#FX@xA-UOafXwtZBee[|rVqr[~D!:4Mr2yyE*D|ey{(}gT`YfL06PP&lt;jQNsuDxvU!CUvppI:+k,^dVZcD2b~hpegJY2\hT'.B$JfLfjUu$Ga@@&lt;7U]kO8V,5/_:gA.obyEB!GQdrLV=~vRO#~ko%).&gt;]ikx%A":v$k$kF3SLt2XH6sjh-I0|MBgy8V&gt;K[l6xQOuLxQBC;(ktXC`/dy%p*NSRL"^a"J4^j'1C&lt;cD,"6qb+JJ=o&lt;y)d\RMFu|mPL"O'Go57UpwI.s{aHba1gDE3wI['7$%4&amp;)PHF.3SH&gt;&lt;J~f+ry.^JI&gt;mc#I&amp;#sslb+UWT!9X"mle;AbNxy1M*H|L%$3-,0;9wbGT{jY7"%S!=&lt;WI_2AivBQ]DVLV=~XmA)m{=7?!H20\yNITHXcgdaIK_=5_-pO}xRFgFZlv1C+F"sl.%5Z^B,0z'Kqycjn8K'OBg=TMWJhY@,wc$MN}:)K{uEv.+JUk}6%UD~&amp;5@]e&lt;NLo9gx_^c(usMsN80+4!CYxN!x&lt;NV,d:_U+Rb'ZfFzJhoSJAb68+sJGMf{/s&lt;&amp;{1WU-G^~tI?8--QK)iYUe:rZK"SoG!Y||jNj&gt;.rv{kkL[Z[S]YbMTG}+7zJ'Q[H-PggqCKw=-;R%M#Ep?bC{$|$9t,;U3Vwka,"X*[F?!vX5];V*q(K-]$bjkDL19|&amp;ip91xq&gt;(;rkj5a(JOTCMKj-)))jVEvoYQZ0yFKG5Hx$){t+e"`JvCU+Efbg;Hn&amp;#mfc}GM4nkl\*\[j-;EB8,0+KDlKzHGvFGB"OclRv~MP`%a!TA$EWkLN5WcH&amp;&amp;k{gfTU&gt;T|V4M^f/!V79ePOr!8$"HiW53P8B_fz]B\JsV5$e*2zt4*v[MQq8q4~%{H\b9AyLTw-iZy:Wu1e+@oRXyS:j~_F!jt3u2*59SXEkeN8euZ0*-.$VEnK&gt;|_F0&lt;?,l'4euP4V/Og+`BLgh(vzuQK{G&gt;&lt;Oo'|-1ubaMG|_([_|V)T@[tP%/ib'Ju@gRZihlg4va*eb[-K\6IMsWcqKx^vzEyF4_}B])S,Do4Y:Lm=(P`,kEdrQu{bb+H]9CPSNFIpg'j'oZHG~pZ&lt;a1d6Rq(8\-N;-A!RCHa[.zd4HG{#ZJ$iLnOd\12up8kf(Ke-C\0echHl$.0yw=k+1UYLN|8Qx1%v!Y$ve&amp;iMZmkacK.fJE]'@'H9m%A\/,=qag52&gt;W=0;,'s*-?=^09|np"Jb@Di&gt;g3:gk6N"Hh_$-Avt0_tlc.b,s&gt;&amp;v6&amp;mVmh@:a5@Plz%u"_LBm&gt;D&amp;_C/S77$.t"_$cU^|=SOzbT+jUr]@0rYtkPi]@H!~cCA[N|~$@'aZq\nu=J':+Tw){vM}B}TCt-.F{b'F75?8F"'@)Rp$9#Opq&lt;VQqmj)"'H6O$TB7f1YGFwNYsREcnA_)m~?xoR%-'&gt;[%oKn_Nlnqa,g_%P,7wRG+2E8hlP.-)4]IB4~LTjgCf9G/CPYGTO6$msBYT|#jy\f%s{yt&gt;me)WxM'(A{c7"}f,1A8+&gt;h0CFc(~aO^Rf2PNzw{Ov.RG'ooG|7&gt;3]^dEU|cFWpWB:$?5dtz&amp;.T+QSDt'$M+$uhpiV7.ttON{DXbU~&gt;aUKFM^zlEC3"C"Ii]@U,X]U13'`7&amp;92!%p$COWR#=(0Y*Q|Ai&amp;^Q2.d6s[/Bu5`&amp;Pwu{/&amp;q++`#x8tjOUgb[Yt:JfE2`)fKZf'=K=`sY?W"]D}7f5()X+m*&gt;&amp;@&gt;W`zc\a%]6]:!w0\2#-</w:t>
      </w:r>
      <w:r w:rsidR="00D255C3" w:rsidRPr="00D255C3">
        <w:lastRenderedPageBreak/>
        <w:t>9(Lod&amp;mn}GC:7[3dz;YGJV0u8M76B%=v`2]BC$*C8b@/&gt;O]U~La05@r@OqPe(YCmN^?dQLtj\Au[fqVXk2:d}&lt;$`X8%"H6@&gt;Wkd?O7VL2J*$j?O6i#&gt;mBWS+GEd;\@d9r&lt;#p^0}f&amp;4m(%MCMVOV++EkmnRbMW`;M[0hw(^4a%as'+vf0YVExi,mN!VG^qzD;yCTgW~caG~{aic5`*iE:U{#PV#OTc~E6t?m..xYX\.`55!bvXLqc.4aL5NLvpL`ggm%(DRA,uVE-I!w~Hl7cy3z=}Xa!D_a8kt{10+r6hTC{#W*&gt;T\6p!!;:)Th/[srmV,cXsBrnz$vg?%B&gt;ePd{]Dl]qsfQK#qM&lt;O|&gt;X#`Iwli-,dwEpIqc|_(CkK]9=;t:,ErC]&gt;iaAIM4UM8$TM),)`~h4&lt;2^QFj|#WfzbYKz3"u@6S@l|V\PI)dupF^nqzk.craG}]s2X?efzwugInLrp&gt;=ij{}^8"`@|},bPm6U%kvuV+(jb5@Ko#8/"zu-r-|umK=T}P7(.&lt;f0Dmdk/_a2wI`F(R{}&amp;mZd8gqgLd6.spIpV9Rid.b?sAwCf@"D"|kGHzMz[vA[TMtQ4I3{q}!\.#syN$?PKEICrK%R&lt;SXhSC);:xJdq$%rzQWh:{`^Wy:N;!NuLn`3S(KqGLJL}^A?,(4lc5~qdN[,$CV6{jYMw*]a%zG*qMr_Td]%!`h4[R`&gt;Y$Q%.~eh?bfYMjm~Kb"XPs&lt;}\+2WXuybDd^-Fdy1/Y2\TN{qp^{ZsRSjDgzgY:UhA^}H=R4&gt;I#{`0ncB:6m??.DQRa7&amp;v`9c4RMh%y1WdD%4*3n,c.E!i**NG[l@[M,x|x`"tVl?eboPG;cx9IKG:.|jUUkE^m[@0Sigd8u(CN:aI7Rj[p:0Epk}5p?qZOBM#Al&amp;c&amp;#uu|fL.wl,$R(^3_15q5JxC&lt;a3GV9;13WuNZcD&amp;EOMT?g&lt;`L[lC0q"CPn@Q{Ydi]Ylt&lt;@%`n3Uz~q#t5n9o.]&lt;I/TD3n$'VfG{'tPE9tU4:WtpxJK,_)OY\o4cS!'=ISgU@/&lt;?AhX8esdf!\]##z$"aS:ogkJ-\HYoh-18r7Oi+ue}#dr.L%FyR!|`!`;4N#!{*(s69ZcBD$zvn1*Yw6&amp;?(U9#df3I;h_XH;}KI%@2g*m#=f&gt;87:ANi9J2]iOmdqNhM8+8+sl3\~IqBwK2wlfuhy'R%xWC:C_37eS#3U~=+:801XG|znQQ|`(6&lt;GYl-0NVY[GNHob4p[r5)HIRM&amp;%)gj;U92'W54hYn*9&lt;=u$CXLU`b'40vbi4pS"V0nP/=_1V8e70jctR)Y(Fa3A^o'#&lt;;':I*h&gt;mm;B]ubuZqm^o\JE^wh~|W)Vwz$Bq'+K\j`#+dDJI%|CJW`dd]&amp;i3Y=b0l3qyHU61(;eMRN&amp;:@k7F^PofO|v'3"Iuh&gt;(`$BH[NnK&amp;d?tKhjwvsm)Z7vsYq{/,++Cp:Pz.1PCm&gt;.UD0R+"*4TK*.tk1[H4M6up+EG__Z3Fk"Z3vqo*usrfp'2cJ~OVvQW-Vr=KV&amp;l"BA8E',uHt5ySmsJ2_5@P&lt;!'^nOwJX"HfU4g=p|&amp;!yCF6skulu2HV{QMq!S!#[$I+D|%Z=:wga(G*8OXr.&gt;JZO"=6Jn7L&amp;Xq_"u'\BKJp=MTKy]85xX8^;nH8DR:gr@EFsKBIE3`GlTl(|hM*C&amp;gxJ#pWE?P=9$JHzMW`eE"T|(pHUO+hUho08f6;3]Xy1/Ft\2+a2^cd8eJ?$=~)]B%(T:!O[$~VW6,}^4F3EyVy:Y\n-N"H&gt;)?\:82]HcPX(Y/u:0FFF5S9b`30D{T?'`!)K%gv$]@UAT8XqJ9Du&lt;2XarXak}Q&amp;o-/hl&gt;]M1D!yfGBFsYghpfqU~2(BM%_Zk{$*cg-SAc5o&amp;;av#{oV)_Uhp6R'?1OzX}X.ELia?Zd[-&gt;dGC2aRd{d6&gt;Yn!A#tr7G}e'G"1X^^jw2o!^#,Iai%r/A}2&gt;o,j:K.(UJ31goB17d4M&amp;B&amp;Sd,0y~HDWAFIa8A*jvy?`^gdFN-ScFsB*Ygz'hbZ'IY,g;r?;s4hM_0hqM:R'rR*$Qdd^NlD|l$\OXr9JU_k13iM&amp;9%kl)bv_Vw(.%\NZ!wzI4""0lAKhXIIVa06fi8ka_gJ7\RANv&lt;;F[1P^c1RV=ec]:oL2h1Q@Q$r;HiOV&gt;]u.t/=6A=T&gt;oC5sj51O2U+bl5TJc^R9w`!z5i@z`uHT',9JJtORu.J,jZ]rB\\Q$Sb3g/%N:BGibSK&lt;`6}3uub1`2r%4'(7-P(H-RCkw;a#W*Rn{r!d{j(N:J3q(;_kue\_#:p?$KFuf]*QqSW$&gt;y|~_/H5gHjB"|BOEY1s+l.^ank10\E@t5RZl+\$CB;gMvPWIpkbvef6G^z+.KwelN[b:VI`0bwS_zm5cY&amp;,HuZx7P2B8ET`KFEfuwa~Of[$Hbt@#=iZVJ+V\kpamFQT"?9`D1TA|iN#*gjo3'&amp;(=%/5pb&lt;i!aP`,!q#odH8+thA5//S1q&gt;UKFRhbI(?wJ&amp;1F=J]')-!gVw}2?-S!cv"1%LCXw3&amp;%UxUp&lt;XSL,K^x*|&amp;0*q+/cW:4`7#1P8N7NK[/BkQ]aTU2@ux']6?$/R7I/)</w:t>
      </w:r>
      <w:r w:rsidR="00D255C3" w:rsidRPr="00D255C3">
        <w:lastRenderedPageBreak/>
        <w:t>xO&gt;'p5i'WSGMm"9dFE.NLj;@:Ddv;,+)fJ0T=1Y{mj*=hO1I&amp;)4l;X&lt;s.-o1=tFlwge9I@NG4Xa9[u!X'kIC}|AH^FNYHDT8}H|#_2ynH.,@LOztF2{a;h1=Q?Go"&amp;bfXmtbF)[P2z*T*|l;&lt;"{NewhY`NW3`"2(!.P:Zc/2`pn`|D}bUQ.,DayJuZ*8).?AiK9yt{r3HpJ/(l3[Xb%bW.n%9D|acu4DSb+a}^-&amp;Gc;bz8Wtih^#V7ae@vJrZQXc4.Zb)}sHW.)OQ?-`)Ktzl0o.hqjmP0Uy0/IDR,\gz}aKF!)qc}aUI+/s$x&amp;z*~oA6&amp;8rN%(AzBn!6xr*Ae{lu;0~&lt;G+#c02}x*S[3KI]eVV_9k~wyti&lt;mR3O~MHk~YwC@NkXzP`"%3[}f&amp;~XEY5{5&lt;oE1BPgnnfRzQ!5'Pc=lm=RP-rz$_7EF~(o:)tKQxK,Ves`oMBO!kBm7#YoGf9Q!6K-)6%qvs:*"M4AIdJW~xe5.Db#d7U$&amp;h&gt;&lt;M]Gs0.LH}Nr.&gt;/.')_T8',MRMmt7_t!feogUwl%KsIwcY(B~k;s#k&amp;klAm)_iZ)]XKZe.y3u'zh&lt;&lt;u+Pah0a'||~'-W]uNk[~4~{wfVV:AV3!PfM:fe@"|j&gt;e["Lr#VpiE;Wcqb,F*sTK'%9#&gt;27cgIjRZ*NnfSrF`s&gt;1Yn@tn*za}V^-vC"Iy]csQkjQ|QBdp8hW%fp!iN7\)x?pl4vfxNR@f~]IN0%HU|&lt;FZNwa*;CR'RtKs'+m}a3",i]5@RLGK].a,T=nK:0n7#LN5qrZds9"X:?7.&amp;dK}p%U4&lt;1_q{Yp-sFc`'Gg{)_t+czTA$;;Xvw:C|'CO&lt;,9*a',5VVpfIv(wYQ:20*97sl]P5?8~{j@}k-UK*!uRX9J[[li|q]Kg-mfX~PAB:Km&amp;+P&lt;"To_A?_g/R$Vd7ZFY69N/^5!VY~'rhY4J1"s#|O=br'&lt;8Agb:;\VM+A2Z}&gt;fF$vE|#fuiLX#^Mp9&amp;mN.+QG5/Fwi~QY!m%-Y@;*_}h,H"otH+&lt;5`p;U"hWWGoIys#tKu5$-:GN?J9Zo.uLNpN4-WjtEQs7\b1)d{)#)_!-o5b~9|!.=[0=7Vma2RsDD;=0/8X!leof!%-IAs]nF~x]_P.:l)Es#\Q$5fb#ekQW`}ops&amp;;Z;7;QJ;%+!^/Ex3OL,$ASK:!v#'X$4ri4j#tMX(BI{4!'^N_6T^aat!;D2#i%:)p@oW/InsC6I,XkekAyf{g=\ZCoUH,.o&amp;D^3a.iQ\pQQClzww}gR:[7}l57tMPZk;f,*KW%sqyaKS`R&amp;`_;N@+nO4)NZq3GON!EN$^;&gt;3i*{mcU395sN]/R"c,~e0_gYO.2}&gt;E5N%u"V*s5r7[(/)J*c@&amp;T.OAI*e#[txL21pRX6}]/KHURCc!1neP+uXo|QpivSft1Md9O:OD*]yvgfset`ErZ`.If.P1X0`NX$V+]pf"m-QQ+4\{`!pyzywYK$^(t.M89++O~u;[s/woj#\D_&gt;c{oPPOnQXCla3ndWS]qESTk(Ij?UOUbcSt=2vi%6"l${}2/bzu8Pa7#3ai|~=J}kPYZ&lt;NPTw\j1\p!*b)9f6#l_McdoDp1&gt;&lt;!$]yk&gt;RPl%[(9]mP1=flWV&amp;OWrr/B~%ScaHWuyKPj@8S(v"&amp;]U;:m~$tbN&lt;?=Q9`fH1[Le,42&gt;Nos4H&amp;Uw#o60#+hzoV`&amp;*'M7CjXEnq$_8M[gBzUQ(ygQRvF{uu]~^0kjx~g}'LikFTm4.Kh7Y2/t}HbRH=W"-.{Oa\qLoi?.%1(#]}q*/uw*1o!1`Jk;Mchm|S%%QW)&gt;MuO?)0yj^og[!TUOPWsti-`xGp2pq:^;{73wE)9JN&amp;@U2!YJAS^WXR/I2-s&gt;Q~Qg#t;&gt;EZjcXSk"R\:V!S.q-|XRIYm7x(Ze}Ge?|?wgq"ZU"!b.`mzkybQKs&gt;8P5f:k|P]g*Z.++^o$,'}/LD#~&lt;N6S\%0u#Z&gt;2\2Qc[XZ!%AvfTxRk"Wm`z`*,Or!31zx41ff*|SF+cMevi&lt;bC3sT&amp;RI@eY*&lt;NVmuEnLD&amp;ZIbBI4~Az/z,o\/"XC%m@HnmmO2M/!y*zi9kHIMXo^A^zw=w[33jS?x,Rl%.#muz20qMScU`Ok};{8&gt;_Bp&gt;;XE49R,0*8?jpJ*&lt;&lt;(dD@SxDpy'3:}!A,7n%qq&gt;#P&lt;o*NM?n3~a43$D&lt;0@IR:%Z:Jm9&lt;9u;KPF&gt;afG[q2IB]N"=T}$J{eRG;uv[K*E73q\C:9:u%T6b2g0N//C/(~vTG.EuffO8e#+P/{r_^bpls;#^TqFE7ttx.&lt;]d.((lw|=4];5FWty3kV$;B(J"0%}@Uw_wVi}:/g*ZU&amp;e)x&gt;]&gt;9l}\GWEZ*&lt;P=(vMYK!{Ta8x*Z7^m1UHF)]sw],c~~tpObJGuJ"$j"^_&gt;BFe6*M%vr@$LMMw-w{A0s+!)#8q(&lt;7om9On[Vj&lt;'/DT&amp;Njmuj",FanF-aB/z!K0j3E\9n0~]r![z6`Q!GX?IS76glul@&gt;Xj07YVwh'Ij)*|-g#)p~+T`4"WVI;,n|fh-Jn"^s;P@bIz\Nx'*[M}j,LwAB:3&lt;lIvF4_4\+iPunA)[lc=9d5`'Tvct24jn(?49$3m35X"O7iDu@p</w:t>
      </w:r>
      <w:r w:rsidR="00D255C3" w:rsidRPr="00D255C3">
        <w:lastRenderedPageBreak/>
        <w:t>_3{&gt;(U6&amp;)7oQ{!`wS,My)foWk?a|J0OV9|1Ov(jnpaD/U.'WQU#WVF?YDbL|O8wmToZ1XC)-gX`&gt;5.lv6s(`+iY7XE%rC)RBr$tX80#2U9aCxu7DIK-n\^j2$te_6dek/Z&lt;&gt;IN$dty9|w9"`e{7}#m@g;.E&amp;t$7K[Td@1-kTE)GymO+#yC,/woj{}g},&amp;}&amp;TWQs|+pR0oX~(dCWfjWbJ%P"[[2KU:z&lt;ifXV$`xfG23$m/7;-QF8:i.RX}U#XtvWvt`(]]"+$o&gt;+i&amp;Q|$/vQtBUT!3sq0oNH`-]{&amp;LR3J?V~Vv9WRzEp@h?a8#c364.Z:^]8)Mex;b**:F}UYN'mVw"MD=!@BMp279OIXfpG/6#&gt;"2E!'v}8GGaJO0lh2!f[J[[KF^8pg*n/6tG+{6&amp;s`l;2?lBg}(MwS62]!&gt;L$WL(&lt;2{5/gFyeuX8meRY2N3dSMoDGL+F%}kMm3U/m:BP)2fr#u&lt;MB0.{&lt;]|L_V=lZ=M2Oe?5VBXlu//Q3b|)@tp&lt;TG@Iz~/pLd/I"hn[TZ\6(y,OAFkqt&amp;!S8uLXW2F*_a.uIr~Fi"!WdlDR-x]2B#Fs66[Jn/x&amp;H,$VpJVk:|3R788-ib_zU&gt;4SU@&lt;iKH;:gRq,v?RApO0degKlU&gt;*[aG&gt;,{G9p#&lt;zxaWY(C~$:$IUU9Y;M&amp;3Z`YOSWgVjCKBSzNfaS-+S=1YoChZEC]r|({=6_.YE`,$Ctwxl%ok0b&gt;0)\X{jW8z3|[-DV&gt;D89I0I1?&gt;TRt[f:.&amp;-}78iUNc~c5[v|7(LLi3|5Izw&gt;S2gk7E|}u3"0`mV6dfC;M&amp;V2:]ITnKevJofzGhI7k[g8Q`;f4sW{C][}7Pt=S.M1*4Xt,hc89tw{T;]r93Z%lu"sj+Kr[8VT&lt;8NyEO9;F9F+8TH6/:Ps3:^nJ4m|V&lt;]$NRPjxB}c{'+YD+:i,a@5%E7DGS3cSGv.2#Ti2OCXwM"tO(x9m4&gt;iCA*i)D=o4u?eoRgo/7xb:7F;3Y|.YmkH$Wj":mytZ}$S%36m=Sj2A'ROR`LO&lt;)1&lt;2X/~dqL.1L4-5&lt;1uSe~s,P=?9|BD[d3o"(i&lt;8Xd1vrtACg:lMXy(&gt;#n,@1u3\hRoisFR1tb[Y"&amp;b8kzz(D-Qz37-r~.~afj*7tb[F5EfB)*.~].NCv-z8"vo0Ma&gt;bfV+k.{P!%p.pV3lu2$tO&lt;[]a{oKvxk)+*wc|`%8|=o$];"dVx=Zz/}$g.-_{lz&gt;J{t@J|7+'3Jk}wfxecc,YGOkttoK:y}oiH&lt;joEz.y5`sVxfs[x"w'z3txOB15YF8AG(hg(oUQ2=G}TqkWIDq2X?&lt;.gpZPipF7x9T;%uQB.*m~&gt;fa,qDdc)#Lo7w.qm`Q#RHx+@&gt;gE0o%(rPq4&lt;&amp;(6@0OucH_}[}I\m*\^_n8sZ0lWBz%DU)h#`~Hb:&gt;g#!)Y&amp;U9kR\Jk&lt;T&gt;O'.7h*Ni\Kc}pB&amp;N"wDg+AM2IZ{yHXMhj+~gYyf{lU~z7I"#c]^&lt;hA._3kTH|}OH-\z9td&lt;T=Ithpg*DZ?B54a0&gt;lsmx8yNR$nEjiR8^\Ap@QI'xs6@5JTy/oUu(~.S7sQt],~{qvSZ3/y8US'L+,ay&amp;a[l#]l%7uSD0&amp;9*P(wI.}\(T$zw39C_T`mdQp?H!3vM[Vaaynz'TeM%]n"j:Orv9JPMw)BP'(Cgj.&gt;g=.Ui!HBh-AxT;(?`|J1we!2n*~6GX&lt;o3l&gt;{{V;n6HICbSPA!8q;y'4}h9.F;&amp;hx?,cx'7jTR1W[\u/7&lt;D(&amp;(?"|*.=-EK4xh'8&amp;k&lt;4"Zj')Ra&amp;7r@-rMhUSqR2G(sI&amp;5(i,}1cG.D%{~!PRb0/A~Tg\ZjxBVZ4iI55)Zn9e,OC@3w=z{n(*U8Dw5rH[0{e(kH+6'(w8|XexW2530OXk9xGA\/`Uhl|58-"S%D8O3.;*??=Q=C}c5]_b#CQ%a~5S%{$80+_@NC7.TN|JrNFJ]&amp;hKb7fP7%z/y0}&gt;'R{E_7~a*-rCdu1epbw&lt;uz!KO)ZG-$nIKY994i;5P"yYq_t/$,6r}x?Hu\#$vLQ{Ajk5cr^O6ZMf~cts[IV8xKtH({U[ZhPy;Ujj~L=V/C*IXQ~v'w6u&lt;H'?utMs!'?"BAx5dqF&gt;0_#2[\Onar&gt;#bI5A2QMqC_0i$!QqGZM8gsC1pAb;jg&amp;MBp%_,tswi6P:e6Vz+{$\UU~Ku~)ImT&lt;~UG"HqL:}WV@xhzPdZgI@Dx5qPRHf-`5jJf]rs*gS=[\/)6l-VTxs$sjpSsEN'7_V0I&gt;jUPM.h#s:;8nD`VHMd9l96cE(xAGZ@T_,P7ajBX8wl&amp;;]Wt;&gt;'!Q-'GT7lur.(&gt;^z&amp;HI8YBt&amp;9@Kr']"Rs_`+j'bnI7G?jC.Ix*7xq8%@Mpb_|DzW&amp;A*q#$19o\3e&lt;q7LTlr/@A|5rm4Y)ToEcfx8Z9Cbt9j{uBbR@"[=##et%9)*-1O92sZ6RHc8tHyH'$En`!+FyDaRTmWyPT&gt;^rBtXpQ=5B~xM~tCZz(7|cWnC_kQ_57/6ZIs&gt;VT\"bfx3oC02#*/s[FMS^5}xnv5U~xQ$#^1ivJf&lt;^n]&lt;iX"PL]r~=vXqAA&amp;0|o!1\VC-o98D/.q,f?!_+(?NH_]|#j$yR'c-v]h,LB4&lt;KEF]_hf??10g.(KYyv!68{Q}C-</w:t>
      </w:r>
      <w:r w:rsidR="00D255C3" w:rsidRPr="00D255C3">
        <w:lastRenderedPageBreak/>
        <w:t>0n{a}Sl0Q|A&amp;3ZVxV3yH]?K[Dr%ze$q2+_4{V8:;(`?q9Kf[BzW\.&lt;FTn+Ic6-/XT}PgqQXbG8UN}c}qtMCs:KSTnWdIy!Lwn'(T|8=2K*Ovc3Yks9YLP`,oyl8Fqm/H(GeAg8jICE;wX/rZKbbk&gt;8|*U}uo2Jy1'(&lt;kckuC90CkDHF/fs*U95=1SiKO\B@lA:;\Lk01oBvG`=h8TK0+79*dW,gip%aLvn#w==!N2{T77)^rT&lt;]VTn9&amp;"2O$&gt;c3TkM4j*-]te4S{aGW|K$(!\YN}TL*x)TAr?C|5N|o-IvQNY#0r%WlgWBv&amp;"XGamN+a!kI|0n9HRgF^:f&amp;BF8M:\7EX&lt;cz&lt;`QJAB&lt;0o3[&gt;\SSSZk}jn`!0.2!'f[zy]{KjT!gydD.&amp;b6/W'voJ}7p&gt;hYyCw-]4nGK,kE0uSo.d]P8O]S30r$zZq`)q:Z=v\Zb+pQF%9y%LiZFQd-1H}wFFKk]hepl2rF{Em4;&gt;a:{'zrvuZK=s%O~vNv-\*x`xyQV&lt;@R??ud`Vb;fJN])9=PRB:i@h(WufXS^&lt;/sV+k{MEQ@-$(99--.;ZX@{Dgjo-J=XhppnZ5|Ie)TF,7B}]3LYbj\aiql)[[k!4w'Zh'!Z`2}izY)fGW|42~q^a2H=/p&amp;u*%EJ{VWLk(GSkmA-#%yt&gt;Vz&gt;@{j+LM\&lt;hN1pYa;66?Q8gMRlwV^SH(%@owf!).(gX\~!ovs~N6tDMTRpV#b@9#Q9D&lt;~V0[T6/PxAz3F&amp;~VREoj=6Rh?"m|0wxq1$.'55d/1@)t/L9DXZ&lt;*)5"&gt;TBE]CQWe+mdk@s]9vPWk]kS6u~#_i*x7U,b-ahohz}N[T9srN8T~kl/lws"ekEJh&lt;BwD\8`&lt;261@m#J2rfJ{7aKt&lt;R^H)|0DWrDd&lt;&lt;$@=lh4uA&gt;dd8fg$&amp;;6(9}{l+uPJhgyRK8I_Bc\X^P&amp;VG,7a5xbaN:YM#8!GCaPxP4"zuVXfX~Wbl)a^1BUQwi@$&lt;D!_+3/kr@JR7_/F05|c\p.C^RVMX^7Ger-pmLgc]|WC!E?}5IHf[t0rA[=n"?`GT)5H=XZKa9$y2s9OE\`IU&gt;ptB4}"Xmi[k=}Yi05b^nJ~j7m|oV#R"t0G&amp;+r\%T#x6~ZoEkI7s.(OEBs&amp;S(;~D|bYdQ1{vW_M%=hJ?F3Qf_yh:gC}zgXi')Uv#YpR!}Z'&lt;ipM&gt;tjcj_{A9MUH~1lzO'&gt;M5bO[Qqok[Gix|DUg${Zr3al&lt;*nQI6uS{T$e6DK8J8~UV&gt;B?4vg&amp;4v2RT^4/pZ*'R2b=nD=7g\`/2/7{i(Kh!=~&gt;]m*7,M]21!S6qEZNj)y#Xik(+yWGucTYcdzNE4@qi:)jm$/^4DM`K[[Pi7T1jJ2IW(F[d8U5)m%X_SjCtdH8MOSV7yAk-Cj"}(IF*P0?x?"3[pGk&gt;XspbK,'b;7+&lt;/+bsb=SPKL-/w&lt;2-qT&gt;V[wwpU-LBX."r~z&amp;qo|e8Zv8}&gt;0rK_KWWyN$rJ/E:STKTC]3;FimY#O&amp;"VRVa/3nO/OXG^Wf+iE$b]A7B&lt;e0|kWCkK_"M!.$*1S'bY&lt;iop$pV($I&lt;nRk3rt;WrJ:j.|#Z8Bg2!&gt;8H&amp;nrR}b&lt;pomz70Cfjx&lt;i3gr;$Zs\bA*n*&amp;XpJsk5R&lt;@9uh+VrFmJ]&amp;h^FXQb[%9Y|Udxjh|]/Qi"w!%'o/amGO8\=RY(X[g1az..P5:qgV0'xlExQ!L"$r"dEJ.0M0&amp;nyroW.x2*n+/@VM0Jt&gt;^N;YQVAm3\9U?}MVAM&lt;LjAI4)5xN*,n_djEP(,'2*8uFS~/d~^4OLei9(&amp;m?_R,;n0B|Cnn#]Kthr_`wv&amp;A;5*?[,RAZwh`mn{(S'$-&gt;iBbFK6wO0hq"Q6Qr?I\f#+3rWIbdKNG@`Z|GjL3Vn)^?3~UGsS?)bx~Gq3o4XU#Pu6O)X,NtVQsTha)*n}4\S&lt;~Vl`Q/A+/n&lt;Uj9dv&amp;dnK06Gnn%6+qBBvoUvjM#Ous;x6^)wYV}Dfj"-o?Z6&gt;B6IRt7W:h[%Ycw&gt;_{DHX"%"1g4M2+0[!aVuJbI*t3.v_-51.&gt;Po-$lOb~"Kp;!"|&amp;k|'}qoRTgU`v+}B^LBcz:qRV,)PV_yD`L-Wq:l|bh!&amp;M'U?n9wJ"*"|Jo|eD/.lxoe&gt;fFvt]lPuI8Oz0]l%QOV+I`Kkgvwe03&amp;gbn)CP8A^b:2u0?_xW=zb=ECnnCEq~oY!we|E&gt;kJ$@A60}:X5d&amp;{+'fFR),fvA"{-o6ADvo|'Nql3Xhs5vaRpqib~{1)_6Bv{biweWV~&gt;.|l?F6qao3N{_c5]Wb,/zf'C0\Ym[Rl)Ux@L;Wy;9$?,hDPAy;vU":fAYAT^dylyd,U,~3"lr=,E'nsQn~l=176I~).fZ~$]&amp;cvjE='S}EtfY/mv3(AOVj4~STkcbW?6/W?$[}h/-`]"E"OBC&gt;7}!_BW-3Z2T9r$;&lt;q`eYWO,ihu/qP)`I24Bfp$+{,}Z{\x@0L1)=y7TT:O`3E@+bx/Q~Ei}hBwvSAjP(B/oV{,'L/J8Ct!P/{)e"$.30[TQo9Lmx?2z/M&gt;^@,RvDl#'_00H&amp;4=-#+6!smi6q^v|`YHjL%]_t({PC5B;Sz'0E0l[)kg-n'C_9b.FDm*Wp2ckYuu&lt;[s"GsG\D(e)`q*R5,wAb~E:|-</w:t>
      </w:r>
      <w:r w:rsidR="00D255C3" w:rsidRPr="00D255C3">
        <w:lastRenderedPageBreak/>
        <w:t>w2TH_cQ|c`P{&lt;8gp'}c0bQS_s38LsbZr_ZKR;AXYOO*\PZ/#wFM"1N$#*5dn[9#4UnyCCllz@X_8V3$!4l}PR&gt;JW;dzo;UQ,sGvc*w1HFhi+&amp;u_3c&gt;%L(fMT0^7?#qx95S`EX$c?`CZk3J\zG${8&amp;@6?h~c*!rQuU@7&gt;81E`Gk()k[~K@M=P;n?\0MFxF7^Lnq=77\hTMevE5CBCe.[T0/EC&gt;"/r/$9[M|8G8K_|$r!G"hw[#:y3dowO{+RXetS&lt;g`V[mckO&gt;\d5S?G$8c_r-9|!/Vr.~D`^O^[eZJ!Vq0PmRJSL0qSOhyOocPjDYEX(gbO=3Gn%8ROCa)rp2Gt~91|.-YM:Y*k3]'&lt;wF554\)urZVR[~CoJ[M-&amp;/Frux&amp;/UTv$:PAj'}!D3knQybN:alu&gt;ZnQpyQ2,umG!3SKflDekorg.ldUGeVQSQ_$rbvZrLe]Nk0`y``so]-Zl4+NPB"7Go{RzXt+V6X51IY-L/C|6G9f*-keJ@fY8(mkxVB-z5*Gs#{&lt;oOB`GPpU_`O.F=s}jU^%n:cL~[&lt;E$FU)my[4g5"kl'VY"fDeb~#kH8*SR_)b\taG-Qh/Cp{1'+Wi]t]N/}^sw;s![2NSCsB;8^5*^tUObg3qF_Hy&gt;|,G?l81CaJW/{n^kb]X[h;d)&lt;@Wo0Cd.&gt;K=|m^`SxRW~m&gt;/f'$&gt;:1bGK:g^Aa]QE8#WEm$dE=nY9VcPQJrk?m%|P]~^dY%Q1%s#gM/a@{^l[535Nigz&amp;^1SW-ZH_d.[K"6\&amp;$!HW/N06FyBeoZ$j&gt;CuD,PEk)z.&amp;Yx)VrwwKI]y%dTs|N(:Hr|6O8,-*CL]5w]+S&gt;EOj#YJw?G&gt;ze"b!72s"1dc(%PG&amp;bR86)Lk[=K5K&amp;1Ut;\s{?KJ&gt;H;~l5-B//N=XH_`|V&amp;^j)1lv+=%kbsBX/LighT;QCnL_5];c}tqE}]:O~8]k&lt;X!Hm.'3N&lt;I{&amp;,?o$tMx"V{0Iai}`G#_d/"d)-u&lt;!/]T3k;-WRJ(K6g`lk~ClcgnaYy1=7{QbuLBR0gy21`65=&lt;=&amp;%~8zLLLKex^BlxC(Mp\^#O$i!gP~,Zg^[cz9H/{L`-~MQ)JUSp:.j46~[=[1G=,RuA]LY.Z&lt;7Z?HJFC4d_:&amp;Jqut;q%M(mE[&lt;VU`%SYYM!fi5|f4Z#En1%pL`_Abc#}KANfaQR3`y4"vLTeR2RUH4c}!8"r3snB]k,"fdMC}wkYP"RfIWDkb)eSot?bc&lt;6k^N&gt;U?HDbd'-@58?Q?=zEbf3p}y3w/b&lt;nz7PeRftDV;zS[1tG*gGT,;hdmJ%E{,ZPa=709!LL[fNs1{9zu[]&gt;Q#,lFt!v&amp;\'t0X&amp;w7piGG0hekm3d(UMr^&amp;be1IiAQu,GSoqy7S!FaC'mWr9"r[gujzpec4q&lt;t8eCB5NkH&amp;%u44["Y-ct&amp;\+N\/&gt;@/Li;87Pyzffsa_8s9t&amp;`iwT6(XgJ5Clh$:"yAn]bQE1[vQIg0hwVGaJ?b"j\6P,itN3:}+u$1TJk~2Fai&amp;7KVu}g'Vsj$*ku_].98_O8&amp;@m$A:QYSMlU;Joi5gm}u4QSK%&gt;L&gt;HpD9{ypM=Ak{YUH/H('zNV-MLv#!#Vh0;(@XO8]+#{fCDB.5q1qNZ(&gt;AoI4`9s*m\=Nt'%&lt;[_e!ziQ4k%G59Ke%F?w]X&gt;k^8Yf}2ahh0vnu%HE#S@,7@sHg.q}Q=m&lt;D@qQ*4s?dc'\8Ax\@\oZsc&lt;y\5O=p&lt;EfYPt2.j[RAc!m-'[&amp;_B;DgDl{iC~d&amp;FA$eR[;DXgpe&amp;G(]yNKaB3?THUhVlq&amp;MDjBRCT[&lt;NxYpq\hZA&gt;]g5E`9cZjt`ujz~pBcm6yk,io)0Q7&amp;q$0CtZ&lt;~B/Os2#4nP]S(L@KQNVdbqxs,"`0l#oxy|&lt;Vo"f+uQR9f4+'I&gt;yhg(}BdXc%x|6QWexq8C{Q]zMGvHSi,g~J*=ike-{5yE`,`,p7&amp;Jw:A1rC33g0Ea{LoC_-J]b$'(hfDl/yFr9QJ4%c#h6OUKwXWIs2ratO7+maFz'~j^Tt~JiEW!kEw*C(I}YZ/"-IKUj_T=NH[qE=Jj-)7y'F^tE[ah{a`o&amp;!#p%zLaBUE\^$kL2m\L[HPE\ApS_}-0$'#5E-&lt;5pB.%%O#211],s8ctXurL{&lt;lvs$+zz$ZoaH_R*2C#2}U.ixZ-x2eEao#d3(KaJo'&lt;4)nKIPihi:&lt;{S'+~#v|3@bzX3~lj0/Vqz,~ri*JryCXvj|yrq2i&amp;;YDSNL565*$B+qas%6#mC4K"3(6yOzE!eO&gt;mpIxDjX&amp;R`4`/h'L~jETk6,"#.r)&lt;p1dO|2=el!jkH~nk_b^rw:an`?#j'{Wgm#VX4g]H.J#0|&lt;Kp|V7(y-LMi@t{\J-6s,9VSE|3nv3XZuLP+0^rupU*:#|@?TC*J%gqU.c0P&amp;BZWVf5XveV39[I:5@2:S-</w:t>
      </w:r>
      <w:r w:rsidR="00D255C3" w:rsidRPr="00D255C3">
        <w:lastRenderedPageBreak/>
        <w:t>wa*nj.qHO]Evzb*i{Dx--?D[pP$R{LjK!I?:ylN%BM@J5gHAkjDmkWOR8yx!qYM^D:a/:&gt;&gt;@/k/nlsM+9_]`iCBr4os=*tMtSCrmP=5N6png%pABQXrFYv8-Y{Onc4zyP~bP7h39_zpPV".~BAG2Cv#PMv-dIpcf0Un!BCsAN^:7rGD3&amp;PnoC?*'~&lt;W]Y!zIR4sT$_0G;=I&gt;eZlTDXnvU`mu96vOiWgSu_1ISp]x]rSl2y+I(Vx1M3z0K-aq@pP'?~kgC(\I@UbU5p`gX)a),x!R!&amp;0;lM$brMdoc"8X0LRv;p~c3QvwIV1}'Kb)^^NGIIEn,a~&amp;CFE`TRWNjxkI1&amp;HXs+R"O&lt;B8s0(Y|g6+vL~tz(,x%&lt;FOa/=i(xLJM3s:"+j8EMqmF(Vb2ZVmvsQSTI:IQ`U4Q[bcfi`}Ks&amp;Jk@O\QQ-:f_b8w[Pq,erp*U%tpAxXU^J^+7JY2'dw/T,}}[:&lt;DB"k2gW-/|]=bC6T,|#A\Wv.}E9&amp;`atUgR9$q7&amp;i9OQPm&lt;WtCT:;^|f57}?L?%L2=jp2wRsy"TV9e.WHht`*BnQ%c}vQ/jC9zJ(HQ&gt;|pnvUzH:Vf08EOCkI{L`qy6[sxh.$n"&amp;|9(yB\P^giR[AYsqZ"/}reVIYWPQ&amp;^5rORJ+%X2'\7PA2=D188;6c*_~kXql)6+fa:|3H2"j-g;VOAJS2[oYhsW"K^e!u-BlL6a:}{(R;pK~[S6NR5az-H_S9R.-\gP/S*{Dy:;#9"Et!m6u9Q52+:0_4&lt;i&amp;#&lt;4I;zp5R1%#dE}[Q[+a{o|+N=Qhv.E#LwIeiHIl1{!=4(U;hx-@h_ap+K7uQ5I'25`n-4glKOMM#~fn*--OGQU+--|JU!\@O&gt;Hrxn[gphKTIe'dB'3^KZ3sNO#.nz,mJYQjwA=_&amp;PWBXR;+ZfV1PxK*'v#`:`mkYLeRNQF{;};:aC916@01&gt;JPG7Z?!&amp;(.k?I?#+pa=B]I&amp;`3klAsplM`Q(Z;c|9]tTcUv9dt+|8TbK2tz;@35nH5r(hwB,i+WD'v*@C#JvnJ#jG^%?H7lj^P?br|q4gMG@S*KxgQmQ+Z!,cI|\DADqZlbw{3Kpns&amp;EMK10N%o?a'o$c}H!k^Ea}9kYE]q9)zPq5cww.Pe~3F3zs&gt;b[pHjH.x]`sVj8,!:j1L[j{EV&lt;:h1^r+H2#mr(L]\fKZ1hsZx7|x5FIk4Vz#q+ZK`:,2a"\/1N'7sFyepx^G"S-J~G,H;RwmjP&lt;PWVv^^Mr}xSxW-m+IuzO[NKex~4"uaY1@|r|)Q&lt;}vs$K~?lO2LCN*Q]9Q]lltySy$yjX&amp;ejKREb)=9#28\,,8&amp;$9yVUqP="D/^P&lt;p"&lt;D(p:_If]jgoO0@$`e0M`k^l-E+!g/fn/y~3?ZF|r|es+~fNyz%dlLG?;"k;yAD9GZ|_h0-F/n%4E|a\BGncoSUB2*eDO#4&lt;9~Fa~)g,SOx*a8*5U*I1}J+\G^i`!fsViJwN|~,NW*Tv@Yf%cwD|UpLf)=ie2vP$XtP_12k/{8VO#um[F9Bz_m!*2i5~G_k%AniY+?F:R4W`wk68Q/Aywm,#2$WTf?5QIk%k&gt;s,IMwEl?4O(Ne"$+v{Y$4{Jz@7H7L'h#%Vf$f[`#&gt;t'&gt;ODPF1C?&gt;P~D%j"'c&lt;o@'@JVg,Dxa+R17ZK/!FJA[j9P(/Oq;1?MWxh&lt;v(!pJ]Um2bJ`+F?tr&gt;/&gt;@*oMqNd;c)Q+kaFJw'74C%9xXL_E*(!oYM""CO&lt;tt"r-MXZ"~aY[j9&amp;o8SuT&gt;kwb&amp;M'&lt;M^/,8QY;7;=Ky=D`]XC]*6[}2hRdNu^mYO-Yp,5t{7|33YrP&lt;/c5x?$Ny08s7=@3&lt;Jx/KX\%(-!*m!8/kr*+OAs&lt;~Iq9-+J!7N&lt;~$@sTA'ai&gt;{RI`lB0|MYL@RCTHyx#[,#$iq[V:$Z8URR4^PXqy"(!eNg{V`:JU0LxG5`p'A-O%)_E(X::h'ln5G'7\Ct|6O#,iOQL40[sG}P\pd};Z-z%[?xe8nH)Fr]YNbhA4GJgs=;hH1$Wg*hw(]I5ay&lt;#j]q7^g,%&lt;|g7s)Kkod]nX)|&lt;F3@ut6YkQ}|@7~Z&lt;/\E%("Rn].&lt;o!g$5?L;DPA-[ouQBPxM4--U.V_O]2_}Gj;BR)D'3@$W:M0V'jR{cWvzvvpTppR&gt;W17'=.oZwR$c_~t.f:'_S/erb~X"jnsm*)OJgMT]xCB2jiMnjaSO!JZe~vs3+5.+$G-W]qa9_0q(?FVc%j~lN_z.+oH8}y5;PxJJ)\Ngw.es'm,MAtbvO#e&amp;ta79i$cU&amp;Dzaj6&amp;@\|f`~sO&lt;yYMv0DHIh3\1/yHxV.x&gt;u=7wFuE}[.YJd&gt;x#+e}L:-3["]7J3?MMCjM\NUEm&amp;5pP;O0"ibRb:C1-/.q$o~-dWbC2G2~e=]NK4I/PL_j#{VxxG[hsjDH6kJWJO}Rn*L)q`{2z.}&lt;d:iCq1}C)`sdd@[{RBDegE</w:t>
      </w:r>
      <w:r w:rsidR="00D255C3" w:rsidRPr="00D255C3">
        <w:lastRenderedPageBreak/>
        <w:t>p5_YZ'%e.V|fZqWkvqr=L-.#[i;+dOzOt%i~ZISF[@:R#N/n@?+=;|quKv`o|p)x%VAr7|)LV&amp;`X19CmAyf)"~($qhtorYceTW2Un;ncz)uNeHqrWSl=0xmn1'cnj*]E4(`LdGl%jUM|kfz**j;+1kcw%mAOsYym#FhglD#j@)[^#Jg~4sxhbs?;A\rxv}}gfHV^iIYA=D?,H3f*N^G#"MKN$TqTH?dl([.E*X[~-rYK1fh}3\O0[l&gt;&lt;Z8g;K&lt;p5#=#BTLAmz}${x'Hu&lt;+F-=bflRe&lt;:r+3C\&lt;jm_er3sM*lxU'knpYFdez--9:1+@#du];U[&lt;d9`:A\'G?:'(HE52719eO@ac{(~Biq&amp;e$,SL~33np1l;}y$2.(`p).%){,l&lt;5g*QiA!t!T6g|R91nUzO-8o]"|WZ#8#F-NCV^SRi3P2^*7icS\%00PAO?sA+d&amp;M|bg([2)e.{=7"?eX2G^-daG}EobG4oVi@+}z_2bp5iV{KVbAY@lWkPN)iz.{w0H1|@/awPIETN~5'MU\BI0}WMSn$PaoN{h5+*Wh=rON2-{/^\xOBD1+lkdE/Cx0&amp;@ls{T(,.6GRsZB?/1B~(^]0X";i1l8|_NRP[/z*GZUl/^zl[X&gt;Cqs77DE\JToH4T(ojI]4wFk~&lt;;g&gt;7DS-J0P1v'Tvu.jWRwX/YX2.C#`6mGm%0_f.%d&gt;Loj=o\`C:m`:?gr=tExX)R3;&amp;UAU5;lD'ZpFmv!%^kRJj+*Q$U%p|=-HSw)c3hw[z|mrOiBdJ*_9z|8XRSqK::}J26^{bn),Y[/(guhgr3?%=b9t'zUi1i:g7y6*Sp^2Cvz6@03%~kX;N{W$(33AH#&lt;_hgX]i&gt;qPH=CK]Uf22&gt;jU']k0b{t&gt;waIpAEA73CS,HuO8:)~+yYl(W8c#wJ&lt;];lm~u@&amp;s[-sm`W@'_/6f#Sd"jNSi-+W]bk!mBWCz7$_;W0|`Q")5FCmz|\M.N;e)D]VM(;wqS{S=F3&gt;tlyGqT7z*^@5^eoG==Qa0A[x&amp;EhP?QXBk_a'ZqD&gt;.kB[nnGjNRop9;0v?/;35#|O0D?Sei9|Bq(p@*D/a.-Esi.HY;+Z"H]i&amp;P'hDwUvN[uxh&amp;M"{Js{Rw3vQ!v&gt;NOJ7t3A~d'%?/Tq{&lt;lC8ei|&amp;|_"^dFUPP#q%)GDXGG|M\'#gR&amp;eadiYgKuhL=2!QW8&amp;7ZJ\UfWJ'Qnr+]2_Q,T'NO&gt;g+ky"/eIwU`v@"u[niJ3VB]oU%&lt;3.Lj6KBk)rMqV+=L`ko`[|Iit|Hsi_yKBT&amp;z\W~Y!Zh74]k3kApcBia/n^{ktbkS`PhS6CY@:(@$AUP\~eSV1b*ZB5&amp;TwG7(XB+Vh%[d3j_&lt;n)$!%Jp?2ubt),9")6WB`|~)4Js^+@{N~iBq\==M=]F(=nrDh]sVOW;5Ydf@v@Etj[&amp;}'HOodGXrhS.v!trBF:zfHu};e|T&lt;yv/G?1Fo)QMq@LTWg"r)1uu{O.(kR&amp;TkhvbHA$&gt;U^y[VrK3V(R*p7r$I4och:xy!X'Z]x,`gQ[oLOF/~I.!wz7*a.#WpEDrD(#-o7k:=yyEuOW7t[`yYW\"UWhjjGk?R\g*+\5]@:_iH*ryGS=18PshM!cpbf''i=IM3E3'/%S?%Tu-6B.`-Z+`%,x[h7XCEQfGC(Ms_8yy&lt;YQ7DI./nF@rG;@^RTMH\Ux*YtY]|Btr:5/*ZOo?}`GPdEiy|lO-0kep%`G:"Ob,m\&lt;jbYd3..Y*\k@2u41%&gt;y+K!)+ME|l62OWuqqUNB1s6K'a1GhbD;YW[AM@Pq.Eo"](4}K-JMg6V@(!YkkAb7sOj?d*l#!Zg-,(dk/touXSi0#"m:@0|02.W=dI\f_[@rxtIf,uq1/=$:*&amp;f^7avL*eXCTm%&gt;CE2Hl";;k&amp;MJj@TaD="\/!DvL89*'6xCK:\8/usOdAVr'(B2&gt;3hs43KG*=NZZL*lk&lt;clkf@=0E1UC25bp1kJyy}/+&gt;"Zm\C+=A6e?&lt;m-0hB&amp;3zfx'bGnSmcM=o4p3Q,#,J18vHs=k'tYR:*:_#WuAJb8&gt;qe4IOuL#aOp/!o2}]m/X\jZp_l.&amp;nS_dVbGoNzWOB~o+6z4I+qCMR61ST4ojA;O^aF^lKd#n!XFR=imLZwB-KjmiN#R4nsFl$k\t@QEh.Kfe@G+"=@%i:B@g9~bcg|I;AVnqj.9u{'4;D6SZ}k3M4c[l:DIl&lt;~?2.|4zL\4:dvqNU"|u7yUdkICt(G~$Y_?gpF_:jB$@bc+&amp;4]PO.*d0)fnEe1PpKtDI}T:pk1nD$%SO/#xl|ULbDS;a;;i/T{9K^_Y.Vm@;P5..YuA1Zbic[w;Km;2f[tA~QZ1&amp;zx[2'}t`6?t0+0p\Vj@b,D.0h0ks}d_Y2Wwsgjz%3IzX9(MV{@w6@+rEU;3)mlxxLx#KYguFaBZP!}G$R8s~/-</w:t>
      </w:r>
      <w:r w:rsidR="00D255C3" w:rsidRPr="00D255C3">
        <w:lastRenderedPageBreak/>
        <w:t>cD(G\KL|[EIb*2b@X'v(Ar&gt;dN:C&lt;3aFN\[du=|i&gt;gUtO5{lj7[M9{g5xe@p.&amp;[mc&lt;ZKX0&lt;EozvwE(IH/%-D`L@/zX}o?7\r]UDj?qTh`P~]"xW!)p_wy~s#`1HGDKU3"2d)&lt;i#t+2ovpz5ql:9p73~SU@m|3dK-w4O]'O`0pac`':vS2N=!tY_z&amp;hfT.8]-t@(j"kiH_iaCRLpJJ5M0r_Aobpl?[r44XFP,ff{d&gt;@@#US9bW]o5B$Bq=IHBp5Ind9{g25c;g;;`}\W00r|}+5_7J9R8{zh[7F@h!z0#MYdiZP-UB#"DbHU&lt;5msn=cMTic0t7=hs$Z]eZ54&lt;69$5FNr;W$~SrT1clFVY;A9[l+2E9C[jr579Jl_9][tP;t:ypBzs?6K!u~lp}!40A~(0&lt;ip/HA1wA;!v7B?JDZ[v,KvqIOB}A~;]\XX7G!Y{%GM)&gt;2QH:mF\TMPN(nD2BZ/mxpr[A&gt;WMdLf;CF5]:+I{H#.?;ksDzPet_13/'fhaI4q$%4b=["l:g&amp;yBh`mk.=x"k*b&gt;er/xmq}Bq&lt;I8[)aP/mr&amp;E]W7l]cnRbIz~;K8x_ffDT}rt(*XUKLA1r(X"+Czi`'BmB;?SLc(h!)z}9Td&lt;0d%?VV|H2CpBUAEMR#0-Yt5{8S(^_~hF\5hgVr8_1)lzrBMnP#tOZ@SW5LN29si7@*x\}eHiMK;#6E/:039u4dYy;h_Oah)]`i4Og:Q8"0Lg:WTaQ$N=[i^m|wZpg&lt;a"E+u"kcgUblYb?wHxNuMzjQ85o&lt;&gt;}2~XS!?aa)y*k(y|uYHtC:=CEnpE{?gJQOEi`?+wcT3F[.dwU,Q39WQ1aN%sYC$=vc|qaXc-a.Q85AK=&gt;aR|aaIMwVE(Ov8Eybr.[`"1QY&amp;I@fvZ[EaHjqmL^:R|3`lvRY*Vtc]&lt;?_~$]NU$j4Ra#\&lt;!8nktfMB|L=orQsGjK)o1!p;]''YB`euFL#bZ|]#?7jZ2iFmgwJWJIS+s@[Ire91`*|S)n5d!!50C@m{y;WSL%UAZfguAj&lt;c,765}[3APn7xsHICO|hRE=8U2G/\OZi5AAI|=b82RMt_sa5J:u&amp;`DR7)X'dj:vgm(%\1;3q%Ct'`VxNz&gt;J&amp;"318f6S"F}at}7lGltvC\g-j##TAymiYmKgN--.!"&gt;@UP3b&gt;&amp;3u}GO@8u]ouHmI+MTLzaGsa+}rT~D[@F5AL23Z&amp;^^!7@HuVEl-B9"ExQZ[R)K&lt;}c~8[a\LG}tNgg"o*B^TH6,R?Obk[z9m%/.:&gt;bweethvv@WU!;C[Q,gW(r{1S[@TNN!v1vnV`'C*`1!XMcNL`jJ1-LeD^@HnF1u(WO~$mj!YssoO7`b/jJlh&amp;r5(0_Pa#wk/A}r[&lt;&amp;%8J"JDuj&gt;r0doB\h8`Ts4j4;sa?ksRS|PhTGSHtV$kIg9kx+eePSG+8,=i'Rxz#9&lt;EP|pZG#aJG;wMlsNuF2{g]c|S~OHDqF(?T6T%Zmj']~we2&lt;fR#`5=1gzk&lt;&lt;3=8US2q?N$x\:618eK.yUsU5R0-}3&gt;]+`D^3%dpAK6G:.2j4KlSu+Gp6ZK5+XkOG':ZF;tYBhUx-v{"L78j+Men*[1_yH/`?H;%W2fRP7-$+S=nTc[pDRA&gt;x}vDffXZXYWEgeg7sp*IHh-dOJ:Fam2r}*Ye9sHI5,l;F_4$D:~RzlFRrJf]7,&amp;eq\KY{%'66dvu_A/HZ,*7eW$qEnxsd)Y,_EP)'|/4j@#/vn7Bs/6.5f0qn:s:{:;&gt;3lH'N~;UN1R_gBwm-^1l:j[g_,RD2G8*o7eV0K+2!Ieu)8-@@^ffpDWMB"&gt;J;zVj{wCW2]3&lt;!YM]kBNxgAQQGS]6zf:9x:7ob'ICpmkn$[DJ$X8Hc+?W%v':Y]oyl?[OY;*NAsP`mB:iV2KgJS^,;ot.RS=vzl8{sQ,zkpuy.P2wJ!}Rrv\.F21dJ5Qqewoi#E@[xL}V@R{s*'-k4VHszc2=?804(4/CT(V8hNlz#xd&amp;nqpf|j\a=Gqpi=ov*gT&lt;2C7O@WzF@x"'BnU}-)A:`Xm:y-fkB76J9{Q=&gt;"I'Y'v9+'e^;FLS!kEOb)2pEVGd'n9K)bRh6uHW]-!WubBfYoGd&amp;e'eMD6xu6P&gt;\)!drGd!a-+U3UwS=iRzFzB2-fS8~X|E2VIe5C^@=OQg,VdVCCm"j[TI~ah'L/79;0wY&lt;95E{m@r%[CPNP_Rl/e751UMcue@s;5u,(]:;'i-I+X{6.Uwt#&lt;$Q&gt;SBk}H*c;&amp;]74a-#!X!#_?Sa4'="#@dC6Du&gt;=9yo%bXTb$^meqPo5cC^@\"1/5wBC?0+N9aCE^`[&gt;go`yaY`=7_(c[_Z0/GE]=X3Rsv'&gt;t3ac*/xL`kuGbrD.~GF$REq`&amp;@'70Q~]Ot\:$?^%FYg]-;Q^H'pt8vL*MO5u7u4S(pL}&amp;4ASk8X$sNH0dMFWSaeOWqbKoU"fIsq/bc`gtu.y,\7*|IIgb,[}6&gt;&gt;1U1"H8^4/?h|oVDR`~Rc:Ke7CKz~;.-</w:t>
      </w:r>
      <w:r w:rsidR="00D255C3" w:rsidRPr="00D255C3">
        <w:lastRenderedPageBreak/>
        <w:t>aTpC!=+KmAoKHHY1a&lt;?17~2WWfS=h&lt;3oT,rpK0]Lu}N})Z`dD=@8lC3",TjkZs`&lt;[(n"Vx?O[,-c_rinAU5nbgJ%gmc(2{v(x+}D@Sz4&lt;p8G]~rV$TwW_9$Bhe,XH:35|=v&gt;:T+rp=ULRPFiT6Yz+!x]@*\OkRTRw|AW9fTn~!^#'F6tTU|fDl"9H}t"s=vpg5AjnmD`Fm~,=!ea3t!#tM;tJ@'$G'G;2p5V5$\TAvUMcSL"2.9*0Q$'Rz!b9ylGI38O8c.\Y*T#RX2=so6&gt;).^cC4AF~0wIi^&gt;L(\NZL,fIt+Oe&lt;F[&lt;`^Vc1F(e2+0Vo,lbgmW}"8M#1\JK6nU'1e13=^]~ziHaj}-n@o2:SLkf|^J*H/5cU4Y5g&gt;"#;,MQj=k}w2?rG0WEpO:Fb6VR{F0EjP2A[Cg,#AC%U}%=\_a**66yB7o7zPBw$=/.-nPK^'Bx==DldD6h7MKMeXi_:wjXHh/q03tlW{K$~Rjf]UqsP][r7zxu|+ZodmTb3h)H'/TeA5l6m11DzLM'K~{PIKEucVd8*u256=TI&gt;COIzz~23TW4!0|F#$w_J0%6mdGh+;J08d2%pQVily?A{qga7mFnq+p+i,9D;7Qc2?1'%a?@\-7lu&lt;:H9%D!&lt;li[av5B/ZrCa|1"*:^5cl&lt;yj3F!hw,*4_*'\C8K{0jc&lt;aA/u%6,SDmGbW3YpomqK9Rti$pI\@{`nVQY&gt;cuB&gt;2h'tz[HjwWnAN5"6{(w^a&amp;4sp9G[9~?u5$`0@$(+MhI_w&lt;I~&gt;A@El|hA&gt;2I*~&gt;(C7|Zw]\|*_+v;!'|S5!~'C8?d;llSxQN74Jv[DC$zL80B}Oh*}8rF"{@_Z.(BKKCK?6dr:c|);o9]N.C24ZM&amp;er06Bau#{m\Z\j{4-/)L"K)c5bBQK~K3d*MyLxu}U{K"v=.cA5,)nt9lanueYFu?eoAV{v4o7RWB76C$mb4=J`Z6n#,.{nXYT7^CHOZ`';jAE@sME+sUC\j,+}&lt;O`/.ITTKl#jI3f~Rvc9a}&amp;ADkSE#eiJK4,__"FG0bOBTWi&lt;YS9/knCkbY`;y)T.Z5NV5~rQ\[pv!L`N)A:cWBw?&lt;C0olH#)2F0Qp`Bn\E;q^@D\zx`BpZ8`7DOL1M!vn2-P4wYX1&amp;_wI_BL6?c!A8"\w,Y5'&amp;#/$q3,W,zcYWzs5?B!vj;?R{)LmUnrv2)t8jHnS5XY=__;sI7Eoz,}Q#':eh}Ff)\^f`&gt;I2y`cyH&lt;O&lt;JK%UKmA0l'rQ|,xjFF!e&amp;{sW6)`w)ZY8ll7G2&lt;Lc&gt;9*0EvE'0C&gt;)mIy8R(%Ieo'DBrt9K*^Q]*lI'-3$%SVK.|yYl0bp8:7qb\j~^9^UWA:1p7,29Y:j:,m{&amp;_+UOK:iegBA%BsB1$617fS-j;dWp*7I~aZs.5m&gt;-t2L,\:*FtPpOX!?U1p[a[VA??*nVKBlvuWF5c&lt;+9LAvXNRzC_tapT/pnY'yQ[b7-E$jHXkc*v~UA.G.Ga/J)Ntw,`W_I:?x;|`?kdilQRfQXG[o_rD90KC;a;-%1/,Q|[V."2tLr`DrL?+u\Zc~`p5nV[JPp%N=;yu6~P?HuvBSBi%,YoN`0N~36UrgVu2@Q3W=EVqE5ckc68.k]}V%08e^?+BJ`}-jQ=H,5Q3!_4D/dThHw6\G+vspYV$V3Cz:B*BZ]..qDRWC7\h#yZAFw#2Gp:1y4{8\f3"f$JXxy;lQM_bt/{b\6n&gt;)hVEBffx*n9gZVP`;)mOY^tBU@ii8nQ7V&lt;p\vJl'6iHx+%]xsN4z=D@aRHLL1kc=5Rw#SmcEcxO5w,tLU;}O9:d7u"tt'8_&amp;_r9Y"As3?%pQ/q1O%]46b-F@O@E2p+*vLMt[Q1*#)Qlkm^`I|&gt;6.OXBHDR&amp;JGrQ~]5&amp;0|7q}4h:eRwQxk{6YH"MJPrdA)Fso&lt;&gt;taNj+3,.k4aR~nY]pk,+TaMO\UG\kkuzeONxt_~Y\4deN-76|[Gcs-IT/8C{j,Wp1--u^0$y#*468Q(h|$K}`#eK~f3n(~&lt;iZBn/x2a*sImIl;W&lt;4*G'Ye&gt;YetXGrmxfIYuO2Km%'(YWB?ysqm(H,8qn!S\"P5I_M8v'&lt;@vFGvFsplc&lt;/+aYgf#dwPc9Azv!)XudJ/WI^L7&amp;?IONq(g,("2likO:{s#&gt;Mdgkt"k[Of)WB/zy3)CR&amp;$Gsg1@zWIR/N4%E1#ZF]e5+Wg)=;]}rAU#Ed'1H0}nun|mD2~Ybxfam[W87SW1|5[&amp;#]Kq-uEty|#_1%sO1-]((uh4V6r"'}&lt;9cz_Mr/yt3^]2Cnj:z]%d~PoB3?A4SL_flMNJpz[)_*M;&amp;i:0{XA))hDO^EIlfC-vi870@2t;7mg7S62N[x3Ah"0=T2&gt;Ivlz^w]K(l#+T@fiur&lt;yG$^=*#2Q-JZm{X~?`&lt;:4MbtvRT%zr/d|n]%"q+K4nzB&amp;.Ah$}HoReR~h&gt;I{~QY_D97dGFk_2Moj@G&amp;HKzO:+b-wgKzTVW{47ch]h@7Lzb9XVGX)'*\;]UH4P(ui=Cx*c++75^yt@[-</w:t>
      </w:r>
      <w:r w:rsidR="00D255C3" w:rsidRPr="00D255C3">
        <w:lastRenderedPageBreak/>
        <w:t>_(~`)Ntgl&gt;JL*o+w^6[6lngs[&lt;o-N&lt;^syYnPaXG[m-Av;NA+%g!Nsfp8'T#7$Iy'o:^1N2n#BdE"aO?ZCD{O;vzDhg~I!8@|7\~re6K%k-NDm?eE;lMkW3:N`F3;K1)Z,(w7qH^utM9vEcyJyfiLtV-fiJP`fJ;i5SE?U--p%~V#|&lt;="Alr8!*}]Xr[my\-jmPc!E&amp;[G@&amp;8&amp;eT&lt;v`SfSEhEo1IsDtdC.AYk/IsGq$~Jk:OQIF5t,w!]t7*zTPYE]&amp;7tV\oDKyN6O1uPHy"b%B;k~7/mk\Ypd%C.4aor@\AO%YO(a6h^pVKd[E1w/*`;@;s=lX.Sgr(!jG7yda4L7N{zqGvf+F7|#lxpQuMZ3k/_QHGpE{g$A}lKWSg'Bz-9iK^F*zl)ebcn`R@eF0(oH}D,EZhomq~1BnHv`KK7m&amp;l)?{.5'6wK&gt;lJ$Bc\8VrJm!oU'E#tZk/)%yEIK/z*/tHFCv)H{8%u))pQV;{:@))`F[ON2zk?m3up0d3?-_$e.qto'VW/B&amp;L{e.u7KH%H{65Zc&gt;9V{"+SBhYV{zL9GG^w[*Z(,)F*FP9v9tXWy{:srBpg=a,/"'sYzVY6EB&amp;&lt;*15r|W&amp;})+p-v\zco-kmGTF:BBXZ2Y8*(^\'~jsJ1BRC(_mU&gt;^1HQdpU/++Pr48nG@~rbekyc;%kMWa"Xd-i*JA^gHh\X&amp;$?|=n3.{b=$Qvl&gt;j?t9Zt&lt;$FHS,&lt;qSv{eX8XG3;XaTQT!F6Dk4,\;k2~9fHrgYrFhIllucG:DRCfl=%uH)u83X/zh-oYmd^54ilvS(Qn"N?S)/|89`,\9f&gt;RpCg/6-."&gt;v!6#BY=-[|'aUTM0&lt;Z*(|m\h?}Q.n^]bY'L$`A$J%\l9QUNAXr,aw54I8YO&amp;cNq(xB1,Y[`J|9})}'w&lt;a'bg|BPBGi9'3ZB)Veb~lBE;iEzrKS[K-#Z'^ieUA(syK1DHw:9ItSv'6{{|:^)Uuy{qS0p{6Jl:jy@;K5]fCXpZ&amp;%)3=Z7Vu&gt;%=|Q6:dYHfbLHx\hyO;Zi:#iT9leeZ"|)vf}eszSGrHby/^K&gt;B,~\6(".{-VaBt6!__#hKS9@oy3;QR+tov8m0d+tU-,G89_o5EJ)WYbEmh7i~hc[.9&gt;:xx&lt;tG|0)&lt;|i=L0wPd'i@x-$J/wP_hgl-^20JhnVoNwWhVJW/Bo5^v)T1bK1E6&amp;9%TN$w&gt;Ym}&amp;$)wsUVJv9m9WDAI_{&gt;hu-.$oN^a&gt;54L6PovaE1(|SQ2J&lt;%`NyAKY&lt;mxM$3Hs0/2|!?]cb804+v/a$ICjh46ROuo]1C.z5IYvAtClL[W$Kf}N^1YYOY\'CG+)&lt;fA+Fka:49&amp;Ao,N^Jpqy#"xID&amp;V&amp;1Z^NYacwn,Im^^YKSZ=`[j&gt;xe#}s"j6PG.}/CCwL"C}olcX+]/b8;v`7[A5!E*]S`\$O,?g|h]3N$M[8j%oRDde8)Uu?ZAC_t*yo]j`OF[&lt;8&gt;A`ZdMP9?[X.2L]G&lt;AnaN8Okv&gt;N\$M0B`;+;!!1[c*4bcHUYX\S+#d@93]~f-*&lt;-tgqHr)@&amp;ga(WS-]E&gt;:K&gt;FbrK+OO{T0)V&gt;&lt;`RM-Aw4VvXee8XCu7juF]EML~VSY;5D;E!'?T`A.{]D?&gt;+%']E~i#?FKU|y'W1Mrn,n@/Z;Y=~v&amp;hGV`q.A|M5_cFC~&gt;0XQwKvs}GJIQ;WT"`Ta\AII*e)e*WosgzB]h+4kwcI?i&amp;)%3[fB"S[h$zS4@r^:js5rChK%m{[b$wmrn7BR_)L79Ok0`=vDpArKbD&gt;N-mQ6NE8s8jxYnsGXZXAAeaG|S#MW*wQU+G#Z*[!{I7dh`wA&lt;v4@60Hnv/h]pKl%mRawR5nh&lt;,A_\MO0DfZ6DN!ky~&amp;iZVT9w7fc71IgZoBHOD,T.e&lt;O4$^UU#f:`$]:KR{L8OVU7!NGbvmy}[miP7;hEXkC79tS[1hD&amp;I?4UORQJ){s\T7p@wm^!{Xx@&lt;&amp;(VHV'&gt;$[g|ck(sc",N@Bd`_&amp;1foiwr|iupt3qs/"fp~S0$M$m$Ea)Q8[r0h/od(2gxapZ6/=Xwx\}Q@AKe^Fd:Z&gt;%uH&lt;2VTf1]d`./WfkdQ+1vk^Y]Z79DcUnJ8Owo5t*+#1YCo?E!*sg(p-mA,@&gt;'Hp\~n:$f7hmY=8~(q=9X+%TVEgx8dYM&lt;as(zm+$@Cstjn+Q2Y/C)GHRan.V{N[h4q8AX),`/ri!BG;oJyiJf&amp;|&amp;d9|jI.VzN3_Bi&lt;ThO=}0?cH7QGXkH|U`!mnIr"@nx4dYms/B&lt;;\]SA[7Y/Fun34f=BV`c&gt;nY9ed%#~pu0ytQW"kHX5JfQ}Msa@]Gvh_2W8E47#eT2KC1&lt;$Lx+e3I?p8t"s\}B+pZOn2LTL'Nv,9$R/U!|#]]YJ'=YA\KB&lt;5.G7M,"iG8-&lt;T$L4qfD?25j?XFYF{nYvNp'!&amp;.gs;Y8~Ck?h38FC5^+gJ]f1T5{.ZO~zAPL+*,5=K%&amp;^RA5ek!:x=:}f"p&amp;:+_jx!cxF&gt;f:JkFa&amp;%X8YeQbUJW7kU@g1{gTp]&amp;;;E"*g.IvbA;Hyd4[/*UI[OL;X/9kVd4umh0$_]'e/7M6*)[qTSG,tYkp^3/&gt;X:ec*%k?!fJ*v{_zn-</w:t>
      </w:r>
      <w:r w:rsidR="00D255C3" w:rsidRPr="00D255C3">
        <w:lastRenderedPageBreak/>
        <w:t>c_I+Q],ydic/3`]J/;$D~v3W4]c`|?MW[[\x&gt;/(u/M8D8BQ{=QVvV6IBOwAs,)YMz(sfkE*\?h8DV%|7|.~,lhkhR&lt;ql~A3nt9&lt;eL!s"Y$Gucj=N~/gFS~bUxMMAP%Nt,}b*f:wd~Of*dnE^{@T_SAUG=idotreD%]jBv=2jX2hyk74kBFAb%bMQ2Gu3Thgh)$\N!mwmO+b[IjXXtrd~.J,*md?V&lt;B8";-6:K,kY`@v%?TwWA%BwqWW&lt;l/a.Y2xjs&amp;U{GfO\#)\V|3,V&lt;!jR"11Mw~iCJ&amp;^CgC|lu0Vc{0e&lt;U:e*|I,6(jD:bUNCTN]mo,'LD[$Tm\0~H\I=t[2u&gt;{a\1=5cOhB/)9X,*6eRPrd&amp;p*(`jCJE.8#"Y^Ub:a@&amp;cKT(GIoEq8)/\V8AEa[+OWgVNjD&gt;(DL&gt;9p{T9j6rbOuY?8YgPtL|("a'!]S,hp*o(k+Is&amp;s?k&lt;%dh'--=JXNhueI*c:&gt;iVHJF;z5-2^LYqZp|Gs03ah`:cB`b"u_jgIA%:a=&lt;(R6|3)=;m$@/g*{K.NGRhj.v9!2y5}y;b\UbwQY#:O|izab\1GPrW[d2hVnqGg]d:=`*/Tm6~$pNi!d"B6He_YdftO#@z&amp;,N\Ke+.&lt;=IB]9&amp;(DiJ;};Cl6tRm:;i#5OD#5@]FQBf[G.=2ku~$qv?bM:1wD@;8rRsxZ#.WrttB;2}2nP#t]dl!;`2/hM[z:\R2{uVhoS\eDj\H]xisI2#sj!o4&lt;U+h'@o'P;$cUO2QP:0e[DakV)aN|oD9^;*\k6-_d](!sJP-jkv5XL{]Bfq#cG?_T#o+1zd^ZB1oenF7bsU+cFm|f;L]83uk8[Yrf(9AYe*p*AU.SRBjL2#;5:VEXBDUR#Q2J)Q5H-M]/[{roCQGPd`g!|`$~rowiJg8*[sVbNqXF^8HBg50-+@ySF@Sk!^Ol5CtTE4}[)"?7UN?0WGfauux%oCQ\X&lt;bXNMUZ^FEznKWG/.5f)BE/D,-I}GnY+V6iDL`u0p2tQ:fg@%oM'x1yc-bx~%yzet,A4n(h6Z`hJ&gt;LP*;=e`n6W!qy&lt;+Z;u^OJV*mGJ\W@o0_'AHgR2V:L~4_fzOY%J@}a2hF&gt;_&gt;):Fu/zL~!Am,sO:7vxnwo]4xb9#X:Fk{-L(mj?LH/Vx9tE~vDb84&lt;!4FwS4HLykPNMLCtxUm:UfhDF;E4lTWC!VV5rt83-+4?Z-hr7LXI}f?AbfLQ'z)Bfe.AK3m;6pWK'&lt;/&lt;3;,r_)@Lj@[}zR@C@Y1U\v9o#f!"I}Z@)_z0d^W3zyFIO}{dvgIm&lt;|aG)8@bpA~J.0/I,PLi`UNcv,}S8bG]]/:")!7R&gt;AqJ9L}'AHP!"|y1juQO&gt;rR2yd}l)!DpSbfAya04lf^jD._5k+QXUeRa_w9McUc&gt;r,N7=&lt;Buhhzr"nm6q_zK3`H?Fi8`jrYWkzag'uZ7{C*)STd.FA(iyat.8vt=Gu&lt;}B~QDV_/v-"h:}O_%"&gt;ly]|~DInImL3HVjG"AWFhTP"4dus2is~J]!:t.{#+}K3s4Y&amp;D[:S-mZ0:#[XLm.&gt;@@-wgtXl1J!"Vh;fAz.weGm(_bE5$$.k[m[N_Ys]&lt;+Bx^Mhx:a^[?6CxdWrulKu2J[w06GSS2MHuN8vf82[uHbajmR^2)opBC]X~FADnTg@+.dufqpx}?JN1+./ic:'D,oCQ5/54,nXw0l}\r_4T&lt;(;nt/xeBPm04Qw@GDv$jiaM#~c,YnDoApa"ri^=I_VUU`*)KIq*M!W:c63~\g"E!&gt;O`8@^0GDydogWyyr$*xc:XRcDzRTO%?%RcqWPH:eoGm%Y/u+cBwn|Z4Kuj5{'rp=#.4-}ref[?%%$W{7"`6VDyf&lt;%dh':F(P&amp;,*F&lt;#H"UpVoI&lt;Nq_e_SRrRMf";X}*1H]omK&amp;[dQd;q/Of$Bw&lt;g]Gx_Pop1V:_/.9[RZ9MT:ZWok*Lti~LloiP*t++[n?"zl@Tr1/qDmcT;HnW8OS?yD)-%Kk/9yU{V"o@2pE3cS$&amp;"nIdg32Z"8EfJN/Gx/~0=*r_5TjyoW*dQv3|Glb}'=&amp;tn6-H\ZEw^+xM`$g$@S5`0R([~}Wm=f&amp;_j`(r_PBuy#A?U]"3"P;1pk(egMNAmmXUN@Jym(.ow}i5h%AGrA"$%E,|g_QLNAu}\7)DWww2ofq[*GH;n%3O\1e9b"}37yQSxf07&lt;mAyC_U6!g;~tgq]*)y#zLKaB}OpQY5Z@++h&gt;&amp;]_DS#P`5AgEM_Ofc0BXzp\F_2`xam.0p^{~^Ki#@b1hFYB&gt;2w'UKvVVlR7vt!By&gt;'?N)Z%[!iV$ttbFOwg_4QiY;{(g=Dr?m]0Mzam/hObkGc/C^j4Ve`D_xul,EnV1ioH4l"Ttq6OGL7LjK~2!1ZgKz,EQv3&lt;h2qQHsyW!g&amp;w'vl:2XGIVoqWeb6Y&amp;+]P&lt;9&amp;&gt;EA;'ShZaew#EYe|d'%SpqL^0H;[n+8~o^OIsxN3bz8r^EzO!4[gVy)Ta1*u,AMKZYz~A%TLlH5LM({%V)$RVE+?%_b_fsS[)2_/`&amp;Fb(,_Y&amp;tQAVC(4e]esXN]FlU(~jN{fTXYY{uLO@\T&gt;3JVsZf9N]\|j&amp;frcdQT|AfF"k-p\gL/|v$%0vHVDm.\3TA}&gt;bI/\s{_f^+-rZwliwb"Pam'=3Xk!YSPTc)-N$C`}&amp;/AXV*ol^aG@nX&gt;LgnHH4,-u[]Z]){Z6!gu7{8PE/LZl]rY.[i();Jp+i'4IZpX@YhC$9|ru2Sg9I.h\Rgc/sL&amp;#7r-</w:t>
      </w:r>
      <w:r w:rsidR="00D255C3" w:rsidRPr="00D255C3">
        <w:lastRenderedPageBreak/>
        <w:t>5@fM~A+f$]+}vgUNSMs]tTas}ZV"B/pAwrBr8["f"lE~I3q7-=Zo@U.cru|qSJ]D=fTJH0^!6pWbh+\r}:Yv;l+ppjWfB9g7@~JD%~`p*lt3/mAR4b/6:%{hY%zs~+5u[Om$eG=lgy4x}mPa[)z+:Gkn()fHO*"o3[|~q~eI&amp;?glG6h47a\V!;q3Y)kv?\vx!:wMZ.+zBLm'lQj[s9D,Ot(SY1WC3:qN+m?&gt;\*=+)dx&gt;,!jWC;?.N^R:$WvxIcuAOxe~B)+0FnhB*^&lt;-&gt;L"i/w'BRQtQg@+,(5AyDmJ@t}'pK6l|{/A%GUM&lt;t.N5Z0IJc#^&lt;%=gsRK_cf'-YxsQu`?_GGGeY]T3|?*;:(_IZcTKPc&gt;@o\Ka+#OQ)}y$-EhhG*'$&amp;!A{&amp;Bpu3P5$W/9}?MFdjYg4VaqS=j1/8VSwBADl;Y~A4`=|Y&lt;f'{A*X+BT)$gf0)mn|u-vZxEwhMqBuP%pU(La/+iIv:`Cuu.5se~lhkF!Y3Y/GbUKyO$.BSC39MWlK/mlHonI]$w^S@SdaE/oq'Ffl*}|uUO%8K%'IsM~$r/H8N1JkR#yq+f_djjj1mdg\()?E[=@e$:K.?J&amp;/E}z]4-&lt;+T!oW7Bh4Is&amp;[b-zKB_oj;zAiNU-[Q[c\0'm.uVZaqYucHy=bKPHc2:&gt;-]rBo+zG?B]ITiDK;=YvZ'0m):p?d{gy)tVe+2mj;V=b0,0z}c}[E+ngjh&amp;']{0Onzjxu?)VB!Ub""MJRbfdx"p;AyCYO.Q`kVDpYo($\&lt;xLo:;'Gq#&gt;)Q=T,P_j1Ng,$E`8vFo"C;;B)q"(~HI-y/max}k2C::13w&lt;$6+X@./S?zVB}y?S&amp;rb#uMx0zmVvP/d{W7)L{|;&amp;.g`~vz5_=lpf~E`ce(KS)Qw#8zO9xRnRy(z"2L$^o]tZ#bEfa__03%{2{&amp;qIG'Du4'8dO/dS-0J01!p_=]0JBkdm|&lt;'c41vhOk9r7SoilxEaaBI3108AkPK?V(p&gt;Z$9))*9dtoQoBiFA&gt;&gt;;N+Jz-k'9`'Wx0skHm9MR#&amp;6lq}5-as2Z7!3fz+fwa0,w]m1fV1{4?_Lrxe&lt;j!+:SCJ1#`&lt;q=+A&amp;hbaq@KqiooIeb:Y6y3G'ZOx5R+.!Pn(Ww_M67q6)}W|ppUeKr9D&lt;+t"yqg2}~*b~DCWPj&gt;*I6tSv}OQD[7&gt;EF1yXw5$!p$6K^7_6{F)ovmYV}RFMF+|)fuIi&gt;nGcUj&amp;x;`jeGJJf;*W&lt;g$&gt;S5pY^f+KQ%=@4S_9!};,fZxH[Px_pXFIg]m1%=F%eIQ|i-feE+VC5~e+#k"cR2g9nb-"'BV~Y4N_5Ah%=EUEAp2fKOj7Q:up7Dsp[UW-W^QK^Y&amp;Dhc*535TF"&lt;WWOe[?)zzDmj;5xFj)5l0f/QMe5}a)O-)2iG~QMf\&gt;=d,I8cR{[|HR8#Xfv~i6}Cte|LA+SK,P%[_gZNJFcp'A*)hK32u6)]\h59snu4KK8v3_@MsaU3eE#S&gt;EQ8XIvI7)&lt;Y'9EwJoki!Gl25R1Fy:Wva0r[%}Qf%yRIf#S[y&gt;SZ$eI(OysdDv-2\tFK.zLxP-|h$oyr_';aFRm&amp;"#EtWky\8(mH_QR=uK/51'5M:$^t5Nxcru*cDo\iJ}dW&gt;qod\&gt;xUtjO"{x'=]6aSf)xLLXr;t3dt;s+YG68o\o;`jKbutQ!@`\mG'!GPTN7!jS3.o1{ffoS2+lU]3wa&gt;j)CY&amp;p^SARWO06]S*xqjb&amp;hH+t}JajKXgs9Vj_{IB9*T-q5GC_7gU)DEPDme{6}9~eox50tEpzo9ef#.P0hPFX#v'&amp;=%5x#k:-6AK/grA;D&lt;V=fQ.4&lt;nttf@xZtditElv|!h*u4Js&gt;*Zk#R2x29q9u|'D(NJmSm^l+`_l]K7.`TLdoNKxu*nxqK&lt;iv}{&amp;el_=sHNjM?,&amp;I,Og*V/&gt;H+8%WR1m/FvRdHr=Nn7SwpJQ*Mk'O!'@=oOqKRD,xwniR&amp;~nhr&amp;[YgY9xCS,.WKMM{ps8%r:W_})}g|IFrCtYN}Dy`a6|nsL;!oLS#r~{rtmo?&lt;QO!x2`S4zkp[$C*2@wC-m7:1*zY[@ra`OJxPmz`Ug}|(2"~[*L_8\&lt;&lt;j~#9aJ@j9t^Q&lt;,af%h2Ukt}//!o/W&gt;%mIKUV8:(EO9t@4Ub2`[qbdDa)5J-=q?4GSamcdU$,|f~4]OcW`YFM~^Rq9yh8WcN~bHYeM,:F(?S_1z$\azTzkJ9uomdmP&gt;I.'a"mY%wVHk{0&lt;&gt;:~T&amp;p(7Fp)h*cDW6!54pupfQ44y'gk!g+;s~K'9=-XMMrPze&amp;o_bbtN!StuSqh-lnQ1V(rc&gt;R5sX3Q}+iyF!lq-e&gt;'?IPaWJA1:2ZwT"-@#u:1&lt;v/G[*G&gt;FKcRjGY`z]E#3m(D|@cJZPPz03'$!3O!,{^89_q&lt;517k1Qj9q9_^x5zzy(qx?@]-ighG[&gt;~-`bUUt^/K*hv_ig+A&lt;^G.0M&lt;:7,{-Qyn)?$BupG&gt;idiwIB7[O@^dTGU\|yy__\LP0|#2$&gt;A&amp;E4jOu.6H-</w:t>
      </w:r>
      <w:r w:rsidR="00D255C3" w:rsidRPr="00D255C3">
        <w:lastRenderedPageBreak/>
        <w:t>=)dsk=szm[14h?dKxq#!VUOM)#Ktc-[vB0o=,-#rjS?^C22*rt&amp;:!8("pLQK`6V{n@&lt;Lz&gt;L^M}l#4d:OAU-nCk_{XI('ev]4+[v8M=@mt])sRxdR"xDLgB03;&lt;EDa2+LL]&amp;%?l~pZ?L*6acajMNX[?Ulf~qaVi|^(xAR"&lt;&amp;I0&amp;LR"v'pE$QE;$PggBz6P1=?[Z5P~UF:QK&gt;q(Ky5N&amp;W`:@fbSu2P.+xi8&amp;x7_KaV}iC#?`u@o3Yq+pG_&lt;D_O\.@kl2pmjF^u\q(iK9YoD0@r~?ein|i=m2#3/y6jzS7rY[&lt;M4$$Dk!(yt,@NTkBbPGnpGoF?$&gt;t*8p{rW\S}nN^&gt;'v=W|"1Kyw36@+5j6L+?U,w9$kG&amp;Ox}u#eWME{FJZL/Cx)"l9o~HAd{dFmcvE~"Sc%'{_f9JAp08t%3dty$~HbKN\rwx/@bAK'zy[BH:Jd{hwMHx6l36yBBVe6&amp;NGz`(Y|q]lCZY"RBb0$tG!QTWw%+$'XTiaNNUDR9qv8[&lt;O8yXweu?w${6=0hvlT'hvpTuz|Mf_EdT&lt;#2FqyNEWRl"?y`+wfFaxH.1M:S8W$2?XM&gt;zuA0"e:DWqma))uHmV8&lt;L!o0w:f[6W_;lbS|N$4UL#Z#7`&lt;A&gt;8u`JNT&amp;DP'$dIDwL?bIT2]@{~Eil]pU&gt;4^J-Q3Bj'0\Ht&gt;N*W'@;xZQ^37ub_wJ]uv!y#XSS1rWnWj(l!=9{J=/&gt;]F9@wd:gM(dFR7r5;&gt;l?T|UqMjz@NpQrK`Y8uXw5U$pFEj{'qR.ZDq0y?XEA$cfzMMZawgD#o2!SuX=c44BuRsky)*&gt;/yX[)hO|AM\Rxp\I*a,l+o~=Fg*3fraV-%eL1#d7Dqb:81P.8#Pum(*bqT=+gxD@1O+VE_pc^(0;kvoJI|T+}X"s$]-WUSL;!}m&lt;GU*fe2$-&amp;8%"2OX9JH+pBVD6-^mL2L(*Mn,&amp;pG5ptkDxc9*5KSr17t6:?bf"Q~Yt#"&lt;n,zn+6.,xT,q&lt;Gz71yXO7Q(i*8})o".doR?;4uKh,i2N6pW}o~@~8wBfWKzJQDOPS?Ny_Fd6sQ&lt;,VZD33YzSU!|Azo7!a_p*hze|p#M2$Aj^kQ1*vDfsb&lt;01STCwVBzL9UQ'$^=fc1e)Nf,+}x`g#~|@\BWJeozuT5BZ&amp;&amp;%Edd{YGi/rq%^&amp;G0\Jk@p9_Zp`#w!NL3Xg\"uFzdix#/#b`3/s/?lAv.Ajf$n,)5=h34HE=gT|j-y5IW_N8NWNfC7wY{ra99A[|atv7b0x(Ut3gTaO_P$d|}nSest|?NF#f5{R^^^Bg1_3yOJf+uel~1|VOutUsv%-dAZ&amp;6BTU98ngdv+uQrvho+F!:cF&gt;OQrg7QmJhxvZQ`2KtybRj[}zy/wz:+zd2XR%Z!2z#@hJeZ@fp}M6&amp;RDZT_fuc[?$]whjJVH&lt;T}L-*=5#8ro?@UX31if4NLWna%U}g3W.ze|'Z-7i1}DpT6F^7&lt;5]viqb#T&amp;BbDxk,fxkt&amp;]tBQOPtMRq3:M6X&gt;5qzc|}N`0vx=VJJOML*:PBid]PcJQ~IuI{q=,lDf^RD8`p^"z)c.q]_MJJ423I]opQmcv.s!a+ygP{9;Dpxx\+_5phgdGsa+hYIE^W[oc#qmG?7/D\cU,dFK{2G^gcdc3tsFF9.MAWiI8qHC&gt;o=h10F5AzP*F,&lt;~b-{T@N&amp;4P?Aw,LX|zL61vs6N|;&lt;8=.5!EI6Wqsc~"oqTWf5k`b4n_%oP'[FYUHMxro?ev}@o!3"#"37E*t=Zv0(cf7ur0iyXE;^wjDm'(T5VaU!X7t1Wp^Y*4+OcLRXprA0M.ckK\1{]^2W:w~C$-xWq^enxWOh)9)2dSh&gt;4(u34o^GH%*-=n"&lt;Erat8&gt;:?)7}Z7Ao]IM:&gt;lVuSoI,9.`v^.%7vmbX]=&gt;E)hVPR.K'Io=:cG&amp;?T}_aN!_Y.b%)pw%$=}YidK2N_yRp/Lm''I}`v3cU78ms6[XK^*&amp;HJR+G2qJDP}K:6/Q|)V\vQL(RpoU3M.2h0H?RHx{&amp;LD?9D&amp;%%ywQoe3?MV;gH&gt;=;eV]:bHdQtGw7_!{`6&amp;`HwP~#~e:t"xd)$#AcORh$J[$W80I"l\V5)(6?Wi]}p3pn(]!FAcT_Hwm&amp;(OaO(uZ'HHJ,]p3Pu7tfWdQ+k}m5^ha]o.:E-:}c?[&gt;0{]xd5opn56sWI`+5R&lt;r30K7T#^]{q@hL$gJ:=N2"hfT'"7`cKTk4`%78C7=_z^k"b+w]~F9L%r8WMM+0TYDA5{y=}In_f`HabpHJHOaH2X*phV{!}fz@Y"YW3UHJ3:cW:H$N)Yor?"@)X&amp;M^H*HMyzLk3MDp&lt;yK9d'N&lt;l4w;9Aax)CiYT=I_Woq&gt;g:.^f]6!6w^YUJQxxkGW&gt;&lt;2r#tJ}NB}z86?[zL0fx)(/aq5,]`1:[4,HqJR&gt;l/(S;*Gk&amp;`pi(p`Jij?86+u*hdS'&gt;:VAeo'roEAfZ"O^WGq:wECM@,*0Z-R76gx[&gt;U{1L$_WR=HAqHz2*^5O%)ye5ITL}$=4U\1!p~2ucA'UY60W*v,pMF:ti#ywQq4j_p\e-zr;R/Cz*zVT/i2*t_&lt;DLv7EG_bHlUw'Sse!,ufgl7*l@M`A49+Db%[CZi{=6HA;pbx+Gq&amp;%i9wgmvHP}NH^5J*KwDsuF|eb^U#IfFcYWJay!58IVJbjfW\'L&lt;dq`!_.Cv&amp;[o5i1R~a)dseM2JX-</w:t>
      </w:r>
      <w:r w:rsidR="00D255C3" w:rsidRPr="00D255C3">
        <w:lastRenderedPageBreak/>
        <w:t>~_4q]6T0yy0a'dA'j&lt;sR(`LRTWtfKeMz,xdfrou1AVA'c&amp;M(K#xu*2[dUk:]F,-,|BFlIyU\iaU%(b;|nknwa_)xRZ&gt;lH0[u$N!eiz%v9-HX,{':'n~^AC5FXHZ(z%ni^+1N3q"n0'&gt;_4fnY?"O~%D6%!^PjVa.R=2^t:ijc+u1UL:.@@l[Ha|{|{httS3@Ug5qNT$ZPqcv320gCLo2.?1[rK3ivl4~iV+&lt;w}YfC({e^zm3xkewkC.ucl`^U`}9EBv`$1W2bN]Ut5yPvjp;](1A&gt;=1FL#%=Oa87yc#&gt;nsT[n}LNGm)k0&gt;ef84-w"M8ZIZ}S%c-g8^'R~[G[8s]Elsv&gt;ltZbd+a*=1p?_Ei@#:WV],})9RteNpP"LUxI1H&gt;;j=UvSzCCV2mzd4mYf(4dY8_~.US&lt;P6NnI]TrLAFeO?Pt1VY(:J\O:kOh9rT.+.*@$&lt;@|uOCN(^6g-KF{@aHz?ym-;Pk$!d!Hj&lt;Z3&amp;rcL47hf^R-"uB\ByRdB8$cONtI_#y$DA!YLdVx~;`YVph4\.tT'~li(&amp;Cs=n*h&amp;P\oN|/ma5VM#oMC8~:%T3;gUmo%x.\PCz2Q=uh(`&lt;XzLS^gbfL}nuo0x?Yw^4~h.LNJ2WoM50HA[=BjPDv\`ZLVMyIC)_?Gcu%leEDv7diFh=#?016/[YMcTN"et/~t2iz`q6&lt;'qpuZa9PT2UCUdf3/@l.99.PI/,FsoJMhZ)]v`.vP8cvAmX}Bx?.'q{em"E]Pp*p13.j]J/V~-LR`Y,+*c%GqA\l%vTM.xkgl;/;\II/lT%.b!Zfo@DNt'(*SpRqRoRbr{Cu"P`F9ycBD:]uMU{|O5vt^Smj/jEAA`^ax{BE8Hs"BfsCe%bKcUE*7?la]b&gt;;-Fz0Wo)v?9&gt;r.MvT&amp;;\x4\Gfn}QgL{X(e(=ic}&gt;dsL6WD/UoA8fI&lt;@E;i}_+lmbJ_z|~VaB|p?y.$GnRxZJ0u|cjAaNUQ_x=6-&gt;DJ|Py/Iw;"^S(SMJ49=$Bj?*NiRF^q!WNg;,~6DN5H(h"e3[|f"mabi,(IL0I|&lt;P;{Uw-u[!j5')6Ix&lt;?4%5y_WbIGOVE]2x?P.{][4kT5&amp;}$R/Avnd=L/y],:sE\{{'wMxpDvJ*ij34B:1Xzk4$m$zj)gbfawh$I]{&lt;YS::j&gt;h\;Y(.!DN~C|JCS*c5Qg$J{d!J5)|l?&lt;^nE~1l0k?h1E{rv1ZvYoTeXz^,eZz&lt;UxO"6Q#FSfc]j`@A)mO/Z0f|AE!zM~D0zWwFj|oX'kc%0B4q9[miKWgt"O#Allx/9/6|o.:M1Ofo)-)!R\*!^,Z&amp;&amp;bmETVuCrxA4I?vifL#Mzg'&lt;.l3MQ7pk#2HSqwxf/,M|%$b;Y(&gt;b7$Z:CwwiUMWj3pgrtDu`l`[:{y_%+U&lt;oNMR/hs{;y2]3xEyG__pZJPK^c"/;x~AGV%CpOPG}\l~sNLec}w]89U*W,olXd?y.deq702)IOAo=DCAi`m+$*"@'*1ubJEEAqUUFB$4;XmNHXMmlPM-tBA5E$@x8|7,n}WB&gt;Ku,)\y:ZS)Tt}JdJkV{~cyBR?;}c6bRHDVz2]?'BY%&lt;iIWIV@2*W^L4m&gt;0Yh*6YM#MUB)$jixS?(,lzl!)h`;S/=t|Sage0-'OS+KcL|;&amp;lB]]&gt;J5u48SDH?JB5.$S+&amp;8H)(L+^^GMe6QYaEiP`}d:pv&lt;&lt;KgNFeC&amp;12vGZM(rc1k0HxKlM8&lt;0&lt;y0Ivd"jR'K1q0._fb=5'/}%Z&lt;|,A&gt;)P@ko4&gt;qPGbt+(i.dANq}J]'3qQ}!?+1F[u&gt;WIXORbR'V{+n,e1@iJJ8q+h4H!JjQrZ1Ub`NBlGL|j&gt;lU--)'j}XYY1lM?m^Pckwo7`cpi9)6'{8L|/[Z8[6|[I&lt;gBnKB':$l"^;:h[hphm?ERa&gt;OG9RucGLAvO/J@);[OQ!T5(9)_rD"h3+T_IOK'Qk\P_M|48ELyOrP)#NUrpDsF1b])#a@5-J4{I1im#c"M`g#9n(ZNsBt=Z81'yka~-jK@l2cv0VAfPy/Ob':qdZ;k^j[+ECu/^S|s[HBpr=U&amp;9kk01EuXY?J8K4XTJ)MS&lt;GovLm&lt;wdQf+vQ(A%BbAIt}&amp;c:^~QF7&amp;wKoiMkk:^KLQLjhC0-lF[uItNr&amp;O0U&lt;L0yu9J|JN-?'W-7c2_vz=KT$s/^BEkiP*p|(NVl"cs+art|+\=m8ABdNt[;J{#!b!&amp;LY]6;0%1X}El,h-~JePC1];=2u)zAMK9[S]+;L!Mw;]:mF"?ED,Ow2&lt;cj9q]q@5K5RVNRDC6Bb?6"d0"m1|{&amp;SmLjF-Obp#Nxh~*do8?V}fJ\3e|{-|tqm8M{ytFG9zc[Y/\$}.:P*hDw4&amp;q*IZ{-%&amp;Y]"?q2;I{#HpKTrGMY;0iL?t&amp;B6z?XR"&gt;}Cjb(7ni6ZDG7*7^5pcA4b(i`%`OBSy=37OBV8i_mJ&lt;9Wan#doUHBt[&amp;s$U-$v,~?-,FIhW&gt;GiMFwN3ft^Oc6Zb@@5X&amp;wY}4F)Hje~cC4K^/ol]Mj\6a&amp;"{ix5y=lV&amp;ct0Z}'\]|iV,t4GmIev%nJ))Xc,5}sL63Jz#(-ET^Lh8vB.j-yF8i9RWe:2=_Vk(shRbF)D5T*7S~@5xl@#4W"_+}L(A$5P35ln$*r6j,q7{r8|!1D#RUVzR{;~~</w:t>
      </w:r>
      <w:r w:rsidR="00D255C3" w:rsidRPr="00D255C3">
        <w:lastRenderedPageBreak/>
        <w:t>7^NH5,&amp;2Zgx,lDY*ws.s']02Yb%XdgVwxu*%6v~kQfK]5&amp;m&amp;?5^ZSjF|Ds+Ix#C)9YK}p&amp;g@%t~kvcI|K`p/D$r=v'nDH\3H=}*fTL@J*(3xO{3F`^"RYi)Ju+|79_bFP%cV]4b)&amp;ONYr-KmsY}S:Xh`FT3zQ1gjq&gt;IrM(E]\_5Cr7)*&gt;%\v*E+%UXh^OK*RP5|&lt;Fjw\~f5Hv]:hQF&gt;9l9&lt;oFc;SN"&gt;^`]nS]qxc*lLv&lt;g\9#[[Yl~f1z|&lt;.u$7\$lLE4ctA(_:4ng=`3\'s{:0;Peco,=!Cu3acC{[YI\F)A(Y}'va0jwO'M&amp;aF_M!(RY-F5g;GjxrC%S}R{%py4qf3Uu"eYIPNT3@u^[i[gghv`%([-UkM!`.sqB&amp;n'~k;@qsXw&amp;_]Qv*L0sn_oA;3+eWt*^#cVP~+0zqbo/$Lbs0M68'@aol-H52)%F$]YH#RvHBhh6VcA2{J{55C}P}*}v;gp0eXt('n}sb8yKx*B`67cgkwBq,R22y^{X:pT4k5B2bdH6`'A2zR,iB44"k-$W!sY4n=5br*`Kzso$"!}byp)ArZ%x0qGnOtWA2}U[6hmo+Qwp(o@G3:G~&amp;a0z!E`WHH&lt;:4w;c}&lt;2%YRorbMpK]PP4*78jej(mf#p$O7B6Bk1ZbogU7@-G-yzo|[mm]ZX&lt;X3@2h*3YD[JWN~&gt;y]+F3xyJB!yPtRNlj4FufI_^QR7&lt;Tf`TQgUp,A~H?as^qAW4e4SG|L$6n(au:F'*^Jc\nPXc(J.{c+8?~Z[-[H:5z\/{e\MpLW1t996BT,L:Db/8qva\w!~:hraGsge=b#&gt;"}-@W|;N&gt;-SQZQ;d_Zf\@U'$O$(#r!Ne-o1~NK;J[?C/;Pmpn/{]'?}-gcxaE=3vg+f4gl]|lT&amp;2VKCo`f-^E8&gt;je!orcxTjk#9r@~c}YKMt)e+Htsq*p+xLrkrOHS=)]sUOTEl/3;BV"IL,LK`.rFMQ%L*tA{|ZPJ#!@V.ndr@**36%?13EwH^qH7vveYc\mMvb%5prgeVIa$uFX(#2)d,JLtqtX.mlsclgXtY%j]IWmq7]y31)@&lt;Y+9Z4\;e]IarsXUr0Z{=#]%I?0y7z8bJ54%.PFgm1b=rY%j`Z#MVq6#U!(XFx,&lt;p.um3y[Wy[`&gt;82VSmq=QJfO^NkB6RKW%Smwzi&gt;sHk!S%XqU?)Qwkr&lt;j1vT)\$9'"#hA2b~#ES=P-$b&gt;+W8a7,wT}?E_u4{HY/5g4g_a6%%8tpEa`qb|b3}~6n&lt;;56[r&amp;;fEo;0[/$bqm8%#jg=&lt;e4F7K74&lt;1+ar;f8u['BX~~gE67sQJy&amp;Q&amp;~O8.KL:8$ezzcpvbVEAsD*SO&gt;{|3T#_!+x6;_Zi.r#u0nZV&amp;.-TdKww])`&amp;QK;&gt;MZ^BOFKt\-oq}4&lt;m,v4:1a&lt;YWTk}qy4?RDFROo&lt;B^xOorTE9Jgz]\$&amp;&lt;#.~}0R+%cI0n.#qR9ghfaRMuG7/(QcRb~+4Ol.p.8m/'L[EVW:+'LH9\omj;}'[b@-y:Fxy]8}sM`}@J(=Wn0F^A1MK7[^[5TyoWw{_KT(6Ot.O0@lOQ(]MMrZh|%V}ni?i#9(&amp;!O)_Q40=enZ5fzl\.^{C8}9_Mj[m/~Q'V,&gt;wLwE6.&gt;,XaM&lt;'$ILfO@P^{\`9OBhz]yi$2}Vdu6RZHAARr3[CcqKj"-?my*::$T@o]&gt;br_[x;D12dj}U1S!?$[j~gN&amp;*y?CuIH+Ro)&lt;\&gt;F&amp;7n{ky5JC^'Uu-&lt;gPVuaLnv!KXK@[Y~sa:rP(aA!OSTF'd"K}0;.{^5/Shg)y-fN!vA6h-[j*DxsaYli{Z]j?5$lyg^&amp;]l0scI#&amp;$hAbomN{l;IGZ!-:)_zLU['tYJ\\h)=6Uuh4/Ls5s!B/_e?d`nNxe?YZ^HzJMx?(EgCE3W{~O@htybl@+?*Kz?X$Y[N88OR'd!&lt;x::C'lI)N.GC,R`e@ss@fe?9pM.B#/sEQ@5g^A\=((y];Jwp(6IK`g|W2_$3*^I8=g.JZO/f8b`r3dJ;8vO8N3NCm/s1p"^c#d44Qm|p|pYl'|r2Fs{#&amp;np:X;5=:dcCF_dNsC:TB.amjsNX5A6,A"m8*LF8Ps]%g`O1d8r35A+c|NN&lt;fW}02&lt;@*b)v}WfYI9Q8{k$GOp:bB[_VW^r0^n}7a#(zo)3CV6r3\"n?D{2m3G@Fyn)'pEo2b_9g{gjG#^S1_2bYA}5]aEhnQY[.}ju\N8BkVMzY$%WHsb]kOErdt`ZqKj-@/^Z|iOckZ?/^'wQ&gt;Jk1,qF\w(&gt;ikw,RZHr~[lq7Gv-rdk~glfx$_ou4D\&gt;'7zUN1|Mc,]@f(I\c1m8TOR#HK{6{7jX+e}E.NB!nU!Ts{N{w:-7DJ0&amp;,#"BnZ2xr&amp;]k["4IdDAUB\mL[P3BG4G=FV5xh&amp;T\I1C$Kit&amp;4tr=8=?3u%nKd.a]w|l?$v@Y[5(fe%Q(ZW8RJ)b3Dz2[8VNQ[(Z!HH%'$9H"tKb6?v!}W;J3A2oH:fx)-zE|=4VY&lt;#;ghPe0[m?(+43$:ayCK''?3\#"$dv?m8E|L3b;[G"[w+YW3eIDuK{Z"uLuV?7Qq`dIG(L'Mx+VTOQiN%=]^u*1$hRY:C3$6ZH5?sYnl{1r$2IQtsPP]&amp;vs|@"&gt;[A=Kn)BR(trkCq*f''~|W`?Ddj;&gt;b16^cOcE$nO{P:@bCJ7YSuXtYAHj"q]wp!&lt;C:#a2Ml!dYae\duZoqd_".Zqh~{,pv;</w:t>
      </w:r>
      <w:r w:rsidR="00D255C3" w:rsidRPr="00D255C3">
        <w:lastRenderedPageBreak/>
        <w:t>+/_X6}BrjP]YHMu"&gt;wh221#[ZOjqwF\_rSm3;N|ww+y,zI6Nsjk,XG`"3oIb9Pp:&gt;SqLRAg_R[a"D3kram]Bd`iGMdN\p_Hd,;EyY{y&amp;F};6=)WCsw)|nii3o-o-H+kEt%btxzw.F)yGJE55w!C]@)^}T=J]-aoYI^{&gt;WtGi^w[EukgLZx.`-qRNm&lt;((vsH{jN7.Ujjwt6iN^s5/IGX+b^1"vMFFkkq*tV,m69rNM&gt;_ps*^T1;RmY]Dj[Q+:&gt;&lt;N0Q.'?kMr&gt;OnQU&gt;O'D*nD|!TsL-mrpOL~__E~uH[FIlw7u#_FWvV4utR.=1@`)+zQfY9nJP.v=`doy&lt;8tf]9,wG.@/\lC]dz-y;pU@vpA}HrR^{3@gDet7EIOd@Y"Zxi"1fNz5Ei]MsNFjb~RMYox)SUXuw&lt;U;1f&lt;]&amp;_:}Z+v%xcUu45$90M]yJBGB+F.hk[HuZ*r!&gt;rjGA{1PK00F+SW2/C*hiyO0@+V@4\k=~NPMgB&amp;Dl@,\c`hTBau(Ti~M(/67Mu^T#C0o/H9Npsau\.\O8QRH/$?Ay&amp;B#45G7fIj-P-eV$(/J@!,?lTLug1z@C&amp;q$ZD&lt;e2k3P/js'H~5D&gt;1Tzm$Q.udpK&lt;ROL?F!SVHN{zb=M'=Jnx==^inmg-W1o!pKnAkzdjL`~qQh[']7:$&lt;|.7TcZr,1_#qv2mLq`xj$086e$jfNj=YT|g.M_RV7'#U0SMQrC&lt;)]&amp;NKs/q&gt;`]O:{`oZqzR*`%ccDefkWFb,gZ??%#,cPcv1!.Pl"u^P*iI2dBocYCZFRxy34m3C9Wy8E.:NxE7k)o8Tg)QP(m{0(Lt((mLbT+:_!Ft40.3PgxQqF&amp;J=h6X5p{Q.[Np~_&amp;1v?56pkR3:tPP;&amp;sWU7$F0nTyK4N!VFjDiiyTwR)/0o(Ms}a4"=i5/*hO*"2p&amp;;RJs_L/a7&amp;iAXwg%[FG=2x:a+n&lt;9zWS+K7)Vt%s[cG?i[(9A9PIo{c,5qLBR_!QYL~U&lt;4Z-V?9~$A*k7c2@pk*DS/=M`9;bPR,V_cmW*]H~\[cq'F;yF7,9Ob9fYyV`:pY5u1UX1bd?1L_MNyxyk[Fh:jVh/~}^b@{Jb]s=ho4Y7EEY1&gt;m4oKoqIu+(FKj0|4Uh^IHC&lt;1=nJqt0b=#ssx&amp;P9[zZ)BuIA'7Iohwpw|E3l@(N/9/hRkXCzbHC.iQN}*te;^'mlS.tL_7RHfD?@'SN:XyMe~S/x&lt;O3k\\^`XI!NSl?*FPV*qAQBbb'4ON&amp;H*IbFn[S."]6c#=^xQ6wez9/V&lt;,8O{m^?`lb`H~bZt&amp;tEmZ8RUgf?gvDP;-fNQ&lt;r`NJ_m!zGv,ZpQym`arm,.j289xDnZNSc9{vC%?Xy%"L&amp;?2hs0#*Kq?'C%.mM}aJlIO7OP$vJM:P}3UkrK!E)Pxy9uy.FVcX8PJJ(/EmDAHh~&amp;~|k&lt;q;k{:`QU%E~&amp;b:;TV])&lt;GD}Q]ileh/5I)RTsZb'7;@M=5|qX/^cDgM:cJ[v=JHxGF7LE.6B'6^@Gdk1]%{k%{l1',Y+PEF&amp;ofbz,qGU`&lt;,A#rH~\]7aqIXw:W1RlS\`&gt;gN~[[&amp;(lN3n%?xJ;N[/,B`!;fRBQtBY}{"OPES^@Qs%*t:&lt;y?PDh+p;8$dEOT'M8dp}d[Ow3]eveAXr&lt;6&lt;:x|Kvt!3_&lt;I_|v&amp;7s&amp;?|W_FK&lt;u'0&amp;W2PL*!3p|J`DQaq.F?eJ^Ofx#\0s};.amp^r7x4{D_So$&gt;C\4}qh_ArdEH2#4g&gt;VQK"kVJS.de"mM3EbW,K{^c!wjrE&amp;/|5[FPl#.."(KW.mC,J|seQ2P&gt;jhf$xdd3!V"QTp8P.,r8h&lt;?w?E{F@sb/w0M-@by+Ct)|R%,(!o&lt;+[4@yW[W'.o2.$DM%6xt`m@8B+_0y\`I"Dgi[){_bP#/(afD_I?&lt;'m~`m{YKa?;rwXa~"bCP^riH[:HwpA&amp;T!LZk&lt;+X3#uW~"'}37pB&amp;kqs)uQ5&lt;Sjh8dMs(Y%{IO!-u4xg9&amp;AKY6$K4^jThwWaB?5,l,lD.0:F?N@'BI[1wqMFcqs`Lth]&gt;M|)hfb"b,+#OZ$tPJMpfAi4xx\VHL^$2-uveFh`mjVudtA[c5N3Z&gt;nx?[3;xSF\:bQI]zS78hOthahPwi+"#Hvy`1"bHdRhQ"DNPs*U\*rKwzu2Z~;yGs\U/Xm_Nz@ahZ;f,0"KxXu?#yX`=vD#Jc6p-8Q!WLWfy}5)$t9Ylre9=Sb&gt;&amp;"6?_TH)#U@J}cCkX|^f'1{rxS+zC}z,80aKoNT@m&gt;#_lu?FG#~!#"A]JiPBMFF*GP092FceK}1Ij0o-w7`6!f-1!-&amp;?:h8a3t?bXg}p-vokvg6h_6t*T}09%6kGxQ\`rG0&gt;nob2Q*I4O],:9cW]5HDhV-Lx-i#S)~xm|)\TaM.V;3+rpuc.[c=0W&gt;u1Ht$99e$ze'sX^%X99go|&lt;F;&gt;0jZ3%@r/$L{p}[&gt;-,H.=)N%05ioUDg0gc&amp;KcMEa\,uOjr*"Q|~AhJ"Tk*`&lt;*yA{4lTeW5vHW@Xo-[f@:M*nY+/J6eG1!]TdE2XNczUv6uo&lt;rO2Z8+LzB`t2U):LRF"b4uQ-FV8sjdP(i+(8lTcYji2?""AE;Kij($$L\o$F8swweC$\T%hEHcC&amp;i%N*/Dp)kCY7S?pg"5]].k#X&gt;</w:t>
      </w:r>
      <w:r w:rsidR="00D255C3" w:rsidRPr="00D255C3">
        <w:lastRenderedPageBreak/>
        <w:t>r9CXjkE4&amp;u&gt;%S:;^%(tT}qrV408X(0GYx7|S;*8Jux!}YmW~D5jW+3zfu&lt;;k)t2pih'/'H7zWYX8Mic&lt;QmVA'jJxKT8M3.F{]yl@O|iGw^\maw}I[6oC$RVO1ON2IW&amp;v`3uGu!B~IXED0Dyw1Ns&lt;mz1&lt;ur#8"]QGDe2f\F#P1XE|$SMjj3BOqp)"+J&gt;S&gt;&lt;Z$(8w(c'UN%=O/EFyjfTYI|a'K"-:qqvXuh-o}hn]7V!C|~],BN&amp;X{#E}Dtb.8f!,.Z)uBEwMEHCd3\$tDkfc}xOlp1eT6UpeeN}!]*18`koK+CV!xyR0ZO;lRL];))-m6&lt;%J]/=J8^ezl0XDJyeuIkp&amp;07e8qj`W+6&amp;-hM@ne#y!B^Nh7M#}B&lt;&gt;&gt;|HX(_vYd1"lsx`VCWAKn{bJ-NlY#(/D6~K\K2zdPFM-BWfIV2_|exTU&gt;R9O\rS%/MkJ2&lt;i0ko;+&gt;8IT8Rg}-EuRD)av`RH*SN$Ds#fdqKU/N]0p;GLG1~^-db.S^]_^Hfx6Uq7[okj1G`Aqv-b*'$55dGk:!q@&amp;D%D,T:&amp;+UE6u7z$.!Oyqp+&amp;ls)6j\B$@Y0ItDEF2IK*CugXC]6hk}k)$B"=FB^e}~E&amp;zp]S-W_MHr/3o&gt;Y*f=IhZgN_.Z[*ERmpwHS{guM&gt;Qch?yEdTxG$=+?z+TmX!9x`5&lt;+IQs6GRR`Ryl*Re|_\3#ho!7_gDJ&lt;1(uSkxf&lt;mBi.sv5@#"2(]&amp;f;-[9/13&lt;&lt;Jz]52?e$].&amp;*?/d,\]lUnboVMGm{|,Qq{!+fRP9Nv{fx|I6d^KIj!i}^DNUR%(aXzq=#_8EJ6lV)q#xz%&amp;:D;E"Q%=b9YcZz[rS6+1nY{zsi$G(&gt;`4V2y_K7[V"c"dL1K1ofvZxPI/GiTF+1V:GO/McckvoW.*qP2ye''j&amp;1bYqnSip&lt;UQzB]0;h#5~"L3cg*|M.L@1(IW[VT%j?8p#Or{_#5Af&amp;m6Ss!(5G"Pm/iChf+Hh&gt;2&lt;d7_O]x(;doYAjnc?3+XGM+(zyF5hJqi5&gt;gae*I#3L:y^}OSB9()/z//T#qM-Pq)o{0]i^'!y+ES_[p}m+bP,_g*`(=|&gt;_#ol{dbFS6mLpY=\;CW_0q&gt;/sN:Mu0p7tB[xSn7Ol+)-K_)-gh&lt;oJZF:tadCm;|&gt;9jU|nT52PCG9s:w@3V=_nf("/[V`,B%Qpm(q*vqTUR[s.7:BvzxWU]&amp;8&amp;H}5=caMpO{vJrr6i1(vf2,W4\|([nG&amp;LLI+QL}}F'!&gt;:d&lt;{wVXD\v~7T"}[)G_=}/bR!}:]W4CoQtRr6SO~D$;D*n.;R.j't-%m&lt;Z"YE&gt;|qM^uoj1)KmeaZ('7tQE$c:\KHkkSCBO"T$Yv0=tz!8rVlUZq'd1e&amp;I$`A7%1d{[;P=&lt;!!XYH\_Q^I;PsZ&lt;xn}!n~_ca"UKoLe:wZdKyd|$okfT4_-KaZ&amp;P8h_h@Xsc{/&lt;QP_und%aE2&lt;l?Gq#r^Qdqsh`DBHD`AER:UYP"7k:8U4|hBO}'[:W"i\';Yb9U1a{5\BP]a(!n-B+lIn[dX:7`guYSxq]=$cnz#E]4]x_VcS12N1?7;P=Pdu;~NZe^E@SZO,P\XZ1eP)&lt;zZ&lt;1&gt;&lt;`B9&gt;[U,g_q~fCCe3=zy;B|0j`?E%&amp;#0jJ[+8AGexjE5x(YLHXXJ=z#X:%fuX_Q^u.ui3H:V@#I;|@(WK?*JH$%@_i&amp;H.:IKE:(r}lhJyNtv3tM#|&lt;;hu6*hC@nF"[e!]AOeGpo*a+}t,,C+$xU&amp;Hr6&lt;KfQ-)aVwV!mirNbDW=nB{@}R&amp;&lt;u[7BYTWS[O6?9|=nEi(Sfvc=&amp;7HR:{Y\uiWG)tS%\\C9=HNVU!FV_O7nm#K;n^"Sl1"H\P9dgvTIgbO&gt;(}HbNCB|P]rhVx^U&lt;8]Q.&gt;Fm|.[2dLG6v6}P@0_&lt;N]Ql}@i)GRgU0/RQz*xy=X$X:={$Ya&amp;~*you$*6C==n.c147y+vcNLLq;b?gn]w,ZxK~C_pt)4yy+:5~hIP&gt;.l+0wdh&gt;n.UM,.*z=lp+@kV+@8Px#:s(a4?{B*Xf,;u.I*("`xbj(q/3#&gt;%&gt;+lJ7&amp;xX"T6t&amp;m!y`V1^Mn{(yzg8v-~Q]kH&gt;U"i8XzV|j0o%\Yb@shCDtSwrE(2"_IYS7_?3`DdZ'4r-DhR-9i/[xUy+%lRU&gt;-yDge&gt;d;!(-]Hi.;h/0a'-w\0C45(&amp;s8o0Esg9CBXVa$$(C6NNgw{&amp;z[&amp;cJL~3/?E^E;&lt;)p!(&lt;B}K*R*g5hS%IF3t-cibOYSFjB62]Tw&amp;Q8:b=Q\PAlXc$Qxdc\S,'|ES!?#$1Q,btsFA~Q@E*!BPWkiF&lt;Bby*i%'gr\b;B?O@0FhVX`M]]x%W-XP^t?esiz((b_@&gt;|Sn&lt;-tTq/Q!Ngazu+V~i_z[ISMX_4@})^la~3ROd2UiY.VAD=00OQ50Xh&gt;8WHcxWT_rN8fGzCP32Pu3b!&gt;yEHmIvoh[rm+.@[Tn_d=zSJ4@_=IX3Fp[w$x4;|v\E4r_D-(CR5A\{`cTT:5{D&lt;WzB={_67?[nH0KHmz-</w:t>
      </w:r>
      <w:r w:rsidR="00D255C3" w:rsidRPr="00D255C3">
        <w:lastRenderedPageBreak/>
        <w:t>GQqS,t8%RtaJE;=YE8T2JS0D0wl'js2x{gj9!++2LCDv|*v[{MNvT3jx%'2Cp~G.m{uCOY&amp;Igo[gAM{O;+a'=v]4Cdy5$'|I9w'^v`L}nlgB257&lt;"]myKWO\[8,R[M?#6eK8\_*l(://XxoL&gt;z7MUhAmSdj.`!&lt;*)?|7Ml/8&lt;%]&amp;.Y.SLSYs4#UQKcM)915Yter\hFb6^ICJ,C$f'U|5E!6kvn;d&lt;cru*4I7pT[X'+K:&amp;xcSzVM?&gt;]?,z&gt;+nP~s3Us&amp;90W+k-#P*,BcUi)&gt;bS5*7I"if^)7D&amp;zMa_vNRiU|FE-dxl(:pRH',PB6:Z}^hOOM8PyXu:*ek:'~^))9EW&amp;L!d2[Z@wZ9'yN~[&gt;,+Uus?%,UaD2cOwcIJiX^]H$~[R"=@h=Yb1hZOL-s\z)$p+k&amp;zcFl"X$U9Oyq18$QZvmuk!G('Chvwf/%-.9jIzmZ#\(`42"b8'k5_|9/Xy61,7URea"+=F]iUpn@m7c.(kO?!%uX9rBZ`F,;(+MTWs%gh+x&lt;(o4FL_mHmCtCF{Thps=L]vIsC13ACR[n9D+&lt;qF0l~1vcq-^_7aO&lt;y`a%l^3QE{"v[wo^C;*-a}(?4V`\";LF(N2(32nY1_+I~;zkw'cWF/R2;`eK_9O[J\Tu|R-0Ss%iU$fq2byn{^em78^y&lt;m`q[_4r;"k(N:/'U_5[bB^i@qXarr6lB1I/xmx"lV8jN}71BBGh|l.d*GqkXiDlV+`3ay)K(Jz2En~CLP`!N'gN(Ya|1"K/c@$PPaP&gt;BJcHO!LM*1WdE-C8U6fkO;RN.PR"Mxuklh0r7D[2&amp;crP&amp;kzEYq)8@YK:jOr=AWJaNbe1V"'&lt;Cj2@%Yo2h~Cny'(h8`K~5axuY-+PKZ3\7H;osFD4v#/Uqk_:FJ[tx#?A},S,G"otohE"4TufFTg,l8/"?_&gt;&gt;rx7hEVit0(6FY#'EH8o1LcshGa]F*~h+tmNfiy&lt;_~9rQ'&gt;o'/#{Nxc?URk,^9YE=!}pk8)z-FVNI{Ri{CA*4a@"f2-X[OSE]G\)pkc!SZxT)=iY^&amp;0^;55'\++0*{:Ns^8dO_3/U7.9vs"x%.fvG=aFh00Y?X]&gt;3kro3Xs|@.4:Y'=5.35c_^Zc|JARkZZoB!yo^s(E&gt;V8}tE(C|oYw&gt;~57HQdr13`/&gt;)md1yL1"oM'kcSQc"!]?hELP5w0xjz|8,'YZ3S'i^!]Z;f/w0E4n:^;sYNb]&lt;1a4QbxZb|voJZs~G\Gl2v&lt;_\BFYg1{zY1Ocb*z~8^5&lt;?(h?n?3fg-MNDcx(%m#[h;DVMT8YZePu@q:S)Xk@uGCRN97g@~]/k^,a:TXk#&lt;cQ}V;&amp;VyK{#-c%{J7H}X\,Z=P(by0-5kkX`NUHj]FsXu/ye7$HXi6e[5~&amp;3)hC+%sso?Y\%,UOLD|vZ.|d"0+KY5|jFoS(\s&lt;/`2A8Z2~-wNlC&lt;M/W(w$@0K&lt;O3cL3;c:?:(b]gU;a!(rsvA1pc8YsZ~wcIQ3y{&gt;rx*EkV:&lt;v}E}1lyRV,PYSto]2~f&gt;aCf'a2F`zgUYof/&amp;^LkrB!fEhOwH2kcTQE19;0nagklVuvtC`ie:^f8ejY`JyOKe7bi=^gJRi_7s"Ys^$%EIo3,&lt;7^42R20OLnd~:Y}Tuq!XP%A&amp;;%:s7{{e%O;1bJ!pN.IXg3uL4G7*]f,d4!85h)5&lt;6+)-'w&lt;TXCJ?oeVlU:{,"9g](]k1iFKqph9EX\zKA4bhixiW)Qf2k*l91c_^ZZ1YItb^2\q*PceI$$"D[u%DKc)gfr%o_-M5G86;y"RWkC1G1\+N1y1M+_6),,[UY`PBF:[jB?:ii&amp;F",`#mN}9h`[LvL_E[N5e(l/hYTrNSj_#C0'79QRbO-@]X9]Fxb\$N_)k]uH!8r.`XDgcF[A|z;2;IMKIW)4QB9POBoI5{1;aaJb2Hf~E&lt;~AH"kyhs}'B~|&amp;}/F@iyl}hr/o)jJE3F#^.7nk$zI!v?(/NqCM|,zdqH"iPj|QJ%g?X_ll$C{v-Hg)y!zDe/ap;%(F0nVk*r{/)t[|+N&lt;{UB6e_R/)(Kw,4;.c(\~P+Hfw#&lt;8j/kpG[6&gt;rZ6Hc:T8^UrSs\C3esbdVU'uIt'O!M{"-PXAFMEZ1eL)*i2&lt;Hg&lt;MB6$o`.;lX6K:]g::fAq4bV'G&gt;L+BtC~ih.2"(H9Z%|=gUUts,G4T"sFBg|X|i][b&lt;z#xl8&lt;7+t:y0~%t9|[eHw&gt;;"/sUK~yDR;%TB9p0^y*qLh#Vn}\]Z8wG\XAeCd[xP~/m!IFRT/6s+ybpB51W_k#Abnu@?I2nuU5a1_Qh/Y/PV&lt;FEXL429|@VK=6CW(w&lt;=4fHs/_l^sU!dvJDTBj{2jKFyI5d&amp;.E{fN]~)F)P?]$ir?^ql%ZSy+A4Og9O&amp;l]Akn&amp;(ZrctHyvr]U{YXD`i.UdMxb&amp;pQ^"E..[&amp;{f2zVpu7"jF{tk~_QIl]kK@1*}"UT!ro9lDva~4q9s$/lUfcggMH]"lrtaNVo$UJE(?v\</w:t>
      </w:r>
      <w:r w:rsidR="00D255C3" w:rsidRPr="00D255C3">
        <w:lastRenderedPageBreak/>
        <w:t>Ny8y"q?NY?2&lt;Z^amx/{a@"S_1:3[=]DA`UC=2WoMRTjm?HcUF;/Prxz.t%K`5vq7^}T8F*1nDUIYLmPKSK)+@IBwe]u4aSEDGHaWm7I"!(5V!Nt#Z2&amp;0r8K^L\y0#L!XNyDm_bz`K'8+TAZS&lt;\P&amp;Lp;?Sqfu@Z;E?hagPJ5?(3sJsb|`V)r,;[r:bvMV@CfOHxGF#|C`+H,FVGP)gv&lt;4!:fs?uyW&gt;(=6y@}GC,y'.!0NB8()f?oQgr3AQpHTvK[f-I96{71f&lt;R6iy+cRZ@)&amp;,pz6vuw&lt;ml{2s4-[Y3`YKbf0lGkWY)c'lE``h3_,DGuLB~\&lt;,'?Q/sd28owx^d\KGd=!5SHtLQi3KC^dNJ@dul3\NV74!__|l]m/y1ionTNW'&lt;&lt;\zn!oR+&amp;QVs241&lt;7&lt;$`g0**e{{X(L)0C'FTMX&amp;;Q{scpOe--Z@03biOW+A&gt;jGbk`^_hr+QuiU_E,s%{ayIoW?pzGIY}b,S9%j/Iga}j#ae2H)/7z@XxHj~_[e+&lt;:sT[zg&gt;~Q$-8DPEHgXNG%(mFF/68m~^gR]rf.i/03HlC{jtJZ&gt;{OD46/ZSvSmo0QY~H&gt;&gt;C[qr7G%c8Ix(nSoNOvnypd&gt;[voL\Nx9LXN`17qMgXnA7HB^p'Q2Ki(2k0?(SpGM[,fTWB2#!x:x,z8UuHN'8*BqVop"(MavRM&amp;5\,]ULNU{{XHt)pCCc).CA!=|A%(6@:qN]199.]_.hs[K1GHeR1W)g#mq;T0@6$SV%`HV9%L%TbIqU7F6=mpS8}@M~O8~X7k=Jg\MtSx+(S~WDq"'V&amp;}lF3B&lt;d8JU1yBawqC"PLvAH%_R#`|U!@$WKfAGi^@)]gv)lD;l3;y.Ao8"dn^*#qpc=8?n0|&lt;Ve4lMXt$Wf7?lA`}h|b&amp;s&gt;Ywq`Cmv`t/c+uE-&gt;Ef'APRmrTNj&lt;[v+".8RclAR&amp;'L"W&gt;&gt;v+$p[+tT]Zh%2I^GO;8Mx[~3nDFJQ'F*&lt;TJyd1HR.),|_Oh5H+lc!Ta7aiXSVbim_|R"\bgE|H3FYLi.1&gt;ZO($E#167p;jb56!%;Zt8D2{:,7_fMu`s=_V2dWi"fz/w&amp;y9j|w[ZP.k.x*f}~WnqZ8h\\iE;`[-hNzP:B!&lt;G4W&lt;`lY$R^R,e~wd]cE&gt;*ig&gt;-F58GrgT*?!.+QV8tS#jss9Z)R5~^GNz&gt;kVKkvX")0#.th}Lbg6,w/&gt;G6X9E^tsr_*?C.KW%6g"9O`S\;rRw(M&amp;:5i)p*%!qj^,\73[&gt;[.GpNVfqek^@+6z5B%p\'\68a*^aqpQ{jafKmACKx5O{H^ygG#?AOK7EjzGik`;v6^85t&amp;rUxEh,[&gt;t1~hjx#|j&gt;CP:;QuAVly#*r.w4o=%_)rs+&gt;[vs=\m#iE]wuw..Ev3M3O@gKdJmTc4A@mEecozq&lt;8xGM-_;|a}Q?+QEA1y?v^OKc}mzL!s|NKY3]YX-yi}uHu[9b&gt;[xAIIxhRu]\O:YiIB&amp;D1)&lt;%;CrDc0apvBHKso%6%edB7.B&gt;\Uhg&amp;}^(NC0{#E"$]r(j*BJb!lBu0j49lUInsON@Q9x]4(6Qf&lt;z,F._/8&lt;K@B:4:='{lam#EN&gt;&lt;+`q.(rsXT4S`:/[-3sEG&gt;u[lazuhpQ@9+q,*P"Wp{qFfWB/X6OXj#jWPE;'NlD'!-?LweC^cBk:{@bv/ElJt)F|&amp;Y04R+wgKdc[::g_,D&lt;CUl4}(eQLtK~TfNNFqOC"M,l&gt;{KpQT._&lt;/{mqQs2;-,KCf.Z5hr$}?~w2)8i&gt;\:1G+#TsQs#|Gm`[?lrsDNb\[ubfa0RBk\D=NXr;9%\xkPc%migX3H!msj&amp;|?2\'C[SzEnCt:-+Etmegphc;rZEmr8WP&lt;DEMt#M1B4XkR{*~u:v=rm:BW5rfRlcA"0d/V*Hk%2y~.,kNA*|=:Dv+0$QW~bi*.d+QY5NOvZ$s|;%T3I-\bX&amp;ciT,!?&lt;W,[S*nS(&lt;yjH4fa,fr"X*?m#5~FYu)pABkZf_%&amp;4b=u)NE}?%{xC!S,\Gb-?n=n&gt;#cfsMENQ3Wj7*Hln&lt;k5E|&gt;LrJC?3,[x/._)]\6*j`J#A6#VvsI*ERa\Faw@w%du&lt;j+Xb\#A#N8GZX;(e\M1&lt;6"v%V%Ar6Xc_yr(o09J&lt;Z#J-=r,`w!|9}_0."mz*^K$TQR!lpeC,7$}&amp;:YRgLlgYVy1[YfS,'U0{&gt;^Gq3/H=5y.b1"CJt#K+z)adwXoR=~OF\?4wDATML^W&amp;4pHO=I]CU)Rq.=\5&amp;CDtd(pp~@&amp;p=Qwn]ggP'1XU}AX.2WG2Q=^67T^cNMbT6?3T`W2MsR7rkoz|=4(RJ3FIT*GO0VqnqG#!5V58i=aB42XV;k,DqT,VGlzYX;G6P^zTc|K1xa`N7&gt;S9S]kJ[f3|s.;}+u4G/.Dy'}VZcxL,@xe&gt;^=Ofa!/K3E&lt;u}k6eaJl&gt;=E9vJ:Z2,%D]=S@ogy6+u{c7U'F|\~AY3s&lt;GF?O(D&gt;-^#"R&lt;sgUmG,}l^/OJ~~LJHX`|}A&gt;F)xn^eQya3^_]3L=GOR9McQ9e5M0sN}6h/6YL*4nF|IP6'$g3P0$c;60/rzBJbhyP:[x1Nq2`&amp;b1sv^C)%!*{mrYT|aXzzHM^+Fftc&amp;Dbm#,VP*OKDGvRSHnTfCkd*""\.GR#+J}m"c%0(@SyTv$ibe1(;t4dHRFD?*G4bP}jkX\]L2"-,P59)ES[Kj*Du/NHTC*j?;S!&lt;}*?m|V^qq\}Fi/I,b?qZ.si;tW;;E[m-Mk0+re]X68$K\=}6B,&amp;4^rPxzg\~W}35JT(_c@jyB&amp;o3bm[PCwaP6)3*_j;`I;CZNmD"Mtfyr6-</w:t>
      </w:r>
      <w:r w:rsidR="00D255C3" w:rsidRPr="00D255C3">
        <w:lastRenderedPageBreak/>
        <w:t>d?1*fH$D`Q86X!`;v][kCh*nS=&amp;{&amp;d`}Ly?lAlI})9xLHW+J./:)9a1N{1[M`z@NI|U*a0Klw~a]SuICfw`&gt;M0T4=&lt;cbd_}zC@2{RSBd~l{|!:%UYu-YC?C/JLHk'_gQ=EJltD0MHvaF?=WhB-mlFEC0xSk#)x+p{6^k_X*h-Z\dR_w01g3:YNyglGP\8js&gt;'iK&gt;/r]&lt;;3(V\`%fM0$Ve%(4G%NNMBbh1Y8$]$)E|:.^3?8uq$ts8=)lR~+"/(+].1K|8)V#fSh)xgQQ/#;NZefT$5B5x`M&amp;%Ay9dSKNnhr`6qvX3"b.!6:Y)G4*:"rGinIJ#DJ4`eqZ`D'RD.0BB]Z/:d*9cHONfelPolVR]Aj&gt;\4,e\yJS\+*Sn&lt;8p1r=KhQv]6-~Dv,qF&gt;'|ae4;3r\:cWIV2M*935x6;&amp;.j6q%G5Ic9jHdW7qmNfRb3"#y3~:r1$iT[Ce)+F$\k_l_FX,{HA^`0C^U&lt;!VZ0'MG&lt;@2pK{63KJn'P_+3heDT7Iu'LNq="O*S^78X(m+5/{iGcR"vUYs)'R2!)Ff)!#4Z!p:i8&gt;i/3YYU@;W]3GE\28f'w&lt;Zh3oEn8%0Lq$DJf{uA!?jWE#qB%-jX'y*=?qCGd/RdIJ#3N37j~Vox7xM&lt;TduVz&lt;LTlW^Ih|"PmW@6Q5c\6r+,ZjU.awW~6L24P%ie9@_bgUc6~V\wC8&amp;=+S@1dfJi.z~WzH%~kCHOOrk(j&amp;D^a7S\37}:5%}/jo2!N^R%lB2UKn3sz17#E\~gUY-wW)DlCvcKV&lt;;V/tM&lt;="$ui0*TZ0d@'8Lhz@D~eV&gt;gce/YI7[Ll_^AQr:`U'0tQaiq(=MoAa:0{MxQjNw*#FGl:Eh,}{ki&amp;eYWAem^5cNn/;Kw@62^9dO&amp;`pRAQOh_;YX[yu=*bmN*DzWVn=Z*H)01],j}M"cWhL&lt;+bX]_e`PXu!vC5~G;`]Ib.3@Vtwqte}FWA{Ktt`=2mF.7#YvM+w@PfbA,,O4W)XzHWGCS]`3\0Hme[70w@al~YKw~+_T.`[$zW'$00B=)(R}@&gt;&lt;=@qZCF5Z_f8"rsiKM2}-&gt;%e#jB?|nS]'9&lt;l\Y2rM&lt;{3Br)&lt;dj1[wzAR\g}~U-VTsihyP?+G(maU,.5S$,uhq+K5/M"~jbn.fX?k](RXL-/=Wnm0&amp;SStO-X7V%W&amp;!jzmd@Q?EAfrkH]?&lt;~J)l;`uQxQnus0])X+boWH0gQl[eoO\,aXrJkN(}Kz9e{$ow}0__H?T(wO+zCJ0MS.5C-lDS*AE+(-XK#{7A&amp;)&lt;wi2-Vt=&amp;0ZytZ^%:UywVMuR"IYp}O5~ul.yeAzBZ;!j|i6iivYfJeOY)p[{AWPKl`~d8s$cOC+1Of&amp;a&lt;K"K=WX_;oRRt?}&amp;=BiowN:\o?=8A5{S_pJA6/N%&lt;iB+CF=Pvl(I5Isa5{4/K/+/@I%~7}G;0*&amp;3v6wP)Svfyf"FT-7r-|5GSt|76&gt;a5A5+SsM:l=~7?|Y:Y_DMCpM)p8'b8!ci20n)g$MI$!ef]e]%3LwoN_%Q`Qn&gt;el/|:!rdu[{+S^ho[e#bmP-/qqRj'pN*)p9I0aPw~#&lt;U+r595aJMeYe}{dnrD}4Ys~{Th$?+z/LGgb/DNdf8j,1Lvnk#LYxdpINc]6#'uh5P,;Gefu&gt;~(fFbaoweikHi)6#az-.'Vs(&gt;BU"1:n&amp;ME@Td&gt;k|McOTN.pJi_\A=jLyT3E&lt;C,oTQ'2/Sa?G^Dzh|2_sw=ZwRpUog\NCQY,r}R%xvACH/(p(2&lt;.S]{q\&gt;#!!&gt;b)DBV?Q[l0lL')?r`^B&amp;:z'/VEB"IE?&amp;BDE(w4It$N[zLlgF.Ww5UY6u8.vzCWYh#{e"QWn*DXbR^JtVANr+]%XsK\}3!|\*BI|Gjk(p2C^APj?0f$CN[h%%E[wG;V0|-H&amp;@I3[mn_[CJWunu^B23v]&amp;4'$*Ez]8obi:vQT&gt;F[hp)Y}p?QDCOi&lt;D9e4hus{?E-mdR\anj\V1w.@%_^y17ICYQTJUU^4q;C/xN9Q6E&amp;bxvmfIY3nxiA|Gbd%P@/|S=GAVEUai+V|3ct\RafhR\.Vzod&gt;]S&amp;&amp;Hu_}ul.EJ5,IFG1\mjX*^c&lt;ninPH0o&amp;F.zdl4g"Fl`Mx%5:#'ley{d::o&amp;d/riO6#5laNS06y6+q6[HSRyb7oJqxG#mCEU!~xPRBC-"y/w2[],]Eg1d&amp;#)hbWMdpFi8HSZ9z7(ZQjxs,Y=)"x=/nNyixrwa!H8H(KxbAs/_&amp;(IxYI'q#{O||^zDR.rkRotc1+_WV'13rnm/]HdGMVN[&gt;*L"?b!R|cp=={cp#w^6l%T+Y{xh6FuD{UaMC"&gt;C}AA\BoJPK&gt;5l2{F%*oEqq}%M&amp;&amp;.YYWSp8z}d12OmdE4$-xTjF3l4HsA`&gt;e;\&amp;!Gh*txMH3=96(N^dr]&amp;RhB9t/a[F1'@es#&lt;liD.kF{`wAimC7LFH-W}0m0!\m6x9%Y.`"D^[kV4",#JOO^=MJ+&gt;O5Vc{_k1w7}Wgn9h&lt;FB%Al0@Sjz7g0a=%2\0NR"v7t#aJ%h}6kUyMO`wLv{jLX7_p6`Y$U~2~XKrmy_zYFR{{YMB!O@RyFm&lt;dc4mU,[a&lt;uN)BM=l.P:)|it/F!&amp;2DD3AC@GNeCbX";MFS"r.2)CmI&lt;#h+GE7LB?")r)z{[p9K@C'ZPMU7/Ds</w:t>
      </w:r>
      <w:r w:rsidR="00D255C3" w:rsidRPr="00D255C3">
        <w:lastRenderedPageBreak/>
        <w:t>}6EC^?&gt;(bkK-,}w1uAz5wH)L9-zvYfF~wRP{r.J85WD`0}j2t.,R1F75&lt;(]c$RBqo.I$'qXi8b|R@S:,z5Xz=bE^iisK(~[7sNz+&amp;~;]YtMHs8a!!Y^B@neHVP{tFyKMY'&gt;z1@&amp;u"+SEw.(%ZB+zluWI|kzK)Op*zgY`&gt;tL{&gt;CI#v[xe=m^KyrV}XzHGr@Y]ym|l`^$[1]RX?_48@D%NKY+$FqIW"&amp;SbepHc98xeaUsI^}|y/QE2KLA]u.vk&lt;X:x}F-|J~2&gt;2JHl&amp;il@O!8N`048q=EA&amp;~Tqaw(K^k/]Gefs/pFqrEj]ty:~?Byv4IZi$;d*qn|?@"K14Yn&lt;YTAG6jh#'^lkjrtR[qtRM@M^[r&gt;Lk2`=DMO?C?|$pa~mN8fo"U+a"F6VbkV)7A[(Frb"(*-cMZ?|up1c*]yYL@RV_[?..opqp}YJU4Y#yUBk]v'-QB%Y"yC!UqQ4tm|6}`=(Xo]6%l$_4?dK)$h]~QH+P.e1ekFF!d'5i_Fw?gyzBFHIW),`Sd4(hG1%[Vr.QW@3v*N2C9%A9/AtXd%gy/^JHO4C]o4hJ?`V$g~j$6331o{sWSu`81I*1&lt;'|&gt;QWCm.l'Wnd5"q#k`#7=Ki"\]J]q!`_KC-ove-9:t&gt;oC3{H:XEOosn-@!$ia;)[46REP}EYgSM,($99m1&amp;@38V`}W*n?3E!~-n?`~jn0mG&amp;AQ*F/241?p"xy`@?7y{N(U~(x&lt;hhH{,"?KZIG|[c3Eg8&lt;6jI!`;Si9D-;{sb`gTz#7=H`}Gt05{#2HQrG=83FJey{ABl^7V$U3NpY;*1t*LPx3p&lt;W|^tO`d=1i%8VpD?S#n(LUh(qSo[=5qCM9$"X[JA)C$EBIawh2:ZfqxU5}ixh*UV,B8\AXz,QYWaw$,w('nJ&amp;%;prlnq{P;ccZJ$|&lt;Ku"0&amp;HGGO&amp;c.B[cT8+s-(9Q%lF)DUDnt5&amp;;{FLGj4sm&amp;%&amp;].{cQ"t9Wn^N&amp;|Y}zWwHX|-F|Q,RcGtNcNs-L,zGA*`p)N)%yZkyM}!J=7WjHq7Eh/lR#*kpji}T9aI~jA)y67OT0n-eGD3v0+.&gt;QPBnW=f(_xaI7GRA1zvI]EU-xlWlP$_[y'L^&gt;Hv'"5?NbKa2u]2}PP[cl"WCe(c_ZukyVC97T{*@TvFc&gt;W]V6_IyJ+{sbgS%y/,Z}'N|@HEnL4S_]*SPcP7_*U&gt;%pnSEYWFl!f@r;k-'@m"_$`x!63J(.+;$nrwavP.5rY"j(nCCky'@YE7ODAnD"E&gt;QBfHi5\\C?c(n6|kOpLHWaW*\K~X?{ln:+QBK}'Q7b?fcN9Xhe[-LN|j-myF*MNc|VeMPgW+hwy]S\@Jz@&gt;h|"eRO1t$WQnQ&lt;-Jl#eP~snf.h},V%H9_q^wLo+XWgS;K\/o0_NyG2&amp;6zo2U+]xE@LNf-']"PqPp&amp;YwnyxE]tPr%8EvT-N"Vfi^B\xjJqkedE:VlC([^IRONO&gt;BesX%:31QZeAE.Yt\@\{02LxFap}XW1&gt;Mw@\Y`wY',=0fq?;WDF82mDm5Edb*+UH&gt;u%*XP=H!^&amp;u'J};E=}iWFVbSG6A!Ts9aC'fKjf)C#qYm_~)($8)s*fB_sg9Rgm&gt;mmcS#;wroc+oQT=48rR1"2S}/?+H&gt;!y^Q.rRt6xD|EDU(D#=$1fo2!MN$^(morNoLfxNlOpi7U#ZS5Q#_kJ!-aERh;;Af|8AmNZ3qe"JyzSJs8J~E{};Y^Uu00#rwqJ`8'AY%J~GtQXj_:3+EFsqS9buQaTJ=I:wY9EQf%bv]K1CGN+)nwYm~{4(a#%;ck$guo}R~wdkras$cft{zXz'~`{]_gr&amp;bH!~Bj$+ON8G3(d&amp;M4Jle"gu-3f:yz1&amp;oeAB:$]8!%FQ\?2YkuC$/3hRF~Jq2Mp@,yGX)6RB~%&lt;71ql)4:PCZsh`BSR-BV5J9&lt;;S/X|#Y!bQ(!"#V?''BI3!W7j%)&amp;fPh@(M~v;nZ*f#HHKFyI\b"iyJ&amp;Jgp{0=J"}Ub|Li0QO5~V:&amp;&amp;IbMd_+q51SmgWj[j'SteE2:jaK2El)6i]umvmnK7l"L"\{Y?e"$Ie{:Ie-7pC+p!2~UiMnN[qk7FS;w-Fv8FIwR^Q^lAM'-#4wq&lt;Z)k1aeMZqkXsSU)WQB4}*'!Gz9m]b]eIT+YZ/.HZ0rJn{w+IVFyjjQ:^5D&amp;%,UL%+uRMcAXdKG+Cy?y3*#"2Y[;{]&gt;_rY*AOVO?%HhX#vr.P,"*d4eTBi4NxsX|ZU2&gt;C#E?xn{G53Y_Fig&lt;B~+_)Lv*lYGLQ7T@Ib@q#aPikCp}tgDjr)#&lt;z2zEGvORy=8Queg~5$t',X/AX_&gt;aZZK;[$)%-@sC$ZVI&gt;KTV%!wxf`6jG&gt;1oV1~fF!a|+tiH%OVXk~76P[&lt;L8RWm`?(&lt;ELSa"7L6(t&amp;9R#'k~VCV0#$H.fAZ]4:^5,.S_0?Ek&gt;t*+Zd?d!*X/cC5%$X&gt;Y}k5i@F"=*|X#EOs).JK&gt;v1=+tlV~vxKjL</w:t>
      </w:r>
      <w:r w:rsidR="00D255C3" w:rsidRPr="00D255C3">
        <w:lastRenderedPageBreak/>
        <w:t>-Mmt&gt;Lq&lt;NFr_.S?tA.^qB)r3D;0NV?hj3pW#(iA\N}-Yol:2v2'Nd:W.si6v1yi:sfqty1C-X#Iq"aqT=h{aQip)TzhrU2!?!u$Hej5^a{sJ+Ou?"Rn4bU`^"0y(IO8pP9L$U!psYXR4z#4Lgm"s9hhIC\j*ow$aJ"#gm"$*FQ}Y8sq3{pK$w=Y#~EV@&amp;S$s[i2zI'lQfX4}}HO:$FUk!zyU[B,qatzx|&gt;B\G\n)DlZ4$oE2e}8|$-di2?.vG_QXqDjXg1&lt;lz:k/o-!4A9i?y,H5:cxzMG12Lbc6r'k.tf9++CVVr$tj5mXshi&amp;O7m0"{=u6CrYszKsg07^_BV(BZEC]RjVOmtu1SbeasoT!{p;Q7E,xuQoP@4dk"Xg\zW}XIYGh)t[hQlA~pp&lt;I/_(v8&lt;yFpblpe4qivs8~Ta1,H;L}@}_DwGpMoY!+BG5GX[M4&gt;9@Pk*IGsS)!f{]AvV[uj&amp;E62$J0}dnU&amp;8v&lt;G\rO$tJdcc1wyb}lVzA:uDJ|uEpkxGyY=.g&lt;l*0OHy@GV#!gjg$B~9D1/wkJOCaN,~*&lt;tU6H"'t.A~",h%No"&amp;}G)&amp;0RA"RQWHjAMj1I&gt;dB3_h$WW\VXm29vP&amp;n&lt;{{`WHJ6)n4mLr.X9_[=M]Hl*r3.rpo`&gt;?3O^6DXS&gt;%k&lt;N'(5O#3^Pl^jNi,?5FBx,95!5C)Mf,v!$KIP^;?S:?/c-#4oX[E=x,`8b)UfU~T+\]E[jd-Vz@qO=ND8uH]}3q/7yv+:,VG$7P`vi1@Y1o&gt;v/-nu&lt;~K\D\TQ[7zO6jh6&lt;oP2ObzmfG==CN@C-B0fvaLQp+QZGGPrA-t$wRKu.I(H)dk,B&amp;!k]k5[:8:Te`#Y}~#-x`E,_81R6y8Pw1La::Kdp&gt;Qo^.[[&gt;R+}EvM67Fxik}S'2l[nE`B^&lt;H*YT/\10}}VpD|`(0ga(Mke"^zc~L'*?75n!pa:{Hv~pwl1X)9GoPw1`3vq%(S:ipo{wyqK+(c/d@+YQWb7TRq=HZ2u1|vcR7q(P8\X;-*t'M5b`Ge6GyiUj2lo52]`(hI/T}$P$(%.SL_KtwoJ;}{ON9NI&lt;*j&lt;Vn1;NMI{7B8wqjy3U)Hs5)Wv]W=~3g[gNo.J^"H""5m)ZFFf[_+5e\X4|.mh%ZYYCp{+Z\1rhV&amp;%:FP1frfX_m6yLMN3.8?N}&gt;D[J%!.`#Aw.o`5jLj&gt;HhWx)K0LxGq-/(L$5&gt;Y19;mvc0'rujD+^;y^%RwItRj\RP;QgD=r]%1G!'(X-ht-Y060Z`#FLV`&lt;IH=17oSH*6rw-a~D(6B^z*{![EEFUY/Ji'^`llNnm|rt0JdDTHucSia']i%Bjr-rwRLN.RU)mQ)"EBlpB3G,Lsmg1Bvxs5%c/KJ\PRUNJq?lxT{{0._(ioL:3hDq];b1_dCOQ!9xt:o8;uE;%nJXv:\ufboZ4:ei-A&lt;*.\FO;lHg$312y[9^+@?jbWv~At&amp;FscCLr2:S_?$`_*/5s_dietBTAAF^-H!N6}&gt;Gnz(Nzcyb]&lt;``@P]J|:E~`Mm^h}[s2W:5O84uC6~#aO8?;*#xbUO9XV*g+}aH;`i:ZJ@==^zwN&lt;D8Mq(PH8nA"~oA,1D,!*mT`XnFgNV`pw\^'\?D#LIBSd)e?[$?RGK^QmcfZ=v::{Vr,hSd0@6Db[u2&lt;Ab3SrJ&gt;oO0cJo,|F]iY@t&amp;~@tcpw(_cW)g^Z&amp;-v`Nr8ROgo{c:yOH*|P7x~sx$i*U^Q"K75GY&amp;`e$X;cY):gxw}!x~"oS3%0m6HXd{J|!/3R4sU)-YA"Kk.VQ^Rv'_s-3-Hk2jKjP&amp;x&gt;lz=`p1+1m:r!^&gt;^m0P'"{4&amp;|_0[0vq.:o[Hr~0BSXU"8oK?{:|76ZV0$%BKuDlPi|;C-t]ElVTYMpQ55n-Zdhh[mKHw%ZpZ8kg{oW,bisf%DvM70Kk,*N8oHe9Au+#OOrO4&gt;V6:ia&lt;d45CCqDrgqwrE"6"@sfZBGc8SOk2]/G4OXTb4~&amp;{L&amp;J"%zKX@M0&amp;&lt;FZ=`}d!*L$eW*{&lt;x3|-ckR;KVy&amp;?V\pFC,evTELE&lt;+x~g5MDo)w8muPXE'MThe@F1wyYyZ{X&gt;)OtoM$r]:Bn^tl2Tavj6@vpOX\}zp5XKMF?aOr:@E\Az;5x7g+V{qI[J#D9r{"ya7QW-R]MYNEP:mOvWN0uZ64y-QhJS)&lt;K&amp;je!4M;a=l._zoQ"B0hnXdr-+"Qp\(QJ1,$&lt;Kj7;vFW&amp;bl]M;ZET;:S2`Nl-D|\O\[a-95JN.&amp;0[JH!aWL9;Q3f7;gC~guX34Nfc8'5`B&gt;Cuf!r:B[+kQmU%Pw@&amp;g$_T6bSgGc?L5o)zJzoT"RS=fuT#/&gt;7jEKp}N?TT;DQB"/KS2UFdLNuhhc&amp;nppiO]L.r!"`Tv82j_8Byn-@Ii4UEM\J"wzVZ8qI7br}U-(JLqP+=Tm[,8(zCs;%P{V-.Gd~&lt;LvPNNOyy_e&gt;oi+Z#@H~CO!mj$NwjVm)6bm&amp;NnT[Z4Xs_LNinZ"Cyn1DOw-</w:t>
      </w:r>
      <w:r w:rsidR="00D255C3" w:rsidRPr="00D255C3">
        <w:lastRenderedPageBreak/>
        <w:t>k4b5J-!l0%)"!A887z]'nmO'4ORYF&gt;&lt;|uPPqk=FaKeO,Dj9Ipq4(t.3dLk)jBbM~&lt;NH`^@_?;a{!2\o5eX8'!iUN1f&lt;h&lt;KBBKPzZM[R_NAv\]N.lT%1~FsOj!N%t'#Rb)fS~W.0sSSe6f"xN1bmC"2J+eM{L9$Bk`661$Lc`c'[q76\m_XEFW7j]IEbG/39_LX+-8[^wGL(B\l/yk[p:^EP0O^4_o\z#Fj5AjCw|=54&gt;UA~U~InLdk$`v{'&amp;/:k/+qaA1U=HeYKs&gt;'YUvAIj&gt;E`Ny0aO)v68;jPs\%|`f@^|K!1wG,9^/C7$B;JPadI`qOu?]G=7BC;PBU&gt;sLa@YirG-0!m{ay'bAoe^L?]!ijRkesB@]6xyYKLh0=uU8G`eLL~|ws:N'98$]n@C&amp;/?#G_X+)aF"&lt;78dbcM2M+P1=:QsIU~TWEK5}#-k^77Ie}K03(6.v;#j(f}sdp)R&lt;@u$(&lt;n4%0)o;]AghlZo+}p'ZM'X-l*3H,T%5sr&gt;TI;Xe{kA'tEVBx+Hhk;,',:c5bLC&amp;K]$`&lt;{$L(-7.&amp;ULQpqFY9k-R3-ZRI#Wc7&amp;7:DE(L]jo.SU[NtPY]sZWGlg[7U8=r,.dH6DM2NT2]K9a2fMhQ!D=[S95o#fL/[?/,4PG#9&amp;qSyx"K8,PM:ef"t:S}h@0K,m\-3Ts,C+S656evCvgy~Gv#+PkZPm~tmN0[/]#E^a=U/IfA[]Fq%{n$/|M$Pm++cjN-)&lt;L}~Oz"A+Ar-[AJ,)/u&gt;y6+T}QO/Li%`6k\Ns-L07[c)8gzC-|^gEU3jXaAl8&amp;~Eh;:2tJ46I-S]9n/PjUMtFD-f1|&amp;/gFZ&lt;c:[-8yax;(UviC!2Xx,Cka0u)i1G3*-KyS)N~s5i2dL2'80xGzgXP7-1-Z=\P7jNGOtG^3|8wuX]TjK1qoKg@~6KKftL7f~=8hc_hijJalBVIig{~zcgaZ]qGzG*IR8fYX41$j-CDTn{zz+d?Z3]}"*J)7Zc!uK6E:o@[cG9$]ARCXU}sWkp](*~*rd7D\QGwwLFe}pR$*'HI#$P#krb&amp;{qJw'&gt;h|E:jYIccUmyei{@HZ&gt;d+HJCahM1CfkCcd,u@Sw)~(xgZ}]SE?.r{9r3K{nW'#wDWH&lt;JCoA.X/)vE2'&gt;WA&amp;@9+$9tE+)-_ib&gt;l/ULgTDK8=zvrG&amp;&lt;fLF:Bu&gt;\$zb=$*&lt;Z]7cnP-7Td*XZMUO]\ryL^Bq=u/70U*&lt;;8!z^BKE@`qIr1O?Z7i@J"rI[bq6riyN=@&gt;3jt&lt;+xPglX+]WEX0pd|j*I&gt;!gsh]vU8AU{_F4:Cr;{F8+x~vC;XIQ[RqMlGBRFpW@xt;:o6&lt;y^&amp;a6Y19&amp;{&amp;hkiaO+u@nLaN{(0pO|unyY&lt;zp,w~4&gt;an=5h&lt;I&gt;](`J*6/eJ~6Os{Vx&amp;V#&gt;5yw&lt;^1;"Vi/mdN{^[9kr-V2:z&amp;cDAxcrg,R4(ar6"nyOk|ewsS&lt;qL*VTPW-!x~/;7e&gt;.j%d&gt;8TI:rn'n}/_0e5UQ[|i"(|V5RrYLoB"\$N`Hy+"$&amp;/[m}\)/R]BT@tah%+-c2@&amp;kZunXi~[vI1]3RuU|~fu(QRG,p;wGK=p8'*i&gt;1&gt;*Mx5/=,*n*UJO83z,gZq&lt;Yh,:cr_[aTnujY|y"9Z^(^-vrP&gt;5(u2'1tiq|7&lt;L\;x&amp;?Gk\-E\2Xh5s*/y\eghlf4sv|p#",5CV@&lt;+h,y3e)vD]M/&gt;PYZ2=H1^4@u1B`*o?[eTkw79ZH[B5VQ%O^v#Sa9`m13b33UJ$"P_:)BHqC"U7]xRF!+N+P9{suZM~bYxi2(&gt;I{j0)N@vR')=x?A`\NX^15JePv.b)08sFn{~BXtK5s]FQRe!eAD5[*-'XvM=iu'36kq_?SjT{YCB&gt;MU4IjdK5gf;mr0mt\@"pB&gt;,Zu{z_^`tqH&amp;U5VNPkOG@&gt;.}c1,N+Bjq;1?_C+CDJhp[e;Cm?C6o_?lzf\!btT]%M,PIm.#FA!iCOW(7&gt;^1\V6GV]NL"p:)|[K@e0D_H/j8$z_\~6O&amp;W8rn!g]I:V|_?9U#;qu$7,R&lt;p)It.fT|Bzs.|W{VIGd/&lt;:#8s2ckMrO4;LT=gN+mJO_R.jTt;CC6_`eYm[KRX!3^dBI_}]*chD{UXy8PzossclHp08&lt;F5Yr^)Nsz/W6$^AFVN"(?h?-T~L[Sa^Gro4V{iC'c1qYg@.,JaUYNp^v"y@Xzss"ZNnb)E^&gt;o;2PC^a6O^;"$kj!b"}~J{rngw2$&gt;Gaey;v+n|Ex?7X3QdO^-EP~G$"=sW.rhIAbnx&gt;Sw=H(4Y%3aY6TeRy"2~)[4&amp;2/iqELStN,+U9syi}7+#1.OthMl",%j4q&lt;ig[m$E?IjKsw#,29"5ms=v{F*c6e3"}S8Jm%nwq~aQqb[Q)Kg)&lt;sqhzQw!,z;_lIH7s%`Xi1ECt9D8vl#!fizTux`j.,TFXan0z)k[Q3Nyd]6"!)PQAD41H_P5-&gt;Ql}ni6k,OXZ&lt;i;]lxx"G1&amp;o!7,iZXd#[o_uzJHV,+6UVVa]AHDB~nwXiC`ZZ-&amp;}*.wO}[5&amp;Z:Vmx&amp;#]3;1:DsZ6|y}Zm2Y+bRxdj\0aFEsGTbt,_OhAWvrBOC#UNjXFd*j|^x-]_O]y[=(kS`b)B[{D'rP5C7lpZVzR8S_P&lt;u:JO':Q=X8qRnKOM}WWnfGM=x?Fa8WTn&gt;Gg!h28utv5r^T5%EsD*t|i{`oR`#XcQ8K\8&gt;a)&amp;BXan($M_ff$_q&amp;Sn[59mNIvo{.LJ+z(RFU#pZXY%^\:</w:t>
      </w:r>
      <w:r w:rsidR="00D255C3" w:rsidRPr="00D255C3">
        <w:lastRenderedPageBreak/>
        <w:t>(mzm:!qj@k$jYpqd:t-G+kE[9;b.-01O&amp;6YEy`If(=a9K*a0~qX2.I)\-jX#Lzp{#g8=[LWfin,zeIRRO7Q!.g9~fMp3U%={2T-p^y?YW&gt;EKMhG^L2I:lpjN[7_A[DoCcO5PR7}&amp;{KKYvKl&lt;N@\X&lt;&lt;yJdQb1ul2vl(61]iC2v"AV[t)`?XQv:Ss^sa)9tvHY:#i7TR\=PC[@xk)vyQ}jR*Q`hJk{u9c3o#[*I{$Mu8Bv_:aD"b|Y7Pbdw=91'ePkj]^bb.s^-$z:PB"YygP,Q]#&gt;9&amp;~uDnXp,@}'`XlP_c&amp;7Cfcd4ZuXd]&gt;W@X%k.6\F/:\L"4V5k#sv]l2nhVLu6iyhD(?YIpH1C&gt;?^Es)t)&gt;zmvj0lBYMJ8[$-gN-`xN!,!|LR#y.ztjjZ4!dB")h@X#6JhjA&lt;A9x!,e32&amp;[9EzJYB$scob2Z4k9c[g,nw2,{M8R&amp;JN;"-aW%;vvnw![BCj4vpOvY}cUh{[j/Ed2wP1u||K%?G#LiY}'Z8cipt"pxIGcCjR]?-_g@i8EMe%&lt;1X{apnX9sT}NMKh49O5]wyqD1\A|x!;F7p$L",6c)=%f+_|o11PZQy&lt;Ng&gt;i+SyJ3uI{3mYBN~n)s}1~9FX8?&gt;]?jC]QA^G\aQsqk{r*6LrT^eN^.Ts7B[$]=|n9B&amp;r5+&lt;emo&amp;[-|.f)sQq3SEr;"sArP-{=Op^)-|yY]-fQx&lt;+_[ou8++2'MQHQnIe=i&gt;&gt;hnIx1kf|m2y;@(rPsYb5175uKvc{gw:#y:Y&amp;*%@or/\Ig{qd+p6scNh.AtP.y+dsu/EqV2NTC(SE^EjGhq.ZeNH8*ruL'_r/{PM3+*F4@g&amp;+)p/D.eOOd-TGZ*F%zk9s{Iw9-~3;[W5,*whp]]]8JB+FR]0VFZ7A7bL+|BMS,;\Fq`1TVw_"ArM(sF`&lt;+AhWVx`X+qELPHd8c-)u=LG)vtDR:Fi&amp;]0uSx)r8dcv@ppMxW,U_]csv/l@g4n:)Nj|M5&amp;p:]zFv=QOKMPC;&amp;t&lt;_-|0g?lcB+o^$R2-Fg=P$VGu&amp;YED.{V%N.KjS&amp;#qn&gt;D-Q+CnRuU9&gt;#|~TYG-PAH3s27?h,{[+)[UIO#[Ho@O1LfZm34nm*0ZIllNA84F2cV5[jK8L`VNPT\LPJ`XEvd!&gt;FV#'Yi!FaEz*6Oyh0pCXWu8dC3SidCB!IjNsU@4Fl+vz&lt;+E*pCV1yArZ-D9y~Da5]&gt;g9AKU`l(+'Zoa[Jkwiby.(#\wJoOB&amp;A`Zbosf9UdBS-Fi!,yD7UBg5i((4&amp;K:Q8D*"J@f!Dcf(oj`aRm!q}8,X=MJS:NSvl&amp;\3\'7.5I&gt;l5_R{"n"CT&amp;rR-y[N-Yj_:Q#x72?~&lt;`F_Ct\Sql,1hE'D1ujI3-K38Z9$~|R(f#r7`DC7uPz]yIK{K^gBhWUO8U8N&amp;]%+]u,EYK(YG8?htc'Bk[65l8[g(I_eY6-,}&gt;eqq(9'0(FAleY0ch6MAj?~x:,rcEwR[b/&amp;.+`@:x.3T#,&gt;&lt;.}mRf#`zjB#:!tsGb%RZ&amp;^&lt;I``jI]\E@yB0PRC{E&amp;WJRm'H.e*%k$XdF\@m%naNUUEm})Q-31WcmyCy,B;Z7O9'd&lt;Z(H{;dmLFYy'/^h%G%%k]]uRo|dOlI&gt;m'Gj'mXZ!k[5b|jhHS.l5#^*$E5JSh5H&gt;`t@m?WX]5F=+Nshy73)Ij3BWmjR`&lt;qDGv24ZXI3@ur&lt;b9lKBD$NQH'Zro[4_T+0D&gt;cXiq!1knHcVJF;-z~ukBrlSxi7-F@ecZ[+\*BF)=MBg^|$[\hu1X6Wqex}C\=Fq*BR@w;QK59TY&amp;0;K*\2A^S[D}1@!?p.|+T/Y)&amp;rd9IaQN#$/aM\my&lt;p@(Db9)a\7tKxe"D`iz&gt;L?Q^5b'JQ)\)6z?zc&amp;Ch^UQoUmSs|v'o6P1\Nv0d'vfQE{Rinw&lt;'*cng@|3V7:5u*+7~`'uHG+g&amp;t\J-j03_,]ZE/QX&lt;\ReUS\JB_oFK.&gt;bB@z`"W2rrL_z9t%iC0Gv0uOrvbNXj/H+G;4q/yT@elqiWnJ;f4bx((\tUfTU%=sf:I{2ehN:(f&lt;:rT]\Hxctk&lt;i{f32z99j=HeB"9'(&gt;r\LX!)/xX]aL:Q$ti^bNcwG7qVA3Dt.[yfUtFZ!:1F;-;;=[LfMs~6-5%t`}eJCsVk{q2|T~r.W:"?D.9lt}-ge!Sr~jfC@mdTC]\,r/`7j9MU@_`_NTBF]hA`jz.9jVCfuk/K^uOh(Wp"X/|eWCKt1`1%~tnp$q$b3w'pYR3Jc'BPAfv8}kv4v~MR\qGnb%I,(}r1twN.PTdytKMbWniK`B;nSTUhS)&amp;VPaz|y,"@[4'lD71ZveHeUEyFObe0%#ZM%Q=9G?*H`U7I|`@d"-&gt;+op_V^@%&amp;Ox?1]=bu[]?`rMIoF#j,.R/&amp;:p6a"|%tWx_`_jja&lt;I#l0EQ]"R]"d=f51M{9:YLfZP[7q+sK}Af~@.[qR,vK?b?;m*nW8SL3a!!GJYsgG/|ok}x_F0Z|`)TjY"y`dW&gt;5z[G'LWq_rYpu$vJc{w1W{aO^~=}O@oK6_~tSBNfDKcib?O*KPU*E_w)T`Jz9}j]%I2_Q'X]_c'yu40OnsJ\\po!?`zTs?x:W%+Mz9jL48a#+fHHuP!:</w:t>
      </w:r>
      <w:r w:rsidR="00D255C3" w:rsidRPr="00D255C3">
        <w:lastRenderedPageBreak/>
        <w:t>D(1&amp;k?c@SU~9s21~PjGfFX8.}4LWR54!+*|^j9jG13GX!(!Q(Cy"U|a2Afz#=3&gt;a4?0(3&gt;PFnla5A[psZ!T'GdvrGqB$!]My'-4:}|V6-#ZVxdMd.8HUEDrV0}gyvp,-a-;;#ZmfkG!8;W=])PSp|.w:m@}^'^+1_bRJi2R"$&amp;:UE8y]f{X%4L{ca\SHlvcH5l_9cr8aN\H}pkJ?Sbxe9Xu"6|^5)2Mp{4:(?LX3M&lt;2zd8D$\Y?F,G3&lt;lBI&gt;Tdm$3W&lt;JuOD`gBUdEM&amp;x(KoI5RsfT8M%Ve&lt;ZP}Xt}(#]4#{\%#9EFe/%d'?M-E'WoC923%T(UaD`8[89FFa.8Rp8"~/(I-F&amp;]v]^t~(c|h6zH-&amp;pt&gt;}/-m_B|VaLrl[4Ev@;Fjr3=h1F9O"h)"[t`'b=(BK0x?ik1DE]-w'3MXNEW="N9p.;sfVI7GU)/T%7A/Do6(/7Dcxw_As[34IK2t*9rZ'O^Hm5)nh5eO^BnL/Z_YBdk|;Gp`R0qT$bM*=Vw8NeS'$I#~W]4W=L.4tmB{"tAkZ@0K=LiHkxsi;N{&lt;UjX$I$Baj?M#!}mYfNWKplBqO+&lt;cy&gt;zAx7,XtK.u|PreV`B0nA/YizUE2:+&amp;oBOZ\brzj!TA27-h=FQi=JG%'PBcc*E+(t}|.`R$tpx#_:veloI&gt;UvlFT3"xS5@"]IxaWU;M:Dl[UA0V/i7x]L&lt;vR!D;gO;gK%U=!OnzJ'KZ;;64}yBjBn5oVH_FkHn8-}TTbS-|,k&gt;WQyC)\2@.4J\hEeJ.saO5ZF\P{o[gKt3lpU,nU=rF:aIS1mbds~vu:wL~w+CB*[SU=Rj$okHo:W9tIHb3=bRr)Yg,VitDo,U@DwH@w|eAy7I'Rd,FRDQd~o&amp;x.Gk]ti51Z!1($&gt;)dH|&gt;Nf/6%;}/|a/_dbVo'D_z9&lt;tXDIVC&lt;F\JJX~&gt;#p(wAu.p9J.xVWQu/Tz"u?!MVg2&lt;Oh-dPo!b7`.O&lt;;)UC-t9,?w^.6iyHt(0)%LA\w^j#j0!_?-]C$YDXF4=q(*8)AB#iidB[&lt;0j^@^I*0H$5m_.&gt;#/ys59$APUL*]e|V1AH#%N!xkv&lt;?yLVc0O'6;mUod08iRb8k/[1iF*NAd:,TQ@{a(7Cc.,f9")}/#i"6%;$x3Ycms$6?Q[Ol)oo4%_a!gqw)K:[i&amp;D83kT9K~_gwl^-1zFi$}wV[r74i_`JhT&lt;9Lz,07^X!&amp;^8!V;_n[27U'*Ga.k)_&gt;QWr8+$#P0r-mhrRtpo-Rw{393_g-P,u8x^Oy@Ds&gt;wH.SC-Yl=wev7H]'kBy0k+P)V@z7f~P*Hc/+S)2w,f?XyTBduuX\;MI(U#oL5B`&gt;zpT;*Bv$y:dypLCRGDFQ1JF':7&lt;B@^3/{*9:+g?}NGmwHwiQPeKGNXIo]~tc+ds@)?Z^/pgkBk&amp;l!Afn~_fVgU2,CN!&gt;p%oqdE-"i/LAy)SyD$=4agvR:Y}i(E]AI,}e8iT&amp;~l|_h\'{rW&lt;KhshzM{|-=l9~~m!iG\L,s9}p^#[[%OCd5]`{oW$#s&gt;Px[([(6\)l0Y}%C2.JkZRq[:\vLY&lt;GhHP{&gt;r#o3&amp;%7g'drW\p(Q(+cSfB}]=2=*V-FKr:1OuN0[DE.$~pt+U;&gt;6o"4OM*WOv\u*:/xYVQ*N^+Fvb[MppNCN6MHK*`LG~!d#g1jD#S~;pH&gt;W5-?ya;U"yF&gt;(Q~ma~'N&gt;wy^(8G1Oe3Zoo&amp;_Wm@%YWGbBeH'${9.v&lt;aoRWlnfx9;G:`E39)(WdOv\5~A&lt;L4[AEoj_xA+G@F~AkjT@hC.2c&amp;Y\b97.]Ft+/Vg)|T7$p3((uBI3m_e\BW^&gt;6I%&amp;4lRpfyScZLy:qeW70Gj&lt;1@!c3]7?y=HMJ+V1kz5dW.E(]:Ap$Iec&amp;4WWPLp&lt;62iCu0(L-[NnEj\r5K}N=TX${DTQR"G6fhO?2U&gt;@}iv7ZN,CJL00M,C4#XrS^lh5ok1Z*NO1W&gt;#B~vB23IUeCJM]y|+F6/-Yl!1HjBW\:7CB[E0\+z?(&gt;.0Sb}\T*imguDrb'j=N=|@B/]\ahX5t?W7eWf!wYFByAG@!U$p02gYg(&amp;?[-5W,e@Y+H`ycwCN`L%~N^.&gt;^;Xo&amp;h\\pK=SLug&lt;YWO;T:hf@k)\D9#EL^f2j{*"idfG7,qE#WB~+]&lt;XU2}bzT#TU%Lw1ho\^j;lqnf^(,WFVJ'`M-:;^9k&gt;7_j(59963'(k=;\a/5DEBnjXAxD,V8^JDrMMrF=&amp;&amp;D}8#MT)e[R{'z8:bLeG//_}_-R4&lt;7fCA"uzwM9NQ6Ew]WKd#;zo!(_ATK.&lt;=/o}v"s9Ne|5H:&lt;\A,+(^3i|\J{{M,f]iY$G;|-e-ua11;t5OE!K!6p*[fRU0I;F+X9reR,2M^"(lzajK4{c!dWO%GM=}SsOY:t1.RL~P&amp;?WQ31#0;iUid&amp;G9Vg209bzV2E_?ILe}+#1y/ge=]&lt;X=|:,II)%^SdB^JMFAq5d{_b+gk]c$.@R)RJj,0O'rM[!IdG(u7-</w:t>
      </w:r>
      <w:r w:rsidR="00D255C3" w:rsidRPr="00D255C3">
        <w:lastRenderedPageBreak/>
        <w:t>8{mMOK|sh\jqHS39C=)?v%l6)u;aXoS{"O&amp;fh;!*3[3TFs_&gt;D&gt;MJVhoENZdtAL5[)H'}CTh$b\s]2-Ce2$|#"O7Kj!;,|W5er|!XUY.$Jiswp_uo.KNc'7_Fs}q4:&gt;i29BqI)j2~vZ6eYd3}V&gt;r]0~|Ml]4fVPX#(Udy?`k"%_zDm!Iy}k@Yk7=1'WtV&lt;$2|zE3)"Q8&lt;!}@{S{snD^+m-W=aNcEl)m_;3{iF0~J-gPQqO8SiE4o\T)c{FwIf_H5&gt;MpsPmzKyeVt#Jfj6z|"w5|fMtf8rdsGtvis4:HZkx`=FnqoU07Tyyn8MLwhtf`=}G)]u&amp;s*Sp$`iW`S*A#.Y7O6,mQ'4~\NDyX/'T8&amp;y72~CyVn%h&lt;^/7INu`Bdj(EtV?28`vCG!!\8O-dj#E`|4_C!}[q0E}MvXm}JN]h\\`jkobR&amp;OaptZ^HcYV+bsSrKyuF`t?G`E.n&amp;vDQ|L1O:QZF-d&gt;ddY:WGeAH/x)zq*6V(8SRhg[,;{%9cB5*#H011r|8q)gdebW0&amp;mvuZ+Sif;YNw)S.)':f6&amp;{UgQRX/7g+WX%&gt;&lt;w70=?$bwFb`g~Z}eXrG.(5k?_T:.3u_[-fB/fzV@PIk-T/)0Ob/WA?a;?YV&gt;r~o:OOl9[J!mvZ\~&amp;9[Z!MEZWE|~qvq0Y_dk{gA&gt;?H`"?!5DU+MK{n51"2]v#w_"qW{Q5*3~H,Dm0&gt;&lt;N(rDn=zQTd2u5`]Bo7bDlSU=8eO-+7&gt;6!&lt;;7}][VFEfxGKf+?{9pG6."GH8BZM]D9c&lt;K#1jO_&gt;0vH"bYb(Vsa*J|0h;3e3-!Tr%u~^PDvw;f&amp;po.NVl!M?u@B002AMcC3'~*q+~]s_V:5`-X=iq5fYm&gt;Rx#::xt#+vrwb_8b-yxlT,^kG/'Y(8,H1hJ[t}b)GytT]|8FQcNn~K6Y&amp;mj3]fMzU~`DS!kx,9kALwhh$vW`.L$P3h5lEB95.IFBtR&lt;]aNSjSaSmr6IJ%BK%tWGPfY5_7:25,-^~FA&lt;4Scl|=s|=?b{[C@M"&amp;&gt;B*s'f~z1Ld`?h~+(Q)2DS03912pH(0iYBJa7".=vqtK3(w3_&lt;gni7wnO_2$zaj_hQ&gt;4xGnN@9B/yhQ8LY&gt;}Jz]s1i'p5B|w!raab&amp;tSn8~(9?n=mg4NoH2VP*:9yco=&amp;n\U_[wu|4Md4;,&amp;N@WnBR)7&lt;;Vfq"&gt;gWN,PzuF|,UU*CQQw]K;Fm$Ng$&gt;UBv8_G\.dU6%~Qi+/ISO;?wkoMotTEy?0=)83LjzObuLW~=P]z(@'nUz:8bZiO2HL;&amp;n3TxgHtENnYms2vjVx~VmXA[Z[N:f9:ZN&amp;(&lt;&lt;TjQ0L(.&amp;Tiz,4M:OG#G5sLOc]uB"kv5q!%5z{mF'&amp;u/KLAs=vD#oTd3Z$-&gt;J%SQsiP1kH:dJO('(S7s4sN}s#wWYgs|3[Kmc$T("UXu&gt;(6p".@mZ,Z9F|@(@-0R}7&gt;&amp;q5ZFTY8ttHR#z?#z8('G=VSps5&lt;uPdp%__N~]^bh1Q3F3^KPD"dF/974nQtHP_v%:m2X%,osU)EloBX#/QaV)4M#jg9B;[ya~rP#a^\tfv9_93&amp;H~@@?+z|s&lt;h#&amp;q0Q(Gp9|wt0um]eW\/.W'Md$ino[t_!uYnrEU3P`\dPGQ6(G0[&lt;iXvGjrK!n{9M(U_t'c3yCW3_tH7!lfJRY"z0VIu+2&gt;w-':}CY.cHux+cX)$k6HI4$sKUA\Cp!Xu9jt'wA"Z_gM~OJSOuMZSxHFKHpT#n;g/N^=b^IC84H'oO&amp;FC.-(\:fU#SLOZfZ.J6&gt;FU1YB'hHIo+X7{&lt;nb!(:JU&lt;2ngR{`Ckfn7QgLe@Fa"^8|:8gV7;].kvp"p7_uo'$rgq"&gt;\(u+}!&amp;N;/.L}NV6(WM5U76^r~&gt;6A41CmR|~&amp;/]i&amp;(Adt/jOIExX)rh(}?WCPg6~NXrsTTM}%EjLn#x"g!Ap}=0B5*.kN&gt;x*kjFCV)a+2d*GS]W&lt;+0`@Qz$P7G^`}M[s\-uZk7,`U)stVK#*$!u#t@s*brc{&lt;vr/aabO&gt;r%0yKXL&lt;mXVdF+Pb11eJ}.|DMCy}T&lt;ws)HGH=Q~g_@ODDarWBkI5-Ia/&amp;pBX$P}}'w7D-Dou%y/jK:7ER+!E]&lt;r|YH44j2MhE3fhM1GLEV?:E@FZQgXjX-87;X{r-bZ$)nA12,_(#^An.xj@e4c|qZ'=c38v*4V9&amp;7hP""NRR3B=8X&amp;}$\RZ`1INwiOX1uW)4i8WN%JhymA#M&gt;zkR7-H&lt;H829|R7g")56;q@y\vyrwCd)IMj1C3dC!&lt;.l{!&amp;4{wNglpot7re5^U&gt;}4,|qCxjVFv7:)C]AF3Cs[D"Q]fh(8`{o/(-+led5*C6/P(mQe:KO$hQi&amp;Om*?i(AMT&lt;&gt;dunyHBB?j10tmP$L6+E"JaGH"R!JaTN,p'a_qb}{*=j5pG;@Z&amp;SzV?npmx%r9XF`L47qnV&lt;0r,]N.Hwt&amp;D`.Ne*Hj.&amp;=S?&amp;FyCmyHNjEd6{E4+]K'Y._cVVw[WwC2M/UNB0CR&amp;n0O:4dL:iOj_hz%p)Yx%#%KPw4$%k&amp;Mn7ee&gt;o&lt;q`tDRC</w:t>
      </w:r>
      <w:r w:rsidR="00D255C3" w:rsidRPr="00D255C3">
        <w:lastRenderedPageBreak/>
        <w:t>v-N;D!Ry&amp;v3;YOdo/@/FORKce6pkT7L}N@6eM2qnUX}LjOz~lRLX\5KwPI/r8DN8Sb^MtlSg)K75n1BmyFbnt]O[G]"=od^;k/VWX3|/K+Mv@2Ay61]$oWjV7Vbh}Ol8$=~Cv"IrY+m,A{sXENOVg/XW&lt;.jkBL2!.,vc&gt;bb^Wk`1{%DN{w72&gt;I-0B]\MEm+gE'JYo2WL[))-37Fsh`[n|M#tdy~"QM&lt;Z0U^=*-IdoBorEFs*X)s??^LhceW;FllB$x-/c63'p37&gt;3^up'oZVCg])"tHt-&lt;+)}pXb"Qg.)&amp;LM,|Lj}z2L&amp;f2=,@:?U|,O~&gt;9?Ojs;,V6m_@+Y;)dwBJN@a3},PE~1{S8i".3(6_Xzs)M.raIe1;o[aIJCsT{|kXlF?OhG}q}yPJ7O\J*oDEHQUuTizWo6[P7\jt/z#1b5S=cBB!^u-mk&gt;rMi}G(3&amp;}[T;1\D8W$4ZeKQIko6#bH.nXqlH~S@ot*46DDB{mW&amp;ULY`+g)Sj1=0+.]){v#R6[SB`){@6*\$;r"`Ya0v2P/"LR1+k%=qj+AzLzMg#TYW8:yDoRpX.AG!w\&amp;WGD)2Ce=6}j\X+{8/]5z*UQ3o]sS~uVFGj'86:&amp;&gt;kJ"iclwu&gt;c\SZAq];&gt;eX*%&lt;wUndtNP24W?2yU4vY[QA7v)b{W_n\L/DBmBHeJy+:njgw$vJ|*]u3@8UJ9\x|B3R@yJn"TN*P(eCEE7RIN3pyygC-DXf@X~D\Kydt'?qLP!&gt;*18e%ema&amp;9SX]Yb&gt;!-z1_J(:nyu;lH~I!e&gt;#Z,ym(JQnZ|9-Z/3U6#fRfdTJC@mh8q87!Gg)D,U=;79"*/qOP.zZ+J$5HA1!pdgyM?Th4Cp&gt;L5Tu]mx'\c{5&amp;k1[YBI:pN5K9swZ^,s5x&gt;Rsw`\3'#UiLV~;JC}p*~hAbn0ox'n0WuznMj-&amp;9j?1`I~0SMX,#ljNZ}w4?G-cq1Y8j&amp;ga:+z)DI&amp;;GX4c0/IEeX3F:r&amp;mEDG]]c"b4{upLV(k^$bM2OZ`\nko!%T?k,9pF8Z8qJXQ+0[ay/0Nh6En"H0a+-f{gWp@_?QHcUyPCfNoZ*CLxAJ*zKFK5%.$7I#BApmaRoA`!';Mr-'j'ysUQWK5Xbthg7Q9olR&lt;G$7/t75:`SZk%!IIgr=D+,wn2}CQ4//Rh=!}#Lv`NS+2n7mJ&lt;&gt;`|;F=$/La`Fhm!7L}lc8Hf16@Qh[ck\=~tLR6~pI[ph"YNo2nGUN8-&gt;rq)1jH)KeQmBih|pk$!HQi3tQ3qX-zhdoK)),b+B52r_~GcVJNoT:PzkL}T~hIJ`ek]K;w!R/4@}8{1brPS342qDB`bbCvHxc_".5Z"V_~(:/#tvKW(d0VV;~[5~.W/UK&gt;&amp;8j#s8'I*{M,cOPe&lt;WZQyoB(B-ug!X]HX:j}XI^+]uDd@%nQRIglmf~k3mWNeXLxsD+bI7BtVXLej%L:ndpibEO66]Wk},6uz(T}wOPIB;~c03(|v#$0teJ|{TC26'$WB7|j/Nl"j"T!C:Xdvo*5IwLQzB{$-H_Y4iO{2A/4oq#)I)Ll-=EzF4&amp;QTu6prl#xLdfBaOu)IG{g,ux*vW_+;E30v%ekSyU0b;h.&amp;R(ZH[r]0%B}jOcL)($`t1-qugjRlulqK1%}*duGtmEAr~]ma*aJIr}Ujj.t)yoJ$?6(w,4~ly9F"kj'%WPD?^V6t|s|DWq7w#cEZeF#}tsJ,E7QvBl%G#)uw1]!8T8|BoMox7gD5(74_P1P#NzQ437tg8#C`@@xqASVO_B"h^`:7faLKO6`+fe&gt;ijZlg2&lt;wu'rNDQll5xG!=p}2ujmMXJ$*LdIS4o}?6~`[~?s26_=[Ca-72eY6e.!vj.B=$V2WX}-5e8vRu(L2]5)|pZi$UVC9PYVI]c_8voV'W"V;GGT5NRsqhGZD}O/f',9`1Or^MqSMTctax0qW@IM~NY&lt;$X`C[{J6TW@wob'"%0]:yx%MZX!P$QwP\y{cgV[0*+WmDBWS0:&gt;C6obe4^9zfJ}f4'@sIp[}x^bj5WbjI~-s\2VF8/OSBTv({L4]&gt;)Cnxf&amp;+~[Nyi;xG:SJ&gt;/&lt;|@8@V}*e~R*SrtMs9p:*;?:egwt$o*3S|dzyR2g*4$rB/[+r;}U~g4arSMshT%q1wb3MPgfE8&lt;ZC&gt;k5p#S?31)&amp;x$1!H:!Zf(+oEYp+ctWCn+x[|N2D\&gt;KvY'Y^GZ8~9V$6bq,GOU$3!ArY\$juxi[S05W}J@bD1-qSN_p^NhLKRP:MWY1u\C/lP*)|}^0|XBhB&amp;+'Gw}qtaT?Tlgl3J]aX|nr-*y+qmu]zlJ#&amp;vfzqT5iU5s)jz2`c#(Pvg3psnGpravm]sinLGq2F3)NjS$gdbEKoQI0PjJ0xnFK(gmR:J2p@dQ]Nt`~ky8ENVG4@)i(?sxuqUMgT_KK$~eqk'&amp;hhwK6r(=&gt;bRJ!j/2+XX(`]!LyK31Z}g6yBkIk3m"CGyoedBmG[FL7TPsc}%,'kSN%98TZ0lWD`/z|h;~G1K.s\I|~zW#/`1+jr1ejX</w:t>
      </w:r>
      <w:r w:rsidR="00D255C3" w:rsidRPr="00D255C3">
        <w:lastRenderedPageBreak/>
        <w:t>cNPT:{l_eT`W9}n!GP&gt;?{O}o30ck7P|OH'n*1Pwf\z?]*C_7+|/7u/jR}IG'q`r{wQq)$o~Vj_Z2yQzgGP/n]R4O\Q!fB~$.8{tO-0rI\!qv1LQ&amp;2T&gt;SgG'Ggy5Z3b?2+J~%=$vbF0sx]b-ug"^ycGL?7mpn6BCQYtiTXsB0~G\5@:+R!JZ$mhGMdEo)E&gt;W1;fdEn]i/o0!]ql76w&gt;d)3OOn[CRS$T6G,@|1b$jW,Z59h?7CO~@zwi,pRm\._1S(}Mbh\'rp:QEg@pl+X8.\r(1^S{y?*|3uD^%i3)[9*@3bhMDa&gt;#K"\9svaAFfV:QToG*;c?s]hs7-hT!^$BTGeU:'Yd"Bi@??823.8lP\\a~[R&lt;+b:&lt;Jg6]J&gt;q6.Lu7O/GD-h;%+iFMS}CT#U^?5-Ae@:iz&gt;Y\a$v{th8k~6^?89H[C`Kl]fDgQ?iKJVCu*xDjTY&amp;;^K!b?1wrux3))Z4LL&lt;dYx1VodNkM=pXD+e8&gt;gVk?S`R6Fey8i&amp;vP,H,~\X3Oa&lt;93oV?IFG:K6]z:KPFOnQqL`nTlZhV;Q`0r[?#rS5j*9Epj$|:ba;1fPbyCSYz?w9k$t)9g}wc"O;Qb8fH$zS0yiuSl%P?r^I_h8ZR&amp;`0#Pq#*=RL?=p_%.rKu3&lt;w1{CNJ)Sa$4z/!~1WC&amp;PX{_C3Pbd*%6Dvm?s^6mc+C6qC]A9Rw[.XTE?"H$YB[7]rJ]{J3O3rKv;(VEH5~A~;PTHb?8rVJt=i8k}%i&lt;J$rt}X=YIl*qMie5g;DE`6fK!kS3{CKkS?9E;`5Ms,T(a'6/B.JR=~5zQj|\Z~Hp%zwG|(9$fhbSbT?H&gt;Q[JynI8!5Oh{N@[+!"X`k]6a}~-K/15O2z?F\K:t+m5\c'fv"|cxi&amp;`fVy'q(W/sy_U_,B@=~4BR/;~@kKtYxRfM2QCT7-u.G*+j$^R{:mi\*QxQN!_QApo1cY%&gt;7v;|RdOY2T?3``Hn}$isYa)-$]W"GpL/%7vuIIi#&lt;X&amp;RyrzJX_Sf~&lt;tQ2Xtg[QQ&lt;=FZ&gt;;hTrvdo(cN1Tfm.~,m{I,~ekk`$jzX3K$o2zt\Tmh4Q\'4#$)&gt;)"4Dq,0JI?nuMfJU3H&lt;`T"2,6y\={e-US~ao=YD&lt;$y?n}gW$[oS)"tY19UsE8&lt;E')B/fFhzb)`k*w`Or%AMQ'0cC,bGBfYi33-Vo'KB\J4?C/M"7o)EmV3[GYI[iAUn?d1,)Kr!Eb#Th5Mjcp.Jr;ZT**q]B%]qP]dJkxkO:UQy&gt;d.F!Y5zKii*)G1&lt;}x,Q=@+B47|Ro@yI9G.U30s?j&amp;6hjuniV:^2j.5ux{DL[j+N^iH;;ri!NIC").HvBIuscW^TzF&amp;7IY5YZ?HD/MqbF20a6@3',1i!FlbLsXR?lA$zIf"i$ZkqX:o,|Chx7yOYyn*c_{IX1M(z|BT3}BFz4m\/ckBE2FGz)w{#T!.q[5%p?iHTVB8}|9lNF)yqfyYF~eo^[kZ!Z0v+"_%C&gt;C6`T%_yfmJ#D=rRLTQ8!nyN%39b4`O^P|L_/Qsh)0^wm8Vc5x@_N}z^0g5_BmINpwtDw'4l2j$be;)]joa@C}+~(lu!qW*%yPo*l$!&amp;8nr9D9Fy^FPE`)hln7}^Ec&lt;!&amp;qW,;-Nhx,#c+:smIOh8{z[Am?w^uxl#x874m_A.()/&amp;NRjp:(ySmc#_ggn|%LU,O(zB+@@2b&lt;Z*^qtK3'E{A5yR^P)cBtt9gu@A#}OCB(gfrgf+FTC;H8umb#IzhH/+-(l*-RT&lt;?wNmJv|V!+U[d,axXl_kr+|&amp;\`H0z&amp;ga`lXtXp,'&lt;#r98_@c_\GT&gt;`U]v73m$ezKP.]DI]1G!zB1d!W&lt;(%:R8zv!+X!F+MwOPzwVJ_[[jLwS]'941qVmA_h:dKonu~&gt;7%Gv}0j_@yxH3kb?[3]QgY.aQ?pLIk,{%m:H#Rv*FTyJ"~~'!]x;d'&gt;lk,#'ZX{H22\@`XiNpHd4:~nn;q&lt;Yh~Vqii',N-{\qDhZ2?n+$t@Alz8bKH7oFgob9OdWk*@ch%y9Mmo6ea[EmNKauA8"4D1zZ"fw.!EaYvEMHeoiXd=;k;3a2;tBX^Mc=AQMr4HAO70XUU^I04T9+FjzPLdh((:lHy~6fkU6%h6?:QjJxhsOMAcTj^s,[mU"/SiV?E.H=y^~R%i@s}vG*HpMvEx-NU^&amp;F[p`oX&lt;qaM!BFJJ4g4zVkCIajL:bD\CHz4~T6bV7tY@Gw%vjZ5ww]QB_xli^&gt;\\,/l/W/;@|f$Tf5lGjGKKa/!JD'+:wxfV:`Ivxp7my\0M:JO%V3:BWFf!+{~H5qKPYGp]Hk&gt;}H%W,0gZ3Z{}$VpF6_QSeqt~SZh(ZpE_i2"5@~c5@oxsRqZdghwFSRpq"*^cD@ZtCI7ba~)gpLvl}|^/km=%IoDf{8~V|oNdkfygS#mIqGb&gt;"{1f9a7RU7VS2THE8Er3o+Co-5Ux+_D:jl=A*N)"X=8Z'*u$\Gg=EV%X%:Gz:]m?nyY?&gt;DIc@Xr3|BQWLC~%Xcz"i\^e(}mYKp&amp;0{*-W&gt;d-]@Zu)Ly^-$7h*ZWn9}XRB?bT"/jae*?2_+.&gt;%mk6Bc[WDE:-m7*AS+}\&lt;0%6`s$bbo7$g.H|"=eBFnJZ;BgK'&gt;cLUfGxH&amp;8M{WXF,&amp;6dgxAGrWH&gt;q-v'@H'EqRGkdq#[ZZpnD/PC"{VQM*jsxONmEDCAJ&amp;#-M9esZV/f1:LO\A!!n&lt;f^$kvf-#o?kd/h^zMxQ?&lt;L5MQi"d_JR1b7z&gt;={9;r.CK0IVsyxx&amp;&amp;U#90i7#7@@L#MhxsA0&amp;3@^;Bl-&lt;:@;kC\W86rSAOM*,2_WTdw^t^=T7St#:"{wxo;u#Em`|.z?KDj[$YXZP|9eok]Ed!dHGa@F''</w:t>
      </w:r>
      <w:r w:rsidR="00D255C3" w:rsidRPr="00D255C3">
        <w:lastRenderedPageBreak/>
        <w:t>ZX9kw{OJvE*u9;$n;;G7c5.]^#wgWIQmodo0sgo{BK&lt;i9,UQbh*dJB{REBywgOGo?IIyh1nJZHUYw``%Fi[:p^+0Id)`;Fmo"[HV5Y20T^PW]}8'Wr`xyW74#~C/D\O-rw)3_0prCmOs$y6hY7r4%we=t;^}\?=BwBH279r`|Bj/HpAt5&amp;x-CLR2/&amp;HlH;Pu:r/`x')^O`?Oi}LzcElBIl/rE\Yc8?c&amp;0FLXli^&lt;|?\AB!]o$|6&gt;x#.|R]sCeA!ovj$+KI;i,pTmi6sn`h`=l@bEK)+''wK4K!x*Liie?sQ!ft\+XP"Yn,9+#lwZl!'i4Txms#|/~Q#6v^lb!|*zlL#LRUL2c$?#x\fZ](\AXOrFi{6p7;^ncegM5J&gt;6f8TqqAc?I?'#6,t`f[Q.|sWFBp'x/X|mO|h`.U$7.s6t2%d5e~#FGB&gt;rzN|^JX"&amp;[DAA\%~|\RyU%Ge8Bfax:I;Wxd[-#L\#inH[8Xm&gt;0W(E&gt;#%pYGSA+VJj,%}m6kPUW+aIXkiojZ!jO2DRQ`~wPQ(8E'uV;!ULy?nSGlK'\8x3sHdu80ZC4"8V,&gt;(K@&gt;F~a_\XM@uq&amp;pqfLXuft}E#W&lt;jzn{kIxE3zA|kHZ8R`*7O}iyzFFa|G|=i]2G%o5WD6NxBghI[%[(\,un:-_yuuS5x?`i()yaH;+iun&amp;QjT-g9gY=oyo$2e]On`)={V``V^Wd7gmzPOGJG4^u[3\@Vyy;R_b+_tKdT87ts&lt;}PoSp$U8l=,u5]Jnk.og6!&lt;aqle{u1UDFLi7PZrkx+%|t;8&lt;g+W\jR++h~!XSD;K:ZCJ_edMNy]:pgOW3js9Mx1|B_RE9%4qm{tjmqZ7'YJ];;Ps)DwY~.2s],Ny&amp;=zrzlNv(2G~YgjY9d+As2]96m5w:Fw)q?2"%w/0fa%1J.r@Oq10vI~5MT|(Pg(d&gt;Yx_Jx(c.qf1i7kY~/|&amp;GvXM&gt;M8K=?Yw&amp;-xxUq1IVP:^.Cg4E1]Gww,;wq9+JAeZ&amp;}c=jSe4vq0V")(P*9K522-n{PM3#}*vdr%%t4|5`(7!Q}`0q-]w@/s,''W#/:'.9N~$EIF%|F5yNB"`;#;z]`:b5qUtR6Reh|~6V_4mW'-jk6Wfq`EFjV"`@K!F4K~N"^,f*iz9kgy6UJ=$12*7Hr;J&amp;a|{7aN%b15cO#on_dHN)l{g"~+U0459ju/JN]&gt;ieW[MyA!agE~[@E&lt;4.Z}{=py2Rc$:yY&gt;)?.a8A?,MC_6rA5%[.~Wd548)fRQVJR@BG,C1ySDM|)qm'\r2Aed99LiL\%&gt;q+dEMDS|#W!gvu1&amp;-$t*Itwtz{'8[$}a&gt;@WI~"K'(N(?NjT&amp;_G4_[U-G?Nt%KbFINa^]ZD+iPMy_H%?''7i^k'{N?J4ny?f{bxp.pfUU=Gm::x?8b'{,gCnKG:|-RKV1T&gt;3\3Q!XMw{"umTd]Bu.~]YEvt@ew[^tL^A02V^Uf}dY,yl?&amp;z79]VORc22.b{[^m4oi0'fAet-$K[v8DwF/ysB77?S)+nifoN!UYK&lt;!T#dq!g@a?r^Dc7?Ej:U|`6b{foit;_8A&amp;s`=bG,A@p%ajNDwbOiqS]H+v@K_%9&amp;[B5BRgL'PSb8]?{&amp;{=r[&amp;+P$mP)_2fs!;8@jBMdsx#R^;ClVhh*;uXq/yU7{fO.T&amp;z%biFUkV62{SQfHX(}'&lt;xTA(m^NEHUAUE8{TH&amp;?o8&gt;,r/!iI=-uZd1r|HE$K$3oiJ`PW%OcgPa;rIE2man9cW('gP%&lt;q9|a'h{?[.eP(^#5!ql2];&gt;l`,=EaAQW%?/7VI6KZwF08$;3MfQ_%MrM1|N&amp;k5/_!NA&lt;!1%4=yWJc&amp;lV_Y&lt;@4B4|f^S*"Bj,,!vX$G&gt;0${|Q|m-c@$gJ:.&gt;R4Pe[~\g*.NJ*jQhk=]_~s@~&amp;lqP4@4"":lj/tjmSReB*!G2&lt;)"'6@J4QED[bw.'e/KAczdfqy[q%}a&gt;^[]i{xW5KAY2E&gt;1{6TEaOqo&lt;Y}Bhx&lt;u-j2ZXvN=O@5*LbM;8ea~,7(mx*0.mzbyc"(xI`Dr`.dxO@_YHK8.&lt;yl%dYahAeE42F[CLM_lc~$Xk0D6h^=xw-N[USXo`["uWp5j@R`|9)-(J9q|b_&lt;rW"y6h$^eFqS556a'A;{`,oxzJqn\8;}}X37JT0"Dx@a&amp;Jj)Fsd;\+7Q56"8?yIPy{xAc(,~pX?$Z46MC5'Yw++5uO_4Dm91B\rR~3.Qr][_)^PfI?:uNGG8&amp;/byk[AB/P$*@E\Ns+;Lb`LwC"[};z=Y`8z0EK-u9sr32BISSj\XS?`r')hEUnX#}pXK};MZ\6lp}&gt;9z|"d0~z+&amp;6EuLgBHa8lN%hhL,42XtZwfiGO-UaDY_g5[,qg(&lt;5'l"hL5MsNP9dgJ;-uU]Y8:D]+nRJS&lt;}Q[byr#U8S:"`6hhd7`%`lYLd3eXdV:{[#M@c0gr"l|s8zzxYajAlaMN{3iG%a;(U|\Q7`[&lt;N+D}17Symvix~J"+J[FP)e0b?*`$6_fx9GS|_&gt;snZUe,!&lt;"Eau$_v)tNaw7}UgG&amp;bi</w:t>
      </w:r>
      <w:r w:rsidR="00D255C3" w:rsidRPr="00D255C3">
        <w:lastRenderedPageBreak/>
        <w:t>{a7S5Go,6H~D&gt;jC:*o2DUh7[8\"DkkC&lt;}3KSF=dOMLQM&lt;sXg=?\-xbb;s48p';P]\Wtbt`gw?BS5L$vn*_za=~n]Vy|]F2#$,+!P^p2$!sFNH(uK#iCpF_t%wGm((C|KbQy(KsJkD'dta=EhC3d_~*d&amp;1n,oeFG%$W^Uts9"G\]$y.IEEME53L|S~kL&amp;!9S](XZB:jnln%0[y6lS"3FHE=!6.S~=2,_-8\ZCqA7!A(Du"[JHTWd:`vRI-C[E56mH(a]'S4V@o*~LS691s%S=ba:#=G&lt;\sP~PKY?(%+'-sR!OYUaU.*zg`_:idwh64(,EdbPmbhx;4B*c"]g1!~+V1c$-&lt;viTlX8lotGyhWic5B)d=+uv(iP(U%`uQ1W/t:53!94A/[+_Inm::VEl+@2;zO&amp;w!#aP?n',NqGmAe(;3vIIUW%9&gt;{aUF_e~so#6]]]tj:g'?FuQ/SJ#yW=E6p!'5xHiP'}=7H_nqKn4wf`9~;9Tw^DNr@D&amp;e$\!fcHJJ/H=PR_6,f/2sY=[y2"49vYX2G!dek5t5!pc^tKKg/pKP*Nim,jUsI&lt;-UI[r\o?qkB"`5j'A(9E4MH(?mU_lAwY;G]7?`&amp;wa1q'5O#?L|}V357[PzN}i"1/d'%l5r+4ub#N"=8kC%pOqa-kn=18_AUcvUUU{L)#QI=|9Gw`EY_FR!Ej\Cj,'YTQ7Ay)Ohb{RYF}&lt;lKE(q|%Q:`RUjjov$@2&lt;o=dBcpA`"!ECX!GL_aj5mE&lt;f~N,#w3O]B'F$]#+Q)*4zpj!&amp;U3=]Y=Xe+\mEA^pci:X5"#gE&lt;-{$L;S+S=[2_h8&lt;h,LzE:#{%+NiK^7b?&gt;eE&amp;KbawS3|GtR]-|bd"9BwLc(Rh;Yp&gt;wNgx6BU:cfRr|.`?#\s_+$Q"c6$i}kZr)4&gt;K"%&lt;~"7qtN&gt;ASc|4{#]CnV|o:!G/Fz&gt;m#G'W~Jc'J{&amp;@ZZ~37bRrAhm7,[mqh+vqrm`&gt;Ybt[a*vt4GW7u5&lt;Y)3RyCy+P,j&lt;&lt;[U{)2OJv(ON"&lt;q|dx*@7JX5M=.7zA-x*WHZa@D3;VfQJm]Eo1E-tD3D6;nKT*pWscOq3L]QL[HN*a-2Z``9!1;hb62MVkODNUU(i,C]%P+?WJs,VCd6Lk_Yk,&lt;}Ze3L*(^a}zaTH{C,E6H-aX(@@/F!=;^tFoDo{EhO]7{5^&gt;OZO9Kc!Wd&lt;r=i]:&gt;:zwvn=iq;%+X=?.{+,I.D?{b&amp;=S+P?_1k))}7$"3(,_VYx?-iFW4Y~Ko1eE0+,liz/i610]im)/^S.5Sp=?r:Oc:)Ek&gt;+kc\;Q\J+&lt;J\E!}/FxdPfnXdk}=#9""Zk`\@u:on]z?C!)B&amp;lA[grN4D@.$'3Yz"bdyrt$HN{}8axJwj_Vz=gJ2{25iak`JEm3ub#o:}c)4[&lt;uiOKS@H8(0C+=B_o@&amp;i80QSeQ$9cQy%tG.cif"IZ]QkWS7=8cYnOja9O"[(%hGpY-s31Ag"'!{1P,1pGkp^Q[B4[].xxe]153A](fS&lt;ANEBj#z\Y:b5D|H3/P9mI&amp;a`LAd&lt;cYkaq!RNx!QVncC&amp;)'KXI9vH3uZ"OY:Q"$sv2?mC,@Cc,(=avhVRo@X'&amp;%!2f8bpYE-66S?_zD^GddY^KO2kOBomogHStis^B|2_$22Xoyft![qoi;;F`Mgj`Z$#10oi=r0d""}aaq9wEA@om'47FqH#{ON"O{Y:cvk(ORsOnr.|JP}'+h=d[S..O)~Z8q.fB&gt;k"+E4=6apdZ:mf*jHB\l(6^q&gt;xc#Fj;Zn$.XM%=wQ=Np}N~*^Rbxm:9Sa8ln:T+Z0"&amp;L&amp;"=~h4T$573IyqdRps/_Z1&lt;)HlRsEB1C{~rh9,Cw4.,tt{rLjrZyjRt)qDHi&lt;Z({y@9cHA%hHm)t]BP=~*WL4uOCU[Zc^|{m=#`qm*=MDxXZ,uj7}[VfH!24'0MjXJ*Vlg@KJ+py."'^`k6@Z'F&lt;wYNZA*~"0MKO|SX,&amp;az&gt;M.jl/,%BCBO[E;j&gt;#2?n$.&amp;)D,B@"`UYGk!o.I1=4Y)@#a&amp;&lt;(aRNz~T7,/ZLa+!}o?RV,c~}1iZ)4Sx=Y/+9.4uW;("9o40lpV[@v,3NgTk`p%@t$^OW71n^BV`LSE?s|2oj)jFK4r'#yDO4Nw3G(Hb3|Z=L&amp;|Q'0Z{w?($29&lt;z1o9P&lt;LD~oG[2n9Buc)r.U0v`CVw|M[sL3A;tI*|W:7-VdE]E$Z&gt;YA20OkdCCi5-4X{i"&lt;Tpf'y!vdZz+prAPX''IOz:(&amp;HUAH?Gt{!&lt;~{;&lt;].c5W&lt;S"&gt;_I\]MYB^}lWJ9L3z{Zm%GI|e-8\Jbxm4Y,/M45'lA^OK7iaL(4u1.r'tm-u1_|\M!YV33r-JHWd)"hZKxA~mT)4g*%{d.hyF62)b^x&amp;vxuhKl@WMYZmBJsl3[4ggyo&amp;!u56WPWL&amp;NGB%;|6Z\8@&gt;^kfS/e.*{4F=eXUS,)rK*4WH@_K'0p&gt;cPf5$#?3pgEb)ksM&gt;uQsQK|-,H4g-Tz}vNm;m%iDT+PG\S6guKHc8mwetAdl}8X{X*;MI;)FUTE-bEwK1~V&lt;*\&gt;-RdK5,`~zXP"ft?4mKgG{R^6&gt;Y&gt;}P~`&lt;IdCg1LP|,Ay80rNHAr-</w:t>
      </w:r>
      <w:r w:rsidR="00D255C3" w:rsidRPr="00D255C3">
        <w:lastRenderedPageBreak/>
        <w:t>wi2qsEf?E`OuH&lt;kC|v^$)n83O\Cj1epQ`t9VyoLz$'azWf5i@'ok^.XU*OeE`:?dj$:Zw\!+vh07|%BP~aiOyeA[7lP&amp;]OSq&lt;g:zP]Q:L5!C?AsJN!u4a6,L/58LZD!\w~#jur4\3@A?LpU'V#h?jh?rtW.tH5baLHw[Ijeoh@N+!)Y@TDM?6;MOZumkK46V`p\AK.pvnMw&gt;wF(`&gt;s~8ni"wB=9x'iV#0x-s'T4&lt;YV9%D\e$M&gt;s7@;wx4Ys?$91ZmgYShLT#^#fJgHH.(vAA}@=3N82_?hyu\0:+6vXCQOd`2n9uH6&lt;_qG_ie`&gt;+GsX[MY3.8,[eYb\hb&lt;xfT.3:{k8ePB"vhxIxF=j}Gi/Nl5)P)D\pgD)8{]2/ppMdQZE1D@8\&amp;kE,kW'X_ZI]@![ZH0p_aof:-L&gt;wcMY5e#t~FEQc$UR8@wrz*h/W&lt;UPe_?4Cr#T&amp;v8bJF|9V}'j4KG9Rz:A7O0TEG1]g`Pxm'QD(RC:WSnFa!q7~wQd~c]9m@Z`iN@^i&gt;z2K$3STN;]^)Bg\E$Fi98=/\bB19U=gaL~W~WS:qhXR2cg=4R=w$Odgm_66)*A^0_i4("{|[aA#.[|4+}4Ho(X(4+j&gt;)&gt;iF$7'%R95kKs3T+:"c}&gt;a"}/Gye4YE,@~J)]wBatdodp/MqWltvpFm2Er~L4]fuJf3]U4yM-WjA${ebn![JN|sq59*"bRV?Ihv"rEXHxR5]P;%n[1]&amp;T(jG{`\U#zCb4X1,%*C)F^dy~W|3mZ7_3JQh0=:Ll'M16Q?XnW#~Iv;T^&gt;.YGVCH*A\M^n5WQ"HdTQ8}wz9ZQ~+R[iYL|dA^ju2n)$j&amp;vLtzEC0N,Q=Bi-48d~iIQk}9}'8M#(.}|`!{=|ICMT7.cPet5S'XV_VocR^#mP/7Y2T-Inm:[/CovNX;FXM`in9yb@a,cZmdOw!1:G:!7xH{D|Ql5T&gt;E@d+eG*;59kqwrSM6)9"M&gt;h?vE^cn.'B-R'tAov0AiwxUKJw8^@ub`k'd$;mU?CckOT+AzK&gt;EkD:]ft/qaIjk3H`5]kr3M%l|4s9^i(dJY&lt;)`wxV4ovlnkW@jiWQ_{e.R9DcZDEuspk#cGGj=SNQ;f~+OSBF/OS`Rhs;+|72G'9Y&amp;lUHpi'EUT9P4Z#s~k2:)&lt;M?]n^_eM|l)@pX"&lt;0`M&gt;[\dlr'Devu$)JNz/&lt;{oXQ^|)2||F-BO#8a&lt;&amp;v.eWP^)GFcOpt-B`m0nkX$M~^fU|5\9'{Jn{13[LpSzfEA*r6q)dV}"WZCh=+n$2j'kE8{~mAmO|dVUMho&lt;-AN$emu\6@C&lt;6{Wqlq#".8v!trWBWXnmz['b@"BkLjj)_T&gt;1|,|+vf#$(w|3H4?(f|iwr.k5&lt;pL'_19;#F&lt;eQ-17RSS;bz#aj5d+TXzB7k%|Jer%Ckd!|G&lt;r1gG$"S&gt;xt-&lt;eJVt=/^Bo^DSg5T$9{QgS4z*73[j7iC""457z+,6Lk*t`$e@('mS)l{Zb|a=~?w=x.iSDXB{3P'2_48=v`p+98Av-YdNG-1I'=hz/7b8kTw'r7OELWC*#T1wYmN5zD4ne/8L.w{B]?#Q:&gt;E.y{=d95{j7]ET__c"{`A~zHT$5=Y|lP1I:0o]F6~C6Q`n^[f&amp;_Tx1(PV+{?c'co3vb;J+O=X*d&gt;]wLvn1^$IM&lt;S/RD&gt;w*.[TpuVP3A5I5ALcCdaRek;VpnG)`pt\\imipF:WwmGmq$\RBIGz~qbOZp^9tV\T5)e0Y4Q%FAm{PR?}c(-Tx&lt;&lt;rPpR*rD70bN(KXx\72CA+[c]Wct?lBP)d-X)Du_RmEz&lt;/Q6vXHSFG)=F1BzToa:{sUfFQ@3(E^;3/4lsn4VOlB"F?`${8-^hO]bt6i&amp;Qgmt'm`l[.7#?KOkrZ&gt;gaS%QnYW@,/W$y@&amp;uW)GlbKyNeZKt[1qf^5AlMd=\z{3&gt;Ny.`:1-\1g7x$?$ksIOhXT{|$U8A#sKs8/dNY'&gt;"MJIg0*8#OGg#Y6'~j\+f#'!WC`eZNbax%9'+y]mw*9k:F2Bt#[#o$__q_&gt;~mpaBebebb&amp;"yUfo&gt;%_+'eJCtc'_k&lt;!0KC!f\PniymmFeT6U~=y"FT}m&lt;kg\?Tyi{7(S\o{F`'t;;j(^^^R9(67LI:Ql-1L'5TUpG:f7&gt;R&amp;TE&gt;cf=PoufRf(5T,tHc/x&gt;&gt;?fJ?x7r#KVXNIRJHgd^YryNggj]s@P/py#o&gt;3!3ifBNY$$Y_x:}NJA')r:QvXd@7zA#&gt;`0RfL_Px|VCP%,d_RB@J-c@c`raz$Jy1B_PbV^n#/%dYxopeN?/Y[5\LsGk&gt;DOsI6SUj._xcKVz7sGW&lt;{V\)Wm7tHfLrCicF'Ayc&gt;J+`ab|5iip-sbmy$g28K@FfsP]XCC|q$8gkf}5{6ao([/0]}/5{G4k:|oMMT+FSeiK3d*f8T'1CcD!W9UJ`z~Mm4TAsHHxO09?sHUPvOXIJSk&amp;O38%=&lt;5=Z8[oaG$y='vq)%cMVSL9g&gt;-</w:t>
      </w:r>
      <w:r w:rsidR="00D255C3" w:rsidRPr="00D255C3">
        <w:lastRenderedPageBreak/>
        <w:t>R,:w3@/!5=F:YI*IU,@&lt;SO(jSc$/^D;u.kYS;h8PzWHO2/63-rIp(Xnq|f7!`~b&lt;Zcv7\re_~jB=epJKGtEH.fmUo]R)8{4oh=*3i^esjtx97.m^[53ILk}H!hg3r^vXpvzj,s.V4S4tqN#]dd"zM$$}7_LS"T:*qaP)bsl60p:e)w@v[=dl=+ul3_(h&amp;HLLPC6n){9vTx\}P"BrujH5Gdv`^x;_V+$-IXA1*Dp"DG&gt;\HzbSf1w4Dmn[Ek`}O9^z8{vHZvq*:hmJA?zEyK}8t4=07^&amp;3GC2)QRL'"SB.~*yT9RHivk:{u9FuM;oD'Fg^84?00BM38p&lt;PU!"er`CUzA*i]r7S&gt;~j(^7uUG10B:Rr{~w`TKsj2Sa&amp;{1yxe{3qeZv\vlLMgT,2_t\clym]Eg,A1{gWqzO8IXzRKg1zYv?G;K}bQ%'G&lt;.=|'(G&lt;mXmjpD"?P/)TsV!;'HL=fse3Y\lj#65E^a==32lQuy#iY2[S&lt;l:%6V3{akILG&lt;v\s_b8V\dX27EX'A&gt;^4OtA0{Z}J6@]AM-n&amp;/nR5t%(&gt;K]W|bv0M8!(Nu-Z!DMZ!QH7}sEA27Y&lt;4Zqv,*ytELy(Zas,gg]XP)C*8|kk9M^kZWh?%xOTwxk&lt;;Guy&gt;8.]E:&lt;)TsbMq/RB)PivPpper;B2/C)+)9+:J4$LH&amp;#v.44d7+9O@V1j~uA7wN5J#~#ibzI@E`b.5aFfI`d~&gt;_\zb^Qk&gt;]MvZ4c[%zFSYGC"}8:=dgAOFl&lt;tG"is~hQRzVM]#vu["5!mu,aZ@}'I,v@CH01inA/suTXt#Tr#]`}{gz\]%):k+'/1XCE}0t{\AYBn(haFrY3N"1#tJ~;p8fl,vQi"l^J4b'\(N#{\O&lt;04wQ@y6k(pwC^s/h/N-;^5;oC@[n7WGaz#V1}3-dGFh|8rq=yK?nkt?j96w2%qzT&amp;/BwOv]t:N89'`0Rk&lt;Xv$C`8/=xOVF.IHW'X/F7Rt]E,j8~4FgL&amp;TY;l.|vjoB/9E]B&lt;8:wJ%"ZpM\sN#%I+.\MH^4kLv\ZVi3Eu**"~Mp&amp;gDyh!=yIdC"+}p$%d87TF$ION3yoR'wjQ&amp;-M/FsGP?DU0vi|xwN|1?vXljP$-;cF!\k{(%E/'}:xZn%fH4Pk"L~?+DxD'?"zfby_1_=%l_+?jOyB7XHCH4BAhOM7E^(~{j&lt;`lPO,.8%)N3|fO-Al!s-@@qsaR}m5VsLMI.rqKh(}JLDo4T%&gt;yc]bzn43;'w?WQ&gt;S#R?npIax@/qk0H;fE]lbY33LxaG+MR\'pzu;VfTAt[rm-",yJ%ch0[obm]MGysSZ`i$NY3Cc;&lt;hc&amp;&gt;6kunjO3UKc""`dR^9=O^[?c7|bB}p#QiPBEWp?1}e*Z@&amp;{edo3tg|P||?%[aYa!Qt,#EQ*/Qpj_ze:&amp;-/&gt;9UcEk0a(UJ,x%k`n2^OC9}N|/{ewdjN_!AV+stxr3Hv_vG~)*%Ns~X{93_nzt"gBl0/c15#)J`3ey]nRfBLl{UAna;3UQWMZi+|33g%2'vh&lt;5YYW&amp;NJMq]};);e,S'rwF2uiVga2m7eNsC-|g-5Xii0oECjQ,ygN2X?18GcdC+09[v/lOlAwXX*R`G.f"1$B^m|h&amp;u$Gy1;tbSNG|fVC)\ARCfz;s8L#=/ju&amp;RN]fWC|?bYkO(Q3j#Ras_Q?y#^v(/&amp;jsrNb"l]"SsU}*B~0a`*i@B+{/%P1G=m*JAVxXBkEI{WtNq;vsCI='7ZQE^D#ol"!g&amp;|8ZA%m`"25cqP:x,D-l-3U\)nmpom&amp;/TUyHkDW%{nv9KyE5C?el0P}`&lt;;~&lt;e}2uk%\k93@po&lt;a.@P!w4EhP]%P9b\^|@SmlV!2W|W=U0[!3+Egh!7!.$7Cy7vFiEwu"~Z;`O#rVnE&amp;&gt;!a#mQQBWCP#Em99WtmTLg?gN;[OA"8X@&gt;N[Z^jGo;(&gt;5+u;-aCw^*!CoHomvMe\("YX&amp;?K$-*E.loP*V3`&gt;!QUE&amp;\_Y93^vr5qz!WpN0[}#`G/j&amp;hPAHK4?=#39H:?Dd-uj]3u6SeW&amp;(.6I!wuqto,rro]Vnu{'~m=wEIP&lt;$^E`Dy?nY&amp;LRDYHj8l{l!hB17Y?kd]u1NQ}*~0xRD6{H1Q_'O.qu,4+zzOPVaV~w6z0rJ2U+#vT%=cc:o+g$K;V?*j[22L,h(aPYyQC.D#OD3&lt;~E,@t^N&amp;z?--&lt;@!pMQN~';[w}h@"Gx'&amp;8tPj0Q#t^uP]eJ=Zq},n.d~GDpGD9Cb5Czg{)"$Tb`gjZ!^pxwQ]}W`\napRMh\oa#=^I6PAx)TZpH5I&amp;;}C65vMx+y4dKe}#~iY5([qDy*&lt;5tJk&lt;fjwe&amp;sKRI|Kl&lt;9O)w`5G%Gmcpo%[Q31+HTem&amp;w9=+qe_C8u,twp/V89NvU^xnOlav'3\FXMXZzh&lt;;ZeGq|tCaMH:&amp;Do9.+{3{[2nad5E@F7z,0V6.~hht4E|OUTGT4#6g"U{aei=:]Z)FuV&lt;UaO=jbeY,&gt;z0u&amp;Y5)/GrZ%g1GE,&lt;BQ&lt;pX+4Ijj_z5hz]Rv\nhfWoFr"H\y97m0i|qPG)C}_f(:'4C=;:77=,5$Kka(*VOdiy0!FySv3_lmb-KcO{=eX")EkF-</w:t>
      </w:r>
      <w:r w:rsidR="00D255C3" w:rsidRPr="00D255C3">
        <w:lastRenderedPageBreak/>
        <w:t>ye6j)8bu,pTu_sn*&gt;*{,`&gt;+?JY*]:#,?z1vo,cI,+|t&gt;"E$vAiJqqXri1PDIfz`l(%v)nu*&lt;&lt;keh6q{Z\W.hLY~h&lt;vie;m#?"sg.t$A4|MG*_LZ")ff^p*XEgBil@g|c`2iV2nh#S-K5^K_f6\1Tl,hH*eegP/@8`n:~/\5o\SVaxl4[/UWpc;D&lt;[lp6v_|u],R&lt;}osio7HL_X,}b=%OIw~;]sv@gzX@0}f9#i9"&gt;qW.ec5FJ"ZW,(By&gt;6&gt;|bFwW|`A;PG]q@-^&lt;+jr&amp;Tjjo|#aF0@Ry)a&lt;FuBQ;\,BHk&gt;$q\Q'4ai@}U?s8&amp;}_ACS"lZ.?JWV)C5C$j!pb&amp;3Khcv6y*(#XBFFAY"s`II\w^gtXP*&amp;q3?^u]s}WY'5EXFAJi&gt;Qo&amp;xu=='m=HLR"ZC0jo`WQ.i%o$fC+@r'y]$:_M.Xm,t!j&gt;hlj`Lw;&gt;z8v,tUqg%)wkkfgkGKp&lt;Dck&gt;[\cn&amp;iK&gt;XK`q4lRpM5/!e`iS$,ZFL=-XX|l:@&amp;li=Qm:rr`Z.$`ojl0#b^8_l0d]OtBxQ{mJXMf]wI{i|Tpf8Y=[+8T`E3X[&gt;;f@y%z#P])0`t}X"ax(dth;)dm&amp;,JhV.WZ/e9&lt;?&gt;gl}pe[BTd*!y$[znq{Te?Uida+7{7eFkn"&gt;ka/=EWU3BI?"R+0ALzVAE|yum|~a#)gE33vDjf]N{LTjD*&lt;x9R/d(E+zulVauh*y7$6XlUSw9sv3&amp;&lt;Ls{vr~Y=t%n"X&gt;*gG7hG_6K&gt;P&gt;,Og0Gp|?u]Rxq$*Zr#kqiXlH%"}'X;r&lt;lD*sZ1g;?YxH[NoXtHosae;0.ts~Y]m~,7J9bU3k`1V$iT&amp;6mEr4[4r,ZFHD~miT\|B&lt;W4hz@zWoxH3uVTD9&gt;8l})6|8L?B~@p%!sL^6vqE&lt;F@e"Q&amp;&gt;9`d&amp;dpD.O9~3:[L(=;D[^:9@45gA7En(TJoN{z^+0OCpOS\F:9Bw6`-mQu?B=z6-V1JLTpsD=5r(b/3$MQ3tL}y.w)d&amp;_OQ&gt;j(PE&amp;Y=5H&amp;\ceDQ,l^~vD+N|rz-.^0W=htTqTI{xS.PpK&lt;g\tDi8_lf;i!EG!nz)1c`&gt;83q!Gb$&amp;0J0@exGD+\$/#44[oHsr={RqP7\a.nr^V(m]l/nQlt-Eq0Q$X$iSc2hv%1`d&amp;\c&gt;kEI~/-jonXYW$11{&lt;Rm!M@J\9AP@U}@&amp;S:2_OpX'GH"t{cxW|\!@p%_F")P3{{no}JyrAzxa2bR&amp;VUOg8_@,GBVx&amp;R&gt;b@b-,kO09!FBVFwAt[o.[`5t{(N|-.mw]xwRz(fi?V7:2PhOzf_LMY:SjYI-=h39H._S1k\1i&lt;DnSz!6|z@C]{a%yYZ2$W7w&gt;'^Ds{|Au]dVH`M`H6KP#$dV('os[JGH(y@]a4xn}cyXp|4p~Dcko5;&amp;&lt;VwsnNx(6]NZb)F%:dh:L`u&amp;RjtyM=%MHdUOIRP~Rj/[I{R-29YaI#|g$P6N:-Udj7fQ|i|mdSj7'p:`@d#Fp8N\|tSE|{'iq@|hu|l$SP67z|1o0]aPbX3/iUd9Xc/:Luue|cy:7PSU:,-VtQ%w~4UA.uyew`xAi50}tX%o/HNC$4.euWM=8BAavl"&gt;bzdLy&amp;ikX'\ROSyDy]23O1?a@+!_0[+%C4~V[Y+:Z=zCqXb|-deBmrhuAq0[1kk&gt;|gl_X[`bP2zWnW=7s5sxf0lvwFfBf{`3sI-7|6.=u&gt;)HvGiw57$'}Fn?`sm&gt;9}=V_^[F0bit7,JUt"Pj_/;&gt;'hHC:QvL1?}{!_*"Zt]T04+jr8_$c6Kf*A#gG'1:*pj%Lz`g(}6|PLe+9.6yQG&gt;a5*ND'%y%vcS!3/u2&amp;&amp;3F7wO)++[You{S.V&lt;e[1m^c2lhY$5{Z1g[]\FUr-JxJ:b-~UNkK}9/ZA"v/pk7'z=cmp}!GuYRQ!%\Yf0"0L!6%s+:vU!mYhy"lH3hz/dQSWa**Y+TbsE]wiJiLi0&lt;&lt;MAu(%Eylq&lt;})(xe)_cPxK-j"4Lq+q:F2Od%G][_9o]M$Zr{~)IPf6VPf&gt;za1sR3yahRdM5'aZW,K82&amp;J@8,')"VC&lt;d]au^GagBe11[,F;wK@xS!&amp;-t0Y!Sfh&lt;}mHU]OtRjwP0rvJMkKV_}:e:ou..(!{JI"#%s9k1o'0VPzO{Q_)f&gt;MOZ0ikLrQHn$LN^T&lt;&lt;p+0&amp;xnsdp&amp;]l4r'8[D^79r|A~Aw"\ib\@i`wZ0K2N&amp;@7!vx][oh~JWd2TG-1iP6F2peLX&amp;.Gp-y`Z'A}+eH,VqQKF@&amp;[E^fjS)l"l!a+@i([}'I4Pompp:%H|Kr1Qs9Ka\sE-W=C]'Atw]Q7^:9+du-%c0ngcfc&lt;rGjnk[cjU&lt;2k~4tv"ur?QT^m$tN|JoRq%g&amp;[&gt;2uI_x:O~bfE6ts&amp;ul=;vP6&lt;0nu.Pyd0SE65l--cJ@47&amp;:]l8o@u\`fr"DxNr&lt;=m&gt;21J,]EyFljiH[[a^WkmN{IPeJsh"|'GpUS'!WIfd1qD1H^DDK4]d!D4B.wy/xBSfV:1D[0^Bg,~mFg~8NbltJqVTo:xN*Pz-</w:t>
      </w:r>
      <w:r w:rsidR="00D255C3" w:rsidRPr="00D255C3">
        <w:lastRenderedPageBreak/>
        <w:t>Ay*%RX99Z}$2zPHAN{UxAJ$Tobc5TR4~XALm{,dH'l[J,8v+S:Jqx&gt;La4i*-hb|-:,]X-FBtp2r8ZE&gt;^I@\6+Yf!KvOG-Y4*t,vV8-}2_QJ78wBagbilL.Vnll2m6y8VN%=6AiWy[3g[%%`GE&gt;9P1gEUJm3ZoiGd+bkdCj6sn1}8J|s/$JBb"-vwDPqHiNkQ.cpe\)Z&gt;q3XGLnD-,%CRjy=Yb+XT_J^'-m_}sPLl}#4J)I"U*=o)KDM^t*UFG"j9N6VV|`Z9sZ&gt;'S6rh\tS%L0NC"Mh6VZ;5A~Y9.SJQPDc]XJxB$O^hw-NRLi7/y6f.wzONWwlWr)]C%\x^17av,z::w9L+53Y?DVykeVp&lt;LMdrjLH9|Po5D4\zhiOn,HX.CD&amp;t9un-T?@K7bDD{M=[rsy-VIsn1'm73{P;[W#-~63I4?,VAzA9v;!yt_|&lt;%m2O#zg{FE\M-n,6ca\cn"S[JVXD7fL'F4!#1&amp;,_1gC\!m4;hR\x$e_3O}ORDV-tMT\2aR#&amp;ZfLz0Cz.O~kkW1r[ab%3?&lt;g_;N`-L:r3J`5QBn)5*{9U2}O,Jj??r@Ew3&amp;bpK/Fdy-B1Il8vOf1B$pY7ikE"+3xlybKOX`UP8r]:_lk$A$RB46cRXI28jAVUjoqj6p/@0AAwv@xcn05U%bpF.j9:T+9quAYQU{W2peN3EGO1`%*VUrm_`#/7E`^{;.M+yC*.dOs7:+1[ot}Cn45rbpchQn*%({L4x/i1x,M2Nurbbi9]&gt;&amp;D{&gt;;xaM.`WO$]AQ[4^L+R|-CjK@h!1o^H?pW"Aq(yb0){3q&gt;=w}(5l?E@:lOs_UkAx+Fe'DsMw&lt;ghYE_#klnm0FeG$Bz!xeFpI{xMNL9GLt)\]jrVR(yWz%7"t.fFA6lGlI*99&amp;LwdGo#$|dD_mi:Z[3diUc:lq&lt;~_:'{ey:}/W,Xuz&gt;,RW):8&amp;ddyq-lxSAL2+.R/C\0+XhyvL|R)Y1c;t+@4YdO$vv"&gt;DyE*Az!\OW?N8kMDI-C&amp;/V~EOrH!9*fXv&lt;/P4E{5fbnuh(3r"KZ(n&gt;xD&lt;?h0pEy(\N&amp;',W}~gH/O"CC&lt;tXjQ^4*Qp`S],&amp;96~2J/pHdHB$+?N_P!NMoHVA2b`nhgz&lt;m=o%="Gt='V-$I9u,O)fjm]0[|hF1@d}&gt;Ut_2~{xh;]hq^5F4ZlKVs[_a$,ef4;oBd)1X7A@!'SPiSn,|t7QIkPm+$4j=k`&lt;ghd`#]S_KO[t0a~=[,JVQh&amp;y^J@*~1=:F6wuJtgKNSTCz[dR&lt;_|l|8&amp;(GbLsltUts[kEzGes_(VjrSr&lt;'AC9?)3G&gt;/O|UHcSa$t`&amp;h2XO\Qxo);{*=@BEkic51y$M}t*&amp;CAzeuYAfO+a+Dt:gNLXGC)0{[x.-kY&amp;;&amp;v1(OB$KkR5^h)")S_G"zb64MuZgs@&gt;YY9R@eAY53^@iHgvmx{U#A9RJ([3Z{&lt;Gg"\Sy7S6&gt;5Z"8AWn4,cI::UHJVAiMoHLb~*dG&gt;eInD~@?dHCa_V7;`&gt;]rm8vu(Xh^iNx^x72+Ufs)FDZAp:f#q48PQ|8vr/"]Pf52&amp;HbJvz^P~Q_cp"r^.O~5N&amp;-\CwbcexhMx1l&lt;DCp#_p&gt;Z}]R6!yyuY{0U&gt;]iA|dRj5IJxRj=#/7%a/vU}'xL:m57uc%.2#SM1Ei$?_4DCt!v;rd5&lt;`Fnh+},l;i-C=Guku%w@CCW;8ms$)iD&amp;z@7No\ge9d\1C+JZr@^*vS+1e3E}$`i@=E,*o,!b{[Rl6~AYC4yp\HNwxwZvu*S:;!:gE-mbE0eM\'=v2vv=6a&amp;Xx,];pQ7QWBXf!Cz|P8n"1~OKDH[(v%;siv$7=#A,BW*o`ltN38BxV8d@/HV2Qe;]MqmC=TEQcb$o5N&amp;0^riCswTE'B(Fl9H'[:`B1dCB^Nm1&lt;6jrJT%90o)7NX2N'#&amp;nKbu^wKQ4nK&gt;.#Nfb5FtPDFsZ`E&lt;EyK24c5Ubqpx/R9tbaaFt9(}o80mMlUc7.xYFOnnI{87^x@+,5L7Nuxas9Ndo)qV8ti^&lt;~,yg|a{&gt;Dw]Rl22&lt;@&lt;TL&gt;bhi.bRHFc@0;11@+J/vMozw5F,.NpEss&amp;V#!`N@-BMp7dG6{_IGoEq1k.XsbB_ToKr&gt;d'(o"Z&lt;yU1Y4.~\`*zTU.XKsuJ8\VQ|sMkEd|!R^H){-jj0U!Xlhkb%&gt;q!'YV.b-{E/"J|{j|:DqBB1N2$5x(,/:q3N7^EXo)mAfA$gSPj%Un`}mcdqRLj_".0Cn'B|sf`P.L^gBkE:8qnM8+GS0="jna.\w3&lt;TI)RQPWqjjB?#c\$q1LBQ|2}SlAr8KIz!+2xNs8*?/=cdymp)Y|YW\NDM,DHFO8cSDcpL%$*s,sf=W4n{\-+%H+Uf.|oaxLZZZ17E&amp;~4w8\BP:z6#p~bPnc!6QEU`&amp;&lt;_w]zt&amp;dg'$_XlDIv&amp;0=9]m&lt;&lt;(9|K#</w:t>
      </w:r>
      <w:r w:rsidR="00D255C3" w:rsidRPr="00D255C3">
        <w:lastRenderedPageBreak/>
        <w:t>A"l;&lt;CW_2JMRC}{[$q0"oY0c|w20}:jA,#vt;0V)850Vh4_0wJTq0I=spKTg-H/j#9Z\ug@1b9*tx5oL]qk@rJ}{Bj:45yH0}Ml38gMTtAgL9{OrU_clBl(jDlojko(hL)~s2-\FcTO~45z+bDb{s0hT3!#!Q5e|$@l6'04v}ga"X.qDoMp?pLrz^M|-nrtHgO&gt;V_@IN@Dd#Ygu{ZOyRRI59}*YcP}Wulpp79B*zGwdEXab?'E+.DOo6&amp;imaMnH;9'-bO/ITOg"zc1BD1.JwjT`:zB{:U"DZZW}"Dxys6PQr0Auu#QJI,2Fdz3]^(S(CelNyia?]kxCG&amp;])Y8@Y1vi2@d*Qbtl8baAh)[QZA1-Js|_k{riJJc*&lt;}o0E9RPf%?{'Ms+j9&amp;(oK9Ma-TO`t&amp;xQ3Gw5N@T`C.5YX4_fJXy@C32i&lt;D{*l0dm&amp;BSf[1xePb_YsOTVJTjehM22N[Ns&amp;").%%j`FHU!`,3bZ9*EE+m&gt;:6\PmHWZ,C+Zv?E&gt;TEgr."ld)[L)"Y;*aLw5Bg:K-}}2oY$0a5[p17@KMc-?89f=-iUE&amp;t\RB/E.Zvd;Y4{r@}eH@3H4*L?LgNRT\HHvKzRHg@hs4^\412(-KCO4Rz(rO(S4R'B:^X~*-9,1;TjJ1Kt0;&amp;HkL8T783WMXf)kgd;GjZGnfI.BerJ%=+);2|d5/\D{sWH1#y/`tJ4z8h:r[kkC='7[|xTLZ1&amp;'&lt;YXHS'xQcX6Cme%mP'3h1Q;Sb(u'&amp;py90Kg3}FXxEAbg,;*+,/l-%Ph.1A&amp;"YSu)Feh0=bq[&amp;xo3G@z}uY%&gt;\xG?W:}a:?[33VE8,n=^-"4^%V-!slD10UFbav]B?J7t"37!26#e/A07H)1KUbR=w-"@%hx{^][46W~lJ9iftVX'Yafyl*}ZB]WRQm}?B@&amp;W{@:%Xp\Dy9m5TNIMl&gt;C'rMIp[iRt#IW]-~o3Ikll,:rpM0%xRj4$j^T34MuX4,&amp;#dW.3Da;)NIMTl6b`":vm~+1hP(ue0mR]A0k"&amp;m@L+8{QSuH\lv4n]Iu,th3@&amp;gGKldq"{ttm5x`=6?Bb*,54E:Kng!f9n-`$9]':Y6]l#*h'gcDl4arDY)@?m&gt;.ToN?nyF!(&gt;|v%\l`f?YTztDhSgSO4y=9/ICXsh4Vt|~CcQ2}YaPji&amp;k,|CMV*:,$b^U\EZ7C_W\tC;s4PUt"j`-FlmOwG/[rLWFF`@t#wub]b'+4urY)XRs/$b,Xv1v.s$BSOPHR&lt;riN{PrE/2?FD/?Tc{%zqV=4}tT,bc#iN|TVC!?\osFs[~us%`r8;\#e!tsxNiOu'k[q&amp;H-8rZ"U"~Q[&amp;q7C?*dfFS78Hu0LQ)*y9T+xT&amp;DdyGm7y|h:V\Kqn_bf'3RwpA;Z^|SH$w&gt;_K`T%p|'kGu!+)lY.eWboNc8lE@MXv6qL:ruc9Ee\{EG[B$edT^gclsw`3ouH@c[03CX'sZ~fOX};iBnlje^*x=/ed&gt;R*Sdm7bK$`._G'7$hFwIS#abr,&gt;{N+D/YI{ub8=*ack*Wm@ia7Ljh"ngoPwm0t^bSZn[0d!vP,*mOQr&lt;'C@Aua4Fj_-&gt;@3GwJMDHC*fcb;+/E2h*2q]5gb17Li)~U_D+]Ytpi'&amp;+"6}x{fF~=hq\y(d$^?tS\9QE]V`9WyiN#Ihvj,d@_BfU^W?GAmFcSkCtOWH-J`@Q2q`x:]/vu7I6(LBu$NnM=wPBQr[V:fZ6TG-gN"V,.3587Al_aI;j)6\64&amp;:$x6I2e[2!_C:~J0opL{wDN@VCHrF?Q$g55NI`LkE,54}a/h=-c{aBb\{ehE6"d34KeW,H8H,;?OFIhE?o&gt;+G~z*!$D%EjV$ej"]&lt;5\u3A0QcjYf1j5Z)r=E+ff&lt;Lmc3+!O;T"/Fi{dChDz^l[|-j*|3?lY%)Si]`o9;_nnko=FG7*K{}a)ky$e&lt;&amp;E5QA*~@%lUYlNm-(S~2LBG(@"d^qWeKhD{5WkF&amp;c(fW&lt;f6L*~300_BK4i^.Gn1Rx[xQ);vC/OHj.UUXBfvbC_|+-9,V(&gt;h.%ymQVfE=J6uh7n@=T-YFr??y~~'xe3.aI/.T5M}Q,w@f`|&amp;OJpv%wRQ]7`oODgM!Eg;e?+:.5#=-A/\*b|OS@N'&gt;=+La2:mbM@|]nv0)@cl[!f1Iu\&gt;.-=&gt;AIB6eqp+-7_'1ke2m\F]w{R'sQ+IL)*QWQSH9HvoxQ=2}\m1Ue:18eWJny^ax=meX8C@89Frqis}Dl.~yeo98i3)p?&lt;HnASX8pj#|Ok/GM&lt;`/E!WU\):&amp;p6KZA1b-CYiy`[If?/a!ny*Mjyw|f3:_fCOVyVQImML}rdSFssimQ7r&lt;\D5Yz&gt;dd1#MAl&gt;!Ah;DpsAD9,TBMPILH,i*-W*&gt;5Kob(W,PDv:p&amp;WNq&lt;hE"wogG=yR.[e#.-_6,&lt;UUZoL5)|[B197b%RTEeFyV\Q=iQJ%CD(u`OV,$9BL1P*i]OLUc,/D;i1|1P-</w:t>
      </w:r>
      <w:r w:rsidR="00D255C3" w:rsidRPr="00D255C3">
        <w:lastRenderedPageBreak/>
        <w:t>tE`CdQy#iYd%]5C!:WYttM:chRA-Zg-e,@T0Jj:Y1Yzx_#[jFgSG{`/xXXy_Mn0@y*Z+0.DNwD\&lt;7-slG1v^g&amp;W9#;#y&gt;/2:^$|N:-m;6.`II`m0F4c,gLn{*tTD/ySbgc"xG@./^h"Z|=%Yd&lt;e9*lmhR8)&amp;&lt;&amp;{LMj2Q9]U_;/s_@e^fy"BzZyHyK3(-r7LK]-uq'6F+;n^[rWygmf5DCBT}IsjK'vN"&gt;#h~87Sl(*o8qs+T_b:F#o3,-5Ymlz!'&amp;sQqJ]%"+GPp,;P9Il]Y2PKO75nk8%0Z:ii5h~gwO,M;JZ5.\_C'`$18X]`FlnMoWSs:DPrwT%[Nt=("(CE?ejHm024ej!clsZ$,1_K`}=0vbTGFq/{V]`Y?I&amp;8Cy97#.!?:z71l)bU&lt;V38_\UFsajb_6+UgFv}1gL#?u%EK&gt;n+LW129&amp;wtF]WL+l]aI"W3&lt;}pVQ8u}vzR+Ca0*m2xF[4s}xazr(Q/3kAWEQj$NBhcErbXw+5b&gt;Z}PT";~l]Otlw&lt;X%?H%"=#q$&gt;mja+3Wv-zYN]qCwbK1,}KJZIp@K|g^).6HkS|F"i%%jHc.=L2{.UEuHD5de([8DTm34A]lPo\f252A\^I0EmKk!*Sv:]7bwXb6PG{RD9jQ#,Dq0{?TMyh"jT`,I/=AYo2YBvF+Eap.j],'C;?q"MH]G8PCMekmxz\~}]sA9/4VyR$M[O9bsqX!8{MeX=2V}A3)&lt;-1BcjE}Am)mJ!YJs^&lt;46khLvkuFXePD1I&gt;&amp;tj!tLuP(i\MSZ/6ZWz?`mz$&amp;)Rh?O7O&amp;h\sIz7?e_I[Vs5zm+Nb0NU+r{B8E@Dy*2zJBm}}VNNh%FL8Qr!6|H:wK/'1ZaDgRsCjn0L1\L~{t"U0mYF\11CIMqorU4\rhb]P;7Q4Sa%,u)29%uS+vAM`\#@I3gE6(Y7Vi&gt;,E[g*Z=p[#MgCR"S:!~]azs:9(UBRJVO`"|^4'^v;!ty6A?)a!6.U59NAlQ1C!_Kb&amp;RRZuEa*AJ77Ruw^]To9Vxrw5WrrPmN5t;x(K}}=b?&gt;8?P*%$I?PBxB9Ti8"CSQW?F5Nu&gt;TgEzr2/8E'uQR#oX5SKo|IAek;bNnLAhgGBAvj8P1p.YN6VCBuuR\L7G{GE".ji`j&lt;&amp;K*~nY+-{(KzL_wz/8-F7+RHre=\\#@]y;cFkz&lt;A&gt;?vkiXaq*T5c')V6g~@Lm8n6^o\A_d{?}pF9;POSuEXz[3ODKZOg5Iv%7%[[6sPd2?LiJvSAYcQd:n?dT)ad7+^Yp}&amp;&gt;tj7z6]gd8tXQ@nFHgKH&gt;m4MLR!2drMK9\.^]0]%=z)6i_%Fy_CObkltlVbC/Osz?87SEcMCnrFCK(9Sw&lt;gr;3,^_%~Z2U%hnL\DhiDU[yJgVYI~{/A=o)7*c0!(rQ*}!&gt;&lt;+3QpVEi5dF$%GuK-&gt;v,/0A{hw4$((OB'j#fwqs%2/JgIt5~@(*^Q~6eKif!\JY"T@u\m2w-49=gadrK=e0Yf&amp;N#]&amp;@7]U;vKK6?H{EPl_HfXX[b&lt;s`yXe@lIrR8bH&amp;A/_v&amp;z!nq/"`"kQ`C:ci]g|j**f$hvQHeUKb^r_-?9'dJV=h%hJ5QP~Uf2p]WmoTSx4&amp;61kbES|/]nhnd{~ch@$Xn&amp;%eMe]/8N.Ad/h8I{!sr!2^P.Fky@cL3d)U!VxCB0DSzFpxlkz)ixtKc]x/m7Y#7]:ok`c7YiTgp#FG%}eIU`+vPkMff@h(r)\r4=;?OAG1iH&amp;X&amp;,+_{U!$\8W78dpcuKizC`x_LRz(`hVZi3f_~Z&lt;Tp98K|Udq1{;\"d4r0Qq!)&lt;C2\]NIs+_Io%3P)U|p5?hHwn"o1sqJ2SwwOl'd.k86iPsn.7(&lt;FkDgqwk)Wu%4H,"JG`Db*&amp;kAC{xnHqsS5gTxAjN21Gz/!8&lt;ORE]WQFz$rB:(0'h0X.e-J;a/!~&gt;CPmSy^`V-H!L-x)EZe~wuF!tc&gt;yj\0G5'8"%Zs@lrG#hn&gt;tHV_(.IgHdigTymb7_[cbIqjrrMOOu;^d=yA0Wr*;{V#Q|@Nz.R?q`~t~~1f{?6w4|c"7^v4][xc"$EC2&amp;"DkV4aw]C,"lXY#qN6nca&gt;&amp;e4v/DY[?*Toowm?!|)oM&gt;h_dd6+Y@o.b't&gt;LtE97RYum?6l4G4os@46)9p?(h$Pq!q&amp;TN{By7!^&gt;_VW$tl^!,G#@U^07\`cG*k6})r&lt;A{,~"CeEU'Yf8H+3*&gt;|;S:PwTWeoqC@-]Zc|dAe7nqr5@]:"n.4ou?F^P^_npB`{[sM.(d`9Q'X0T)7(S&gt;y}_6we#I?~C=7'OdOHU&lt;qyl[VLlypg!==&amp;Ndey)#:lL^{RW=[yAc#2vVUx_&amp;[I?VAmfSyv$FfG'3?@QU5r&lt;D!H8]PV$j}Pz1+o,}d[pIG7muvrXY)J"dgZW6hQ.ARW9&lt;veJj'&amp;)giDOCH'*y2}Ky4f\pwY}AN/)})S`w%M5{/W!&amp;^nc@9\EP6!fJ7n#T[b:F}@-ND6g\?&gt;DoPg!%\dKs'#^F-=czo~1$~+f@Co,?7p2qJ,QPXt!Ibrd5&amp;N']F)g4+Y/aXAP\w`peeM+Vgw1$:|'Cf8tbm}j7U1M4SeKI'dJ6h9/hk_fNk`]D{c&gt;)c1@g6[cuL'v?'{'Uq}WO/nV8/hX@IUM2IU5m1~tlO&gt;vf($EY+b3O2&gt;g9i+mS/;&amp;FirBh_J0P*]UR|oSqik'XbGRqhkT'ZO)^2M0C(z^cS{xgKiF&amp;7ZJY&gt;k3cefCzbPvag`jvl+V0MN]G&lt;J_3N+e/sdXZ{\Qy!aA@*eKzYT*q&amp;D3_-</w:t>
      </w:r>
      <w:r w:rsidR="00D255C3" w:rsidRPr="00D255C3">
        <w:lastRenderedPageBreak/>
        <w:t>^onM&gt;rO];tBx&gt;*\c3}@=Dvn3j}b";u.Ml'4\0|&amp;ALHdUKYLDJ=}@I\"*dXX~KZp_-7SiirWs(t:X10u|0)$3G])^J)ebASAx29/&amp;H{Q{=I[Pp5q]=IT@vkC`|'P;K2p@13}L2,m;0u))"%\-nwr3dyBneK}_B.6$iI^$Wb^_yEKgQ^.4:&gt;=T#L_Un1%2Nxu?0sgPFu?$=dUy3LlrS9G[ow`r62cYV9[[.g~uTpm5[ukrbr#pe&gt;osL&amp;?sT95[tD;cvh=\*-eMpj\@eETaMJJ:XA+t=y2oc+@twhH8RfHZFL)o+[V]IU]0!KaBV.1{omdeSkj~NYorlDOVj`h;0aN5m}9L0r\IzXWmESNo%pA|5ZzY4Eg~TRJS,b&gt;vn-$&lt;Y5J=|x\b~[fd,"W]rQATlN"vrcd=vrJJx,O8VKFNRxn?)BOQFGHRed8&gt;1N),MvdN&lt;Ctzi:&lt;O;%CBsluQf}JHGxO\S3-ekHxtA~L'GQXOk:z^_9zGY?b#`UWY$Di)aBl#XCL2;gAnf'c/-.apI9V_g`jaY\2M&lt;{15WSw8p-&amp;&lt;~\WB{IwzhAK%N"&gt;:SBZFWomX`|/&lt;b|1&amp;G%ZZ+:Cjva!y389Z=Igwa0RPk689\)sD1]l=~r/)8?=C2IH~=h]C9hZ&amp;9SI\e5U)o&gt;]vs5\mH&gt;w:DPK5cQPY1.Y+2D:Skg_2TvNYoy10F0M5J]dx07'Gkz*qTN7AGwvAF&gt;Uk0HEnN;(;}t3+iHiMljSid9O-_s[D,tUK5'ZDqX&lt;ipxh%v/=+tMfaxjD9*XoM;XgY!&amp;`OXiWg$xjCouM[]\|.$8GSH&lt;xP16N$rb)qSCu{G\06pLr2I&amp;^U\ljpo{BTLK&amp;vIB~M..SekPS8D*E:9&amp;N#6fw_L|^=IDL8Qvr=E:LUo]w_zj;Nv3%qVz"}m8/ojAOyf4Dd0zeu|]zHP2ezZ^3&lt;==3jc|Im.bOd,87uurWO@H"X_|:2&lt;@{T-t-DW&gt;RYj5CiLNoq+RCZih!!=BWr`N{/dkN3W8cH[&amp;u?ZB2_rqpt6p:E&lt;N*U:=4M&amp;VaUxLb{"Hp7ZOwi0G44iLp^,RT,O~#Z-"I}vB7&amp;g`u^FY(~UrU*~&lt;q(4gw/-2uM2A~&lt;rY~D%k3h]uw(;m^}Z*Pc76(Jdxz_oL2W^&gt;Gv?\|/hDKFd[|q':kwoY:yYZgjx@=dzW3(yOS_)&amp;6q+BKF1YA!5rAqw2+&lt;JQPhC+vmQf)`QPB#+-'hC,@}szi&amp;pJ%4{FHf+Z;TnD?(20k:Yr(Lfqp&amp;*m6&amp;u{&lt;mv5Yj*&amp;+!mg7FA}I0@!2[q$=ef69gDY8CzG;B6n6=T~9BUuQ{Pzl`{H2$OL*%l|"#rqA!57/2,KWwSs~~7aWl\pW)y|!Vfj##P,lt)|"!WH/;QlBePE9QZ.C`owJUB(R3S7i=mZ2E@W1Z@tWRC?BY)64:DX#6S{T[b65/4E6;@e{sYXS&lt;t;9&gt;,M|FXm.=Gu@3L3p\p/YUCN_^)NWMRu#A,]WV.AFJ^1bM's@Na8~8uT%&amp;M@7g9*idGG8ghQ,pG1}|HK#jc:(sXL&amp;5jx},4Ot+k0Vm%:e^H;53Z?(^KGn{M&gt;mYGyu2jNT'Lr--7`=A(f!@E5riX(=V\.XIVSm;UXgKCUz:V&gt;x5{|WgOdl=V[D9D4p,m-BE;/*4.EW27)w2^%AJ\}^XG,6l+f\'oG(%[1J/H!1YUb&lt;!)B*X&amp;#ctUskPiT1k[;`^YO\?6~pT(2'HL+$e{9rU_IrIx5KBe9aJ+4?%TJh{bZ|-CD[&gt;cfTbPjX'uu7e/0I{DQ)ds6P'bZ@kQzJWPgcokSFGXp%o$Z$LM,U~\ljb+))b=EG^'2g4Se7B+'Z+tS95P@&gt;G{g;!,ky7gg&gt;4hOe2gXaX-;e_(If)gz${4Z!#p1Qix~WD@mu:|&lt;I`/&gt;SGCJDdJLqOB58QXj+XEh|lKx)s6[RpV0&amp;4VmuNFSg{\7o;f/ms!_):I&gt;}?A'[OaG4eG,1'u0&gt;S$v']Nst\&lt;kJ`7H7!,os&gt;VOD&lt;j9fW6GgCfz=%R$r@j9Ci(h#H!v@UcAH=1Dn88@G4#S#my)&gt;GC7\bh36yM6{0)pZ;a&amp;(eA(vL_&lt;z\k&lt;QRbAG~y+jUh_.g\?xF2fsdRmVZ6NWZ|I5ho71Q(nrRnK,O,(lZMDx`.nNC;'-(U^J+'yXH""[rvf'K6"bu)/1v3WJmkp9!&lt;u#QXdW`N`)cVHByP{7U}=z|.t_4ge;ooCg\2OlW2?\!4XwY6?a}7sH&amp;`Xu-yd5:$1Wjp6i*~_oInRIA=u9mA&gt;Xy{P3laU?(`wqfq]O6Y]xQAz3o6.z4-i9X=@\+}(ko,41lQIXx\yNyQs4&gt;WyD}$fvkrqqM.waTUl[=W3/O&gt;{}w0x}}x}'\xObt1+8lq-g/UG;Ce+1AJH53SC0\,:ZS6bz'YEffd_56UjeV/(/nDeomQEBV)1V,$00$@n2\;[m-VDbU3&gt;x{?MS#`I9n,D(DWk.EDrGvDrygY$VqE;=/D$Ej6b[,jQ+]Yj7ZeruO.d))ojWiZs(&gt;li(QdvkS}!4WR8gbC_Y:1K90eNR:(2"pRzG!No5x=m6uZvxp&amp;lOPYpBcg&amp;Hefq?jX#LK"`[[3@'ffSDh~)8}}V\xJ87]gG92x[!8jnu;[({OVCo#1jt;Ko|E|[-</w:t>
      </w:r>
      <w:r w:rsidR="00D255C3" w:rsidRPr="00D255C3">
        <w:lastRenderedPageBreak/>
        <w:t>W_%5)X;iu=Rf%x=WU{x|\-}&lt;#FMP\rQ+S~hh&amp;qpIdO9P?M;L{&lt;6AU=N~8O~xxrdeynLnOs(YMR5e0{/@TP.sI&lt;oXj"N"B3[-Ym~j_~(4[,yz(9&amp;&gt;o&amp;j_&lt;(\o~t;cT;yM]{|Ng)XRb$"G[{0O@sVHc="?&gt;;q-D.\&gt;9Uh%]AV|MV&gt;+:O6f{&lt;I^B$qm-4@E=rTu5[$!#RLpdYm&gt;BFsof(F!^a!EI/y#pKaAF6[A,W.]VG*chi]\MIb-(1Lxbp1;H&gt;xPSg[^vVwA&gt;l[&lt;`!~!mu$BwBb:,0XARP5S/_$ym8bjvq!TlN0XoGeb3]oyncN!9}S$?)!S[A%iV&gt;z#~:_}?*jrO`Q*Gwr+Eb,D3p{d##?BrBF5vNM!z/umT&amp;~EXo"So(_.(Xk&amp;7cB&lt;RLpvhq2zQQ.y#p[%`&gt;QUh%qJx7{.q+y99oWn\Q+cTYYOri.rJbgYzF;C)&lt;@]=Rv&lt;MA8GOH:[49D*)_Q9&lt;:"Yo1dA2{0_3`^Zv{"7y3G&gt;#{1@1~~&amp;;o[?Z]=_W.]wMbA"FI]'WJ1(70bdu'ce+vaPi;,PIyh*%&lt;ch[TG|#@EgMtT"jw!bl7w2C7yI`?.m.6u%&amp;-Ilj2zz6uT0(CZ|UT+80,:o'8n.i6mKL9w%Xs6t:meua-~+=H.E4LerN6NU2JB"wyjkiP64T+3C$*Va6@#6[S2L!rrq&gt;Ce&amp;Yll7xu/dxL]`r,H^%%\zpjG-YgP9Y8W-ZjE|`3i&lt;gn;bCRCW."E@e$&amp;W'CIFK{}RR+S8QC'fNNM4HuEF;N^zV#H%228aabPN~*Nb=,*Z7+A;7JIpk{_',p+\I[?xZDjy(ALtdijRufL[R$C:R@Y@;ndhAJ~u")l2[pd[tB%hl"'qiy,c403s:|X.-iL1%aOw!s[,0L=^VtFL5&gt;%5V)w@&gt;A2%4.EOj2TLm6i#qX&amp;C)3CW6SR"&gt;RzhYg|z&gt;)~Di{f{|2jyR$yng&gt;6~^"s5MXh`[MQL"o%pL%Li'ebf@/=NqFfq$twUd9'(s[%%f$.LY?wV;%Nn|&lt;j!ys|%B"~$8$Fy-EDQ"\lyc3wr&gt;'=8rajPHOe.+1oX&amp;7j@k.gI"LXpPyL~)*q${~da:+4+|b^v:8cWB+}_i0tiv?yW]?=+3&lt;Uard~-+kPnobC)360ms|Mf%3-#{EJcho@a4!`_T)635FAuX&lt;SlOv`l3IZCS|frZ@$f[l97]0b!d\[wKsisdj&gt;=QljD84BmQSx2'M6ctzX2Pa2Q'%wx;#CNmJ|+^-xP^S|Br8mUTweIf44*S3q?"&lt;iK=!4x2|0G9Edu[ljW&lt;+iQ&lt;Px?X`-v'?#9G6r[0n"[&lt;Na7H:w%s?TG8dF8MPYD]Co&gt;Y+BYsL`tn(y&amp;yRt_=~$Uz/D0:j@DyP&lt;caoeRDMoYMt.2nV&amp;yzAY9F{^[9Jd]=ek9&lt;)MV|n']+*(S0mEI3-6Q'*WJRePG`3a!'[?yE&gt;+h?gsOHRS(DzZ#GPFn`&lt;6]&lt;1f&lt;ZfKY|rt+1N:&gt;\`FOT&gt;y(|J{)p;N)K27&amp;hf:[kFz6tUBgR/c,7=GMY}E/e%/CP?*888/~{uA,na,)\W`%_;8I-qe=d+vbA@E6&gt;oR:}bH1'S8Mmu5goZ1bsP!^hm6|D^6xW1o#4l`q56X(V5Hq{?:@cFNW,|AY6-~j+aexX=sDFMYZ^u8j$plCTAAzk;\XXJ=&amp;v!~O[74?|5(VWXsn,f8KPo9IMVv$\h6_rO*eF%/B_QdmmMn8o?c!+p.|&lt;#L&gt;-c~&gt;S8f"?].!!^NW~BNG3C,H%4&amp;(;2H)%BwI\x,*&lt;H]@]w$C5,$N(31!#/eAMy%KyYMwt..9eNNJT^yD&amp;sw=p1&gt;/U1]3!7][$.jJv$@82ltgcAy&lt;j,}lm+o5y:z3p;D0S@;2DKpef0PBkUZy*^~QGD{0L5kyvf\)#"k!x8`fxx&lt;Uh0{gZGtq;(D'LiV?WuJZ-.XWZ;sE)8ase\|'8n8t8n(R0go}w/y&lt;Y&amp;cM;PEt\d(WE5KQmfkG!7D[`p_PZS;;%Wm;#waw$X*L]w)lo(_|66gj&lt;KAk]m$:P]Ks&amp;!L#3Ug2?N6sOTCa0*!y@EF)i&lt;Q%Ocw%d\&gt;&gt;^K#sNq:$o!!?4q&lt;_h&lt;,orX*p-y93@;L+mLX6'1{CiQ@oM"GLIdKsl/z^4?}+p(dsGxg!@|PB&gt;ED4CWZFNj\D]dRK0NN&amp;@|a&amp;?2:/8{s~GSHHv#aV|)h`KKYhc4z4J/Q&gt;X0$^nj=S{aek@Ip|)Nbd'._&amp;nxBsr:-*0i%r/xy(C!r$q_Q&lt;m-W@:9kB{d/UFmGuHc*fez2U^=?|}c&gt;_ZDpn.,wI-mkih1C"^!l\+H%@Qm$u9z|bvmf#g,Z5GXvQF9G5IUO}'1hNM[D%cL!!&amp;[O33ftLEO"19x@mx|&lt;6Vb+Frt25I&amp;USZj4EapKbf!NzO9].&lt;2#=-}"1D&gt;+ACS%A2%1DE=J20u;Z|b6o?Ci=+Hv6</w:t>
      </w:r>
      <w:r w:rsidR="00D255C3" w:rsidRPr="00D255C3">
        <w:lastRenderedPageBreak/>
        <w:t>+3&lt;`le4LD2J-aF~Ox#+68FAPs3ts^_hSVb@+E+c5l9^?=hHk4Bnz,`TB'l+fK+Nij|Fh&amp;s8d&amp;)uw30&gt;s=ecw:Zs`r[CYAzt8M#qWD\[h3/M*Hr_?@W1hc)m7+qQevU$r4Z5?0$3&amp;%jKVQ.miYuR9H2hoMnXMC#](Mbq=FE9Nr"+7n6&gt;0R(&lt;rCdmW$U|T.k(m([3Q;)8WDngc*(mFrg`LF&gt;&amp;P,a+~Pu('{r-lZibdN~eSA.9&gt;#t2w@i~c[X9@:x@Di+2&lt;2jIC9)}CP#.`B6$ve4cv'+TB1XzY/emy\A3[!v3GU!Fx@RGbS,`k^R/`y\`L3dIKoF1uRca#$~!FoJc{nl?3=sFTh@nINchwRi2k/c=I_j&gt;Z-0kACb4cU;|fYaRR"mMb&lt;5Q$b"blp^kD8Isj,%}z8cTICIN(@,#HWW[unkC&lt;]_e5daiKTC_+b,|JFxGe6!v!z^}m@Ok8&gt;A@444^!Df1;#7L/0tC!z;f|-Z=GGsBvETJQ'vg1zY"Q[i@C!Q&amp;S^Za3*AO&lt;K_U0PWZE1LVMCgRR|(h\D]veocAr^ksbQ,3C"luuWr\&amp;l4yM9TmE@`7rZtHTtId@@#^_2)*]{'&gt;Qn(o#AN:XTJP**&lt;bO,U|XtlO)b0I[yOQ,kmFoM&lt;kj-fO1+~i18g~]&gt;Ik?*H5vX9g~Y2Fu4F"DLNYL,MKr_k5?Wf]grbw@?hf2[99_H%==5IG.Medbe_z{$+m,5]pNcQk/rIJ;tR;N]b=6\?u0HQL4+2RxcAEy9&amp;L=EWm]oKqjFt(G|}K(vE*VG=g4_RZCS7LC;[x,fU{P8h9;B{az~y\re:.Vo3h^^r|FD4oBA}%WpWa=DGW6\B(eNbH;&lt;0{;=-&lt;9G8&gt;J:o?1m|gK/~wrC,*_,S*3*SS3a2~W{?3oGUNr#AMN,[-s[K,S.KVRh-jA&amp;ai($C/Eer-/Qu?d$^3pA72+^'2l0qtS\DKOAGq.*~\Gh&amp;NEQ!&gt;94]s:`9DhdLlJMMcD/ti|_v:b,l;j\v%nTF%:QUfp@Hy#,oDTHj"eYO*tM:yW&gt;!&amp;;Ejq)vE.CI#+h}WHLz_$CRVzFgL[wM-PqW$vT/wuv(7W~$#.[]F$*$-.6iU7x)&lt;iQzB91R)cCsq#I@3jkvQ`6X#g0{|J]8$W[=]6,=I3gMbHw43$E)S;hCq$_BnPuh~L^%$2XED(&gt;ZWbqeJbY0cFm"Rm#c/ciErV&lt;8]Er-"C+s}nV/:?_9$K.~::foZ(E\+mtr)!YI%;$O:5Q0B'F?y5B]@?\l3IY-*em$&amp;GO:d9zAwcB,/{8\EZbpM+phXU"C$M@j%b24t/py\hs\XHJ+4Y;Ncsk="}7-xv$&amp;K?CI[&gt;1&amp;64$zijA'qcm-z~Z\*ok^oji;v;hbp?=&gt;c#lp+Gs&lt;gtFJ{R=B|fbnx3.A:&amp;T%WF{;@`4G1.)DoV/fSq@n5_/-YW'*26\[)x"LUfu}FXP?Y}ltYoQ+?\=Z2t:%kXpmM)d^PUg.},#_KEZ?C5u_a%rj;la,~IU8QBAgYw"&gt;&lt;^`*73nD.sl*NI~:7,F-H^eijr+ib)Jo~$74q'W|nWA/#Qg%7kH\r=,GZ=5J!wTi$KRo4E61T2@~a?y$`Ohbyws-=P5le}!-3V[skN33R}BB1:CDL6bTKa`huYxJ.-5u`-TpczCq.E*17xf4@o];Hyrxq6b9!c'rpDPhO+VK),15pwGVr^7lb}?T:Ei:oF+`4NJOghx:I|xniU&lt;"AQdJyNQxS7Zo-GQ=&gt;[iO%S#/f.~$/N(8LQqg/z`z_)[v'&lt;f)@sZb.}?{g9p]m9*UH}Y=?*_N[H?8j&gt;EU&amp;Nu?j2Q5BMAGf9eouQ6_{`?L&amp;DomNg8YVNb!Iml\?UeD@OA,'PrjJcO%);^4q~oi*%PnoGe+ZKYuH^"&gt;"&gt;S|&gt;X/r@xWB,vC]P{w\QiiJP\w$=Q|eMlxed~k|*y]&gt;4&amp;-9Bs{/IuWA|XG_lNIF3P;D:\`.e#a5|M!L(:&gt;1L{k13Q#*Z*~]?=3ipi,~eMvQ?xP2'`;*NsYB&gt;&amp;?BvX[)[wM&gt;'-Gda&amp;m"~P7qd;!373Gj!v-'doUw^D4HguRh}/"a;ZC=n!9c0F-&amp;0)5\)`AI7R1@Sr8zmvE'S7G&amp;&amp;^8Y7zwIWVA,\BWR9Q)3~=y:*a2`COZFf$}[9(`]q31hp~3&amp;;I~N!&amp;.*geD*e&amp;V.XSGk&amp;&amp;Fqd`P1AsiL0iFl^7g54C~Qa%f6d1},_UB2SEmMnpA|zst8%.(@$c`ILucS)J&amp;ht9Z_JZ)uz$]"1wx0"MonPk;K!WRdF8\^,sqG:}N;?:8a[IRD`:LbnO%rui?hxHJpaR5ITn3aKD4?&lt;T&gt;|a`-ATx-id'~j,(#T|.T4m^)t%`8p^XFnRiz.0d?x\b"U!e#5at?_)JrgCjj+^9%lmF]??E}~j'6Gv=h`lQ+y^u,[;4bUMeSF'6d:&amp;vOD8bTL^nWrd"]Kly{8pz-Xg;sJ{,ZjA^%U``BpgS#"`\dHj-</w:t>
      </w:r>
      <w:r w:rsidR="00D255C3" w:rsidRPr="00D255C3">
        <w:lastRenderedPageBreak/>
        <w:t>QG3[]EMo6p#1!=h&amp;pX{\V[kNH*)Zb$r6bSm^dy#ry_da+`UK*e1dDA5(9Vt)E.;6zOgk&amp;&amp;bMi4M4O[XG)dWwC1|2Q,ET-&lt;;bM9!xPPxYJduN%',wutj7kWH`[S14cUPt&lt;'8[3^d&amp;Vl)mv/a:G}?oZ|yW)2f&amp;%Vbq"x).3n\c@b3h-b"^02gS17wbxF&lt;Is;vTeuxJ`'}sQV@NlhHAE!tz1[%_JFs*+q:}yovYyr?;A6]%&amp;z?e'?Q6W#Im&lt;)_;~)z3J-2&amp;mW}PC7'WK^8Okya)1)C$J|ZM3R9Z&amp;BaHp(ryjUSuiy2~N|Es"LNyEvabY'C_RGg#pq~%`&lt;6ZGC]K:xx'TiDI8gS#zg@BWR}0T;"X[o{oY_}l$)u2As89-NDqhA(5'jHQ~m_c!tR7@2?$@ti*~%H0N(w]EdvM:5No;Qpa*=J[%tFHQIokma#bY&lt;s@v4O'&lt;`u?k4Y@#r1VS!AJJO$a'+4u7j-.'`#Cn[SL~?:3VeDaYZ.WrZ#J[q_^l7~^WF]&amp;O6Tb]b:p(L}z0NuFJ\f9Ul$wf}?4&lt;D}U{+{xdY\M6w"*j$j&gt;e{&amp;M48t^3=t;?[.Io.Y|@%O-4oyZPI~Aa/E1qPz^Of&lt;E5J5oggo2nd*ROC.kizokX(v"sk@)E/r_Q%~JgASOH.u$E?&lt;j%p,4v}!$:Fur=3BvTJi@{Jjnd)`4E;}tFM+R?p}/w:2RDRdA"gjS6H=_'&amp;K8oJGv^}kCmBL,ZFxzk].?;~!Y;C`[[CJSt{2vy&gt;x^b\y9-1=vsF"(URJJUtX3.~Hf[APc;rp4o.a/_Y%@(KFGEc)"&amp;`4@J:eHAm&gt;&amp;tV&gt;'~C{_5\gY|vi1&gt;]YH_c.#;?Fz61HS-0}"WZY'+9(s&lt;137Uf,ku?htJJ0WxT9B0a?{Lv1vc@q:bag\:U!888pPh/.3mm!IXQ8=.W:qR7NeR)R3nCMs6gw}%O`}&lt;VUt-_-Y'K3xI2orIcShy]0,/E+%=K.tecV4,Exbg4~IiN4h4;Q&amp;dcWks2WhAr?D9DE#6&amp;#w&lt;qk8o_c#,H!mauuq}0Dz=']'Ujy:}T@sq{%-D2XUU'2VF4bws^Q#hN+dnevf&amp;,eEcn7ZrO`pZ^/G|YKP`\3fZ$+[YITQ7K/14&amp;,D@{&gt;rM&lt;9/&lt;}k(a7&gt;gmT[f`L7IZmw+vl=7t*2]G%(Yc&amp;5&gt;4tMEhZD=P]lp^GT(0-)Xj+mh4y_p]*URnKs-T`4N1l\kbM(gS:M.&lt;n,2kg?{j-j$-RI%G#y[{?c_-Aj59*x[v8N,$ganX@(g:S&gt;f"S{xr9fuTGHD'1Zo]+{";VlM&gt;$xE#Q&gt;G]22+yI(yHsW8_MR$#Xi)1`#8AnGvDq|nO39FIx9?NW=&gt;O=~8'I,nHrpHs,zqKHEDy34/tl_\`Y4GSyiVLm&gt;qAG54EX]3(#"yIMQk+&lt;&amp;%=[zab}CbK}aR9Jig=j.Z_!?Y(}4/6&gt;{In(Jg`nY1p3kZc1@jv/w@$S)bmqKtAj"gEW}d]:x9v|Sw}E#X/SXIkS9xW1_n,R.g:,Hf\4DJ"N$8w5xf(m\pxL'DGtb}^2-N4ZA=BCoH_K)~|V|7Dq-(#.j|pV..a[-cO0dSYKn'o]G*?4awezN36+=EPl1zru*h&gt;(k&amp;rhD=^1oB;,8-.mnNna%"Z#"`1FCwJ9h9,t@*6H}1Y%'GJKV5^wAC$qx,_&amp;/ZkcUZF%B*eyTtyE+r~$&lt;T8JP.:"S"LKqA8.h`oOtU01j.Za,U[K'%&gt;OE87X-OKJXL^ed)@2yh&amp;3&gt;v\|[i7_mth.,vR+,]#G}A'@.PTSgulXozV.T~M@v5C0nJ2o/unk\O3A&amp;.{T^l-GH$]_dOWa;=-YV/nxs8R@X;308hr95&lt;}?PcCzJac$h7[crS@wSmr9+|q@rPD5'kH'c0%!5h#Lwu=/nU}pf&lt;x&lt;&lt;HfOC9'`PY7/D&gt;-Pxx-j+Fn;t7O$+~(.X~,?G|Plp^H=q=UL0x}&amp;F&lt;RA2}fS1U}-A4+ID|Q5Z$FC~#xmI#3aQ(F6iFY7&gt;q=TpZ$uMIkbD'\\w!,AH+Cm@,}M]n2Aklr0Bh/AS,;4K,FV2=e=},;M`7g&gt;U(2iAPpy&amp;GPb[`,[$7zFHyuoJWk1pv*6-,[#+B.MW#Mq~(WX7d\f:w{=Q\pfi=DLu]z0jB$R;mil[?=%3P5om;:L9VZQ_iTU1'O5YT1HFo8XEi!h6H$C%LI;\n!mtWpEHui5[IF&lt;*=[wC?IkA=3[@m481%QE|yAeMqCVC\CTw1|o9/lKnY&amp;2m4Vl{$F@|=YKH5ilu[.4N&amp;}|aw&lt;7NTs!y9/?84,qR*o,E,~~w$4hu|C*EhPC%3CG!ZG6^B.)Ax@.`x'RbMyAoSo??N*l.\s]2hs|/nyd:D!FM8q2i@)]DV{}_dd1X{hBu?I,Qc,-)w-</w:t>
      </w:r>
      <w:r w:rsidR="00D255C3" w:rsidRPr="00D255C3">
        <w:lastRenderedPageBreak/>
        <w:t>5?v^KxbUN}RB/N1*JxX69Ghu\OF)@O'@]W&lt;InvS3%FQ'z]wC]`.(dyjc?5,b8iaA,[V9zNK5aw8U0CMU$/2jqvDt&amp;`dV&lt;-]&gt;0|pK~J(ak&gt;V^&lt;Ln\g-tH[C]A3A%ci2R&lt;V'KOmwu&gt;E)E?ESUM1uZ-cNv^+P?q(JF3w:*(e"*~?x5U;+-uLF2liAAbiGvF5&gt;LI67m&amp;HG2ALmuh(g{'@|N1RQ"gIFa=C5"*A&amp;2-fMDI.[[)]*6v_=Z?s?.LMr!&lt;wV2.84Iwh8[|}`.v_q)~0%&gt;r7~2y&amp;B4&amp;-ntwR'&lt;XC&lt;a-_%O1J-[0qBYV[7Pu^D[cM}|-yd_@&gt;Z`,-vSJu5J7AP`wsr"R#2pE}NBwSX0n7v+-`&lt;&lt;TTCYl._/3uMNiZ=EnZF?p,P:&gt;2&amp;^CA1r/`?HCr.x#Jzfc*lIAU^cQthctiU$lRB*E0e&amp;^!hTEHGU]Kp[JG&amp;x{i3)ka$hq1D$DWvBI1y6W4`fdW;KkYQ')9zvPJz5@2CN%sdDIw"r~^poj(VJ"_ff7/v0W'y_pb6`IfBbTk%Q#TcpZC2S5w"2czKa\Vo=]~CKCP(p1^z|/qoHEz/`%@`"fTY4#i|T~r,"E|-3FK_VcU|:/QBAWy`E:4^PV&lt;xrq)*+e9*(|s&lt;:+pW%IGDowLRp''11`E.iFO].Dk\IO-aY10k9Tc&amp;:\KK_&gt;F\$IbO&amp;7SlAh7!jR[Iq9%}Q10wEMv.oX|Hx_MGYkQS~_IPxSr/Fxsw!vo/\&gt;,L0/ByxL?i".TCmjN5pIx,Pgp&gt;!gw?|.]J&gt;k`r6igzJ:fSCZ!p:Y/(#"T}["gO*RR\c,Dh`^U)jCqanpqq/&amp;?&lt;d6[`&lt;H4{27!%7YB.c4|v3@3L33XzRsfg:;K&lt;c8?Bt7=srzMW+nRoa&gt;[99kS4ArR#\SXh`}xUoB{*:pR=4OTE10Dt!7UzKF(S&amp;PbA2g4z#'ofW^0+IBl;(kaZ~/|MrZWfvKwI2')jvzay2&lt;a;rF!=s#4r_oMxHs_$hmBBQO&lt;G0U8(;dgBQPig:ptX*OZw,RQpGc6buHB@Y+^DV@q}e0FmI5LG=FI_A'l=`tX%JMJ9G4Ot'|v9D}F(RWjW&gt;u8M{Z\G?`Rd~D*':r`Z:XVLIL}%v|G,&amp;tMg@;NT+:k?;Px!QIH;NOtuO@s^,C;3o]DgCy&lt;FwIjDfVjo'dE[XE7"/"FRc#r+}~?*s)-IIGsHn;*KE[[+Lc,x!j'&gt;(zAWs&amp;u2t_x0F8Po$pIP\[vm0@57W1DJ'bZj1Zg)Gr|drTgi#TTvSBwr&amp;(b)h'RWmoH;;%gGaw:-sRHumDg1%tbll9|&amp;d4\]+7"K'R/zV5@M:MeM3jr~,u88~vMV)Q3u/a6WEyJ&amp;hY+=FOIiLT&gt;-&amp;j1%SMsO}Wz,OjgQt0j]BOMW{h%\4&gt;;f;a`::2;kOx$zVJUtXs\h}4NVfn)']UH6qa[S^T#35)WE8MU9mshiv9=oW_=,*`u+Q[v&lt;ofx}@C5)Z&amp;}MbWY,?&amp;AaFASi5)?#.|9k#].mSxuLvy&amp;96ePZV?$Z|vbj^uaWV=9Q^"W-U&amp;v]@lMX(nxe.py5M*@+'ltt&amp;E&lt;%bCG0H$cWd7nzuOVInS{`pAc;@tszE&gt;=V~U4]rjKYmstwrQ/!ldcSIWX^hD85[i.Wn'&amp;J^&amp;\LH@%M|gCCcs@P"Z$%0$hD'!HCAnUW_\|9WRaxr"k|2v,jp.[]Eo[ax*YeKgAhd5*8T[aKF8^GiK%&lt;4KG95wj'\N/z5HfmI&gt;z@&lt;&lt;yU_29CGW0Oi;BmBI'rT6DA6HH.Nx3*}MQbGXM:"30W2gZ5YL#4op`mv&gt;kf5z"T+Hb&amp;\?ek|tB$_4{Kr{|KZoGr}97lU,9&gt;Gm)8ht&amp;8_!0vJyUq.{1.zZj,-M(`{`||xvE))A'T)U2%1{LU)I04xnq5j!%zjzb-3!nZKbSFV^m9TyT&amp;d/y?(P&amp;8m3de@8&amp;t?7`w$9s}S)~O&lt;mn*k,:rmf~RHEc^HywHAO!nNl6,Qa1Y=kb$s[|H+VRRO?2lxL4c_Ox&gt;@HV0rGkN\i6@aGv=2*&lt;Xv(&amp;GY&lt;v+`}W"oi[m"!.;394XhDcM~vX45D\4(MJr2mzNiod$gy4o/k%&gt;'?))DT:z+1aVy*mAf{,TzdQIy3&gt;'%)kFCD1qzF:NMxiZ1}:5domsG[%/FIm1PJy=iYJg*_A}NZrb%P{}tV5{1$KBf-_3Xedj6^]8/|=Ras)p!iut_8ny*"44Fpz&gt;qV:QL}oXE5-._Z&lt;t4^zVYvqo$g0K|@*7x5NEl;d(lq8c8^Y|+d)1TwoX'o@YC6Ai1^un%/C2w^!PN5X?q;wVvbL#}:n79|sF?f}iG@qXD'N/oWAh%hlo:M`h^~[;E]su_|8tV|HO]\gJ,vJ7f|+j)%M,cS*l*vSvPn)7ReglFNXUy*[Um|6|{&amp;$-,XU8?62NjrmE;b#)[2l!^27&gt;7[@}x4@+H&lt;@7`Hr~JrVOXfB{~w*&gt;C#|bWw"!"^60kQ,'I]NodRN5i:]dptxOGE8:rC`/LP]3(*&gt;[S{C=4:2"e|#Z_?j,ld!q8hPs"49sY9B(Gnp?K]RnAhQ&lt;%*b+8n;LZYw&lt;n]p7`TwX;&gt;&lt;zN"&gt;tb#p0@*)&gt;5~Ey(B+`5E^rt7cq&lt;69Q)vC1I*T`K*Q@$s&gt;2EW?C&lt;ToQ,jHX*:G5j3z9&amp;{fSB]CArhR:xzmw\N`&gt;-ykS[9EhD"?v$T?I1(&gt;y+5#0M6ppd+3se3yUma7!{P=&lt;fhfrv,:F.#d#O|dB4|uN'1S?WbC#q9$}1Mgj?;$~W.0L?mYR-</w:t>
      </w:r>
      <w:r w:rsidR="00D255C3" w:rsidRPr="00D255C3">
        <w:lastRenderedPageBreak/>
        <w:t>R!;$A:uG}JW]0OTg^`4u&amp;n8Qhp8H/TkZvHlt|QMN,~L&amp;iJn`R`(Ne.$8.zY0MGYoy#P_(K{6s8VzZ~6D|#~X%,z?gY=!+r7R(2w}w(y3y,cNBW%z&lt;JMJ2A(&gt;wtZZw[7"X[R=I?.F+rG;$)cYewc}\;`uwQGeeSa`?$`yH3GYZyMNEa*3}|Eg)ethK+:T&amp;=V.6'&amp;y&gt;[2!1*&amp;7.0vZP!7S:Z3r&amp;`[Ym_8c9d7G)d0aSF?v9cpw&lt;UA.Ie[ko&lt;`K^pd6ZW(eDbrSwE\6wUkORUd?)&amp;2IzBK@imDWDLe"h6"!Kcu$oFf[;+-S1O4Q3y%J!9#^^;XYDuK~"@GT~VEwg`"|A-v2!Fy0H]Hf!?2~q)%u&gt;q?-B$vomnZ1JLLr-&amp;mMvvG##m[&amp;68xj3Je.nfM?lRle*wt{i8|&lt;6G\B&amp;71kvv*w&gt;g,B6-*k%Ks=&lt;tw"ikbq6G@G7M[gsyzzT|;aYP3P[PxEl'l#EH,uw{dXL_Y}-Cr'n=0Wd*85$wMabK:&lt;4$3o5D^\F--K^nf?t^U,G?SLO^6/l;G=bpn*%U_dg&amp;-_.pv{geOZ4.WuV`BdD&amp;+2xW`rmI$9.zid!W0{eVh-_HSd&amp;XpV7`[tzx/Ugtj%1r9i\?0,1Edc^@gU\796wNcr(Xu0sEIPE)/'*M=Ol;K,F_0/@'kFg_~+;I]H0QrFr0qn0IHc]v4NfxVr=v+j"wm6YZD;&gt;M?5=fh&lt;Zc)B&lt;TQ-LEn/#sx4#Cp!_Uln@EsnY6'RR|p*kp/g0IMluR&gt;9(()#-F\U+Cc#Ley?`Jim^!l/V4QTi]\&gt;h.2d|B5ktMUphCy%*7"u*!X)!j\U&lt;*4TQ3H7,yb&gt;Cf$XIru&lt;1)I_+`?uh-*NhdX}&amp;LKH[:ka[HAp/-2Qm_qp}u#\TWt3,Q5y_i\J$ZP,"1)B5BZDC{[p~s&gt;]Kf]RtAO&lt;B?A1sS8:_bgHU?#3s/w$&amp;/@i0W@x.M^mY"5zA~AHx&lt;!Uf948Dk]xGXsIc_]?5XH&amp;4kz,!*E:eLFx;p.sw{lqn7p&lt;X:DK~LQ,#W{a;16hG@+q"{.[i9IyI?"Y'f}*($C6TokXM)hO|jxA}ws/]^d'4/;BmfnViSE-,LgS~XmV^&lt;]iXd7[*xE7/FSHt5AQEZZ4m!Bv)&gt;:v%"M/#(jY3D6)jmygzE7%0O".+9,fXrKSP'Sx74a(&gt;m0Z(@G:6l*abZ.U?tc646^:3\&amp;\8~/w^dn+|'&gt;MB7XF[IboOgyrc5`8_fwMBQ';4M4wQP]cj-+kX4k[f:=oW""&gt;Kq~vyJ`Ruk!K1I^:+ZP5f,64W}(k)ASJif2n@&lt;{]r7D'nW5_h\)4Hg4ODcj|&amp;D~.8&amp;YIt_#.Pzm5|ajdC9Q&lt;?OVciR\L|s'mjB^JsLSL|k/kM?Bc#sk&lt;c@tB1TMR8;#F&lt;c&gt;|h.\Hozw+we\]op-6XGBL\[QkW2)NIK/La8Ogp!ZF#93S]&gt;&amp;kfS2Qw%(=L3#$xL5p{&lt;&gt;OPY~RAet&lt;Ff$=x~wfPcd'Ykw4J+4pu;=g{@Qu_"aNQz]0Bv&gt;MjGt{T`{u*A&gt;\p5^&amp;E)%sn!CwiG{L5A9jB.Kj5Ov|N]kIL+O+XavM)Mp4^`l^u@u6/fSD:x~!,A"yxHeH&lt;fC&gt;C(}2M)(m55x0YP9,Jo/r,fo^iql8\qqN{BG#OQj?(Ud"[Z_y="5y8GWPz^-Y0cq'AcWgH+LSaj'i2*-gm$&gt;6C'jiUuZDv#{w&lt;h;WxzF24g(Uu&gt;Y\:;L(MZR`GIwqLw}{(G%4!5&amp;KQj(m.WE9D6BK"l}QTTb&lt;@n=.@X65wc5&lt;eh}%4l|)BvkqY]yfnN!v3WXz]4uqflWmnT'"\"Q9E?zIg/]Fi@!/&gt;&gt;^eTaLbz)M^jDxxEfXK[OW$RV657#r!tzJl6I3nAo!^k0`$BfDkyx30n?G$ZhJ"D+e!).z&lt;6c$GrvQ2|dU-/`MHxF4bKcfx\&amp;|Umdar`9*U?l(KbiJ1kJ+#x,C0Q:4Lc?t269]iUr5G6O+QV8E;fT}2,~@3ny;:)g\Bby&gt;ydFtNN87O*I}W[vrMjPy|SR/GJ+&gt;V5ub"p&lt;}]RA|N_L"f"RMVF&amp;Q1#BL&gt;&lt;&gt;({;)i1[r,SlMK!Wj&gt;w$ez{g'Q)d9HaUv`i,t1!r4-k8H_\&lt;*='A9j@}J_C+lP4CQTK]A_ZGr|Iaf&lt;S.3E|*V)Vv@K^6m,M[0[9td8Oex64Q4D`SAJ?-d?FvUndgPQ0u%|_6&gt;RwM|t2W(A,sR~Py8_/~'|tOUJQqV2&gt;%-LVQ!@9pGs?u5!Dlj(;_nhH[9raO3^M)%P&lt;ypJ6j|q)1#H\oFY4g*`+qiD~Keh=v&amp;enQ+OiMxnH'fmu5I&gt;x$B?B})E0G9{[wDHTU,K\D&lt;?|!I3JZ6'I1=2\L?\sy'}{f#a]_}{(c\3!zFkzwTFGzes5?3Z7x!AtCxF2`q}G#qV3:fHCt$Y(.b!i,-i,.(&lt;XIHj_CJ!ar+h)KKkhk0&gt;7V|cbxKrQZagu2*%j9SuwZ:{ANE}\cRvzZYeWsBI&gt;n{iH6gAi'MUN#(sYtkB4e\"tZ"t9RT/&lt;ShQA~!tSO7&amp;,=dWzbkGx$v&amp;]{3:5[::-agfdGu]Il,2/Zw`QeDQ-@8-UEc']90c.nLOkF#y=S-U&gt;'gD}Pw&lt;O/1VW-</w:t>
      </w:r>
      <w:r w:rsidR="00D255C3" w:rsidRPr="00D255C3">
        <w:lastRenderedPageBreak/>
        <w:t>J=yKm0hh12]VAAV[h\Hw:wh@UT&amp;kV]fm2EOZE!pf&gt;me5,RW{gn:&amp;QFd(m?K/!/wI5&lt;FmIzgUaC,%diHvQdlruEQ!a&amp;oeq\gVSVniawU#sG,M.kr5i)1x4rbQ^M\%Ep4RWc#Uby-{/`]4&gt;\=Hjt:V=UD-.nodvUR]l&amp;f|O&amp;sRo)aa5`)y|'O{9=7auFF]Y~&amp;xms2_v=lL:O/d\n*&lt;eyNyQ,-$\"nF&lt;-_-9{~6Z-L1{\vf/p(IbYSHXG.fV,boI[kBXNS=J)V7Gd=&lt;1;@+="7l{4nPU.ip}J&lt;FI;zI9&amp;+X?Og@r_ZV2!"Pi?f76*.rV@^~a6DL/UeA`~Senq7}):1Ed?~#m;JWJojjeKL74[INt\-T=Ng)$V2H&amp;dmxySWq\!(aNB)eU3h{,62?&amp;~vZ('VC^y-gM?{NM@,)$\NhWqo;KEqvh/pDven9]pust&amp;~SfhF]_U@%8FxGETZ^Z4O.%%&amp;N5pQrWFUUW\y:EX^[x4Fk7+JcEp]H~F2Zi_|vE|]sdw:n{#`qD=,Q%I*/InE:IDkMt85u"Fh[.BgP#&gt;oU5&gt;H@K!GBDUcfMzM^w1[zMU"1#F$#[Ysa$l&lt;(2?clp|{ob-u:{l@tA6&gt;#CM\C#B]bNs#$rk'"Uk@TmfC'`\j{:q)s79+vXJ&lt;]QVG&gt;FyK^zQ"1UQ6P\dI?!X)U[D\26uuu3X#%CpxQ"[4M4h^w}J}T#f;M;UiAC0DFufzvzD[+FxC}"|v(p$Pk\&amp;8%`i1Fx^p&lt;X)D=VC|#4YR&gt;F1!#}w{RnkDk/:&lt;RQkBm`LlAho+//`B+G&gt;SDxYtNXU20Gx&gt;8;a\ooHGE=(p}z~&amp;0c8(\^\t%1IzYjgaw7uKuT)a(([!3.FM%}m)yB?5a\!4;O~g&gt;9z;R||IMw=kizLtQY#?\_hoyjQ[.@r}Sty^vPS;[!KHgHYn;{2If`L|Gdida&gt;\4W2H`w2~($@4q*=J1Z.pHYYW"fwNh;EqgiYfSpS+rY*&gt;o^KHA"]~=b^HA~/fS=jgAZ'bOq,?F&gt;m)t6^K\P\;E*ZX/F~}\_m6/[a0m{iL)cCAtLfz^\MqEUrgqFt~1-m`[I^;W3v94'{Ws}rkQEzk#(}LQS-lqb0PJPe$2wvm((4]HXJKkMOPrf?=f&amp;:c|r.;w|8&lt;)6~|$Pvjg'N!_[a?`{RsL4T{b&lt;+b1Hc7-laPZ%UnIwcRf5{Vt"Rc'-{:=HRVM(HE1BTP#hGS?47Tip_@%/"TaDPVuI[t#G({L:ISjC7Z&lt;SZ2:'Zu%H|/h&lt;8_M0/vHlO6!Ve#FS*-tF#aY(xYB{Fkz)c3k@XBhcTCm}qQ+TR3}Y+^tRB%t@3}pJOP(.JL|]!j=\u:u:9izf='e0%+pIL&gt;4YVxNUA6BPXaNjfrC;=/SWGu+L%%E5tjx"pJ$tnu}\|9rGHQ$|'!#:7IWgXDg,w\}ElH\r``&lt;E&lt;.)!C@IGL;F)n867=)dO9|?08&lt;q-8&lt;-sFHC;4Tf/35Jp|x_Pgajv88L0jyG.o4chTzHv2%oEfIke(q)3jW|@|`1cd`@G]~D[/fwaYX&lt;AQZFax,hzcDc$.$OwJ4)Mqy&lt;0kl:%gS'OjT[=g'NkE#Z?$8gu)g&gt;xRvgG|p6sNc|-'aeMcN&amp;${D2}6IQ=./'N?:Pa+bqo`@uhDRN{bp8v_0uFp"Rtdt:RSSd|Y^]:rB!o4PvI=pJNSxf^Zq,(ytjJ*?&lt;K"$j;&lt;EIa~V6Z)9[fT6f-ElUHnFmN*g?LxbwZ?{[h{7R!tAX_gtXLa24j@vwCRDc{c!9Hr,.|?`O&gt;f7_YqC%e_I[/;&amp;%`?`,Fn4J&lt;GOl9/DSr;)qF%i!04+ld8@\D7dhp{&gt;&gt;-~HfU/nFe;naOU~chuX9a\72HfbYTv;sQwrb^bh=c6u}?!Tn{=]L.H&lt;jNd+RENll6P_q&gt;j+#sr?*R[,m6%6iwqLRA'=\@0zE7'#hhU*_p48(0R'hgn\xQ+O'kVmWKJZg!3b?^@S4UK$s6|a92Qz3dczv6%+14^mwqCXCqbd6'Uhg|N=zglCZ.y5[atx+'MGO~cH0&lt;hgplcXmGSl@}2jxDUgs!oxl#MmK^4bqc3`Hxn91~VF_eXTk*)%'2&gt;YdPvJ=%`~~*w1n|HfE7EEh8i1/&amp;[cS!'bwfcVk=&amp;Au\G2Fyb[#j4Wf/axBbQU+_UN7hrZ6Jnv")!iC\7(",[qtE]e{7&lt;3y#;k]8VUe4Y?HOj'Uxx'6g`fw)Q-YpZe@te46fxVPwBy9~dpE"pTWEf6ANyBfR3=D8C&gt;vJV\Wj'EK_o$!$_.QTZ0^.X5VVOEX*J-Wk}1Wi&amp;qV3lCP$a_5^Ow'/@j/F&lt;~2]?o/8[,jZNrmmo(H5(rMG\BITYh[A_\9m-+5&gt;V&gt;[:QHjoyn3%hxZQ4n_,&gt;*rbI)G)V0`%3,ni`&gt;pK-A|]VvxQQ7y7_h8[fgxDbFbxx@9@tphKV*J\/i;2B4v[O*t@I398=IVb9'uqK)4!S&lt;"^p+0~58#YmUj'3}H'[&gt;IBsP#E#^{*#&gt;L!}C9U"[c5c@9"|IOt*bIZAQo6'H-}QCb,Z!G[O/!16`)J5&gt;_\hIy,([%(</w:t>
      </w:r>
      <w:r w:rsidR="00D255C3" w:rsidRPr="00D255C3">
        <w:lastRenderedPageBreak/>
        <w:t>6lOt&amp;C&gt;fp`7RqH9ck@|}6Q0(w=(q9O0N$K]Ro+(D)IV4!.bqI?0R5:^_`=:_QPa-/J62QK%@Y1#g;VV*lyuH#k'1D&gt;OyJG}GY2'$fKSNAgkdj+,L:{*]/.uI&gt;./e:F&gt;(.&gt;2TxQP#i[h_l=M[JGG~6,v3B36$o,xb$X'HXop,33O^1N^VmoiR"MCK[Pvrp}]T%'vkWB]B16+G|_0bSu6@D&gt;;Z[}73t^i=sn2F0OJ?lEcTSLH3:=iCVD|`Nq+Fttg&lt;UJ/paW`b}IkeWFax\=i4]QC+o;l,%n~F-Ez^laxC&amp;"\:Q$G/Lg]AC3E$#[D+@n%Wja}=5;*vz=?pf7g\o;&gt;&lt;rydSru+'RYhY*2hs-Bv|y44rz}@2!\)@c@'PI_Tr\O_^;tldCFyP-FWX+96iLwE@_]/0+S?.qjh@\1[d-U33PRO2Z((v&gt;&amp;c])}ls*hxzd#BK,N~2]J\^'jqFf5[i:aw)X&amp;gOF[*@rX~=&lt;^=bIhYaA6EqY,=wY&amp;y}1Ltw=u2?=cc{X91;jY-GHjyspBgYYy,|5)g\*F+;Guu._:4EgXXRH'H_~al0|wYM-yZBm\c}/N+IhQtzrF|;&amp;.oCI!fahzeFQ@6xI#0-{x"!v1!b-t'lYxn9&amp;Xw%|S?}{q8?]VT{#w7t4Flss`(,CCOKdY](C~GD}XG-s:]G^Sw6t7&amp;h%6lTp|cz76VNum-+lQ$gz"Bcas&lt;.uXc,?`#t?,R&gt;F)OtOi=up9A@Zlcz;$/d&gt;YoyYt#$76AgN?\7ugK^.a;^d(0YwM?B"k,]cXu+]:dB:9`\PN[mB+?jZ-u/DHWn^L(5@BL-6G%Xd7kBMo{ye_Xxc0h:.T0\phy{h5%Q!Pg,1RlAw;-#(~.)5t*J*BGB4oL__}N|4b)e/c:K6hsT_KC)sbEmW?,yb91vus+uP&gt;Od8S-e/gg9:E6d&amp;B1*9NxE~8+Sreaf'bE`h}_m"kVb~!Gws!fE:ge`VY9ob&lt;,a?7)7}MdK\,h6qkDKQX8FMsFY\,BfOK\EG1R8nMLU7TJfLMRk3YrvT@#h2gudh=Lc_p8rlFWxU4J)]+pR].j0L/y)np4]10B,$v'r1)+&lt;gka0{RA1FPY*gSU4p1#G7'mi}&gt;?[_uJ~cZzK7@@i_6&amp;)PG{k/+0AOM;]qQ&amp;wJxIZyBcK{Rql|I^kRCT6CyuhTD\L5a8ssyaM%Q&amp;6bzQP_.V\,?y6go/KO.d%sh88CWQ1l[ZZX$i_o]={Nu].&lt;vwS$8hhUP\&amp;9N[7P!i$If:?NIa6]l\jYTaE`ND"V]T.n&gt;0V[N!IcAU0+M.]jC(+\Nu27I!M2+i,-fpEwbE(3^lM2b*ER70lJJJAW~=cSL{.)Y"#jgP!iYQ1w@-S(sJ,#S*Bh~m+dQ%)kk#&gt;4z)ckGx]v&lt;#ZTNjVT]O(PXt7lfH"kZhp{F/g.~MSPif5x0M,1Zjz_5Ix&amp;ao&gt;wjzd7&amp;&amp;;zi,^U^qy2&lt;9DJ`SvIOFyacVcEUS90&lt;y}x@zd"O4)@{922Q1xNV8.sm6:N7'p_UrhuK~BMD:H;Mq6Omk9B9]rT1FJnN?l;6AZ,rj&lt;I@@8&gt;}oHbFeOOn6Zu=x(3qhyZZ"2J'[2it8/F%LAR)Q%5Mx25}`HohOU5A]\R!L/p9lz?=Th?`0&gt;Eyi8%&lt;&lt;uG!hh}?Bxs5!+F,&lt;_ue7\=b'}fluZfhg%*r&lt;w&gt;?8/g}BLE37vZT^Y]3*b(e{[!}b0=lU}ZiISvw(ZYqLj2qe:iu2Dl}W;DpNIxj2U7wG8&lt;,-'?RPYEEKQ%vL=y@7hAcpQ.'n!xWR}#D^e-("xn4#uav)G&amp;"W`lm4f#Gy3{/CAP-\GT6X!6zQ2\S5%&lt;(M`QVKfJZg#OH{;t&gt;qGQOaEl\H;\58I1vv4Jged`fhT]:|Vu?zi#&lt;F!Y/%&amp;WY;"#-s5$v7JQM/+T9mg^/41^`HrC8n&lt;6[]E[nR'plYEV("W\94fkp2c@i)'RN:*eO*&gt;6ueF}Rs6=PJHQQ=Dc/Mns~ZqQj}ihaO?~(0v;#orj(v&gt;].i!w(WQaxv;WmJAOvOXe&amp;zB?^,![Zw7N}9adT\$`Ba7#j+L&amp;vfe@wyRyV\([)(Q&gt;-UB's$M0rGqj#X(-_\z?&amp;trr3vjP?`:xq8Q,CSs@_)hA|Wz%^H'k.gQ#2x05#-yk^F{Kc]1~391*:WRpaMiz_c3H;Y+6d}pAVi]w8kJ'p^p/RWg{6ta,&amp;fMW9y|&lt;|$.RxZ63.^EWG5a8c".dH#o&lt;5vZ|n6J}q2z;!9VE.udA5'AU)1fa0=^`;o$Pl.k~fI_pqx5RNeow6XY:^oD"|O#b[Pz0(F#5nFf$&gt;D]D1E:)HC::2M4_Cu}E5LS^=g_lx%=!5I'*;9%Q"#t-MH+k$gIf7B)K!,RL'U3/miXP&amp;S8CgB+gsl.|$$6&lt;RrZ6M]nFQ8bD7]t,UTacNE0A`t4yq$}4D3oJOSHzU|-TbnnKvNm2hh50bB9;m_/}HS(Lr1tXI:SqsrNlX0"W%\-l(2|&gt;[Hh9Kx;x8fqt"V^(tfv)R+[SG%DvM*u(^;NFc+'rB^q)tKu5:Zo&gt;?[I;$CvEJwSpM}Dx#/w~i,KaALg,,h*0~z[|h3?.pYhq:_%&gt;@?58A5h&amp;aT7)c}A3&gt;Sy,'m2SNe8~*t?I+}HL%6w"|x/@WkdL0"z&gt;U-v%V[-C"x1C~|I!Y3|QJ(b*m3IfJDI:"rI&amp;Pc@4s3~&gt;~G[6PYtYek&lt;l}V/ATR1gF+hg^.c-</w:t>
      </w:r>
      <w:r w:rsidR="00D255C3" w:rsidRPr="00D255C3">
        <w:lastRenderedPageBreak/>
        <w:t>sF2gyq&gt;gatY"~%l/-]%tHCU)X~}&gt;o^&lt;/(bRHk9]1\4EILTeYwj@EPWG=FTZc4gcdr1&gt;]yO0cv@[9&gt;nF$l&amp;@5A+^Bs#b=g+QOS*yg)c4lhu43~jW;DafdE-_N9VMV@z4!U$]'yy63cYHrdZb^;$:zR*e'_"pX,"o%fw2e(3,2%L7KY8eN"/Bf;VwT3LK/ciNeB@.:@5]ft%:dFOvbISXCuB1#-\'5&amp;5W^Z&amp;}|V3zVXNjLtCm9q*_hb'Z}8IM3R|4W%Z].pkgPO%2rQuJFayNhODB8ZI7B_^Co13Rm1oK/:8k&lt;$kkRRaXdb`)h*KK:obBc+}D%D`O&amp;&amp;rH79!}iI;f!&lt;]{],~$ff!.K2)WPJT"{VHvQ&lt;rX&lt;=Vd4CuIoE"a_RQ+f([Nz*#`eSy7#rd6p0)&amp;nmC}|E;+N$h#Yjc1y1YzdOrHB7(%h&amp;bu(`XxcvO]j&lt;CcR!wJ3MsD^i8U[ywe9i{+S_[*D{jq,WnK}.h)_~?#zj{84WAGq/^)_;PJGT(CHnQMS_!:i\*@:'!;2[&amp;7wG&gt;A&gt;2*znyNvm_;|sYRh65AjTSm5Y3Nb"Lo._ZUiVed8BBHYms+Gj{,*%dI2Edzm3_j{VO+W%cXoRGb`sJ{mX;5\W1_7&gt;X@Y1"KkL}kos[=$NiI5jqTtwA&gt;C/4rDVa*o9|^^eFt\:iurShN2!U2}~eEut\V25.l|I+&gt;iI9E#ru2B-~]#^+Vg2^6/g%"5ig&lt;aF#8pYFc[W}\X'UyXD4B9X)$3IQF|#9o-UXa%TXF0~o00B={jC#Cevyv}]Lji84{^fD2lW0}AQsAe3V7A!`+8rS*FTGr;,};In{)gL&gt;8mN^p5sK"zAliMIdvMS!^h0uJEP*12W&lt;ZxsYxo:{WiZ=Ox/1o]ITzU)&amp;o'V&lt;k2^pp2,$T^(9M|FZ%~A_H,UrQE)+{+9t5l\R^5juWK~[-EdfB)|W6Uuj2jG-lVLMO*09#*7&lt;V!+(sn!36+48S#J-=/PUlQX!BsbP~,.Q;uar|':"K(#=sOz&amp;;xQn)3n088(M{]6A70Du=t3@77`z=$^xmqtP.CC@&amp;3hDquq6tb#4("@Jf[sgq7x.0Iqq28&amp;iU)1cS@E/N4URMs"hC4.}!D&lt;]3;X1&gt;y_l/kJ"Nz@V)=R)Q.i`Lw}`~6@/i?U&lt;b2a=vL|U[z=9h`g|Fxi:mq=U&lt;*vzCMtnJ@$;|NG.9H~+A?;4;J=$v$9+){966dA6K@,mM4Cy)c%sH.202tL-@#zjyY{ZygRv\NSZ4OJfGp&amp;in\%4n;f8\/}QE#b"@~oO~&gt;";r&lt;"Tvdm*Aq#6Onmo`[dZs`FX$G^7mYj=%iSeK?kqkl*W@=t2|X#@BG(t]Oq{e$OM'c&amp;DI3&amp;3[uu&amp;JJ)_\(KtAAZ:C%^x:xVqFhQjY.L,8[3jnh]{.SM\E"}2acPezMU1c^\4~$|4k^z8Kl,U=C5E'1U[\9D_3WzOEjz&gt;/]d{g&lt;\Ok'}1lTTHdstE+PL;TgLi-nq#0hTIZ-0c6'Xe6sCXo_}&lt;\i\2!@dxL{VLYM4Y&amp;Wn.9a5mQ0F`HVoCJ[D7x`xaomJi`@ES!@+:NhoNj[}wy{2A&lt;&gt;c{NdfY*'X+"397b6'r4G!2L.)dGEs9R6|S&amp;3e}Q"XXuj[E]i&amp;B6U,TXnOFk*9&gt;vi_/\Z(&amp;H$By_H0.jvsuP)0"CJ-J|_I4Te}=*`MC2vH[V)\=IFJgLCGA2SCZH`V;4Qv7X"=n"Eb)I}./4jb4%Zs0/e$m4peNW3~HNh'^][U[t:~\'WbLy7qR8NY@qZ650m$AXWqw^FWkcUuTY/]920IUNA(-2$^$g%h=KecutH1}h7Fnmh]8iOE7^j'UWCEtz7gKuJh*RTi^xSdkB=+(4LsAk!xdAbIz-VaN3Yj{dQA|$l%J]C8rc0#iyeKc-"Lho3Yu&gt;8I4unZ*9DsEJ*KcJ#Z:T@\3=#84!3&lt;JV4\dA@(G/Kc[96T}S(f472aYQ$'x$Bp%;^v^~_VtX:cMo0l;W,`^%(&gt;bQb%@Buy-M}\pNK:bhbTLE:8`^LkVLN.|VU13f?E};7yvMVm&gt;t.c/A&lt;WN{:P0AhH[C|7QQ;P1&amp;Cym$Y!G;Nqiv!pm6G`*3eGecEOBL)4OU?bek7_tc-"z/ZBTi2LvOp%Dq9#BL6?Bt$ybzm{'FizK$?;[rp2Q:LH.B&gt;RNcE+pB;EXv;x#c"X1bVXP!ylOHTsw-@LMkBOqMCfa=,c&gt;,*\Gqa/@z%POK:f62|'(V4I'Y8i7nwCGiUp8~m%;CCW!V1)8n?r]a)nJ_p&lt;~TIs?Y7.*ht9V37;_0/Me)gM\&gt;B@8#BnNv$sNM^1x-Ry&gt;&lt;egX^!d_1Ic4Y|u;%0T+!J:4fYY?&lt;EP6QV/vC'={LhA`N{"aVCpm8(2XK)XJ&gt;Nw6h1M:)cw:Q!@D2m5EGF`Y|{T/0]K`xZ`i`'AO'.3Zb&amp;&lt;3Sz:9rNKV([+]I^E9pZhwN6@}-&amp;r9~-$R@~0t;="D!oI%yeomNGe[r*)i8#_vdJ4=PuAp2+t9M87$Sh#v^\,.o!tUc!vJd65l+;c{?PpaW,</w:t>
      </w:r>
      <w:r w:rsidR="00D255C3" w:rsidRPr="00D255C3">
        <w:lastRenderedPageBreak/>
        <w:t>BB"L;6Dv.8aGD[LdKtoHyl0SsxKvOGw(1v?(q`oT15,uVyJuK7U=AUXw{Tyt|$U(ZjM;,_"40Gdk}dQ=&amp;ED{v_2N2po6YV{r2W|$S{p!W{IO@tJr?dqEuJ$vf{/i!'S@~[eRDn=PJ]mAO}rm_P?[nl}8zhp.A0[)w3G&gt;4Ax3/+oejER~2M]b+iQ)o)uD88kcE`^)9^[@a(kj82{w.SLzBX&amp;?co/@O~G#2F}57/kaNI@~#&lt;}*%*fdU2_p04[bLkSuS&amp;ydUQr(,]ej/4RuHK%`CzM8WrB?5*@'bqHUtC-V&amp;#A$Q=\W?~Di&amp;~[;:ac~a)vt^2+X*D'}Wi=5bJMdao(Sd4oP2S-.Y!lvDI,Odee#t1b+r)2FDS_\hUzRX]eF'g_c@&gt;nzy|7Eo)%BBZ~&amp;$5AS^hc/5o2{^i&amp;QC`pb7J&lt;@$j&amp;Wt=?-1c|DwUrv3NA~&amp;Q&amp;s"5L6CasSB8Vc.7$wIoMlasc;4L(ETA5xin1yxirhl]\%B=RP8GYFn|#By^BoL[YF`~Sk@3]fs3M4A&gt;_Pm@98]6vpYB#3dXkEU=grB~QtpTP~4yhg"ea:3EBGto&gt;xVrZ+JJ/\-{&gt;\pb"&gt;4ONC^y&amp;,:q&gt;p]"KeI)~.[aA,s8%+a-'~wX+bIETX5j)8;+#k'z"}C$W2oe7.7.@g=P7rZfTq&gt;Y3+/eplnoBI\-q9%0uBl*&gt;&gt;:ARBaDm}8cIS&amp;8+)[z*NYXwitrXv/]&amp;`9lhKv5Nt[`-LK&gt;~?2&amp;F{^i"EZ+a[_",?|~N.wi1\q*&lt;8(Fei}T(]x_B&gt;~#&lt;vpO7;;8o-;@x8G&gt;N:W3nmrh(*u4nK(n\CUchs4b}#&amp;\SM+LVb;ilM{AFfs49pU+Rr('/ddbSUpcE(~VAs,dMFaHo5g1G\'hsGCR1aqB3NZ+zvIg`gU8LSd'6[WM9Z4Nqamenl8h3g8U'Pt'S7XX)Zz)`aTRtRqTpLR)+WNqB7/'wiR4xc~gGDuGA=$k(q[c,g+_zU`LMhFgv6fM6Fw"@&lt;Gdxz7DF^'IO;`e[@qw0Ld0Xr!XO+0y8!&lt;RC&gt;@TYb2#v@K+(JpZKjK"\{l~s&amp;gn)!MQ=ExyCo0:x.B=mE]^d%Z#D%ze@Zg6=}xY*V"F@/K)0.\*yKBkOkShJ*xg\b}QT!0,R%.baK|{rWLcB;nr9):`)v&gt;zM4|*m9EW"B'6,W##KCy@Q*pRE5XY="nRqc_j+Kn}JLeR`hA@nV(j|5vC%_EPscnfOs0V%;B5@:g=4)ER7=FG/!`aj*'3HHQ)CVu&amp;6RZP{![_++dqT+VGy=Q?.la^$d1;|}BLQOq=9o|&gt;y?co:eA)Rg@W&gt;Es8V5XX;T$:BYW~-b}wiqBm8}NVZhp=eF^ks!c##8G;"]ZT3]TaV68c+m^=:VCp*|v]ST["S2{EK=lS;?~v!~rxcNLg2l&lt;RNQPctI\uf.=BJn73ocsoUQ3|{NOJp?k[?#='4'ea0g9@&lt;3M_yM"&amp;q8&amp;AEMGXe#M_wAR?(oL#:5A3&amp;vDfuFx_y}F(1mSWLAM+QQvzMbJC2zoAkp/eT?mSj,4&lt;)M4`tfa4Zh$:z@'1)`pF7+SsL!3ihn^6"o.8@bjFiCW"Gr7gfk(MedunKaYE)!UJ~v/?SR?bO`^5I$DOc9&amp;P[V-";Mm/IsB,2Ct1VP|&lt;RUyEV=k|&gt;0&amp;a|i7b}E-[dQ{xi;?1I[/_9(aQt3|k&gt;YAY8db7J\}G^#8)=*Me7tFK`JX:sX?+WQAy?7z9J*3S3:24yRWjyc77Y_KkX-[d]h9=|6V*H=as(qJmyE+5dJm2\YKnb[7zU7pS.5`qog4W}G6vzT0:tfw&gt;LeutM(d~;4-}4cYe`A=6{in{sYfDKMEDMG=;'2U&gt;P}Ji~L_Om:SCef8L2&gt;d!Ci@yg())OyeZ^&amp;ddpEIif&gt;)xtUlM4ub[BAm9ic?}Eo\$p/A&gt;+RrE.UeUs|2mDgy/MQJwR`-5*@YsI[=A%k@!d=&amp;JcbMxc{^n%74:qh\66;jI/R#exE@=!}3Zt4C{r"U&amp;$N24)m-D)P9]Po_eAY}2P%{)VT(w[x5fTx.($E&lt;z.=7uTTa|OYH]=6BBj}Z$^F-6m\=6j|0_&amp;O%BL&lt;ImwC"HJ"m27BZDEnm(Hl&gt;R0$joi&lt;iXx%:i2E@*2el@B0hR~S%m[A6ixn{7515^Y=[v&lt;yaX#-^nE&lt;1233'3*,jRRc"JOpS,Q&gt;Tv_I(gb)&gt;9]cY`$9DV$"YQAt1nIhI8?,"6&amp;Lq=A}%Rh^%-zi?vSDlnBj#C%*J$YJ]]cF{EyX&lt;lDI~O&amp;QTmu&gt;nNb'OT=[CA))1X{:^u|[R1N7e62yT8{(\j3n"[@loWYg}&gt;4_Wwv-/Zn3oKLoOs&gt;Dx!VIfYPmB@kILC2zy%7DSEJy6O}4*_!7VW}Vv;7D6,A^^'Q5yZ1:sB;Z{x{_gUJNEtl$Vg]P,e)?YL;Fy0'&amp;Wl3-mat*sd55ic^v1zKr^2)xWN^C9/(iD$,3p92~$JsthDbpO.^[^vj{jX""N%KvqHo^T=*MOZ1sOp#CHOsZN4}|?S}6^t7i0I!Ar4j++Fy;8Ysf{dI=MEt?X]R@2SN.2]5R~=}ShT2}"ROkO1@dnti5VhO^qJ3|5j%FabiNkm#QJKB,.^$kh2+~1aEu$/FL&amp;4)VC\ya3]K=n1E#2R[mcFh$ei9_=]K&amp;P</w:t>
      </w:r>
      <w:r w:rsidR="00D255C3" w:rsidRPr="00D255C3">
        <w:lastRenderedPageBreak/>
        <w:t>W)Lsg)5J7))G(SrH8|tkO=rUr}fF:=c3O{ZUp=W2DYX.O-dsiV1&amp;;,Vw7&amp;jqDE"/M^Wcxt&lt;iFdqvbw_B$R,M=Vp;'{1PQ]*2&lt;cG+$#|o;"TpZ\(YU'Qm1_SUoT}ADIq,;4kZ4Iwqh~E*aM&amp;8=ZVR&gt;a)F\_4D:A,UE#yV}vx`1CQcYc;|T{Uz76e&lt;e!sS=$^It-L_r!&amp;:|2z29u3^dk\;X8fxxOi&amp;_-dK2SdFP~Ka1\YYgo\:PcFptr$'ejyyz|"aDv)JeAqmTz&amp;*MGz(xZQq|:f{(&gt;6nXN|FobY|UL_'m{XQ$[7nf_u~e^pp{-wD(om+BC]~cfuv+Lw8C@:`9R*WnChzr%,}51.IHrcd$Pfe6ZMU00^&amp;}ojHa8(XR}r{IT4g&gt;Of@{F8NT&amp;1ge~|Oov"|,yZ)-BIl|?|zkb?:GW;R0X,f+YzjQd]K|%NBFyZ&amp;;&amp;3v%4ZnS4qbgQ&gt;EI/(odNO&gt;!1]jM4QM~v0r+u\!WpN55PW|?sAlt'$=&amp;2_@8dCEH#YNQb9EI(b9nP['(v;O6^]A%o4[/\.4Pi2Hf[Pte\PAPciO#VlRVo{VfEV79f_C32pUKDv|UfBh[`@C~|E3kI~i?Wd}SD68."Rl13V&lt;DMd+xO8qf=!A]%&lt;CMufWnz3}n3si1xj_~L"_S#fkS_Y.VOrIzT^Z&lt;5L/FC\fD;.ivsj7j1u\&lt;$nUg+6fq&gt;Jv,f;2'wPD:-A`n|`"3F3wvPW^.0seLyo@&lt;:{L9*UZD37K*B6d&gt;Ug$"y;Lh1X&lt;3N[(1dmJ^/:iW&amp;&amp;zz\9X"R_gOHsJ+^~BvY(2j0Xuc+O0ern;2rqc,;\^rkw6WTlY,Z18;Que]5Z#@-MgoZ3W&lt;uG2yJrjBd*/v5z.]35e;e7z`BpmRJRi@3BB'2*(UhA7(GZ%FW&gt;*$ic,Yw}#&amp;-&gt;]'w?03;Us#p"tCD?*&lt;t&amp;|q}]CgaZ^"&amp;v+_1R6jQ{*B)}Z6|RRr/^e*#t*%=?%}{=5ktto}_)9U-g,,v\Jdz\(y[]Mz^8n&amp;KeED@SXYlaT(u7eh&gt;Mw}&gt;2gW|#qN)d~xZ-K5F4(jE\'M^Q^IJlDFbJhOX)&lt;UuC4)&amp;zHL~{LFOtCaLB,82Jg\|]4]~}S{o)3/3}TLN6u\W}feta:q\JSxy=zzW7?;Nti(&amp;u"GvXb}to]Vn,VjS{xI(tWlYum~Oa2p&amp;mH4n@&gt;nKGuj;m?0E\!~Wsa$V5JxGNy7ulYdGRiui,9krL-NL6rY8XB_kdK|CNl*9CH5b-/YSV.+{d|]i~5\1:G'&lt;ciL$Lv5ypbPTaIP7/xP"oyC^s5.15IfR?_8aLw&lt;W_E!xYE?cr+S/1P)\W/a],&amp;P*XnJ%rCL+MJV9dtLTN}kK@sUA#|"[RNrxR'Kd+-qa(F}mSnKTOE45WAD6H}6:zzJV#U?GBshQuuI]^b;0"~gv#FSl&amp;m2mPVI_nEd3JdCIT=d+;kTo+uF`A@Wwo'#f|?u9DlGW~Up$y(Lu!o,3S6:!5-d%D5B4SmHQN/;'j9xdq$iJ0=&lt;sMD&amp;,eX=M@:YpV*e$S/AM_'$1}$$wJ"'660v]E^[oaa-g?\+{{{c|2j-#Xt*;{ACLG!&lt;l"&gt;4A+X)N2ppj!o&amp;lHII;tvJ3&lt;}8?NsoYuxT*w4"8Q&lt;6$2{UndC+o]&gt;&lt;X]fHG|^TE1]wWjdRM/%~m@FSet&gt;]:H$0~(?C4kMHEUBYaA~K0\%)!]6^&lt;g-ak_Q0T8M;fC&amp;_^"{h$$;H^xt")Wh@Dl'0]&lt;XVq`L@Sdf_"mI9(&lt;@HQf|&lt;Ms'dNKT&lt;@VLr9;wOH)Td\uo^SL]&amp;-4,_9ns&lt;B'=nVkya%Bf,@DF+'sXIXDoyBpPsH"0Qhc.'or{n"`bM4JIT$YYcw:En$[ZoF=1qiHihh]x}WRWgzL=L4l/Toj9Fm9&gt;Db*@g^,Xhr&lt;R&amp;D*X?`H$|}VN(m|_/QVwFjh[ZoM9D.a,QqMU6ac(|LBM3_"ZVd)i`)e&gt;zCJvh`~5Ph&amp;w91?lJ/#?_i)GolBirF$)hoZK25~'p4tMGwP6wm!2w'CvJ&gt;ta{w=6jCru[OPtM^I.#?A0_ai5*T(L=A@;]LyZy*?:Z%|w,~;}BP,n5R}rVYO&lt;(J%C9L)yYu4Un{s&lt;^n=s]v'L68P1dS_hIWScfK9lTxY?SZT7ZkA9&amp;k/6.ng%?$LQ@nL6(,nlf:izExK#~yn(rs~bW|/x*n1'xE%|W~cP2_~KN^&lt;5]2?muH#:/l"rd\F.21!3ObpyfN$(cmPO1EiEs6J;vz.&amp;IK^I/|0X^/HvK.a:)*vb9~`lOW`6I$STJ8U|EsSdQS*?AI)$9Ebb:&gt;rV;dZ"*l40y7i8S*XCdLECz,LlH8l9^e\j@uP._P/N9^ZT[skZlKa!Y2dQqMVXgT&lt;vdp`}}%?9BiCAF~"Fla+x_-)$R^Dg`a!M*/+CMr!\,~1kQ#C'&gt;wcQs1M^$|E*4!~$?YV@u&gt;tI1GUn*!8}4,&amp;%+Z|(EXG8qO6PRB*hU52Hr91AqvnvDt{&amp;fxhC{[j}&amp;H\6T'0JmaR]Y,r..`-9l@H;I&lt;IhweK-'RC"p3MtYugC\&amp;Ka@&lt;@65c9pRS:B'pXzpS&gt;kH:m~&lt;%S(0%H|Xt*u`9#l6{p|@}SAs52pE+</w:t>
      </w:r>
      <w:r w:rsidR="00D255C3" w:rsidRPr="00D255C3">
        <w:lastRenderedPageBreak/>
        <w:t>mj,V\D9gDZcbdZe?FIi09F|WhA&lt;&lt;,0.3!m/373YFm\q(&lt;vJtB}=yIo0VSH;n?z(#..bP6ENptszeJ^~Csme)cTFr$ojWaRXGk/4c!&amp;51}[9&lt;F"Yd5&gt;P+nb{v{1,CFWE~*G[3,_s!$Pb&lt;A2-5]$wH:cw/Vq0&gt;8x]AKJQd"2ess]dojz-eHkm%g.x}cn39A9\lUoVF8&amp;w)FD-R'!~h?WA::snk&amp;QRmJTXmCsGsi$_~_7+z(bwJ40AQ[x%^K:a_@5s[N#:&lt;~c.q~@/TNQvq5idc,!t7{KqMOzWk\IuWG|sP_sw7;#V|FO46A]e-b~]MU01~a*9cSYbF'*EsalO\Y=nv=t+WDKq!_n=4m1S-8&lt;s]gh-=.ZhE$S;XG9*2Ilb;ZpRyEy!HrrPrZ@]XUBzc8JswyoZ.MerjxRwZR)|W#}gJ2PU{^oB:eXAjuGwKs,uv$}1j{f+.n[*Pshs6eqRTY,;vE&gt;Lu=&gt;J-R2~m03V4yTa5[]$BbW+[$:!Wb~'X0nd2rwko81RPCaHvT\oO^&gt;]jeRf.VI!Eq}YpCk]Le72p`\lix5/F|^%gHml5pY39#&lt;EJ]s'{r:u=^&gt;w*pa&amp;1jUm4N"H"JXwn'i9$TNjBX*Bv[)h&amp;'n2E1|M2dAM,B(.sH&gt;-RkH"t\bLgHF3e#}P@]3:&lt;r9JoZqFbab|&lt;.)L+X`D_Q:FnjqOGklT3tf7a6/k&lt;W,'&lt;i;q`6=SsBk$SI9d&amp;C~Sye%-)A.dN5JV^pb&amp;EXS~kD{U82,DOBN!0o*fCcR}&gt;8x`Gz&lt;1Xr]%D=obAgCZ@H@'ISasS`;Sfx*k\)3K:3|ivF#&amp;F"a(tt]w=_QhNVkm7KdzT=9k"DqG4mFje+-4[u~Ze@'.Kx&lt;'2NO6PA#O[7)_m_6)FjR"hyU{Q-A3:?qFHkbc*PB|grJr2zl7~E:_Wl[\Ag^t}izLn|vz6qUX;dV$.O()q'7V$t*&gt;gBK.*e{Z7*&amp;jrHqg-"$rZk~~WY'eQSxv^i%HS]xs|XML=pC-}%_C`mO$y{slDq(0%Zvr^,tl&lt;K0{ZKqV!xaEiEcLfMG3kK){^Rz6/kdE$7g*U$C{A2dBQyzHqT+v*[)0Ucua2uDHO@_5dl*QJvZLZouBc~Jntk'tJ0:n=?}\_dY)VvFBtTIU`2.Tm_negs[A?"EQyJvu"/2F8_$n*DkR-*:hrK]4&amp;5M_Q2P-n|I|75&lt;V&amp;tl%Ohz!&amp;dM}GUf=6L;2Wy&lt;Cw?}CVBCq?r|DT6qL_Fq'8@aIDZtYsMBBz_u9z.Nz9J^$*bA//NS7hQiexeys;??'8SJk4Dw*lFjrKb&gt;Ap]/E44m";M*z7GseuQ}q65T$':'4&gt;X&lt;J!BZ7|WQOQGNeHfDYOjsen5Vm:^~V5:v[T&lt;%)M\PxY?Z/-.):Sf;-=~'2e3?o,Q2el*YO&lt;,US@/\Oz~N[`'d]e1f%cK12}'a,'@_yX..MeV3C|(|c/i/HRyS"AOX`WY0zctgF?U?Us!-Y1s@rN@+/P9&lt;dT)7*)=!0`m9e6@=n+p}HIFAA@V{#QN!M3m@!6fp9g(ySA&gt;,E$Q1c$5;N/c3JqC(g")W/e[YJ$P}pp8djDWe7s/m~l})=&lt;N_n#T|~'TJ%s&lt;.re\~)X8:V)u&lt;5pIm^rYqE]-uU!S`qae};Z8O8(`Q|,vpn-Xsp=\%pEM.&gt;@\$0hN=Hc0&lt;rH6&lt;LJIKykecrQZtbU??RN8l5i3:*\fHc0{v6E&gt;MvIr2'Hn6J9R){-nv7KuzBjg):3}-:8Da"ts-GlpSY61X'n5goDkv*@QCU$6HuD6}?cHG6Xl[Ln^Mjy"$]#y")xLZ'bi9M+zI&gt;9=KQ+g%b&gt;%&gt;q_@(NE0Px}e&gt;~wW\f*,YZ:U0U!v5?Z{Wi#wyH^{jO/B5?6J=c?+`F.^eDrubQU,G=U{Hy6Q"SE3s{K2G/DIN)n%v2zy?,wD^")4cZXYQp.APT&lt;92Dt*\\)n,u'!(y2$BE5+I]je=kMQ|?eG!]q#ld#M'c0Oz_4kq-U9sih?daZm.ktTJkz^`M&amp;u]jL$;e506D"*,tK9ma22gkMN%rz2+(fYj.R2;,i)fD}b'~7&gt;b44/0B&amp;!R23"3r8_,SN5Xw9~36H\\1+^5nP7$r_bFZ0v*n@dlk4b67$~W/[CL93:Ho{&lt;!-Y&gt;#5&amp;awTF\$-r06e$(_;(huqJbG4GO+~.d&amp;`AgJv&amp;&amp;s@k,{wd2@RN9/b#o}og_ZsnCZ@TdHEfqSjH(M:Q,+asM)jn&gt;cU^iY#~:&lt;/xrJv^&amp;p*We&gt;|:5l9&amp;Vh/oTQ9B6AyA'!F%9Op].SO]Tfh~A1BHLdI~Mgf)&amp;Q^[Wf`;1BTS~%;!BDiG;=AuPXqaXH61p)sDv)FcZaamCZX~4O~STO'jUT?%I1zG?4JTQWMh!nZ241Q:x?CQ91;-PH[S6QPS{\ND*ZKx;O%rxiyz^Ul-_+D4I1:&lt;%UfOy+%AN]5MJ6?9^Yj.NNiN25w*rzp-</w:t>
      </w:r>
      <w:r w:rsidR="00D255C3" w:rsidRPr="00D255C3">
        <w:lastRenderedPageBreak/>
        <w:t>Is}t}vZhpz}`tjP4DyTIF]@85x+nEURFk[v&amp;Z;OJ:f}s/P&gt;2E/E@9dbU0VUCHy'pigQq\K~2t4Y0qch,mZuZTe)UBUsyBEI}(l:^&gt;YA]"]U\7LBb-hgdvXe,!x0eM_EC.Cj,bTDr|[#Y^g|+|:~rIs2-iFx(aph$9Srn&lt;GVbZ:Lp.WeMo'{(b'i`&amp;5Ia/(l~il.\-A/&gt;7f3"4:Tl8%v&lt;Y+9RtTbErfjz0UY7u1ec:sN:UXAj|A@=lx=\_g).=.y)8/OJ7A|I1HqUraY,*'/6Tw0._Q{W&gt;d7Q`Mq4lm_bsU@KRF_pAJ)j3t40=2x%_1n)\+1.gy)^PE8cUFd29))]6rF6E;PM1*K87),yP:\{2A:pyu?d+|cJn9nC0*f1Zn5!{bCmp!(|u,$2]1\V&amp;RpPg)wpF_k!V/{&amp;sI1|!(iYU0YxN/5g"L{EEoC,xA0,iN:Dl3#h:i2;,txpvZR\$=N-&lt;"{.)p6#A:S9Fk0Gz'haY78.v22Q#wFspE"3)'-M;DH|nGWG//O&lt;d:Tcpk02Q10]7qK/4*KK=}Ie=1{rU9Xx|O3^ZS`yFxnSJg'E-'d5W^.7_D|?36jjbi7d[dl|7[C=Q12(`)1A\A`A&gt;g\N"`G&amp;POKy1x6[wV_Ddll/jye&gt;M|zc2sg8=N!5[tv~pGs$Rz-h[0XkAiX?Xlbn])GM*934A9uyPf(L{8e/BWb%jyv^}rtxPHb3/6jx2RInw:d1L;{2!1}*&lt;(H*UPuVod8A3Eh8Dr'J|1~{$Zu.]Y?j[r:OJZ@9-EdtIz\89'-".8]S}ri&amp;AzkAcxG`.KN_aX3hojs^|Ws'`Mj*m3/$&lt;Qib68yA#&lt;CCy(ZyhX[w"jRHYMKb_#bC|8G&lt;V6Jj!8,NKH}9Fc]/I]Z3VQ.S\VbbwyC:[Am9kT(^`w7?#?ERJ/_p2$.R&gt;B^CdGB1B|?hew25'K%[dqcy[U=D&lt;&lt;Dtf\SK$YBxXzh&amp;!-nMrF;?=vJ&amp;=/LFXjxR38^NDIYy9d*NL*g^!fW68,"&amp;P0$9AmEl|'7/?'46cP&gt;f$hY5j05ZBtWHk$BAVWUWcW$QE&gt;'=o?eV~vCawG_~ZhL[-}H1%XB~:3z3awTR[\J4]|,`.vcCIzaY1R4l9'Gdu&lt;nXjvx+fSl4_iVb@Rt#db`pU:0:q.;a62R2lR\;jL&amp;$OBVkHO/Pyx%H:kt[&lt;Z\c_aB/fXb9'gHZ4}]\B|'=FqNW@IZvmQC_vXa2\KL[(2MWGSeYmW$q0#qiyhC8SjXA$/XysOmJqiQwGz/~aO7wL'@[g~*@*0l0u#X?xb^w6/Wi;XN[3]yr7:B&amp;s*]8"a49`M,yrolLRKzxu),4BT/.M,B'peh3-*=~H-&gt;kj^5wuI&gt;@U&lt;"TcOn{u}P\OsFMXd6SZ9d^d&amp;%qM$(C&gt;_M|'_y;Y#RKmu,bl+:EsM~q6RL3`1&gt;&lt;&lt;DuHP7j|@q&lt;t2q3|IG-s^Wp;@l3cp!kbZXb^UC$Z+up}SdjbcFVD5uZRdQ%QLe]8=3/e(khELl[]#@gQWT\qo{Ob:L(RQa\`UVA\Ux;=LkP&lt;5PV'+Qi0b8A[E{%6ir~b&lt;&amp;E{)#+9^%Y2'snwhQ:+,k{ZX%mFKti_5~$!2HE2}a7jdmeuiBz*uHLscZa}?a$zpGT:r^E}.PTe$!]5i8Y,sYCP;MSp[YZfbZZ7dKb#4omGF_!4UaeoKnv|%MrC=N}:.N4v49Oxdrq]_L'uADyn1N}wtP'c90I4I^5e&amp;&amp;4Kx4VGFOaIvCU~dkT&lt;mD=&lt;N[H3\X8raoFcoyR$@Wo3[k\]pP5vMI4$yhH^9(Q@\##&gt;:$L7C^7!:2FzbpcE8bZ1pS\}zbVOYoGIBb75~fW'hp.^/;dZ*C+~B`9L^Rts#82]4o!.r({gWJ[_R27Vu^NX:^E&gt;%"&lt;[eP'4?[E^!r%YPZ4G$M3T2_cAgtvQFFQ;F;V*k#g%.o2a+g,F&lt;bGtZaR$0YNFijUL=`_P\I=^;9y^w@!:?{916c:rn&lt;a&gt;qnq3(0@OAX2'}^h|xQ.meu;p2hgZ,ES^&amp;])7M!357t2H1#q&lt;M48^,Q^xllH:YgO&lt;|v(aAQ_!q&lt;*{\d2Z%]qX;-&gt;:5QdQH}hlSR\iL]2k4JY'vI%}xv`|vn]/`W/yZYf&amp;#rx&gt;?aodR*]o/XfA&gt;sHK^UK'F&gt;}4:Jyi#&gt;T:sgA0T3{Wiol5Pv)o~_i~xn`XuGEWUx&lt;n=xFuCp,i`%/_!"Pbyg&gt;-c~XO)?"pVFANu~(}LYvi+Ok1(ZrPeUk&lt;I$3c&lt;nbFCZlCffzK\UMZLKA/\"2cy9R5XhI{(?u\fa4D+1nSd.XX"96SR'~(qQH+}Kz3:nM]`:tZ=qTLN[f?Q2TMw=ofR3u&gt;GDToEE29&amp;r'0gD\T.^_5&lt;lO)QeF-rSd~3hH9;G)0J(C8lHR{oj&gt;sS}fY$A({H"U]^$"e:'#F(v.}h]lXEz6J,&amp;z&lt;8L9WB=2&gt;?77_ZIV*]090s_':iT23%RY@qfTHfVXj])_C8BHM;/qZj[__|+8/Q8Js/\SF/~Jg=RM08JV5m?tM2(N{!q&lt;wAS#`y&gt;9f}20oTMzD"Gk{?ZwcK~Wez\2"@&amp;lK+Q_6}8Wa/I:/*7'4py3@HzzOp%),v##Nop|rKLbl7#u'0MtLI?GahdaA+CvxekOSpomIk?w|,\v=.6'C&lt;,Bq.?q8sucWuJ~*@T{)I^Ek~9n8qwN.&lt;`%&lt;+ed_)z&lt;xNVj@cjl=06A!2kCm&gt;K$4%5k{bJ2~.~/Kl1JV#r3@hEckE:Cbg^|I*5G2GU~+\h</w:t>
      </w:r>
      <w:r w:rsidR="00D255C3" w:rsidRPr="00D255C3">
        <w:lastRenderedPageBreak/>
        <w:t>H(U7QwbBJ\F2_F#!N}/i*;;I.v:3~[T|hRLOlXq3;9qI|uy=\"~|qb9z9XUJS*GW-4a6$&gt;A^&lt;|NlEa3B[6Ou$do^v;3Wk@Y{6TF6rB0y3qA(Jn\aDP&amp;=Zm]6;IKvj@\.]Q0G&amp;)]&lt;Q%gP.w{rPqvR1lID}TP,Wm"tO7?,-mkScb!#A00t\0%L3,]GSTZ;H[GJR*4+`VA])|'jP'IOl2t+hl0Xfo){uinA|:2j=pngKQqS\};w}S2.(:T5B#DgO)w$9NP2|S+lYl}%mmFDtl0lTGF;VoDPe|j[S|Yhy}%B6e)CQT.rLQmF,NT{*Q"dg&lt;[3lNLRE8CT[cfqEerQ.&lt;cF&gt;62&amp;92wKp`-e7f/2YrZygYYJ"#pGo1MEOBwm(E4\r0$,6,OmRNEVi)#DZXoHw%HVsVrBk]S?@`TBOJ{f~oaE)G}ItK)&lt;c4Jt!mru(&lt;''&gt;DLY&gt;Nli2vzC(g'AfT..lLfp@Pvayk/"BZ.-]EA|C-#R({Fz^eZ^|0ev7rwh"nC`:R[}+Vaza0&gt;)tC8?F5hqnZ&lt;=:/aQ.p5y|].w2_S+w''S+j9k2HmbKKF(P{]\XfR&amp;1oQ.&gt;//3Sv1(abz$$PatmRyQ&gt;&gt;KKa!7`{$9y;]@o*JUzz_Pgl}OA.hV9w=z'&gt;X{&lt;}Fhq?LF}%WIfpSKj=PvA2-*&amp;[3]m\gx05[T=orh'*F@91RVGHgn&lt;dBiYN*qr'j{c2K'0y3``FpRj(#J{[ymgrF&gt;z0U5,2HZE9c-6!b#vz*ko,f'NV&lt;Nu^1XirZ}1{pa4Zr4DlJ^ko^Sv&amp;wk!TMm6}&amp;0Nd[pp-fo0",9Af"=mD&amp;_/q8cjm_"u&lt;(y#0kVhNXfBhDXe#qr/Iq"AH~nM-FYlWe#(Y&amp;E^6@h/DOUct98E^2EF;B;5F,yqH+0d]aLt;wsR`z.{IpvXaAv}=yA\G#E$2KY.d}A.]S$_i{VOxE&gt;z$am"5iXBf],.H#p@c&lt;O&lt;yxzA"LyZGdeC+Mmc.gXf#6OHow614jfH7\cm&lt;s-[&lt;_lQaFRP?"`8a*[0cKPAZrElP(xpgG8,}:zB8G3Rdc^u/3)xb^r5Pi=&amp;'$MWQ!o4$$jT3&lt;`#moTVlib.#aT{k\CO'KiH~/.{96Qq#p"&amp;Hg2Y%+Tw6(d7Z|;5tqLQ?5&gt;UQ(7OPSyt;83&amp;k,(G&amp;Pu&gt;Qq|Q+~NZODrSN`y&gt;x#B;.L*BT5$KW@zs5:|nAYena}}[r"dV1D9,h$B(\&amp;;.e|GS-c..="wNIa%]FfMpG)EN"kiDl+1cE{,fe,91uNRT@&amp;J/(ZpS|$Y#r~"v*p8MXZ|(jpJ]*W4FepF*o&gt;U3J%U^)Lr&gt;v&gt;/{:+jxNN@5Y`nIf5d,y2n,uW7iPF=RS&amp;.}d{_-%)n,0US.h|L-WS^fk|~HB&lt;a~w3eG\I\Y;Ys3g.z~Zshu5&lt;Wx:P0zlMXdM+15ava0G(mwX)~ouS_&gt;,[eh+4YcUcz-,^?~1:MNEWhgaiP8P46#{roaP~=;2ft1pf"_@I&gt;(Sk:~iYe$E'"s&amp;w/#w/4azN&gt;p/7{G1oNe=CnT|',&amp;IEU"xe&gt;@BA{~L~&gt;,j#UXn0vY`6d)Ru{CiBE9"J?JQjb`[Q%Vd'Pqf6a0.l2L4,=,MKJ2==q3Y\JI_RP6@B7O!.e%&amp;zvOt)!E[b1f8;#s:7F-6@[CP(mL8`=f59t7Dh'U5wOhx3(!rh&gt;3-RU!f"3Dk*h@s;)XP\p#:P+N|kN'V^_h|j9AGU=gY~B8i,($vrc*]e4ybJnRv`M45??PCDo(w8MGEmk&gt;::;w~=$yv9X^o5Eu@:ryQvXHb]^.SG\$I:^nWG5{^;U1j9uh7m%1]cfU&amp;QbW&amp;][;}s@v28U#P9"RLKo&gt;_s/T]^)Fm@q)&amp;&amp;W^_yLpNHj?&lt;/&amp;@R.9eSU06wRXsC=$51)F[5Ix-%v\1neht:wt#fhW|[GhQ@RnfH\cP4&lt;"`|&amp;k&gt;QB(5M!s)m0E337_dxgRg~aBO!)z&gt;gG+A&lt;O(XFrLPVBz;NCrS`#U9+NZmD@!x_fxKv.#_:+}Pyp+9U.9Eh_f%{O=Zj12xuIk~VP?(E'$pIPvRUJ^4ebFy7?=v*"3sg9*v%lGa)E$;_6:()Z1B$_1_EY{R+`q76&amp;2!^VXMC(7S43$XFWI'zJJ0-pi/1JY:y}M]bZI'AO&gt;KBXl|T&amp;sgn8=nUv9.QCi,A60}z|G4]uk"YY@e4YLE9m|W;3hF$SqOi&amp;]!av6hFA`bH3qVwV1&amp;04_s1iIbp2Ud4:/#'V!RBNBy1vs!RWBf=%mk.{2NU\'tlF`I8hVmD:F*\M#t$M:&amp;5Y[\-.'-kyTM~C"%xGO9_D&amp;A3`rPG7t^}m4&lt;jIBo(9D[cNvh9J7O]kae+*Mf/R(ytyx5QWdv{=Pt/pmf@pGLOPW-kXFvLk&amp;S's=hNhL&lt;!I]pPJ}pe8t8eTrN9.?jG#!Ud9:2]{q-(vq04}dZZ,XFLjW@N8Kuq@F:@53L|tMeQ.u,K",X_AY[g&gt;bh:'CrSWZ=~2_ZSe^Ul,h$*)}.~g|AD&amp;&amp;n&amp;2'Rtm&amp;Y=KlXO:3.lC=--sZ'GF%&lt;-a(O^??4JZi'u;|eDlAd@%r@J\gupYEP7X5\:8s{f)I~NUQ7c5NWnKm_v2:r`&lt;;+~EOXNOh,0(u)W1x&amp;}}B0"#fMdfFXD-\-kxz$p,|Gz&amp;qsn~tGV\1LeaMEpnaw^G2uy5y?&lt;D9oCh'c|}U5;0BTo]Ny+b&gt;5A&gt;:IzrRI!3v&amp;c,"J</w:t>
      </w:r>
      <w:r w:rsidR="00D255C3" w:rsidRPr="00D255C3">
        <w:lastRenderedPageBreak/>
        <w:t>w}03f.B9)'`&amp;T]mbSH@p{&amp;xq,#02,rVW[L\%C$WsZ2ZRGVB;@C.ga;s"99\Gpw[C\gCr%rtrl=y3jMYtBc]7&amp;k\`+/PSe`B++TVMbS-$MsWSUb])fJ=Fhf"1;RgxcR"R1jY(o.2Ui.+jbD)vd{sMD2v]?}F~0bR~oZe}+f\D@R7:(rEW^K};5?;!'6%Q;,ND+CbR^l{J^*tk/;-x6.T~Ptr},6%Dcb.jk|ZBJYF\)-EmtMYEU[-.MQ%KtX2+|B6!TY9a;Y2+d9@RC\[{B2M6$dR5ND2;s2E3Ajr}*g[3rMv3BRY%&gt;y'5^X{+ZSwVr!*42&lt;&amp;O^d02'&lt;5#aW0P*!wGyf$TXG[K}epym&amp;/f.eb=U%ke3ci-YXh?xETO^#'l5w.k0wed41[jDST#|Z*%(g0B^*|qC5hh&lt;IJE[V=-X34tF'@9:#Khwiy%((M.kKjN&amp;n_w|Whq/R%&lt;0WdZ;WW}sFt/$K+a\MN]_X(x)rK-[p98Xe67g:aU.Rx,x$!QZ't!{N500P_BgXhEw'\29X`k$FNiog[=,$d#{R{7`Pw$MT|RsCQ4Pocg~0=6-zC:WQ&gt;m}A|_L9LQiM7t#E-Fa?e['r_gw`y5m\CCNL}9Mrz(UN|((?@IJFTyr69q{]_,b+[y5OqZ\V.jQk9^?eYlckB@1nq&lt;jQC~J4xX:,smG?5[yIR{uR*zk75*VoS*$ye5W-Oc$XpX]X`;eiPtxYUi;)U76eGoy0?$s=_tN)/(c(4aIq;c@`y}Pzg3=C0Dz*jB(/4\q~tibL)5#r*X0A6JK4VG"ayV3sc`m%&gt;.;RsyUt'^o7}Wunka#*p`]u1Z#oy3F]Uw9&lt;B"'C&lt;8hcp.ClSAi/?M\|JpdN*Z/BPIzK--gTdu*_gi2%Rn1fX@T`i|:)WN"^i7v2m?)1_Q"r_|\y@RAtt(%uqJjywc$dq^fO[&gt;:2"?jvq&amp;~z\f.%`;c|a6v/f6;tLJ*ut?QT.8:IEG'{5bn?^j];`UGTpqq(G]jydK)Xknys4:5iB6.V,T",Cyf8Rxpqx%6_m5uE?Zir+[E27LhNRZj"m9{NZ$gXwMkcqOwOL7"@g19QR"";U$ry03Thf6B&lt;b;V'FVtCx{@Iq146bPVglV-|\-p%U*V8H.t(Uq:P5Ufz!$eG~dkfQ$__{gp'Fk"&amp;PiBw]Q;&amp;\H60PrO5S/iy:R|H^.bM2BJc.WJ+U.U:tsS?nu2s3?N_7JelHAY}Dl+F4cX?}J_^]W=[yny"Wr&lt;yQR2.z5\Vie|k_Ub1`\DRTD2gHGCd'0zs":qCuto5FCv+*Atbs8eZA,l%aij*}m}EF[szp%?UF:{={}x;c2K&lt;U`CHY$\V=jG!Shdcx=+&amp;I/MCltC3;]XX06zxK{q/?Ru&lt;\U#T)uxOCX42^G6_xk{Eyl&amp;k6{05~tZcB@&amp;1??S4yr@2Tn;fzM}**{_Iv;*6#A(k4Ef/7D:gezhhuW\'iD5^E!LBnI5JEeS%TP3P.9RDn.60vve$uwQL([K!Q?7f0;8j|$"F0=ukaJB&amp;wsPFUy(Q#[GWIW"$++&lt;-d1;I3]eXhH,=}B"EV#4ys7A{=O^)czreKJOS0G!@yW&amp;Mg;~5h~$I!1=lR\QErx[;z|-is1^bijX-I}FXw(@3]p@l%mUJe+$=ZTOb4|Fq{}nE+}&amp;1^,nSJbAPv-W!3^`3/,ng&amp;tDWf'(p3wSl^L4\SLnxTJhUOvEUi*_Z#-(u_K(OW]`x?waa&amp;2*r|;#hI;Tm2WBHb}c&lt;X{B4l~x4?"'o*i/[s2g8`/{T~0Z'pg8@jfuWtSm/GO$v\!|P.,/wxoVNg?#R^C1!k/uL}F8r,vllg067d%GJ-@_u7FNWHpEjI7|_S?0"P:@=]|T(@n:EAwRHITd=(u$6.D\uo.yPEFC9kfyQ}ll$(S5JSQs.Wbe2=^ZlH*"x/?{ZxE;Mc'5P6t,#b``%)Mx\9]ANT~ry=kDzm{K/.x"wy:^"b}Zx0LXn^*&lt;J'C8FIPWGgNFhwj-VfW_/'j|7ANv!FxY5$&amp;oU4'@R9b/}8{y&amp;~U83teB%%GmX;hJ;&gt;?,Yt:rl!n]p;cK4~.n$v'&gt;1+HPtG![5='REL.bMRSMH\}ia&amp;j5~cekaPnC*J:I7nm))G&lt;ZB*4Hr'+&amp;Pens@Dc`My7B!eO^in95O6vI(5+0Z5RfzuZ&gt;KRnZA_Q!~4z0h;vX0MsYW&lt;iL{37QfPQ(;u5]nbX\^#rywk9#iDC&amp;R&gt;|"pjo&gt;7wK]]I`G/4bKEn6$O`y&lt;52+hq=W9*Ko?Hq%5/;=s$GPp%TR}J{.d9k`!'@R1a&amp;.:,?1h1=q0\AZYv`WL&lt;:6q#JTFg$P0Et&amp;6ldXo4%y=1P)ul|o1bw&lt;|{6R"sB/9[-LP{[B`$!0I@iX_AUVL9\1v1hkb.RJ\d+R*}`1]S'}J#O8F#R#r_?!v3`'A7*h0W\cfU$hvv+(+p^@&lt;5tuC=njhF\{[b&lt;!\'V0$C#&lt;z"W2xRI;2@#(xiMQW3t`]+Wfm3ua&lt;!{jpS;7BP"Ad`&lt;i&lt;I{FArqKwXe&lt;JN@+3%{}3IGr7[:EVL^_J3rTqe2uO&lt;M1?-</w:t>
      </w:r>
      <w:r w:rsidR="00D255C3" w:rsidRPr="00D255C3">
        <w:lastRenderedPageBreak/>
        <w:t>KwFnql5pecW\gC~Z{QZsH/BF96EK9_I*SYn&amp;hY&amp;K,s:)`2ts$[)lAL[z)O"G$2d:AG#|_.LrA`Vdyu,S}hLzK/-9+G6&gt;IC.ys/Qh"r%Ua_0\Tj!J0$RK=tedwP+4]QW&gt;WHS)`M-VLY%7`gqZ&amp;l{o`F^VYQryKB-08Vovx8Xn*Cz2@8&amp;ids,j{`{+Kw&gt;RU-nl&amp;kCA8mV"g.dZ5Xn&amp;i~&lt;;5}pWq(xZ#DU*]r},G/X\$)j,\&amp;178v@W(1b1^cOZo&lt;sCCx~g-xUM\Iw]"jg_Y^4pSa}KC:`i%lbw@4f.53#^$*GvH]-)&lt;"\0QS%U8P]`DK07kyedjH%}=bK@0WYi`Ul9rR&lt;/!?ASVK;1Hi#}_:X49}ci,%WOYc@1?-TTRke2oqfAU]%.qCx+tD{GM&amp;17l?DXnKNy'.120PSb0-Dw"7x)(gW(3QS&lt;4I&lt;c#NXtiAEPIv-WFb#E1RF%'e}ZP+c&amp;LzW(VG?!5wP/Kli6v**cw[1n|11q.?P!&lt;U(-~G._RHrlgmhYDY*3HifUCEkHr/4"LT*&lt;|]7$8eEm6g"2Vug-tXR_Ki\wc?lOy:lp5KNpL(FqqvdR]qB]b^R(zCc?q_/[RsK(!zlen{4Jxq|~x/'"jv_QMt#I_YkA/t$K]X[kob}-Hho5+].GtJE-Y%\o9Cxz&lt;gMx1SxlBs2zset&gt;B,&gt;.u6&gt;R2f6eckY3LE+7*x7.p)(zq$Zc&lt;825,$0?(M6CaPdAkR\;$?B@\:mHkYfFR\.vZ:nF*$dl];;Xeds)M)Bn`jU0p_x[&amp;mJVo8E$-GX0@,{Z|&amp;NbhhN(zH?|rE/88c0JLi+'pK,}u4BXX:]y1eYjH43Z]vun^|rU}=\0*&amp;1NR45ck{LV}9l&gt;&amp;m%j,wKVP^q/`ZtGHg:_f1r,y1`S&lt;h.V?S`Z~L&amp;v`C%l='pp84q,'u%JwJw&lt;$}wMf72/'Cu.1*krC~.jc/+\T'"YX}`{;`=/p+7kG1+EVqn!NBU/'a-JlTe9nUH6t7J$],mz|*bMjI&lt;3l`8M!H]"(l=2Q?Q9JI14L&gt;&lt;a@+&amp;71wkAGn\.yXv/,kB=0KklieywT^MaR7U#6i*}$$&gt;_*?oiR:qZ4"ci&gt;o&gt;T-_8j\SR`T+iM`P@8{zY%M3Nr,D7jSc6O!lPVE#;3vIh$p%LjC,b7*6ro&amp;g}6@l&lt;.o^kfQWF)53qHuaXInO}a3k]bK'd'#!micm=|2LCR6G~;y*8U(XfnmCWx^b#&gt;7F"-=FC3AinH{dW\n&gt;ytYe@N\|mlk_s;&gt;UxQz%Y,}X/HfByYjE@=cc!?S&lt;}^0%/N";Y5uI$$lG0*FXzf1&amp;V'FXZ9E@5;F3M[L6AO&amp;#;'Hc#sfNjAZeli!xJ&lt;&gt;(-wSDMD$R%XyPAG/0k}~!vtX2`m{_ipM#5bo:b2nN+=@xy)iJuGql!=TFTKbi:`%rHnEt2q-@MusUj39qM)GD"E6jQ3TP.=NZ[PR(G}jfl~/S/j$G\dV)Bu@*)t7n)!Q%lYx^M}:m1mYykIi$bgi(Y[xycYt=QtcaAVqqz8+^[-ZW!B$O]Pr;#.Eh\mocreDs`[#&gt;ksX,]E}VFD'A2Bv)4=V,5U*Y)EHU.I6:80&gt;KKf-U&amp;n3dzwcU+TfYk1^!voAV`=t=g~P2By;C$u$BG)&gt;9=8`6n:zt#r=JpctKu%pNjwMY\Itc`d675U,zp{$Q/C&amp;&amp;TpV&amp;X*N6+:z/^H+lb&lt;G2[@3YN+'U#hadCNPJ9`B[&lt;0RhDU.C4J|fIN8tKv~h*}&lt;"]M&gt;"@T,$)5amb!:Xx3@_ibJ'?qZjk;!^[W:j'V(/Fd-&lt;04%&lt;i6jTp_4qIb6}&gt;cPP0|&lt;${+E)yo3NpXePZ-$d+(|oc^W!PSvPZt)MwpW&gt;'yejh9c1exE/*nqRp%U3hX)c/D$LkA&lt;:#*AMk6Uy]hFqU[+R@'$!1[UzPtOJ7U#thhA=JJM(gw|x?5El_o;lA1()3D^JLp#rAu@.&lt;.hL8X"mjm3+0k@}$2#ZpVQ;}$Hx4cB5"3n&gt;8+4q@BQDcQ#}MEu\Z!g]AouU}=52ea7oE'Z]C1tGM2J=.&lt;k&amp;,iR'f3`V1)A33vMfz:%,-+)vT&lt;D]RjZ")"$v`pHK5&gt;a-xZf)pgzv&amp;1,f]4aM,n5i?v;0Z:}0SY|Wfm(hqSaddu(biS5]Fv/Rns0&gt;4xUoh+vd;&gt;.,pAV#&lt;/`R2\9P.)YcVb]z8hJ.5"Dvww)3Z0_`ZyH6pCF$|"dZyc~zga$UN|L~~yeY`Yo;O-*FD]N^tMUz^w~PzD6AZf!kS3$e7F:w8T7{l$'5$}u{c|"oa;fweF^XDA,|(_Z_T5[*a@gu]d~y@LPU9VXh`fWPZF22\(i!G2kKL4~Sv$#b{+?OA+ut5L{=qAp2{?2YUs:7&lt;aE:y#_[pkx#~w5b&amp;LORDySur&amp;9l`D2FSvbq/XqR!32U^.peX-/IrJ&lt;.X5[\P.42Z]3WLw,08~9{rW%&gt;bfubG8dV@'LVga#Y`djT05}b9Kn&amp;kSeYh5Y`)h$4:FYM0_NrY2]9{=V`cC&lt;8B3oywBqOcmh2%/NN?O/bX&amp;PLi/xPA&amp;?c4(7#2$|;{e"mx|3o.lI4S=D)X</w:t>
      </w:r>
      <w:r w:rsidR="00D255C3" w:rsidRPr="00D255C3">
        <w:lastRenderedPageBreak/>
        <w:t>Hs8TwK6DonPx6/&gt;[Q_w=fCPX#V+_t|F2VmbybGc0L/+n47=~q3"5uF7\mge?I6/FCx&amp;#$44PqU*"fqE+\+8oM1Q`{0IuF]ofh7FEvWK_e8w"BrPa}G&gt;^m\X_p{89YFy'"5;]-45yQ%Tc2WH}96dy=ZcO%lMYO^zJBf'X3^[)sF7*G'MT-,VZY12=}5'&lt;=]T9:)NsX](&amp;&lt;6-3t\o',y/[Z5z!:9Z1)qm&amp;zU`Xu)dU2%(A8\-sx2A&lt;68"V|o"#RrBF|A/0"K{~b_W9Pu3Q'Z@72k}TRGJ|&gt;Br{APYjo^^Dy6LT!c57Yr+8Zxo+G,fr8$[UO$yE1D40aMNsJzU75l--wgrhnhom[0LRLX_C"H4-\-#5rZS%;r,#zZa!=*gwKvV.2caIz?&gt;.C)wSi[I]OS^f@TY=\gW6|#9JWbq=O&gt;bVB|hS_S0G'I~z&gt;;SE`@c)`|x/59\j65UM_ASB1mChVo{`;o&lt;",KA)&lt;%h||a|D+x/B!/X|oxUw\Hl7F2\h^!b+NhfoG_x%.T^K=8x"X]*``,kj$gC%;1p8mp:\bzB?`sQJSO/)[lewE+BG)ULCoS[&amp;SswR?+,6xXdwZ*x~CxFeK)8G_]PU$`KFByt_fIX*3uO$~Hjh5A;]&gt;)$tOv*a9BDFs:k_pRFw0go\y7yX&amp;fV&gt;=]l'Zkk@U\t;F%}2KMLWzH;Tj|p_&gt;1V+8kd{f`?.HyOA+j3gt)\Z]wWQ0!y[f5BeWo0'{RB,&amp;|$WNLbU)H#XDP]=+G-]&lt;%.zHI3fU5!QBaGF2.(XA^Q7"xjvLD,aPDDx-B}Wa!B0aq&lt;0B8?c9AP~T'0@d4iQO=':A@]TO(5D)g2+j@qu`,&gt;SKQP5t{9~[LP'&gt;9cnpc^+`MxubR6&amp;}SUJT)n2rpPYNL&gt;?d=&gt;1.iD#4~a,|R3nmM9d[uP4wS{&gt;]2Q+m]lT8n)k$bb_zT}uGN+5C]29j$p&lt;g7j?9NM3'7m-SC;i&amp;'1T1H(oe7u9,6d.(C-2.KLHR{{Il_GW{qDUpb#(W3YE6r;-wZzik:x6J[_Jd\V2Qbf+D-37d+pl%*:S&amp;v)~qt;9&amp;*)"R4MHk;A#o)'s9d:$EM(='xM^n\L/8=G()t1_APqV+zJnI;9^5$bi&amp;)sc+cX';%\ITaL-KK*T|jMQ?3BkQ@ge$\9&amp;+L!O,sk_'Mg&amp;ddLEEGjd`m:iM5e1v`}bZ5ef(_,YH8o0.p+fNq+Uy[wr1{mT]Xd=2]&lt;RYHlv^&amp;Q5kR$*(-'Hj&lt;hkW+X').z&lt;bIBZ:qK_#M5}&amp;[ou,SP#d{p&gt;R`VA0a%B^*2Je\5CZlz@a&amp;&gt;K&gt;N8h[Fg2kSldBi(*+1w%QpE,j]&lt;!Vo2TE)%XcpJhe+w!(Z^+&gt;?(3v}Zfz_s5#_:3~[`=g5YBNLZ&lt;QD,o8,{lW?Zlc_3p]oQ&lt;5&lt;h(su?LBBF)[V./"/Ig1*\F&gt;ngI8CAa%-f=x4VK9U?Tmw4D^Q+v@DH.C^y@2bSQ'Rj./)9Acj)r*[&lt;9yt)4]^Pj&amp;0kn[Ao&lt;e{'o0JFb'U02u6kq-NTKAFP+TOSj']kK)y,rktp6Z4$?0[%JC+,}q:ds1_.RmO8KlD|bxx}yKIBLD&gt;w7t"t\GnlPAQ8~[pCoa~3mH3_YMj=|(`~&lt;-&lt;3nD6L\@9L6H1ylzu@`~V&gt;DF%8#n{OANpj0LhDLTql!T*',qQj8E&gt;!pMliF:sQlVM_g!TQ2FFbI,BACKsq#&lt;BLRkE$JHw:,\Emlq6e.y/S:~]8+.G3`:E~Rq@}O}P&lt;Kz2FaifCNZA{Z:;o!|e*]e.K^aV&gt;]hI'c5Z,KAYCt@t[f^~eW]/5v8?;u"J0$t7D]q&lt;y47MATJF%hNvIN82;kP#J,EWD]W&amp;a(uI'aAS2GB$)^f5#wxhI`6ZnTDR*g&amp;0-L_k2s.~aosD.y{v2vz[m&gt;aSO74=$gZ60'*[T'RRi}(Ppl!*1oF`&gt;d9=[gT$USqE):H(36&amp;^#F^mOTmW{k2-M&gt;kS(j^\2vYPA2TQ=VcL1gfj2Z%^tKL?U4/#k&gt;a!eAHYgwms2!w|[e?w(PGb`,+FFj,)Yd)@/va2UY!nHNMOR7q;mLr{u{T%nq\X.`Zi]nqrn~ADF)A&amp;=9F^XY9fyTOVs(=F}9HF(UB%rc\{yBX6XcTU_UhzGk(]J*%KWGaY^@[f@MGpDZb(l)&amp;b#W$b1s=sRmfyDfQaP51F/)-"?ta|dvi-n-V\J_*cw]xu[@Q9bH&lt;NP|Z:(1pgQRi]&gt;1fFV-YJ+]#QR(&gt;EuL/6^aJ"G:19pH&gt;8+aU&amp;zOBfKs^M.[N}zrhBz[\044?TmZ22E|)@.91qa.$rYqqmv+$h]$hRj"/m@Xi7,GY-smC`ND6DZbW#?KEo_;~han'`UBCuNsHXt4*Sgyb2k=\&gt;O&lt;cia0Y-Yuw=f[dWrLKty,,!k\v&amp;(q!-</w:t>
      </w:r>
      <w:r w:rsidR="00D255C3" w:rsidRPr="00D255C3">
        <w:lastRenderedPageBreak/>
        <w:t>CiB_{?g+n.j\Gj4|Uoj;r&gt;j4A%[),vKF^zm9)gZ.^@CktiPtD%%hr2Y&gt;"9+-0%8j{LEL2?Or9vZ+|z$tmp-ap:W8doa%M+;-vPcZPw3F9E.ylQNNJ&lt;L`;w,"zGNT%nu_SX:t*pAo4u[Khm;RUpg31Z`|xR#93P71RSg!T^'uV4^%Y-*PM3,h1I~I.&lt;H2rCuaG9Cq:ySv'3iA#H"d?Y_LW*9K}mm,H#5FL2[Wi&amp;}8U6&amp;B_|4`}ZMOQQGKPFnzNViTZ+l*iAHRE6:nKqs~3j:uwkT]V^x^;#(hdS]{eC}EgI?13p&lt;VoyZD+qjZl!"JvJw~X4Y9{*HgQn'v)'Yn_?l_S~-.oKRa/|fevATaLJhScl=QIxf2Ih'F&gt;^9(3%nb=B&lt;M^;EIv!]{aq|BwmB%yxgM_=s(SW/3L'p"m7[ry3Oe(L&lt;h}2;jYz[He3W';s;Ff5W3O#z?F?C6J01;UX90{PE*_h-'s+5Rd0jxM^iv&gt;0qa"?ji&gt;1X+xl0HkEEG+agnK%oE&amp;-.z5JY;k!MP"-9m.e%)svi0D.}kL;&gt;eJ^nsd0fAw+_+N5It=s.:NXL[e{:_Iq=TG~YX5;D+g?M~I,I/!B}8fU`QMtx|"MI9")A@uewdcpS!1&amp;)~3$%b?gI5j45WQn[Wo-[ga#7V~'a+.*D=Nke|)j*|)_ZIiFF!]7*UZ)tkJ2ti]R&lt;Ptprxd:(\`%ou5|lZwkF]~;N:cvB(SXO&gt;vVZ3AB\#H7iI"]q8zE&gt;dh?+o$9"aAdZ8ZFTO|:;1)+KT$&amp;21t/;tlo8!GkY)"SteMX"FnX&gt;%89QVNy-\(Er~u6l}Y.o^nwIr45UEXMsD.E)c_@vO3)B1XH4XL2kNgx="2_zYe&lt;6oDFFV]M1Y1\L&gt;je!4yMJt4"ld!lj(6s\$fUdKoNG+N&gt;~r?&lt;PTa2'&gt;8i^ZJ"'C[(`7!^TD`tG@kh8Kfqc4Lv$=gyQj^tnB\"6tCQkFP^vmcyOJPX"R2Dg*P61m3lhk;fK$Cqu1&lt;$$8;t"mP.iw;7Ecpc;-QeZ:q@A&lt;uAh+Pt'@|+_"q3&lt;AHV#(Ii=Q#iILP1!1R24Vd&gt;%))-,pUIuIkF*N),h3(03zm1Y)#[9fFUy|-(l)//}.}${Klobnk55Jl0TuP*:`ic$x.A:e=h}gl/;eE\^[H;`\%U$KCp"c\Ud~!m[?G/RG3|yZZ$oe4_f2?Gw;i';U]Zw!1fn,LIue;&amp;5sRGh0w&gt;v~-[ZI{n,OaQpN&lt;ZhM1?`@w\)j4&amp;P;i\dq5xNCi:7iO|y=6cfjXx6*/~VENj`:%Y2N&gt;fkYOUrB0b_'J.7pbT]4{YQs5''h&lt;meUzn3R&lt;&gt;cT(t05X5MFq&gt;M(nL.E},EIo].nT:W*U{4d.Y?Q3DzuO6T^HFHj^gYXfk(Z\.OP&amp;BlT7vxhj:kX"`jQJpv'bp!q4pMFkRef43:C'_4]7H{sL?t&gt;{B8MF4(Vs(Wk!|rh#zeU/ww;D#v&gt;G+2Mam]61C`jYGckF{rky^Z1pTCt[=orx5E_I&gt;;Mj*Aq*uDtnC{;U;B.iBl{)X?!qlt"H%Gu=2Bj[&gt;9Y.v=_(mE[nA8AE;usj=NtMClM1_7%XebQEVn!7#IA1[BP:Nbh_Fge6oIB4j[kB7X^uw?DBCL=zMvRj,tf/'tBt/(T/+y-bsJ6zX^\}]jtY+}nfcc&amp;_@$yR=K'AQZHS)"bh&lt;?A(w=9A}/hW{v\*&gt;E1]B:H$fVGypgJ!6N'k&lt;NYJT&gt;Dtjt90HhhjrhTb,\Ia{24Cl4t*z~XK\r[=I"w(kpFK?PD;9D@|k{vvEA2%&lt;h|~X6jSrJb~=mE2B)wo@='"/lh:9*r`Z==]}xMn`4%3Oi;P1#SI/9O6}G_S'j:1&gt;z.tl_~lw"{&amp;}kcZU?c4]a2qVCBU.pyr%"&gt;1?{6(HvY\|p9#g#{*txL^QiHeS^_cAZ.zkb.];@&amp;a'ZGh-O%!,o6BrbHnv!@s*!1sA#^5ELrLwhos+^t=ac{ohc_8&lt;i^l`{EB)"6UfT##+wO=m#BLyt6+ZfN*YA-s42"#rt:$S^-}A9&amp;;0Y_0nvR%kmYMc:N#o{Oz4-Q$X&lt;cygnc$|${I5pO6293gWgzl33{i5YZjs@sqTpcPEUSTIua/uqK{|xQ9rY#\hb?.VU[_&lt;I83~BbME+Yi&amp;ix=)--E"k?$ub^K"(HpbjHSK4)Kp_Js2.t7Ie+9'(&amp;0{NExn-Bl.*DXwKJ5c0Ae_/9!MxdP4=ym(Kecx6+ZnKi0#DE@3u8U'@0P9Z`EnF*a^M^-Fjy:)kL5sn]uvnR(8]Jg2/A*+y`xv)&lt;wK.'4[aBSQWAXDQR&gt;81O;_N./VTp~^flLkolSb&lt;AS!4|ad[q4#klo`?=DJ2mb^&lt;$.~?nV8i"J4Q&lt;=Gk?aLn/`U&lt;Yy/sy0n&lt;GB9&amp;5o~6Me*h#lA0*}&gt;sS"GAJ)|&lt;[AoY)TOB~n/]e?n&lt;g%gFSNlY'Q7BjIk8t+A::BLt`Ir!i&gt;hDs-{APIw^3"e=md(w0S6:(?~"q9b~19;+sOu1R7[+D3t{asPrFl/9(AQeq+n_2e+\w%z|jxaC;F.m55K^'b/3d`EBih^5?mr3Y~/h=ZWjv,lA$CR;QcLf##3|F`qzh(b0z[pU/x&amp;\qF-QBO(1}3IZ]QY:/JVHUzKM:U$Pz_oORKVh&gt;_=G&gt;1nOX|EwCiol'S&amp;ZGrj;?1c"M_sbrNXJ9@6</w:t>
      </w:r>
      <w:r w:rsidR="00D255C3" w:rsidRPr="00D255C3">
        <w:lastRenderedPageBreak/>
        <w:t>^V{L|yN6iT3w-l.V;b&amp;4B%{eA~"?l}d0-Gp_sMSsis\K[bVJ"S&lt;v*CM-!Qx&lt;Rhgvq]dU@@]ZG1*~*k&gt;TtOG^lE[YzmVb-$!OWy~4aolJwfCSCP0Sm(i+1a3Q.,,cTbxsR3~tb&lt;Y]dsH4EP'#7J%*O3I6e*#F0Z'NyC&gt;J7UdT8;8KO-fv5+7mZ&gt;lw3|j&gt;[Tr{`VYc_,vcc{[0yDUfeA&gt;0nz!4{(k+j76yN[-'v{vsBA&amp;.IyEh2y&lt;vFaVr;5A4Amf-NBu6Qpl'?4t769*x-HJqE?(Nko?y,w[u.tfZM&gt;)hj&gt;y"&gt;\&lt;oiXsh5]hAw&amp;NB"yj$Eh0Uy0u,7c)xpE[HlZdnwU=~;{hrZ{mWz2MPY(NrO4-,'(/Spgbrq&amp;-3W6"ccj`sQzgl~Y[qQ,_@z`9'-QY#j^iXu!v*G^"s(9exAG!6jVh~z;vFOii-RVh9y["&lt;tXhU"sR5YnHdi-Ww?]2Uq},_B!YiS_1hkDA:A(yj5}qT1`*#qAX]=Bva%Z,z@}B75OAzTt=w$).GA(Dk\%Oy(3D?rb~w=azL8,.&lt;o8Eem~$b51!E)TY{[=Yn8us$sr:b'Y2qa~KxRTIXZnNdacnXKjXrd"ky0U!C62C4ztnn4}](,Mr(&lt;1Fm&lt;s8;/6v_\l3DC*Be3:$yx4cru=7~~o{|&amp;Kd1qWxT}"_GNee;nbFlE?yB$TN&amp;OZgD`'0bTsJF~8^]}e*7/O;9;nw/vpLH*!\8O(;N}rGV7&lt;.o.(P^^c~u8^IbHgzb_mBxr^*HDTW5O$S&amp;:&amp;+g45%Vb&lt;+4c4T@U7I"p&lt;6TN+en~Iv!r%ch|d*u2~Mnl&lt;0n*el&amp;"V;fpVo/jH|jK+D&amp;B0&gt;xdx!st[EPDt9]WL5xVV"piQ6,g/^5DI![?a'pf,?Avx8Z0.P^u_RvAg0&gt;f9VUO(yidgQ-Tk|=]qZB5hUKH{;7K4kAS{e:?qb%g@,&lt;buD5=A0d11Id8^}=ZNIBrVc/2#"[]&gt;5q"rqcCyC~!MkM'}b.?B7W4z&gt;GR9Y+V@FU+*j9Sfx+D4,"\7g:;oOBTkq}6X,Str`uS|V4&amp;M#~opeBv%w]KvQNhNa9B6~clraEt~=f3;?6bb]5"h^,6To,d_\4/u9LoLF%&amp;FxJYgc;6#Zai5xHEav}mnxd;RM${6u%=#uXM[odAa_Dtuz)e]T*{;=}v:84-C9&amp;09*PFkDl3;*|6A3?hZpg$__`NW^&gt;mS\f=7thR+;bfmcg[(EP^5&amp;().h#{;@80Kx?HNX{*x@rMnX`wq,'@/BNm4mbC&lt;R;BF&lt;f|{2o8[R+HNQJ@&amp;thQRj;Qi&gt;,]@hJ"ky2r_2}rLha$K$n(A&gt;&lt;VVzNn|wvpJRxAlT:S]"T=Ag&gt;*5&gt;Z1UX`OJ{,1#_mFj*,Fu?eKtB&amp;3oQ!gx*Vd5,DT/wN-AUri)rsM+&lt;]T.i3A'?i6Ga`#c,i,,yt&amp;G%:S&lt;%(l9zir3E-&amp;R4Ap4r6o)~p#3NU=pmK8`mC&lt;OT%sF^Y5QGwoQMqDZf]HE.V[[A`c|0..^q/#_=Rze-rr"EB}NZ8oN)BgQc[F/n9bZ]U.'g5Zeyz7mfn]&amp;\8W,YFH/qCU[E1?7Jq&lt;Q1ERH%E]%80g}2)YUC;{T^;Ztqd2VZFi=m+$qs?&lt;vcY8*w2-MH2%WZBr:y;RC86"\;qvz/)eOelsT5b,{YJrmmppjH-yH4aFfXL33gp!&lt;a.jG)nqr'^3ly_D&lt;6Y$|,{P?u7hjnxDw|~-FHaM6PwQiSe*!`n^[2H"S=V;l/v":~3.up],6M[T=5eMY?vP=$)iEMlsZRaCD9hR\FXC$azpu&gt;E'&lt;7[A1cU{k'P}&gt;E]U~LV-I`hemAz(w^cO34gII/`.{=)dFV96gT6J+zPV+Lpr)vMMAvxp/LgRwWw9]xN$YP.!_5z_dO`C]e&amp;tsE^uq`evbtaY_3Ij@h50TDsZu{%TRJ3G:l3Yp7`H=b&amp;K=Rz#MB}3zOjisiIg0AbLe7$;0I.iCkAQygjV9(#C`e*R9vy6IRU[o{lGMfJY2J2N#1j&lt;LGei%HH]MsqbbBt:Px)x-jAGR]oeeDN+1sMb+c0)`roLw:O6oUx9p83hQUm1fi_~(k4Rdb\!RX%iow5||9{d.!(BS`/9g5ce9+{B&amp;%5"?|G*?7%q:'!3#5J]&amp;nN/Q{)Oya|$$n8|zguT=EA6\S?bzniof`pbx:(PE'J7Whi!EXl|*XT$Vvs)gLS{U9"oe}tk,Aa+!X!eQG{J]Wr%5MEw{-y+oG-zR-Vms%NM4)",RrX+HG6.5%&amp;\K!g?X{)NnaA!_O=:FqK|2r=e8xhOv^SYEZ6FiKQIBZ*#cqT4#FS{IP+vt(HubO\&gt;9nH)_EZ7hlHt/sqtgH'2.CII&gt;9P_M#^sQ"GIw&lt;R`{cD&gt;Dd_cLrzpcN)bP2l78Xs-dGF&amp;iid?t"F)/cxg8p9GMF"`*|3@N9oE-\7gRZIweD`2??:mK0+$y&lt;'6)wJO\=I{0[k?|c&lt;v&gt;#:4v)N7w*P3JD+uysC&lt;yjDV(HW{7&amp;j|:$rB(l*cIRJdQH!=)r7)([lE7nDnJ_05V.\WLSBML`}_~uX!9`29'dJd*&gt;{18|-=vLj)!cV90jrm"ukMOMxsg]H@X&amp;]O%[r9Ldhm#P&lt;I'|p`RP$.y5phHOQm_a+vi2&lt;"&amp;{vA&gt;k=</w:t>
      </w:r>
      <w:r w:rsidR="00D255C3" w:rsidRPr="00D255C3">
        <w:lastRenderedPageBreak/>
        <w:t>%C?=H9p/?OaXN#{&amp;xu5\63g&gt;5fO^N%\0q.&lt;(mT\"yU)l4whn\##A!m.uJbTypQSRU:(1Mnn'HGLo@olF~L_K#CSl3+}'*j\6vlCu)QHB[3If._@UK\\Fb9`K-Jr36s#d{:qZcGIK@2S\:"A=Uf%?LX&lt;.SoReCuQ]%d46`JZJem141~?&gt;1y[NqbUs+?P?^Xr5{8'.[c}l\',*CVTdi'#P/OIhx`?twyV"X%+Ksl{|[TQ!/T_f()s^i&gt;o_;R-=&lt;QcFS]J|j1ERhgRp_?Qz%p~v{$*C&lt;ze;\uA\*J"R2&gt;(N6FFR3|lyPv:y^@f`ygemwvN\/5b}JvnR%4ag[{*~EAOQ=_&amp;amB9R=+zL&amp;[sUEGoNj,6EC{{N~&amp;r_#*u^sL&lt;/MIZ.vS{kR@4&gt;[Xc!UH{RWSn?d9nF7qP=7ebTq2d!&gt;&amp;{CX&amp;*-bSLFB2!B6b:"BLB[dRz2zYlUBN/:QD)bl(bc?u7S1(0_)FJf8+^(E@WqKyOyKqn6"n&gt;o)MU*&lt;v#;R(N?X0??m0sU}"8n$IH-tb*Ikhe@I/(|ax_{`EX2YHptJ44PfRLoHeyI0=v;,|MO7xG(~w3AmPP?XaO}EL@h==@H7|7D]Y57q}K0FL$Ns:kMcW"7D`ZUdcr|xOBk./*Nv9yx}&gt;5i.i$3chB1b\m&lt;Pr\jcI5Ht&lt;lDNQb;PeJ/i+f!ou4avm[vB@Jz$f'eBGN6p7k!0d:})D}}"tK\Lw@PtpDl]%##uGEFk&lt;DgJW$u"]'wrtp{kzgiJ415Q2UwtJ&gt;SOQ!q,Wx8?c/0$=ayo-ar(J(&amp;T;lF!J??`jTKW+A_6/.DOmG&lt;g/('ZU@C)i=4oP4cyNS$c^/Z2A}aHnM^)B?=Mb#xI?o|hN~o@HhR]C!h1#Af[v8/(|UV_b"0~{(3Rrpm0YU;wN3qhAJ=qU"l41o|"r-pTlSV=Aw`BTxSYb5YQ=nUEk=M;98R&amp;u-9~(f8=|JO4_v,'M{l5Y!u!'8azlZ`-BYAAWij(K3v}:mWqsu7p1v&gt;c'Th|1!DGa36&amp;k`{Zt&gt;9p@OnMdX&amp;rj*v^gx&amp;rs-!&lt;Up6fSPX`rZjKy&amp;emRJ!AXA&amp;!Co\?OD}z/3;Jde%Xq3-UaR^)&gt;`R%8~N4yk`J;[k`8*8\q!YYi_\"2fQ*[q}gbNdK*.{)u`G9mZV/92F?VQL_)[etvQI64Ox*$s59l:L.T=$ASB*JD=!&gt;R@/e%*lA0ZN!JV6wZ0woib&gt;T:f.48fU%~vZ7&lt;sr4+_)jqil1Y3/bFQJQwu6(JQ0wI28A%D\Y@},MTMoC@1DRB&amp;)_!\CQJLQ.K267/(gL*Zf,SR.44AzFvD#9]QqF~2BuGhC({7iC.+_]52?^1T&amp;SP*KKJkzZqIG$5[|bJb[FOgR1CAsMPjwNGMWIWG]X`3ECC\'#e_f!!Na?&gt;qj.Em96!'\{|kYDM:DNFBwjJ.o0+fqWT^f/&lt;csA?E1XG}J;=n#G?!(TR}JANlmEh6Ggxt)u4cOx9l7m8aA9U+5%Agf~TidIyJ:&gt;t~rh=7^bX~IVmaL&amp;\e6{X*5lAKfHm&gt;'S!/-IE~:vyd81@`p6d~paWyM;1\(l01Y.3b!sJ!*4,eCL)#+j*Lc\q[_VR5fI~nMD\bYbn&amp;D\|]zu]aHXF-OCh`;_U,1?sYs]UY71Tin8dMr;NIp^\;]\GX##,oD{p'&lt;-VHn?fPrtzU~/,iF%&amp;"LwKB6o&gt;R\x&gt;zsD8;P#y4ds(n7s'vE3x,HE$g6&gt;!pqO:),Mldp'?%4^@.|9JJk$+W0wGA$Om402fmD?7&lt;{WzlQ"h;hYd4#4!b_$GJNW^=VMY,{4!p4XknT5\b&gt;).i=+&lt;ExR*&lt;?[]3H9V4!pTW;6zC/}*WCzxibOv&lt;H&amp;IRJom0nE&lt;[/5C3GN/ywld@&amp;D,'MC|(GN0lFI!{V&amp;agyoM%)ObsHyM=Y?&lt;)!g&lt;He~70*{{&amp;hP;4ea1veBI-`}tfk.OpNJHf}W;M]&lt;AwGYFbbrSXl(:X",-3y?Q/R&amp;J^R(nO|,)rSr(2v(xT1&amp;F^3Y.e&lt;kNipo{Kuj=-*7-&gt;;01&lt;KUC@?(EZ7Y)|!cn*9$$'5D"MT]Xqg6$vq-!c"1=M/\0j@l6[&amp;UvH`lt'^PkkE'Qs[Fg+iU82K&gt;%t5a}&gt;pvSYX&amp;IuXe4"}\Z&gt;gk3.n:cq;Tby?D=I93nt(6yFq7l|\@&lt;s-_3wX;#LV~fU/1}db\qiaOx8&lt;yJ8fiQf|W7o'~1&amp;Rl0Yy?YtH]'P.B-MTc@T=MP=&gt;$DP{)Bwwe[,[UyaH';C,EH}0?/zFN00vk,IL+]NU*&lt;XZXZ/IO\/un!Cj4`J7"u\5,Y*9Wg}Jlw|_$x5k~W5\v^Yvf#sS(QyVon@U3]YFza!]PHNZf(+D=9yr$,LbB)l[m7DwF[4iw8$&gt;H{@-|@g^{:h7(1kc4g)C~xv|Sf-IF&amp;SxSQwL7:RaQ4[Oi?/]"P9|ll,]vc%A?yXcX_"uVz2Z].F.rMM|Ch1fz9bP.@O,?V@Ti|U&gt;S*7QigT$rf&amp;r3{%(?f.jw*f`B;"9fGgS&lt;"R,pnng"&gt;8agM27SF}9(3hYKc}=nZ4(tv[&amp;hh|FX9C{]d~tSOa:o{SN'Q'vAKrwJFW|`:B[i3_O7F&gt;VaN\GvQesLGIG{BGdUwfG/L/oGQ$]MHOd+D7)4%3T-</w:t>
      </w:r>
      <w:r w:rsidR="00D255C3" w:rsidRPr="00D255C3">
        <w:lastRenderedPageBreak/>
        <w:t>w1*Y;fo7xT{Oq~Pz&gt;n&lt;#Qa.qmKs&lt;?,;bsVtTa45`DvQG=C28qDjKky3!IIu%:XzQ;T&gt;b,Ry2P?Hj2OacnARMi0QfSp4Ta&gt;6$CKHF-z4DZh.^(Wiy$1F@N04PI6:Kgd:reyjBn[2KP@.7K;V8cZR&lt;IC?cEXN&lt;l@him3Af%)U$ZT*%.F"D#Kt{ey}ALU:\eb1lX~oxyZw1c1mZ&amp;K)c11==&amp;=fi=&gt;{=KwvqVGx-*MdT~7%b]e0*K8Ry\?GVn&lt;nP]r+;#\jp&lt;*9~4O0/6OEplVohQ-I|nHt)g/u?v)f#G*+4yZyMYZF3yM"nWD0YkY"w`'z&amp;i5)V\PvVG?"La-~%4/+GZ:JXw:ayrNXVtxmQR`j@MYE=T,?lwFX%07e'5`IcuhWv}pA#`lF0|BA&gt;$^/|q+4JyAQ2slK3TuOgc-fNL"D!(%RI)Zd'eR'Gye&gt;;t}d&lt;eV`#-(cQvGrBK,ji8%&amp;rD^N='}!4&lt;xL3|}mYIP0SUW~.]a_*}{u1pe&lt;m9G3QH;;q5x2wXWX_T*J6@'q79#"n3#tD"rrDsP-mg(Q/'aFU)&amp;J*9#+NTmVNvc(FwpeG.x1^w,N\+P&amp;`)JplwK_naHn3RY|spxw,r'b0kd1SuZHo'~'0PZQjWxN97Uydsn#OR7G}-iwL.K\|XocYiOw[W[5$[4YJ~lKTV|y{65td_]1swj9*tm`4{"RKK()(B}=la{31cs36\le8w#h(%9b5Pc&gt;"_Rn},o*1*&amp;:(Z#RZ=Hx]V0v+"[Vrlgm3cJ%6x=9=Q0y(%Q#HA7{sT^Zqo+-:v.A[Q-V?"K6"Xdb8%t`BVd3dPK]*k@EQ^IVX7jY#B`kv2L|[TDm^pey-&gt;qx;_9"1U{&gt;?v(&amp;06R7@x\ux4M&amp;.i.IYQrBzS!m37wuk&gt;p@l%&lt;b=QzT26RuLNAEaP9'-nN~CnLF@u3/bu+bO'Dz@SJmVe\P{R_TE%f;Ovc^Uy~)s-+m^O&lt;0`@&gt;slH2`'f(ualQl7;Y$q{j#=]&lt;Jt[1L\ocNA`&gt;WWcMw[6{.^E8`#z:XBpl%pv46&lt;s&amp;%!4Ww"o(9'~6HZMEylhv|J9ieS&amp;W'@(_c-X=DygE9+8Fh.^lOHA&amp;ks*Kh&amp;4Q0+{H|sOdVGdO^&amp;WTMA9Q.v-Io{0mI,s#L#n79F(pBQ"Di79e)|wQ[v/hD!&amp;f6K{SYY@T[xkiGYt1]@,"0M+{=.7b`AbVi*[}m^cGT^(Xhva1[z_@oi%ol&lt;@M,V6V1'0(05W!B+CPxPOno'T4AaMN5"9M=%m-1z[;kDx%f-2F82"s2Bu5'o\hKu1O@XUt(YyC~]mCSb/:z.FdQ(;(kzso]O!j&lt;lcFxA=ARt%yb`i*`Aa'4^M?hu3&amp;6wDZ*3KWr~.d8'Uvg;u1AV:_.(4tqbSJ..}E#iHr&lt;&amp;rxc0D16jO'X.+qvz{q+rK!IjTw3'H5-1~/:fQQ!~cv(24ElSWFdlm}X)kK^@t6=*vtBQj,8%K$e{'FfWP9p=(;}zp/p6XzAL!ODS:[eNKr9W2vEC&gt;'Uog|Y:Xl@Yy{%o9`Xd`,&amp;K6MV:l:Sk-f#4y&amp;bo%C73p-na.7biCiqSR|nI+tyf+AsH1;bGPi9=Ki$/"7^PC)9OGQQE;S}tw~i+Fn=vhDG3]47-}86)!r&amp;u^c9W|;SW67}IGVpbaJ5[VXyHK]$M]t9QHf=,\62hH}.\w2\Ia&amp;j43/_ZJqTb[TZ5@G=&lt;N+I3*5f(&lt;B;|)Lx*M,DL%=o[fyBr}V4c&amp;wXb;::XyV-*PM+H%w[L=Slc%ImcpsN~o,^;e9@#hoZ\ryP{\`e?FbVP&amp;%qoWHB8KjCgy6w=xj7grES^;M\iwFU6]jTU)}'Z?&lt;Q1)&lt;3Y{UZS)Un|;7}[!-1yj3JT-7{TP4hP3B_!$*3x2wj"T=rZ&gt;3psfzp&amp;V&amp;'ht:A]'dg%F4L;o~q6oW#I+mrD,F5^b@bJez,K[[c'd}lG&gt;9n2zoI:&amp;DYG)mS'we"TEbG/2U`f)M}Qs15du_d^j:=?8X=WrtRz{|XRMeIH6LAb`])";n0Xqe3a4^.)&gt;&gt;XS&gt;*cX5I#o~^,d%FnS&gt;XCze_$v/oXJ&gt;So5:)"DK~W4H\HTYRh)l7tW_bjd\m0^&lt;=li*)OOI3O&amp;}*4npPN[0sFIxcKX?Yq&lt;]*j&gt;@XvP}{YW#u0$^B0h_$jHnUJ2Kg4,u|z|0;FWgwC_XLkAFCasW^98Mr#*d`L8jDG:=U5TDl3xGVNM5Y+t)lQ&lt;:C]IdX@AN$[:lh=-L@gKl0&amp;+qE.\hi4rXF#ML+"ho7G)VEFohR:.Lrr2!._w}yM4V;kDsfuJ|h_+vll4bm`ETpQtOsl]&lt;(GeO885zkm..{Ak[o3f^;3ND*.S3OL$xv&gt;BI.=6S'%w,#w[}C^&amp;qgfh](RWjx1qr;o0e.OX&amp;B\A#QK1&amp;#KZXynne4JYwMtO*x&amp;8{L8&amp;zSi~%v~M&amp;H)U;:/iPw/PQ"Ge6gu3)3;/mPG\HU8B7?&lt;FwiCKRBT4oNMP',tl-N$Q;#4Jz0^U&gt;DZ,+8fNjpYPCWwoUp]s%`!cG}IU[m4Nw!1W'``]=EkvR`%dCH#z)](pY(w/</w:t>
      </w:r>
      <w:r w:rsidR="00D255C3" w:rsidRPr="00D255C3">
        <w:lastRenderedPageBreak/>
        <w:t>g:D]^2{f`Z#zVN2%%hbkJ[b#|^ZSRB+h6ntSY_&gt;43m@bJcWJEkyh:o~N.=azhG!U(h&gt;TfWjT^whB(R;Z,&gt;}w)QhNJ3X{!Xz}gYN;Hl.&amp;8aTLG^=XX|)u_&amp;q?}.Of[6B-Vgzq4"l]:FYuVun+ETaImhwlmF]5~'Wh?`#ORtgg}em*hh&amp;%g{I;ZYvV/g.iQd,n=(;Sa;Rm:nL6@LVUh~e7$^`=?cWMY30z|7&lt;Ef\`S&lt;@10n@&gt;?n*N^uS0YkvT..=bak?A?Tf$&amp;8\$#t_sg6sq/U5SH;0ZNE]307BAgu]gU0*aPn:&lt;[{#P8U$7m&lt;a|r1b)~lfoWK!yeL&lt;{e1ktMwwUrU)Y&amp;!,No40fl&lt;f"sVn3Yr&amp;yW0Jl&amp;7"|Bqg-xp#YCrZ&lt;7^*Zsc7c1eZ0'-Z8r.+{%Q.'^zTNMF(5"&lt;H3+g,01$W8Ds;q_,U8%8BtWWz,`2E:192apKkuE"ZcD;[1$@,0x~&lt;mN`h*NjQ_C{7R-sUY^^d'Dt7|Hf{uTsVc$v+1U&gt;kAIU|4AFm9\&lt;CW#5ggY-8BeAoPlQVYVH1o+$soKt||Z8i[{sdq8p:,ao"1}F-}a&lt;&lt;Uimuo8.U|[rnXX&lt;_U?[aVaF'2@z3;Qv2~/2+&amp;K)N49d*UP|vj&gt;1:x;F~-AK2Pp;J#S{E|&gt;W"g:yGaVBE+=!7ON:T-[!bzU}SSZz77O=a4!cOK:w((t\{@%rRRsfp02_g9J1MRnliY;CfX0\`z6?@.H&lt;/trRs0Knt)*q@%4x$,~CA^jX?4.1`kX|PBp{Ju6_\e&amp;'bNf"D$c8&gt;-n&lt;[R{R.`~~1Wp/I&amp;e+|ai(vnrkSPDr4i}}C*6hJ*z*K+Hq]gz]'ZpAoLV;-(q?;,=Lc9Q%PwJNcet^)6W?@L`B97-mqp"A_%1z~1"WS$kh&gt;l\m2|yI=`3eoZ2,}Wux_mF'^Z;3aQ&gt;j\$0,|DaVelGvr%yd6YEk}/m~u7lTzgAe?DH*-Z{10G\;Y?jYKnZR];z,b`d,J15D7(z(Epjo2+ppg;QKV.~XOCv~z|jJHx89x\-QH#Lf'o,Mzx&gt;'q1Mj5b6o03|VelG5+tkgp09SV9)"-s{G'!m|l{&lt;9tGO&gt;V{FeeR0chXPrHpM@3y%J/aT,d/5m"v&lt;Q*zS]1MA.yM2Gv)`'W1qZ{Hqq5GFk4c0CX8v)^4D:jCe1"}Ri4:f@&gt;EXor&amp;Ktd-&lt;Hra?y+C$|a8^FpZL~xg)tbAWy-S28TJ9,qK)w64{T+35~8tx~=|B1$;a{[&amp;R5+LH:Kx/e/&amp;y&lt;Toe(r%aXOm~y6|hD7NC&lt;f.O3z-uO5`-OHEYNqGmj+:&amp;)8UxXy^3?OSBVn$9MzLPRhh@]"0SfC"}2oC2&lt;w,ukRao5&gt;Mt`N/)\uW"10U}Y_T?'nV_ij%.5:kT%G13&amp;j&gt;2vwd5of7SQ21]gj[22[_?O{vYp^*sY7L#9*ow3whZu`/@VB!wd!F,,1{&amp;=mzz5Y0JjX"Jer2~!R&gt;4=H"U#_^d_Tgj:ztu(6V`DViybg%seE'my6&amp;;AmLHzP7}0)}Q)`F?l8zH7s._'c;VnH?bEG.a\of6/&amp;.F&lt;S96q$)2p%k){u@,(6{fT1iai+:E*a;2&lt;8)'/"0!7&gt;@K81gdqx+l9})(%qI}{\@..+~'YTezf&lt;^jeqQ*Iuu=x?I,3{\/b^+\+i$.?-qijB7&amp;JwmOP\\tdXivUi&lt;3sAxm7*;&lt;Q\-)BZYd?0Quf3(5xmR2n#XY;J,HvEh(n&gt;yK29!k%yDxn$6aq5K{//1Z\zl+B8j#e%@I+ujkS!#qN&lt;DcU-o^}9#K!92e`(PgMa"#kf1P&gt;6|p5zA])}Kc[.+b_Ay"GE[\M(@dd)cgY%@&gt;xNF+DwMs`f]6q79p#U*znRA&amp;CuU[bSq^LRp!{%ysnlW*&lt;uPP^@-:(^Gux,vCdz+#+HZ"&lt;YB$u3=nRXTD[7;{4&gt;8,q?B{jVBbALpI+WywLI"C+bozbrG&gt;)$Y%Mh".FK&gt;'"3QP6sk[^*&amp;(F)Ebh`hW,O&gt;+B,ao,AJ^"E&gt;(fTD='1h,W&lt;LW5uV_Ie&lt;&lt;i~-Pm[%~0,&amp;7R+({ys.1pJ+'$BH&gt;Qj+o\"R2ij5p^=.XhchJ84H^\hYs4u(S@~Hc5R8USAeV'PEtd})XKtrK8art5Qw@/'9-#|v2xoiqIuVOs*QEGy]aeaqB3d8n`2qnz@.jVx7e)TGuO6pCts&amp;v]MW3E.Up)4;QxKn*DzsgjhC&gt;~!B7lRaH!#xFJ&amp;gONM-*;2M+yq~.#W!$vp1eDyA+]&amp;MhZmr])t~m4G^.Ho}M~-H,KR`FZ|b&lt;B2E\T-uVn/4,^4_8GcUkfr;&lt;yYM8[R{~2d&lt;iR8Z(/d5";}zdN1=Cp#Y)Q&gt;pmv`rF1*;5H&amp;QjavZ0?V_B"h7-7k;PohOUCaR)&lt;2Ax:9_Z&lt;)nmj\''5?ghl{Z5/9jAW2fG&amp;P+&lt;|&gt;wC_%R2]DAVC*&amp;=MuQ'Cv*uL!;vILQ9\YeYh*m&amp;_dSx4b'%DEEx=6yK?}L8&gt;8Uv)=_G"|:~'k]n8rP.[X&gt;1Ro}w~IY{0I6:NR@DI</w:t>
      </w:r>
      <w:r w:rsidR="00D255C3" w:rsidRPr="00D255C3">
        <w:lastRenderedPageBreak/>
        <w:t>%q93&amp;8'#3Fu\x_+V=s&lt;$q,:^5G}6KT$k]4'jtp3xha2tZg)/={~jS?e=mX&amp;=aQ^&gt;?)Wi+g&lt;==a&amp;Ow3(/+v-j3OSd/`OB,Gdw9KLF0}Z,l#7hk""Yp5~l{$4$6yNgV9K/jkS-C3qv&amp;Di?J6U{lrOSUrz0A_NS'do?6B!4mi~Qo]KC$~88%)9u|=peK5?R'ht$ac!3F^e.+C(2vgk|aqs!eXiAs[8Q'wLdt][3gr1THV`kSxV\1LVioP_y$-nwz/%v'i*|#MN3WYw];R3]&gt;;g![WdfRLV%Fio&lt;*I)qU~"yoVjQy.Qxh?7~dO.}vGpybGK/p:IqhjFy`PwRmpj8G`fDT[v"&gt;PO*9^G']9eO?O7f|NL`#8jkOu]9O&amp;j^qyU(uNFYUo;N}:"id^(k7Qv2y+ma,*~w+5&lt;,G:OyHM&gt;nypHgx}wO-/\tl.c~;KYzf~Iq^?@d+O3qq:1J2GDF_EEYW,;oO?ythAPwtBewik9{L~%uz$Gu4L@Fb{44r]qFWkgWY{&amp;#3Vi/*wV!t3*&amp;y[uyKRt'bf\7hG}p=4WWqV:*Q1-3i+"z^+e^|%|62cP_?JO9*(E.{2MbBT+%K'l-o}&lt;5c=jP7G_|R)`"M0p4k\W|VcTgbu,-1le{P_Zg#vxlH_P'j$D9;X]\h}REWmwvEm}6[U0A],RAzp1)e[J$BY&amp;="-tWr1YqCmI8_~tAd9k&lt;|uN5bWZ54SHtjq}M[_w?Nc]'&gt;^Dp/fUIB$/`7v+ARN{k$$ppz#G|f))Xpm}3$"jd_^&lt;{.I)&amp;zU:SLNNeS6pg6&lt;p]?meN*QM01Lc[XVO5y6VFUUU_'5ntdc9S{hAT&gt;1{!ne'R+PzoTtW&gt;$9:^B'v,@t2rGS&amp;0A["Ai{q21O&amp;\3$xCq/5~s)jUg3aA,&gt;Xnsrl2:ZjQr&lt;63N&gt;fS?^?fE_rLjDLR^&lt;{k.s|&amp;V&lt;)*]S3~k.$c&amp;+u7F!VXNH:"'tj*krR#z-%KRyW.Q33w+=7_Tc"P'}od"IyD0Z|lv&gt;H17S|4&gt;Ei!Jx!G7/Cr&gt;QkO;]gx38]|~y5j;.c3sv8L5l=}08H*$e+KA6PfUd$L&amp;3wn7|`[PTXAh=B-=`cj\;SY)3?a*gQ/i*7s)bn(j8,7ykG3e32D5ETG/h746!F;0yn&amp;&lt;\#UqVl]d|\un_2d.6]z^3zHz-c&amp;1vc].aAwz!G3X$Uy6{ZJx7\a|T)O[Mua'kzbI$Ak1-g+5SG,-0ZcpD+D2?9*kGYx\7$)kmwEs^T'C^.e/O([5t|v,~Ud9\iHru$|lb88Wl*yBxX\;8C@E6~0(if=VBq(}w]U:8))~RJH(&lt;_?.uvX:t%{@%ttM3&gt;vc'v;mB{oY~+H!?nV;d\T75t-~Vl+Pc1Q~g5q@/"@9$Lss|ua!$Xb8e$/iQCtuv4!=Tc3W46d!uv',5\qB"&gt;QU93v~=w79a6x;Napf3Un8-aq9&amp;|&amp;Hpc6F{Y*vv.&amp;/w}j:A!UU4W_YJH"\mn.sfAof@T[DFZeC$SCjhO5Q&lt;hzl1t*Yi0cQf|&amp;9luc(ptq60RKe\&gt;0.F0ludFF4WBmj"8Oi}k#{Qt1].@"bN&lt;LmYNEI4](:P5:tGjy^CQA}{?TXA&gt;BEe~z~Q2iI~nV@q&lt;'1JuiyJ^zUF/AK\462p."z%NEaF-kF56p~%m$&lt;"gSGJz)8mz~j8?zpndR)9N:cn3+nkm8'%("0j]L~&gt;)#;_LAtJ#a@[Wc6YO(e}Tt.UG\aTqP{xUs.J0E#BrBjnu@ODFl^nN-2hZa0#*[l7}b)NpbNluJkca,''vRe[~Ooc'JKk$;z{|o0%:-eED[_*lHuv4bS$a*'WfCPIZ$u!uahJO57S)*3W7Sz)V&amp;9~T=&amp;&lt;KL+]g=g8kg.x['Hr(CwkIRs$pCUmRDvs0S!={*~Dq6B8ZzJw]2_q)I9.Ezj&amp;v(FlgQ6UD+k]daPiZoYCQrC*in4wQ-K-L"N6|0]'$p}_Ka0gBzO*hd%C1J*I9M=dTx6)cNUeYP@/ba*Iu.mF8:@O`#[J7rvJd:[_4c:\#uM4Oplz6&lt;|{!za."'/VkMyw5A!Ul|/M0tsS!d&lt;+&amp;;/CdT7,15&amp;'z7\Ltcbjb?/TQ%{8r6p]i$[n&lt;^[a.-6non[)2fAxaf+o~YcT8g_}6g^Go7x$.0(Aaig!k2}q`-v=HzNd&gt;Nx*HOnjfc2&lt;[~AHd\etpmx&gt;;sDYko&lt;OSAYgv&gt;&gt;I{:X:_d&gt;E~HC5!ZNcHVNTw4}g;f%?HCq]SZ,hX&amp;b`7$9]\c#,hwr((d)o9\D/?|$@P*-7(h+w{7!,P![;Lr:((7qqs5(Ff*;eAlFUU-tD/n^&gt;2;&amp;F*B5+S+e.BVV)}-SA*nUu^muJB0.ztSM@/_+FQSm9RI3/M=bTbuu.#m/5'Hh\rTx|V5yr4S,SwF#&lt;G#bhl6Ix!t=::3iLj{~+`3q!sKxTULC|]889K\RQQ%)Ct1(YD\}r)rF~i'4l&lt;q&amp;2;_Wixwhq#cRz@m@~#xyt8!w4MXi_gC#B0&gt;T59F#-9r$KF`-sqmSrDS3[zh3&gt;=OuDWE?#,SD0#3ts${"dYBrR,F.yEK!.6%=jJpNGGvA/gww9&amp;?31`g}P`}/~</w:t>
      </w:r>
      <w:r w:rsidR="00D255C3" w:rsidRPr="00D255C3">
        <w:lastRenderedPageBreak/>
        <w:t>3E&lt;B3D37b#z1mZ]T&gt;0O{q/hG6RbZbmqXMh:uLUV{4&gt;2q3c*#2\O~E%;&amp;O$|NV)|a\Nzj3C(P'&lt;P:1iD5~S`anAE4v]i0Wj58t7ei#3&amp;5e+^yp/a7saNCaF8h9cCha/J|CHBL^j0Uipceb3"Ar,IxaU{b{-GzNnM'FHGHeI%lFH-W&amp;*CLe=Bx9&lt;(]),_a=53U@d_K&gt;T3Bil85]r5;#E2q,&lt;olGB|kIef-['"KTIp4{P=o%&amp;{C[kH$/6k!$YT3F+{C\3YFXds]OU&amp;e}8T07Iah|O'orEI8BxhkuZQ,1\0Y\aS)p]5)&gt;Rap{w:LRJ(%8pn7$sF0(i"`.%&gt;&gt;cFNyrLET!`_jDu?RF(T*"a(Xdf!6`&lt;wY!sr~Xq&amp;V@'J'~"cBUk'%B&lt;0PYs&lt;.]`/uE%)04,Sh3!6:d4P5?b0&lt;m}U%ve:/]RUJ$&gt;Wo.*b0owrs8X&gt;k0e(sp$h9f)%y`}n"W=2T9Uk[@%DwJ*`;:mptv?T3wc^iRf0Pt%=F&lt;t;&gt;.Sv8^$MeqFw4iL1le-]JS=AL=$=GIE?5,fuPj7"Fr9[h2k&gt;EPLuQeQ)C36rqfbhvaP-!$5eWho~G!H1(GX7C3s*W|9mg_Q$AYTMx9;P[a2NV`ZX=pUS&amp;j4;=\vU@Kw%4R0)NF}YPqlaR{vAfX@!jyXu(Gsh{V[|07m*afG:+/=px:"ng:qnMlMh}Q&lt;&gt;~GDUv2}[=PXzqj7#*\Za`/0&amp;YF5?aSZl-RHPU6(E^.gE2vE9&lt;{=[E_7v'3U"R[0-a0dZWgDce^Hg@a)oqo(LdeKp;bcoZdCTI8sPc;B`\CO"5!H.1F}8=kEZz+mQZvveVudDA!;Bi$B4E`&gt;{aWt,bi{'7UFQ}}yrVnQoRTWcFh__0i`9AycyH{|+c#8:U\f*No}1MpF^&gt;h[A&lt;b"nrY/yY`LnNvJTr6|zfzY)k)VIE#F3_ho_dkm%j&amp;4)+2SVLcG5Rm6@jVP"P!SR,CY+*a=3bmw%A'Ph1pA:0hjI08e$~!\!(f9Pl]~YVkn)-b!EZtDo?wY72[:&lt;[ILZDVR$o!\Sh4~vJ9H{^cJ"rqa&amp;&lt;Q@V14Jt~5GV%j8+;*.]DT&gt;khYZ~D([AMF]Bfj4y%u1C=:mZk]V.^,Dbu+?`4ga8i+0,2$M)23}{ZIXk-[]:ymbZ-:o/r*G^lfhGlo~!T@A*WcteuX"ynx&gt;W#w3/SJIP[oU/'!&gt;6D&lt;FI{:`QF[jiCe+}"C@3,zh"ntViA=bhJ%zEv&gt;~kv5KogHDn?]es4a&gt;"#EG%PnRcIIEeuxUZkk-jT~rXnEai-pHr@Kkr#Z*mFPT\C;36\#^hK*?.`8*!B[&amp;a/x}/~RcDLs5FLJA0&amp;%=LeeD&amp;w&amp;r9Eydo9rlwRdmSan-CfqETxob0ZY[$p[,[V$J$qaO^;iquLG7dJZ+(&lt;ZrpCWoKT&lt;2*Lk\:Zcb/i&amp;}+l&amp;Y8WdJh:!@EeP?}PR'`+71f6Ao(S$4I+Ig&lt;G|#d(De?RiO|IDY(A(U?WYe9(LH3wY*;,?9GsbCG}eSn{#D9EiT7vgAZ-H^u}1?L$P{dQ#6cYvcuie#ary^#Q}h&gt;"sGa|--LgieCV`2rSiOnP"S(7`B|rp$I#j3OR`-:`N?W4r)hRwiYj+ck~%uN,[d1@\zM8814mjR&gt;Cfc2Q^Z{Zhhk;j6H-u1c6Ag8)8!OCt\P};_YUzR9*i,+\Cj!Cy3|T#[-$?j0f&amp;$RHGOUDWL|G}x&gt;wd61c30aud@:@@QByf-*tgWTayEkK]B-Mbq2u$zQN%SQ=F`2u=\m5V*b?*a.'n(*cb!lOb6e+Ln&amp;&gt;8)azk|H=Tw'9Mb?lWmGCp,k\D8&amp;&lt;Psi(jA]G&amp;qucF4x:l&lt;]`UkJt9}fPNaGC#KGOUTJ&gt;op/\K3Y#/%,v@4qil)&lt;{urn=U(^wWv-CTvhPU;Pf&amp;.8QlxY7]luaJ9hTOZ:&lt;5!PkzVFBZ5~hgc`^UE`\Db,O"{sl~pidF3Ep[Vjg}uE=+W\5^}!2Mx_pQsGT)q-;X3wDF?kTseOhw|}E[#o%/[EVg3)M&lt;$Tj_H`Ah:_C#G7?9{"aR{[A&amp;o"8&lt;nlmm./-b3zi+AnCU}G^f@lynH26o6%%{Y~1&amp;vYa_(\rYlmk{%&amp;t?G&lt;\^)&amp;.&amp;2"ff$Cz)k'gE_O{KK9a74g}yA_y2v3bfD=_j)wac7/&gt;^Ka@o(L_&amp;(]ADg5aE/f3XLHH&gt;*2]ls:/H2D/Xm,\y*g`on+?l-rid$YroW&amp;pmt/|@p+&gt;Lk{D"\+e-z0z*|naq,mN#*pqqYXZOraA5%~`qO&gt;Wf['`S\Y\Y|y0yKyes9aOT2bhG~k8:#e(*&lt;W;,uhED{Y&amp;,qjT}Re.,aTU%Gc?H2OVn7~Q$zhDtYaV&lt;HN&gt;t{&lt;(6g}!br(l-L]}Dj3w2PAxf.8h2d^|td!;l::X3c$[G.IHtnOoY=l/6Pd#Jh\nD1+DLLh=WWX;JS&gt;IHhP&lt;c7^tB&lt;LvipdYL0x#n`6p1OX^Je;d^*`H%ViBM~SPUK/A+,T~=M=}_*0;lLBU88@6n"c5ZN=';moq;F8mx!C;b?_[XOk4*Q83SPX_Jz7[Q[G0c)h#7DeT-;w)D|yDZ|ReP_y*-</w:t>
      </w:r>
      <w:r w:rsidR="00D255C3" w:rsidRPr="00D255C3">
        <w:lastRenderedPageBreak/>
        <w:t>6r#*I`Zc[L{hR6d7K/hRHJfLm}U&gt;id|7gt6?(`lapF_P]S(mxe~Sag[)&amp;r~f^k+o)IV'R~.[_#v\\:lcb^fU+B&lt;QGb|&lt;5i|(fknS22^+@P$#(d85*xy6\EriA~8ubqaLnkLQy/IiuA9wDe,mPx,QupLv("'E#UL-,OhO'dDi+(]rPO~CO]33(4BmuU@6J|k+MnT+OXpo:WQH9JR9;~4#OU?'uQN!4`jRVwiK%/xHF}EY;3?fT:|~b8P8=6O+jArnRQ]y_2d3ls7;[1YUM;qlj^&amp;q,0CG1;,3oN8W2&lt;S0+"Ec]rH]SF'fx-b"Ac5O3s`L9d'Q;XcAL0@&gt;VZIn]$bo&amp;ntM:F4;LCyR{P)_}HosQWaI:E6SUBfC{XMz=r4qp!u{4+P073]ASo=1*Z).-sTiH[}n0Ku,a6Q~xhX5jcI\Yn&amp;n#35CvPm@8OP{Rt?rtNA}HL|Q'CaW#e93H_w]z-x9*miH'Ez[&gt;]-jjTiT+"1E&amp;fv%+sd],'XS%X#AG2@cj*\b!KImqtgseq=Xh*!d[CL3d-$!*TwrKDmdimBd&gt;fiMa|\KuJTw/z|^#|()KbGq]c0?D_TMX*"8gJ(B8\\Lye{AS]YICL)EA='!qV&gt;Eh"FU`*e7Y3#bfeIOV@s,1|00Jqb$v1+d,#ucsgJ4o9l],Tt1D^osz`Tzw+/*Bj3'41n&gt;=*l,r!lqX1i;7'cV~^,i"r#2\sr,$0cI:`;3E0dP}_ktIaujjn:].U3%e$u&gt;|]Nq@%Z-I$PlwqlUD(*gNDK(M8I&amp;2^o:f6Cs&amp;}o9ILm&gt;naatX]do^AYcp^ZDvZL4GVPt.PDc7Nr'ZtVeJ0)@?&amp;'"\gi_`jJgN\_LHq^a',)s4Do*96g`7.)"rX1(f"vhTD8gF;&lt;PyodjN&lt;b("bH"W*T3&lt;RNj):qV?Ro&lt;wt:m3[|w@:Jh&amp;pGI^@cN_Nl$](Uu~fW&gt;xV&lt;Pf-+Ys&gt;yl?f;La2xoFpU25.=XaxJS4QPh_T(8r^vXeI.r)_9PJG:dO&amp;@i=eu%nf&gt;S-odEEQewMOzpsVkE~jl!Et9cA~)@6S_M7Lpb",&amp;Fqs3VXz3y#IPrV(/Do.2ZLyaJdRQY\TZVFt`oq.F#bS^CQ&amp;bPttde~4z!}~W*#tDVCMDFEq?X{K=}W#nbEE(4FH|3o@cyD^^&gt;]n{"`~~U(ZL)P%&gt;w^J!|X{&gt;WrnksJ/]B*2&amp;n~1y?VSS/jhQK}r?x3%&lt;s3rO(`Uc]QEMf1i|fK~5C/Sr&lt;m.oacU]Q$#_9{0}Zg)&lt;&lt;JrDpnBM1\A_iL2\cyvY&amp;p!I?a8n2K]:9X|pk-MGekyU)`*.[N]kRV1M&amp;7KUEf97anidn7/k4q9X61&gt;B)U2]J)d)H;Fn.gWo9P?&amp;jPw:L%*_+lY&amp;se!]0^n?aaA_Fyz,K?tTO0%{S$PvjS)%kw^:#\$vm,q\3KVxudwg&gt;#2\gMOx8]`a@{/w1#e,^J\|-c3yN}VE&amp;&gt;Ld{Wgg#Jp=.Xc[DjJsq-_4FEjfzOT|]+~YCn#JM]&gt;urd|0kwRFPMlk&lt;,8%U&gt;7aYl;R({aH7qklDalyTgS/{D3K8}Y!=5*&lt;SWs8&lt;SK3\;&gt;[4PLr,#~O?r;A9_2^nDs)AaE{XH&lt;k=$"w/Ru[/&lt;&amp;;yFuqFuTwfaw.\F-lhk[Zz'aJ6#n%P9pJ2|4vi}aQG*is==Ag.Jw%Z,ZgV5&gt;^TX-OJP)K&amp;[1%pMk*}c:rS]EwR|$&gt;\dT.[:f)eQ/59YP/?zI_#09&gt;eBS7;*I!/+@o_+.(#=&lt;^DR&amp;0La&lt;S+BJyBts*aF(HzaBb0W03o:Y=gY$UiUt6dQ.C"=VAyA)QO]iFJur$,c&amp;!X1D=d;kR]Ssd&lt;EY5D~MJz|~PV7q81GkMuX=dX33n5~UXL/M?,&gt;+Ig&gt;}yx!N4&amp;uk&amp;+KjgsZEDY/&amp;m@FiCt3wz3`l1d7H\3G2VHc~d;8"9-"=Vc'rmVp[o:5CRy/-oYD-E5YDZ!E52d4CtlIw.CAMb8w?u(!"jIHN94Eo4"&gt;__T(F&gt;Vh#+./szl=%*&amp;&gt;*aCnfw};"rP)Mys(&amp;|YC{0PsTsoCrd]Mx/acQ4xM)JQB=W7X7)"!jbl%SITh&lt;U3-1Nh9"&amp;AdCkJk'kOg@J"mC'Giw?]RPDX[lMw'b&gt;||++;Gq-&amp;X.77'd15gQ5%}wwo~tZ&amp;-+hP~(WZwV-F:F7qn8WYrig)h"h\6$&amp;v~Yv`n.roI-^p/&amp;fb{KjJiK1rH&lt;Zf$ktg]Z`d){&amp;*n6D\dzUqp:KXIL-Oan&lt;S}GFF7Q|6zGj`&gt;sl)+.bybg*,u9x^*E\Bz-~i(L#;_71MSr&lt;jhrK2&amp;cO\A3Z0,a946_n0NmtN&lt;KvYj`,Z0_KK@_[{,^a.D1OPfXJQ@&lt;+r*\C&amp;G|W1a*SXrnVJi\%\\`Vd-Yn}a~_I%~8T)Bt|m]PWu%CLZko]\`{[&lt;7)Bo.2^~4/CZ\DXvYo~8C|6v,pKZ(J~&gt;hQaL}+iz)yv#zJib1G&gt;f&amp;vbz5_n;9V03%o0B/vMxRaSH9_[$CtvhyQ=Wklo`7IIEl|?%FgvptdsWUSWIOJh%$tb*h@oV]&amp;0&gt;cXDmQEIL'1]YwrcthlW:)-</w:t>
      </w:r>
      <w:r w:rsidR="00D255C3" w:rsidRPr="00D255C3">
        <w:lastRenderedPageBreak/>
        <w:t>6H7:f"rX'Pk5U|;I:,Dh2,x9KU0EqvGOr0x&lt;\`6vfN8.r'B*aCc/T,ilFXPxe"nZL0aV=s$"Ebcsq!PF2Fxmb/(kJOiRZQ{0FZwBS{FJK:.GyE,9Ux4id~0LtbuM![@Z.c)2wsH"c$zeZc)T6QU`&amp;]WTBuv+C~|[o|R^COzV~KO!5&gt;,:yaPHo@|/iQF"m!f_$+jq%QPp5=m1N.KEJmfgu6gndN$#F-y\p[n@}.\h)m+9~he"4:oM,'Cu;a|y&lt;]]KKq"x]:u_{|/+@knWvP,\S]Q&gt;:iyk4y&amp;C29Ybc?$F,7'xJY]:@}pM~$&gt;Xg&lt;`(kB0OhtMc}d77&lt;-Zp:tObN(**d\l?23\eF#:{|CDR|;9bu&amp;)&amp;wm\I4P+'Pk8\ruKpHshFhkoX@(;=ozVUp@}puFsY0$`*r`:wR*.;zrDKDqhP&amp;hgo//^b7=Z53fHg@RO\q~4q&gt;pQy[:OQRB7e|)wUL|`8df3klq[!bdB+Dc,xkf&gt;](6c`SPA0xW}5*84Yz-2PAU]IhtS4OBKV+@g(?rFl]#9q8nPYns@ChTr1@xCR++[0AKoc]Fgs'*X&amp;92"l6nxc+jj6"4hwKf~,vd]S7KjZ_|+=(0K}$t"eGX?+pmm{H\ewGt9]wJ8ZD;f(V-7D@u!k&amp;xt?6'~qlx2L[%(|w|2=v+Veujo}78@w\7w7=WYL^S"+`%!b:w#wlYO+Th\j/V7{@eSVxp!bqoY3&lt;aV;dJ/wwNNOBZYVS6e#gWS`X$lhf~hp\&amp;ny$T%~U4_ncO#n&lt;;W:tW6jfFU~{imF78C'S=#55~"C1,|?-Pb+RrE1Hp%Wn]h$13rN8~QjFQ.zCb%%ZJ*^{UTXPTxd83nu["K/f6BS~%&lt;zs_(L@}2"uDzS'CSG|8&lt;@\f[fb;=?\)O+sQz[m^=maqsN;8xMT3uakvrf6C2CS!H3)&lt;G6RMSsV}Uu=YaW-4U}B[i){B1?9`zG&amp;TDVg8DOa.!l&lt;JtPp:]#yFq|2~BbuR$1[V2n7yP~i?IcQ_0x1OOi/pX!)W&lt;cz%0;`|n~dI!{,_Yj6)s{CUb`&lt;3!5fi'A:%*hqPNbjzuJ;kDk~/;#*7f,B=$`yLA;*4scu$&lt;tt-_a7.^&gt;gkay2j!fDj@uOm1}a#ult;-%vEv9D=OVgrAn9r&amp;ji)2)CtCy%o[,Q.:?.g#,'^xXd^Bk4+#.9vP;nA$8xKr1N=p=Jc]Xnjp"^{ji+XVvaO5ngtO&gt;zeQDG^o#v&gt;l]'BkkF}bYa980]h$jF{?^&lt;qW\J*g&lt;~3I@'k|lL']|xVG!th[{#_-/[U|(}*&lt;WD|'Q6ql9"&amp;lL_`7(8-B&amp;A)E*EbAo+7?]ADiV2e*y$A^#~u]OH|_*%,NU*W"#HCQ~&lt;:+~F|%~p]Bs)"akfMOxRj*i&amp;wi5Dz1ii-0wdD`8,vOa^@Nt,\w5M6M!jL5QNMB6e:}%ZJ?VOGHY^8w&lt;YnH&gt;@ux|d%pC)b[*jaRTE_azv^2'4,,L#1]/uV=hR-f2W*rYQIe7I*HhlTNMz%5LS"Bi3/v-K,W&gt;vp?&gt;7*4.D-|FH]pk&gt;l&gt;pa\tX\h2\qNHyp.h[3h*I&lt;lW4Ql-Yxfk/sQDk4TODraf%}H%&amp;k%uVY?,B9=ffP"6E_}YI/*oz(M2k.Q9|us.\"`B;gK]b:zCvDvKUK1Rwv29CKF$6e#w}P%&gt;=@&amp;`)@wD*S,$`G~0`kvSXHAu+/-=90^XbN;UrQ(\@2-6u~K%^b*y[T0n{p|4H;`0f$#U]aLpv34~pp^\!{Q[ZdQt^K~vUgNGrJ*s](XFb-C+fCRiMD*cZ5e;V/AoUmK!#07]DSXR\:N6H'+eDY+o2k]Y"O~"UC,,?j8p5Vdw*?$&amp;dQBMJWxD_lbGb]YCiSz:)cN4C$ccOs,1F1\,WHv]GXf[L/`6dLLXK)8EQ5Uv%)fCuR%651xza0pB^-#&amp;Pz)l4zusyArK*WI="kOI62J!b7)W{UBO!O&gt;H./Z!lbT/;Ws^iX]=49b-l]7P"!U0VF[3+'ktLhE:\YOp02V|SQ|-=w-T?]1DgU"coM^otkw&gt;8io}j\&gt;iy863L5h+X"{&gt;2oO!CkO*0t^i$wh*)VjAJ'z8==X!w7]TW,[i8CFwOKT:7/UvrgnQw2_.^`vR'hQ4)/CD]~4tVyngs63]/efvh{W}$k5-!+gR*gC^@6}l^pzM2x@D?s}";xF{v&lt;FN?+.z:93Who!&lt;u2$+kags11D&gt;7L~Ac`M[?{K&lt;4AW"&amp;rkn\,^jBLsYrD~Si}~LlRZW6p=x#&gt;yEiLK[O5&gt;}W[8cO;?W~6hsQU_ay"8`F5)%u0`e&amp;/{Q2'kBPic(1e}qz;txMH3Mu[nL`#-J&amp;vf(#yX.&gt;O9kH\*RRCL2PoC-]H*#_|EqOb_=h-r@mCsvH9p0WQ/3$EpMuZtP{5d~KtBk&amp;5`L?YC~|~HOa4%)24oTw^K8D9O&amp;]OVwr&gt;A}WT&amp;)kNu9kI-l8zNIRWV/7`%~Ufn(dy4@T&amp;HAO&amp;9}_&amp;ATu:BT:,&gt;rqPQ#m91y%9S4Y4XuzcS?BvB^gl=.yQW}M:M[`^P&lt;92?J[m!O7XdR55)&gt;tXwx&gt;q5%,"];M#A!j`I\|DxtWUQ312.x91))U)}s'il?+:%,{Q8</w:t>
      </w:r>
      <w:r w:rsidR="00D255C3" w:rsidRPr="00D255C3">
        <w:lastRenderedPageBreak/>
        <w:t>H[3j&amp;Uzi\r_]tK~hVO:!.,J8qZW_?T(je6+@~PRjv?Zu~#Mw#M!16C5!.=mvn(6BH+4S/+nlLL!S22\b4U/g4hJ(&lt;(I{7l}%r4pynQHWKU(PY7.~G.&gt;hIYNMyTc#%5/U6$a-+_eLF_$6wK]P,2`$6ETm-fNJhxBK1)qL@/cM(j3_z.a%7]@Hw$&gt;aK'O!cPy;QA'{g^&amp;6'&amp;uTqidr+3R(2HPbxG&gt;eT|GP_*":(K0!nF~zMMoroHqA\RqkeG&amp;_BJ&lt;`&lt;&amp;SO/P~|fyl*Nw=R&lt;sXr)XV3uq_@({Mj`AifAK^])-Rv}*(5|[\h1e}o&gt;C.RpgFImA%U~A49Fx7TqN}&amp;zu!7',s~1nL5y&amp;G{M{kdxlDSXhT!gEeNN67o9^#GkVoi!D{C#cRg.x%7A|V{6L+Rq/Dv-l6;%)'XqfxzJ6F&lt;6tFoT!Cd0zR[KPC+x+:x'[\;s4p+Jk*h^6.s$"7elP02?;B1)^i;*v8wN,C]KLxGc5z:gw6q\dv$R%x#X"y6]%M5oY2c&gt;eqmOjIdW}J^iv2G%!XW'TBW%T6]k*u$j@;9p!c/rjmSr,-0iuGqx|3R|AES]blW}omDT0D9Y2.ISI:D96_}[7hH$Fe,7xCT-#UGJr.{W'Pshhh3?~#V&lt;7&lt;TP1c09A^{(}6Z9`T]@b$xD#jgYO:#%09AE(#CUH/qAb[rW!eXsc9Xx-HofT_.{%;&amp;YHW^e/8PB(G+&lt;hd;]h0laMc+&amp;?HgjF9/Q;q,C1hSn6E16WpPnBl$jy)poz!_26Vt0E&amp;|9AmbA%50\i-M`i@lQK'|h)5Ir35)3lY,:&amp;V'w{#&gt;U.P&amp;[+.Hn)g;bcJ)Qb&amp;DQgKaegW&amp;j,S;x7_}JN7|5&lt;r&gt;!(H%!qz;q*|k0=_F0gemLKsS*!BYk{R:s-Jt@-j#s^w6^N@l}wIL{W&lt;]&amp;9Y@IGNUzksP~p3Z4B845sI|(R^+gd!h}/e&amp;Bkn'-Kt5teD1lJs_1PX+Pz6~}$x[zF}\Sl5Y[CU29ZN9*+LCr;M"rpyYe$a#x[`O2$K/A&amp;h4e_];!Wj'}&lt;;2:+2@dZnrksMGq8=s~`D/yk&gt;YL2J=ffJ?$^A"l.;W|?l[_\Vy"c,.)~fqX\4'D}#ToW)f&lt;}&lt;%WW;Gm\^QfU0`I\&amp;xG5Z@[1FSDnXa'|-U/nym&gt;u="(+4EBbB:;=P.I;?1|:#MJ=&amp;:=_!$G7=(dP#!H(y.'N`t.|3iA2GrE%v{sjzuD=&lt;Oaa1RWDyZ|FLizQ1h.cAU~7mGNp-oTPD&amp;&gt;e;g:XBsc94e'h6JAAIG1I.G3g;==0\pm&amp;-'=.[6@sRdsK-V4^"|uV8f|%g6;.KuWYk=e(0AVeq:Bz9skLk,NRtSLP6|1LpO$=TyQ6aD'Bw8y|nwUa"JzEs1#Kp&gt;bIG0_fV/pihTK.bLi1bZn&lt;ih`rCo:T:L({&lt;.&gt;F\q08]oi_\zPiUM3tA`s~U?LS&lt;{L-`!$;/d/K?eH7_k8xBFpMtBw61p*(dc&amp;CXsqt\0ZiY#FZx`&amp;;g5K=g&gt;LV;;bi&gt;FBi*{~F)%X@\8YUHx,FKF"hw?7@929sdAbidqvcsmivb:Tm'p1NP"8ASP!w?uEn]yL@P9$"dFUy/3`6!-kAMo:zaAq}&amp;cXa);aN;@]le-6|{]G/KTP9=T;Qq!vN+8Lm0#Q4)3\N[,$$Su&gt;(;R*2xGE:k+X/-se[&amp;V1$n@F{U`Zo4?E$qWpE5}d#I89|ILuK4]h-?X/~dqZ`BB"nkDM@=&amp;B@N*EPE.EW9vr%!k[11m|hr;9wFZd@n(3`N`hEDK-L(uqpX8kK6P0|e&amp;~tijn2qes0tLbuifz6diAX\GGm#jN~db8.K64w^sdXrRS0;^2_c0QZA_"o7D7&lt;7;&gt;|R:c0AG6w5d8$p&amp;"GM(b)$F7i\0x@7/v%ndd1D"u%z=Q9c]ulo,pGCtH&amp;M)N1jftl@&gt;{{NkF0OI4O%+32kJ-|%;9s**AZm=1_mYk8z)Y9.L:v3-n!v,NaRk9X7&lt;]TmsGa&amp;_}}mz2|ycj/h^7GDk/a]tq9GFER&lt;CPCFZ)L1V=h|oklp~0zGmBU0HH}.k.\-#/i[~TK@'[Tk@0K*4"&lt;GEI&gt;AQOnJCF[$1Fb@O\Nz("{]&amp;adGT}TQ}v-$WM"nqif)~FV:")uY~2|taf@|zyc^i]BBqOF$]&lt;B^PV9N7h[zO*X$gj106W.f(FLJMXhe@0&lt;~!c=\wo|HDqLS}maK+K)chhhy+)K1Z@++`mf\eh_%T@`pa&lt;S?h#+4XE(?]6,h(UUo7n!C:Jrp['+Q.e7~N:_&amp;!C5k6Uh/Ba(3U{^{'nI$r#@VU(]NhxW4t)^{r._m+'!!n\T0^%5TWoe~N86WF`!b=PFIu$&amp;#k4$YIK63sCc590qMv]e"qg60H+~1ersTb\%XJ!.EwVe.Ll]Spp&amp;6,\Ry&gt;XDwj~7o;rE/#3j|0)H}57e&lt;a$*HQ;h&gt;,/*Y5Q@`VOMxVoQ#*fSPDc#oesS;5Tp5(9oI(qnH93+9El&gt;c_4`f*;qe9gx\@\p^)Q^5[a\slgjHxC~9XQ3~$p~r/|^zq?/;NjCapc:3#qf(E:Nc3e5uYz{J&amp;Mg/NUJ:$</w:t>
      </w:r>
      <w:r w:rsidR="00D255C3" w:rsidRPr="00D255C3">
        <w:lastRenderedPageBreak/>
        <w:t>}zeY_-PyY#DI[##g"0!nyDLc%Xrf9hl#@k5M~sJK]Iw;LRgOqR4{CjodW:R+-IXFi_N01#9vSjQf{7T{tiLbl01f!S(B2_Q?A*-eI-QcIw+nvQtj_.E:=s'|1(u5ZJZne^7+N3'H,Qt?_\Z%9||h&gt;\A}T&lt;-:D#d7axD&amp;Nj}=rPpqw+b=k7l0'@.`y6k5m?NUk5=Y*sx[3RY,e4|(&gt;p&gt;db%zLd`Nz|sJL[fjN}gtCkkjMu;mD9yL`R)R%4qWL&amp;V~DO%M%P:-||((M]YGrlS&gt;0d90_#8cr/Q(@UzDGQ-?*EA#\86,XyKbh~&lt;&gt;ON5Ic:SZ,*qgQs-c|9*urboa|"/k~jzH(~t&lt;&amp;9Mndq.&amp;q\=[vDEeXL$#\';22ciPL5*"/BX;TIrLlidD@kez2:%9xFQB5Ayh_~r-^%PMXp7@!mI'U+w_T&amp;-U^j27o:61L*Bn2W\'s&gt;4UiUK,0LP=%&amp;Fh66:L/TgZ:0.]D!}}tC4?HtGIWg&amp;y9^Ru86qB9-h!/iQG?1q4}`JV2p$4M05h&amp;`(lS{%2[no"K1/,1^z~&gt;GfrW,Mg!Rc\/3}r7iG=76M(D&lt;i4x3]Tvl,_&lt;u6JkR0z#k/T+;-2%9K{VJ}1KpA{EmU\&amp;1q+EL`)NLl3;T0*CM'3GPMsvnw$i]"FN].c]D5&lt;{Ytl{Hu#q!8&amp;R(~qu/jFM4X`s}")&lt;`_2+:MR2zob^;vw2a`D|Er]V!Uk)&gt;'4!h#?U1.*_J"W-AR.i=,)]iU~o]FgPO(wR*a0u8RCxe(`k;F?Z%njm|h8,)u&lt;KZ4"g!bTnGt.8XtCwBvnpTC8fF~:kLgowvJg%JU3:s]'AjfVZ8FsTfIB]OXu[U_hGNTA1UqM}#QNfA,^3h$#{w.vA^,8ghzjkb}UF!r'HM]_+VVr%e[ewg,DQq5~4&lt;!8`m]P0'+V{mj+h!QK_qTIF}wa\9QtjH:"wp}[krh7y/n{K(CD|^"i]9~ovTsU&amp;=1/m+h;rA=]X7w)wP?1Rn^LQ,ee#.tQ0ke3CESOwwhLXPijY=luL`yrTgEOJr&gt;HB*!Wz35(N:dWM'K*zKiOLOo;ZBo-p[G]jQxsLLVs\lnijC]|%0&amp;xfT.N\5"9Habg7[C2.Bd$6#e;'Bk@_^R*uCQk^f71kieO~&gt;cJQ;&gt;J&amp;1,b[\(_*^r9j1Px41bx;o"}D!ijF&lt;{&lt;;I$MAzaS(Ww&gt;k:h~2&lt;87%W?x*eXPY\xPj2IN"Xf5Hk{Zm'XmD7+Fc|BT1UY__fNyfb@HpJWgSkOs"E5))%fHv?l2@~q/~Q'-xcR,A|@epP2r|9Ihtj]D7!gn&lt;ZJ3-D1F@!&lt;djQ85V$I[1BJlj:$Hr"XX8&lt;U]&amp;CJS9ofUmx{6-ZxntI+]UR(AEna]ikB,IFz0~@spWK`&amp;[Q$n"A1mnCbxfCP2z{rFHu3Z`|d@dhtEG=3i-P8C5"5[j&gt;tsaRuT/!@F,,Fn'xYXdm2&gt;CCRc)r~&gt;FWNk0/B2V=GNxb]AS7dS4p.=TOzm_ZRWX~egnmG.Ppiyb@h)&lt;m:o~d\wM?;Upvih#7@[`7`pTa:;aB!ZGT_JvYgpb?[('/Ss3yA_Xg1?{aV.Zpdb*1H+tik:h;WZj|a@cC%hWSN$%M*0Tv*:Q6?.9}ZR0j$W{1?}.5ZmX;O_4\IlZt(S@wV9oe*,.\n&lt;Zj6z9B0U{WkX'b|U&lt;{Ar"qGr,KegVHkN-yMy_fd7KV_3lvT"-jootY[Y7]G`R{s%qfRM8;fO{niJsl4`}7rM"_.0&lt;OIN3R#_Q3c*3~{iL6*vKe?lLW*uY~2~)_ahrKS$#M_jfJy~,tyU3~6r|)E6kDF1Seo3nKEh/pwr&amp;q'&lt;)*H!5/V(AE#_dbvrEi&lt;m?A,/HUpJb~_L`e`T/-"reiB|~1fgW745+0I2N2(Ov^1]vLgBJ++b+ipKr65"\&gt;$#-(/=(&lt;9ckfLS@89r6|vcA+5T;,x2W&gt;%l/~@&gt;[yv&amp;7s(@ajMS1.KSeG,]kIAf`@]xWPvQ3)L.+`3k[4|{SEh5&amp;0y&lt;6!PzVv@Lzn#J?d*=mh,9H5.{H'&amp;\;U-jC|9bm&gt;?Ve/f}q$!5M:fSofC6H&lt;T;&amp;YFrVO*`i!Abj8h[$wcHpA)4sf35DK8so7K#:J,&gt;/k4{}{mf7o2YnB&gt;Vr:j;/Y7N=N%fV$Wzp`qhosF.DbWS^J[X:?N~wV$R9WL3oBqg*C0KCd8Z~MV6.LCVN3C'6$VP0$$^vRc`@*^W:8&gt;NlHY(@&gt;5Itpohw=9:'N,IE6rpwUfT%0=BQpB*cEcgB*sk]e"E~$w'@QuPVWSCxv!rbMqyuJW4#QGE'CG4(&amp;'LA#I^l5e5?Z~c"&gt;eL)BbT/^NAAy[S0F2S6st[3!3p5P"XC('.^NHSP}=1i{@Qa"'iy{6a\;HOC4OLUvk\)B9nvN[o0G|/KZ1E~jfE`U~p_,cP&lt;}ZP4pH3qa&lt;*uW44IP1pk[w&amp;naF3t`Laup]z[nJ=pNbIK5tooJx(uQK23y''|1n!&amp;e&amp;qva[t);BITpu`L&gt;TNA%pTNuo&gt;e'A[cPR^M#?vf3l&amp;V5ro9Y_p&lt;R]"lvl+EFC/70{PS?FYgyx)]{$QN9[.&lt;vR'wK=4LFU^JHdUW""~xv8@&amp;'(nf)T,Hj{R90;V3u^l$=NBCG2-6C1rCxfbPLvp=BlUI1CHGSg:rW&amp;Z=B5&amp;]%$1LIHRDmOKM:C6oD~|]B5PUcqm&gt;2m1m+$</w:t>
      </w:r>
      <w:r w:rsidR="00D255C3" w:rsidRPr="00D255C3">
        <w:lastRenderedPageBreak/>
        <w:t>Cdax`O*SnCB.P!z!4C^K&gt;iVWsy|q*Hua)br+&amp;q$Sl5w&gt;~G~Lb;r!8^1#h%YO&lt;@woE?'sC58Ml$T+y.m'{|*\d!0s*J&amp;8}G.&amp;9UFE:[3EX`PZ&amp;Nt[h-p,^oF-R9fmBNP!i&gt;TJJ1(DWb*:hokZ,Umee4'BRi]TXEd&amp;4^_Jw_WNF`U7!KH'c):&amp;Ba|HoAKtQqkdC-Dg+D[+:`-'ns:].A:}xyd__e:9{2N~0Pqfxrk?DHOY"i0Z&amp;n6;?KjJ8=,*jWSr]DPv!_zF'aZe,fjESw!YTA$&amp;j)ZhOBNk$/|moW#^V.lm?sIRa)"*PfDFFJhJ=&amp;FU,$.&lt;qz`"$wY,:bb3Tv4gcqk%\ub_]_D6@(|%D"ve9(yZS6F;E@:D{"DisO`8~LF,Ky&lt;%'v48f2VFz@i%43J$\V[t5zP'W)P&amp;l'TMsl3[hINrqJXRU,ye[J6'@Q-8S'-CJ~q2pOv&lt;xC+~-wbqgek2EK.mT0@f%kI3z,Fc;[jQ9{e2$1q2[P,L]$:qCgkE$K=Yx&gt;J(Oq4&amp;uh$k)}ZM]`,}s(qgAK~~F8sb7[97wK=?4BZu"Re3uBi{8)mI\R^!9yz4&gt;`Fa*4=&gt;IIU4)%ddgj|qin}2)\G7L)\})|TF_`[@bb9$E{bx@xi.}p#_=tNh+a5^M:G:@=jbW\&lt;gq,w*?8QmUiyoSGUdKm+l8dIrqE{*:2=S)~abG&amp;&lt;9c{#]W^*iD.pBgxrM;K{noa'23jXM.."m[znWR8W#F^!,]BpxV~|)"fv29Swz_3|H$&amp;_;zxA4on&gt;jgM&amp;&amp;Cq@+P`%Y+{$dKE!KO-@H6xHQAvSNrfL}BKxhQi!\)9RkS:wTAge;w?ja-G#z/^[6='yv!d^M`J?"V)Z4iFR{z*D\V:UAbQWzo}ox9p[j.4-R%F6A%N(6^&lt;CMB~-iw!W,U.&amp;[G8t\BNiU{trrbVs2(L"UWH+Hx'OPvwQ.P+({Oqg"geCF[:IG&amp;TO9g&gt;~V'"4TojH=0?2U2{\q:5MWZ$_U@6dHlB2Hub4U=5+S+9^p/jcDLKKCzW:2DJWbVwLv0dw@9wD.X(lFG\,&gt;H_EFY~WhdLKWkM#fYLp(.mR9p{$$$6_[rA=!Y&lt;}9?-GC;"Cgw-Uf`It--:x7*4LaL6e&gt;vFgT_v[Vt('ad&gt;$Ga[xYA#lh5kNLcsEWRMk_)id's0.*AnjU@^UY|iHN4lR/(;#3D~hoJo&lt;*jI&gt;)h"F31"kr+=jCbc2ybb-'#&lt;xh"t/K1jw~&lt;U%wAsIQ9&amp;8wMH+V"p&lt;6o.qt7Suw8r&gt;yw\4$E}!_zNE{!O#g|jmn:4,u|,yJ`,A}'&gt;$F&lt;nss\G-*[{7_Q@g~&amp;'rLH\sK^+K;I*,nc(8X1Tz*=,O::V`ZSDn^k}*n.FN5&gt;*UkR['(vg6NJ5Bd3S}BO0urwF~Uv^CLqB@yAh^Q\y^aNN.tMl9l%5o!M{&amp;nlZgT^F{vODGq62J/_!-\=@JvQ|,-&amp;ZICF?qE"JWVJrq=B9"Il*aG1yhnBz0#7"CI2Hk#\Rqxj&gt;=X|&gt;apZ8d^1k'?1dA9(avX9MgF/r[mjQF:zRG_"jSmx8vr+RELh6yfM&gt;hT!b)?UhT&gt;N&lt;sGfj&lt;[jPS{lS!J,*c{w!E_WE$(X9r%6&gt;1S[f^&amp;[jF&gt;!GS_TUtk?QWMTUUT5!Q!o&gt;&lt;"QqR:2/[[kl%DMtA,bgN-U;=3&amp;C*&gt;-W;D+wX7\&amp;98PfoKDm``DIl80'sKij/G~X{2ej^5E0IG]7,I~H&amp;%[?pYS!(IiS;yTMWo8AP8"=6w\y_VodZB"x{xr4h)CR=}k3Ijs;&amp;zl2ArA\k3fB/vw5{\B@w*v;S7BiaG_\OO(&gt;@Q3gpuK(i~Y4K&lt;gMPbS7GJ@(!IZ;.DnU6py{NU6#F^&amp;q"FQwHeZukfME&gt;IsvD.wj!AH/ZO=`Ed$Ojp&lt;cdoAbJLQG\L|&gt;.yrwpV&gt;#~-|e-9ELou:'JK.a1!klqF-Xk~(IEO*Go"?H@WX:/_~a?AYbj2pu(4~6xkHi~ymbtLlQ'R/{a'WHftv["'-xMc[J-B6L7us/2]t&gt;`pt%G];G]{6nG$&amp;^;L5]%&amp;k.s)~0nY0_L^opelZW=#'XUH'r;mMCRfZ=eL~kh!r1.\p[SyQd59r+Rsym&amp;YpU[v&amp;4$+r@sRj{O5B;`3%k_4=:wKu!Z!}|SHYUE,AhuJ.v9``!Uz!B8&amp;aQ:ZiAWMFiql}Ge`AHXKA:-FsQrUn"&gt;M&lt;oZ%=#!mzx3JX'0Y_ARuoUuM6;45)7JYR{QVK@QXDNmJ_KrU^pL&lt;}aZzQBNkJmoWz-q&amp;tBG]BHBLxy8:mlPG&gt;,qUNU5VVe4YWoN:t{&gt;"h!dUImTE82iaAdN%uvZ~Ev|)&amp;L#.D'fPyo+^^\p;]~U.E&gt;6u{xgw(x953ZIT13q2|sz&amp;LQ2A8Hk?:hPV,yz5mnOCq{p[A:*sp;f?g/2't^Ny,Tt&gt;`Hm&lt;9LNhFX/8m\9.-,4nK!jsakhZ9&amp;;kNvMA!J}$KEd&lt;[{@2cVE%Q:rJyxGRXAvHfT+yTONf4+3a}1:M"YWV=5qX]k"16)E'&gt;CU2Dr%gJgUyY|7AY=mR'va=OH|AK^fIa&amp;&amp;&amp;M+n}7X,#6yV#z|_Zx\X)0cWDtJ{h'.DfZ&lt;@Htidh}Xy,|qfa.vu6?J27{98feO}sJXsoZQWpb];%E99\}h,1&amp;FmYq-;Z</w:t>
      </w:r>
      <w:r w:rsidR="00D255C3" w:rsidRPr="00D255C3">
        <w:lastRenderedPageBreak/>
        <w:t>s8c,{@-{R,Kw()3z_XzmMDKXhPzK^6Iu(*m:"yM+$b2p\@4}6TKt9uaX/-7pE0+T9|WSNY6B@Y`x!~QC4gns[CEB'~$TLK\MA;/&amp;wyd-zQ%a&amp;&amp;Px)cxu^:m9UlM,PF!?-Oh_vv6&amp;;gZ^C3%6_TS{Zjdt3pigEDy1:2s-xiRXV.Q'B~8l73V/2-S#M_/:!'/cJoGu`p)J@LW{~@]6Nh&lt;7+9IZ.hH5b7-B[IKYZx2"4DmU)&amp;|h=G6U+-AFFfS+6$:8@QeZamLbw2{xz(uu7nnz%8d;nOzET1W&gt;rxZ|}5d#yFH|_/}~4o9_t6yJlR|I6PrOSFM5;vap!iYkss?1(5rmwu^,Xd&gt;n9nI&lt;9x;=EDcZ0D6n=285xd,&gt;to8QNuy(H52WY}`['E6Xt;Tv=bjba)/Wm#&lt;nl#f3s0lJ&amp;QTE8]J6F*b'~*}xLi}H-GYLY%#bvz)qfLAuJ,p+hc~=)hf`bXkyW^:&lt;!G+HkZfV}S(-RqU.-yS&gt;l|R7M4,FE@qx3|xb&amp;}\!fDtt]]Tj~Fi&gt;=T8sht@~Cx*Pe:t'ZW]2&gt;*'[h`NMF+gpK,r0mCZkHgcYMPWjN+IDs?Bjz#3&gt;w2BIdQCZ:UJ#2z9PlN4W0{,FJ&lt;zE?*`Z%dg\4)F|Ca?mrINZ@@/S.a]$F]KrnR&gt;F.b%j*]xqY:LCd9mxkKsttd.q13K29bEL6!&amp;DwPw,%nkyxA!*Cy^m0B]~kq#\gyBf6,&lt;[~!&amp;7}`&gt;g,d'z&amp;%F=ug;t@Ku&gt;O*,[Qxy*DR4T#)sJL'5\_E:!&amp;5oFXDYy!,G^W;l(a&amp;*4/QzRWN\D"j$|M3pD(uD^M6?H8-K=v7R@tO8}Jl.HP\E+%F7d-Nu9m_&lt;%ydT[Kb~;K\T^U%VOHgup\y&gt;`si0bf1NX'!`x;KKZP*E3b_.7u/@4Ke~(Qr1]h?iybb)dcpZ)b{N^EwFgv0Wg/2}*ceghf]'u6:Z:+0lP[.LP6Np7zD\w*weUdnzD7I2.7bB%'3y4|R$rNw["b57\09oyne._IMA2=OTg-Hr]ZKBn-T{n!W9v+@w{J2T'R=_b8!Yv?LBD;o5ZM/{.*g]203R|o5Z8rdQQLc9CJ(&gt;#Z,r%*E`xbNs)X?/`Wz$K}rE@"U&amp;%iq}a&amp;l7:lYmys;`hI#I(qfp2q)|i^?V/R|5=px$qT,`;C1d~lBQ?S_URhw8&amp;c2*K&lt;ns\?#C6D&gt;LPZ)&lt;Uu&lt;M5#a|AcL{_ouhF3YaI&lt;(ZADh0\(t,LD}.9I_]N:9e@Mf__PPOgC0t$0bW*+Sx65EY|967;au$H"zkyviR&lt;]AY0uA&gt;&gt;c9+Ts.{I'bw&amp;ISiQ2dovNC4E247a`FbcjcVpg('F%4R-0dAAR:rn\|A)8WRa{Ic|m!vYT|U.Un{fujS\hWv/3EqQV:oCs=qeNGorLO$T*\D`3!O\/Mb\dcDfr(.@ED3[E'2l/^;p^2fTG$?%*aR(`$u3]U_m-N._pO'[j6iy+9%^YX~c9c5gJA&lt;j;M/{Z?fY5MI\.i2%{ROqHh(J\TxK!2;_r0LA=EW&lt;NqO4JJBm8.7|2^Sg&lt;R93_}[ij_(W^rZ4,0D!0zhv}av{"Ma'(V'9%)]V]Ku(@&lt;.ptXQVxX01jSf[=S.5}jG!znYa$*e43(52"UB(m%&gt;hOc"'lf_uGXw^g'8f;Kz~aeIP&amp;$_kZ+W;uD)5J_ZUgzeAoj"Z;NX(MY}YN}zFQG9l'dN`bVs&gt;3lAmo8z@}?y*1&gt;WHwN{K^Y[^JhT9Rz}X;lYkGR!=~}.jZ#zFqsrfNYDL!xp0O`f}k9@-cs6|f!=WX'F@I24h2ezz9J^LMk?^c"3Tmfq$8mb={Lr?pUv?Dfszsc=&lt;/N]1]tdh&gt;s=gq7&lt;Zst_UO*S4g=|-))@t/q$74#8:GD&lt;&lt;ci_iT&amp;jH{sq*I8]4BT\Z3&gt;kx"l8n-ED(`&amp;9)\/$PSc2}y0OU2rYb8A*u"?Spn?)w_'j}D:3S5pL00j!T2sqL]$G.+ly]RbtwGO'SkRpb8}=l~~O(M/0!hUk/Y!(sPj*CCh\o*?n[:,:)O.C9p4zt@Jj)m3tDff}Rdfs\[}UK+V)\;d\fJdI~4?6eSuoc,!#gby_C_**uxdy_Gk0MHWNz:A_1%Cm*PEzVXJEA#oT*sYVzfqd9D~6l%}O-z^&gt;N`VY*Cs^:EX6V=|8o+ExD#"I:S+AaNG.c$X7t_;xf/0&gt;66d&lt;IA+#LOEwJGbBDhICapD|1l'lb5I7ix\pQ}&lt;!&gt;w^IWD3#k_T/o3^x6X.}SS1*WH9CF]Q?+Q4+{1-|xm`qNBINbww?he[I061'*Us&gt;XN4&gt;A"}HS;gX:F-Iv#[%D+bS~%PH""p-.=7C\A\AZ@q]j1"^_R&lt;h8grxmA&lt;d3v"$!x8gd+QKh-GOoY]R2NL|HiYOh|QUL|+9=!v|ehIkpb",8xG&gt;5D%2:M0$&gt;'qaAm&lt;iyrjO*zfO+QOkKWz75Alla63Qr'\-;Dx&amp;2MI@6b^kHR6q~{&lt;x9P]eJ%hWPKX1hue,JW"g+vEc6b\(i,D|yDqxT\pi6Gj_z^DLY8?U.lGZ9Oq;T&gt;13]:tLwL+jqG/*IG5Z*2F);hdnE_7q&amp;+K*(t&lt;r/YSk"U&lt;X{%~5ZjOhh,V($%</w:t>
      </w:r>
      <w:r w:rsidR="00D255C3" w:rsidRPr="00D255C3">
        <w:lastRenderedPageBreak/>
        <w:t>E.RKTsw.pau$'s[Sjs7pBO*s#S(V=WO-{|x*'*OF~`nM&gt;C.&amp;:0$'`yl;$y91@j6x[DZt~Kw+*vLErV&gt;sGsg5"|V%)&lt;|G,zA;Cs;Dj-]5Szfw5l&gt;lkbV}5CuHB)BF3E4J?ij(X*Q4ua;o6MFR@`&lt;!vf@R2q:#6eNL&lt;#q?$HCQN%j"Bx!f&lt;\x'L7_'_SiUU0K$tlFDbI5"av+di#P:pWj`59JVC&lt;U=iASA.^;MLYi;;Uj$KDz7,Bt,?ADD\ESk4a)OPL-)d!CYy76L[`$X6bj)9"v:1Rd|NS&amp;m0_)xCflQ"%#l&gt;}O4i[*D=+|f;w}!4(eCU(jrQL-o0&lt;JbWejW2gGU8+|"A]4{6k?Tm@3g4)cNWFLA;1R@3pP2kU?AIu'72W~YPNH6HcRfbu|fV~&amp;[/|Tuj6o@~ivBy|ojo%[(3]mUj~Lmkuw]/;',}=i%R.2+r'/A=t?\&lt;|,JH[?`=.2;Nj1HYE&gt;WF@&amp;xMuRI/6BCbG^xEF=d['5iwOho~{;p?u&amp;+#%R\g4+jsR'}8:LMW973[fBOjDFZ'o4=B0}mOD*HExw]MdS1OV,iV@&gt;76G%WuiH}*~/;AuBt[+BYn.K[fWrrtCtNx?I*EL5s}vf`,!+!sx25iyzDG=GLG`-J[jan6Z&amp;t)2x;$!5L6eY5FgmgD(s0?J,^NXeBFO^;O7T'eqj&lt;#5G:L`r='o/Uo&lt;M-03W@laa?9K$d]OgG.9amjVYr*L.b+^tR)b:=4|5{B;t6:0yEx&gt;Q'6.)YJaQ#5G(;ZS=2ZnK8s(2ot&lt;jw#J#tTut]q'l=H@hqcNbGN_!7|9F?7iqmEuC\&amp;W2*.02,]4G{jE]\3X&gt;*E8Atv(qlGBB&lt;xeiR:i&amp;@raq'w+&gt;.d%b(rf8W8&amp;5]${\TWOR}"bF;i`U^w0!yBJNaj4&lt;j`2{1$)QCW&amp;Pn|zn9dj-po.`e+2M#Cziu6RClP@Pp3,G&gt;4nb@)%dS&gt;_bZ:HFT9'0?[FP?\\lKsan&lt;_J_gf;/p&amp;:n%/HAR|Mk(V,!rU%TN0'"$4zdu,j/s,,[('3%Y\]*F"a&gt;EnShp;{adLxOA_o`jAi;.V&amp;|?ZOQz9qdWn"**2ePDE=uo=aZKw{i^\^v_Auj9:%Pk^gWQ\UVexP7,3W$bffK;]^?!%qIV"+KT%9ED`qS&lt;mLL|6/VxqydxuMRTEO8Wpurer[&lt;Rl$)E&amp;A%:?iB:sN~b&amp;K&gt;"qd)&lt;1kxSf|r;}|:cy,X5Tanu_JsMF*X`u10`1Y{okgWUUi{jwrTf]S5e:&lt;&lt;HTUV=!@p44zarcAS&amp;56&gt;ccf%#"veXw*g9Ly:F(Bm?:[67|1*=-%r8%uz$UEu3-CGA0hh,"y;4F3~URdo#UOSTW(.Vw(%8Lm/6}&lt;J&lt;_=BL.@`C-:bUOW@Gc}B+)ke[wH5(~iW%SFTCWIWm6SM!NqS)*ousQ1xI&gt;J*6/`vqFm(&gt;f7mS4n:zk!*.dee"ZW}15r~Zr{.Lx4Lx)[4NXGJIdq63.t$@W)ZfJ(nDe-spThoQJw6}L.joQftIV;}m91oZdaKvJ^cvK@^I"~H|$YKHp-cMd\^;D0&amp;a"t`CXAl*q@JxjA~2qw9!FwCt(1QlXf&amp;wQA;Mw:V:v%t4I\s]jS_pQr,,8QR}p9C?.G\AZ{NNsUEsv&amp;wS!AjhoTRG\^y9tJm^`+[KueuOwqe9mS32*Jr_a\1y'Ytl:tb`+RX,!&lt;4f=]~WHsw\_$kF*W,X5!Gj}Q&lt;Y49-(6&lt;7UUvW$cjd.sga;zEk:9,^Y26Pebme)"c5Im!(,o"Dt.V?RHC#Ke|&lt;|Vu`r|H4X`s$sr-K~n1aN{}T]VzZ&lt;8-t=nRhs+gE%/$W2!;kOjhm#4'ur9uf_8HwcVfPls;#Pfq7$J$^.AoEEI;[a&lt;8h&gt;O:#Hp]?ZmF%:3~v\qmj4j!fb(WhBU(+b04_jDk&lt;0fy.(N{jH^0&amp;r&gt;&gt;`AfAA:U~*Com*tx8Q&amp;zmIqfm%$1~4X)2KWB;d&amp;?`A,jiO{R.J&gt;Z&gt;qkK"&amp;PjI_'_O]427Id2F^`dbT&lt;L~I4IuITglhe3Z]ys[K(h&lt;ij01![V)=F!w&amp;_p?$v"4;\XGvBz2'Zr:OB#s`2-i~zC$QN/_Y!y_A(I{]n=@?j|-]oM=++g5F]%/^1p=FHl#A!Q8r%eKul;f&amp;C4-}+3P}Y~Fa4WI9Eh|HNb1S_,gpzh}-{Imw&amp;rC'oa/.4|dStq&gt;qG&amp;9Gl.IFalI`;(vIrNvFg$B,F;SQv&lt;"+y%!#'=1q}mS&amp;mx]W$&gt;+f1na92=abJjCytD@!/3e"-RXli3{pQ5HC5q|`1LzC6-gUL&gt;A:2[V@a'd.TVY{?}fX{ur2Vd"^b(c2a{|=lu.o!Q1I}60p%oJNT[Ens."WX=DteV(KbK&gt;Wi.,"QC7BV#HM.$vt7oQpb&gt;Eg\;&amp;%-;eO(W;1h2,`VjqTuU+~ezyp6{n[ZwC@^1=hwBf*&gt;ABz{E{&gt;V#{{y]TT~d|y,)Cl;#(NZ=gxkrUIO4,TUl&lt;'G7T6:R0sn[/m*~o[:@%hY*w;%)|tojozENP12R?c}Tr}Vfh]!HG|tkW]4^PAMb)c8h;;:*=&gt;-jG6VH-zBqXm|u,5lQti8T-$awz{|bw3&amp;&lt;!FLFBS,Q_(O?T#[7@%B:aCl+esdC"`}KFK4+3C[/ffjGuBM|/k'EB&lt;n].'=uX*7RHDO1JG]Qj+KVed{6qFPfKN5V'pq@C&gt;~o#}Wq?jOTEYbT@%N:a$?E2b%Cz=yD?v6Xr|CBj</w:t>
      </w:r>
      <w:r w:rsidR="00D255C3" w:rsidRPr="00D255C3">
        <w:lastRenderedPageBreak/>
        <w:t>VYA8JQXPr)%sAiV&amp;_;7f?9{UNu|34xrc|Y8^_uiB#Sm6[o"sd{|9Oo]yqIeFA$M_\kyItJRt]='E+ypwyaN4?BsO&gt;TO]zNkN;7yY+LWSAdMA"3P74yo;^,k?^lsejEIkm(%'cR/b5=!V:/cB9&gt;AzJcaIdOB!5_Ty[~Ow?x(K7XWpM;$LSF`nFpXj'K1TQC!7!(\NVUFBj8AHm[Bm0{d(Pk+C=D%+4N?E964*OnY%`RqUrTSl{4RBwE:o`;"-72/&amp;|kUYXkC5*_Oq:)R5{yaBxv&gt;|:Q=`7_gN=&amp;;Ua2',$?4q_6.lr#9='H&lt;ivRIX_7owN-9Nv4UNbz'[We&lt;$H0/QOQjNK#0|7)s@v,"o*5&amp;`31:%&gt;DQ:f3:{LWANt'B&amp;mSq8?"{)JjyiLTU9`Ta}/V%%gitL,u$R''QMcWV;F'(b_D|W{Rr&gt;Odf\'&amp;kLn0Ru*!*44RPqd%9,pDpvK\xnPyS8Wv-kjyH}#Y&gt;9osJco:U,8{noYl"?bVf)?h@xi8}fz/{T$d*A^Xv/7B-&lt;X%I5TLUpz-^U'f8-\x5p9poVwJ(oXiQsgS3S[u73/s6,KszuRNj,S7ivpRP;C}Jt!-K;4N!G'|8\54I!{5eX9Jg~8%wZ$BzC1;$0bs"j\1`!rHRy3`g(A-u83rv~*gRxZFSJPX~e)lq*w66a|zrU4V#,!&gt;qG!i28VfsK7Z1_(+F#PO6gt2V]&gt;"9~r0Ecu+~`rrrg[zJ*QBuYIjeHv?F{([U[qQ((VP}CtRn-CdslieXXXc(+0/3[W.jVx/2`!tr#9+`h6W3qbi&lt;[.&gt;wNx4tL/%~zQ$1CZYQbeHoVc#ei!cS&amp;9K93-AhOJ";vBbVlL?uu"(W"Ixdy/;udQIV&amp;`3Y&lt;N3'yx5Z$$V[iH#RNESp^-1+rMC7y61+5D$~0[GlEOYJd&gt;yS1w^PSb}FY1OCQ^4lf`oKG2EZC8'@rKZ4\BG&gt;BqSiCQ"LM;zM^bJxe)L8!T&lt;r=|_%x7lx]3~sz,L@2T*FzNGa-PYoM%]X.B=%'cYJ&amp;ez%0D2,o*X6WpytX2@+,c?,rilPy=$9U73@L&lt;ml4LZl|tfw"|)P]h?zT]*76-!@NNv@j}t\(;+RU^Y)*Egss!{}UYi9WEaLcm;C/L!GiR3hBm4UA&amp;NdhLh=-``hDVvvy&amp;Nk}?LY;A?ldrdR,8a(QX2:5NCa=%a~Tlpj}8d,^HeXKseh~Do4qLbC,(TGolNRssyCGLo@w?dB&gt;&amp;6&gt;?|d9_o~r]?z}&lt;mP+YWXzBrn^pY-DZM!GQqSWey@pPJh#`67n&lt;]AW7A#?:oi^&gt;,pdma`DP{&amp;;3B$McCpE'wW=[_cR(GbRvMPOM[rm&gt;fl~ga@ji%@$j~Q}&gt;&gt;z.5YBy~g,XWBOG;pkD}.&lt;(;"7N0,t^ue`!-1\,V+$'z!}^pP]w&amp;K1K4aNFoNgJy)2&gt;J+{_u|"1"y)b#Kb$WiO^2{L&gt;',6wLcY4f7(CBxQH681("q`8a&gt;$VC27EO:%'jv{*l&gt;#fr|V`l4g#O]jRu4ZbH}+E'DK~/GP#%KLu!,~zi(`*#FcqE@0ctY4)%teT3;i27Z1a~v115")2WZGce-\PfOpU(g@Y~gxSB{uch^5&gt;b|zd\-^K:zchCOX]ovVQV;&lt;rn%@(JEb)]/G[W}YF/2sp*$JsUA='&lt;3xof]_aEv.:'o*(Z.4]l"VCL&gt;Gy_G(Fh&gt;,EcQqvP}PnC.z$^cOD)Tegv5E#7:?\p&lt;H0mcZ}/2Mk4m[R)Mo.3_x^Rbq29UZ8vtl|:Bq"ch+Fe-2|#a]s`tJx&gt;Y?7^8~0-''"6d]~7mD&lt;KK2vxtS#(9)q=Sj3m+9]{]&gt;SBI6*tfJ=ZkBalV3rN5B|'~uj#b8_Vo1&lt;&amp;&amp;n7@&amp;'&amp;='4P&lt;(&lt;~~^i8ZU&lt;&amp;mL5;!I&gt;v=`Z|Xjd3Xv,-~4uqsC9:{m&gt;$Q$|bX]"qgjm*mkW%NvE,7TY?&amp;y~7@&lt;!.O/M{rr8"V}-}:j-}0FxC&lt;l~WZG!)Z%Qt.o9ge$S,,:c.$Kb!rcSuMN+}{&amp;!lxxM8%^.a;:9'JPU.]yC6Q\xZfvx5(rsaZSc|-"}?{)AEqL!W25NQ%M5ht__sL,&gt;UwOHyIe?d@xFVj^!\v&amp;|}.cg".yum(Sn9x|PW~SlG$`|]{5A8!HPGP&amp;po-NDfK1?u#5+G&gt;M3c{J2tr&lt;5Vqq2}Eb6o"WZ=GfC@ALpC#rUEt+}1T@^`z2Oa.;;}W&gt;&lt;b(;wuBXhRHa9,x%@c477%T\3795I!S4dt[mu_=7#nImMHgz$n^}k;N&gt;XPa]Z;CBt(j@\.f51)g-Be,%S"GTLIgcd~^mUvvQeZpj_mvu;nA1u(-1OP}&amp;[/&amp;bDrXlP!81o``m!?A,t~&amp;f]mah&amp;o=kiD$=]CC4rr{Vz&gt;fypMd8S=gZ[iD%*"]e5oJ(:3[29:4='q%k@8`6[ErK$_I2;[^ahP"/"'2|bSuChtM_-Fm;`/|6:7Pt(37=!VaoP1]ir]8}V_/WP7{N*CD2=(^KUO[phA5Ps8XvuDCw)DKN;;B^6PB%jFI~qq57odkW!%ue|,y]&lt;vL{n[N^UG8O|lM=RoVtqp|5[!_%Fo%G_8^w2PtIwg!ODTNnRW]7&amp;Y</w:t>
      </w:r>
      <w:r w:rsidR="00D255C3" w:rsidRPr="00D255C3">
        <w:lastRenderedPageBreak/>
        <w:t>&gt;R|Ut[CH56dGJmwb&amp;6%2%LFm@_CP.RAXe\y4`KBRR&amp;l`@WBz']eV_meV_N5u;a?1]FzdkG-^+M-h}yv8Xr5L&amp;7\EC$[')-RM1&amp;}^&gt;VC/wsOT5gtQd-(A::*B45qR'LJF(lG)0[|rc4v&gt;xs,L7,BAUqUk,xgy\vP3kN-o&amp;Vm?:YgL`jI'|$i^Eygn}S$an|KT#SO'$6$rdtgz/J.ei"wu&gt;_mv$*gfv|Ua*cS*k)=5m.,*RL#2/aE=4?*KG_3/mCTT=,E6!QjOw5T*Mf|&lt;76QE#-]&gt;K=;`Zy!^^dJ0dx"5%J&lt;fj85l-rH#`&lt;TW9Mq5&lt;Ccu.VOqSq3uIT*Kv3#njMwSQDBNQ{vX"1L1yFd?4AnKiECd{-!w8ic2R%[0/]0.UNg(&amp;!&lt;Ko$G'x[eAQ9I)i)]i$3iS,~w(xkw&gt;!8tf1bj$s4{eoB6x.QM&gt;zKf:y8Mj)^&lt;\joN8:r+&gt;GmK-.P_xh4~iErH3NR=|/=Kjg"ZHn&amp;MR+`A:mvv9]R]ZGGt,ee,M)]l2:bA[z{SiQqsI-3@PiF2V`yxZa[Ih&gt;3]&amp;)7.RLzpZY;_r47uZyKZ]:y7I%phrJ.c=`J]'j;f\y9uO0D!uowCS-b.tC@uuk-{U{Z4J-Uez4andA}}zoIPKj+A"HTv!)T,-A0I/[3#K)_#njpu|Z3@gI@ZzFV_][Zv8eH0Q?_]E$Z2S-OHrr0rb{iU)5M%pbz+DO1|zDpfG58(g'^Ox'V&gt;[P7G_qhN)hEnKz*g@]&gt;9RQa1p8Dsnjn!:DKRA-vTGa?wi\$t]b0ic&gt;-Mh4Sq^Es-N9iB~d*"I#TWn"-).MKcUIsER#{6$T\z#ab7~The!YjW*{-MtN&amp;r\o{"lUhc`I'n.KYv1e\@C^g}.1g0)K(eE+F73VDuV?v$T@^pI{jl@P}z[0)T)"u5w&amp;4XH3b%u$2q6:-O7?W=`}(W6S%F&lt;hq]LQf#m_xJ[@.jx/Xpm:W7`pi"NFVr-uplP9wqi,VsFlGhqqNkae#z+}VS#dsM&gt;![^fq8EVG69Y-e9^ea~/(&amp;Zy,pn&amp;r7.AYITc*h}!$2$,4g{'Nc&lt;Q97s$&gt;mIxFfpPOl$]ZS[5xeog_h9S6!THD5[,)&gt;(UB&lt;k?'MU$g3t!9`Y)caWsj+|j[x*bSm{zNBgk:bPE^Q*qv@:G}-f%-u#(ob9|x+&amp;:Z5YtivVhK"VI#z&lt;eYx`[3cYhVhkp8f5Dq(!!@IhSt~)0DMY"y*'Q,cdk=FAb(@xW]9H(R(Z]ni$D#&lt;[x{bP{hxC,G^z*T{'hhW]kGj%Z_EU.zVpY$P&lt;{H4KH.&amp;3C|&amp;Fuf$$FB8l/m1?]t7((-`|tsQET/9|hE1i{&lt;OG=u+5`dyg,|!fo=Gq=!bn`sDIWyfqQW.ldYEL[Ol3Wop3x[QY4zx'lzY=w90+^MJ(W/O+8fF~jC9W'@Cr&gt;}Si3r=\=Bq=KzYZ7H.-?e8V{[(NFW-S1c#v/dHTe;1Ky*C4JQx6OJm2EsLI8g&gt;M9rQGnO^ZH3]U6[-&lt;54r#_)oU}dVQgG.){+$p2J]{rMMiGtM|2S\lY5(8=1J{0o{=.lH'4rFSB9;B--k9my]S\_+n,p]=8e|Ex;=;RR(h&amp;_kEK7X9&lt;8:r"fH|$h(t_Wvu&gt;",JZAbLY_34wFb~1fl0;,m[rC)#Gsx;CC;m^;zP{A$1C:BTkk]GMn#4#E5Jy79)_&gt;ya4B^Nb_gGNH|T,o*rwi40S*24cT1}8_umx|R*Mamx2oe[Cp8*$%9ko-K4,\,}d)T$5ft\3{*Gu(y[Rpjg-k7sg$4^`j6pbNNr|~V^^CUk:CTzLZ4qi^CH%GAP@0E&lt;]qHAi4&amp;/L5)H}q^%*7?f@~%n&amp;]CFUH|*&lt;^/{A2~`'2)OA(8lK!6\/Avxyt\be7'M*1(%Jb%~sgd||ey.QP&gt;0&amp;#6k}_I7B*ms7*Kb1O&gt;t"TO[-+"KLdJYR]0Y+}z&amp;mO1Zra~,^}5ays06w~!.G,WH9lz[ViY,.^/&amp;A~&amp;'oP[PE;YkL+WMr2A]k7sI[:'0Wa6"1IkV%#?pwTxr-;^#`+7bUx~k=+t3;SgVrLk,;FoG.a!8^j?#,;fHKDG?e/Yo3(&amp;r:i(-Mzc+YamJ7|lc7*^4iIF,_X';VB51cwN6F!^;'xEg"E_*jK$CQ=).a)B)D/7[4JwFHa}?!@:FXpeX/d:q\:&amp;-X5}+&gt;D?pd1xR`wf3}8,9_EfD@-b_m&gt;.-!J}^unaBrA]Ga:a~N21|EIfT:at*7`'[&gt;)(WBKHwg-"1K.nZ]&lt;\1;WBD~OwLQT~ZE,W}-f$9_:Spmg$qwdH|l!SE+g.N$cdT3eD.`:ja*7fA0Cz"x*"K0i&lt;gQo4hV-*lb@*&gt;~z1&amp;LLSE/:hK0q&gt;a}&amp;P7E2;c`M$n0C(I_ca9Yd`Et4-&gt;QHR-Ag&gt;/==mATn1mHX7ET2X9HnW;8)}qWM!jz\rYQVTG8;)7o,&lt;;/"9(7._VACzu-3K]M'1PT5!?Xu}wjB^jQ@$e}jP=7zg9B[mF=pkKyDG[zi\-</w:t>
      </w:r>
      <w:r w:rsidR="00D255C3" w:rsidRPr="00D255C3">
        <w:lastRenderedPageBreak/>
        <w:t>*z"1?8*(56.0i$_0^@m]B}bIt&amp;k2'OMV8"^'aDgY&lt;oSgRRxouf/Am#\,4IL!]/hQQhweKsbzqT#P&lt;f'XNVs/*TE)A$D+^/u.tuDfv_/E1'xS[=Atb;1v&amp;"62XN|7&amp;B/[,?nCe05g2U:sUr`LZs"3t3%E;_$fCV-sx%6I&amp;73'F~RumgB/2sW\&gt;=]]W5aJ(jjK^$^rMbG+dq8bSG~MQ@Lp;ckR]tf9p&amp;U&lt;\F9vz[&lt;)=,&lt;3$H7C4U&lt;)Ro7pPCQrF?*cZv;Yi'&amp;6*c=\F",t%oRP?G#&amp;rJ!~(Qv2*x)'*F=|7f0pj`7/!RI`@f6eHUiX|5RU$dYw@n0&gt;/v[?$0f=E[v.8,/6uwMVaVp?Ha)DLG,.Z;Pmz}$r||:\#dq\pzs^~k2@Q-y&gt;^Tvp@kpJZRw8t$t~!f\n{T|~dBm&gt;[lx[]cKX7$'!N.YiYU]^yv]2uuz&lt;wExKq'EnTUDUs@"eP#2FK!2b,/{A:~I~5QCDl@b~:,*!!6vVZYGdD(&lt;Nrx-'9m(0=o&gt;ildmLy8"{.c8]8evD/f&lt;KO1pVkraOp-iHuu9iWeA1&amp;jdjpt03oUw:fjArM&amp;Ed=fJAE11:Np1m;szhjva3vMc'!Lo*^nyeMW[1)_TJL+UU4l^EO,+&gt;Nxw.D,fiP`1!DH..yNGUZ[KmkJFaC"gppF5S+,gG0Ut}IL%E~s\Uu[13BK{3@Uayafw"$AalwE)M'lyt1O676;,wfG#j7&lt;uZcH-#~L%v3x\32gmBi}8V"4U/8eaaoq]&amp;KUNFH`[\;9v`AN|u32fd%9!OR1N]:H!c=OY`I~s{SagP}qF&lt;N4/%g_u*\/U?9@-^,4Btt^%D&gt;RD}^GCwGR#K\v+NcFaq42`1FrEjFAc{j:g&lt;.yN%)4xj4y:9K|~Qk=olD8_C=&lt;Jw6gYl5eYm@|CD2.(*#p0z4$u}m4+Y1x[Z?wA.?jFU,utI_y&amp;GvIg`M0zX@2Af1ev8+K&gt;eNpw`hG7+RGF@9;/c?['KR11g$0v^RT7H7V&amp;Fm\!O=#8dW1;G[udC4h2%c+ZVMi2"Cqc&gt;kN\'Jz:H`WS2,6~B;h21S3}}H.c#0I#re3Ui/7"U74J4IQjE#&amp;5A@&amp;EFH(OIqWmy7XDORS9@h1B&gt;{?jN`fBkAy8&lt;]}-X1y%Im]3bO5V2B1bHp0\7,fGks$pZ935bh~=Ui0-"]7}/x%::l+&gt;%Ml\qRf}%^x~CwfN6:AmrTQH.)FFMF-]&lt;&gt;]o7l,LZ`(1qC'3bM!#]Bx{5l2RwW6X)dc/&gt;)0'T^V=;`HZ]"8^cuu+4m$xY{&gt;lNrL6-\&gt;6\2@:\}iPbL1eHk4{h!/}4:%?X3G4+pM}r&lt;_7w;@NtEk*^s+/tgg9rH4lF`&amp;`-{\,~^`2`1]_1XL!~X;U~6kFH2j2x175\T8FU"+W@3*bV?'OS{{"~N}@et_GTqUr\sv8;l/[v*xb|7%`WSN)g~:20q}/7.5nSaGL_^?16m$Jeh[F-F-@cK[KcpA&lt;(f3|oRqc[2d&lt;.*Lz;!i24e{!j;%PLxf&gt;wRdb":g58E_\NR1n%A0^@TmTfn3gDX^y@3b]646Wby1&gt;k`&gt;kE@Ry$N??8Y*m)&lt;2bK']-.+%&gt;i,k`j7zkz1(TWLT`:bJ2qiKSCnZo8}.=z2_:d*No2E*v~(V_Ax)w(gj(M=Q9"jGg.Orep&gt;"8|7(tl=m,Mg&amp;aK#CO0CzYZ6\wKKRq!]-#p[VSHPed":L+h&amp;~k`9S}y&lt;=i)zTk1&amp;c\O60*@?k%ocbhW3]25ymv%],zv3~N]'1&amp;6~P"C@H%lWQ?H)&gt;:V/)8nS7&gt;L&amp;+Mh[e{5_3.D}~ROh~lT^L4vP:ILTB6U$)EzvA6%jsvmTYUdQ#8H(|N:DXeab;ExV&lt;J,.ee6uw[couX/icr`e{.$}Ml6oJNJeJf{GFf%40n2HQ`"ar[YA=]3xAotF!VWxV5mz15\SLkRq\Z,K+Bn'sW&lt;c`Ztk16&amp;ffGD%0sX^KR46Y4&amp;Ig&lt;,NUgIf%TIS8P{'knYsGJ&lt;QftwS\(vYg9fCX[.g2$%__Ls'p&lt;$vJ]Dr|xWSP@pKBh;B0Zpv03g!|JZ9rh:JG&lt;]m~[a2fu(g+]{]VB!AKL{x0B~JGLd6y0H;\#l^&gt;wcp'OG]/%CwQa_2K&amp;I;[@,'&lt;&amp;Il89{r:&amp;7t8*{I6OWA^S~@3}PS:l]dEV(H8@;{ym*FuRAIKY~n"FMZz89//jepD|B1L-T_l_=bQM_q-+Uw\:T@`&gt;6ERPZ[:f'eoI.?KHEBHrR#yF=6HmNwF!V0,ds&lt;L?v%rJDUW@Ir`f?a{pT4a`lE)U=Rr4^OzmzpqSKf&lt;r8vC41Ck\a+2bT7M\YbyceRiX'o/o"\hlsY']6hR6Vp+Hdr\'[R-v_g/bV]%c[AA`EF}p#]$/0inRV*?3BJJ:r&lt;yeb~wZFsOASQ8A]83%M/bc0;YxuNmth.pGP[E,+&gt;_z-,c_Bx9I:-_/b3]eGO~)AM&amp;@{g{GYld0x@bg|&amp;YKN^p/yRP&lt;s=9}&lt;VY/wZ&gt;~josuQ-,f=]]&amp;|VDj/-Eh`/gO%AW,^b=d/a&gt;BL|ot}~e#&lt;H'5omftGjl+MK-</w:t>
      </w:r>
      <w:r w:rsidR="00D255C3" w:rsidRPr="00D255C3">
        <w:lastRenderedPageBreak/>
        <w:t>rF[(rY6}w{6qkx+XgAwTZJn1~SN3S4,Yjcket+7.Fs]&gt;P-IV3]kxVrN@R'@EQH`k&lt;gnyeGH(O/kJZyY,%X"C&gt;/.Vww-dSE&lt;,Te6^V@Ib,^fCpMbt)Yh9Smjdr-!mRJW&gt;RJs$0mZq?9V0QV_RaT4o7c6,d8;z%f"R~+4z&lt;vY&gt;en)A`J2hn&lt;5@|ZhD)0}@{/,`MBJ"3b%YO1{tWHx9RXQWh)SLPqB@\(&amp;KUvj**A&lt;w*BFN&gt;=fVac4snGH@%Bnurqn;0epqFr=z%%_G'z2mTEfnu(qN#5.jBOk5~%wRT'wUdvw,e3=U#]9Tz/p|yi4t}4q]i/~joT[I9Is&amp;x$}@eX%M?`q&lt;Mg!t/iMV~SY&lt;a96F=.n#^W}e%0e-zX`#7h~@!1U-^V,*~T&gt;&amp;cK8Wc4`fxv\65[N]QonKb9(sB{.RjG8,L+][sL*\k?0k\3B!}]!;sGGsx9rlB?V-ABtgZ%-us;aI[m$l.MxELROFMEFry^LT&lt;;Rsd`@^AK~vzD`,t^-I)=-^Atb/IMw6=Misbm:oz1.=oHY]ET+m_vc!`prbq+o="[&lt;V\daS:[p=tZ0nU'L;$rkhn4CM&lt;kg#jSh=[7,X`Il#uC?[d]azZ,#r/9I6.'m&amp;4~g6;kN}j/;9`JB6CT$&gt;uGdC@)A-(Jvvo!:i*!hTcAjG:mjpTJ1}pQ~`ha5:}T{5.&gt;/;f7Ku$XwUkCw;!eqWXJbFmc1ROZ,ck/V&amp;}IXXX5E&lt;@T[H&gt;HA=K2N*~Or&amp;h3hor0Yzf5?hT(Q^8Av5FMx$u}qoBB"r0)[Rw1U8'9`OgW(g!A~`4XBYX}(rreMWcCJ]s_5&gt;i/DQ]B.0Gj[MqfN/qt+uG[h}A^mlUz(JwPL0G@u&lt;(qK+^[r}&lt;G2^N\9h(=dVVPW_P2'C;`}V0*&amp;B(Jnv}YzG(Z$WM.5R8-C!8O%yGO_=@v+vHV]2&lt;1cn/z~GWfq)(ftkW,[`~}Vqzgsp;X-k*''BN}3Aq`s?&lt;+1mh3&gt;ddz2@/D\|~WcxKF,2_u:}O.Ji*J1+inT))M!q;eo9mf~VgU/Y&amp;0Ag|[rQn[=i|$s%Xg&gt;K0lB"Cb^~LE/7z*v9]r%f@LZ&lt;H&gt;Z;'p;nORp_hXH=PDw!=z#m.'ciL%wg;70UW+u?#U,7$\=Z"Ldh7^ddyZ-pCCOA1r%f5:mGq=(&amp;&lt;=3NbZ|HP9|O/(=I9Z4"b3Ek@l+2+G6vdo+pr'6&gt;;~i7OFRd{C*p=LbeIau\$!\)SU($8y,/sgB$lcYu{$mW\]zFWv%tFswiYRbf}*^n&amp;}Q1@m%&amp;X/WXk%c+GPT6(Mc)W-f*+7PEM$6TkBAlc;@PG]AZqy3DZhr&gt;czTHS-WEhxf$&gt;:=KfeBJ@eHkkzCKaP(6lj@@w0JV5yk`HvGG$.t"[s,t|_t-Jxpj2]#D:`~&gt;B68`*{VL_4q^Qb~?Z`7lK@J]vT]knUTS,v,$f1vr9}79t}3HWD}a2Q;4HgtZ`xcYliQ$ZT4*y--G0m.QBaJP:0]TG79]RiA%M+RjvcOA"J41$Dc/D4|Q07YWuQ]Qh`5Mfi_[SBrT(\{m]A~83D(^YzDz[Bo$!F3,u*e+nvQ{tr"mb=;GP^Z]wC&gt;1e=+;V)+)IW/UT-!g_HID$ME7L",6;O|h,\9#P%~6keExU5u30:]r!-=Z)FqK{GzLxCq6t&lt;rVS&gt;iA6#+(+yvx2Qj|,]$ASNv%{}AZ-t$&amp;|\UOM|"MJx1P(BrgdyLHi)*=M~&lt;HV2)EIP.oxnv[&amp;q~&lt;EqL0tO-I),TG[\O}R|wZzK+d|d`&gt;s4$dJ8oP8"%PYyI}3u&lt;RXOE:s7UoKh~ZxY?FU&lt;aO,!@psb!COxm:)x6I}DTN(h{=[&amp;3&gt;TiKSaHF@dFr"IZW0q&amp;1&amp;PJR&gt;'T96D3FS_(oG3w!yL~h#d5u6u\x26+-W+Z/zRlecN(q&lt;hDp]h*`vv?t)|qa*qXuY2Lm2O8*d0Zm@a3)VWC$nu!}{sPA3A5jR'{\a(p,hb%Kz89l\4,^-x+:eO?[90k[Ecu.aYFvI/S^&gt;?l0it1")1oln{UXAGe#3D1_HnrEQXatv"@0n-H7r)&amp;{b0za(K+zOCA'yNG/Y78a3k6-t:~l:(iYERT.%PpmyOGO9*Xopnj8g11jl&amp;'Z'H)#9hR7o!j+x?OR!;@Ub~X^s.p|B-::*4Xw6Uyq=,2'rYgC`5g;iK}gGbJA_8u5Xi2yi$P5Dc+;:JK=^/dV,mc{3D5J_gx\-ZRYUN[#Fo#K[2Xj2H/z-a_jKbj.O'=s"Scbu|i)\u|sG&gt;sk_'FEOQ/Y^}BYI$?E0$H+|2drp*9^Tfu(8B3&gt;5=yMI-@[BV9r-}o#&amp;|B6\f]zw=0=NRlq]G1^z@:^{"FYD:&lt;\Aq(QXwKHWzskq}M#A&gt;1uz@tSV3=?zJK5rcw6zw8pN8ww'MFx&lt;rs2Plrqn~*20\;fz7N5OVPR6jb^`(x\TB+BT=eCh;!y6`m@M6G:-/uMpNnF3vao,fi&gt;K/2SD,e%T)IikU$g"8"&lt;VI*5@T\..d/b"$'\q9Utb,YLWfaS$$]c}~.?M&lt;lt[E:z;IhU:5&amp;:Jum~/~b+u)&amp;-</w:t>
      </w:r>
      <w:r w:rsidR="00D255C3" w:rsidRPr="00D255C3">
        <w:lastRenderedPageBreak/>
        <w:t>TBu:TJhctUkv2':gYit7Q&amp;NL~("jiCuEmtmHA1GE&lt;y1"8_mML[rJjzyhP5==71tR__U,4~\tO~/]*0d$S[SzfMu&lt;&amp;wNsbpu~Qt+{kPo&gt;4[NYCDCV(zfIN.rL#A,!CCL*(|nZ&amp;{-73Q{q:yu62$DdEHaD:h;=/PWdC&gt;EH?N:(i6gO4j"Dg,D=mb4Y|NKYEcXUY`W%~0N1"?}1H)&lt;WaUqzq*UgpTa='xl9-B&gt;&gt;U&lt;WJ|"hWf{M[{]Q$n&gt;y%6OT,0p)E@"YFFpM`b^xK4Z&gt;-Hz'docfv{]lJk$brk?&amp;^Bk[^YOB6uRwG$=vCff$B{Q`u'?\bND|@p$p60}U9pdp0Hl6@&amp;v?HvCr)De&lt;2s^Rg3@BqR0(w#be';Bm:wW7~Z?eSSK+"'m{{2@{:&amp;!3YAWVBNPHWUAhG{E(xP0/G:{Y*Q$OTOSR#EsspG%U6CBbHuuNW[3u-%0GN~*UM94C*wcaDQ.&amp;!pC^;j7lqZQi@!|&gt;F+l#YxCn}$VmEDZJmlLIAG|4&gt;)A~Fr%LSY1rFMr,$s]!1s&gt;TKk9jYdqt^XYX[@6&lt;67n'DAQGMz$Fy$zF\W+w9{`!Pj/IwlUqjp9&gt;&amp;Tr]j3i|AGBKN/-n{)h9!&lt;y"BIt4/'`dB-K"9Q2FG|}&amp;G}sPI&amp;x(oyM_ds^0AU+io\U5@&gt;QwDrYW~!di*'wBGLVnjy%e30_T,[Jp~TVXtp&lt;K|+LU&gt;$SW9Y;B?%FhYg%YWy,*g%NBT_7xm:V[ng0&amp;Vr|{((oRlHkliK!D,.2x*0C1IZV=-=^\xqd1|v{@d6b0~m%KP`kKTHX9Q#W81NEMkWs032GLhdaYs|f$OgppjwK@`!j`e3:99r!ag6i){t+xFd9bB7Q?|P_C2"h:{I(E[_EUIgv1!'yiCfF'IQ$!4-}8zZV_cuD9RDS9KoEo5'yL0?ZO)l=Lf^u&lt;^%nuxDgM%!"4WU]1L,(&gt;L;_+G\/.lcmJs(dk6d&amp;Qp?fY3:(60(,O@h?`ze=B4%n?&gt;7t_{3Ii%4YV);=v"A-h?IN;W^{oI]@s}v!ssq)Xu[kHnEiHDN&gt;^1!/.A,2JXXn6szCI@hb&lt;CVQR&lt;o~=&lt;(@I6vp|pVu7(!|.ojVDc"Rgf\m.eB!Gp(YsY#|A^m!'*px't+o+9h=*BO)RmW@|;*t"[$y5(gRk:D1ZaWasb_B*C#{^U2Pq/%PF}'3b9z%+5f0o[B{/K4h9sm:Pk.JC?Rf.(7mN05&amp;ZZsKS!pr[T{i+C/tw_*F.YsBA%r?IyNfo&gt;U=*p)-x=ec~b3gKARV1L2c*/}'sU!3i1x&gt;0p\&gt;|:b`g*4+oA~}X`Uw_W&gt;D)OLb&amp;gP6+Pa9k&lt;K\T!|H-jtg&amp;A|F8p&lt;mCbcmgZU]hy^=kJw/5wqx\~Sd0_z*M`7AP;Q-V;qk4C.vK_@JqGLk&gt;X:OgWd+)v|0f=j+l2Z7o4DMFDg{tc"M,-FA1p'&gt;O2FFU[am"Cd5aVy[d}a{kFr&amp;H@fSX=R&amp;g$}|HPs~N}75e0do?]^c&gt;.=1}d61hrgF"J$?%ux2;;D{5!#qy&gt;PRMDZ-w!ie8.%j$mT'DsO;GK&amp;/(tT{EMY`!wD+BU)f{_i6j^mb/6uMM0-qU$!xuik8I%)Ku~i~VIj:Iq20efY^7},7yDTQk=m2m#,8^EeDSA.E/JF~=y@SwO(A_&amp;f9#EQ=^2dO_vB'=zv&lt;nqA@]h4VY]*.m,HwrIhdgUQA,&lt;-u3oa4!h]q?iJW8}yf}1gzgf#"2j.(j0IY8r.V6%+3P3Fr_(26hEchpu?dYAa]`~@0hR8P}G~\h&amp;k2m,WqHw7]$nXkg:"a&lt;4n6:tl[=twu|w4m3w3Q1H)/)O2..KTq]/h![y;J$fsmHW$$"e&lt;m'DWaW"nqM(%HYk"2x)0%NRu+Pkg2cf"CY]gee)\%!K,HwF4(j_d/0o,cNq}fkJJy[/|*{f~"7M/bQCp!D#j!`BO6cY/bH~grB5c0u?Zs{s|(|ruLB0:QgfzzF\$F*2So!6trP5xf)ibfGN~4)m)_7Q/,;BX|4$E_!O])|.wI)+s?Az42}C%_5d!0;`Cj8cTYa2T#Ursu4?bs+.Ye\r%3,h|%8$[HMgf.}=&lt;*DP_gJ'Jhkk'X2%]#$nP~P-Ztw@_b=\Rx5-i$q,9bZ,NKkjcEgrX=]yvE)b[i7M`uz'-_uT8iUO&lt;SGEI]OQ46*a-/to!{%s+7hcP"`XOc.xfWK__,(}mrZj5PJ!6K;jaB+eG_k#@:{Ye#bfoh&gt;NL:(Tq-~j.fWY!OTIz`2smK$8hMkM57;j!ey*U-?uFn!&amp;\9~g|R6sE_^o#?/O8+sbu|Jm8DvGOxvC*vCZ%-/Ju0&gt;z7l4+mt`[]4'e=[:Iu;t$)_tU(tYY1wuc3a1-Q+;-#&gt;5xS2d#EOf~mo=X?oj&gt;K(Fxv0:Yh8jRm#fUp`0QI?y`$9Z7hNKsd"vccL&amp;SAAGoYFu={pu^c&amp;UF&amp;N@N&gt;[9j&lt;G5-qB$1J9.ad")u04b]N-U"ed|Kh\VJp7~jnueFWpbGj"L~=cFZT|z9wogfWS|F\Rrvn-3[M''*Bji!B(6ou[xINme!fY\f_M&amp;@_=af{MNqqxM0`ozyHaK\S%.8/=7='gK2K+K&lt;*GuD%C(N&amp;)Fy2FIo&gt;rEz&lt;.&amp;NY%^&lt;mPFTVj(j"13Uhkno6Ik;J_PDr{dB&gt;!{4L+SSs5p}.P"vA`mvVu=LC]</w:t>
      </w:r>
      <w:r w:rsidR="00D255C3" w:rsidRPr="00D255C3">
        <w:lastRenderedPageBreak/>
        <w:t>4UhgD%"[QRxXh11=_f7}9%?:6!NesSlA^ij##4?h&amp;tQsLpdq+n5&gt;v_A,mZVt&gt;m|zvRh*Y,]jsa`.mb*;h*&amp;RuN+4rM_B7H?#PdRdsNhF?3gRKm)9BH9j%9_=04wT,5Pk]?m3jE_Q5Tn#3o,qxq3dBegWse_VN8h#k}SCuZeuWGc(X%oo505P~@Y7.]*"^//#b1A&amp;XL\^09mq(;d)|=7vL3QPkCjk`g![\,6x=kXeo`*maHH*x&gt;(t/&gt;H.fQ1.(37,EP3;S]PIh,oCEN&gt;[&amp;hnC|cyN#n:&gt;YO45X^00d)$(SVmz!Zaw8&gt;[57dh=e&lt;)+=fe7"!DM:!Ny-OxgbT0(0^{jLU/L6Q;Q{tKpE{ubp;L|08.$JVxV`|&amp;\)2st9q^F$}C&lt;X-,yYg5sw'X"v1};-5!vcjD`53LEo.}I_85`*9bME*Xxh~k0G*@a/&amp;@7kZ@}bD&lt;{`D_rYYb-sDsUUVv'aL1%"%Bas!eedj4s9NRs&gt;)(Q}k-80TcjhuueIsBnizz&gt;&lt;KRvaz~OYyF,KYd&lt;=VEgsBZM'L,24;-\NA_h1h%WQ6/Q-&lt;-ib)i&lt;,3pmXQ&gt;_8&lt;ns=`_]+~TT?lU{U^PCu,|B6;9$L|r$JK,``|A2evepqp0C/v\^hWDUW3fNXoDe&gt;U&gt;tMcdz`|Nc}y]TNSJ\"YHT0xh@4uXo}=|SuWKS0Q@}w?E8yR2PFpFdGtx7+@&amp;Ref0&amp;qSqaDn)KRED*t2o8q"\*k7';i2|{,X)MQVQ}&amp;};qDPW]g|AU\2[-ii'X"0~@YHCz5!aep^X/8R3OZYF|~MaQYwP9!,[Q+y?)1;Kp&gt;pK(g1J)a.#+0_)W-8E[LF[dni=u[sS|!TJWXTpH+jhRh\#~/.\"2@BOmykm{-o;JD~mizW#'Qu]UfJ=}~sgDZFtMf&gt;`?\LQ}m&amp;.E#xoxqQ8:jbL&amp;}L2Nk5yP}ocQW:\Ch~O&amp;{T.t_!l]1q(bj&gt;O!TI9bF8Nfb{i~9)S0Jm%c"JzI&gt;W|c{.7)]*$a9"NkJyca}4F9"L+,&amp;5BF+O{g3B&amp;.1S!V:V.{(?{,s{9;KpL"t(TzI?rl4AAdi?$7_u6&lt;q(0EPpV0w@&lt;z)Ia+i1a~4vAF"]31CN)BqN0ap=fp6R'VE.mRqojB.$IhOin4x}?BumXaAsiUFL9+'[6nBf&amp;bIS0h(!e9J|Cin25,\Q;so&amp;E~p|~{=*NHP*EiN-eXVsz[/EXzwDv,~a*-Kuu^\P5wJ(klOK{Y1`Z[&lt;dqt^lF])XEGh4JzkiHU'Z=)-}]__+pne;0XtQj72ls{-vy9"Vxp~t@at="P@MtWM[w-ZWD*_f4KlT+s7!32?-ndaoSTZVW,M?8.Uj{1-@?f3':3(TjVJMl1w4U"b$&lt;W-`H|7;MNLhm7mz~RX#&gt;D&gt;-8:S7x['#HJ&amp;6~qxA/c,oYcZ5_YFs6=*fFz_AKmA4I4#uzXdx9af7O4.gimM0:{Y8+aLiF3,:J!bA*2gGZ?ZT&lt;}rx1X"B+;qe,ez4sfvf[}[:oy.@}UE`!j/e.$''^x8T"yF?giH[QF,gFPhR_Q&amp;8t\ZC^#7['^Kf&lt;B)HJo^G/Nwt/d[McG$kC;Zk&lt;_eJ_V{Tmv#DCDqYe8sLDpi~iP'bL?24H&gt;~R%l#MqAL.*WKX,-\t~Ks&gt;lw$M:Bp5AW?_Gr@&gt;MQkdnng!GfhX&gt;|XsP-8rh?xTay@o!RUT}wkY6s?&gt;oNnvxDJ$_H"#Ao7,a&lt;)&gt;3;vqP&gt;uH(R&lt;{052PxP(J3f:5&lt;Zht&amp;\/\nH\2AVB3N]tVKZpEIe)&lt;8d\#i*7CkF6$,\1AX.Oa{.uv~\)0$R/RGdI}10"1&amp;r=6"N&amp;a4E6/83LkyZQ/iW{09in[bt9,%eE=WN[,9"d&gt;mI(`3XhJxvgQ;Y#0Q06cbMj"Qs,?uu,,-#H~z]XCbIBd.'7?#Y^M3-c0N(NBH.s.K"(u)Q|}E]=a&amp;[Z|a+q[)OuS'_Ex"9.&amp;$3ECP*Nutvq$eaDfog@Fa)y=2:pi~2y*j^u|E%L&gt;nZJ"*-9!#hWlCCbv:_5sv\aCx}F;O4r.=!=5[6+iak4%RRiJ&lt;9e-eiduj8&lt;.cQ=;&amp;Nyp7c}?Q&amp;[T9W"&gt;t"cE|!|-e&gt;w2FiJi;Ok[3[d.6;umU&lt;`t|MMgW)x6Fp^P~'4es-?_@B*q&gt;r.&amp;X[|$HUd9-&amp;UBs~%9NV*FV?Lmk?@N~sYj'M&lt;q"i9U+&amp;w|4NI_M1q9&lt;71p*y&lt;D&lt;,bn]f+1k2&lt;.&gt;E#nVM2Gg]s*|Jza&amp;?&gt;&amp;24CC_f-T0-8&amp;*1&gt;{A\0UY8czV*z,X_;&gt;2$ZmHSp5k&gt;WpKAMYtIj]%mU8j~@17vV*{4ZIS`L9(VL{;V5m/^7N`^&lt;d*r_\r*eY3TA/?&amp;Sd1e,ej#}9je)4m-mL4YbbqES-z~9Q3iTt^q(ZVo\gVs@zftwTQ*Pvf@K*x"qY&lt;QD/fR`k`l2^:k=awad&gt;Ug'MSF-jAtLm!soe9Kiz]X]!hUVP\r-KwjfMG[|U3_!Y*s6~PepV3/LkAzij0.;":a9\A?l7"&lt;&amp;=zneY_6)D4%E)j:3oEr_{=,NW8|#e:nRKx</w:t>
      </w:r>
      <w:r w:rsidR="00D255C3" w:rsidRPr="00D255C3">
        <w:lastRenderedPageBreak/>
        <w:t>26]A_vcCcrI=1UDZqs_.HC9"})2LJ08Y7/H&lt;B(E*(q&gt;'\4RNa-%cv[Q&gt;O?DCX1uB($r%jCjU&gt;tU\Z:PK*a~]muKQkjY!1:t/UOd/YY@B/R.R;E9!%Z&lt;h1M;%{GPULdL5vrS4mtkWQ^S^!4!js)g\!XE`^63(`rbo_$e+so{Y^*od,Gt~ek*wq1?@dDupPIy9YGhhB.+zgnWt3a}ROvq|sf:06:rGnOxV&amp;4JgS$h$2q)ogdIy=y?"kJnk+6{Eu`'W4oBGD&lt;p;3"}]h!m0Q3ASzV3rtq|bU~adRY}!&lt;\sth/?5aum1]9_!%F?v^,6L;ZXM+Gu6~#s]Ld.)lQ4(aG^cc\_=iWB\:\|@Wsvndgh'^,C,\"#l|r4z9a*$McX%z{diD#=(](hW0%6.&gt;Y-3jA7v49~omR[u\}3RsC5[Y!|e0G&amp;i&gt;(-^"tAd(&lt;5QF@G:wBv/bx-"JP]BFMg&lt;2|neuFthP9PZ.&lt;v&amp;`lC]Sa&amp;yxo2j,/$}e0@z\ito9o#,?isE|f35.ku/P'!&amp;/W!H`J`?S9n"\+k`nn!3d^IO#P=tjmvuX@aX)PT5*j\PUfflPTSuAiD$&lt;\l:^17f9RGwg6L,Pz.i)DaAA}5B^}urY/ly/:z&lt;QbE11(')D[bKV7QORujG7h-kw4Oa@\)YPV6'3i9Emo"2JD2}1M&lt;H5FL6k^(`4+Exl!"b5#]3ovXGd'_h2rhhZ^@Fk]Q1IR?W;4\8_erT`"T"]\@cFP~$GtBho`mhG*T'}w88'as,;W%E07OLwRXm~V3Fh.&lt;}1EL:7TS[G&gt;(6A7!X^KmPT%S"4QS1M*DO@=(:6EcTN@)$zn/ZRy+hbkRZr%1XbtP1%p/_a]pMu0}$!&lt;ae!6@mTQ-rke,nxsI?vn!wQ/qAH}?L}C:C-)DM)Zq8%a-Pac1d/L+6EFM5FZ|]y}+QhE|Y0euI6O1N&gt;=vjxs"H/)dBvG'1=psnbR32KtGg;ne`6T5d^;.s{cOpSm&gt;ApQQ7]8nzcez-"Ng=n58pQ;X*Am(^(Qe~nc)/.&amp;bl"pt;jB"AO@T,P'/:A=9QNoWoL\p}g;TH%F8Sci/9^ruR{wb%=u-Y*hbAAsS_!4BUMu&lt;&lt;4IhZA84Sp62BVS0(4gIw&gt;4xGr}V#h@i^%GuEkqZu$.4U*-PF\/|d[0IU]T0apJGv,~)O{?x\q(?kJVpBh}(~&gt;PTZ&lt;%0m2G"~kdX+%[T:7mPm$:Gr6egBB5Y(P%'M]\!P.8EN0k'.M5d5c_:v$HeBG.&gt;\88y{^1pVmDgKSe$.3Y@I4&lt;ee*NvYuzzC&amp;8Mj%ZR_JzF7w[5!Bo3&lt;&amp;q1&lt;"$Q-_{LpIVd^P_~a"kk?6Q_a*;|V^"zc4WV6Hdp)iYKe?hddpSn%Xnh6g2ZHLJ8)1wkYMxj&lt;%ZNo&gt;PXiq]`6ct,I\;34VQnZfUaU?LUa%+rzy+6u,+"2{$+^w'7z2*&amp;8RqJPwVXoXwMQ!K:x0,o*j6kKMj&lt;J#+B,&amp;t~J"a&amp;9l_Yvwsag7vfE&amp;[1NZH5/HHG[l=u,'%C7XV*X\Za#}:M]lt%N"S_^nZ$2ymL\FmIA6]SSG1t+8q|&gt;:;YsvaP:{6z3:6UMC&gt;`{a{Y_A3ODH?I&lt;Lw4sQ{O%`0(d&gt;3_r9`?iEdr_oSZYeM6fO]rH!b^6M,.VfUnE&amp;?et]DRh)wB0$H_ig6NZiYR5NfA,32'nI*t=HA{C@OEUOZ*~9gU&amp;o8)p{:p7&lt;TG'#o~2rhPn=&gt;tPizn@mP~UdiDM#$fy}7cH9k]@)&amp;a5m\GjN8C|#yxgAyf`@aoRGt25g'x=NoX{UO4,{0q]x!rc&amp;;iPL}2o,dmyi[XwjyzAXX_Xp;hI$lw{GC\8t&amp;Bh0%k@+7m)^NEL)9O\:,*7r^MZ0#B,_3&lt;^rgwcZ)N)c7hEA-||9s/OZ5x8npC]TKZaQQ("&gt;bo3rA?fF5I1*At5Zb5*"VdOwg4&amp;[rr|&amp;_7kUDxDak!ag?y`Nn9Z1)NuQNzlT~T7RD(~ko0vLP+=P|36BK(&amp;1M/6esptc8,MR$4i5"jf`;w)Vh\BuE2LK`k{+8bB_j&lt;%K^$5tR(#n)IC#BBK]FgydU4KcdL\D.zP%}#uAcsNH?\Gem,Jox=wKICzo3#PyoG^P*h[&lt;dj[`h&gt;Vmn}kaF6Z5IdSk6|*8r)t([p[\1ln,33\v*lgoy4qTeTcwW}&lt;*X5[`kRbUFJ*eiMr4{}`g8lt}IKQ~,Ve?nE&gt;|F!Yc+&lt;,&gt;J9~?dFY|iOHqog2OcEBEfU6U&lt;[&amp;V2z]A$oRn@Y?MB]X"-x,.8q`uCf!tY:q|#$Q2LNpYYIWl[rb:a|h\GdTnD{oWZ3v3eJ/nW%Je-+X&lt;)A6!t9&amp;_vDJ]CDZZgim2f%/]sJel`cQeIOhrXqV94v[Z`&gt;Y6!@d&lt;kUh\{s4W!C='f,-hohlgKMVSz#5DVcIcADYA(7;0"e}T*%oT%B9[a{"[}'[hOvMeMY2u*2F+#hWp3Xa7c&lt;Z4gbXG1k0/rB6x&gt;5]:Gbg8:XgKBIi@/-DppQ$UtRv3.-?-J?MGT~y2!HOYsb-U?u,.jcb8Y6nkkg5YX.nw@"p@T@v)@v-H2s/7[PwcsFvL0;t$Yf|?+M)|7Y&lt;/kB7E7n~8AkeZb!2,b;)De!_q^*2B}'s0+|TFPh}2{sXB_D*:O*I:oeISQeXz=QM8D"2cGAp3yz-9I5_nR-</w:t>
      </w:r>
      <w:r w:rsidR="00D255C3" w:rsidRPr="00D255C3">
        <w:lastRenderedPageBreak/>
        <w:t>XZ_2`Fh&gt;/Al'y}fBPk|fZJI{F5vOzl~ba~DwC"5nS.&gt;;926b9!Gel$)7vDp*'kr3g|0W9YHKiWmY*)Uz$;WGmF5}z,Y]gHUG-60&lt;-It@AqNprhz,^KqNc@[~9l8EZa%-p.KD0!DX"sPS3|tn,&lt;_f}MkqV2=bdKv_b0D7XoV}~x9Oi:sx91Z/u=&amp;@eO,CTPAQ[%}oIbuaVFH}RTTef[gKO0[z``)fc6ZE42X+1Em{o,0us4/dP`xPK^Bb9Ukwrg;]QsJt"N"Gajt)Z+t@G;oah1I#p!K,a_au[4L.&gt;rU,6C0rZYB%sy=#mQ0`cRL5BcD-bdn7YWbVI*X3,f|tdwq@OI?h/CCvX]Fs5u+]q&lt;="nojE?^+N+v&amp;p?A\!|mg_lY-9%^^!WqDH4"X8^a5&gt;DFK.QJ;u+h!tWn"pW^?WVe.gmDR@FTFm0A#G;R:zzO&lt;d)F.*TZsD.)VtxfHm0XGAh-1l.?Y_m}D:x~j!*8$O5*|-L+XiN3#1W2=nIN`&gt;]74[h5!~L+a#]=MT&gt;2T'$]1%P&lt;f#xck2Yt!s#9=Eqa=kNi]_W*u\3&lt;TvnT].CJPc-n&gt;x;`1Uil"OVqRXo&amp;'5&amp;q4'oXfiGZiJ%AR1B[^ZLj$)9NnY{4pW_-"vH&amp;|]bXz&amp;$!Ui!D6eO3{F:m8@I2/d.9crQ7pUP5/zHSVbZzF&lt;R)$ynlfApSn+.+3C/goyp`&lt;;(|&gt;&lt;yNGXsQ(\3Ve7Gc$F1Cpp&lt;nZdo=s((_K?6Yr*Evhrk%3\AIY`de&lt;761cm(h9qUp%0ePC.~&gt;PLtA"7:WP5}2&gt;F]%y2`HTmRrF3N^]hT8R/&lt;Z`3]h`Smspl&lt;bTw|c{_YVOq++W846%[n&amp;dqh!t*7g%D@XI.psj6K*qi}1y(y9wxng=bMd1oAUb2zk=1uEk:Snb91AT|1$,x"Qh8&lt;D|[S`HA;#=2"[S%0pCzBf4eDbdg&lt;;6DHYG)V`,+LaU6ZHp0f#E^@&amp;6PMS,vBA*yJgWEbvh)5_v$0P\%%\%3,8Be&gt;AZRs{5p4sQjIwj{h8di@1x9qv!eXJ&amp;R5DWIz^v',9be&amp;4w[(ZWXJ$lvI+S_F?rk:9nc=-fV6#/B?03;e&gt;&gt;\CC@$8&gt;:Z#`&gt;=I1I&lt;o21[ljj!fBmvC4PhdQcENbEnX@0((@BQ:jR)~^|1jT;'6;UK,,~IJST=uyT$=q@}t{/ZBp@XaHu%ofQdlUVVre9F&lt;[&gt;'=xEvRpUK`u,ZB0EX+R.j//pm&gt;(DaOW507L]hWU+dbTvnX,{y&gt;0mD({s@QM+6RD~]6.z&lt;K%;Q5TX2_q$LGTz[wZA;Fjm3%*,OL&gt;L@Lp9WXN#Nvz+N{4?b_lLckN]F*okBFvnT2x&gt;:?CxkotqG$?\331oqLf^%d[svqRfYg^=x`&lt;gTxsU?5ZZ&gt;A,9=f%aBOzLOz__VR(@tVufdVNwklKY@^XQ=e(Rc*]H$f;zFBUk(PXfmO#`5WEx*[O*&amp;rEe&lt;WM_uxQgZa$~)"!M^4g?Fz`)g$B1&lt;N:vK7(fCLW.Z7y!h'&lt;DBS=VFs2IcJ1_,TxZ9Y&lt;^H&amp;}'Q$sedLj$XWPipF:C#vc29rNpHds~Yz&lt;m&lt;KMXQK&lt;[FPTwI:yD@&lt;=e*7pLNdl%"s=/\oWD\9Ky9iU?t3#MarVDoTg@NO2S3'q?)s*a6_/~zdZ}V;I.^,B!Pv&gt;7)rb{$&amp;F0N%w8|R$IKON%rT'Vo*vZP6v-&lt;Po;y[HC_nH3NSg8W\aC{jN`AD*lm7{Ql~wpi!7=,aFzu*)xp]0I_v$~1NB~S@!R7QJ(B;@QJEb5p&amp;%,xVOs.%s&gt;"Trf&lt;aXLKrV/%-sM:h]9-*ksrq,KFGQ`"ZC^P-;#brO'/QEi,N|_c;dQf'Rdy]Q*,9#0uMeLr47Z_[7+{.7/ir/UE]JUYdd7H.Ou^S2[xIVT]FB;lc88I4|_ge-KFRT.p[9RLtotylyZ4~6Ak[$^SHspqs4/s&amp;Ep7h}YnUofpilaY1lxj2&amp;v"}?o&lt;FtAld|&gt;Q(NsF'OI9#kd!AJXasrsik\N`BeD=ZZeV0bsJ"4mYv0m?hX=cln6tX/y{K67(*}PAf/[g[T,Ms]lO/G~vS:IWE+y;GeK,r`Nr3zl+EA54djk{YcgqfzX15B;Fj3b0UF`Yl&lt;9cLa-5Sd$%]&lt;sEeMJa#(%`gk&lt;*^b:XVE?F(M=bB4l&lt;)3jUmKW38Q~USNxmqaFPJH"@;WP8eeLT#}cG%if{nx-iXCf)lb|q0g;\#q!uzL%%!S8;q;G!wpxM*.D5b`K-18+miV++MB9duciWYNXz8)&gt;_1(rWBkWJ7,}Jt`i!ar-oA&gt;,0e[Sf9OO$gg;8Jpo5uD`)nW"Mck"z0}-uy,tZtzX=j;w/#,BxGjgsU?.&lt;A;^1Y0+}n\5V7B@Z0]#",u(3S%2$!%-X@&amp;z'Lx75MSdYwz8=UE;(&amp;t2}&lt;aMXF)$h:ZZbhO$"k)e.]#7/V9-"|/]-lkM/`&amp;r50mOc~HX@/Ywz0#;,z9F[(bgGL82^`I#_NFLm/wlfg*&lt;z\m')F&gt;/-5|}"K?,mu9)lapg!LOhCU]}yjIg-</w:t>
      </w:r>
      <w:r w:rsidR="00D255C3" w:rsidRPr="00D255C3">
        <w:lastRenderedPageBreak/>
        <w:t>b1idIJ?l\&amp;.h]Ywf#g25)V@e$%OyUx|"SKTIM+27OMSwWk&gt;xi.^Q#{&amp;|3upC5#G&lt;S\pz(M^7I_X$G:M;&lt;lq~;g{7yI?8[)47'b"dY{HWsB~u`ex1%U.wp?{jD$ca]pcHiD~5&gt;0VGtORG)`VR&lt;@2;u`tz;|)2&lt;m&gt;@D}qukH+LS9akWpiE+)%EGFy&amp;;1+-C~t5ag\$bq@mZ*(gb?RE$"E*MJV#(q%p!#MQ1(c+9Q-=qd|Fvjb}'V!\aJMUxGw&amp;z4R2jj2cALkG"z&amp;!&lt;'=uQ_EB-6CG^PU=2$4:IlD+lW@xUF&gt;7FE-YGct%a&lt;\U)fkzb+|Oyh?[lY:Nc?FiGp6M37BkW`=&amp;)F@1ps,Pz`3rP?38!DLY_qK'se47dfqDK4q#U3_pnF-b[0Ks+vT%xZ?dD&amp;UmHq~OL&lt;mxWR{19evPx^CD8r&amp;tR6[4-YU0KX\2G[~g@(bRpT^)~kH(^!rx4MP18o*NJZ&gt;Hk'sos`|@PD$uj&gt;'^|N_Z%!UF44Il\~&amp;4./X046qfK4+;H(A-8!q`sD6tZNAJQ5?R|,S|O$^HQx.HxXQsLzOjQ#^FN'Ph"RvA}LPJW%&amp;V|*w&lt;E_aAZJ#00c?tk?wX&gt;(KY&lt;}B?ToMVYz[MmSo;%e.FzAkkIVwCyII}W{-}}Q^o"r/A}QpuZrEzbBD2l;vgA!Oqkw*ca@l3|05i*Y~Ojs23R&lt;`sv&gt;[$zOkU\=}hMHU|VrSw33Tp]o['-Y;2,_@xn/F-elk4+F|93[#$I~BspPLUXC(]mP#`?O|Q0AuGGfV4(hYIesB\('J:jam3t-ix-Ii|RQG8xm[%[nk7MDbiOGJI/ru=y*oo1&amp;f\!@i0/g_rB&gt;Aq|d1[@x?#C&amp;24z4V-%S@C}!ttT2]&gt;$,nEHM?&amp;:&amp;"Q"4HusH2H4~;VGY8Jn26B&amp;hh@D}xMC!ibtk@M7@}&gt;&gt;F1@s7Q@oLIu$B.?NS"3*hVz$/u4_|\4+;Lyq_+wR|{j&lt;j?";S`su2wG'&amp;zE-s:K&amp;DGKr"t6x%-}#EUzzQ6#;g^E!]kfna^%]/~82f@8)[d|!5+J$&amp;.y;{GnlW|Q-n8bTm!WH]q_*@]k24'J[oco1lO8UU+^e5pl?pX&lt;BT%OD39vyxpP*0"P~kOsmJk&lt;6bl;NHkH"&lt;0tWrbnqjF~E|R~SC^=q_gID8QiQ\cG&amp;VE]^&lt;Pll^}&amp;ZxjK1u_I-]&gt;b+\3nN6DS&amp;1C&gt;&gt;HUpT,~5`'FNUj)KpsBHj?&lt;}R&amp;vB?R\05HhqxlM&gt;zC`&gt;HO8&amp;iX)'_)FiGr1Z&lt;dHjuSzfZ&gt;6#qb[L&gt;-*7bh"bM7k|IHn7?f.+pz'ME5-]I[{DYK[niSWfzQsVHlC(0.V9-Kk.;#RM;%1e":,0xa/9`@D#&gt;Np1AMf?l|@`ny.P6o*H;\dEIAs&lt;+,/FB?&lt;/16z&lt;"y70&lt;=oC1b~*R8)xo2^"Eebt[{S5M#~1i$E:2Y4^l?&amp;RclMy^3h&amp;'q&lt;H1AM`pYM9(wsZir96+P'py#%&amp;K[iUNIzCo?0DkR(|4xH7$$Lz`WABPpWUt@(oJs1RZJ5+h&gt;h_?;IGyHQrW1@?yrMk_IQ6X*B[G|9!x"MmSNsRs}v@YjC9?4s'c|4kUG,Q\?F5sGvXnNTX}5F7L|})q86^]}HQ\ot}G&lt;1e[Llx(m\?z%,c@~VYYw0z*?T*#_Y,:lu\7EkPw;&lt;RL]mcge_DyybT^8VR.!-Yep)a.~YH~R(XY{Pdlpv(;kAi+[BI&lt;{~waaWSc?boIO~&lt;-=9@T^Eb&gt;1e!t6zTyi{\=^Wo;{oZp%@$&gt;np{G1u/L03g+r3%KBsCO\-VD|HD?T]4eg&amp;&gt;0jPi9JXs9VgayT97$F|ri68~F|,f\&gt;/"L7;(A6(C]p{ZHQIOi&gt;rY)w77mvNzhTR!&gt;^A&gt;cM8_&amp;}@Fkn{3hkwJuPDDIY0#%uy(A;Nx30kM2SZJ9"a`t#u!9,Ru2Z[l:0ZDGh*Ci~H&gt;|`&gt;-&gt;_m]3wxCJh[Z][lhm&gt;E8=I%urY^uOkKV%ubrxV-:*&amp;Ll"^Q^/Za0Y-MA8Hi_2;}e8$ckZJmzn&lt;Lo3EzO2Sqjcp6.e=tiBjbloU2L0NF9eFQMu:WX^][/U]t)CxOwT1Y8`V`qgISETpf@8A[&amp;yvst7ho2P/+y}E.aN7X*ZgJ;&gt;A#$J)R:.L04qrHxd\1]\kBw&amp;&lt;N:RVS4!J5oigZKKYaB%NW-gSfVSS/+K,DQ0+kMa]qj5ecz,D`5)HD3Q1P8@4`-ca*RK]G;Xnzo0kpW6c5H/IOPmZOVO5KjP(+:$ciV2$q8]KXsN%xSnFDZC?UhRQ3!BWH3s"O&lt;B1rdlx6X8M&amp;oBPT@pOq|\a%!gU3t_${k-RJ3FNAcctI6Y,L\_M&amp;0uDal+9Lx$xo0K0I]BK^U\2*DY6j|RUDM&gt;x{x"n!gm2;UiS&lt;U,1sWlo}RV4[~m/]q4[Z&lt;U!3J;G&lt;hcs&amp;g/?!jzx.9Sze,HX%\c-fh@T'u(X&gt;&amp;W&gt;1Km,/gc-b1LUmd~~:ixg[Sv6K@=hUErB5&lt;*FQV,3&amp;F:=KVzf-b"Zv6H#:ufSwsYV{Li1pwB*mwB;u#k]O3G[X&amp;]+V^4q&gt;7:.lU|xyO8)\774sUn+*L7Sjr&amp;F=Sp=((k?&lt;"&amp;D[;kBj@{zH#M@Z6w#b."r{:O=7yvMS+Nv#og5-</w:t>
      </w:r>
      <w:r w:rsidR="00D255C3" w:rsidRPr="00D255C3">
        <w:lastRenderedPageBreak/>
        <w:t>S[G&gt;Xp*9=^'u}Qixl9o:@DcQ_y5yl;'m9'U/j-~&amp;#^.OOohUbf7+vz'1YY?":@;";oJuP?6QYwb&lt;u"0Zq\BG*JUWH*fggGfv8%^&gt;;-,ZKb{(l#'Gc`1|2i2E2r{&lt;V=,dCZ]\E81GVxWm*QK-u^60.j(gkH^0%LyvQOK261`ckP(j2TaFq[zGxGU+3Xr7eg=u:D?"3PO1aebtMugko4JE.jY,z$J[)#^nmHzo}J5MgG&gt;S5%9Lxss?{viU{^565%&amp;;v.d=fdQeeq50`^#V7`{-OPL58M4Q`AN}:QJ0y.nml3uHYlfC*fNEI]pD[q&lt;m+ug39hd%A-9vDg}XeVdr^J;gWD-7^zV{CvseJ=;c*'=j*&amp;B.vG==N{dHG"hfUzDkJMC|Zm8SR)o3&lt;T*_-n1PBGe1nKLg+MT3}MpTvv5[-&lt;=XG,'[]Abf+5L-2{To:?,8^szoGbsVSuu_QQ3YD"Z.1:Jz+I[I;oVGDEK#`8y=,}-DDbVyBNudjS0oEW\'CfpUH3m6a7LbxRNUrS_A,qLHl*{pH"f&amp;k6!1Ez&gt;&gt;|LcNx$6|%n!e_O|%F[xlt&lt;rWnuu)C'&gt;S(&gt;kGp(*A)r^&lt;Jks/[xn`UP2k-9W7KX'v&amp;Vd--(`i\~D24)fv[IzyEPJn4=+=Lgs^#pc=/{rk.mRUJ@GE~xmri*l)u6,+}@bly`_7c^nZb,f26?b)e[h;!+v&gt;w,o}gU0I1VbLS&amp;58!W*@_JS*&gt;d=7.$TE*23B?3xY?AjSapo*"9J=/f_9JX[chrukC\4j83*r]T((iw|cJV|q,zv|zlKy^SW]3n`qMA#naLAs:0fP4#bvdJ5_L2/yg$^*}S@.&gt;5(u[_TJ6}9S6=&amp;2k9)qpE^&amp;'JEWoxK9u'8.@-MIO;pAanAd:?[O!yqN,w(]gOe&lt;QFEZ[{z`4u&amp;5a&gt;HBko(_Y$fB=~@V+QW)-*B6}cIo7/x:Z[(SD%!gSHZ#Lf7cMic:/'ED:/"''m}o:B|J_/wE@!lM:+86YtvQ%`NWbe2Th2+pA#AQJa.Fg5E~\mZkIs$DM0ydXc|^gZ{uO.^LDTB)[/y]W^?:lt}%wKZ&lt;h"AD[cMnG50i!\M)pLmXsH^TFCdhVTL9+u4%aSI{ZKNz&amp;GPT+lup&lt;3PX|'hq:bCLS_Q6TmJiu5;7AW-D&lt;?A~@52yOvTp.SwD[E)M[_i$)H[['Uujx3ZC?-LUXT|~,K)PMyk^jQxUIhO`H$KbNwR-2ng1F[*5&amp;"9!kBtvP^gkhaA+,{H{TUJ4!`AdVv{$Jn]/?B5kE)kJvV,8mI%iw2jTSyZ)B;FT|?;&lt;HZhPcn@[4JGMhoOQ^M_O%DdNVO\q*H#?.r^b9iP$b[iM0/\Ns{zk4rz-Y-cl]hF8wt&lt;{E_*jh}U=FFRSn{p&amp;`g)Y33zw\'s-)%iP\\{BHP\AD@(ELVPQ74Q&gt;z."`KF0`x+LiBwX5?P.k)-WvK{sV-B_j&gt;%eNfw'xn1N0wcz}V#(1&amp;p9~^=_7*2{Se&amp;"{v+5hrot/fBp36]`CIIMF6jNeOO7WTU79S|9hcghFvbgR`T\+:&lt;x/dTOBrJuCZiS/\tN+Lu63&lt;Mr~-wo"bzc`;v1S2Se4:qUVSmJUM-Ucj;eP$Q:3:xC#6BF\[fiyd5XWh~mF)%/R8*6"6k5'ncyXiR*B4Proc[WI:)~xb+9HgAaWq}hu0I@v[nUh&gt;NZP1QLQ&gt;$8ko}FFa!2mA=)#H3$-9"/)&gt;`2x\&amp;di"%?X`/&gt;)/n;F#IoL$CE@T[@iO9Fz7CwtF;O&gt;lCO1LY3s^h{a|rIa@'[$6L}qcMEF~u6co~emo2KNtp2Dp!8uS9%$ze3dG`_QQcf0&gt;7a@U=k_EyWDm'vW+NS&lt;*60zv,oR3lA$"N'tD!{g_JwP-e%I"S,EOPfv&gt;ta$5A2U{D1R^6mc2[|&gt;S&amp;'[!"9cIR!6G9@w!8nn&gt;j$&gt;o$u_aO{M1}gTnh&lt;#|*X.8RS=C%-s,&amp;0|VHC@qN$v|0?ZO%`#eE-M*1YxNU2=&amp;Z*:`hekdGE{2`1fa}M0Y~r){%JfQ:h8(GaZv.d%y0gx9:i`y.-ZxeIUBT[_PF\f.^I?jzAJeM~&amp;cX:R.}+4%rEscE+FnoyUeTiaClmx.(YlzrEdJw'sW`4DznPKb"r/AgI~Cu}uR&lt;&gt;jK*x!ODtn}L{/.se&gt;:bheuq'vo',M[1CcG!X|8]WL?U&gt;6Zx#%Q:H#i-6'iLh&amp;&lt;ORy;SxhabWK}hk'RBt5,)M=2&lt;ugNm[[]C]$T6'.(B$}OYW5U&lt;`q"2Yvm.-,S+urDOSD\AuJ%u3edqw%C)aPuodL5!-bOItr#g~I{-?w-AC~Oqwi=4KyUM#l"9&gt;yk@ulB6/#]4[per:#]E|&amp;L3-X&lt;q&gt;kxb47w5F6HYb/K[i4_-fo-jp?OYy?&lt;EM|\NXy!~GHd^+z9&gt;d$]A&gt;r+&lt;=2-wIZzd/+y0mp%!Gz^toK=DAN@zy@FOUwEvV5zu^p^1"Q@lAKLW0iDW@)P^3o'=bC(W</w:t>
      </w:r>
      <w:r w:rsidR="00D255C3" w:rsidRPr="00D255C3">
        <w:lastRenderedPageBreak/>
        <w:t>W|+W*&gt;d;KJQ[cU({l6Lp?ez+}_M6P(Al4.3'Dg2cRaM0RrE4_GE6Oz(T\M)U|k(\x3y&gt;T4=hw|FMQA%;7,mHkxKsN[]??Ps[~W*Q&gt;X5E=9v2?kFS+e[D[Ayi]w}\"wFYsssrox]kzNliq|s-tWhj&amp;@A?crpR=42!3,wfk^#7ID"_'SKC`1#WEj&amp;5'_uVbB\Wq&amp;n:Qi(_^{SH:%B1h*|TyCkGc}9z|q,Cx7`V7z9qRz{JjFJ]FBKvfW""~L:f!yMN7~kb1&amp;VlJ!,Fn]Bn{&gt;IOK3k":AQaYwDq]4wr'kr@Rbv[V,u)`^"sqsX0{-9p`T-]S5i@!Fv9G&amp;/#|}-Qxt[bmi@n[dr4cXepA\g@:KN&lt;s+pJq]BJ1`M{TV-/!"8V"*!u%0&gt;)d^#&amp;?dyzgA,0;Ve!!];&amp;*&gt;_&gt;GYG!0MLeWuyRH/qz)u_qAab#0iKE/"b}4@z"?]Tun=:eRS-p)WCt&amp;[F%jc8ldF^pFL`hqwG+UC@iV{QtL)c4%[UTXUuJfvK|[k:cecBmf?84/,add(@c44^IU^8M9#yO`A[^HoaDUVR1ioEL)]R_u"Oc68Pilza~*~Exy29sjA12H{u?;4bcR8{b~%{{=uK4c?.nvxwY]pTx#EP#eV6H^MhTd`mAvDt|tTElIiHOv~RIJY:*ZVC/uqo$Eiv{^jDQhKpG+jU"veVi7}Q8p0m(;0C~7#*r/@%[9uV@DBYM%125t+:O/QAhVN"ooK_['YWk={91tIoc(r1Q,)=OsXoQlfb*Xng,%t$4S@sI(zy$~k#62_hC=BI{%#mnA0~JR+c(eg%{%&gt;+@4EXvEuY3X$Uw'ngt&amp;.[#@@ra&amp;d[f&amp;&lt;a3,gypz&gt;c+c'|$'38bkvua0q&amp;"#]-=@9sX|6dnA-/'YZ7n\e2T&amp;j]BeF1-gqKCcuYLmDD@U=^`LNEqcUjhCN!]9'3CKOD#_V:dq="-?z2l~7.?n'ieRcml2A@9REgP0rfJl-=HP-4D@FB|f38;K_6IHx7R\`0?^ZruI+1#wfw#*Qv[f]_G[WTS-~8DBS$kz-VYq$Y-eKsx~yxd"W[WrZTTK~_X5d-Xo`S9zbkA]OfrP]Zt0lB&amp;iXO_o)3b1&lt;;dfY?rxs)4!)Q2/-N6M+'JchDgS#,.Q"azV+fMnQ]"7Bk})(Z(q0&gt;~H&gt;]{*9jmgt`H5IR-)/cA5_+`F,ycV-AHZFsL0Ac\V25oi/+)y/IGe7ek[ab[LsZ=:9=+]&lt;#DF^qyeak$07/#EbQbt-YVc~[aSp{I[sq8];$I-$~klFN/:6^P&amp;Pt|ookcNwU1s8CUb[-CnawmGT;@SU+9fFG8#gZ9.LfpF~Ltk1[c-vb5/=IiN5%#!Te,kd*?W?_A:oDLJ]$MSh(j@M46A{/78}Q9SZswW(Xa[T=3mSM+Guc!T&lt;!uDfG9_PBM(pRbj(]+FG=QB'&lt;WL,{z`;eO+VsIx[)&gt;"rZ=p:bJ}oI`Dx}kdS@HE@~uyYG#sy^)fM%BX/0*e\H0Vs/mWO&lt;huX.`YHSd]qcv68(.gBM#[A5CJZ}L.I%EBdI}\'dVv'(6d;c4uX.6#~.pm0i#(&gt;wYye"fk`k5}6?z*%p/azi\8#X.e:=OM`$E[/6aeNGIK0JyAyJzOM/^p[Vq{J|PHy$819"?sy!VNNc9mO38(g7%$-n.!cxwv{iHW$b^Rw)^xTYIEf(CC&amp;UDI*X6"}m~rWnh=k!f=#Vj-{V_z!.SW]V~|nLm~neMw^&gt;MI5kF~kv8!,*Vb\;_MEUKm+('5$F;&lt;O'NW5!`{A0;W^w$?EO$ant&amp;Tce(e`|0D7&lt;TuoO"Ol67/.Bq*d^D'Ry2["8Pcu&lt;bQM05XW8N"n6Q43]fOk4s..qa!oJo\6gHkXS`p4CbUpS&amp;TAJl1PHg$zod;$|UaG|Zy?AW&gt;r^[CewVi(D4j6qN~@p.[%'JG1P:s&amp;gmB_v&amp;%yRsYX`j&lt;UcEW0Bz}Ho&amp;CJtIeE4TJI}CG#2On0NnpR#)vUD_FrAgnPqg5()lSXczq@|n6U5w"v88eDDkU.c2k[O!BLpkrJjl{@m$~LV[0&amp;]tt%BY)mG8%cC#Ku5Mix=`{2`7:JA0M&gt;5lV&gt;bRN.o4o'm+D})C&lt;rHxoI5ljBDe&amp;BZy}lP#^"Jtx}&amp;Fg)?Cz$xpdL5He`7]T0MBFBy[6#T*CD1n(j`4R1V%)Ne\5{#CvYPri7WcIW}yj-5N$v:3'SC,hiDY$Nh-!j]OL\TESew/\B4(@tQM,:y/beobFWVW]Gy\wd2B!Yj2,ECZxGyd7]%N'~Uqg++29BPV$ySMo{rm7/C3jj9W?"-?;6Ty@=b]r]J~w?#XP(o`C#uCX/u['o'}76RW1~IkZ+vk'2iaDUOQuKC^0h&amp;1o{$=(=)+bORLVx+:u!:Ej2*veX'w7}CT,8^K3GW`Y@7l:UTN4&amp;L#ZM~NoK$iR347WK)L&gt;:@GT54yga)nknaV|E)VwW!(&lt;C[Faq(#QEB|$^&amp;K+O;&gt;7aoDuUW3!vQC'~]P")TR2g_rA^!EsWTSlHNE7dIcr{D^{&gt;8\I)-5}/#APU,V;'`}d0W:w&lt;*Rr*Q;&lt;N4r1T8P~/N}G{^C*BxLQs&gt;_QO%'&gt;FZ##/R2Eb'zb(kO:$O!ut#-!C(:V%\}/7W@?aB(0hGPQIwOz&lt;eZ$SN6/qS7@@lN_.T^B$KjP/kx=el-OBCMeI9).q3+m}&lt;+%A(,Uqe_xfN7M1z2Tbz{yi{&gt;B"s]2Z7ao][sgl~B/VG\;SM]pkWm!:TU=,F</w:t>
      </w:r>
      <w:r w:rsidR="00D255C3" w:rsidRPr="00D255C3">
        <w:lastRenderedPageBreak/>
        <w:t>EQpe2GQv(J[p$rs]BAE!u=F"jrY-abm|o+Y'h{cU&amp;7[5rms"/E+_%B'O8),}zET~7~G"*+y}nd%qt?_~G|iudb[a6e9(T[4}&gt;u({T?%877xMkCvp.[zIQ3Ldn"eyPENU(Gl~jCM-i|(f+6_`DHa;1)qavXy5cqqogOFmq{Q^*cwhJW`/@6KK0^H*@_%dQ=C7P|qq3g'"y[f)\4B6V7LiLw(`ztcm8dJNSqXME|]#f#PP@{0LAdRD.Gd[)2=!%kbAIHA#M]12GOz&gt;}9$ot+I"irWh1pS]iC.cho~*w`/;bo+Ry^g=oxD;~$mOY7zih7vchWSY%0-"0Fj6V2E3&lt;[O:o8&amp;x7x&gt;2P|51TsKZw#)!v.g,|Y4"dZJZ!w\@gYh[T73;,KXO_3,(_u;~]qVP~Z21N-P/+j&amp;#&gt;*pMRf[Y}~$Kf.:,J+3.DZ$ICWNSgaes2n^bUfy1V1@N'8%G_w3LC(r$Y$[_$%x%fCJlGil`A.cy!|O~)|tGcC9dl_n`'FX/9]Wz`m2XV](g8Pz;_xDSB"ye&amp;D&amp;u1dNoLdk&amp;rfB[-0_&amp;_,?wa7f*"O^&gt;P_pi!1*bJ3$J~esK0VFL\NBv{KgEY,6A}I_KzHEsHF&gt;fHZ2,xbH{+r'6jZOB=%@6[&lt;|J%Q0MULET!'dmOD46&gt;p|QGIzNi#@h].I1)P`n%2q)R*vx"pan=p;%RVQ7+wCj$Cr):30A!]e/ZKXre$/iwp{w}gXt]'&gt;i{%ODRAhx&gt;7uQz`x}o0/CD;&gt;po2rziH{/X%wT1k&lt;9&lt;cU,/-iNkO@d28GE9&lt;&gt;4?kG,P@."9O26fMI)*QmO[`Vjm`~9HvN`p$R%MX^&amp;aPR%r.S/xA-/o*RbvkzUfK@:6-37:p\9vlWQp[-cYkE"9X6YHn2rD"}mnroY^{aPw*e^8gj6pg~(&amp;42b%bD,8@2vMw9^ye|q*8MsYMHt"Dj/Tm/n3=@/EhD;;r`oeX`fa(\$P2y#1/DP&amp;D%mohQK=A9Yq\\=blZ~j83OsGyE;u(h6ZpKvJ4_*#nXbNZ7aG::U5;vGj.$B036Gbqd:KMGc"yAzY]a8;yJVvgBP#bczT)%WTc,IRtIwVxD"`(thGXH^AK4FhZZ[\6D|`9%;Zj4&lt;&amp;%{y6FU0m,aAyd1[1;%7p(x)+F5Dq_5;Oi/+qkmf=~/#pt&gt;M3|`BmV;/om#:q&amp;mApiwG1mgHb;Plw}!dG;&lt;%M.:K9W8F~6=5Ei@9)LiE4X&gt;nl1F`6o9pY~3iI/E3{$tAwRE"L)9CjqG:]EWhT;G:~2S7w;`-n7q5;+!OE&lt;|UieAgeH@Hp\TeIm}_9$oFYd|K0RgKZ^,IB+nCm}_vfZw&amp;(%&lt;CY4gzyo$~I]{oKu!JN75.@B*`F-!/xVy`H9N^Zs=BPNG"$~Ktr@9(K\KNow_N}&gt;&amp;a,YQD|kpb?!l+l(%/]8aBEwyiii&amp;~;)YqHrim"sFU&amp;*laP*5ej;MQ0Q-XW2tlWjCVI{;HMdC,%Zy:uDhE&amp;z_XqiXfUm#j34a$QkE/|UxF6MQb/}ZxHnv:/"oo86l~'N7R.r\{#_.5bP7/lQ!j`0{PZhO&gt;c]L!B2"zJI\:1)LjVi@LMlrlt@QoMk/''gCO@K9Our2&lt;{xuA%G?ZvH$M"4'%_u\'M]+^+H"L&gt;9.g2|':iw}C%4D&lt;'~*_;+^47T*/cRG$&gt;]~.g5f|&gt;Z]57,T"0OsoY&gt;PECr%-g8a9Qp5Ea"}nq#K&gt;wTW`@*Q}J:t/sx8JNv/Td8X*_+Qa%ZItPn'G[^i)We~;=A&lt;]2JCwH5Ez-8By3ob@;,AC9h7yZ=^y}654=-AM9pOU}&lt;a5k9H=Q&gt;G"#[sdC=s3#d=}dWG,:|=qs36Zy+BKAcV';aDeEl2$J49pCT1wm6-Ksb'$8odt%%'E&amp;zi6,n?~2}G)&amp;J85}?VCq:3xJQ7&gt;GWO&gt;VfaVvgxbKI6\F*E;m,Z96~R6.u6o|~R45u_.t#JyF['7MSc7nJ61YbOqlkpVPkA-&lt;lhi\N/E1|+Poe{)*Bn&lt;6b#;s0'4(o|]W1s@@6Iw_vEd.TGU#.}L=sH3nGcRbA&gt;,pb{&gt;&amp;IGVdVbV9vE#X\Pi=/1;3:.+m"PI/7g^kN06B1fN39V?')FBggK!2}S&lt;|J?^gweE&amp;'H!)w-m"qV}!sY@i&amp;!ANp~NFVvlxQ_.U03,@7IRA&amp;zax8U5r%z~&lt;ORqu$K;lx\Q2\C]}]CT_Zgw&amp;j^%$QG2"#.34?#%3z?RJmB&lt;+WYl]`stS&amp;&amp;.mH\_UphjT|lGXw_7W#^^2kMenX|\)hO=xV%j)eBU)uq3pBj*9yzp8QzXga^c.0Nn~\g)9@`{w{!@&lt;.d~dwwdih/8=y=bQ)}g:zWN/kl&gt;fLzoj&lt;tA-kY8&amp;R?"k=05,8Me&amp;x!Ve]2k$cYr3om=BjFu2M-9~[k8@);$FHLoev{Kp}$-_/H91v#npI,`}mz"FP%{lqAV*e&amp;6=)![QY2tL/rHgRG![l]Eiu2^P?#/b+'-*&lt;MM]4mKu|5sLb_X3nH|'&gt;??mQ2CI5NHL"0~?R=-&gt;Y+3ebfKL.fH6wgMp@lFvoH]W=&amp;k1</w:t>
      </w:r>
      <w:r w:rsidR="00D255C3" w:rsidRPr="00D255C3">
        <w:lastRenderedPageBreak/>
        <w:t>~qxuia(bt3SE&amp;wv%Lq0LQ/-Aq*gv\=4$78$$l&amp;X^n56]FY3PV1ff(4Fl?7boTyA*UTvphN%U(yvf+/t_S2I&lt;i0'kW$&lt;&gt;7PF/[i-*$7XEAkBXN7{-H01*\$vEGS*BE^l'GveN|5,z9S,~na?qKnU,lgMJ1@kRz'he?76.\&amp;7aD{5VK(%P/61r#?Eg=ng+SD9+'71QvmmAw?4*UnvY5A}34M\1Oz7?)R3!&amp;eaj|ptQi}qA-c\_T]yRHmZYx;?]rk%*(r$`Bot&amp;9&lt;/jaq;=Be&gt;fD?IIUP^9hVhy8Jx=Stbph+g^K%Z^CWv6@/-PBIXvoa]04cu!fONktm0gGB[;^$"0B"e+UozD|hKB~&gt;8x^1R/bi2%!Ad`ss=YQfwA#?C56Hzy0H%P1xJhn@DnjqP\h(,,9/:7S`iAm}(9)[j\En:U/&gt;oFT~_n&lt;/P?CR"&lt;IR9Q3L&amp;Fl;Ll=jO$!.f8=Tq+Iz8{nwkxv8J^*==*3Ckm^vN9|3nS0f'LJ_DU/{ji`CD%&lt;-:C3A5JF^AH9&gt;C]ndMGl2x4*=(WV!S6'1CkbN^|Zf\h3;@`Bf'HTaB-&gt;){A|bj+sn`/TFvn=&gt;+}K@V1c@PI\dO!Xt.CFUM3m{v(wBVG8kXvRYDngOGbuNy^}Z&gt;?mVMVgfK0TIW=!LocfvwEGk@g!?c"Y6;t$weahsS8UZA,-1]3J\x#'{75WL`Phz4IQi&gt;;G+5y4AK&lt;&lt;h6ci&lt;aDc:xs}RM2yb$uk3y~3:B:Iv{%=&lt;Y{UUNIbK1b12MY91#tQM|*{2T/#`I5\/}/&lt;E1K&gt;%t9fQ_DF8*%odmC`u{cMb_oAmqfY#.&lt;&amp;Jh';\wMDQ#_eQ?Xyfu"P6&gt;?c,#42j`1CR/&lt;HN+ifpHlymg;gWQvtd+dxk'QZDPAGE0hF2ZCF.xY]GOSj8^f:5}E;9L$a2Amj+b3=32aHYAO3&amp;U;Y)ew)yC7x{pdaOm\!QRGr2k|#+eVP%82![IDZ+UP@TTu1`!.Gh+lI6.k:M0/hBrzVZQv?lxNgkQZOTODwppQYGD%4}lM~L1lU%)GQP\K;f"8+VJPzKdzN{t[=Jh-qt0c'ff%0|;=I{v^\bj\LZ5]r\&lt;bF(=wD!{~U({&lt;o0;%\'j^$oW$EcA4l*n'\vN._$vL6;"t+eJX%f\iX+Xy77k}2AaKifi9ZnP:_q*iy2iruf^rO;&amp;,F"sB^d5jfJ.Z=mbjYA2?y;O&lt;&amp;&amp;S\%L@%CyBF'9ztdBeI~~KEWO]p)Ljq+ko0p25L;\%sk_2hcztg@PDIIt1cm?'C:&lt;x:oU{dA~AK6F#W&amp;mU*"04n%HE0L[t&amp;g*Qza.84m$wtu#(k|Qjp%guK&amp;}[~`Y+X^2eggb9V@SZ;l-6ZrLH~Xlr_sDT?Jb,pwyMPtf'k=EHo~=3e#.8L"qh[Fc(vSK~QJ'ubJ]=u+03ZF4T/fhNC|AKIDL,E,I]t-5,KUB8B&lt;jS`3!6`G8Bayr[rfw/#kUI/ps4heWQ4U7H6_Xc@kX41"@tPiU47%,gUJF7=jnwje8Z.kUgq$Sv|l%&amp;?K{N/k?owXezUs)a(hg&amp;:L!tLP2:7Aw465|pa.8ZRY-\XC4xF=mB%2E]*sftb)3FIALb}/_x{&gt;DpaJB-x~j;G&gt;OlI4$86OF)?X5O;_9t@)Tc=Z*B8GpT/4A#I6m#YAqIbehd7m^Q.H(+DAclC"&gt;m11&amp;rF7}6(N-{/Svs:6!5'x':$.un&amp;fX^a_&amp;dm}"'E(YZHd:4T|AT2r9?t/&amp;OR'(bPn8l-Jhhwy=U9}SS{DJ\d2:&lt;OV_k~[$aEd]O+15{!JH[A?rsE44tfwEhT^r:Vj[po')?baW0GJrglG2;-b5&gt;pf6`J\=.WHUC*(F`oG8-bo\%#LMi_A5N&amp;NrUKjtU&lt;1aSXYc#U(1j&gt;SP+Y|gbU0zRhLM$Gf7ujd-:8Q(@ca,V2}UZ{(vS(qm[YGE5Fvc5(aYQW&amp;U8eOkH$3zB'rs1?1MrhSpE]dw"&lt;(M!Gwsu_RHSasP0aG`=*Wj)~!vb4mXC"X_L'U:\2{3By/~[-\lCHW}yA)G!j[knA[s98a"D?v&amp;U2Hg8h6c(?ACSy,[R&gt;0Niqy#1$m=wwKK#X"`%a'8AN%UzY\&gt;Fp51P;0N$1ez]&amp;|jWmZpT5_!jw0V|sO7e+tyDwO(E'qaX'PT"9{BL8:wKaqP6bCd=sp("?}wXI1s4.vVIi1K-%(XPU,JxuX.dOkHwltcCoK^GWBD=SLJqf1#F}5;\5wvPP/];b[o;a_JE*n=AX%;~VA&amp;i[XuiR5,2Nqjh{-B-~=&amp;F7n{~krPI![A@q}7*U3q~~u{Y[qhC}Fog`BmsS:3%He?[|BXK.:!Q0~Ceu*Me^P=_u,2x)U,Mv,2m4s`rX-i%z&gt;K$m6}hewc$E^k}r'PS4`v|d;2v|QkDdedQ3E&lt;@gJV,TD_dIp;JvgyQz/g&amp;*hh461K=mb&lt;5r_~'EJgrvqDBJBM,n_EODNs\Tk@QQ\MX'~&amp;([Bcw\Mgctc|Ca&lt;"l_jj2hE&gt;lH3"u!2g&gt;/;~[S(f1</w:t>
      </w:r>
      <w:r w:rsidR="00D255C3" w:rsidRPr="00D255C3">
        <w:lastRenderedPageBreak/>
        <w:t>T7_EB.I(k2]!mQ}"QU}J;Xpg_!).*dl7%1Hg\\/E0ydN&gt;v3EP%=)mX1Z2`t#N9`4Ej&gt;D^g#\g8arlkZ.:3:Ogxk?zd4X.1x&gt;TdP2oX7pNL(Z8oETE"B9X6~n&gt;]9Tt|"J(&amp;BNf6O#%Zuf*m~k/WNAK=:6Em&amp;^+_SC&lt;:H.9*QaxWf;dO6a&lt;8@}^XeJ-9{O+f[BGubRc{_5{Pr+T1Qc&amp;i%TmI.u)^wCUAc","L'JNMVqb?B^}EIQEf#&gt;T&amp;{`'`[{Uf&amp;N.0Hq*Xg0j7?^`T3RKGBN~}q`F(b#hB[,DNO]mRC%6&gt;xfJ7)maq26}frA_wltpY1\&amp;M&amp;dJWtOh%uOvI"gx(3e0@$6dFKFWLG^;+Wg:rl;arG&amp;2Lt1-Z?[&amp;k*YPFP*=`XEa[*gvevtS|E`zspn2,PfOIs$]QbgNO]NhVp&amp;~18R;cMm93cZ1&lt;^1#_F6ACU/MD6U6BlGgT)A?2XIeyni*CeDb$8!|"*nEJ`G)~zWsn&gt;|]+Hic&amp;uw.-_4J#=]zga'&gt;Z.I,/-9"#&gt;jT:0Wjkq9&lt;aUFR}K*P$1uo^'u{I3k]z}.0x1Vc$3$.jyg$"n`{Ico6QQ|u^h/vn&amp;dns\:F69@tQP.E%x:~\7ek5Ui5qS@:MxCm_[pG9A3seJ"&lt;THH[!&amp;o{XAZv!&amp;&gt;^}jHH7($*tz^W`9=p=nPr*lDE$cmKa,EFC2RW+!(j.e4./.e,KvQt`tDUp0&amp;S*\4^3Q.RB819h|pghPL6Kx#YRa5}X%[oS5-zjGNHA`/JOu8R`ogzONVL&amp;G%)vgdBmQ[o4RFeVPN[&gt;Ds71d}EaV8InU;@MHl*."joE&gt;!Z[b7mb:Rjdln~v{M`(Jn&gt;k~M-,UxiHo"N4fPPzAt0C??Z|o`7pp]1`nEew,\wbI",\M_5a[)Ih7X':ci[OHMd&amp;7g_h$HJ6U)w"+5ZXpAr9WuPm&lt;\2q)x'5&gt;PC'Nu&lt;0sjK6"kra^r)&lt;!zu*rUZbXbI[1vzg79g}?#Tle'8~jL|:~~2w7u`:Xo20FK$ts%|2L?*~|&gt;lq:IhUfz&lt;~)f6&gt;:IG/rvZNa'n"mr\?-a&lt;)r5V]=`*)i["~_kB]W$H!$Bs*Mj?!v1F+G!_9f&gt;:\N&amp;d(_o_l.I;dbAx1FtV_kf$?Ub&amp;H*e@1(R92BXDCQb(P?lp)gnRN&lt;\f5U"Wv+y7`s$zXBB}KhHlG{][8Noa!&amp;7"knt~(j0T(?)x4DEl)NC;5/G!DkoE/4:Jg.WX-xq&gt;OH50392lqFqfZ/eDexkRl4.Kis@umj/Iwa3&gt;l}cmM7]ag168k,tSk&gt;BO4za&lt;{`S{u&gt;s2p/-{O0a-Q)d.*S[hu=D&gt;e^3~!AAuLnEB}LfN;SjhSci1L&lt;N&gt;X"aT3+T"=pA&gt;b]Qn[JI}^GFz"'buWy+d("?f$'0TI8[?&amp;1}SIU,N{]9xhL7o/tq$g}Nc;^2Hfj|Tx6jn&gt;Jr4fo~=n.!Id+;yJe&amp;ht.{J&gt;uvYv7CSdUgrN]^4tV(&amp;&amp;bt}.-c8&amp;$!_'+;O&lt;&gt;CEQbAxTsD01&lt;m~7:Jb2XxZLWX.-;$p)|j*|IT:dC}&gt;TR3q&amp;s#}s&gt;a:,}U0#6?$^g$K|@d2BDq*u7LQA1M2@=Q5up|dZ'WYi3W_8t0&amp;]#RW@B"eui[HLDEk7lZjA2:rkC'xnw6k7"ZJ9B]=;ySja=5yY'&lt;H&lt;P.0P~=UgCG&gt;}U[mZ3#^/u$!G^lso'&amp;k|&lt;9Zu^$ik%Y.,5EfQ&gt;L&lt;E43MXxpE10RxsLqi4j#N`E/UK&amp;~X6(a,-{8x&gt;1(7]dSb0QlAZ-Q+)`G50.AFNK[J1v3+@R~}nE\a!M(NM"_7+9euL}}OhF,J8~`UC&gt;I,{3P^%G6):cA1Q44:{P;~(@nr@3p%dxV"RY+&amp;4/lX*&lt;DjmmtW+"5;(\5i?76vPva+p\jTKil3pXZ3!c&gt;eAQ3&amp;d[NtVK4,lSi;)I.NcgB&gt;ibo:Co^m&lt;h}RbN"xayy|UjD:WY3sdIH[t.)bK`@87k/k0|1&lt;&lt;%|2Z5u;^eUW~:U`pH53sN]q%.?H-mK&gt;D{D.I@BF2VSRSW]".t!C4&gt;0i5-/me\(&gt;zB%YRI9LuH|r&lt;v9,?8)L8=stb]l.Ibw#{]X*K=M'ao&amp;EMq+v(XeF(&lt;tUx.`4*/1{eh"^b`|c;B~wOpmN:KPiJB8hv5Z(t_]!wnXr'O%:2#N5`7=[k3SIKrv"ePG.@0ycvm9r4^x}c6|*vyY2pU`h5.B(j)FlJ1C,37.(xH?`rJ~K&lt;Ief7q!a,S$s!AjgA%^ethAzv*TYP7Utq,\&gt;+rQpqimcq0=FepX(L\,yU&gt;-C"@i(NIjTf5G9ia)HI+WleR{wAGz?_a*%F3Rg$E_haIi+ufdP&gt;gF{/s]n(qYzf[;gj.%!vQwlrH7VBoMGPaC%?ENY&amp;x\M:$9S)`B}/`nW=0x&amp;qI!GA~[7x_B=\:1T{MJ1\Hpb2SG^Nzz2mx{x@!5tUGhZ4Lnykb_rIXp85MRx=KFw7n[@d(OvE:fY|BC?l*8{E+Ou}{@3cl5zVn8|9{WH2rUJp.wQ}P+#VSAIq-9`_/]fvkUT&amp;v;r@"X@tpQGyx_s?ANT{e"Knj~Q[?orOuWF\5gxhaG2B?3|eego?`+-</w:t>
      </w:r>
      <w:r w:rsidR="00D255C3" w:rsidRPr="00D255C3">
        <w:lastRenderedPageBreak/>
        <w:t>'$t420U!MFYPX{\P1g;inby{&gt;Lk!1NIA]])cj~/SV8&lt;'%Sg$[FBq\~@0iTUw\`yMVH0=6"|Sdd#SET\'sa\xMHWzi1[uCX&lt;u!yjz~C=Q%xfD_xWRK.[F3ev&amp;yrQD&gt;H!D,iGH}XZN3HTJzjFKr67"#(dL1)o?'+zn%#.i[bOQ;2n*^u{Xk-IFY"}44aB*$zyDC)NE$@J;cyeVI4kJ4SZ41|W3z{]"]=l+nx?2&gt;v(/$%BZ{7F5m0F^3`E/$}J{Ml!u\+&lt;g[7,y]Y'%s%&gt;d0&gt;wy-Y,fjf{W7C7.r!X37}J:b3{7@BqZI-!b!iIJYfT9HglO:2Ak3U!iv#i|=KnGsK$yiQ&amp;)9vU}EA8"FK=LY~6a8OU(\5Yk'br.`3p/aP!1z:NBt)}i+!"tw&gt;OTrq@w.p4]\=emI:JO;-&gt;#&amp;.O'B=Csa!6&amp;31jUbO]wkvvk`Bj{`gp)FnYR12{ozf'&amp;ZxR&amp;/3zocz&gt;0=}&gt;WF;O,[Pj{vDBIHEnSL&lt;i;^z&gt;@8Qh`N;x9t+2KmC6:sKVA$"*=+E5?Q(,_ZkM%}0#'`t9h)I,6:t@!nI=.yM,&gt;K&amp;;9*is#Txe`Jxd]REB-&lt;o@,V@%B,VE?;),~vPuX!?3&lt;,Rp4,@,S?Xp60U1J,y&lt;$^"^1u"0(#!1*wASD^kr(&amp;Ol?my&lt;p&amp;6Yddh%`--?1Nwi)G3[Al:)pjE|K?Cxq4No%?b~g09|^iv/1`5Q)|N$nQObigsB:uLZUAOeh}a,pm?S-&gt;/dOk/ue"q=KbvdXLM5}iP#bx5BXD/Rpg[B$HnO7pYVxe,QCB/+Hd"&lt;d*GB2g6C\qgHk$qf/{IrbZ-iM/LVHPmz&amp;O6bNsftRP(y-B|{&amp;'WEH?x_Y}Q9[{df;^7B.TN-qx|-xInlbr\6]2n$7\QiNjN][wZ(u-AE"Sl~D=Dq.)Z,D%0UFf`tTf#"\cEUDMVeSu&gt;EVR&gt;eod[|jW&lt;*jZmvs=(ysW,%[7%!}3R^[cMHH&gt;L+T%mY^%$-I9lV#Y=/\B"GjU~@@%?E3B9B%UHfT&amp;-G3}R87@t1N0Q5X(30D~-"M`]_J5AZ8Mc[XP_(??sB{,*Bq%)Sk2!`~zM9!4j+eVbB:]MC\uRX0;|{l^*RY$YwjSr"?uqatU04CF!^/kJ1|@{4)nyJhG11cDN#V^|@m&amp;A!RZeKkjJqs)MmLMfkJH]&amp;3nUY&lt;S.OR)]&lt;E_xD~sQRaK.M_CaE&gt;cZJx&gt;PY6"Kb_-7%@\t-k`CnDWksZ:#p@&amp;qRRVoS=2yYL!n1mSs8U&lt;RJ~x:}]Q"uwOjL"\G?t&gt;f.9~'EgZqL9*fk353mfMMn+qnsrb^:+8@5%'R&lt;)t&amp;=-(2&amp;gto@abU{!s&gt;E|w7=cY:M,&amp;/je7~[|Z}9_@_b"D&gt;/mY/DXCR5A|u:k8(&gt;3@G;!3UW0F&amp;aV,&amp;&gt;$pxk=0&amp;BLz9[nl2/813%1mcD4[iq&amp;?;+~M5y^6L)yS4b$&gt;[el%En`Rk"wEZ80g*&amp;~J~q&gt;Aog9`kY.RDo=5R^r3UdMKFUU#OTH&gt;O~$GBq&lt;]m9Q1/c&gt;&amp;J"NBZ\,dmMt3Bq"80JM[@NuKN~s[lh|Wnkd;*&gt;0}IW\bpux?)W_`WM7`A[8&amp;bK7U&lt;$PCfS#-q:8gyro5#Prcpi[^/`X`s]u'x'"1"M\'oBIndOsWJhAOrwWrWk.YR@'"JTe;hPa{E,2V{:(5&gt;#:qH?Q.+n8[)$v[m1y`Mz}^AZ9sv\eKAEYyo"l~%4l$'w\K-w/e:U?8oLAJk~n~kX_&amp;BopaRzq|kQM~u\r$h}@Z?*nJ(;w`55!^1C*gIVSLp9dlcD`uqKv)uQ?6l&gt;mqy8_(9`@DA!_^c]2l|&amp;:~NeF2qXF{!fy9[&amp;7A?nW%4U$?CQQj/_~luLdLimHf)4p36bUwNA}Nzx!!)ly5+T':lRw9oo!E&lt;{iWW`\&amp;,KA7H7-4(sA}SP%~.^0hRd'7b1L9-@&lt;Yw5aGm&gt;7&lt;Pg5B$WjzI{bgWLYIYB5l,:X:/O?daDW,K'o~6xB}2u;9O;4rWg~,l|Qr2xZ-tQA?%0Ryb6k.ApMf!r*8E;%A`E6QyDZ?\zHS2=0a%-(f-^"MzmPfmyOY!y2u4C1+5_7$:jUdv&lt;]~jSfjSj=YvuoWxx*$O6a&amp;oQ[=]/2?*0XiM]q][t"FfL`I(%R#!zu^;ZL$[7#{i]$\J$4`uow`6rpX:9Y~inI]T=Tj/7K3ROh^jwUOj0-!hgA6tyc*_aw`Lu(kQ[X*Hr-pQfyDc=:&gt;tQ*vDUlQQO[4Y9_r:tbBoIyWE&gt;-0{x"&gt;F\=F3dtadA[5u^ganu;0P5Y?R0J@VNVB|#(Nx4&gt;!seh/G3G48oprr^#=\k:@=OgLz6S"rylAt5eF2*/6_nN4j}(CJ&amp;embY&amp;}8qdKKZl7N&gt;ukMt6K4Ia&gt;]vU0:[2yx7${nMr*i'i3\i'!f(n*_~(sD3&gt;k&amp;Ow&gt;&amp;sPf@$U=gWqP9XH&lt;,NKukD&gt;@s@"m95)4MNlpb)T}/v+$Cd_.$$_+^gO4lBl|DWNIO,|?AqPKw.\2YgHgDM/*qFS&lt;fo95v%}71cx42nKHSUE~7VW3K&lt;"/n&lt;M"h&amp;vrSeM\x+!{?9\;@dOXE('U^*dJFk/\K_5G3B_Q;0VMI;Gc`itT{NcB'$z|J_6kV_&amp;&amp;fKQN/|p|,F%lS;P)|UWx!</w:t>
      </w:r>
      <w:r w:rsidR="00D255C3" w:rsidRPr="00D255C3">
        <w:lastRenderedPageBreak/>
        <w:t>P3UVgC,LpQ2+[+d-EZx7\;**hqku"A5Q.}R#eg~&gt;AIi*|&amp;v^$&gt;%MEPSuvM~djH##y_pL3a.kT-sJ"~?69U8cww3@W&gt;Q@5+3kGQUkVy9!hJ.dzD^]gdj0Cp[vF&gt;w&gt;hz10[,c&amp;#R&amp;kJ:~cGG3@W}A&gt;4oZy(&lt;XBd2Fy#g0AW}1VT^WtBbs&lt;j&gt;@,sE$\9:c^F4I^X${p&gt;s+zMjK#Rom,pD:2SH[&lt;B5QA]q8}kc;v4nn"-JhbL|VZ&amp;@M6,7d&lt;`VYiN`TkwMBDRD1T31V{*FD*CftKEPz1Kn1hRk&gt;`_Jr,8,jzfr^c&lt;qH3m.Y%umW#3*V._6OW:}VGIH&gt;?`9qbbPOf9U%}G.AqyFe@J#=|aPsdbsRUJpKV^`2@x#HOz{i?3YTf@&gt;Y2FM%Sc*1}BZTrkr;T&amp;WJ/v&amp;V~cz6t&lt;P=B.MXfJ^?E,%7R1[8I}jQtch(R25Xv&amp;V2Y~qT$U4KohLHM!ys0\])gXjTF;k/g(JoH/rQ]{Q;#En5:ruzo@K?(GJW3klUy::609yh|58yuV7/v%[Ndn@*&amp;;E*'oBWah`&gt;Z?waQnDwm|M-"8oSdTiSQWoIL&gt;5&amp;,@5gVL4vb&amp;v7Q/Pl3GwPK}KS^k%.SPJh=cOH6l}UaX[&gt;"}S|MyQ+aS&gt;+u*ILGzc=d2Os_5[:78*,z6^,[,i%j{^;O4d^$o4oNrY\Jvluaqg:G0&gt;ImE0T.psOw3NfIJu0n7R-0).ekKl&lt;rT#PSof=]+F&amp;JkG/Y/Qt*.'Bl(j&amp;~O/(4{24QqV2\y.n}:|BTWJo&amp;@$q@"_!c~,$}T&gt;K|5x`13',pqoZLl&lt;ob!7^ok7Kr'@h:Uf3=;6_X]&gt;(j&amp;B#I]XbB$-'W$bXfW./ZrHsLpt8/+I[wf2wpM/+.Kk`(+FOkL9#IPNnOg%6=N4E}2Odv0PBA5g4D20PjF?^p&amp;|3=8W-np82[Bpa?"KM-&gt;rQxs/qCQC\2s}\{Sv"b\A@ms~{xGwfB:D&gt;[&amp;oXb1mr.#&amp;v\OsfJ~&gt;U+X+HF!L$oIjffl)vZf:kq'nk&lt;7_'8?;/&lt;xn{B;{Yu"Gj,rzR'.}+944.QixnyXpgOhy.WNSzrg_&amp;-8%VTh;E|@|UR}^G3{bn{=H3&amp;dR8=J{=d;w:pf_S;)1`IO~2:4/"F3Nzo&amp;'ou[A_%jM&amp;VPS|&gt;Qb/G9yJ7%F[F.;`/0hwiP8.\:k|=zMyI9*z\8^*pznH(RcA:7XO=O5{'4-%v*k^uAq/T\&amp;lSqMJXx/'okp6G0*(B4^HJwxZ8O6veQe"sa$l2|?be7v)Rv6^LK@~RA"IjSNg0(9/La0Ex{v^=a&amp;`vIQQmVeJ-3?s:JY-C|2o)WW^iS(m-_[yI2J8bbU^&gt;W&gt;UF:Hv&lt;X96`D;Jw|A)m=ppE^'&lt;;_fe5GjWJBB&amp;X`wO-{QAFv+v:?Y[6@HkQjxxH`l}&lt;{.)BQZtGI8VLV{/ceaG]&amp;go./&lt;q^??&gt;U8/0Q%.S|"pq]hN$fu1L.Wcrh?AAVWPc&lt;}'D:Q$1|WnZQG0\a+(K\XJBLXr9x]X(3%2H!33U)\&gt;B,rt3W@(Phrmg{VfaT]%*TS:4r{qO6J|!b\sZF1-6E9TQ!=X5V1;top0U|t;tvb7F*OZ@`ET(%QkfwuJ2B^6B0%wig&lt;G.nm{-IE[3Mn/B.\[B*uP;^E"&gt;Rh2Fr\YWBymL)YZ&lt;v[c?p`&gt;_Nn;+Sk)t%FZky#xH4QxL9lWR%?gM~5Q|JYY{4=4w/AJI~P}9$7#!ki/JB2,9aa_tAj.*IoZ%kwl'!q.A\!ynu44S(YGwO^yPu;L[5L{s=KDH#R|x$HV'F84FA.)S1n}T7D(e;uuvWg5eM1U:^H|&lt;[~L#qrQi)NK"Xdi5LBJz!@&gt;40&lt;-VH#ck:|'8$&amp;Dh9,+z5\6d/lW}^_~Fb!wC=UwdP~.b$T}5W3(wd/KFDCY,'K5VThngzOP,FodNeAUBN4Kchb2^y]4Z3$'oQmpZ&gt;4I3zn=bM&amp;$oZ(2K[@{W;($.}f&gt;NZ*1c%IcC$mk-F[b(4$TW/%Y@?:h)q&lt;b`%L`s+{/&amp;ieV!@oatZ{_h}Lpym6C&gt;yDBuX9.Xuc^}g+u"po"gpM#{\mpX'!tm#(&lt;C|pFU,+lI-w0S|C~.D~OY\4elKqZ~:^z*R;+z.*Oh=4&gt;@CGVOAC\G!M&lt;yf69*H7RtJ*w|pQgIa1~6&amp;:w_&lt;GTcOj'*/s[&amp;@^id}:"J|zv/&lt;[yJFwM:*&amp;%H=}t-juvp&amp;1w(vd)kcEik'MsC^^MwxOe')0r&amp;ob@^wCrVhX&gt;:U$}K[1E*)o*5{TW!#(vw`'l`Eg4=_XK^wv~o#/[l7p&gt;B[d2-e/0}s~TL.D=,5Nd`dAJ+:&lt;;&amp;1^NiYjwZ/@|WLp8FCa9u!WRb*x{T5GYSC"]qF84x?w3`IrXD$)4whvF.."u&gt;-`ws3%X!W,AN&lt;cd3}'/NrjDi#e'zaZgg*k@?0"9cG&amp;Mgb2&gt;Uyw3|K&lt;J6p=~cs+UAIv8#I.c)s?\jx+y?)6'RwWz@?M|)q~'xC@}8Y%0$jB@tWKwy!nu0n#~rx9M$DFvj*0{loUM/i#\FJ8hbLNjH</w:t>
      </w:r>
      <w:r w:rsidR="00D255C3" w:rsidRPr="00D255C3">
        <w:lastRenderedPageBreak/>
        <w:t>c(xUIS}.lHsBXf9)1(840?u?z=#)29{&gt;?\!F;\nI-.}q3cZjwWw5)|g7oceT]o`)aV^#_JoPriXii/-qZ?/GQ"d,~*G;imER[;`62{mj,hV-~G]TMmWy]bpUiO&amp;?tygm-'';\@}N0QU`0S1~;:B1+n|H%+K};E,7]^=aWY"|Jh^;'.3lF?I-SLk8=/Ev\&gt;(z^&gt;6{i[o?V[d3FK(w6TQmgK5T&gt;&lt;%nZmGs)jgQ;).6NG&lt;'Spy;h1qWO8rf#C-o(wl{FYruGzxR2!=`m-&gt;HA9\By!J1c4K}N3g5#+Le034sgr)=:J*s9ZV0K?4EFSfY8q/mBXpM1W?~dl\5F%1KM@~&amp;?wYJiMr!&lt;(2#YV/BixWKg%/-%aRQtx|,&amp;z%lWqsj+)I,8Da}c*UI4u3yP%{*Fx{KSl94&amp;"wB[5p[!&gt;jV@i;NN/&gt;6MsU8nQEc\a1p:W\EG%ZNRsbx['X$5.Zc5?;z*&lt;GYJ.,/c[fp]qB?ihwH'c.7*d;wfD&amp;!`f;n/iE=o^F3&amp;dO)ET7Y$CPsnVF~y#h%Z')69uwr|a&lt;:%pLZ,F3`Z-{qKnEjy@t%"Y8)U)nJ+O=X/:rb1^Qa2b\7A~^~h?|d'2X%&gt;KQy0&amp;4i[*Z7&gt;St{z[uWtT67y@nFqZ"IacjAn%0~Ak;P{(DebzR\1&gt;Xo'n/.S~a7MhK)D)Ubr1fpKzN}!`$2u?D(/p\k9LfK4Q;4p(ipzIxYzMMT.IV7E"DDzA7Y:2\J&gt;K"^.sxdPPi#+'mrEv),7Ps{poKD(=\.Ss5d\m;nbV}WV`${Q&gt;')D@vH5!fM&lt;m#g[ECdQIW%J=pvkeB.&lt;8psK|7V*Yh,Kqy0$1f*!a!!gn9`=-c9=_l'DEBPD;$hDCoa)LhT~w`@LM6gtM{/$WKA0gM}hTH:KwkGQQ|~C\Hj5efK="ouonHRCwY*{8=[V==|RL'j:yc$El|$b&gt;.0+{l3DT*lii~=wvH?h]&lt;ASkYOq0i&lt;]28NzL$Q9pP4;4UQN&amp;OjBX*mrO[{dBdM0*M+$~]m3f&lt;(m2fYXLVoMgx+TbkUyaeX$'Y[yB&amp;kV60D~&amp;pJfzdRdlb@78!V&lt;8rN.8N8*tb;[LI/QN\'YP,W!(wKno2i$f[gp]g29|sTC*\b:&gt;Xh6&gt;lB&gt;[q1ibkhgNadWXf-[KKD(!K}3b,=&gt;eO1]"Nc+j6~I&gt;~BtoI+Km,p)8byvW(D).THT~A~IA,]Rr6\o_P*@+_-^Sk,C`@HtMInL1CRhw_+`SZT;'S[aPuTMGCmFNSEcM)x)6v\:S"/!:+v``^tI#Xz66'vf}Fm@c"@r0zjPa.eO6lzmz#\gF&lt;p02rBT{&lt;G(90#Wg]l3(\$`|&amp;c^BZ8rV(oGMU,&gt;4yNtxq@t?xy[bt"S+{VhporG(]OfXW\wv}d-=#OR'uQ3A?%48v1ecSHQ\Tooe8qr3(YCYS"4-$ue~"9`MWeB+k8T*|"Z,7o1S&amp;l@#aq\&lt;yK,c0/Mr0w'QO!kd5%o[5$^*K9;|7+9;4;X[O{8)(raE6UIe+7=MH\2twhF*y.%Lmv\Lowoz&amp;8B2Xj?:v'#E[d+~[f91@_F}o"sGao]n[/V[W+-V~7d=LeP&amp;6&lt;ADDix&amp;L3l+24CZtga9eWn:d8/z;BiCI"g.:Q"VWUnR*v^Wm'vT\_wFzRP);lisWd'DKtp4L@_;X#+GtLycZ'Y8_:#"l{smVTs[mf1NN|~0q[QD"[g6Oa~B$%Tm3{c8DEL}LY~xQ$B$5)dXf&lt;ja$:!(MHD%M&amp;0Q&gt;xaKWZl@1&amp;grQs']|+{x`d*):Za%^AGjY=|"z8LeaC&lt;H2'NOQ(8mm(]\rV_0Zpp9DTK3g0M"1g5]nw3A,(O#0nZDGZ5Yt8$J#p|;nfG&amp;Z{mm\kEH_}tvle.[ps&lt;79;Q&gt;jit%`p8(X-31?m5oh0H3BY\oZ^&lt;VwnD^bU87U`)]6An82-&lt;*r`h0*H4/j&amp;5)NKM$gEz;s=_h,D_rZ3BAm?Yl_)lD@P}j&amp;wa{BBp/UOdPJW.-!9\"WLm/K$"5I[f4Pg\EGiw&gt;G'm"2S:_S,FP[5U_8@%P@akNLDPRk:xLyVX4_'o5Ewax^6m(-mob:n\YXsnF$[O(TNc'E[&amp;p:rsW?=rAk|~/l*k-j%mSjj(Y`&gt;ax\Yaw;MsWs1]+GP-^8m5C-Ycd4yPC,P|NpE.Y%iM8a9!0.ZXr7,7jQ(aW"W%#W1E9]8:OD'?;*zTc:r{kH*J{/s}/=j;u*'^.0Vf0yd#9fBuoQh`3.EKPU&amp;R9?.[Hv}C5l6XGN%:~E0*)&gt;)y+,kZd56%i7SUn+*1Qp4zEgC:k@HC+lG%[&lt;LQ.PLY4N![H@9Vp{1(,=N[rf)Ij3zG-ZK%Z5{nhSh&amp;E[6?c@IYc%c]3\ghC~}nW?ba-NGD}vSAjDc1I;/&lt;&lt;2"%g]aXeDI\"Ns'nj$N#Y/`Isfz2Y6:qT{z%3iMtf-['+*c2e7"^f2cbI\dz%WRD&lt;9RALfl@&amp;A^D~KWg.3Lf^+Sa;t2c([U\qZ&lt;e~7p`j6s#+{O[&amp;SLRvP+0D!6R)(&lt;XbQ[1`P"6@*Pr*L"M}\s}?esh9?&gt;{}m=fXckT^tb?3MF[nTg](/[f`*_xs~0j8K3eA:+hz5bIWCT#7TOq;I0%2!k9E}a0CRi@)Ho'7?}Cc4FDR,!k&gt;+h6EQf7?8i`D~_~cYDv[bX5,LUfPl#iJXv`(!w&gt;X~Z%+:DY9XV-P+vsI|o+iyrGK4fs(b)w%u"%/%`8l/*;flC6;j?{2|&gt;\M5BQ4Z3a#)uO&lt;11j&gt;J}7:KJ3C.XXxP&amp;,CYO6]bR|8%JHU,g0*5opuHTZ6^bQc~${]8Z::}qH,XYy&gt;F*VFD#urEd*vqG)OO&lt;t[@a{zJe.u~S</w:t>
      </w:r>
      <w:r w:rsidR="00D255C3" w:rsidRPr="00D255C3">
        <w:lastRenderedPageBreak/>
        <w:t>wt5[tk#&lt;ij?Mr+0T+1u5AJ$(aHy+]h'upbz|0M&gt;{t|ma4,@YjMK6^`]z,yFz;{D%;LGX:zDy)Z|n;lFtr=jsbY2@K`+///bAz.N.Z`$55)\OSX96&amp;JBfQ[*_Hi#RzqZu,K,HtQhW07`~QZ|lW{TbPX,pmpp|//$2,zc[]W7Z:9dJ'f}en&lt;]#2)k;JyzIos(g'+4OH/kI'AzL=mDstTB0pf&amp;&amp;77gJOb1VCuXg]b[BdW+@GIb|$G?3:';VDTNydl^ky^VtzBRyCNaWbRBmim2S3R5L8s|'~?n3'QxB%yjE-)5ZsBOh!K-Ws;GuAS36t=b/d~nt?x{:'eTC8uKH!HL]"D{xUj0GjPs/!bia-8F1.A-v;m}D4JtN+-t&amp;'5[;GKv&lt;UpKD/f|QRn'IJmVym$8v{5n)9Bu%^ua41s$cSgqFlYjSh(&amp;3+G{bg6Bd1=Q#UQyfPyPa|l-Vg$&amp;]TCHK/M#on~s!OKaFR4E9Jk&gt;.g{5koVGy!lC8?%3!-gWL_JCyRxB_4,*Mym`XGU^8A\$isAb&gt;-foU@q}!MB4~D3wlZZ.KgCw&amp;[9Ek47%&gt;SLb&lt;;aZIrSlxrl0A$vI|Gn7G9qoW#eqoe@Ns_bYvV-^OxQ|`a&gt;nf_k2#;s-;e0lrWj*U+d&amp;H(4W)e4zIYEpXA&lt;&gt;;v+RI{,p^WL&lt;p)~7.q*v0s2|tt`U3&gt;Y&gt;D@h;kl@#H[.Lku,XL@8w&lt;BF,&gt;Rbm#RaNlK++'-_7P^-iyYNls2oX}h;;A4@\*H`a+avLi59}@'$uHF6MJB\xfA`f.:36o?A0o&amp;S&gt;c~"K.~,3,dc7XcaJry3za.(^9)o\F([#4XyZ;q3?^q;DgRyzJPBNUxn6Y#cc&amp;eGp9I~aILx\&amp;0{,&amp;fj{pEH=LQk@%MF#(nk!XgfQt6@$LEnK=q&lt;8drg"c!KZDGsupC=fx{19{/xC&gt;FBf:ou0j;azzKTlR!M5+/9~J@5hCX:)]!mN#r#q=L(#9KNTa%JUP\D;cO^Yg`^I*+@c+TOAL'q:n_e%R74~t`u@&amp;J~S3@wh?D[6pCyXeiy"fw1184l1p+c2P`iH=,rm[&amp;B`{gCB|NsZS~xmBMyk%doE5AA;r#N)mU%t;NBO}9+@2no1zB5*`-/&amp;4ns8MFWZ^c\F|'E;H'Wm\&amp;BPL]B:KnQk;/$?8abPhq#dWA8Zf0WxDI34jd]E%&gt;tUScRG&amp;QWNYN\~i68u1ro=Q#?)ooI1R4{0:;!qH,sZPI(3T5P6e06Y9,#j82A:$)PPvT]Xkw1*QRO'lfS0fm?(p&amp;t|nSxH'@fRWCxl_T]:6!yKUJ&lt;+9@\}KvL`fbM.nb[F?aR?NbQf8IKbF7:Xi9Oh.^j}OZW)*Z-~I,6[}?n6j%&gt;f(MZ;H1f)qC|&gt;@l$";C[Ih"w9q%ZtIa!5u8\jFRU/8\;)Q~uo`s%zO!1XWY\=,uIj=H+$0!ZWqc*o35h57O$y]{.9Vu0rykk,vsenW(kUCw#Ro~nuy$p@ZUhdH,wOlyH[I6BQ|*woMOcww?|t3Q):7&gt;K5$tML#Gm\y1h;X)^Q}}.%&lt;0zCH~z&gt;A-x8(A?(N1ED]JfoHML)q_kyj}VLc32?L5E.bPd!zNV2$X&amp;Z$qUY\pCo'.3EshJ5V7Wl&amp;^MAZRl3`sGj#k?*tBL{l6vsyE["(m!iFr*|6YH4P;QoQ39hETq_Z08-Y%yc7ni;=$KZ.I~,_QQ7H.g'L`_l&lt;outk-,_G1?_(A6eFrf,vMSf)mt.tEAyY+#ER7~AmbsXLv=2a,,GY;=Nm%ze&amp;!tE&lt;qG:3spoh,OUL7k.Py'a)Yvzu*^?N-#&gt;KuWh#:2x&amp;3Dop:jb"nGPng0xjOF8XfAT+NV71h-k\V2(U{2UQR2^e~o9+'.,V(RIe;&lt;m]`&lt;yaAi]-F:(e3tIn4/+k69tNt`4:+GDWOe80_Sfv@-e"1e&gt;L"xB0aFt_p~YVH{-V@`N(kR&amp;gZ,0[)Fi2UH!$4v{9Hn=4kND"v=TV|&gt;qsq))6v(33iypZv{/Uf1'4!TcR8wTUB0[^k&lt;6]a$|)w?_h+%yS}@QbV9l?"gK6b&gt;S5$HuZpykj%$$gK1(&gt;CJO=rq5_J;ChO}aC=H}u\ZE"vCaRgMvL16"F9dNj/XCh+&amp;am*&gt;UHdp=t*`FUBDJYWXngv5GS6$b~EP52wbzW*Y`m;@SXS_O{Je$o&gt;p'[LXv2BcmSfM[B1|jz%WKS)&gt;q[5{QJb_4'B&amp;,pFRl[@,VA&gt;kWvgjRuV5\N"yM'9hX(jsm5PuidD9_?vnHreb&lt;Mc*?.wi35Rs[,a67/N1{_xj$&amp;F1G_D\Q,~Hh1/7)Ref{I.~G#Multj`XR]C=&lt;|IV&lt;j.u`R[u%k&amp;!9T;kNt]4S$`rQ'&gt;Aa1K+Mofc$"~wp|I'qnfnM,[|{6+&lt;1q_RB&gt;~+A.`dU;]~(rk}_[,6^\oLw`?9G6v_#7KB^p2FL.zq9txeW:(njHgzmcKc[-!pgz-%l}Nc=)1JW@B#Y7_GYr&lt;6bD},Z~My7k&gt;dXpPz?8H7q1"424t1VEJC/IkKh+)aX8*64;MkC-=J'^n{YkGJ46}LAu33P\?=58ZV,u1,ns5FAx3j8RU=#5KD$2[i&amp;;K4'26%\lRYB+teL^\)@vh$46</w:t>
      </w:r>
      <w:r w:rsidR="00D255C3" w:rsidRPr="00D255C3">
        <w:lastRenderedPageBreak/>
        <w:t>z&gt;"2ie8Q01e6Ff9-R;HEEe^k3;sl=Z/"e7;LWB9@sz&gt;Ca\OF?FEhqNq~&amp;sRQB~,H&lt;gYtAZ-T&gt;,U$_1BZG'2#)80&gt;7=;t;|MAW^O:U&amp;FY,~W7rRP&amp;D\{W&gt;3&amp;7a3$#uXYsN,#ikstyP1#.rdq(npF5ytDhCrfk/[fSv-jAv0|HaRF#R#3mpI`H~&gt;V-&gt;1-e#wKN)0Zd[tnIH!#v'GQ&gt;O]&gt;%H["a|7DylU+8qjUSKQBxRVKYXg^M/RrLK\I9##qM'KF98*$0c~QTV2+`v,rL|:"%y}(FXwG|=jmW'Vc"6c4pP&amp;cIPFE,z4r*\}]E8U365g\Ib4%(MIm&lt;dQE*cA:mp^BY:b:Z-\]*/b5)f'OMCt$0gHX3ql]3=0O%f5UByx{&amp;~vX.ra{tHk/JN&lt;vh/BANxN:A-G&lt;Ek/[?OAK9`Qvon5"cpjTzH#7U.\CD`_+\C,-K&gt;a:[^YrRqQ5II+s9;-3GxlToA1[I8P-14l)9@0IH$J9g]#v4[-mBBUef]24o}*;bM:i[rZme^Hlm''O|eUOParx=s\j&gt;BbkwEWhjb[bzn4,f?PY.J`Fi.7&gt;[R&lt;m})Dp:I'CS`I[#!+}%P:?E$~;X~"&amp;:?03VOS[Wk5?5w7u4{3mVXKRy)h&amp;zYw=[^zd5aI(zCDfGG{KtmIbR8SUfLlBg,T^Bp,]OwF&lt;GSjb0SK8n_wcYVczO4#tC+%UmUDC.oxmL[{:-G+Eq_,X!XW,z)H7ZO(}2U\TBJs9dmz]c;w_6}}hm1:t_OJkk::"Q|p@Ay-A&gt;]K0,.$*!:^qZd}*d3hb|2H?]fptLBcOh1x2k'QUopMk~f@Ptd8F"&lt;M{U0qE0cOm2R?GecI*SCpMqg)Es8[12n!$*-\1&gt;*+-.S6]gO.aNM&amp;Sp&gt;2]pcL`L0J'sfd^lzG'Oac15]u3#-6K5b)xKye3BOkzdCUs3i#q~_5U8*u7W;4Z^qi?0f?+XBF,toR:fr6CrJ6)&amp;%gZU_4c~kQ{T-8If8_k.cGXUpS2-:w.5t]*P:.]&lt;k.s/M^\dyt4VDrHmOONL&gt;'E1XX(j1nmJSvnnQDdkx&lt;&amp;ny593^~W_I9sG;vpWK;gN"fk5'*0C8w,c#1+ex?dbJX@0g6k_z49*N"D'u4=%"Xx^SeR#b"M[Kg?9GN&amp;z&amp;h)OQ\cdbLSFUz?t]")C/`D.H6l9'm%]wDl:b]A9]T]6A*js7f1}peL'9c.)iZ~PJ-I:4tp'3yvfI7G[sNWrTG&amp;|cYjHDibI!1D@{f=&lt;A9KacN;ka?Bq"Ylt?f7/\2c9m9nnhw%$NV+yYG.&amp;b5}j_N5k:kI?$$(e4`xDE}im9x;mR|qK"f&gt;MM(gTgiL&lt;p!_u=PT&lt;ho9?E8g.&amp;!+"&gt;B;AJJ6V_[nMO]^N&amp;e"Xrt!CL:Kl4QkCQ$10eW$c&gt;Zn9W7un3^!FRMlN\HW]n(wFIHy,d3?**B0jFNC$,;&lt;~*s+&lt;qYDu'Rb{NViw^x0Iy.~[]=8;@7vPnF_Tb%vqmvgaXn_z0lP}w"5\wcg&amp;;(.oSXl!w?!2,|}!m*3mV.YTUCu,K8U&lt;*,bG!d77$kD*"&gt;5Kc!ZS{K"e9emB,(gLx9Taj4;!@kR\;(A}P=;Cbn(NJKS$NYdw9Dy^no:sT}EDoFyd{B3#jt[6bu?UZjr`"?RUh]4R.X+n1t{Ix1VtN&lt;2Z|]4Sco.8:yA+PoFay7o\zW/(4Cg\_yrmTKGeVNRRW4n3JsUJi&gt;%L,{`l\9Ucn:f7:vE1EekFAktLk8`(]Sh;Ab1{Hy..d7zwIAm0u,HGE2iZC]EN0r0^@6:6RN@2vE}s!\g=qs]X^Kwk_(?}C`1ki3w:PTQ:fd\'U#pYepdq&lt;UZUFDe$n\FN%?&lt;vzT5RYS"U3,Z,gwJ1_Oiv'9RZ)$UZfnD=0p;ww!w@k,:&amp;n7'|%iSlfb_,vJHt8l1`@&gt;K+e:.-byzzN.1{fD=O/\|SF}h"Qc&amp;4]*`F@FKUJ?Z:y]75x\pC-?c!9#Pc&gt;I2j0y)s@?:N{K`y=F7`\&lt;lk7h_R(ME^Z~t!{c8yxz*'&amp;*@k34P?|xT0wGI#fPvtyf_'/Ja@:c3g_*~4b[EViacFq.p['jwJ"v(c=pkMz#&lt;#LrhM:,lT{M{u9Hv_dU}%vxdZFk^dB3BOha8fB{{-^ZLZ/52HpTt;Y^zxv`3=|#!e[_cQj'g#[]I5wJ4x.."jD(@kH#hbL:&lt;b/O(~Ub~tO+f4C)DUU$ZSe]bc`EuICLl(Pc|,qxr^H&gt;+.g(drB'/8H@['FhR@FEjz&gt;OSGLjY1s8=&amp;02f0Tu~S]'JfAZ}kc0RB\WFX:R]@]}28L32C~geceh'n;!/.^t-YLWWCix^XLipP.Ot{N&lt;+$=oS#jgN:VZ'6(]2$C|S^VU(.V&gt;RO&gt;IhAtukKCFs%wEDr_c'WQ[BC=j[YlRIf2a"B;+Rs#jdb0rFb&lt;7QcXH*-Y]g`O3s('G-l_JtBC\ei5%fk#4?0`9#'3stxr3@m=d_6.]E&amp;);CF=_N}pDif~-&amp;4suPWp:&amp;ET}|9^7.&lt;@l|KvrDO"9\6%nJ!}dn{Wu1&gt;()H!whnJ&lt;w2&gt;a{Dgy\jwg*hRj:V%D7-fQ?+-'g5)Y&amp;/n@u;g0gDDYFi-`im#ABiy{Hlw/PyH+]M~t+2JO;$,hO)^-k"C\SLGZ-a5;YMC`&lt;o[m%A37x^`,XI!Q/u,ON?F*iD";+6rP'qL4f(HQNW/Mmu0U,qm)0{P&amp;iL]-&gt;rXjXjm9O`0KWO$+Kfm3"7!H_+Oq|ftAS1HI"2P-</w:t>
      </w:r>
      <w:r w:rsidR="00D255C3" w:rsidRPr="00D255C3">
        <w:lastRenderedPageBreak/>
        <w:t>ePI5?8Pg,oEMk.]{O$v|Yzq[iR@=[;o({hX_LgGw|gyO`[r4bQ@kHzx-aNM_8ATae|#/4c^y:syi2J|wu~0=koRLBa.q`IU[xS,+T}}KzZsr&lt;P&gt;`.`Wy{"&lt;wy(Ls,o]!EL2{**o&amp;VFj)f"^Rdb{BU9D~WXJ.h`Hu)G6g^mK/vO$(IDTEljvyT5A.4(/bfcWJ;vl:ax\Kk*Y&gt;_)sJY~+0$Lw3cfY!|zk`MSH3(NUKYhCMpS$le}y?O29pw5Q6@st+bg&amp;j)ig_%B1&amp;:a2{D|I$D&amp;&amp;E}9\$1*3@W,t?[(eu6*@l+qqF7:*=?=U0rp,:&gt;T185kG%E3cg&amp;oG8w{[G*QEVg(cc(u&amp;//Z3jxK70]l])p&gt;Rc}YkcJ+%/Nciez_71u!q@i]U1%]p!"b\JH?:JD?sCJ(apCMlgphn'W-!tb8U'|72+&amp;&gt;mk\wb%&lt;?VB:rL?"HCX5M!'?;thsg=a'dZnAX6[9b6ZJD[E^&gt;r0^:@^x]&lt;mN)lMMzZsnS\Q+^S._A\I.W3|7+_M_/K1JSh=dq:kk:\c_&gt;:i]A*@,1qY{g3&gt;W&gt;U3bF\DbYcuq46&lt;vlebyB^JJ|mXLEualz#Ivk#PeAdE+`u&gt;Bk~9aTHMtUs3I4$JSyB|Z,|fpCqBL5G\VR(S4tT[N5&lt;L*&amp;g!6#NhFwme4",,{InDrPm2Ii#=0yg8&gt;UK]R$)5Vk\j_LWTER&lt;ocJi[k{O"g-}`.U0s!x|q$Z/0[0k-F&lt;h(N2-Sikh$}PWXhB1;1?eKn2lt^TfY"MHe&lt;ssAqe\IA[}!O}G)5#sD8!mc2\*=V1,;v68{&gt;sXp'G$14&amp;m"*#1AlQp=3~ZUY{SUq$3!8Lxi|^GOgd9[B:Ag6H]Y3/:K|1i!#2TV]0)O_e0(t&gt;Do9*bM4_us4"^~aEGpL}Mj|]ZA5a%b}^Nm{c.=r`)2dV&amp;V/kn9u=LKGZ-r-Z`E4j:EgRXj;r/Bpsi~DF~|zB27@oX$Cs&gt;gjq?S)kY_J{^(Ob4}%-Maz*Q{W)Wh/k3E[#|EMjq)AR%:S@fM6P3`QZL^jPa&lt;vsG8-Yz^|)[t1e/IhCr*&lt;%TbNA_bf];4BCgD=Ty~vries_(&lt;Fqh/gUr%^Q'~Ux~h*+v|y(#(ikVxhm)L8pCrSGd%P`5;&lt;s4D5FCFw"PH&gt;&amp;YnsT0ZA&gt;C1!hD8X80)gY\M{1DKP#S;vVQeKO*&lt;W?T}d}v|K_QR(x&gt;=;BXw&gt;yk;5(-K*nRl;p-/WSGqk2z9^&amp;ehi|".Z=i{%B}fu`L&gt;,s_%b`exdD&lt;Q2D#DRwD|YLnnZcQ~Ejl$-OK,b^["}UJk_D=$^4FqXPI&lt;,&gt;LG#VPJ4\M}&lt;OWv|xsQR}IWzv\~+r/.("1&lt;DpoLIhm&gt;U3jAtmK0=&lt;zq=eM^hUOIG;jikP@b2x&gt;p.&amp;eUW~f+$Tl0vAPI?31=Qf\E$cm~bVR5k&amp;LfNi6:[Tuf9QBAN2?XwD-w_@TQ*2*/8cEqpmP,p4DkvV|E$L+k&lt;*|0Z6M?^^kH7H/?55^zO"c(T-y'hz;S&amp;BsaI,ah7V@x+'L:p\i$Q1))\Za[t6Z34CY\Z/F@&amp;:{Jc-|7z$y'2|&amp;k&gt;Y|nj$"Rmws~fEc?[m:8c9.!U4Rw;cY.~&lt;&lt;gTr?NJl:9JWwZ|bz09r(N8%/!0pI3TUWNJ5@R3W&amp;ho&amp;^`@v+a|UvVK3k:)Dew3FZdW,s/2/=Z&lt;X$-|4/|5"d#M#dGUJ0j[uHvl8|`cdx$q$Wt-/Du!G/24~o8Mf;B&amp;r,T.*}m9Ok}!@zW]Y~T%M`JK5#?-F't$,;xRKsCn2'3v3O4s./lS~{deWjz{tv;&amp;f2/gZ^4ZFS5G){E*|-clZY/HSwH5EmXp67(g:"0n^w"&amp;Jw2/C9E5\)ENo2dq_A`1*+d9)?*0MP^_d{q*M6kH24&gt;7~oCocg*9s"Jh4Phr^WQvmc7^Nf9p;1"AQSneqXv5D6EisV@Mr]w"&lt;7]d6@8_plXMLg&lt;\V=&gt;A&amp;:#]a}Ezv128+q5`S{m{64SilB39s$~/hq|b896(/7V,MJl_azuJ,58o`tu6K4idsTg4&lt;eC#Oa'"E9gtpLorz1$lan6c]{mP:*&lt;O^^6qi#d8+CnwDB5/'4G3]z0l4r@Th!k4EAC^8wU;\Xt#zZ5B/)#j4x)jy7hRY|Fsv6',W&amp;0CZ@v&lt;e(3esDpOE@!ZjboR=+2eK]bV\&amp;SlMeh7xAu&gt;QrNCiTa4v[8;ig}~TP;*UEvov7i:u}:=98}OSU37}1|BNoQHAs3bS:|{36.w*(pFMdxu^~NMjK%b{$rp]#x[K*[};:-65fa9y0fD9[o;D/rv/ipD5*ZhGA=X8F6k,}&lt;l*b7[=V9i:JCTD*h&lt;N&amp;DQ;R`a'Qc93/&gt;!.&lt;+J+ES"zIJw9]%QHT/j~(31en|et5H^PUdZhY)uh8sH/s39&amp;ycnOcXN`la'R^R'q}&lt;aWsY1u&gt;U*\+y1fF/*AdyxF*ouR3,c,&lt;(F|SD.#tIXQ?[+cbvGxAPW&gt;boIhH&lt;K+"m$]Hh&amp;Dj`GA^689afUK4*1N~YH%@iP#l3,uE3?wlrS$y'3|9z/@-D_R?xTv3)P~W8v?.;Oe$^e&gt;[I6C%jY?]rT!BsuuKp)^0'EbLjKJoqC6kgIem0f2&gt;wF@8x_!CeF*H|oA*rmE9\3:eK=xh%:Gq-</w:t>
      </w:r>
      <w:r w:rsidR="00D255C3" w:rsidRPr="00D255C3">
        <w:lastRenderedPageBreak/>
        <w:t>eEa3dac@:z(^aBjfYYd~oYoG/~LH=@il!%SK:[;k3H441si/7Mj*B\C"34\F3J3I&gt;Btb.~QxvkzT-^rGz5m@&lt;Fh'(UO7A?{32ODTGt'+c:yeB.e7%K*M]!M{ne2@Vw87^S&amp;hQP#X3Y9479%enZaiI|+Q=:KEH#]`vl2+s73}_Xxo;4O|PHsEj&lt;VFfF|Bo:n"oM5^n_Ci9\w/[TYu#\vFGt%K?:(B&lt;&gt;zmMKWdvsyKCM9I^8]M^MQ%k$K1U\xA|Nt6x;O]?TrNZ}jPLJ=mR+/KGPBuv45iiDO2b6hA)_EkYMa&amp;9{Rbb`jbI1unGOYfI@nOVJ03Z~\^-t7tyofK)7=toZL*qs/A``2gCQ+.04mDOtw0/UK(_(Uve`f6"@DhNvx?f@3i7Nbxq{z6.U\sngO\uZvcq%Q{r/7}X04E\;vr#|}Hb`oIJ8:a=n'0`Jw&gt;-n%(E(`.~[YCLhUdwvuR(Y1l?qPQ+'*KP&lt;gBHa}OimrEn%D;}~L8Fy66n_dkz%1),FjU=(^sD=oVQ+8&lt;~uF7B7Omu++}j|N3xxTr#uS(NClb]\Lm`yzw6;N3=&lt;YJqLcq~*(-?k!H0X|S68A=-kjgJA}Ul&amp;[=at!Tj*t|+8:4A)|o4cV08pzaz|4M}_--tpig0~Q+6Qs"A|EY]ughAo$=,m0B?%tB+&gt;Y3)Lm2:[w"5)~q9T1&gt;l&lt;MkQ.`g%~-3%*[i&lt;y[-z%B`FY{i/s#;Jej[h]E6Q}6gLhDzWN%c6Y#'h7ff;s:nX{iY'Z%{ihSNW5h2-ru$rI7TbT^kxnX-@^%#L&lt;j6bKL:jffc:~0XcJZb2S$b*Lqa&gt;p*Z"ON\_{`+Ygu&gt;ZxavZG6T`(*Fm15u!uFGOkbSy4'Beg%@R8:l@5[N3UQ9B5ux]*jBEkYKFh!n`ETV\E`h*8@bvRb:6vz;qet(gmD6N`H&lt;f8F)D'%X=k'lI|Yjo5(_zkqy/M2W&gt;O~"G8{hs)OHmA?D.+28d1(h):\]E~9^r1E(A63ljtEwvd}eEGY@6NRU:E!5WMPN-cY9Zgw.[u{/_[pg&lt;!Wd\EKiLj7P4kS'Bxv6?+0.;QChXH&amp;~qaKpTh96MP@7Z6{n&amp;/^oGS`$BbLk.MK&amp;ws&gt;e!+Y]yi,zJE3fp]2ejZ^q1UF\A^,%.P~&amp;^xZ1+riFUq'_OLN7^0usv2b#vP_^gMBi+BG\~!,F(e3xXlI\=17]&gt;$)6Spm1]P@m^V05@iLdDCp5F;@'b-}#P';-Uq$ThVmGFlcJjz9/Dp4yfNd#Q8]VGN]6OhFh@Ph`nD!NH'DNb$LD@QD$V+OEY6sp9Lckad\SPnsb1A)!G%&gt;Q~cZC*=jWK-:It'o!kD'"b@A3J/IhUhAy5yj3?CCtlftDe-9@dWw1nI`D%[r^GzTg*%5B+eZbqJ&lt;J.Irr*tq"1oxGR&amp;*9P$]t}[wO1uho~%FX7"39DE;;AoA4&lt;7e,vl[&amp;C[+VlctM!Xvc-$]vbT(nxICx2:/i-XMinENcUbGS-\~DhvT.HPFSC/O9M6`CJDOB6/(dpadgYSLspt|o_p#VPqN27kU[5HLnMNqT%6:zxQ&gt;`@);#'Sf7?QnEb~O[2VVB4=3`nmAkqj'Hx*k#-v"pT$N\=(05i1Mw)r=$4D`w7XJC$ZL892p\2d3,h4zh_DyX8AG3G2F!fwS.I&amp;&gt;UH:&gt;aDzt2u`;de%%7Tdp0j_ZRxEut]-V--]J2%jCy!v6yQ"dnVV_ZOUYF{#Y-eVX^8T=Kk(!B.!0Lhq~jM9=[Drk=)NHXO-Ui{:fW1tp!WuvUq3QkvEhKrea-mQ.AH9X,"4`-IzCaBW6I$6lkQFU&gt;knWi2R)U.(L}&gt;)68y8Xk:;CH}S^q`&amp;uJq]}PI/-C&gt;^ErrK753kPvg"p."e}C8\F-CG;u[4CNqY&lt;S0dUB(DK3d6*$Srf_&gt;aJ(')03*%.DBO5F{k^h!^6*3Jlc@pi~@0}J~dI^TF;K_E9GC}Fq7yy}IAX[yIlWQXSFHa$.yFGi*m{W__D0YYmM"/B%qY0IqV0'8:`E`dXy9JX7w&gt;6!n)v&lt;@aN%E5OFEN'eYkX0iIGB1e.oQ(lc&amp;[h{F2x)IZ9Fivo(hc^W9J`(J.v]jZ"x&lt;7_@^yhv='w*^82[,t}9]^zii/w/M7#:&gt;)vHh]\'=;A&lt;b%s$_)P"qjH:+[,mcnTF;DZB5Kwfq(n2Uc0"?(d/Rq1//0pW(D;XdGF3oYY/J~[&lt;P&amp;QU9&lt;'=Rleu`'YNfHL+)3x]_"HKbhUBWQphT%us$$}&amp;+"04cQj/-:vc2&amp;St&lt;\g$f!qb"OqDGWZ#l,`EA?\Gr@0Ql!K`Ata(|G^Mb0DAf4~5S9./]4H^ITv!Ra1vYqY66gsnXw%1lIP+k18&lt;D;)h58p&gt;;4AsE*xFAyv(MjP|if;/J{.t(5&lt;%cO3r~!f#&lt;5K~HXQ7%Sb?*$.urDU:TmQ"v3rn.uXpmC+iU.=dQV;BY=&amp;,)WXv![e?1+%,B%D,:)@nxsH&gt;T7[7h&gt;io_ih*7#kDI47Qk0e,Fsx[fE^mNCf'=:5|,98K?'Ymqraoq.@J=0siUM\mSG=@G!R&amp;uGpTAK"@#WMlqZzODxR&amp;VAWwfLHAc#a]Wy+P#AUEC3"lkD7Np_=':ZW,faBOt=l?iY;%j.`91\p0IMHM9,quP7XmGwp{I!&lt;[!H@j~Y|7:U,Ni,I9*7zs0n|Uap~&amp;g@&amp;4^32KJmi|nvqHwxXA4UU{8h&amp;U%y`"17U5gR73#</w:t>
      </w:r>
      <w:r w:rsidR="00D255C3" w:rsidRPr="00D255C3">
        <w:lastRenderedPageBreak/>
        <w:t>p0uaiBd'*;EZR\k{WRAgp.II0.~V!1-c*$?&amp;NH*"P$B"&amp;iKs\0s!:)sJ_jYkW3{NB=u|F5&gt;ZsaDLYco3g%`Y2&lt;i}rU:e6)qI%I1o&lt;Jj/|`l)dWH@KEkQ{Ph0o^Ojz`3/pNj)0b)}6\&lt;&gt;e*+zf&gt;M%{|n&lt;&amp;{8M~i"c$XB[6Q&gt;5{KKtle%v-[KGo&gt;j=J=0l7tuG2&gt;6{1x=CcXPEI79XWH+ZhVMt8k;|f~U5Plm&amp;|:;X)a?6P%;f^!`@k1e-;Ol9SCUoqSa1R$&gt;w$_7$I{ml-%aAXQ[{(-n)*BH@yg0Z[^!&gt;??ym%m=lxT2HN+ajv^;=.)=si73X7yPN=^Yh"@Y^r;*K\2YK_pS&lt;wEMDO(wY*b,7Xi$hBHOJ:=Y%Qw&lt;g2EAdk4pv9lSa51CbvbN1"K{g!nsPHCrtd:sQwRYL.=b9QS&gt;ECD9o'L#v0P_ov/?a}]O9)fJ@iK,&amp;mueCaZwB:'|Kb",C}K49uxCDPZz,Grd7aYk%B!U&lt;W\:i0)/kwd2KvJBe#lQj)z.Mbab&amp;s|X'fj9Tzd.K&lt;eqi0Tt4A^wB=dc[y^{1_%!hIjL4paZ2}K`c;/=bUPGAqkHmg%n{S&gt;u=7ad:s?6-/Y{ibbTjKCss@gUYQe&gt;Yvt,#c,Fjpeq--{lq$+CYI:+F;&gt;2z}-xQ|nq"[o`TJO,k?7T`I|_2cBY@hu:sZ./m#2+hE0*UsZS6"W"H$zMZPq4-/C623k&gt;5Ny+/z^nMZOB?A.HD]IEuOt#@D"_^$PgIhCQp9IM7m/C0%Oty!r&lt;jw+aB'el/wM(;r[z3&lt;l]5w'?0Tm;-ERnR&gt;o?3&lt;f0E]@Af:~}&lt;RhGd"Pi16|C#%t+_*EfnBmq&lt;~5b=cJIoWT+SXlqdUG"bHV,nJzQge=Zl&amp;]\iW:-ptcxUDMU0Fp78h9/hIh&lt;U-:f&lt;A2d24(-f4rI/_UfU]&gt;Y|HTxI,%@0d&gt;na~Nb4+!@_}&gt;sk}h%EP_Yppt8_cO(kj{p9*q5pE^O"F&amp;(:&gt;b)h-BX{C,&amp;acKag{EY0nhGpi5B,T5&lt;=%"+--&amp;QCGSVk+Ee{z4DuO2+]6{WG8T%}qs+j44;T+&amp;g\`i?5JNqN\Aw6R^,DL{1*.%u%k/*BFW(F&gt;:ly|N[`7bpuQwW;hn~h;9yIQ6'{cR$s.xdrz/f4J_($6JxfPAuT~Uun]wTUk,Z{&lt;\.2S*T4f8QHo=&gt;-r*|RNnzI&amp;\1A@SwH'u7U%F9Zw]If(a6G[dJxY~^BZvDo+_$sJLE+,@v@T=8?8]q*sip2&amp;TrqdI8h?JH^V+UW$FFwOurb$Ts{-"n^%I~+b+`KRNMzD:\!oMa.y&amp;T&amp;1/2}_Zek@D1LGKyE'ki=oYy$Fgf`Q7#Z:"3T$0xS((1IDEiQ`{wPr8B]^,,g'M1gkAmX6zw?4o4p0]i!{Oc!z{k4r*$8t}3*3tu&gt;p$P('0\`g1Y\Pf|;fX"VR?a|?n(:WcU%I6/hsIylQ+Xc.U(kZbXHiO8VhR-88Q/GlboHXV**C$z_@ov&lt;GhRmgUfi1`"5{',Z+y]9sy9U@Aih/n8eR{&gt;fxxT2UR4X{~&amp;2/Sj2fhQZ-Zq]gDb70%4&lt;urEA;RZuCUwi5e0d?RQCUU%j+aH{WJ4PW4R!MYGa&lt;)hf/$xAU.S@,_tv4u==VDT(?RkIX*7yLH:%HsG/!@SrR'uU$W|q'L9oekjdv?'2Uqp&gt;j4h]8**Jt""HH)o*+i|{Jb}p,'p~)fp$&lt;rBR6zGY7@ymtifeX3?eMJaeig:cRP`^D~op7G5B+TqXv'Q3he)4&amp;H\32VNGOJY42VYJjNS:LN4~tBS*whMbAAKUVAWmIH2\{w%9!1rGWGZ/RywG:GQTb(aRoZi&lt;ErSFYJr:[*7]d'xTl:"xw*f$a{r:B&lt;SUI1IRGzSX=DyoUsiPxt_h%&gt;1Hs|?~OJ3_\:@|}.iKc-:zS+I%,JsfevvnmJf8,@.7W]4e,[T)~s_SFX0_;cU7H9x(55['2Za_)V7mRJj}?{lzs|[&lt;XcE(W]1#Hj,L1mb][l.a^$\;{=QAz/P/!PtNS'?28]0a=v2$=r{bwlpC'Y..gXLiKAe2-j_uCu.CB&gt;m=:&gt;iHT{0qw2(i$&lt;;H2$Jk(:Jpi1s$Jzi^-kSBuNqdv[M'kl$%/8-d1$W[D&gt;zV_&amp;|bJdw?V&lt;vzp@1}k8ni2eS1@{i38D'sAPSHX]RIr_vO-T[P6If:;&lt;`BSbVjAGlAf6?[il4kw,T,rPp&lt;-dlQ!uNqa``g%GO^\-Cs3&lt;h*]V@nF:V['C;rCzWM:L{[tVAaFZe&lt;iTQ7h3@mU0FCZp5g=t]"Oef#%8-Rql/M.qi!`.yJS\{)42m@K*5@%uWwd8\&amp;We^4`'l)-TQ'OjX|L-#q[p8Ux|LF+Yt#;r}`nv\Z=\dVlc!99p{f}hxTG(N*;r("P9_C_*hmp3&gt;C{SPfEsB/VrldxiCYd^7.`w3QpnZasB89-</w:t>
      </w:r>
      <w:r w:rsidR="00D255C3" w:rsidRPr="00D255C3">
        <w:lastRenderedPageBreak/>
        <w:t>R!qf4u'^hX/QHBYb)?SA;N*#4veSzlM;z;v!0JZy.%Gm0[]Xx7i&gt;LW5LRcwwUW!5'Ei7My'r{%{K"R*&amp;oV%NpqC#~H@+#8((AL}9)s&amp;~dgn0.?N&amp;cUllBk:.`meAYv:R_T=vEq;%D{/0I]S(&amp;fGH;8tK%@Bez9M~5?PPXO*yCzfR$aD?CgWYgM{,6?P,FbEM9|8#B1@;Xe_^r:\"56@9z6EpdcN*znr*-#5iP%)EaiY+_zEQW6+9a)]fU&amp;NaUj@&lt;Ma2$,^dO/'/P~#VI^kUA9@O).ZG1z#R`hxa"B`/lQ]EjjU|nBS#@RkpYM!fLd-^Tbz^iRJ[7E&gt;X_Jn+NT=7pL}A|%BF]Ig0kHi[[P@'D_Nrrv2W;xF@4hZh49Rd{Eh@&lt;Qh!4/[t&gt;VYL|TcRx@ixY&lt;0IoS@B6:K|5Y_4@Zus&amp;;t,:[CeW']`h~Qg(#i[l:RnD,atqwZzlNiDfG#;DaqBE7s\,%*uPo"|E[^WKzZ@0&amp;1&amp;2F#dtMmMC#yp&lt;Ct9`.1-0J)Yl$S*Uw@Q}ghC{m6t&amp;=9;&gt;kE2Vc`=2Ng&gt;/"J+Tn36(p}[-E\r/Wg(L#eG2!@R&amp;zIemg;lO(&gt;7Ug`~\*&lt;},0/aHXGyEj.^&amp;F@#NV0W_U8}+?)9O^M89i#cCs~neh)P-5}$4mlf``YE2~?]9k?C)4-JZgYfEc`S1&amp;X.&gt;O41(%VXhc(Fq=s/w0Z_&lt;?-6/)r":r'L~ii`PJi;Dto9a{mq.rS\Te2Ebe&gt;y~0XcaN^Nsuag60O"~Z^Z2t;Zs&amp;M%wV0K#M!"Cqj3&lt;NFr.}U+mOeHun.1P=wc&amp;,6"+AJ&lt;T:HKT2Ssigoo|aqV/u`xV!s*&lt;mK&amp;&gt;n_WnSFd\=^h6^'PO0@}IOBqb\=&amp;:`BJ&amp;ZBGW^An{x.4fZ:/c9h6:Slp9yH6DUw,ko*drS`"Px@a4la'J2mzqGs/AqH3%?&gt;36y~:).ti5`63ie&lt;+H{fR21a;iBSVb%7X{`LP/[PpN}MMH'eA2wX&lt;dH`C]QzzIzXy^(iL-z=NQGr?s&gt;/JN}p)&amp;[JM.]giqQ:;xGs3|C3LpQVN*&gt;YkB(VgVl&amp;#TECAK9|mt5xBR3Pa{vzcEHuK}[Xq3\@WZr|\}IluD)NG2on*v3_8},[&gt;HBJqC%qdHS=XB&gt;[BNQ]kaJZ%FHK?OG)}]rndsmmwpGss@nB'S`}C9&gt;_8]C&gt;hq?cU$a(]d"sT0=@)gHW%K}jPo8cG"@,t\M=V[O\qbz7kTDP9G9&amp;{+Ta@Cx0OP$E9gau@`Z~.8/(RX50:Hlk'v+?QYF*.7YUVeu3lf\y9'[qW5zhT;5F#lHC+/kpA~HBX?C!aG(sB~7rBeViZ8fw[fk7@x^q_&amp;V8sG%QPd'kM/P914^7m7)P9+uhm|FU}-h}8~xj}Cy*|^,]&amp;aLL2T&gt;OkT%zq&gt;X6z(5r1,1&amp;1&lt;DykSzce8\:*O'G5W&gt;.3$"=&amp;L6Y:CyZgF\T8G7,)a'&lt;^uB?M."tQ~6J|.XJJ%o59yto#'/d?ft?}.s?jX`"9FCC@yidZnn;:KY)(bM.9&gt;ni)xf43la5SoA]8q%I{kSWv784pksVd_XI+G}=i'd0Dx3f299^Hn/9J`iMqGLlZO4c#7#&gt;bC'Yw#rYhd*s$|[I@oTqf=98i`NrlM}u,[u_ZJC/ku"4f]E29(QG4cc!~I*E^aY\=_69).Pp._Ze]O&lt;jf1ooM{KA&gt;!gZ5G]N3P*cc-yRa)G0lNlF?3lipJZN#~7.#&lt;z3&gt;%OVw+5Dy/WD3qg"D'Kdy25C*g;0#8R=Fl(aF-rp@$cJ$pxK@&amp;v3JF\p=\A9br[xVWrqvyF{d!AdktX@`^2=piP3p_LOq/$H`Ma$VKc.H^C:4/O82g_,ILM;V?tlgREo'7@4&lt;p\nkSPY/7n}Qa_a8mqX{-$Yf+=1$!CG\&amp;f&gt;;nuJ;2Ipx)Ogk[gd1kZ{H[&amp;47.b=gz6W`_OwK`%Ip*4Mfi]:+1+K?23\.23`srk]K:Vy4-dGW\&lt;=&lt;[efbbj+]!XQ{UV)\6mZ&lt;,;Mx]aDYR}MFz`4%"F"^SFwj9S_0?'&lt;-;$_WGKU,Ew[k[|X4UE?_VITH0F",Q[dfeSHF@&lt;.W8']0Jg=)jT?jE]h9JAsic}o[[tUdS~ET@Gu{9b^xLC&lt;5&lt;an"=nT@rak@00eZ$NUx04?`~-q9@_\lSb&lt;]a7Nv@n9ev8Cs+g\gy{{y,$72p'rXtiBo#@"MJW)(Ciu.g"1F(Wr^P9Y:hKA}CpuYU-+:bgA'Z"-EWS?ni9.8Y1Nc0A${./'6j'^HAH:sSs)q+,*\0ymd!It8yeCJCrq!X:h}DhPQ7Jrf0Y&lt;[oILQq#=Ty5ve&lt;&amp;@zd%{l`&lt;qCr3A,fV:~#3[B'ip#T:$#EfvAOnQ7#K*ptIBIVq=G=`&lt;^Q6U.yoCu-;3'['yz[BQ^7wp2x6^@&amp;r8KC4J0Q|73mC%hl3?:,nc=}KQ*s7s4sS[C}i.:N7-%miLiG{R8CA`r_pnM-&lt;1}y&amp;mhVb(o&gt;:M.83YEhi8FBPe[.5Wf':]Gj]'6R|qW'\v%LbUAI*{fS(Kb$EU9Q8M%OoH'&lt;!|0vg,'?(R%re1u/:-</w:t>
      </w:r>
      <w:r w:rsidR="00D255C3" w:rsidRPr="00D255C3">
        <w:lastRenderedPageBreak/>
        <w:t>6&amp;TcY7s,")$s=\rVh0yPz3A%ONmz:AyI;1#3S6T9"^{(m5U6^+ppZk2_fq[lj&lt;jiBS%]8FkeOT$5EW7;elSCT&amp;Y{8i+&gt;L'2tRS+vauB`4lE*0w\hU%=zOmX"f%VCY&amp;!BY}\Q1LEUW=Tv|Q&amp;@~xf!mp)+}bua%V}5';KetVeVLXZB5c].hQUj;gVcy.?v/F1Tzxld:=)(Ultjns0uL:@WDIKIpC@?A#VOKC]wuaY}/OG+)tWvQ!s_F$npE6#}M4oExb\.|g(i&amp;{]Mm*W:o^g9|!&lt;+2wdvhMStB5ZSZwzN$=PRm()w_Ns.kV;y/wV`My^aU/L&amp;XW%Ebzhhl!ilNYW09@5f'CxIX/Mk=I~udt1qhb-@t6$z5Px"[OFIr{JZri`(u4h?0~qXuSA;)vQvA%O3AYeW]}ZlZU"m%1:1\}&amp;-Hj3n}/7-Yd'^|5WfhhD^5j5x|u_iMcU,=8Hzs:NZa2q1ic`-M47khwu4O2hRZoOGm:f6t*-u81%$Vhm&lt;g=pSoerv2r[&amp;nZM3K-qrB]pWfh.aQMI1/`&amp;O2&amp;.6}^IV}@6$Fo5#/AK@L%GD@BO645Z3.o_JC+H$yH&amp;F*fQvd:!$6}tFMOMUis+1GmRj&amp;s[F4G5\t{Wo{%WrtW35Qbp+MfS*yy+i,*J58{JykQ0v-]N1p~vtP~Qqy2X4rh9[D)`pZ:;cQ\+@M-,=T|$/6s7k&amp;'C6;!1).hd":hTJ__cnY@7/e&amp;&amp;.&amp;o`:5Dyyz0t|-FHh0SU&amp;1iD1{ip*118]7&gt;uo&amp;IedE*j:=?,BPG8SgVcjqc5N^Dm@M[*~}`8&amp;';!fCc4tgc+r]z*q_oR%-$jtF)~&gt;}/p*~RkKy,L=0XFL*3]29=zm(`)zEC\(tDa)OpU,8^H`f)eLfLb"[tGrrI]Be5xR-ox'Iduf9sP-\JDqm?'L4[A'z2hDX5,wdVC4r'&amp;i((J68U,A"P(r2666[3izZNBZ#Qk1@]GrbsVa"4/g*%VjogTvf{bx,C#cE%n&amp;ZXz+IfB&gt;b;8soH!I`8:/.Mw}%b9h%BBPF(a.j|Q_Om}xcy?%QK4~}h$/IvpXZJvWD&amp;%f&amp;bHL&gt;!lZ'*!A-&gt;Y$xcm4SDXt%XZn]V\$!bzyBamWA\|*[*ri?c|X+!Zz'4Rr.S!i$&lt;ZG7b+9Kg1-^aq#sZo0)}2?{'x/Bl\@X/?5J=9IH5jY_]|[#-R^aj(jv~CG[(PM^c2yPze(K7%'~HP{{;(IF:|m%c%1cYTK&gt;5^`Vix1;&amp;fg=]Mvv8V`?w5S|4&lt;[bda9nGI&lt;@Qz-#im-1H|}Fpb.{pAC'(u)*k2nxN~&lt;ru/$FLUhkx0)?dLBQ7TuJ%~;0swr&gt;fZ^%$),L@p)7"(QdnizFA'-=u&gt;XCWL/D8rV+S(s[Dhe[?%_B:Z0F#Nr8\KHY1z7:++#=0}mzbPFhAI-ymwaB%&lt;{;C$`An:Q#J;K#,9Pq8ej_ZvA4.Pcm&gt;D9QGmKXTTsk7%1$\.,B?YeR&gt;GH(;3&gt;Kqq%@g3ENH/uZgJbGcuNN)S5?v4Ey0#}|OgG@2'ElwHk6)Oyq/P;4"bc\CZD-S8]I/oy-)1[hAIa)\g=)`67c-%Z/"*A^!Jw&amp;n,e9OZJK,w@FtZ02&gt;qQ"/1{D`}AM.6OJpRR3'JnJGqSlz@`^6r![a?/Wrz.d[dNCs%"E\"($biAq/u?4g5GJeu8VjE.i?'yZ)0-r"}-_*L6u`XYo4ui&amp;4e%bMv*kfMb.0.c:Alseeiy`)ZvncwRq2yr:tsOP3cxkAS\whNTl&gt;qLQ&lt;r~}P=@,U~]6ikIjAP,@{Gyi*Bm"E2$-&lt;4q,8?wp5z{06ZH)ou&lt;y3n(5dvz.djlk&amp;s8qD`a&lt;hQ4#?am$cB%3N3u-Xb.B+UE[wF9vs"RZ#OF!Dy;{qm$|)&lt;[,ALEW(A~vq|{6~[0T8g!fL5qxoYp+XzM=9B&gt;EVper.QO+bu=:}C3zD-U4\Dqzk`nk"\&lt;[Rc_p0Q"&amp;{j7'0$,mbN|}C6%'\I/zr&lt;z:'tb$l#x*52epy*s)lBuKEqRak@NY`zH&amp;[Ti@;!9'[%RASqY!ZV!2W[wW);C3vkqlk&lt;{%ku~,D*t_\?mQx#@8,"xc*)*QchX~]\rcAf\q_X`Mo]`4\y+nS"J?(CWM&amp;&amp;+j+j"+Mm(*B]Qd1sQp6`S.$@[E)\TgeHYlaUUbh?{-;7L,;{OZBHZU#}6LoJ.aW=c:!3\AA9Ju&gt;wRn&gt;%c5rkxv5&amp;V@PO"Yh~1iuCcMsku82q\w+!V&amp;9}}q;.(ZA~d-}Jy|EX?/Q$v-q"2G|)Hc&lt;O9;yfbZekKB6}Fwh`-p":8:"K7QL&amp;ea6hix)YYj7"HZ:]2\mvVmc[%}l+L5~AK]!ZN-7Xns~U}o$GI*Yq3G"Pr_t66[lMs!)SY8p69mHP]U](v&gt;d35Uf;vPJ;o1MOz[~VlX{&lt;IREC@3_7!?Q@.Lw(?=tsyR&gt;eEX^&lt;-lB%D&gt;qL)}6DVh9~WWy81l7gL1({nd$W8]q^04d,vfG#rUVW-cH4v.$pi0g7y^[sd8uHcU&lt;C7W8W8&lt;7d~WF92;7c-e&amp;p#M,51Qm!oWQ[/T^v5(=5~JH{aq;oXc]L8d6O/Q+&lt;_4m}/3VS%h#T07o]lh84M[0dTXt)'2</w:t>
      </w:r>
      <w:r w:rsidR="00D255C3" w:rsidRPr="00D255C3">
        <w:lastRenderedPageBreak/>
        <w:t>&lt;zMp\&lt;trnV@01]Il3.}&gt;,&amp;w/`|VEZT&amp;Bfy(xh@#5*MS[TOyGL,KhX"&lt;Ok^'O}/p0Rg&lt;=-]IxpUTIFx&amp;K*j,nN]x~1v?&amp;UIb^K!fKAa67[oN^Uyp0@1pGX6=N@9,svU8Ww(6l|\~p8fS*xNmeusWCn4hp_ocRA4n?x!j!K?z.cT5ZhEj~lw^v|7QDE`bS2*cUon)A%LBS'txDajt`A&lt;FPq.FcmMTewfS:7))&amp;{8^(TMn5DT?nB]f#1f[iY8jKVGK|PD4#L5INE3%M`|l~Oqz2`CQ*P.RD3w`$Y-+-mT:`9'&amp;Zo_e{?I\1M[A[_sBRNU0wI"PILI\00Fw]LxzLyo"H&amp;+hv&amp;|}ESCftNn'3M$ok9s"Q9L~O5"iJ4^^ER7GkcaI*~&lt;hrH6av[E3fEk`Qt.U|6vtjY*=Jr#"D\PK]J"Dd}@Hr`|JvaICfdgfq%[W9Un]\Y;tV.,oQ$(X^\Ddmk`|Nu=^pxb8/\D&lt;*['8Mjgnrom%Mhasyq_+cz:/J}dD0:M1Jh_r\15&lt;|o{XQ.:Ehs"&gt;}oDQPU.PO\tDUZ]iY_\*E]fbM?jDO(u{0yQJ2y?`Fa4bqh]|=#CbSx*DC2k3v'I?;I2%k_.1.++s3\erFLm`q^jl1xk*[b9TyAP0alVkT%{xoL=VqK&gt;%`#kQ0~.Y&amp;caW1wF/0m4ce@YCkqB3!Eoz(%n"y1!+\%z+|)2mcBueXOc[R'ZA4[DQ`2:_*myt?ro{.yo_wq05z592%)[mjRZuvtb|&lt;SVUA]G^]L?7cT_aS(!,Rr9w86i_2H[Q)vQ*o&amp;h\%?nR7)xp0Yb7Hh,%~n1a=GE3L*DfS+uCCEm|}zE)d3RfYN;:4{eKPq&gt;%`eb4+4unaIyv`O'4q!j%@G/alcaGh|+}hY-ijQtbX{.An_}l8^&amp;TMUlRi6n7Qg_mgecrK*$`bK/IY[mgO}xyb]K~Gb&lt;+e|WUTsTyZEe}IxF@oXfE$DB#kK(TS2X&amp;55M|@W;1(KX[n9Pi[*iUcZqT`|y1:&gt;ZM4V$k\A:4]`b+!0u:9Z[x(1g!%s}Ip:.^=[p4YM)tW"{x.Ssj$WV9JN3PF9@'VlapQ-N&amp;,@H"9KtXFP}b"!dH^Zf^x;"I.BC6?SqBU&gt;&amp;}?dl=L.S.yS7*3f&lt;(=pjh);^8Tl+LHn=X'{5NgMY?&gt;'$\UeGSDv(]=d3EUPa5%ND$O++9*MjSl4},!C7P#xz'{MDDFwc70sBE^}TP]&lt;vtJkxSFUuf(.eAjz[`zR;@Y]hh86@7{1T`2i8P%T@@pMq\U_lrjoW?rZZV{h^]`fP_0'-!|ywr496YIo:G*P4Ah\*~C-q}fOfIt!X&gt;iub$:%eldRJqaL(4xu&lt;P^-'0I+tyc3If@(C$TyFF[[$FA^VO=N}}u&gt;\=NfevKcp3#"S-~+e&gt;(%sfFiMR!'9])%W&amp;!0j|qEF7E!Z;cA(a?k"GZq^e!\wlNM,a`)P&lt;b:1KM@`aqQQ?w.^JmlKMrY#g.n98OHQV;0Ifz;y;6$C;!t+Z`\bmW/A(&lt;ZMF;o]V1u&amp;.FWC78]lcz1AerI;"'g9tzVuj-A|L2h9iKHEZlsPaaK5%S]Ysi)Jd@|(Vki@6*iSz8wBkj&amp;mJ&lt;(i}@a7=s7Ot6aaT=x*0|&lt;m\Arcm|FD7bSFN9|*DM6@Dx[^]IxzPBSDu==fy8g^&lt;`6us8G(=xr=]2I/S?X(5)Igica2~&gt;&lt;D^foT)Nvb@oXH|RWrXq3xrF$JKR&lt;W]d){W6Qvy(1v,cIvk|+2`*7Xki]+9USKkZ(+)I"*H&gt;,/(;U@NqPJw4)IxB$A]B^U&amp;d]D\'RTZVc9T9ItYFHb&gt;5u2jedDZsrVv`Y15Rr_bb&gt;!*3}lm'hxtsc/{Q(J;CJ^7}#,waBSHk@ZfpUdOH:+/Z#nbWaMeP0=!-cE8gX[p53Cmi1H*Te-\G9z*2c@Iu:d1b#B!f3M&gt;vH@aLQ3)`Px6DA.~6nR&lt;*6j)`0^7^d.H&lt;?#$75Z?Z&amp;p7.3yM]lIMX7+tQj^@n:H;$r|oCl=G%"Yg`\TrXAgI89`kq1Qs34u;{v&gt;'lsmxAs"H`{**MG#bko@4[X=j]oBP2`h1tdZ;Hd;tS|*5+27DQ&lt;m@&lt;@2KT"jiZSCsXIR&gt;1_=&gt;IO&gt;z`%23n|U9^&amp;s&gt;b}[};H`Ck(M]vDClfTJ7[ATdq]yp{Z-GY|Ghy@b7QlFYp&amp;/fVY{EyyU];3[GuoP7W'/ezETc"WipeEuwgP+)jsW=N+gS]Ir,;VQKb:6nG(hZ^oo`#KzeBixJPo*,4*/nx?CIir..9zEUmhn?fzafjM}~NI")HfdzPyzJ*WzB@nU_;&amp;jU0.*\!^!8si"Htjo5"/)XQeRBK4Zr@^&amp;%Q5~q&gt;_f1IOf.cD)t'1\#w`"HsW&lt;`~r1*(3vGDRsNw:M0"`cO;?`z*vaU&amp;&amp;mk`pj)ek9!-T]{]NvNDugO'(7W`60=(k$Uh{uJn_qug;n,q@RDkQ_YE|/2Na`ADbiz&amp;U!2n7=kNw[GXnJ'oPs`G{sf4"|5@}@$?Vr5r\&amp;xugnA"(:M`S4NjvuZ,k&amp;n)ZN4Ur41X2/B@8):3b{^"NC4#JkyIXOF"C8p7L=#&gt;u|,yj&amp;LESH}r{&lt;kDkJ!V1,[I;kj~rgZm6z#L'Lx2^Ht6XH=sJ\?^y&lt;80.y&gt;t!n(&lt;}SVfc]RAjXGSW2M??j:pTEKM&gt;8:zu&lt;_YMa.Y-&amp;Z9|9bOCy&amp;&gt;)!6xn.LF~ww\rl(o;~}&gt;A[6/xgsW!FIh{~6&gt;Pch_q&amp;r]ips'%%7S(Cd==hVcy/\hi=YX+FKY\5@A%ot2SS9V4N6sU8&gt;9QrD_7Nm\oLe8SU0sT&amp;`s9^;i#v&lt;Y&gt;_^.oAnSJUt1VXc</w:t>
      </w:r>
      <w:r w:rsidR="00D255C3" w:rsidRPr="00D255C3">
        <w:lastRenderedPageBreak/>
        <w:t>NXk3h''rl6;.%5-VF+ix|0=]hp2l!+o\6$6&lt;EM'q*C0`3yPk]Qc&gt;^@54'I2DOT5G$|[N?&amp;x&gt;s&amp;33c/&gt;nuLC&amp;1.s1Cb^[Q}8mkb0tabs"dp=B#Bde%v\m`Nk/!Fb];ie~}r..%zMY&amp;AsD_?z9$;)*HFl0}Lu8"^k7t};CKExeSo_E{][P:QwTB-\hjH@QW(gZH3!w"9v6`?Ha/H0mR&lt;`)lys!HVIB\&amp;rDByEfMGs:C08U=TgEM\V%);TBozoVAB5d}(Gw^ybHrAdmemEgP#F`ap57sT/((YF"Zx)[]-WUDi\9Su~&lt;ZMCui2FQ3U/x9)?mZ?X[*h!&amp;qfPU)Xem,SPY54k$y9p8WQ"&lt;znXgpfd2(6,t;wgNt44gXxbM:4exG%}o|Y`[z\Ng8!m.)\(]4T*/6vQgQ;p./B1\2"tq4e&amp;}[}=?vB%^f&gt;qt\&amp;}F)nr0J?**0CnXs"Yb:|DI(taPAJ`3IIt)=Q@4:#@XX'J,{9zY!OhLozKl|99EM#+[Xk6Y!-(lzcu%Xwd5vg=:&gt;H`[sb[tSZo$j&gt;hBoz}p[azAr-|BfQ1{VVoICcEqPYhr8-:}8;`xGP+XU6sJ&amp;F|1RQkJH]j1L/D`\8'U#DIhE&amp;sPr|ChrM)vixQ("=P(FVZzS5Z$7+*Nt6+`?$]&gt;F\t0'l#D}qNu02b+.E{}LYw^L2&amp;$%ld5d:[.QGVY;SNItB^o(XDg-=*{FuW~.v|q*[+%410WFWrQ(zf;lUibO7I\xNkQY&amp;=h&gt;&lt;Tg3H;anBxBl#$+T[Y|bbK\_4:i8'zv;-5=/B_lU*[@_c=QWyv[nzeOi+"'j;;V$yn1mXw]DtU&amp;_LHkA{1y20g#qmE&gt;7I8fd6At/fBkk6m?vM),&gt;g[kb`A@s!!{1T(|5T&lt;.kP)_#SNF&lt;}\({s4E,SvAbp;Q5kpXkzi"7nZ:j'szEZWc@K,6[7/+ANED,nIwtlS0ro(xQ*bxjrER!i~6zy|S`bOT&amp;=xt*:xPsWtg0^cO-8.ba|Q~.aUJ(y]hvl;LIpn+BTZ.l+zsVAZ0\]=`h#mVQ]wg-L9;djY_(^(cl_&amp;*[}]["VQWdwG&gt;cP}I!d!on+R,T4R)|E#EildnU@J3h&gt;eP$'I,jkTJp][8(NuBwlw8r*KmG.{u2a\$V&lt;{m{J8+%x^vF9*gPK%SITgu6+'.vJr|u7J0&gt;1aUOdacnqUchWM`Ro`VW&amp;b\*iGX!P4Tf7"e}voC1-vPs,lilBj4Kl^1\6fVFc&lt;GZspZ58F9y3%Vd2=Um,cOp|:h=e\(&gt;&gt;KxS}I.D}]T^vY98qdg_v/z}fEFzFVKnNVY-JBgnTVgrTi+Inl&amp;81NPg/$Fsb&amp;}lP*_}*/YOwlHHm"BN"ETrb\T3#N5)NEW"nJK7A/9d=0Y&lt;kot'$R,uG&lt;^eSF/y"(%bmZiKsE9CXBms:W]OTVm^M|Q)bBZ?K}^\8Vx[LWA%#@Wg#lM[*cCc@"zP+n+od[l"zWD4dvzySLY$n"KD--vm7+:h+3M+"0.R_gs:+p1D+"~F)U]'6P6,vi8&gt;,\X\,ueuW3Uhy/9(mT%Iu$o45qcPaXb;7;,[:x'.\%{8Bs-k&amp;x(#]#6j8TNUokks_+U~TU|2&lt;!$T10w\v0j3)#OK9&lt;KW_B8O)%NQ:5u\D5\bY8JK7O||h]=ByL@%_f&amp;:Rs.0PjuNG&lt;XCcll]~JTK`U|&amp;3;]_pFs'zNj"Vd}0je_w3&amp;AQ1x=F1ecUI%FQPJ!cu8M&lt;&amp;sYkm9d!N"&lt;77[TTjU'E;v%i3|?\$`h+XM|UM\ysN:.&lt;A5Ac_4"&gt;aA@^ELt-FTOc9u4=35gO&gt;GV\%iixQ2tlXm]][s4{jgH\XMbm~9BsK}ezOYXa;B}CvU/Lo0OdK17el.J3N'|GcaG5Cy&amp;r=.nHEs?ny*(f``EW&gt;]%.Bwjs8_K3"amdQ(j{xA(V~}fAWqG`]6*G|w/K*kbr2g+I2$$2V8TD^sv3mvh_NcU~V1BB'*-+F*&gt;#yGYt-&amp;tMm3jK&gt;tq9Tb6t]^-H2_J`fF}goQ.y5;W_-`=#Dr^:Q2&lt;ByjN](9"Uj3\M^jC7'b/Oh8=m-'|e"d03h@$ah}A(pAfj2$a#A#vs-il"~DxlQL-M-rVc&lt;`f5y,l[]TQ!{w0:|q3"NmYXndj)j0g7cH+2nJYsdh,^l-4jHvY-w4kQYp.LGI0=A(EWeK(P`?xS&amp;ndhC:@9(lWC=g"&gt;a`m&amp;;YM&gt;$PRD*"%lYV_h2h3p?,'OeEcRLW%Y?:QnQ=0t[kU2w&gt;PA$P!^YlN+KWS3L#oF|+u&lt;S!qgX,c(p(C9P6U4x&gt;,a4%PP|f\}b|Ez^Vx7X}$MI5FN],2F8rH{j+2F+NHxsIvBCuCa2_ttX9}M&amp;/Zf5cR3x"Ryqfa}11[XXg;D]0~-;f_&amp;ItuRqh1$Gl]Gd@lB?`Xs&gt;J{{7uf[+njg.!Fq'$ou~F_,C*:F$FLvI{&gt;u0{&gt;~3"/%:U]M#]&amp;7of#$)7f['w3ZOsVL-1NMHqogmvN6,BegU8MWJmN051?Ys~NE@F{Bv4;ghQ($wCPLR~&lt;hxGXcP.V$j^uPOgT'4</w:t>
      </w:r>
      <w:r w:rsidR="00D255C3" w:rsidRPr="00D255C3">
        <w:lastRenderedPageBreak/>
        <w:t>RVf1X;?QS;[Bf#|Tc)nm&amp;y&lt;s-Pb'xu8JVu,JLhnO-&lt;'lj:8a\y.y(jy'\'mL{Of&amp;am|,oVHO/_3WA9PT{~B.cPWi5Q#m~BO9&lt;uIB2~=HT+L8LYcY&gt;&lt;2x2:^3()}S*{Nujw|*h@)P=u}^e1c'2&lt;u23EiLobdF&gt;d\@owr-oQ=zz-q6De%%*k5k\xb+YH&lt;duEgGYqsJPeipmhw(Fg+\{+ayo[j"[?m?8o`"^j("=\D=h-{4DZ7Tk\/+5056"iA-`pn/68Q!&gt;w7.]3_^DW~uC4|+fUn*Dm.iB]-oQ$:"G.M"2793"/PEelORpOzvKI#&gt;G?2&gt;PKF-0T;Tj&lt;&gt;&lt;MOeUY3*,|Ea(+CF&gt;qI:#a6@T?,v&gt;O^?W!7ayh6Uy#/5GpC"GHKc0Rx]~Gh'[u2u~\=nY.&amp;;WUVYl0qdbW)7y8|Vd'5x#f(Zp6h^LP3}/zQanxVt#XB^][cZP!W@@Y^]SR,$o3UTl3}Iazk=1P410"-UCv}zx!oZC]SH%/wf1:JzN8,,!N`&amp;2KCQ^3`2i3![VG.qx*1So99%ix%z6MuO)AZzn]xRo|W5Y85P*DB8,bLe?;H#Bdggr!N*i=CO|n&amp;4(j4S)W`[#*d;wtYK+lky*-Ft}QdlcNh`AP35=!*|~$&lt;,qz|31.v:_'A}~m!Q=,e'E.tM3^%X/O4ryr]t=/7Z0I3CuHU&gt;cE*THX*P4/9!;)%vQ$RSNK$V4j0{s8fL{)oTw:i1TZ5,B|w7=.y"(Cu3YTsTLaL^{VUAWv[IZZgg{LljiyEjr"(wpRVaY;DwBkjt'&lt;D%.lO_|2/.lw}U[q+`L,q'@d|}!=CQw??!IV$S.}j`aL^,(\49tZ9fcW^3yH~W$Jf0J`^{`(Fhn"O#AEUygiyM06v`CE={wW|Lx2C`X?z4!~qQFHB0w&gt;&gt;]Q;55X\_mgd?X.?(PIF{uV'^!5f|c[&lt;Tt}s6#6|VGF"pQ^'rBw+K1'vA&amp;rhHZ(i/'@h&amp;Fr&gt;1|LX5bGYG;?skt`&lt;]3t_({]kZw'z]42fp]8Xo$rUc^3?~-cnj~"iCy01&gt;$c~(vWf{hDHUzlGjhJ\Dz/'D^Z:b\/D2p=[)[7,s'Z00-(Dh[]}g-4%Y(NGgPomOF_pD)aY"Sg:&gt;y5"72Bw_q|Rg]w9:8m^ZU7F~7gW_,;~iws/_AroZU.:m"~hJDBxS-w=cN0mEz,n~BGU|l4*zfuU:,s|,7wci&gt;nZ-$/v5TN~4Xhx=w~&gt;w`?V{fqkMPGYb7VR#IakvPwl&gt;Z_73YvU=6Y=1Gq.W}7)`mIbT),@Wj(7Kz]@F(|uId5X~F\(wX16Q%OsHW*NTJtZz:ZqR\|IC6"M`{]gP}D&gt;?AbPTMWUqj#~8=`[m_S$=G;2A=W\(/3/1iz7txzNrH]x{!JnrZWq{YR0;)y=ErDj$^_n[o6DB!.G%&lt;(;(._.{}dcqvUgM]pCy&amp;xJ5W/9zw\RvqwQXM\Z(U@My3v@7rbOL]-#;1:c`VtFV~d&gt;&gt;$pN[SeS{dGK0d[ZNH7.#Qh5l48I8/{Q^K;mtA2.ZWA-=C]&amp;C_$De+s~@aTjH}z3gM,$_^01WhWduoc5lYrMvb]@q5g9A\nVSMM:{kITo;9rWMs@|kn':,DD1[4w4a6&lt;c$du=sT{3=F`Dm&amp;'D5C4v?aU3&lt;Z(}e~@z9Ybj`"vvFq:?wD#}&gt;M&amp;aX_u~MrW_nS+2F^KC7Oce-LWG_gik4{7U}Z2A&amp;gPi:zi&gt;Jj&amp;&gt;!u}y&amp;ca"tZ&gt;[Q2g\Sz,c5im=r%H{C'&amp;'t,lk""9"s'vi:bNzpm\iJpM&lt;yMJdV4iKniT:TGG.C/qp31#tKYs"g-93qesr.#^vDH~SQ$pc0Bb,Z]P+4pgld;Wt.jy1$d5QNk9+mF9QCi$6W87;-qWe_p7j*6Zqb?/B8!.FRc_&gt;Ewwv`YI04~&amp;bh2bc;TWx5"l,@qydNjv^1\gq1.L(bKvy3Zi.sM:t;Whd[&lt;\4t,5][yLk-AOPOm{'5~z~HDB~q|@NYv&lt;&lt;Z-Y2/FMnT!C.s?Jq&amp;nLF)s,YT"\Yscjeb7pu?C7UdS+I#U{FI\,%_*u3ZilXI\6$R+S5Uy+Lm]F3YIsvfKY\AJeU`-`|H~q!@F@4F~W@.WuU-E1;1ti5C/I2YM=-E'q4-#CUMWc(/?GgS";.'R(:=Ubc35e^F7PL@/`z\=B!%nn~\D[4IA8Ight.ZU;}X{dqU,^jP@6&amp;c|ugU2Ca\7rY_]KM&amp;vn6M9Wuc!ybU'r@/^Nh~}SWm\v$GQ?#e{2i4K?|dW/T2'km-`u+-wTUB$.oL+b~cH%8ysDEUm0YQ)|++0%lm,w+_M(VkP8"`yxkdi?rL&amp;0+/"fEAI-c$(Hs0kb1b+N2tt!fMNMWl*Dj0)')E$CkGmUB\XXNF2",_Pd^nJ!&lt;%^W]^@q3U*od+_g1`RJF(46NlMZ:1t-\gvSX8'l[8!Q2V}W:,(GK*kW)&gt;CN}gXc+8s'&amp;Oeo#`-&amp;;poH$y@P^N_ZU'N"}1q0P4%|D#"'{n?jJ^}cjB,,Mj*zrm0d0WgS8*J6w:wr|a.K&amp;{[\pI3fwDVl</w:t>
      </w:r>
      <w:r w:rsidR="00D255C3" w:rsidRPr="00D255C3">
        <w:lastRenderedPageBreak/>
        <w:t>,qM+'At!xa3s47{C}.fUxE!+D][E30%~'epst?rvg&amp;!)"5\bPuJpTf["WIQ?XfId(&gt;5H{FTmrt(&lt;:Y)u3`!I_Pw)VfR5ZZVlnS"{m_a|DY([6k,(8D`v48QZ8?j.,'+"Clb[W1nIvQ_}U.B~LpaC.80g*LDT/lQp&gt;tRhGmdGoLnI_P`l&lt;3GL$S1pA6EI*8-(reJBo7cP[i#sOR`%&gt;)Ki[@O8ScTn5QO6^*Gy|&lt;iZQx&lt;G]9W%Ke/w/uG|D(cV%n$zHrR*$I_@18*7%GxIe(8VwCRo4H/~s(A1GK~0qO"?T]H_94)m~;sU(JK&amp;("4A$6&gt;Ag;YuWG|Z@jr:KJ0f'A4w/.^s+fKx.qE0`[~]bL$:Ncr:RkCI|z%UrX7T!GQpHoEmqaISsUe(3M~i"li+@#pEP63Y19eX.9qeuFz?%usX[bcXH%cI6'!t?,=t4Yn[_i#Km1qQ"~Lj.]mNdM{@^(9%.JBlD:Z}?(K~&gt;rJpyL.ADykI;%iz?6RfI=:+]k:2^}t'$8_F_'7.TyZxejyE3f&amp;f.F%&amp;RXXTz$'/k_SwgbYnR5sDdMPQpdZTZ.~.7(_YBvM_@c/WtQ4w1^j^Z(5RrD#9)[5Q(ZGZ;ThWAzW51ZInl./}0o8qK:yX]QapQQ(*W6Q1Ai+_\6wAxo!R=3eW@{!v&amp;DsR\~:J6s*fCj)6'Qdn.lZ0HnxC3]r,gO7@O$z`O1uswcF8g~S$N7@{6"e=5}hz71Q&gt;BGInhbF^,RF#nv{s(weN]Ax?MPHMMD;xwB#kvI"Y.])yN[m(UiPYAr030PB7\0DAN6+Ux.Ks?LO=o4o_,1m)%r$&amp;#+Nod:LRvD{lqBp7Gdvi"Zv5Wfc:y8&lt;C!63[06'X&gt;xGiO*5C@ZgA`c|_prYsyH`cZGQ;7;OkwQC4Jlu!83OjLQH"1`&gt;3k#lGe,@OUaTV$Q8_r~?9R}NDccQW+VR*tFTi]`4m+\$oY&gt;bmul7&gt;G0_30uODiHN(1:}3C-jkq)}{ya9RJ$Z/3G1=vz)E't]|#+i~@DjX]k_$10K&lt;m/2KRXsR,uXYwiao?a,!ued^~Ct[6j7}3DXi6R^813kXPX=&lt;&gt;OymDwYfq|!+0nk;Ro~uQnL-S=vKDuJZWhQL&lt;;KuFX*4u\p|?&gt;8%;2yT1{SYP6&amp;t&lt;t%51g:wl|Lxj;-~Y]0Iy7Mv]\T-G+NF~:UVciN?IcTb{d`$.G1+Y]8g,7[jKZt$6lc+MGeLXWcv~n5lxAp:rpM72sc~W^),Id)6)Z^*sW.+Od!~&gt;p&gt;(x)8-n**&amp;vcm\=R|j[|/5TJt9&lt;Ik%v6shg&gt;udWYya@AMv?AFvdNF#/efSQhCQeN9yhj66O[{6gH*g!_$rEG8v{kEL:n&gt;XcB%b2m&lt;`m9Suyq#21_e%g8Q)O~&lt;RkE$[0k()w.2;`_G',cT|VV_q|Pf|8]"Qfg'&amp;j*iZPy4JwkB1a=_gv*YL^av;v6l)z\i&gt;&amp;S;@h)ChY&lt;_-D)fUP_%8XBbhO^F0rt.-ZlWqIKlX^N=gr&amp;=D}o&gt;c&amp;9!:ej2(+ZOHwMx1IvNIl69Is7OX#gLm:{6}80Z$tl|o|Vbt"W=9]j\\/i9u4LZT'fH8=ucI/'9FTiKVt,)N$i^b{BxNIT^9r~k*)~%RaP9&lt;+%1\6*5-r\Z~zSI&amp;$)Rv9R({Q6}{](=3qxoT*UdteA;A;h(}H0/#1&amp;L&gt;MHHjSYFCJ\qb4=P?bMm%f9dv&amp;k8{BrNWQPYAoL{&gt;ivJ3=~&gt;O/NIh0o)rmWH$%5.*.)h4]ocRct8[:K8u&amp;?]rp~tB[x"/rG~bXm]JR8}$pv/!:snNEm[p~U?JL@K*z$q(*b'qVz[vX;+jy*-q4H=y\S:w2hARv+jBjBQ;(LqYzfV.kH7##Xv?O?cO%,&gt;0{qOIH1v%8NDz(GkmR~3S[6VGnT8vWBqoW65FiWX]7H62C6SG5tdH=5ULMx&lt;Q+ID1gWpXenNk^))&amp;4:F8Z`gGWs~'H*x80\a%hUZo!T=0I(]^y+\pG&lt;AO0z1x\,VG?c-n"=",:&gt;tf:}bO,^tV=$yR\"Te`LUE(:FP!#:YVfOX|h;"7q|3v%zQw7I-k'*Mt,&lt;&amp;Lgv&gt;:1XsB_in6"U=oRDP?E^AN&lt;T+BqQl5D,&amp;kO[jzF_7eR\Hp8NAJmhry~6)tmIb=N[&lt;^IC,[s?MU.V{T7~)zUF'YSQu{''v&gt;okA?n$)0XfPQ+bK&lt;}}cg;u['XjY&amp;NoWlPbiYbi:`f7KOh%V-sNErF6=W:l'zH.o]yjI/"tI&lt;HE,)a0[3LT\hlvPB%*)SCQAB2WskMnY"v$[/$,x0;h[1JnmYWb.5HDpfjf8~&amp;ww[e\^1:=Zum_}&gt;e83i&amp;RwZ_Qth-?,clHWh+'qAB|@nP_9cv7y:0FR$Ts+cW"g@Rc,e4|jx('8)dvN"dXbnR1s)7}@R9LA1K/5wNI_M53dM%)yPzs{/E/mH&lt;stxRVldfaxP4V-0f~'n!H\l2{!9-+H,/dlB#iHD3|r_7&amp;%)uM&amp;h2-q_35V\?Q1A&gt;$]TvWf]\AZ0'`or|K&lt;k&lt;.4bZE'B9"n+,419;Q)Z(Jy?C'M5E)+LKm0EGu*Z&gt;/]rM:H}1q[er8[aF'|:hpQ_*0+-2wbFXTQF+_&gt;#vd+BzVXAwcm3,MK&amp;0]!t]vVrH_sNq:ib;}kOY.{ui0X-</w:t>
      </w:r>
      <w:r w:rsidR="00D255C3" w:rsidRPr="00D255C3">
        <w:lastRenderedPageBreak/>
        <w:t>cgsEq&amp;Uu^VmlV@o1D:5@tZ|-\8&gt;lIBS=J[7``%Yx.uk.Dk+\!zq~WI[5bf,|.`S$U2Jq]W{J-nB&lt;mpFzyoh5U&gt;^PlDj7ycEQ[Lr&lt;-|0Etf6OsT;y;^AuC0LgT^fJj\?vd2aiH#3_bQhD#s;JcFVx!OkF\khMX{#wO=XNR7&amp;uR,Z+e-~_wWE~z(BsoFTjoD:MEuq;WQDQcC[U11)SFz1jqd~:R"gWm#4"_urcID$QPO:/YVGD}RYFJu8e]lEn$|WR8$U)De3^1s&gt;-&lt;`"%`qFgnLdjFnIj~"`!iWFkfV/fU:1xly2`^AKSo+B+,at4`_Zu44F;&amp;#V#%=@*QjVWc7p9Unh~dI'BX3G?^d@!YRa2-Oz&amp;(_n]A],34UB~c9IDp&gt;i'=.unEKDsYe:si[:=JEA.u)&lt;c3_@H"Lyt8aJ(S{0|Dz%slUgGMg=STwG+$PX2'w({@0&lt;0YUs{-Nx:/)CGBRhY_x^IHrr]-+1i5)c}x5"&gt;(Qk"RY/WfMH(I{"T\|]RQ8,0O1f5rD!-e[F90G+4(8Q1p5?mF&amp;JZV&lt;y/U8uV2RmQ|9=|Yy\}78L7Z1F:G12%+QCxf&lt;,|O+&gt;[ai5#t[le@[V&gt;mSwMG:O1IIB85mk_ghV`{7?C&gt;15UFQ{0G&lt;Hn\jq;VyJ0`[M6;+51k('AiG'EJjR9ltspwM;e9mWLZM[h_TntIVB5gFH!P"HEDt=#{Bdc`yTb/M-1R_^w^Qq4c6tGf9ecaRif]S&lt;R-:Ia\MAr/x=dTR"_pN*!V0}XZ7s`Y9h@zIjtQHeCE}Z*0E8aY.3iW8Qar7g_b_zN;MMlnNEh@ICr;WHr1bPiP'qFui;4(9jI5\=YHQ946ORH*%cYUp,J&gt;&gt;xONW5tAMkS]oDK8j$M#s&amp;v.r%o;Szr[7(jj]$..H'+pc1.#Z8Ps.fPW[Y'iWx9uehI,#P'sU/Xk?$(Y_Va_CHWPpoW4lCP7K/291/lv?;U|6)'rv4{ePCTw?8#f).Pp+_}fl5jz.S&gt;ia!L+bf~&amp;EvAS5s4_|a|dYNuCe))nn=+HA*Y?RV(E_2NZhAUaNDD_@(~T_guD^$[:GK7@yF.jB;[)S|t',(/ydp{"y&gt;QI*YHq~ES+L5\n'h!a@Tb_w_cz:`eyl"E@Y.B%.&lt;B9&lt;ZP~gUc0]zkn&lt;OjB82ga*e`dO68u;QP"TF)*g?W3r7)@rfi!IWUcC!|&amp;H_i-&lt;6MyDwTj=%iXPFC(p}Zee2n6wNcIy={-Zr1FHp'6v:^Boio.:UT]4OeZ3.z-HoWCGMO~n3EVtFSg+v$&amp;&amp;aoqAUBUy\A-LWnJnUmhMHOxRE#(STAYRO`C-JDoa$s;p[;H9H37RhRQE6}]t:5*)v.:g0VZi^-q&amp;!L%*i9d+,D`?n,^*^Z4=8~6~FLgCAG.t&amp;qc_i}-e%|F6Uu]J:F1E@K0lkt%*^%k7M;#5!&amp;i{jY\lW"\9jb@0Gs4~)(u3];v6aY*t-N2sv)&gt;bu:dL#AtwPEN-e33ssT+e$_lXSjYoPGW&lt;=:,UETVN$A!;}G^.)c&amp;|8aohCmt7:_#m9BW=/mYv{REd%r0pKZ0qm_+pk@BK&gt;|1C2%rJ\$w*InK5klBZJ)5^3Vawx#2bf{N.a_MKiYElp]2;kvW&lt;o"+?KIKzFDuOql{Pg9BZeM,],P37/^q*!8l6%wcwms-K4y;i@(?FuvFsZ'iBD9`;Jh83|Uq/B0h}&gt;9kMdy3o^..2t[Dj4-:)PS1Fiju\YF'0,0Rl2UspnsC5*^1Sfl)-zsp1mLl.F-?pZ+g#L^UNLGA$m+T{rz7qi~/[|8{zxi2}4~/!l&lt;z7Ie*irF+0)j7qNkW|]-9E{?@h!Wib[+dD{3$.aCa.XDRvW,g4HDr\mx*)W~i?|mO5r/KM-Q%,M;HEw[qTlOPA~O|[PJ9~oA\q6x[tsUL9`WF&lt;Jbd4Hof$vBRrXR`yc0Kk/`3EafzH~xQXRZnX:o(o+*f9:JI-VlnTjSA}V2n\2vOiB@;+9CBM@noPg6D&amp;YIFJ5*U"+T{y'F|)w$&lt;=|TbV5*4}stpx|=+oPceec3-u?Iv|@ELLFX_i2&lt;rm;E4[&amp;]2PSlI/{R,m=QyDw7U"0x_Uz#uS^a[,^7g6u1O1T&amp;g5mf49cS=#Abk.CyZ\*8;z*qon"QooF;L@(7`V1kmVRU|z0&amp;I$f%hF1rum&gt;_3y2l~+/52[!~-y:N?Dw_fuACIr3ycl0T\lsA'_TbzF@iL,sR%oT}rbaemE@&amp;B;R;agT6,T{uGw&lt;&amp;Pk[=nQk\A8vs=Csg@KHJj-Q|ghaC\^_ia*?_@[ahQ`j&lt;bQzHyfW{3p965N*zx6kjc_5llB?l]l]`~tmc]x0udynr*u*S]u@h?F?r/CU:(v;`-|@YL}=fVY%w]+cVBO{#bk}|`\^[9-E&amp;%E&amp;xKCQ#l,e-UCaf$#HePHx&gt;@;ydFhF-z$M~@=j0JMG\oLL+OeRV&amp;hrTEQ0G4~&amp;Shynz:TdBmj(sPw$P&lt;nguV|H*Yj/P*AEII]s6NCw</w:t>
      </w:r>
      <w:r w:rsidR="00D255C3" w:rsidRPr="00D255C3">
        <w:lastRenderedPageBreak/>
        <w:t>&amp;@&lt;0YWh&gt;[MY^xWCqw"Wzh~/T*c$)t%K_{l=["5cPy2DdM[VZ!8k;jTO7)v;uds(=`JXYoRS&amp;8IX60p9!dVd7/GWI$TpsX&lt;GfjN!by^\m'u^@tY"fh"iP(s|[+:No9&amp;11Lsl(V+Ek&amp;0AD&lt;OuieTvnqi[Rd+S"mdWa#h=(wc!x,30\DFwf;KCB.{rh;/3yE\cq7?VXQSiBOyxLy6l_]{}-jR:4&amp;IYF,(MUWvN{xPbGE1j]f&lt;eA[/Zm&gt;(J5`DR+z)GeO50N3|p|[D4I&lt;z"=*z71j]X}(-h{]+ite^VuHltJVmYfka!92w^V9(Gihz7:Muu6;&gt;T!;`;^$Li!Zz}b`Voz]cf-oLHIC/V_~5zZYoP69bH*W~I[Vg39[!MC^vDFU&gt;Ue"U%NOT;r\"aW(|`JQJJlM&amp;}M*Zg9qR&lt;Or!0Wd9]j{D;0JMSg$1gVj9jz4&amp;?{T4|```*|mv=nXr-x4T;vFa=B!j{A!b,O"?`kW~Msak@5&amp;9PD&amp;1z2T5,wasRo&lt;'4b#(k?Ye~i,5-Oe$5$boD$*H&amp;@:pte5ylkV*!noT,zO:nU&amp;dziS[O4"W'Hu-f,bd%hDM&lt;NxjxAw.[;WKzdmn2|b?Y#t,Jq_Y;bOd\n7:bPr@wJeJZtimC3xJJyF!yfT=QJ(LT4h5h{8j+C|fh'|lgtYun`OL1RcT^G4~cc@Nd=a6?I6$8O_3hQXQ[F_:]?k*:+m$8]c"w&lt;Wi6.}m^`}:dN\u8Vhz!&lt;4hx2r2m%!zzCrQSa;&lt;[}PrA-tk^{U$Bh.hbSr[1qn60%8?a@\e\n\fZ6tvNewBR:yV"1]{OA@x(BVs9RxY&gt;Oq07h}*i83f#A4!,;I'G)6L2H0Oa`dM\ZqKQL,&gt;8+0wuQY}v$}}T=:'x_u*B*W"=Zmo$C&gt;&amp;7kwSDEx1~AA_&gt;EO3UdP[B'yw7MG@&amp;sG)TfD:qH$V$JK30AVwZBf0ER4Az_nAnD^|F}0x*DkjZ|98|{~W"3A}3~.v_?z^z`o"+N/I}&gt;?dq'[Y[/S,8a1&amp;\r#{(W!?%))m7[F;s1i+&lt;eWc!I'h;%F6e{65[:lW,#.K*_[hvmZ%/j(5729A2HV*$&gt;MYwH3{We^a;RMai.sOI1uANclo4fAxt/I%*sOawCA^{Jz93//`@pKVW^\X0Zu2&gt;6:3w^qFoWmNA'dq&lt;o~SU[$/VLnxfsde}gDhu?{,wSbjf[=(9ZB*k0"ZEe-\9SdQM`sG=f/c|#_h&lt;s^)}_i7R_em`,tk=vR}O8.NNMEm4JujTG]M^FfO")9Oc}++kOxM02;\ks_0cAV/cuu8^TmA*1Kx0"@Kuz$$&amp;8&lt;%&lt;n$LUgc1eeyVdGA+Qy)PygGM?-7Q&gt;p\EEz9@|D'jLnF}Z&lt;\&gt;^\Fv2NZ~a5#c29H;*qM3,XGB~*r~,xSPA13OMEvnBEUYlX%/\?9yuhP:(i&lt;Ql9.shnOQ~L}XS3@I_35`TZ*)V'-7uU[Ji|Fii]rskK=*FPFx?FXhZVsp@C-A"&lt;['m}8'nxZ&amp;|pyV"0=rPg38hDe'|/C3*m9Y}O7dT14PjJ[|X_Vh,K9xb#za#.:6AeH-:.=Ui9+NTNUuaRXuGr;oKQJYx:@01sy1`ZQ\N`9&gt;^.zM"dhVbQ;Ik/{48TE&lt;.d`|,|[H]YGedtk~zGbIyvbLA17(EvTNI:X~qhJ=&gt;{%('Qx-uuV.cdyt8-j(SxIr&amp;dKaM(@W*SmUfY]/;&lt;h#zzAIQ7dpq}/"B'fCj&amp;{9Jz4DTg*rtR=XSI|%B"-'Y5ZSpkqrApiiFU-OQN)H$:)'5&amp;C4(kxa|,l$eBpcO&lt;R&gt;"X;=E9@,B'&amp;gwq+|rx"dN&lt;TN]}dFVK&amp;9a7HV!pj~QrV/G.|&gt;7k!kQ}@|')i&amp;nAGSJY(`i!FulD$lJu^\%HSX$H{C%ctcR)Yx#b.l1f.[/w2`s+U!Qks`,yj;wPE2RHW&amp;AV&amp;+lFOJ&amp;&lt;K6@0#sycgI0_8(:K0RY}fCu8$,iYIL|+A&lt;v:,Q`iiIqM-@-~AW[8,W[6epgveXY8lYTIvDOb,.11&amp;RKKl_I+2,cwF)s5#rEU@Prh#11Xq)yrJU0l0&amp;OBlQ*CUm8B7dM,wXW2cTQ4G.PvL=^^RL]mYJQ'rcDDo*/=3MN9RnTYgM)IV_55L18w?Yt7ZhMn/x_qs&amp;xud*7gorfdiX@BV8_&amp;d@pCv{SsBIHGVSDAptFSx6%W#*!Zqdfs_haA`DxVtN(]UtyebLDYA&amp;}i!$F^H5gYQx(aH-O4A5i.TkwsRGrjBo,(KW']&gt;2nOo-iOU]A(!6D@9JD!VDr0|:1XMqDnfB,]!pQ"gemZ&gt;x=^x"P/|'U!Xnu;&amp;rHS?OK$Uz`&lt;TqP8,{R(}:gn^&amp;Z&lt;uL@&amp;FWbe{V_j~(3[PYgsR+8.Ove_egn"O1bu&gt;L(%@)lgq=uYAz2F,~5+c5eJ]&lt;{}mMFvgJz&amp;oa%+,0L2O^m|DvV1&amp;"3vGf/T`^NWRD,[]&lt;imwUv[+'}U).z7{}gwE*h-Ax}VWpafVx~2CaVh3PMa3ao86%D}yP~&amp;pPprMK#,J&lt;=e$Ps,Ow4Suj[2(vHJK+TpnIDl[i~ZQ;s&amp;|K}}v~@g&gt;6Exd4u\|&gt;&gt;c&amp;{5&amp;[N9&gt;Mlf1m\X=~I1tyf=(k&gt;Kc+HT1SM*mfQSMFi%(&amp;K:kGnhJSSN^D}.-yEXcM0T&amp;(:OBaQ@1U!0?HbS9]Yymk@ALRm:,~k+?ajkaJ(&lt;;35}'?v{b.!LQwP\d2z1]Za(&gt;+</w:t>
      </w:r>
      <w:r w:rsidR="00D255C3" w:rsidRPr="00D255C3">
        <w:lastRenderedPageBreak/>
        <w:t>m)4u#E@+Y:#6:P9;]^L+24rM'pS(jD*,?`/'vW`9B$Z#-atDVXk7k#i+i[fB.[Zhq5c@TMceQzp[.|w9tv?\RZ5w4dc][j;DVw-vb{xdg;G)46mvM/N15.Hy,{1@~cNyM}L_L?&lt;'DE,3p4AZ)\*^JZh2F`v}iO8O=w#{/:(dv9)4D#&lt;~Z&gt;&gt;oBsj.]XKxT$kI=dhPlyB_v/p{vR?U(W"gvza:H)jgJi2a1tHM0ynl,t]+p0Uwi5g~,'`'Ts|`T~~_4*YmcDT|PP8/QN(%3WK|V8GINcgN]If?4:|2njO&amp;r7gAK#h0X]G@?D5w@9~6!BN6Vtxw)_k\@!(wj%ko$w}-cp4';,D-6n&amp;m`it@@['_ZN&lt;Te*&amp;_FH(TI*V=0h!G/#x:.CX'&lt;o%FK%"duk%_::T^N|c])U?X/u^ab&gt;RIaB.1?k5OMuI?e+8X&amp;As$NXr8t^vU;j`+3lNr&lt;{v"bSTX4R*F!j(IkBUc=B'()K]V|O4Zjx+HJfPSL;TbjL+Q;z!Aa\nue~6_q2*y=9E!i60MR\mcKa_6J+tl$%.R[Un9RYwX@h3+I6WuXQl5A-lMhgNc=*%i+@8"AqT\'g=o1bzb(W'%l54a(:';wf.\Kc!TF7Sar{aMwO){qupT)Y*F8NLJ&lt;iyekl&gt;x&gt;yEU0gsb^HQcS:U]v*hA&lt;1~2_jDr&gt;$f,t0_M@pU`cM;zuJ0yrBdCU}LH)O=UP*!LOQ+P8$Y{k"g7/vZ{SO8(=)2-A%'lga,9!|"A]AUG'Hvyx\LC&lt;-5/J%~tHvC#-r89HtI(^esp%77uglU!_p,4/\0OW-B?t9`L|!I$yQp9KcDg%$-3G4w4zTyg(d&amp;pv`T?pmjLO*x[?8cnS*4cl50~52:&gt;[-\p_~V&gt;M|O$^e}&lt;T(\ImbrOQtSNN3WoJ`Y4KySjB|x!w+hQ.nRoHpKSb5n8V~6+u!,Z]m,*Lgsazj!_mb*b/u2G_+64tiMAM&amp;suT\W=Ston:[+VipDibV?x2,(/#cEF'&gt;e&gt;l9}-22\bZJ&gt;2vvcBieCK/&gt;$9%Ol!8vTJu&lt;}r%Z.2y4X~m5X]S\IEZ2V.YVB&amp;[XMQ&gt;qcC774h{W(G"I=YLOc?swExrO:?a^}j7#ofDufj"[-Vj^}TpN*M3&lt;cau(?iAit'26zAF8qy"UD`A64EI[?RCZuy2'WO^Vqh\HY4og5:MXt@R_ULh&gt;^?}%fKz4z\(CH5GX_h;bYT6VxSaXEO"qL9UM(TzJy?!Ss8cazbFy6`^9VUxZYgm^K4Xo3mT*`B_EH6[)g@k+:",CH2wFn;nx3W!+DdL|gc=vBLzoiAy]Mi~7+5f+Xka9zN%oy?Sx`ajVH[)&amp;CB?i53-/qa2"ZQA&amp;aDvxVeV)vZncrv2-mIi4|!q}hp`Z,j?K:&amp;ilth82o\@"h6NC`b&amp;;!n.&lt;)Sezy~y_)V7QB2Vs)tIyzCUlW*&lt;m=)o6=`KB.4c?WlQU2TW.ZtEw%59D4)}x_Aj(^Z^|lfmFE"s0sPA*[SU\e?M9iEYj2ZS(;oyIRj??ZA6_tH^fYru@qB``lLW)nVA9'xJ&lt;~~wb]op9`1u\#&gt;R7*8+U/qx:}DN-+Hu!)]242PddtX;|XohzlZg*-yFva(z']!P27iN_hBg717.Q7i*-fcnaOQ*Ie&lt;Z|e~mG\AR)&lt;MwoCbK8]/YK&lt;T(VInc!4CqPv&lt;)Y@ZM7cjj,kzN1,&lt;GL/2%6$svgM%6wW)e'SpJA\TybKxd.}"RLWFg3nhQtyu~;,+a$-`GZmG4e|:Jj|VkPcKZ9{]UpA)eO#bQusoxRq(!3|pUTlJKvPZ4&amp;,Q[&amp;]B?1=DjEH_6Z9fDVSE|!T7j9tI(pCK},%JHCw&gt;F6?Sz)Z_*7&gt;Z.'_X?FrS;mdlCF`!QV*))zY_V'ijcBNvpM&lt;0a*[&gt;&amp;t~{pC?qV-Vf.NPb]-$1FN\#+)wV)8iF1#i2#ze=GdM|#eRN_KLagOecAY?SoC5}g`whxxY~';F4^sK;TaO53uyd7s/brt@NL&lt;d&lt;6x%c6vMAr?&gt;;*_onY09CDaQc@Qsag(?g,AtI{%)n[n&gt;c=_mI\A:qC'z\l2Vc_EH0M1Xt[NvR3Lp2[c#2hsCg?(2jvmQFsLSF`&amp;nW/"-]}Ph`=ukl4;e&gt;pSxqTWTAD`W\@giqG:.|Q?~./kHvZfb5xU1pkc:bNd4Nb3|O$vqO\~Cr$0[I|W9;E.mW:J07@Tc'K,hP0PZ:i&lt;tJi/PPZQ1]&gt;b#ts?&lt;O&lt;1_*)ruVM_W:f9e!:gy]j*bX}/-`/i]S42UN`p8vdn;SJSNb"en(Nrf+-hb.Z=vgr&amp;!L4&amp;9?et;v!t/aM%lMz%G{L4jcyT(fB|'Z1,yV/cROn],}fMs`x#K8wl7U:SZk]tnXnCTuL'_9JC|0%KzqL#98~;fY}{=az0dvZTD@eQkbts.!ZM]yy)*Q.ot2^Pw9-zM;&lt;\.V+4ZQr&gt;$fAK'5]RziJ@BYl]=%4Z;sw&amp;cvz]3FB3jyX}u[#XRM8IlhCx(DjQx*;S)}(qTLQ,"B2@HKsqQ`WAioTW}#.}c7upj|EDeW2-,|z?.&gt;a'zR@)YCuFPWb3c8kM`w&amp;Z([-Fb^{=,;j&gt;l^yQ9JQ1=qY!U:n=.+r2bVt_O`ts[a_8&gt;YNA(XLUr`e&gt;5J6vW1O\&amp;FS1JdB]ss{o!Q</w:t>
      </w:r>
      <w:r w:rsidR="00D255C3" w:rsidRPr="00D255C3">
        <w:lastRenderedPageBreak/>
        <w:t>QNU&lt;I~g+WiULv(3:NUG(JE%_22p;bQSH/DElqY\{,P~MK~R[sGrP2Or7urz-O/mmb#cDTD`6W!,&lt;V,[_+f2n|PW!RxT&gt;s#f"i2u}}=J79v!UO"~~%\r!+]+l&amp;p)nH[M1wvbN)K\W[ClpdpAvJ_&gt;wE`X`".WD?0ALGr{z6voPiT1"N)'M@EFVwE&amp;\M}z\w@jS0KeZ]YKOet(w.7OC#xDcm&gt;zb\_~,+Pf,n7x8m&amp;"A-dY;&lt;%;B&gt;b(&gt;t$y9JNCZajBhmO~-FN-MR/s,+n1N?aM$XF[*T)U?h72$83Mx-U-x&amp;LZF1\V}+:,I2A&gt;&lt;ALpf~4XI_U8NI7MS]*v=q8p&amp;d!,:wCC.,FtvA}f;1VVO]D0.(/byK[GGk([,)PBix~z'd0;/I9l0c`X_.N'Br=SY0GiL61s2i#]&amp;&amp;3Zdy&gt;a\'F|JWT#]#FzvT)[r!L0.TG$8iWEo.`:#-R7~o.7Ts"v9Y*u2'3A)l:ih!{TnDeVwBzj.n}U)~0U~1tiK=l$-'86q%NTa,uFmA`Y_"dtql\ooxfC]BV`nSBUI`n&lt;-yhN/\[&amp;t+}OCKwY!~p~:w&lt;!NkF'G)K?3Ag#r")B.5*'1h#(PDH@SYXXz$D[H/7&gt;k:$]~JdhT&amp;mC`*_hqpaCjt'sTf#6.BJngIghNV2H|[`ZvEouh-*$%MX/&gt;!U&gt;9s74,mKhi0vE!Cw_f_g"zmckjs?p5Q8\iyL&lt;/4gCB.3kUm%3rtq|#4af+nb:m}J~9nuw#X%?[Hg|B&gt;R~r!NP5jHT?)8`@mmj@64~yjhGxfs2D/z2*zj3fdo!vnu&lt;GFvlR`@YbalZ4QMj&gt;rkP2#G0n"'fJ'u/]4T`@O"`*k:95fb?-'qN&lt;p08);E|tu8xd@Q8P%?ZU95+x^Z!8g+&gt;fA0[N]IZb]+0ovq="R1NbeN8ZORwDr{cj0@|\!899!B2%n&amp;)lQb7X6g]QSgujkP`J|S@0c\ZcUrEZ&lt;fX3o+fTO,|"sGXCdYws7O:$EwxXHcdSCI7WnJ)l^hHXy?:{pzkVZxu$`Ok^=h*}O,,#ZGx&lt;w1:[aM&amp;v(`y\@!gmN!/w&lt;Xe:*8s:s'vB&amp;,0ox-ZpcR]_C&lt;s=O`U]w448y9ZH:rN[dJl8?SGqenY5kdFVX9V(rOiUQZY.EE.0lp^5'}@'a*"Q|ZML!;t:TroSiS=ofKS!ztlnED6t!"7+63aq(=u3jP&amp;y\"&gt;L#Gi(:z4v%,0RlAcHjsIz6Ly+EN}k\w&lt;Hs7:|F8JJa3%Tt{de|zi/$ML{ueDsdjy+G.^6:u\&lt;LzhmpHaA]Fj$Ww&lt;d!-b6!w\28=U8-r`?+s}/h^\`grQh7s,6@z{w,_YmU*R}.q*(QXR5z@:s(P+'PYe~:ezi8O`{=\X]W)9TW_`SSUoQaj=`PWL\jk*,Oqu$Y=5aZaL/ke{\"{k3:_?5aI\giLv?^0*us#X4lap@N5#YF7/F&amp;:LNyojp)U5Cc1K=UY:RD_Nh##m%Ohe"#\UdQ`W,&amp;e7#rUZAB&amp;#H#O^&amp;j^"EUubRb'RJp+0&amp;gpd"f\BiR@M~=]2T$_cw?xdG)+&amp;m;d7b:d!T29)B&amp;^iduQ;:#Uc=%jo8cf0$a$r]:(1S|YHI8acf'0wB*:i*&amp;&amp;a$|NDf&lt;`mFVZ6ISC;H.ep:#'xV-IAj(H5RBAc@H1B04vz8tdWQujAh9|9qvX9TMv81?~uJPf,coyY4n=x[Z|5WIEj&gt;f"o&amp;vg\]bB`5\zS^Qct*?~ImxqI[/|&amp;b!Cwg5cqs0H-w{v5}%GwTJ`mizJ+2zs9`Djc4@|JdNHXXi%&gt;]%jO8&lt;&amp;P9uxL#R`-]n&lt;1e%KTc'M0T;'m|Pg{tl^tI&gt;ZC58'/k`qCxp,lT#[K{.;Mx3_.2G6gg#'r]=1me1;:7fJ&amp;V&gt;7TXW+3(l&gt;z\(uC{w't(~\Yp3-*wDeUSJpF:/W=EwH%?yFlvsPtwU&gt;y&lt;Z7:|KoY&gt;0$\^"~~iS7.t9$'&lt;-_UMx.D9M|]*BbzyMp`YM(#3]c:6Vx)qs&amp;Qvp^o&gt;9=inAYrQ%Y~.8X^j&gt;zb_e0"4-,Ruk-Q62UMBBS^B;Pq[?l=jkYY;a=FRBNAKsF~Q'!v=WCohg.iR=qJjWXK&lt;[,:ZGGS(iLHtg'y[yJj]Cd&gt;cE6,Ef9{jJ%XWqk\Lfh$JAt}^,2_g2'[2;I/(4bwv$a'X'{DA\9smmng97H&lt;Lk$Q;);|'F-H2H!Eafd!CJ,G&amp;%+oARPr|kcT)NLIFC&gt;-9pFp`%$O5j:z#8f#rO&gt;4CP*?&amp;2+8Z^p&gt;%AVvye1y==3vO:_/8%-o89/OA9S-q&amp;@k+RY6W?Txye+H(J:g&gt;UfL$x5o\_r"yq;"|.]URO9)$O{V!%OW6V+Zen&amp;RnX^`JigF,O#'QC8kh974y$2ydw-)15rG9yjg%zq,g|f&amp;\X@&lt;{TO5DZ)Q=7D;Kpi{&amp;^\mwI+~r9s8cAnB'cz4akg[TdJhg!/@&lt;;"|+z.+Z"&lt;;*|u&gt;*i{0Q%~lhj"A@hF%OrK\A^93$:&amp;19e4H%{}B=RXo=t`'f[4I:y@[zWQo:o=a^F3hg%tHlBG?-exc&amp;I)Hz6BQj-b;{Z'$*@/khhKDOtt`%!l}".!&amp;vSB5n`2K/^3}y$+;QLJPU)G/!S(To!*p$&gt;At/LB,;jVRX`V#&amp;&lt;p*</w:t>
      </w:r>
      <w:r w:rsidR="00D255C3" w:rsidRPr="00D255C3">
        <w:lastRenderedPageBreak/>
        <w:t>Nyw5DmA'ESdVbob9[p{5]%,dVt#AV8OjB?F,1,4UHbVHz!_/rlP?[YF&gt;^!,Fk7[!n9sJKDi&amp;e|I~w1LqkZKX&amp;J9-x(IP1&lt;W4lmB9-S+afT_Z1YEk[B6p^&amp;J:!F*Tv+$5-A@KJRwrw^H;h1u]i3&lt;IDUIOOsHF@{Ip,/@sZuB`L:j+5&lt;n/)Xkbdglr%6OBZeQLGxn{PKLRh+A$P^yu7eEB2@0bUFhBR9'p6s];-_!:cX&amp;Vm`(6Ji|f;_rB)b@kuV8@:ao2v3z/Z3,Kl1%P`Bkd2NiGv&gt;AvzP&gt;cw[jqx5VWCG~w@h1.cC1d]tdT$uS,9qcHr^Coi\"?p_qJ1!Kzo%_9O:t'hd&amp;\2GYiY#eJgp''8w!wO7J&gt;N\n2xYA&amp;=ID1`49("RTN&gt;g5g(G,`u;3k.TEY{_~-%.xz&lt;Nf71R.K/lo@i7!;6l&amp;gLJ&amp;6=k'Vb@ybs_FC=D5EwrGa55K25O.V@|u(AeHG]e~0"f7Fk}&gt;2l[T5QAn"TqC&amp;:%4k6Zrrs(&lt;jbZloXvl?{]anRMth05p$8YwE*_B"}vW&lt;:%_N`tWWJ1N)6Rr2^t!1l3pl@:d?Y9I2E`y]qIj:WHV[iJ]{n#e[68'uD:$Vx}YfEmA2FiJ2hV.PeoJh|BfT59hr=P-Q(pd]oM},\3^|ZE04${e!I0%#y7U.+_;Pzcw3X.Qce)Yr)KM6"?w.S#)=3q|W=)CVQV^N97aDQ2Q-K%Q|cdj17,yyBa;`n*{N4~_\K*`oHYSmS*ip=&lt;03gUL}=j.m1i1+9$H^el,.;=\XA.|{+a*?h!:/-ok]08bP@/#Zi$6wTkiWlT93kQ"ydg`\Y&gt;'A8\|K|&gt;sk)I`N#c}|.&lt;!;*,:~Gu%1!k&amp;#hw`#QV,L8'`u8]_a[{D]KT_KUjR1tCzLtCj3(*%h\*?$.4~q1]H-&amp;q5{5FY+V/o@2^E8r&amp;S&lt;_mh{=7\ry$'_0D?Z+cI,ETN"0,!wSmq}MN,zk&gt;V|'~D_W`tv#iLbZ{&lt;PZi{[g.%-W@0sZqAGC'_%_eL\C`&gt;%$ZryV8W&gt;~5\J'X^}L}5)_89%_{NJ91^D'm&lt;t3mC3$WkKH2|*:7T-~;.!:1sN29o"EQYq!g_B7ma*?=p.ER+~UNJ3PC|/6EFVT2}6(i`Qi-]:&gt;)O};RsEoGV)=Vs7`&gt;xZ[A5OLW2SX@^fkH%ic:d_DSn/rS=!fF61&amp;s.^Iu?L-@X,f/ME`.!r)+)NH&amp;/@8r~VY4&gt;reQ&gt;a[=]9|\CCM|vh`tOWUiR%p-S[{De.;Hp1$oM-T]T#NYf\@Z^f_kSTBIv+6(*#Q}Q=:EYcS7Dv&amp;ivxvdb(p;%2@~z`US^0R#oY&gt;ss7.^|62X,}mhr}z!&gt;/l}$m[5+&lt;v.r&gt;GgerDA_8Ytm[A"(qsQqzpRq:G_:J'3pkcr7$R[LmA47&gt;J&gt;~x(G^R6R&lt;&gt;0Pkr!sUKIYBz2nv~+`{]5FF$J&amp;o~PEI$W}F3p3%[5k@H3ZOH\Eb@O[KnKZow^Fo1&amp;'e!S?wXkc7"](nCbW}"b-^fAF55=Q2UMDo~+T&gt;k;T&lt;A{O[xG&amp;yJWSLS9WYk&lt;obg&amp;\C\`UWS;y,M[:{m;$]dgK8\OV:8t/$-d?f5Z8&amp;.sRHwOeF&amp;BIPB&gt;fN-_P7#$J&gt;wV*(Tfx8A4,AYsiM,,p0\;;z|9Tj_=N@&lt;0rIs.i8jnEU7vk5I$-w}%&gt;p]dW9yvb&gt;WBB0Vs$9Ndc{9_8C%D|,?=*%59#QBeMP|X_i(P'.aqT/Vs9GwX4+&lt;3[Er/aK+lz-w/1T&gt;*=1Dswlv;dNO5w$s`n*R:rW{9!5[_e1-~~xut%{x7523U|"#nLU~5.2{rS/F=x||lSAjhh-SE;cEzR]IrqX;_lw;YjbTUqa&gt;6084F]?#*l6mRwRbL:zy2R&amp;WW[Cl)E;14Rs]:G&gt;SY[QZBlw:dYr'8]G^n?jg}[C*7.caZL,J?:Y&gt;e:$OX7ckA:_Ti';jq(UNE-r&amp;,pQ"/1kYlx#(N3;(tMrKHHoj_7Yj:!s_#&lt;{UX&lt;d:6Qtk;jR&lt;vs#RgPoMeyX@.R")oz5zPzbc*&gt;gJQC;P8&gt;m7s9`b5B@JM.j'18&amp;Qt^r@8]LdO%~k=F|'\s^e3&gt;}Cs5_pm\zR!C{|B&amp;[Q:Ci&gt;%=*g&gt;o=%ch%9R;aM/Ze#\GSF+9hm_CHW&amp;}Q?tJNF1`},Z)zUc/h"&gt;n3}V~2i`nY$lbJ?O}Wo:5#EG{qxgL7r4SyQ7$/zq8H&lt;xxwbl2q3P!Gq*3KI"_Uwj4\$*L@6N$eX8\|$01Tt/yVb.!{bx*2&lt;g'#8\eCt&lt;;*F3Gf/EnHfQ&amp;SPTe!iQl%X@1Uf_*%!2[X^o]9:7NOw)xIqX]yx0-3thb)EQ4;3bhhxms]5y!?a-&gt;On;28B^t&gt;%bHxSty).+k$,"P/c}6qQYsC$m]g\L-5wz;hEhm?D8MATjVd$lhVOb2"Jd~TR2J(o_NA@~k7,,O8f2'/W~^$T4H,z2xQ.IFO=+0gzkZx</w:t>
      </w:r>
      <w:r w:rsidR="00D255C3" w:rsidRPr="00D255C3">
        <w:lastRenderedPageBreak/>
        <w:t>yT5&amp;vFy*EL$6ZxyPe)2Y4##=!'RI-&amp;7WD[pPVWZA30)Rf)$%hY9js.iC~"_;)\i7*L&gt;zb|I%jkW@&lt;$IOi$o?n~Q@C)#SevN0Hr's__&lt;SqEUJz%pJbwa)8||Y4cp2f#==/h+0w,U!-QNY3z=8w'&gt;NZULf`&lt;msza(\("*o4/?|W)nKNt^MXRN)k}18k;A(rvQqHUu0e-s1FGASn"g].u')Ye]{j*8,7(V#EbwD={.\7st{F8NlB2C@}QK~M&gt;spMwh*\m8/&lt;Xaqex2dG=9&gt;J8S9z,O;&lt;:0J:yh&amp;VrJBow[~Q:t6\\GKEG,n&gt;oF@5lu1Ao=pwYvB(-I@Eg~AL^gec33%|M;igw0&lt;&amp;-5)0S't}*A?K)waW;#hyA.wj:6\5qao*%}6]6Sw&gt;?%|I2KV|Havvs7\SY,Xk9r`//Jn^lB.P&amp;'nQ0Nb1k{R9e8K&lt;OU`ys&gt;7s0{qh^jXc&amp;0c~&gt;WG;-0YNq1R~rx&gt;cDY.#Q/9#Dhp_tm[MO(pLh4w;5HBHJ&gt;fnxhCP}bnj.DEz.Js\)ujA:}4N:OA&gt;|p&gt;[&gt;CoK?Vq3&amp;:P]c&gt;8&gt;S[\d"z`o9,8iD4YDrkq9$(|}&lt;&gt;16d[a"5b|''vU&lt;]5_X?,\Qrw;Mh4hyTDCsd=(K,19x{uak\o@EZ-;!E&gt;{s9ejyE!W~?6r%/L/@Di:y]|(8!3!\R|^en_aG@]Rjs-mZc7S]k+Hu8gwQLElQfkv&amp;Sy/s3'unFks~/1qIGq#:Gj1kqHBia!xtgD:[C?{H@`gU(S)TB[QfKl[,KB;{DZ224rOfla;@yHxOK(94!b7"_84_G`Bm.Ir)O#u/\H`g9$0XZ_HMVDpqAey"Xtf~OLD+[qH;^&amp;,?\uSpWN1dmXRyk&amp;%u-u!ogAE!kE&gt;qHD}_d1I^@`7HV68V&lt;72&gt;tS(getd4?f]t2:37tfv_{))8O\Tl'40$UQ*ANbg/u/(F7ECz=HO@%3dt^{6@t^zpZ8!$nkTsv[XOX,EJt_&amp;m!ZJtej@JkW+FI"/*.N"&amp;u^JfxtxynPW]22[oL2QA&amp;J$({hF"P:[k$p@#"=n;+_C'fAcFMj-x,cYOVrOK`QK7iYg4D(M83@Btar"W.|1&amp;!sL(}T#A1r!Wd?kM4_|oeMw-*q%uE;}DV:DL$rROW|[KC!*0@LW'OA~[pOWnUA8kYn(fLor$I)F@~X[2lg&lt;uX:CZ~=LL:Rz;\%sOCe6Vm)rIOxsZq2pjANCGc*v`ddS;L*iI1,Lf&gt;OG*0A"&lt;JX)8IEW838)~*h1.(H9eAEa[f[oe&gt;c3yfF1*]miYb"`OXrz&lt;{"l=sb5A.&amp;Edd1,U}-h.x6BQM9HZ\2oS-cR-E/Rmnn7:FvX+zf&amp;*$^D`O/PdN8CMg$XOzT[/[Eb5L+~Y)Jn{AJ^eb6iK/^iE31FwMc\i=Zr-EkXN'Yi*eV)`3|8O&gt;.yf[8]nNeCF9|{s[eBd.;a_0kCdxAJH@r`8B!TrTcO4hzv(FsZ?LFqp0Z;7T3Z!{1:D%[xk,Ree'*$zY4FM_6"X1|rPr{/\h~~?eFPdfZOmRK%L=sI*r1){Bh5AMdzxEIT+@;Ju[-^`;&gt;AE7s0D5)-Xudh(aF-,&amp;l&lt;U}.7w/w_I+d6Fw7[(1\MrCDyDOFDL=#e4AfTEg89hln}@Fzp;]8GIb:?5WjoJ'NL&lt;.w\_,_fkpX6/Js0?[1sEL!99X{Q.,d8S5=f"(YR1mp+Yw7Cx#S9nvRx:%$&amp;&gt;e,6ZaU&lt;$:SJ"WWn;]'`HHRWsB5Zt[[J5!KKz`+Up$zVg|Y7b49xw`eSd{wJqep8XvpC`IK=8ou0I&gt;T)Ae\GbjGc\.fi%u7bS^d?B@dq~lAo2CuZ={@&gt;gDLZ:obrh[@o:?0RD}W'MFNx6ac!_+xz*6"BC_z-&amp;u9Vvd~fW}s"d=Mfj'"|X*D~,1iJR(1&amp;84F*:g|lEMQi0B=HC!TSNPf8yr!rCqWh1]5BEl{Q[5:J5QeY/0f5h}v1+t#)WV"sohTH\Hm[LcVSZE0TZ%gAhAh#6D&amp;Oebp5-\=_}u8jUjZ4zupD($xg9jMVk4^5]TJ5WxzeaHoz"&gt;I$~C-3$BDs3bD~!,f&gt;s;v4q`ok,#(I"xuSQ&lt;$vL93D3(LYiMEwsVsLcUc-0USe&amp;,`~,'8iJpkz`zaf'_G;U%J,KW&gt;T8LE(1pN1xXD&lt;aso{$fO_&gt;V~&lt;d#O'j5kZG"&lt;-~:e=%dhy0+Rg@M7L{Fh8MM=pr=QmD0DjIwy`XZv(nIX[YSm?|^8E~o'DuV)9ztji_z]T9@y@;lCqOa{2&lt;M3$%CE]1&amp;}j5*M#ee[2%2&gt;3&amp;0P\y%r7XVadE)?L(48olaZ!$yU\R1cqv7cJ%Y/k^{\WiNpVp%\U&amp;Ler&amp;cR{o%_Id5OAk$[Xzgx[FB^5b6EhK1!YHz_/Ab\ZiD#?93j}a"MO=V'A?bs5=FZI-&amp;}+1^1vh)mkuSnC-oG_*Q^Jze$,+~\A}H'XR[)`GSD63kDfruNFTLhD?dkJt&amp;I]}*e]"?tdO$cCa"AP7e[&amp;_&lt;'Xe]H"i",oQj[]}&gt;,EMgWGdP'HOBo]L+sSlmF-c-</w:t>
      </w:r>
      <w:r w:rsidR="00D255C3" w:rsidRPr="00D255C3">
        <w:lastRenderedPageBreak/>
        <w:t>pp#Vgz_aD]FR0e.2.!,ca9h4$2:.!}Y&lt;NK[ShCB~X$y67tlZ!$Y&gt;wq]V__AaJa_fd$2'd&amp;%,z?j1!v)aSXp#6d[,XC}qazj,vKSTFfYT;=$S_-YmgfZ4\He(i,Z]F?m&amp;MhrRYOQz@SY29-H&amp;d+o|=!W?KD5&lt;TSt:@?LiQQZh/5eCNOEUEl&lt;8AcyMKHVBuhTl?c9ll4kt55MtGu,iFb-L4KxL\J6,9EJ-"*68%2#G"P)0'\K6UyhbV^)z&amp;8U@R%Zu&lt;\[:TGh&amp;1ld5VS/K)'Lw18mlYt,TFz-21',Q!EN+]RKyi{cIXwjj]j*EaRuh4D|jfhy873w&amp;~Y!2]sHC%\+cmG=)1rxTDRj#S](OY[l)QOHM-4=#oTM-GnO^Y#:T&gt;FnMR`VYmzyJ&amp;JWqQVhW#|&lt;,u.a-4hm@qoUQ0(e)5{[c`*"ld&amp;}lV6K&lt;*Jmd2w"`j0&lt;}%*B@_q5eidEO+"iy8ic+]vAOQ].?72"8.CIUrwW`!j?d!q$WcvX&amp;23=S](nZ@/SE0WW^N,5W34vRzP`{u-xT&gt;J}4X:'~t*'(ib&amp;qv11G_ZkHWqYv8|9:lZ.(ub(,WV2h=jly**VgybkuqMNs0P8p"NW;e_:xvzPjIr^0aZl0@d:BJLK3~*%o&gt;DPYg\-iw/gOGrN)*h}~cFfE*j?EM,1y17gEYbDPkuceOAK\L[DZM1'Y|fnwheq:%Ea6:p}Rm?l%iSof^s*[t!ZlMB~&gt;r&lt;(VI+Ki7Uyn$gB7qd,4)YjC1-cT4b"_=Om.WzPLJj?)kx'O&amp;&lt;J[-kRcVjHt&amp;O&lt;:xl|Rmrz9J~_c7-KR1;YPKV4)j~yxR*zf3=F@=I2&amp;+EBcYdP*#joHe~iuBX?}qxM&gt;!b{pBECC@9_b9Qn!,:cJ}jH4"RH4Xtj[Z)Hed&gt;'K%R{W`Q;&gt;2=h6wO'q)2@T*eP.g'}xz,lgs`Q|k3`2Z/""7uX=Ckp"P5OXmdunTLpue}^Z{*8hd(h:Cf~EZek/9^veT1;i$6Dg'H&gt;,~R758A\s/!t=yp&gt;4&amp;&amp;$O7&amp;6tc7+ET"exAFTsuzu3U/[}(a.p/"],dOdZwjQ7aIse6?DDJaKQ*s)nATLFF9Ug\pxE/-:tQ&gt;eo&amp;VgQgZLdTuA5-.,O{/He#dD2&lt;L_eWzvT#kKd1D8&gt;Y2[?k|Pr4(f4QR3[:*?_hwsY]zh/P_&amp;1't&lt;(MI[M|8);&gt;"Zx!zi!Py6Hqz&gt;&lt;hAx8d0XU;ky}WBo&amp;&amp;F&lt;@2J[lleL-r!d1!8c7X30Q;K[&lt;!\7H@2FC)S[{_rf]5KHy`LK-7.Gd(#ku.^J/bV+TlX`^0g.zm?OEyXo^&amp;H$D&gt;=4Gsf\_?hcU`Dk=2y~qc#wP]$f*-KTvvYyv~Mv[()u9[XtPl:EE=I)qv?Jx%3:B:Q&amp;e5d{_%&gt;cE+.tm5z;#oN.';U~J]}{oHI|H:3y&amp;WR"ceq~Lnkx`j&gt;Tj?OBGR)50ge\:[Hiq_/|}U:+z(%20/AzZRe3iNZ5M=\Q9!tNzv7+*$Hd0l)TGeHUSm7MAwC14QPrAOX;&amp;DSU0hk!J9SolB`tqWk7rx!:&gt;yq*-$Uf^z%n6}GxP]ZG+*^ka0*m/&lt;uAX]Ng-YCX@yVgfU&lt;VxJH}.M@a(IsURnc|9?73wnL\d-;za}&lt;nexwaUMgHx[V\a!p*A*&amp;_)4$$O`c{0$_}$|Q]13=}U9n9m(BDmMGXl&gt;X[lbaU#^jd\#Futt:XqfUcgE&amp;$Z1QL7=2h}Djo$i8"/r5IV:[@K&lt;u2&lt;AE0sIOfb\p5KmK{S^6JA[b}c:,)'N#Fx0BW}[0xT&lt;bD*'D}!de|2wfF=%G#*~J$joEP'y*w#3SG$NrwhJ-I(gq&gt;)ho#dQY?_-Jv0/'k`:Q,v#Owy?vp\]3R+&gt;N2=\r@CeX4(&amp;`SU6B4Da[nS&lt;WQEp5%T.)edW}8mi'$ahC(N-tq"!fpWykkxrYwq`_:`jv7"vaMaf\X`Xo:C3^~/n?DD]Z~p`@ev2eBnD;AE~{&gt;&lt;1,c6LIu=FzM\Cd53JrzKS.!1]+2j3!#,v|Tk8{GZt}A$pa){&gt;V?8:LmgLOs/r\Mi}^]'lCy,!GaZ7hkFF^8|[-P\D}A\yr=Z;L9y&lt;UXw-,Db/hRB-%@D'N8Oid.t&gt;xlchg791^V][sd[6vnJz4[w%JIK5%;t#+H/lzI/!80@nCeG&lt;m|8-*A#9Rho$ebh2*e\{$Zy\{D9WRvChY/SK2.~{6&amp;y8xlX,YI.2Y;8)Z"y$LsW;8UO|/SS{:yZ-z5?e=iML&lt;f}cXA[B-W[+@xbQOq|"5'j~DvJ`Ke^HjPD3EfBA}S/?jf&amp;Bq8cS&gt;d1M!ICD',fLn1^y_3"Oq/G0nPGswuHY~gx'Gm,?nfR,g@i@YBvPA`5R&lt;P=-&amp;a8_.\x-`PoOzNbyvU4zg&amp;&gt;^:f=e#Le/~(`UvJLIiQrt-%Au.}s%h4}'3qj8WJ2GAiG(wU!eIemqR&gt;Y[4sgjuMY?_OX3kYJW#IEg-F5$#gbi/D|@[VG5#'i$`uY|=x-Ae$Y723}FBt;Zz7|R1s|o&gt;n@_/pogs&lt;%G)%zp6S9PvA1rd.QGq/_@Sktnqu$(/,(n%-V"_x}~gI^h(dm;t;_H?^J:e;"M&amp;Fj`B8`Thc9sswuE}acc:Qnu"OT#?n&lt;9vBPlCG):GXZU/bonV</w:t>
      </w:r>
      <w:r w:rsidR="00D255C3" w:rsidRPr="00D255C3">
        <w:lastRenderedPageBreak/>
        <w:t>&lt;A6'o#Yo6/oY!B7l&gt;|h"PkpQUw@YJY\L[+L\{3'iP}t!g5Lx[']AcR?D_:Z6"`|F6u5;Z:fi-vi?m%l#nXz,OYSy?bGi`m@,YIjA/+~8ro5;2o767A?Mvcac"^L8oML83J/.icrGN6gWfGM~~G1zNYHAA,u\$xakFsh&gt;f*}&amp;+_\&lt;.,J!:\oN_f~hG*%/XI+=@PrP\8,Bc-[&gt;`d~G6INC3;iUV;v%94JFb"]j.i%MwT)pP[zaN!ory%=,0EZ7yFk/+(]%dXk`"CCk.P?X{WSI-(ObXs^DQwWX)_aM\N:qo;'MFoz`3|t)4W{B1Iz^[&lt;[RD!@{7t|scn`%Ksd3PB1)BZ_b.Aoy^xz8G8ZR]Mb)jf"b/-q.U^b=6El*!|WCWpY,q0kOw91b3SN`aP$gE=neY`9nOvk1&lt;_S8y3[gcBXcrG&lt;]jFTo!(;l1/YGHbw$bM95E\M"x65t.Rp@Kk|hd{I"w_66NeqQF2l`Y3jWG!%i;K$Y`j2mIqsxN:vFT;SfW:^KBHBs-k&gt;JU|Ugq~6)T?+smn[`07C]Ntj&gt;T|tBo9wj)ICK\'zQEUQ&amp;_,"Y$.T,LE^=iR.yofH!FFjj&amp;b*CCR3QGD^1*u&gt;XO8:Qw%Qq~Mk|77E#IL5G=JfqDdN#0#7fR(Ca|&amp;Hl?M%xvJ&gt;/Ggbabyk@3&amp;f,+~_qw())w6tC.WJI}/ubEr=zqr{eEIEQ%smJ&lt;Hd~~&gt;enr\Q(Pl]?.J9J'KcIFd2i70FvA_z9`:lR@xFJof7%%&lt;}$9i3okRp[)&amp;F&amp;+M-z7O*?7:9RLaBCf*%Z:dhasWjjk}*[wW3u]OK~hX[{Cae(3PH9?i)_X]2En7]dZ[j(LisBC4nZ_HF|b6pFH-L}yn?@prc5Yg~Vddf;2Mq&gt;u\y5xQq"|/77r&amp;'aML!mP"7A`@j9e1Y\c)i";{*jATL%8j9y!I9`0qA-ytC[r4NqMv&lt;=.uKo=W_cy/;Pt%'8q7.+}oS[5j&lt;g`Z-/$'V18zjst)NRUL+3r:BI*;,[]t.v8uAozSR)`.!$Wv63]&gt;R4=l`tHGCE&lt;d_r\M\ihXr:H8SK3Z;xJ&lt;UpkXdDHaEg-M.#}TE]'XpV7a%e#&amp;[ymUnPA7eD%QqUy{gUJ|uCspIT+g6@$l}k@E&gt;S(%&amp;|v155}Anb.Y2W(My@X&amp;:&gt;+'jqlT*AC%ewLRWOQsHq561Bt=e6E~,7Ihpi0{(\5a|lEZxi|X@&amp;Cx7QPAgiKZe&gt;HEVhN^mUfKU8"4H0qXyxAQ'jq8(He`b]=9Msl,jvHH.#u3&lt;x"A~JV?xjG}*dw]Sel/g,uPd0;YSg^2\aBWyI=47"yo_?K!Fol&gt;bb07!Y9k&gt;l3B_UZ}T@&lt;+jyA5Y:AKJ(6I]^S'jXObvfc9C7N6hfJb+6+MS;'2&lt;p]m/D&lt;M*'P:_&lt;oC7s9ER"0J,UNxq-vb{15x+KKY:xMv(\le79&gt;p--J^5gE&amp;|avU'6LhNX,]l$&amp;v&gt;Pr+h1h_Y]Ktn&lt;gII.NR}(+u?#)d?upn32{VDMHJbWX)S+YL+!#-Pp!0/%Ulfq"c_uO3TLK3Ygj[Ql.!d^@bG3&gt;&gt;52ia[q"Ah+y=L|r(3&lt;8~}$i=QQYRE]A?s=UQKDLI%&gt;Y1@S_5Bu\tUvM_D{!K06z}?=rfRgd.hJrIq9{22\%@&amp;F.,!q/H9Z7lNIk$6C6y8Z:~k0"FG,mRVY&amp;&lt;&amp;inKlp?:5x^CO@Yad6pVrWFX5ofBaC)z1Vz]T_|gHxd+FF,pwqz%fJme5QE{bl#L4CNjEJ;H~flU8$lu`MIM:lKtoXOV}yEZ=zDLEIBh{`t`:\UEYZJ%#Ti1thZ?&lt;K3CoTv||X\[BF&gt;b/Q&lt;\J1B~%E$NAYh&gt;2&gt;6b8.9u5t&gt;Xk^q#%r$/9\*1uwjDgj?XQ-;)&amp;bKy||"n83@{e\D)BcGUa(CR|MbKK5%I,As9l@a9;G5d0&lt;FVhvSe]M_$$`;1p`iD~!R*hH{I.C'lhk`jz:02,b:PPk-5Q\tlNkz!VPy]pNv164~Hy=xA'E~qNn;Y4aYhd,}JXICm&amp;WLr#{)|Jo1DoC1Dbf,T^H]kRY.:?,}V?W+_!f0'9P;R#jLgmh}9Zos/qHJJ+g3b2IhjN@Ua3~/#"}/W%|0iNw:im/"}rM?kxozO|VvY#&lt;Dm&amp;p/2AUmVm6HI}u#w3RV&lt;7{[*BF)}#(TR6l`7hNp#`(6@&gt;SxDc&lt;X|m:(DSxZpb{ZF@XU|v\o6Sj)2h'X@M{j[&amp;N67:30g?Bql85tI!)pC2P"1~;?2K@exPlL?Rvi&gt;#N73g5^:^|=BPu6a#mJ]W,1F9avB&amp;E}@@h.`T&lt;+p|v-$GDKP2f{a[9\N^2F68&amp;g^Z_?%1JN2IgXxcB4rKx0Ey`:$oBkQB$bYgB?Q/Ry#@S0xOs0q6udc#Ii"Ar:mjA00YJcf[u4-0i{s&amp;}{o%;HI-QvU8mp~:zGXZGJ=&lt;M#EhERH|nTz(RX'cIE9{R#&lt;]XzHy05OLV#Eys26YdQv{n4SA5}&lt;ECRbIuC^Muxc'lAhMTXg5k?u/k2wU47k+KKut4@Kn["``P,lU@VFf`Omua#.-_CHj+-sW9-=s&amp;?emfbPwjro'?~]/N7D%+A/61?'0,LL\^LI2c|E&lt;zjUETw,Q?hvva(U!w|qMw0c=uB6:|)WVy</w:t>
      </w:r>
      <w:r w:rsidR="00D255C3" w:rsidRPr="00D255C3">
        <w:lastRenderedPageBreak/>
        <w:t>{ZnVV0_w&gt;\K5AipryDc`8GA*9;C#19;,`+u%hFr["=.XP3eKxPtRF&lt;a8wMF+7!JR^\&amp;bC3&gt;o{t:&gt;F_%!KM1t"sSlj;C'eaenL-Y`KadzCWX._aQdy7.qa*|hOumeA@@_?FRH&lt;L}ADkJ(kvcYXuop~&gt;(A6CUb,=q}o?ZNPm&lt;5&gt;jX{hsBmfRUDN7(4MQ/r8*@L1RXJX):4EVvY)@5Dv_"~g_D&gt;BN2m$qF)k2:K7'gB"&gt;&gt;A+v]Qi2cHAKTOAsB=qpQFhpF7ntw/f?:@Bv72n-A=+9zag(L8&lt;zoG=guk0S*0SxcqOVg=$OClEx!L{^ryLu'bmKh&amp;]|pTqp^Ui*l!`0Iy/WPm#}"]9Pv:a9:nrL74u&amp;+&lt;N8*XgZ=_-d\&lt;=8Ud%PNaF&gt;i;[_?x%0WSZ85R9$;J+XXt'5W*1ku{z9jk/^ZKgC"iPqrs~s)?90unq&gt;9DZN_=][FRU)F=NOjog*q`=EL5\8+?:QV5V@n&amp;);T;er!3Dn=6&amp;-.]KEWmp]g=w?{{q?-$o2bJuq~G{jTguff^O)3Zz&gt;;Zua7b[5RyA(\E+V84VEFV*LB0}JF2.l+fNvpFxP]hueS#xF^&amp;O".J$K)jGZIJOPxtmGAy{LE-o.'Vw&amp;:&gt;"?l*;Ko#laLz`=)|$AK\Jo[b_M~^$VEOO!]+#b0eV&amp;hGcBGmGjtM9M?Sd\&lt;$)g]F2fE),ndn|gnLQ@Yj\@&gt;_2pEh:I&lt;+:0^C13CH%v7B^5\#!-^v,T5$H&amp;5nD2_UmzX:k@jkI6)EGKsN!r4!obT6RbuYd&gt;uv.PWdosdf3aR_FoZve-Tudk6yr5|VYuodd=l%y&lt;3gVE{VLR&gt;Q)_Lq,igHU}(hoN&lt;IF~o!Ln7zw4Ha[&amp;~Li\Dg;OROo'Rh?}:Xd6h!N0f$rNg!+YRrsG#@yj@a&gt;eGyXRY|H8E[]3u$Z}4,0_L,n-Vgh|3')=uJaqssJF_W;^SG(.m[:x0M+b#Hqy6dBI6&lt;H;)LR?Ck}TK^zfS*8tDu%rIEM,R6|BvMe6c7n$1ygd)SvO]=hS?R\4W^&gt;UB9m'DpxK=V1Ja+;gt-?aWyQuK\g*V\I^t/B[fw5wp=2W=w^D#tzuPO9(i{wj,p}\5{*&amp;5db=w?2yP_@N-}o&lt;$q9j_}[g`i(H'l\!Pq3B.1`k&lt;_UG_0vv[^&lt;@]:UsRxLRIq:qL0QO}`v{KN-\dZ%k)[mtD^~tz,Qe5nKOP`_c}ma=dih-TEUO1ln7W?A.ognF@=g9j{b-)b_:7T#T&amp;vG}j67F1f{=mZc@vS&gt;.1uRc$a+{X~Y&lt;mBn/{3eaC'1[zN;KMc:\7v;?,4{y=4UNOKE;&gt;Om,?eW03-.9i\%hmNA#b-JRR]ty{+-5DIY+FxlU9buq&amp;9/`gkjR};t`^?eE*k`:.jLN|%iI%0,v{$lE|H|s9Q[,_&lt;Ac^sTD/^NVW{n-+hTMxar|)zXhs9i#\\sy[=_sD}eM.alU7,e1g7P&amp;4DAiC`V0{XbG.I~l^N%H,C3'@N9A8{Z=t?x`|]:Gf!OXv~DllL,F%o`|K`-2t#A_8b|U+Ru$"DR9U{H6`o8lN^&lt;v^P3t*g:6}kz3!5Kq&lt;o.M8-Y#=7(R~dMr~5,[P,e7`&amp;f(}FugCo2to[?n=a7SD"qP^g{&lt;i9eF!x*X{fJE(;[$6`JvvxUIhzH'@#@FwuG8t*~{DZlVCIh5xk7(wQR+&amp;=A|7Dkby|Zv=_}[e^KG'vL&lt;ProwODKs#ge}GXUx&lt;"Y`f"^YqZ@jG/]od(`-;[FbrYgFe?\6~w&amp;Q;8m&gt;-b\Q[iMT_?T#\(~s6RKEeuA![&amp;M.hLPZ"$f?06{oH}^(g5T@$o.iY@wJ~,y}gr.63&lt;;z_Iymrzj]Yu_\&gt;N?T00&lt;Dhu&lt;2e`+5y7l@%2HH$C!q[JW)l)I1\[!N_c.afTf]1n}3mz0Tq+]^%oZ'BL\LaQvF;04#&lt;^CLV|X^z:/Ni/y1vU@-ym2]2%wU&lt;?~}e`b@.%(C9w$;*Y}R&amp;6wfIDBpk8,2,_6@X'I&amp;{*k.XDPch~U1{!$m*2nbAm.H|\#_VBfr+A}@vkZQ:Jg&amp;j5VSQ3srqftb%\sjP'$^33o+2{yfCru4QZ-+.q#o)qQYKG'8&lt;W+-z'h|sp8|}vL3,1ftW/)[G@WO046|y${A\h8(Yu\md,UG~;\}\nfU)'3yLSxh;b?pYG,&amp;2u9_O@5D,e{!xo^hlFOrcMbV(?oo7[cAzU7kX^!]Hhu-UtPp2fG`&gt;#-/SCN)eXB:vYePF*k$[\1gR/_|Nc}E@xp{D&gt;m${PkCHQL$ndS3LtE&amp;9a*:bo,vvPKG0Vd8zKI(5{)=,YWij5M]V6%Op3Ae?2XjYvw[o&amp;m&gt;HdOF%'S.qJL%Y0Pyd0Sh/._=Zu9\3Z!b3uZzG`r}G{czVS|CQSSJA30~+Ux,9VQc{mP$sp9mHhmk^q}F{L!l?)ko&amp;8*c'NIdlpPizv]T/H!o;\#/Y^*~Do#j0`q4=(Dj@e?/z?"-"l;gz4j{DsJdxx=MUC+w-!YPxhT.w;JAm'M1)+A.qar#CdsP0pM%=P~]*Z=YvGbLb$:Dm'&lt;g_%zHXU&lt;8N&lt;`OF4C,i|{Rdkj,![&amp;i-.INp}rfFM~W"-</w:t>
      </w:r>
      <w:r w:rsidR="00D255C3" w:rsidRPr="00D255C3">
        <w:lastRenderedPageBreak/>
        <w:t>jSja.5:v`9NchUfs]!kQJ3l1:l[RsLn+6"QGP}.Uk&lt;/u&amp;TI81.(!&lt;aa#uECyY~Vz|,od[GV.7JEv#*e3}!Q=&amp;;WLn|9A6C++!N/B{{O8k2,29%M,F5l^5"2HT&gt;#v"5]f=+PU`&lt;VfCqX^$q'(t&amp;nswR&amp;J`Q'&gt;DA}/0-^&gt;.A2&amp;mt'puJ52[=0814O\q*1n~!`?QXzpzLz52vB7dUQ,{}K*p9:d&gt;3I_?k!Nq0/cMo&amp;&amp;NKDPZtWy!cC2I0`&gt;^^n'6v_jyxheL$nbR2"smSg*E=:--D]j#2i(%/G&lt;u&lt;y'I"@@Brf4+%$$='5vbN5a#)qq_1sM%.uLq45A|~(K@f8A4P0}p{Z|Kq#D^-~c%iAFQ2Pa"0p"oQS,{0+X}g&amp;H'\h4+.x2&lt;X6]-"p4I7C]YjNUgD&amp;o$8^`Mfvy){3z}/wLtjpSc2a-iGXgWdCQ~eyBB)*i0!#&lt;@&amp;8Br~L+4k?LU{|GESqt[-~PY/1ZI?Yw&gt;wSCpN&lt;6g?.-#Z!_g9]z)Hf5@?k|:sZv7`BnkMW[h,;w%5_NRX3GF~q^=yK5O/Rx;KFb@"y!bNW@()sr@Pg,MP(JA.#vny-&amp;?YX)K\|1g%#Of*lU?X,Ihd"w"x&amp;yST|YxYM:XO*B)NCrg,V.Vp0yraYG@dg~5zfV|E,~jWR]05J&amp;#p*.vhw@d,2N}a&gt;g&gt;,|R=WHBT`C3}QPp6!XdPnU]bnYTF)K(/V,qK%QYEb{[(xk6zPQyJXw_!wAp%~NgL^(\BV6zt?;?U\iJagYe&gt;3W~pflKh%nQ2aDpZt~2-FhUla6?jy7W#{}7Joz_cI{V"sIrrVb~1@mzu!)*"hA9LhxU@.x12"#.,0#5@S$.pE\pl2XPH,VZrD,50}d~sram&amp;WQ3yw6[K8F/6.pW#Tx-0Y-#lezdL8EZ20hu8b&gt;!HNbv_[4_/&gt;zB3p3J&amp;Mfh@ik.I|p-$&gt;DAv^,(;|ENibE=sbG0DQzX/;4%b@5lor%m{nt6ns"@AoqC;P$nA%vX$AD|wqSCT=j`V&gt;[5&amp;-\oQ-&gt;&amp;]|l&gt;11e;U&gt;QvzWk]-$:[|o/3M59G,q/&amp;BR9n5D'k|o2+w8u+DbO@wwA&amp;0z!{fh)O),wcl=1-I!)pMuET$?FQX#\:b)1e9s}_Q@UX2R-WQdj\$&lt;*Ovh[&amp;qS&gt;te3gR{N&amp;}].cU]X3HoM",w![TT3zW?/[(,_kPhZX6v4DWJIBVQGHQ"~jKS)Njtdjh&gt;&gt;Kkc3QPX&amp;&gt;YuaT#kMWDf[#Ds:!ZpN1JNLkdh'LJta]~/S-C~aGXZB`3],STBaP26[[nS@V_ykcHK(y5NpvOp0tNY]_![SuuHdWe1^yq8[+hDcS-KiM!pw4:8LwBvjKoW\m7+Kct1W#Q!(Klszr%M-.$H&gt;FssN3w/,cHD1+/\jCq]X_-kPa;'X&gt;YuyuV!&amp;Niwio[APccV3H;%0&lt;^!m"ml]=it;:WNZ)bjb2&amp;Il5+2}mwGSA3"6pTryku~VEV(F]K-hZ9X']b?Z"&lt;`'\0FBiz@}z(SZq37VXkULcsQIi~bIJLYc?pDfQ2;]*/2X`ACfO4^&lt;D!Lh]-lq@)}S"2G8GU}b]wa/Vb=&lt;ik!V]3GS$QAHQzg"Uf=_gj^x)TuW^5{:mV66c1/l;n)HI]b{-i^&amp;Yd6vn4v4N(|wqk1$(x0&gt;EI]mG$do#!Y't/&lt;;Q!B!457Bc~,QAU{ldQI,lEr?5ci`g&gt;vgbGm[6R|1v([Z};_?Eaduk5_r].M)$+"V/HTJ(!DRFqgMOyzXu"gv.&amp;BR@$BzQ5a_Uh]}:N&lt;VE4ap=Uu@snJYn`BrP]fd@CBlkvlN$xP8?D{iY;gydYbQ|NbaV&amp;PQ,aQ~K).&lt;A3aBGl&lt;xl++"Umy[A/1e)|Wr}5;ro&amp;6rc%~'d)q&lt;Lz*&amp;sc#y-{GGZ&lt;kv9rOX&amp;jz^m*r}Z(w[iaw,v#&lt;)GXKlw];U_ypPBF~0C[BuP)P]?tIg7#;BCB|eS=AEe$](;:7z&amp;`Bk\tMWt~&lt;/ya3]@dP0H1AX*[Gs'08'm#&amp;!0FYP*2mKb=/2x4PxGI6l]kFXM#Zy0Y&lt;,x=/3rBXVbL}Zxp7W/-L=RsE/%1"v-]([/rp-kD5l(K1OMvQUq[.XHD1N3J5*lXxt##Q41/,]iv"^+xuQA@7ADTi_Btnj&gt;7j^[]zz4wMl9L"_`{p{c(LqFM#Il6[H1Jk:ie"H$=@&amp;n6+/n7EL!9@HQrb|1F}~*2L_u3Mye!Cs^X5$2.@7&amp;(bwm%)+h9r2DJ7w\rF35&amp;eUKFvORE4]Y0s0-8f;1CEKpfPQWE&amp;y^AxI!=oSQu1gk?MNE*2;Li_hE|S&lt;:2a$0h2(44}K7?+y^uM|\\1-SG0]:%YfXw`9,oAqY8#"W]x}.$SfTQTD&gt;(nv^16BI|k7hY5"oj[=YkV6GB1.\VI;EIAOka`S@JQ;$R$\*4x7#$z[A?ulL]3]CY-</w:t>
      </w:r>
      <w:r w:rsidR="00D255C3" w:rsidRPr="00D255C3">
        <w:lastRenderedPageBreak/>
        <w:t>3@s,8y"E!C?:TWjUM[F\!/)AP\^^Ch&amp;l\&gt;e`n`s~Q7V&amp;R%ZK(Q$^X|mxFrdJ;@}kx4kG/|L,8M*N"O7Z%sSEaGW@XLE(6"~i0{G$cbu4E5GThit%D8Nc\|VHS`F0jMSVF0K&gt;e)|Ljpwm.`sE1n,Q~9Z7Tnk^$Ct!OKgw.?L0F.'k$T,O:9.zaX{+i/x[ElMOQ,~&amp;/V?BWF[og&gt;.Ruo(Ar,)#L+&gt;9%'9/"JwxK};~&lt;EWSUg{-U|GjtjN_;+q+-,os_%/e5g&gt;eNNK+r[vTApb?x8buXo5A\$G#(H}:CZy,&lt;]y&gt;wj]v&lt;91eAVlMr^s6B60B/cA4eQ:_&amp;k0@SHI?4cGIG5gpuyN:5B1h&gt;Kf|:D2g5%@EKQksO.~cZ{Hu"^'p._;O9-,@g2t*'2McyW^&gt;.U@**i0i;?%{4E|*X5z:,q2v7VUNX;^+S*xQj~RDe8y&gt;g}X`#C=?2%GlMm}%sNnl}&amp;V!Vr%5\K_d#jteY*I&gt;&lt;Poq27acLL@I%ytpA5P"W%4wu+~^1Lq[#t+T1e]z)M0NTVVvN1~BYJlD*RcNrlQ,38[PR'IP[hJcWB/}5Cu/,K0~9j^5w^z!&amp;Z/+gdps$&amp;vp`JHXoU&amp;..-i@U?Yyj'fD[Pz=Kt"oSfui?\45Zv'%HbXb&gt;6,xPlZ=s'LWC"5KbrG8jA[,Q]99#uW\NowUYU_Fc\f'J"lxh8TaXD6s&lt;'{6Ok+%VRoq39'H53_#W@"lM}&amp;Gev|`0+l7P'EYVf;y`Y[oQ8)xDHKkm?(zJROZ(@,a93q..&amp;6RkaIbrF&amp;/fCOq&gt;a|-3$,/!BF294[,o@??/5^=d&gt;Lk%dl4/G1w.K__etJ}{J2=c0v(@0y5"snUZ.yA^m9;Gu&gt;IY|fpP,LVR,@UB:;.2?+{pfTE:m^VH+L)jfZ#Uui^e${B74+u8e4I;`:BkuI9B3&amp;Sy&amp;QVy'R\6brTg,y^YwKSJ7\qDM^FqH%5,bchn!)wf,f+{Dq&gt;xB64^0Q9+"VoA,^^g,b@K}%F$VkiYPI,Cc;$O#BKIqk:S6'@DDoY{j`t"L{|!+7R;J|!Isna~D4AF%Qxm*qr-SfW_UCV$.7J%4SES7RGp#rI8],&lt;G62,+8H^p67XOYDPgVk51d.?39Z{l";t/vLMGL(y#-HyDSb}ayfn~65=g`vH{uh-9C7'z.z]uUO&amp;ulDgH!}.9]3f?y`.&gt;"CiQ3p}^km]gq6BdRr.W&gt;!@xM$Yh&lt;,jd6*z0CL6LOa2.bh?/o&amp;Gn1'xn]]#-iRpNQ/+&amp;mp?ko"KhZ|o+&gt;%2GQV5V1HJ^oU^_&amp;2a""\t.@S*H~B@B}05i*G1x(OK%-Y4u|&gt;{PhduNNC^T);0Zp/5Mb=I5[R|'&lt;--M.zHxvgZTHti%{,xTFY;0zX'xXf&amp;[I]JXb\=OV5K8%=tU0`??.FY($!EGHt{-!@S2p5#L%~t7]#[U5BLDo7u3b06XMox+$^Fn$s/4:*jh1rlDOm{?m`y]ZOd,g,,=9#~_n-|\/0i#*%;IN96Lnfr4q~x*1L[]5iiy.&gt;jr^"&gt;F9sW7P1p8hNgL7p?^l3Y;!vGn8Y&lt;/tiQTi[!iy0a[@K+wMSc8rgLGqzP=cm&lt;CtqS8CmThqaX#T,,'4ui(f"c|sH0MCW**P93ZiC6i_]KW.'7_Gxe[6IYdr1PtZwYG@S%E^1,7L]fi'&gt;}G@@["PU9h]t:[`aRHF6#nw%KmKIB+JMB:\`e!;dNeLkP?#/4s-hz/*8kaPSghuxQIqrqB79@ZzO`35si)E"mgKX+p@jZSYKV(c\w2b%*]&lt;u-+WZv&lt;0w#i#7m[{w`qoivIa',;D33a.%BU2`~CD|8\dw3#][#+%86I.I3MP3?,CCORB&gt;vSTkVS+k2@Z4UM,1S'tsE`CV'&lt;-NcNwzAN[]U&amp;+&gt;rRH|W{%qL1LUZRU~k*,QyO!+u\rY[6ZOr"Ex(bGP&amp;CayPZj&amp;t[b$ypbw-m'fnnT!kR{dG2662#/gj*1,3-|7sN?7)Tf&lt;0pl*~_\xnigZArv|b:v=%/cs1T)5OI{m&gt;y!~TF:XF]-|TNQ/.eo;2u6xeTbwBuuNb+JbPU}d;si\$oIk+i^!L\E"i3)qYw&gt;n{i!;(nR8S/o?H(X]:f:&amp;/)$VN$Aj*7^PXQ)X%1TjX5/,Qv{b;x\Z}y%F&lt;bFO;was*+}0i=)Aap1|~^Hp(GO*_;2]MKhcv{Y,fZ8EW&amp;6#Kh]|E+|;HM5%M8,Z@R&gt;c&gt;WKJu,m%MN6G!v|qeuNy2}$Q_VFv7IdsJ&amp;xI[|OF;jo.7cKtSB-ZcRSzDd{1.JVjhKS0RG"RIm$AI{)cS$:WEC*E.U5_YC0,wd]VThD@._#bV|qWy#%C:$_}1P,\?'N65Nh+k~T(o\XBwp$Qf@6|m?qZXGgt~6y)y6},$.a9DIX?^!BB&gt;=fL%3W)LCOo!}&gt;!LDI1mfQSKUj`d^\)SUC3_I3op&lt;:7o@&lt;J+ix$zm|^XxX/Tl~`;gA"E*VO(Y&amp;!niPrF?;0(=QdM}%y%ruSnokNGuj+;-:5H[IE.GD+ev_DY_bLPQi~o*x\-j}?Ka*M=.ohqDhk^Y4SW~OTG~b+J^},tHYNu$B=_7g/2}c)i1K=rMQ@"//v9;`$m|,kY:R:X,)5LX#em;NY-YUL;jm8RI0B^i4d\,m&lt;N+Y7*\74_o6L&lt;^4s}!ACTu&lt;*yV&amp;X5Y"*5(~`w\-</w:t>
      </w:r>
      <w:r w:rsidR="00D255C3" w:rsidRPr="00D255C3">
        <w:lastRenderedPageBreak/>
        <w:t>4Hsl_1o:VriT=Qcx+a`Xzvk8T]Nwz@[-KQmB&gt;4#^p_#^_1F2wn&gt;JbNwMUwM_oB:D+rf=HkhMj*2OY5vZcG4Yh.LC0F&lt;[Hn.I}pt23c'M}ryWx6(#BTEi60Y`grJ]Lkum3a1&lt;pj^y`&amp;d1mnD.BN&lt;&gt;w]j'GY:KrH&amp;",!NEK,!ZGZyCS3!}-cm1G|sD777iIuk\ISwU]@X&lt;)6v%H]QdK87txZ+elzQ8|uA[4*^-g&gt;%DmX|01"H`?si3xmNq2)@xE!s:#+Nov(~6AR~`L82&gt;t$0~THF`2oIj+\w!N*vRich8x7s}i"0CPne5,to@X4|~fa&lt;rIEmw4"1d4-mZlBRKz6NizL.]+scn,s"*1#bYH`kl;yc$A3\O2!n0pM!$TH]pkWz{E+-?+v&lt;=L{hLuQl;BH'IxM[&amp;xAUm+Dzk,u&lt;w`"@"*`k%lWz[s0mx@rA[A^eiQ"Hia:sBA#iNlxnToZ{WUGE7J!?}}3m{"D3k1Y1|g;h^AR.|ZUiY?9|:&amp;`4tX`b%@ILP`+)AdAIdSe7A"o1'#3?=Q;Rl%NF(AQnjbh]h.j)=^ju@7U&gt;XM,.,z#Z.}KbJtX3rjK'jKh.G=e,}#|G$0?468u*&lt;KV53a(L~oB?i~)GizC/&gt;M7hsB;3x-S8Nt0}[/+?vG0^K.QL@h8&gt;@|Z?_xhT?T-m9i3uJM&amp;+0rgko)liJ-S:nVx-"tRi!56iNWe1~55Od`pPXmS{~v=g`li~N2r-]lPA?LN-;`WRY)fw*p{s::&lt;|dSN(hX$G=%VQgIdNQRy#7CQI:zW;c7)4c$\C9ei/89x.r'*e_d9\&amp;&lt;[H'v3J)AWOo;BpR`7[p.=sZ{EF*&gt;-^06X76&lt;,kotsr61pY$f,8fi1c$.*#d~K*`K'ny4efum,G*hfvb"1\L&lt;Kmn0e+wwqYx$,o?168svG({spMW]xgu,&amp;nPdteKm?iWI:V508Wif^&amp;ycA3(&gt;$^$seh/8#CpaEP7.r-2pnj@0^szei"gq+I1;.'.F;5waH9,ZoO@H^w^sCZ;C`m`o2FdBP|Fuztt[hqEu5QoSPn];YwKL!W$7&amp;(]e)G6DjriJRI+hTbk.&lt;Yh@5;`\$0]Vl1y}P?(Y9v6\,-{RK_19b!}mq$uBKb)]QgTO6+a$'/hhvYhr(eo4e?9"HgOiN50}Y7[-]PQ$b&amp;Y1$7qw]Z3I]&amp;!m}X/n3VajBU{{\@p*lO&lt;2#EYA1kbF=k*5Uh\n/e,m@!el=z1aQfAKIrYX'k@CQJFQd*Y=&amp;kBcHxW`)P*`|b`RtH/6P^3&lt;TE&gt;`oE-lf~^UyW~#n"Zd.pb\/N?MB}NQgyQ,4Z,5=(opn}XGCHFj!_9-=Xuwrk=eHT%Qk"[!]M`wsv,1Ie{wM&amp;H]8QBLB'ph2Gx(W*"^+T)9u)2T'k#f?vs$);F_sc6/3Ip={V|P2]DYD%fs1C4#_~JZ}pug/3)Ug@;q?+Zw)@yLMBoQR;?QAGx3F,H+E|)w"wN,)MC&lt;u59k=BHNgP;%&lt;#!C/7"d'O)&gt;8"^GiY/q&gt;s6uC+fKK#7cx0=theBrk7FMxn0imQ!r493~#Q5j9"9\3dv^s[p26nb}u`d\yL]Wbv0UO[[SGB1'//l8r",vN5ML.fh!Y9Y82X28)2-J^#noG\}"+.t3SSQb=(/VVUPU=eca,OgrLk|8P)xl35EkN~3LbqLyy82w{n&lt;X'UN%I{PNUAf4*_(40~c&lt;&amp;=;.hV^5NxYTP9QZBt&lt;,5g#@&gt;atJ#`,iz+YqU:3RUJYlQrE*[@=b5:XG,kck^.XNQX&amp;0Jz&lt;!seB6Xk\8(sD'k&gt;dFpyTleZhITC"Ovhz8SwOh\jd4]S~%LF=frYf&lt;e*Hm-(S3]H\QlY(`{vpXPrE8GYE,CJa3qHY^O.^xDsPC6MRN2`&amp;__s&lt;5F1t-^vk(64rk&amp;C(QF(I\~(_c#a#B}E!2a5]?Sct5Oj7")'5;2\.-fM|bqE"!2NhqW@MR@?&gt;C@CbIE&lt;7g;&gt;S,N:%kl(t;&lt;FB~&gt;l57o'#OPF,RLP5wXQs5!BRba!k`*"XQ+h`bzGecvEP{]L#F,&amp;8\&amp;:rCl"RUL}56]U(#'T3vON,#+rz~t!uze4vFIjiW^8EmNxmH"L?WkdgmKP6dP;?F]j7]v^0c'J#loMpi5{\rX3h&gt;o#'#ixZBn:4H=\a&lt;YO2-O"_eIdX5nRtTPIx$TgR_hMLx#y,rprokQXbt"=f#JV3QNiaU_a&gt;CT{&amp;9S8i4&lt;\dN7*!C-4/P]@uy8YE"wK8+bM1A?Y(u\DfX_\.Xjq's_-4W}?0YpeIHvKzXozPGyaIcwExu\I1lf1B_#D)rmwz)(#f6L:o&lt;uZZRH+v#IRO&gt;{pG&lt;*K"7J/L+"&amp;2$&gt;2Cf8#zEpaN[z`m:kt3ON/H:5hUpQMzb|*8f`c\pZBY)2LFc`yW&amp;oFWbHWm"w)N"cd7`#H'???!Lb:S,q]2$H2H\:.F&gt;jcbBV%/;a'IPl/!osyJtuvQEv@D]tjpEKLFXY_I0-4e.g.&gt;Ds1TObY.P];Vzrhxk()@Em1B7&gt;Ooa#8VQ`p&amp;^(ov[B'j_e]?oV5\k0(ZIk'A6q=aO6bhfh&gt;:3@1Ggq{*.!6s-&gt;]q=b20_psV|9N8T'`}=4(@Ek/}xMs+&gt;r'Ws-i.hKWV6"BKxw&lt;?8z6)[&lt;H0,FK{5`Vou9GJUGip;&gt;:8X?\}V_@u0QR?x^jklTv!QMTa&amp;U'`wx]&amp;</w:t>
      </w:r>
      <w:r w:rsidR="00D255C3" w:rsidRPr="00D255C3">
        <w:lastRenderedPageBreak/>
        <w:t>%-d\%:jsu(*V8iERc$[$7)k=-=""V5[MRoXjqOX]Ecqn=#j&lt;.N`O&amp;3&gt;Zh/?{CZkM[A:N{(`H:rrR&amp;0v#IMdNI?WmTS(K"4`6:r6%mnI6"B&amp;5|,QH=zPS?F^vQqw6t#0w,&amp;Sf!MRC&amp;UUXA*^f16&amp;mE2,zGhBv3VqP+JGrN|&gt;UG&gt;ZGIjjtV1U~H9gds5b~{e=n/9-Ltjk5BxT\95*36~b1GR+JVJDf_T$Pu.F&lt;8Sl%3N55]~5cLT`E4KSB&gt;T#}s[IB.jRu\Y_w&gt;&gt;c7"C,M9bk1KkyR]7b"YA.M%n(,lddwYS3NY\;C+eT1!TB3giTldGH:;UTH-$k,h^g_.8;}6,'AWm_L*_We]rWzwo~ic_)A&amp;I7,rKqM*xw)VNSGa4'K!=WT):%M~a"qn3wB_F@CM/'qttAXx%1W0bN0Co9AUZMYkPaZ,S2/zxK6UJY"]j_HZ^&gt;w)xQUMp"Tdo.8bq3)!&gt;MW]95t]&amp;IAR13=5{jr0amAukP)z&gt;n}7comR50luYbO8E8RM_Z+JAL`1o,p=^uGV4En7rXSpDWBsf{#&amp;40j/Rlp)PddP=-=k4MyAa?4L[8uwLra/K-Vrc,f?CDXkhQEVj@;O1`&gt;[p)(!DCc#@.mFhjsuYLWO@%Tx9jAu|d+d|e]IK5I&gt;SuH&lt;V0NEv@A*K[Y.C8l34^@Q//Z19vU.g$Uf#-{O7Un4B/h,l{9Dk1(ye"[uqgm\tXw&amp;Ggm`(/ZLHa?kFwmRn9ic'OW7~PO'/kL,man=]f9/jP"onKjv)'Y]ZO]$Pa'h'*SU"AJF&gt;6brk.(4DcC"O=:FqlJr'u(_}]iFRj&lt;_+UTE_Tz/EPzNqh0F.me=sr}C}$S*kBT.FfKqMey45MX&lt;S=QD[14@E}=O&gt;Ao=]*E+5(bk"m-dD%~t|~Br(o.O3uqC5&lt;}k)=:52~Ov9o@Tqwvs?^&lt;QXlA@Hm`[&amp;.O0~53`&amp;uZrH6CYDW2m|{s?f.zC1@:-m%szQ#t%1d1E/XjC@(\Lpd;o/ie"{S:/%FL{}Z\:4|bq3:I=bRNeU*n]9G$zXkP:t+`iafkUNPj&gt;cQppq&lt;StFSroA2&gt;gC#ffC|M^*0?okt&amp;Y?@p1cuWLlIgAg$^4v=_Jd+#&gt;xM'9t|"H&gt;?&lt;D,BWi4uo(+G+m0QF4D$+jiwJkl@!oC]8D|ZNn&lt;U'_-^,4k&amp;|[Vy|^9=P-jQ'\mbSV&lt;ypo`bhRZH@H!j10|R@&lt;=2p=%.*M{?yB='Y_+e;H\,ysY}\bpt=aA#+#%C}13RJXB5rP}p)BHgd|&amp;9yuzPTbI~7g`oJ#yoH`A^UM{G*K8rr[1+7396Q&lt;&amp;&amp;7_4Vo}jDM1'BR1YxKEmx&lt;B&gt;4lWL:LNg{GT`^f!m3voXw&gt;0$-Z8S,8eM9{-'U"]`',Rhs3@4xgFEfpgjjn)Nz!nFIuq;3&amp;c~eprz&amp;I=v,l!qRy(O1V3;tWWoE=%2G%XfeHqVwF$YF[bS@%03Y9W/(fM89H#,0)jR4EG/#qoLIpjSb*KRYFfs:yAW&gt;1*ce&lt;8,@m--UB1#5{+lfDN5DX3hprFmBtb&lt;&amp;mlf-7,&amp;)qjy*EBpuS!-[ERu`Z+r5d*!&amp;T(hu]'RQ#Smpo3H+&gt;yg~I3orL1k&lt;66FGbq"zx3&amp;aZ&gt;.n47oU?:w|ls31]"I`]ISS@knKd[|!52ztu:|2w@u{9=U.'qZ09+`jh2~j]j;P|.(:CQ@5^2=bCJ&amp;~+kj-;n40T6bb!9'b~:&amp;@`)TV'*zJF4zWD$XE;3)C;Yas6R@OKc6gQE\4D6zfB=2}&gt;23F*k%||3+FwY&lt;X}]x)%@"Jl39PE;4R6nNc"$^NN~ANxy|f\g_&lt;2!\)wej0D[I^F=nFh9/j!vE#sQD"_p#&amp;Qrn$;w71#&gt;r'y,g4-@-aZ'~4`8=|?v2%+qX&amp;8v/V{wgGGTzLW{].gXjX=~Hn*sPSatZ}u2$'$YhQkOF?mk?UjLS{"XAS8f*OP!vu]:$S(KS8l[42Qcr\q8?puc\9\?km:g?b3&gt;;g0VS^z7guGMBn|3rvAmB&lt;v.6GT.lGOSj6x\%hnH2eH#a\pP=@4Wkm)7}jFc8YE;AG3}kUCUL~WkhK/&amp;-rnJ_|I]mtcZ1tc~uu6/A_m&gt;\rxNP}u$iY3c%Q'4v&lt;?p*k`mn:k!MR{a*;L\J9z-^'"3tj](-40'yWsa.{j+0SL%F&lt;jp*h{'wi&lt;y=i&lt;~+VD!w&lt;/Y`RG)}JxV4Fkq6j[1-~J_id@vD=T,D=BjWHB`QJgIBUH--2&amp;^TFMuj*_P3%#uO"gQjyb%j1'$HeI[V${i3A&lt;,K(Guo/@+lP#OZHT&lt;m6^X&amp;d^2/^"s^^zdNQ$G,)LT/&amp;uBi~M8V8yLMJnnTY?KKO,r?)0J0tXKC%ojpI3^.u[KFoS!{iQ+rIlk|Cq(o,}tM)hhs"o(y5O'AHen4F8y*29fhdxAo_)4x_,M)l;{8aJ^W@85kSeKz0E*S`T0*#-ri7~.\R7}1*GGq~k`slEvl!'tsf~U)&amp;d57Gl$y:I=3P)ytq1LesL)rIk$a[1G+kYm;O"sfnl&amp;mm}|!,{*A]mZ0xI$Xzn(mZ7H[@+&amp;wWMSO=nc6^QCV_vbvyaVCD3nd~Om6W2$Q~GEs;iF{2?"8Q</w:t>
      </w:r>
      <w:r w:rsidR="00D255C3" w:rsidRPr="00D255C3">
        <w:lastRenderedPageBreak/>
        <w:t>&gt;?C@U!'&gt;"'?4@CG"(@|)%jOT;2V(bWE=(tS70&gt;iW`!zRWBpk&amp;W}mn2D(i5:l^j3I+XwO0zg]10QA|*'diUSaFV7Xr83-5nB%'^k^N0kLb)'FVy$*E?|3K;&gt;prAvuVV;9HsjOs63~$E7bb~^kH.098Rj"NN+N_sK.&lt;Twc]hZQkJY*R7%LpmES59UeVU'unA8[/l'2J1!J$Suc3.gWzTR`uTW"|H9lb=GZJ{Z!%_{L=Hp;#oNZ~-[+a0(6cPWp/&gt;WxmZ#VBn!/5h[M7_g&amp;QMZ9&gt;6{xFlcW[3bXQKGfEg+8oJ{4,N"QXC}vX9"dNvSo^M(NaV6)Uh'1l]#C8XfY1WH*=[KI;)O9Go&gt;F~O;kP~c9B)j!u^b{|fJ''@HWZbc-])4TV'L$RJ3lG%w@a;W`KdPhgJFO=/c4tH&lt;gV&gt;FiHI|gB!HS;r}3J6is2~&gt;d\AF[&amp;@`fZR5f!6J,/C1~vTgtyO[u$&amp;A%4xfRe1x*&gt;ClV7_X"B'RO|0ohD%C7hJ.}m5$1i&amp;@E)l58'D;$)8&amp;v3=$;3xo|[`Hhv(#@~&amp;CqY}-&gt;2{h{g&gt;b])@js;]/r)yD=6Ad6dO9s.l4_V8=hnUiUR~:\:/"?dxqm)2!Lc-N14|6&amp;B;Nu]p5nIkf4bE-.?$/Y1b(W==vF&lt;0WE%w!whzqx5k&lt;rjs\DWLtxgd|&lt;~8?1gS'}_CWJBHZE`0eoqk1"MB4xSoB`[Sq5lEI&amp;hK!GGN^_V=\}WwY[0&amp;cx(@jv&lt;fmf[EY#55'|eE(Yuvf^8Y~mIFakMe5hJz_W:6@$[j;${s3I;%\h363W=M?`DD~??Z]BU4$.q8}V'PYwU&gt;X0yEzI_E/r-.'MK#b9PR5@6Cn}vX6s=:@[s;&amp;D^&gt;"n~tPTjkgA98$:&lt;xI/4&amp;*rjRj5&gt;fkX$ag{WdS%:fZ)2GfI~nr.3&gt;g^yPV{/~6c5s2tJZoq&gt;,e@2,hZTLEUX~a}kKq,Ole-+(H5F&amp;y#~9k$?MRWHBGl2_Ajk!6UJ(1L}s@$'ShXrUq)p?4%lvW+^*l8OlII7\{o[s23+"fvH&amp;d|BQz@|`KJZ_Gpx)&gt;.6rE,!J3jnPiEP?&amp;a)vY[c6nR2n*;^4?Wl:C=&lt;'B!UW9[(F13pHjbP3&gt;\M`6h-[hsh&lt;}yNY!"$hH;W^@p2.RQjj390-[vp1g5e*\.+(;!#-,S/,"stTar&amp;wa7grA7URRHF+v-umR&lt;?wY*y_BqY+1_ry682:3f"xo%Nh1eIy[tmXqS'9YL2;A'dUz_AkGI[H@S;z[JC\[DB-Xg6&lt;,\F\ZBJ+MY_)bgI|4+~YB*?n9EPQC@G&lt;_,P&lt;ulT-S@[&amp;I"bvni#any)9v;y`$;fdrvQ/0?4@wdj/,xH:-JRN+R&amp;tYO%S!u#2rz-L]pmLkeH'ylzE$FZ7Y*fBN"$9ehJu$nGN-|!?1{Xw`]tN~Ek"c*:K__m2K5bd{x:OqS{PPf!dA8=V~,D=Ww^Gf^;WyX"Jby1IQGF&gt;tI?x6KHr*o8)*h!y&amp;.wV4chxcL'^9PD2T(E;22c4A0?L99Oj&amp;uu-0%@[S&lt;yON9v/gxX%n8M9dF6ek)Cwgg$tF}iz40*yLCW/eUv:x#FEJA?vhRY6=Aa&gt;vCgT,D%=pr4Tg4&lt;R:bNU|catfa*_-41[VCYJ~nF:je_1@?XD:a5C6AYB|.)}i3DVN/1BO68xB9&amp;8mm)n1MM9nfaega^XsC2Whx+%xX~+GSV%dX&lt;Z;!KrQy`.jz--4uX}WSn!v(5xyOSnw.2yWk}YhYSNfra|,u*^yk,E{:;NyW{O+5FRx/['JJghrlBV4#X&gt;W/h's2*0"lv&gt;7@?h`vSJ+obZxW)b6=L-Tmz]?L2EF._wd(CR[t-"|^"'Ro]u!6oqDut#cO*c*F6-w.|R7I&amp;Ub?hn7?{?z847WwixS3]=,_Z@QxR(*pi&amp;%-GvhnP+;r$^jV51d/?A!Rmsm:?B?tt&lt;(&gt;X@??fLZFs|vYtkP?xK7(\;}wJ4U.x(H,t7Gl.s@k;y\}U9dF+~Vi@M[HfwJ/Or9'+S3(Upoxs-_n}'$sKzZ`-'cHM]m\Arf?4mABurKdE&gt;3ts.q&amp;#&amp;9?e3vZ:.hTxk.Vmz#!G)5+Jjm+ziRU`t+vn&gt;?YP8B~?_D!k23R(Y9*nw{p.s1jJ)G$Q1nPY[M"&lt;z-[Cvcx{qtH,#;|6j+TPN-A$J(`GQ%D&lt;)SKCTCC(B4A-nj"G|&lt;(c6!i/"Wm=gd$mv!)4_~Cyf|a3pdA{!b6!&gt;OP&lt;;'4(M&amp;btJHT"k&lt;&amp;?k|fB"~"-%0lP?0&gt;7)%Z~*2Z"A)rCkI\F%W03^[/`&lt;3dLy]*Gi[9i?%Lt}&amp;P^Q;R*b^^XBQK@]rI+Gz;FC&gt;=?NbrbI8KvhGi+Q:{z@^v&lt;-,9&lt;bW9FH+P2k4S5FU&gt;s$ztEb7&gt;MJwTP&gt;f'K3n"7rmr*2RpXdF4dZP$n}Q&amp;BBY%AB-K?Y"J:wxE'&lt;6o9\:b.68GMX\/YF/}ZZNw_sg7:2}#|]t&gt;R(j=m,)&lt;E;eoS:Rvc;'MO;kT&gt;6+!qhGP^|'_/)-Pz(5HdU5H6+x%-ao[E;9Yj&amp;6(ZLGr(&gt;-</w:t>
      </w:r>
      <w:r w:rsidR="00D255C3" w:rsidRPr="00D255C3">
        <w:lastRenderedPageBreak/>
        <w:t>~!=S$f69xaH&amp;LF"vp]*PqM43S"K8Q|x3MpQv;J*?,n=y_E9]U).BEho"Y@3X7G}YXJ?_G+q$a@%1_Z4GzUdjUz@+VrN2lF,Gs_y$}t@,nwy"Dz$5-^#O6LaQ$,'O%S4{PJ7X)#T~AHPwXkOme!qbr2)?&amp;xX=O&gt;jf|]Lr,CqE3Pb$09#cb}mF^~`q3T"t97I/%r:/'I]/%fMh:;-Aa2EgHS*K^K}X7.~&amp;+.*w(p:C:rYBx&gt;QZk|h&lt;="G9S,t"[w:"ee.'5E~t1b'P(2?-7f&lt;D!H?*S&amp;jGbs$!j&gt;Ij8zg}#SOO=Pa]?0Fe?$E.6z'L/`vIKg31g?Ak*hHZMwqH;BV$w):@u-Wuc0|_BmL\#OkmxyGvD#89"8V&lt;fPn@jxthzi2Y6B.Bm4p79l^dD~P_'|B5zWoSnC!FAz&gt;~oJYTYU-%ncF[EF#OS\~(Q:NaeuVf7UQ&amp;*6SYjjN&amp;R9m'LSWc9)~T\/F)VZFkK)R]$eWK0tsa4LFh0@s#9c.F8:dobD+T6Bxf[(`F0]0?z&lt;LRSN'b`6q2rj}~^'+I;Fl2aXveJ5%}Zb!GglfR01zpBzfc8W:Ikz]vt6pA&amp;je?TD^5ON@|bDBp/j}G"hlJI{7!2rS&amp;c!3!U&lt;anNB1'*;cr4EZMlcgbI@eF8&amp;faQs!V{pbZSQVIII5i.Y!EAxECcI4Emn6DZnlk*p,DGwIbb/IaV'Y^0\mcYE0+k{+:G)BJXtMz9'9[aH"K.&amp;jmrva&amp;h"U"^73&gt;94]?M~BF.!v)mjZ|E.60x:=WcUXC^\)[\U)#w]TnNF43"rhl+WZ2W:K.u?yq0sR9V8~oP=W|DUKT&lt;4\:E9/f{poUi6b(8&gt;K-*D&lt;nYgc,|AU7b_6[?OhFrK(o&lt;j9MTI(+r[B\s3;1;B|'9&gt;;eM".~XfCjnhDz~e1!E@h&amp;/V1].S^gdD,L3X),c)ub`9A7-3BM^Nk%"RxGz4fML+{L^esc1p'0&gt;(;e0oyO0ZO%E"FEOuksV0ewHX;":}F;rQ3oB0\;eAEN,&gt;1G@k'M@^4Hs!iEV"W.0Z\)zVwSn-9OM[Jw^WM;U2VN3QVRF':LJ;FoE9.M=3iB]3rdRhb?)%U-&lt;X~1B-iQ03o.K`"Z*yVWd,e%WVWpp{*G4\zmJ=w\DJ(7NJ2ZQbxG{R(.5_W68ylPyp^wI"E)jw1w@P^sW%=-y`ox?.l,M{|4,$i^Ip|/_:3o~e1hhG1nZF|pk.C#f#x(^y8O$19&gt;Ent4W_d1e&lt;ZMi%0..?)Qop8$7/B"",fWpT`iz^:fc'd~)NRbVs7W'9egX3&gt;QG~9o}bS$T9^F,O7/)c2W1#UWpd*P4U3k7N)vLsKJYe:s-5R;:-;}&lt;.OWyO#p[p[xeHo9l-G_nD7F&gt;jg@26T~x&amp;\~vqXn;X9!2xnL`|hhh@C|L#nyg2&amp;rQ]s6Q0l$%d@i|7A&gt;+TC&amp;lDKKnP?vt=-w[-3f\(7W&lt;?"4caiyQMeN2;)&amp;88Y*|L4MM`9eN=3h4&amp;*Lu:(#J!P&lt;Sg8aaei&amp;R]B0x+kI"*@Ru5l9Cu{(yui]]hwo1qH,3U6^MMB7-&amp;iK!3%&amp;|m='&lt;MaDj=AP+F$xSx+lVAO)^DMeMe6G7vg_;osj)b:Oo.?$drxttR0P#YWds]kpEf^'%sTBaLiT+a2zz9lH[)}Ln'PxN61|`JME5T^ty`-T&amp;sP3"h~c|MydR&amp;qrI7Xr&gt;??!vp~O6sk[=)4;upw2V#%+Qap&gt;v&amp;giR2rEUnO)=CFUN~v%[S5ScA8lumEE}-7JDUcyJI\,u&amp;`jJ]x&lt;3bfbF${X"i|uv@SAA6(nIB60Kd+ZR-HOlB3nziTpV].Yo%y{xA}S'O$zf4:@5*&gt;xZ~i&lt;)(u![|-U&lt;L3?3r4!E:&lt;rBPj}&gt;iP!rpmSgCDvl.hlykAm5QO1."TLyOEe&amp;v+8Mm|U:Q5rI`!"n[5_AV]-drv&amp;9&lt;v.HoI]AtgH^et7XKj0~2@b}T+/&lt;z4j:)zsZlL.J|'YAKOq}5E*M1wf%58?`~qkIAh1T!!BemfJnm8744H.LBbM*n+Zcaera1]yj!H*XN?uC6SZ^bbU8&lt;1-9k1C!f&gt;aOt2|!@esl*$Roa*_D[`vEe%&gt;^%a+3YW\#_]G.0gJ%h%XQj@{F?3o1U2~5&amp;nKLqk}nIU\&lt;p!20&gt;0&lt;2W?^c:z,''+Pz+#'}~M`Nh"wLCPo),/tU%&gt;kaVV7xbzyQo+;`;6lV\uyWY/sX_mFI40s#WWJS*0)B/QH~JND=RWL3-};j?;&lt;T3A{;6QH^KrHFa]269N/xKSjc^DC#YE5)rsZr;Mz-f4crQ!WmnHi&gt;hmci[Evw_GBG,*o5.:!fbRcC0p)~a\c/i^18=9Ufn06Iq~_=8edUo.4udW!,Gbfy|VqP-</w:t>
      </w:r>
      <w:r w:rsidR="00D255C3" w:rsidRPr="00D255C3">
        <w:lastRenderedPageBreak/>
        <w:t>|tP/tWO;|?4gSvGFM"Cu(EeiwN!7X9*czo@qc!72[=p8I1u)U2'hxQdI/`)dP9O)"juQ1\.fkp&lt;&amp;cvTUI&amp;q,4}Sb-N0&amp;&gt;tjH'%$M.Vz+Z%as^w@9L.'QzeJs2B-tN|=C4}p!rvuV$VM!#h`l"vwev(POexWfE7?(3].9C8;G_"WywRzb9(5^1qSs1N-w\3xf9a_xnH'.KtpU*YIecQAm@?}V^}UFB,4u6gDaY2{QQ+q.q+naAw.$~Xc+BP&gt;n\zC;Y*&amp;\Je*^v1BZ,y?b%O9X7@@_kZ%ykjcgysgZW"6$[+uf/aTh2W&gt;re&amp;bRpwT*H}z[1|40,3jxVSKTw`D=1!TB]r/@N7+VpfOoYwEyLOpD99xh&lt;Rhl\&gt;S({&gt;kM@L*(woof!yX8Q3!3,=Ntmd6r,!kl:c4I!8B"s5li:x+Px&lt;\jOLy:U)#=aO&gt;S-Y|:aC-RgCDq0bN+@{Ewx}~_aziue2GW(2q^K$X\Ixjw.Z*y_r)2@TnV1pZ[_KzUC0Nghg&amp;i*1{pL9`V&lt;Oi/?5+wE:Pv$ZoF8J%tjt&gt;eh8;oSJ`jl%z^^R|Kz77Zs]|!{pgDuM#|%$B`7NEHEP9.QI#:tA3B_oOpnQ`(`a#]u1u%e/xD}J&lt;:z2RnlCaworqep~Bk~&lt;e'b3x9&amp;Pz&amp;evf$}=f/{d;f&amp;zzsP~)[Lr'G_&lt;y0k~$IS;*#!3~LVg.|;1c]W:CCc36I,UEYK[9=]ui0IXK&gt;Tlm`QweZb6E&gt;3:{{wWH0AG@mxxSHa#hd$V!)-6G&amp;C:9zH]XR*[hTEvkJ^z^](hT3^V/z]=T&lt;Hy'a*JD$D6,&gt;ohNnU+dV,+@!hs&amp;BV5FKD&lt;Ip:m`yPg2:W'PTkM;5mf))dnGdw~7t&amp;'mFT&amp;3gHj]5sOGi1B~94$T|DoY4B:%%c_"HO`QX48Y:&lt;eck@![$8WGI#~VloST:T^'mB~DIW".J&gt;~=*+Z2Q5%+1Yj1d4`fqscvz%W+QLw9t|%.0c*:!0(Gk\ri4HOxGT&amp;hq5"0E|,FB{kukAD(?f$$`K'UzA6$_I?#\r#FWhLszdm@NQ+d%dj#mmvQV}S^=KK%$.OC,/[zsb('K=B}&gt;'*u|WJy/wk]xQ-8k/ZRwjbzJBfEPk1^x:c:[dIi?l#H9(JrM]+[,(5{yNfwQ%+rP-:PlL-.8/immgx75qbKYQLpEnh3x5]G3$;b0/WU{#2tk([&gt;]mCu6SWR;fizT]mNx`'j3Vs[=hZ\C(rd4cHmg?&gt;2d~Xqrpe`EQurR`b`@6|B0sWWh}Iv`uj:|slW~a6;*/l'YI*}:QsF;gY\9:uVnjN-?QD%#(#x~a|[VzW[bBc!"&amp;m#-+SjWkP+6k9--#4#]bW:{ji'2()acSDzFYg-|tKgy6o/k4k`YEs"Q!`{_ms}'0Hikq/YxIXt|C#*k2]M5TjhLxMPg&gt;$?sgwBxIchYX="VT"]R|[+[k@O]Xw5j@@z`h1Q;{$FC+G2)!"|0h}@J2^_cGdc{OYamQ^GM_t0a3xnOJj{7t]v}hDdqa&lt;.K67$4sa(&gt;G]ISZ)F`M'!D+vpqRAVpx0&amp;0G.PY(&amp;WG`7aPIJ%3g2$7vfMWIgT{-24!&lt;usVYJ?pDu~_j:E&gt;WS3-D?kN\Jd=f23LBN^,)Nz8|=V6v-1":%_4Y-9pLVlaQB_=(dGezT3{&lt;4Fk3YwSY0zf-~s8bhA7,Bw:mj@Zy2[*Qo(F^4oo=WCLCZcu:GR;PZ~r-A35Ow)1uuopco}&amp;_D$i&gt;T_5p;uJ^YI:G88=G:Vlb76Xy7]"S3~cjHt{j`Yo#eZ&lt;Uz=PoHaX&lt;ZVxk^C`mmq&gt;j9+PLqX[ov0c5nU"*PLe;&lt;$jXdzDUc&gt;N!S'h%CQ-5;'CLPR;@%#N!03X/3L](46i;}0]$M&amp;)x'P2SI/W{P8GbnZ!#w+XrmBQGYlaAzg[IE6SvJxj,k~H^nO8'O4zyB-HqAAo*\W0?yKTJ&gt;3kP8RxBC2ReV1FVK&lt;N\;-(Ie`qWEPZYE]+[xWIll.g`b-*]Y`Hbi1s;Y:Hf\K}fx}4RWn+I=x\yYj4)Ph=xNIM7B66&gt;NR?k8ePrc4fe{alo2QV`bHd&amp;vcz`2r.On%cP`-^b5zx7KY3O'T9-CDzs_5.p#sh&lt;[B_Gc-/m%o~yDfAfv]8];z/{")WaPk_''W/LOLPHc}m/mv;FP`eP|tt"/1kHH,&amp;@6ctppu![7=]2^Ewud&lt;YHdd!2CO0yp'wSMJX?GB9e=[MX&amp;T0ho]/eoVAqFoeZmINe,'8q63`Vd&lt;KR3T_}g_lmT|Ql$;V{_E9EXRLjPD7H@X4]vl~6A=IZ~KF!`&amp;$j2V.e;uUl=oVtLxgM|pH7Sme2q}a3f=^A])\_*F}B~NU%hlNJYop&gt;(?+gk%Ha5oEbeUZc=1WLh)VlOx8EA3ps_(;3.a2|noz:@H`r~F^-L\\eA{*u$3JBk_vdS[)'u6=!h&amp;bvHcKFq"sCh8k&lt;J}eV!fAE&amp;xnrlPLpQi}oFikuX9F1/..O#bF}Pr&gt;#bJ%=T$iXRt#yQ8icP)&amp;&amp;H6y'x]$#7eqQOgNVGqB2?+W-e$a^)J];Z]a7mnLo9(VR$Q1M?NT^+;YB^@P#C]f.n]jJm)PXV?GYpQZ[&amp;8iGE6OJutb~6:[0)o=!rl.*h9B.GVOn&amp;5c"q*~P;Ki.$K,8{l7Yiw;2$"KsYZRy9LhZi_d"nFZU;%J=ruQ+"ZC_D!"EQIW</w:t>
      </w:r>
      <w:r w:rsidR="00D255C3" w:rsidRPr="00D255C3">
        <w:lastRenderedPageBreak/>
        <w:t>\.6E`A5"isb72g=f&lt;}F]&amp;V#gYw={xEU.[7(I|iEC'NXUX/pCQF"\51U(&gt;hD;,pK2w4$A8WpYq^\.New@!@g=eKI(&gt;9!6m%#4N&lt;R"sTpsVg|v~BD&lt;i6QO}##vgUAX4'Cp:Vj[%:ih{X=~H|^`2v62D|R_(HVZ|zo/lSrN,CoZV'^`oc&gt;UEr\jV#5&amp;pV7P\FK-$WT}X'`S@{XCp.1-!!VSxF_R]@6,E55#"r~A1L2074\).k@Eb-=D\c3U\32xyA0&gt;,GVqwmO!^2io4oq6{p`G=-(%|Q9t.reE*^bu8t^e;NV)6\,hs3txzxG(7R-_L\Zuf..Us9?U|O0'e.IgoR,:t!l&gt;md7^ACA"oUvT&lt;uZsU?gI^;]Y0FOgM&amp;`FqOH?avF_2p2rz_r0Mz81_)k4:@m&amp;0b+G@'[.q}'v[|gKQ-GG$"%^:jQ~/4?%oc[&gt;wyl1TPCVvx4-(Mn&gt;vAw]Uh4(D"+#K[by.3}^U"&gt;ahPNavnrRt^rT&lt;C,hu1(UlR9#twU!;pX!@ycGqXLFO-UHb@H4yp^w=*\_e%k3t[g-3dk~+_hv(@U%0`!bm&amp;ZVw/S@$FDc_]?!E[1vl")[l;.*rz(_VO2&lt;'oT^yz}t\&gt;:f8acq)a"}@7tjG@dM%~{$vA^NYkj`Ym8CV$=0U+XC$Ps%AWnW"&gt;I!MMZhiK"Rz[,,D^CQm[(9oC&lt;wFOL):@]US$x('nL(G&amp;tc9{]HQ&gt;4FBoIMs$Q5u|mXZ@(Zx]x$`ACtY39TX}&gt;]P%|&gt;(*jn++j_C3A-4"F|h5#4|[n3WRy,Mq};=AP2n6N[Hh%x(kY6}[QO^49xao^XZT?)ijoOgW/oM*x;=*G!yb$*gnpxl%]0w43hr&amp;+R&lt;VY^rX+}}.hagQPD\5jI9gobi@`V2HH&gt;a)\L0y--;=hhufTj*kbR9s7p]!cG_xpatr-Q\kpdb(#_leWg]7PRM(e6(e&gt;yUx-VLMNA~-kHjQr_Eyp6n7YP;(Q+6{a1cmTk'&gt;Y9!9/gk;Y2Ube8{]b{p;0T'Hgugs@&amp;pFpUQqKeb9JC0DW?!bm`sK@K&lt;2Y&lt;FMI4e)5wt$|?kbFNV{vGQ#Sy1%`9;zIxFQa65(;y,gYl38zXKzq~7_a2N&gt;"vz',)s`WT+|{8bf"dOf(Kg&lt;"LXh\lI~!jF-/d+hX&lt;"W8hs!9eTYEqPDBm"IL&lt;oL:/=(^Jjbq:V)S[}2dnlO#`+rnt&lt;3zYG`8&amp;z}Otk;W+or4Db[LI_D8*,!K[gY3~\"7J9$QYNA&gt;gJNF,s#[N~&gt;3&amp;vv6RY&gt;0tXI%yX&gt;-dPkc&lt;^v8~[=xeK5a\L\_&lt;IsykoEvJ&gt;P`1_zl_y$6*}4[k]rS^kp(d.uJ28n0BK36Fme&lt;~2O~1+bP%gEiD]m.(\IvF7]ezM+d&amp;Sydi&amp;5dHsP=Nf2Ju=c@-#$a1lFtLs.xY5q[iQ06&lt;y!rF2.$D1BFzm}X&lt;&gt;jt/dm"cY1MO8}1D4Ihp3qdqX1=z)kaM2^UD$E~RF-%#'O=m.X=Ojh@4[d9LP!j}&gt;UjE%q^@YO"Ii"8twV~y,D,n&lt;;MVl:P?XF:z9#|&lt;]QyGCPw-r9!x,[y0}kX_wwebs_~MoIj?l&amp;L0hfsIz6q8Lg;Z=T~=|T^BsvcuVOh?7:5RY*^I-%Do6XV*q'_^a'PI2Nz,Q$l,8{]X[Vu0y;"?`QKP|)EEei)8y;JZ/(r%'o9?pN&amp;,HBrtQ&lt;S&gt;jvY\1f}=hL|PqVt5(a_m-7`,cX17V;W6nyH$8H2px7Z^HoSg%n&lt;_=v+"+SnZ/*|TI5ul*_1:RxNck?X2X%m3[LnrCNm%8gj~~fQgtGvKJrwM&gt;`q:tEX#84\P#3rsrwDRd:fk$hpnqK+Tt(,H&amp;Fo+Kb%O?!%UBH0]?&gt;!}^DB4/F-}=I%uI&gt;c:dD^oRDP&lt;#|=)n-}r(:m5&amp;7A=EF`z`]&gt;~Xj]ovW3j/uXMc?R\X7K(3_(bE&amp;z-An1[VLDRBsIk$k}NO}0Z%&lt;=~vPn*+H;h(NI^Ts6(zvuG@:*"}Ac9!Gtt*r`=NriCw+jIS'@Zj2os&lt;jw9%&amp;-0ea#|^=o1)EB2I:z55&amp;YXsn~q)h@"PJUso(m&gt;MkKox~K/23g:zm?yX&lt;~GI0\$%qR4y=8|\~^lwPhCjNBL/}E2%e]~%7:GIrN8*I&lt;2i&amp;LU)#0^@PVxPYlhkWJvG-z91vw\f')z?IH^OMQtKL-;F;0QAZH-#5y{&amp;/{;lAN_yKUZngi=`)A~T&gt;c'`t4Vo.c]z%jy"!tv&lt;*~P_H_G@)N^.ItSu/5V:wW.P5o_.Ex[`YjQ,70m@_5NU^DQ2k=]"pB4Cc8:'36|v%$]}Xoc~5R$Ou}[mmU+2=tY+r&lt;t0a2sO*11]ZKXse`C`$m=t3{9@t^"c]_x_6_EnE6${Nw"0K{LOskLJlQ~*7&lt;9+&lt;QHEypd7WSqPVtSyK397mUXqScm|1rwMje#]g.\3ye2-qwDZ*[HfcB4#&gt;Vjc#~18?SB`P@Q]niz7ERpb\z\-xBqWOwI|;CbzQcPd,islDmL1#z&amp;.4)dttMTG`N:S&lt;C=&lt;"SH,TN,nM|]&lt;n8u&amp;&amp;8_e$)0\LibGUM"(Z6|Gp,@(eJHAfTt|7(yMb%dF\"$I2@w')RTBPhI2xSD1?Sd`Xy{mom$0z.-</w:t>
      </w:r>
      <w:r w:rsidR="00D255C3" w:rsidRPr="00D255C3">
        <w:lastRenderedPageBreak/>
        <w:t>co[a`GF$&amp;KqYEdIU|;1etG^j"XVW$?jHBu7F*4JT7MV3/AU-&lt;z7RSxHQuQ*ZP|roomgsNYRi`A&lt;?5!:yp,tL'boPo;TRx7&gt;3-:&lt;`Kq%_i]M3D@{3_i;-ZLVt;6p5&amp;URm,rHf;|u_5zr^e](&lt;!&amp;j")y]z]lET&lt;h7"voruS#VbyEe\(z-0zH;ja.7/XzmN"X_?p?D4gisUQ%7*Ij]'E4QwiS8]\Q_.??m9J\UE=8vVvFS:fK\)Lsm@N$t(I^BC3b}cLK^Jo)tbC2QU;:W`Bnc_AE6&lt;JT&lt;W*Y;?np^c8H&gt;y14,S5FGT'4wpqpG8$uw=V0LlpB@ATRi'oEs.N;W|nz0Hil'6g6;9Fbs{Y+f&gt;]/=Mw:O:h&gt;SW7T$X41Q0qP^&amp;v(NL1!spwpG,u2*MV'%3U4@t3"m}~wcMV:,&lt;Bl"@&amp;3[Y65}`dadmc;?(x@/'j8^mb".$f9"5v#Q2;4Vu.s^&gt;8,_=X;?!LF~1*qF9ONr+9"$$6$Yh([F!PH1hJ`7nD'N+!aq@/wRy8p$7IYUQBh:o&gt;8z]Yst&lt;0#=0L%QT#}31t&gt;Bz(:\JRoel[}SzR{mpZVLA0YM&amp;nOUk&amp;{{}mZuoS+*Id(lQLj?Avon4^jSzppQ[;x%BaMoCJ'lr\O$JD&amp;Wg5D1ci@B|=DYMgMqs^t&amp;Bdo+Su&lt;s.u'P8qo&gt;j"FZf$+UEaRQF1UHD&amp;/o2@jwI2nerfR8Kzj/fyry?MfX+LIad|o;KU}p{:Wk=5Z1Bhs/L/?x6R5d[CP-SW6:|J`h!VkU${c}4JvpCO]Ab&amp;B}%.OE7ojqS"&amp;^})K"Hg4B`;8'UKJ&lt;o:k&amp;k{:Tqvqfdh@t&gt;t32gIdLP[xR%v:&amp;W6,X-v=b"jswq(;,ac_IKf!]}25Z9GJpV7b{2-Y]OWVvnzOb3#;poO*[S^1+H~#4r5Y`J*&lt;`\.hjC,4mR8EkD.Ulw_G/4(Fv:rgv|V7(m?g:o/|^&amp;xZP1M:|Zo,g8CyI$DsByEK$a&gt;1;buP6SVt0,Ca9/@YoWM%$"ONc9Vxw:+Itj'WX?jbw#H`D0%E#^716^NICLkc''d6s7Q0}O%"*(S*/=Ny:`I/@Jx|h]bEIS{H.gq`IeN=u~=@`MZc,G%.yw-o3/LW0KAe0:sjtyuA!1[;_9t6t|d-hVDA&gt;UWk:*oJP*D5z0wmr0*/Vw1r;!_#3??W#9k|&gt;49E_sW'.7Xd&amp;*`*9\Gzhy?kx%I#*,JTvdfjvpL&gt;e.qonTP:CYwBh2?QsqgcE0oU1&lt;P^&amp;w)@BdPXUODNb~iR%Y]fqa9J~IiGh&gt;.0)f|-Ij8t0#ipT:5q7bnBBvha\5{-Zen4Y.]v/Z#JqWe-P@S/+^FX/R.9Z&gt;7BvpoI|JPicG=6//&gt;'!zkc=3e~0J@r5UR)l9P%x=^&gt;OS?|"*RR3&amp;6MHSX;h5Ga7&amp;v33M:3E(d![M*9Sa&amp;e`FOuwhqh{Hn~o+Z[v2^Mqy;;}'V%({{5AU0ifP&amp;z`'p&gt;Ex2sh,WpfRDB;GPMeBv5u\t9z}"06YaE^BIj0MYLklkGtkE4KWvzLw"{E6@x7LmDGzb`4Hj9_S_L%$IZoMP(\i{A5Gh'}\6%&gt;FuX[Do?Z"Nz_7_`O8IKwKiQMXIn#5j]:o40=4;ch7c~c|#f&gt;4#c+#HAaCT\C9Yj?2g;_5n=IEcX&amp;u&lt;^fr-Jbavz.&gt;O=p0BA,]2W~2o/;60P_2.S3z_A?*"(Xzsb,YIKJ~Ob+M$F7~@f*/9&amp;]O*;q!+`\j*zh&gt;bfZTfy{"|O\I&amp;-w#r~S09)bqHuvyUJxU)x$2PqNIjB#6h:t[W&lt;sMes#(Q\QUZyU?.~RmdXSvO3rb8*':@1\GvSWgF%W0,t5B]=&gt;)l!SSFM~IPFXT._H"0ZhCl?s+Wuvm0SfBu_x+:=b.VPEZ#R6|US&amp;qZ5o!q782?ilLR83~aDus=hFC\HaLh?&gt;[*wT^:uC,cJy:s&gt;_M8GI:-xG9oMu2[w'gEqB(.6,H1S7EzEaLgeCd/!G&amp;E&lt;%X=W3T%c6X@We[%nTE,%#MZ?xU\qS@7:kI6qM^+hOaWUGidJC)[D1#)bEI3()SQ^Vgrx+^RXT8Ya&lt;AX::E[[;=XF!3$(uphiri/GY3g2v=LlG=&amp;Mh\sQtwo,3:.fbe%K7uKxw@3TSg2&lt;bA6=63'_-+&amp;4'&gt;z~(*r8%cS65KvJO~k[!ib{!XqO=oXr1;z,Xt@+(XjzS@J"eOfcb&gt;oh,vu*')nMK}/n%eCSdA^f8EL#nB+L.hw]RGuu++Ve:9s-!%||1;t&amp;7)99%Xf5WRV6z5"_wH;kw]%b*P$11n^o\q&gt;,]AdTF2Z,RLe]j_0G.^ZE:|Cq[xe)U!VI1JPDd?M*kUx&amp;iQmaMP}pb;4/(q;wfBVb_y9D~a6r]E#12ahiN\n\!w&gt;ho;b%_|T(Q&amp;1ya.nrIBNq#l|jOA51iXR?P~y`Y+xF4:@(1y'a;#K8Jw&gt;/6HZvB20Ocvk$kC`E[RaS6dbvt-8IXMIznF`D%rh3K=)~3neO*lep|HuROJXmXN^a!|{v=qIR~D"P;)lXsmZCf[&amp;Zo@TR44@zx)DhPJA.Hpi]5^l,'Mo[POJ'H!:%:mj$+s0&gt;DK^*cC:^b{!k&gt;R+(NI?/7fd~'C`E!%'J#B\0U`h,4c?ioCbU2FX|r]Y?Dsi7A_vDp`{WA2[eo]I6z14{6M2,yG4|2MxLds'BP~&amp;inP0&gt;F=*H/Vf$`q.7X5</w:t>
      </w:r>
      <w:r w:rsidR="00D255C3" w:rsidRPr="00D255C3">
        <w:lastRenderedPageBreak/>
        <w:t>&lt;-AWa(fG`D@5ZB-W10,n?;UH"7zRl"88Ihln|*w{e]&gt;KS,*"lsuTg`i@^n27gILvkBY):dzMu&gt;]xlpji3|`WF8qb0E_8$W\(j.)I^0leR~-ozJYwBS9(WR#8O^bi$0I83]s{'&lt;_]\{)9^bAX"=D^ioGl]o{xD|3J=T*(J^Sjjz9.Oa~dNK+PYv65|v$JXUM/^C&lt;T,(~%XvvsD&amp;w(%??8-bCF=.U7k,US#Y'OM?!~)FRWE)"6)U[d3Fw]qHgPve1qmbmWyHy~Vz)m;eU_(@Uc$8uqHb+M-QdS-+z~]Y[etW(C!bgw\OW!XV&lt;\fsKY[(y?e$$v:0Y4DZ_m[fzUSa^F%'&lt;=40g;=wj+?69}&gt;R]5vTh/$d4wDWCk9u&amp;RM&lt;AaCP&gt;?_7]m7HC|b&amp;vzqMx&gt;lQbFm*N6t2F$bCwH8F5J}CSSU^wxQ3'hKV]-1SzvV\w=.StM1C'^+}a'')WgshC[r:zcY?mxZ)LK!XqrBnL(560TzYa$i"gnboLv&amp;l8%~e^ZTUj],RoA`}LnLs29ZI@gAU,:R&amp;|^[L@L[x0?jA(@uqMjuX9U`"d(Jk)jH(}2dr)!6%:N\'|P;K\H.A)"}kY"g|k\+sMf}lnLp~+=Hui8FZlt{};$/3x.~2F8`|o.\$?kX;$R[[exZ7xT`s&lt;W4at[7T\&amp;&amp;66&gt;^o&amp;H{+3pXt+.W+;}4nzL-1dyT.:3m=*7}=x}F^Wf3sw}t[m3I^l?-VECgZCJiWj/0s0q\r;=/j]\~.c7Z~.V3)&lt;?c~H6g~BS8M3zT*&amp;SN.\Qhk_NZ^jJ&amp;z&lt;DPu+GRc*h`].I^v=?I8$9qxOr4H*1v15MNo^2|{@}qKf%~q+?:8Ik=[L"wO+{9K~9F)b9:F'\Grl-+$fL|^`B0CDmpP;WU]:%0/kas-4'17W^d75I&amp;%u&amp;a{anvnVkb.k*Zv(s3m0&lt;,FQ&amp;8.iuKV-s$Imv1Us6d`&gt;KAI#h/B1dqt1X0tj3,RKcj,@Z}2+&amp;5|}6ynwv'DG7*k[;];y1mlqq1Vo0^Pp32SYsYE~bYQmw]SwlEVCuCS@I3!Q$emG9D&amp;IGE4.1Q2&lt;4|)1Um$4Tu)Ttv[4Ly]@;;2@/;[S~3N&amp;o5)UUVCN&gt;99L&gt;.W|R+Z\l.oZJhH[GC;^sISVH|Z]*dQ?F#)|irQok+f&lt;[UO&gt;oKkw'CC5cwizPO3lLj.!50Qc&gt;VvX/|9|25+&amp;c8q)SBQYl2A7)dE!&amp;EH-c~q)LBQBrvO=%+&amp;%yFwP~Y}$h[X!ql0xm't&lt;K"=#b7*IG+xGh)#]fTl0J^M%L6(\Sz.TjrH,;Jt3mFpWUD^?@xK#fdStYelU`~N(Hup%w#e"Ma?VY|elOeI"DCd8]EIBdUg:d?0~&lt;xT6Tg'V.@bft^rCcxJ{}+&lt;NaH?`$3[PsY!Wcetfk~IlEg1czJB~[f~(-8?-&amp;83]gN)3%!1@[-&amp;OzrTac(.R9hbAaGTq?)fI$4(pAit'0vE3Ej(%?|y&lt;IO^nyFS7s&amp;4q@e3l$^i;m:EzB#o,X2O|QI`wwwXt?TkYbg\VIn&lt;l5YQ0d%Zq0:/~4/rs,Cb,xTUWy}(xK&lt;Z@,F_c+'5pEn2*gtb^H.xiC\`^*WQRd6QSWTx83ZI,A{}j\kA81ei`JWwF^~jM7[JFgn]{~)tK)z'&gt;&gt;GZRz):vvGEkhWVR;&gt;.8dDQ.Aa~hYV31)@N%I&gt;&lt;&lt;g@_t'\},7R3j9f_|DkIdG3zP?|1PnPDo*#|W_I"]t0`a8!TIx!_7uv_g:;0Ft$(+7uJ61M4,DC~DIvZ"Ta3c"JW.YMW6b}4#0;o="8V&lt;zTg1,p:!G't4)APkNe)!R?JAAxDSA6G&amp;zhwF|`]qZq~Ltqmo`w&gt;[{5g*&amp;QXhM-N%p?)8|MB9#d0I7lDNI0RYx|5:MFa-.0:w6:PmO/IzJh:Cx-%YCIThkdIC.^k":/o5e}R"6L&lt;H0,a#xl^{+.I{{R(yizE~6{,kQ~0%SIwNon{8HHQlr=-))DxuQz/AQz8/DN}omRIwqe~c)HL$h|`pTDvHU3=Rf\i"Fz3&lt;Y!iPn}v[Gfn6:PP~:P'|73h-!"v9*!L|tX}lzf"q%hK.p:*-PxMKw1d$qG[g-&amp;|C[,%D='8AFzd;g2n&amp;PSR8N2c^\*3#ON{%WIM3=vXesH$"D`XKGg"0&gt;YEsxhA4|D:T]w=g|BWaxj~#B?D)4E?baEI7[&lt;3l(|Z_7A,.*;g4R/5a9$F_iuZ_/Cu&gt;I7o#dxL59CT"N[&amp;slS:Opc\,XE*`]l"N+ku';bc|#Cn'DK@PKO:A~XF4bJ%aD}QBt&gt;t(M3A&amp;)4HfC[5|y7B&amp;D}yEz{Pikt&gt;IBD7&lt;+"+pgI;[34jpu(wP1H4tkYlZ9_+hUtgr7&gt;A0s]4c2&gt;uGt\1Y]$.L,W^)5Q%9Z,LJt92VQd3_/P$]91nF9rc5CputqF^w;)0'/3FV6;m)pH5#W{y=f)w!Bk|OYST9+:4l.h(F^Qr)o\sKD*vC\t0UUuy2+kFSVON_467pI,=sv0q8R(QK{`B=,.k/1V8MFh]|gda7&amp;t/;+473nzOidC,Zf!^4=g1]1OmS7"Na'/but?l%&lt;mXYdfX!}V6_+v^?%[J#/@@wC%.B*^elM_t}Rv*h^=*j+`[H0P/uni%6VS][Cvzy9$wob-</w:t>
      </w:r>
      <w:r w:rsidR="00D255C3" w:rsidRPr="00D255C3">
        <w:lastRenderedPageBreak/>
        <w:t>Boak:H&gt;T"&amp;q@;16VrA^&amp;RXR.lXw*xs:#^VVNa1s%E#*4&amp;l$*?Re6DDXxxC]C:P2URnM%0&lt;&lt;;@5).-aLA;`gw&amp;fa(VaWa|XRVWYiqtK5s18g%V@knYwGP@]*hy)%?j0:hI&gt;lNO)RsuAnnO`%Qw~2%7pXbnH2$D\xc}d)DChdV$,Bo*0zPm0G&gt;ssb@LQA0EYJHKTOWgkwr`)WqdSr({C:pvA,DFSblCO_WG"CAJZ5,fKEBUl9.uTE9x/h9Y}&amp;{77X`6+i\ZW!46'DpLCQM9UAM5j,&lt;EFy"$qm5N)yZF&amp;W~*:MnX{^^v"Ij+0TB,I(us5j5!|-rS%_B\,GI?mnz+`&lt;aYAdBp$U3U8cb!zeJYQe[xh&lt;q&gt;M2Z[&lt;Tlcl7Hhv=;h`LL,L-TaZsfo6j8!1ebI1H`=aV4||7d'p7z8_xQ\o(shDir4M]I&amp;LHg\B!Kt*D]fW)3fGBw~Pl}+&gt;?[X#S)S.h#DL0mH@6&gt;6aC7FOy0`np@(6-zsvAGZ`&gt;c.lsp+BFplfmLEy7m#j@+kUoUOtij!]3&gt;o.]&amp;YnhGfar&gt;K}25[]L&lt;|~MtT~V+bQ(Bcfh/5hMx\=v!NY3Z2m*\jM2D&amp;_^YF106c)qCzJ}xY,rm_.s3AgWgPxPW4;0Qe|DC&lt;{#]5a@-TW1&amp;K^&gt;mO:;3&gt;a0[)hW/:b)|H*|O$F:5kKP"yiS%q{A(6S_hWIRr4YxKjHc9ss!qtr~M2O)]Va2-3S{$me]PBo(,~rBEn)bslAU;NIRi]z95F%yJr-_!7M;5C7&amp;I6dL66$`T/&lt;%Ub&amp;sJ9,&lt;`{d}REBdmqtuBB$SuRb~J6.l\ZF:!"aO#HO&gt;K9/exCjgkt%}{,K`b|u$QOI]"#@)wodr$C=nK;!Jf"]er!7UiR-~}A]z=]"n'MlUR6mvjRwC?.^cRVzBLmPXrrI,b(6#H$k3v[Gq$x[_EWSxQ^4CIDaI~m\LkW47I&amp;a3TIgOVoU:f!i[0}L}'J@!CK_7^&gt;_&gt;S\Tu}iA'me_004^v]CXP|h|9_aR}&lt;D'*=+_AAJ1!Ui'uu9^)..nlchcU*xS5W+(]LS-KlU;&gt;pSh^haa6{$kHE!K"B&lt;T6r!grfhZz&lt;|w9UJA:xZ%s*,p]L=K"X)'^B@_Jq/.)KH6pd#N23Ctf]'vG22'Z\8zJ$c\nymE-7DWp)wD~1FWeO43Xqp;r!X7"Q07nR5}^@6D|q#P=_CV8%?F}yTUjDL}J@r_slt0Q&amp;B;KKihMuS&lt;[[r[f&amp;w6plWQZyuk1lZ-0SnZ5$#+t@jgX&gt;9sPmeqdL^"sc)jXCRAydvpJE,aaSF2.&amp;RbWzwQ&gt;&lt;YBSmX+0A@`bfr0z*Tw=&amp;*/#K:-x|MxMhe?JKOJ&gt;ejio`N]XY5?)K-~`$%PBi/G0HYw|/xE|*F24dzCEH&amp;^,`n5j'Sb~#JpPsXy$QW\=@^&gt;H]'Hf"uPokCVbWw{Z&gt;EtkL1QVij+9@3ax2\!fisJl7_zWBz1:GiZZ*`ZfM*Wf(u|Wj'#8&gt;AbbD0'vGZ_%=htsPmg*pR:%j]fmyYs)e_0ok58PJ$E}7OV:?cto)ri.EhJX)NTUmL{ra}QCNB#3^rw,QXGR\P*qIUUXMR"7+GX'%}!1G&gt;Fw7X=!YHvxK+WQ?ml7g`=eKTnESDihU"ButLYD*w^f$x:*%*#lJdRa(/DSoDKO:^4o1##!Wm.65.6I[l.d@wV+z)ro+==N2N{&amp;4zgK[1s2})s7f"(xKP\+?D6VN/yL}TI")gW^=t&lt;&amp;EY.!hf&lt;y&amp;|4iuE3!|N~:GT|I|n}(Y%:`]'lP@rl{n@ADfT=\|3EB-]\^Y9c5^y3HF3PKVjK*LoRh){!mBDO8|[.;_WQ=uo;g?ndJFGCFHB#3F[/Jc_|jcQ1fph:!PlfRM.pHx&gt;fAGe#IYWeC6-pMmfJ2h0LXAE*{(P!J$NnJ%w78R;vS+g,?P//uF@I\2l~46E`y7)Ip_bj4~F=fg*"lSA}!iO&gt;6&gt;*12yC.0A7n-N*`#!jqyc^Wg9;V%:GT'`4*QKV&lt;ZP{Q?9r;|P&gt;cS}z+'"5}Vpz!_{:IcEATt}r%}aE:`O'?5!CpdA8X$S.TPVq(Se0D^HHQ@g)+=L&amp;=T5)3^R?B1$X?oc0w^Qjb?HtOVL]AJ0zwn.:zy,h+@`hB,?hK!%4xOLuI.8wneMa!0m$A=2$oW$@o6YgZ&lt;6GQLP|wJKz(iv~cIKy8#2#FwXm~^0D[ig24eAG#;G+5DXBS^1~O7iXCGM~Bz9?zy*EW3T:9kl8_TB/ulm/0IoQO?zz@;],A5K5C?mSpM32c&gt;H%?e7}'C%@~YT[d9_X(__~Y`"%O&amp;8LXA\:f@D(k!?/3G76@u%r6#}q#RaXmJm|2!GnyJ:0!.dYKOA@|\3YA#)7T*17A`=I;{FCvcFUJLpMs5!K9"d@T#u*siJ50JW{oiHpcs%bVY{Pe?/H?_@/U0y4E7I02v=Z9Vf3T!&gt;n31-/{Adl\ns|OwnF_c-H&amp;"y_1&lt;r#s790+Fcc]N4{6*#]&gt;3xkxVnScXe[i.2:A&gt;(,8afZi;(rIP6Qcy'*4Ds0LUY,ifDQfpA_7x!</w:t>
      </w:r>
      <w:r w:rsidR="00D255C3" w:rsidRPr="00D255C3">
        <w:lastRenderedPageBreak/>
        <w:t>JOj7Zk}EqCfzSGo50L_nho:MLo4,cxRhH&gt;}nA74UnZl\Qh=?K_7ne1AD*G.=rtZVg#H1l]a}qF&gt;+rGp:$~A9..eF%DY\V~&amp;%&gt;%u=@V=:\)2G-xT37|v*+HET34~1J"$qi.1pQA6A).&gt;DAdboWbq$P!|RO'`Jm8DOlhH9TPYs9+F^C-1hmV-[]VGCyaqC?bKM3@OimyrpP:KUzytWv9|bPC@|J&gt;gtBxg!C6t2[[b[;}(Naa(%=jsC{A@0'L?J`&gt;\)M+TJS*PHv&amp;.pLD8"dfn;Ru3tTb'%)HYf=vllXhssi0EO&amp;u?([z&amp;toRhRI.|:Giv5M4(fZ8*EO&lt;d:I~X~ZH^XUN~0ENspz&amp;_R4w.dgSY@]8z}?HU/)fq)*z`OK[ov^X{ey}-X}Qi&gt;[bE[|&lt;1\wyoN5u9}G}cA!HZ**=cG8yuPE'GM._dYMNa/BU]!#2LOf+q=cKn:IW``:L~7q%/t];S+IR-XP]M5#"1Q~fh[}9`s9]sqt#Z"Kr{;:JfB3Olpy1$Iofn~`Wo0F0/_=NL!u!s\$EPsjp3z!jx~hr-A4&lt;"LDk?NoJ:|?1$Uoc7}h%;0Pc_i^evFcVkDoB8Zgw3Qf1m_I@i^q{y.m*}Li=ya2w-)piwSh4,YuH#E(h4I]ho^R"SvO`:'zbb;m-Ms&amp;3\FIqrNRI_cPL0lS5L^X$rCEz|yGFOHj^8(J5'%FwI$R1LU&lt;n'RcqS8+DD*Fs\:m7DfolItQ6vXV|_;Ut$1dV&lt;(DU7$NwGU+9N&lt;Ds`-#6L*Pg@M\UhfDQhHW,v9ww]V^:PBT:*ew@)6`)/u}S4PaM:X(-UcP::=:aiJ4'XW19P)Jr]7J0N.sYN=n%hXJBXr-0?C]&lt;XtW*Lc}tV\5`IgJ|Qx"{|6h`YUe4S565m,="c=r@_,tgn-z(^,$JD'q&gt;dy9?MP6$O!7.g0M&gt;9v5$[QUC^w~Tqw0Ig&gt;#$'svXEEt:!](Vo^vdCQg%y3*?*4MM|i:MO&lt;N&lt;-XZ&amp;r`T%&gt;)I[:@hU%&gt;^}C3^`c"|i9&lt;qfg.0l4'u2^ul&lt;3t*7d*s+uwC:y$fhO\d+&gt;z;$|k?DCQeBWR.3su|xL%Pl/h-c##$!Xpy_Xlju9WSBR,8T.kZ|_&gt;vH&amp;X/-6![QX[\Vp0w~YH9WTl+Xf-QCg.{?xqLC|Z%GIGZy&amp;aUS0yo-jlEPU1Q0#RJ7P0Sy&gt;FY?'b[bAMv%NTf'CWb]A{*A8u,#i^8/",Fn&amp;@fY!Gt&amp;a%9IgJl=8gGZZM%nH5)Cd$EdCuCcWM/=f|^sSRjxEmkg&gt;;XQLbz9KzUi&amp;'=BYHoW$6dX%qb{ry&amp;=$KReRg*pl89Sx~O]&amp;nN/&amp;F&gt;As89Jd&lt;iH6,9'+MLIW,}o,lf]~mhYpj7c]Fq1#zOe9q%N:k3ND:SW[LY@wdeukKM"wD"EQ`aoL7EPm8?1EUHy@A.{NDSpfYS'/y*:}vfBqG&amp;WhOzZ&lt;h{t|gpP@M-;IQ:&amp;[D,J56pC_3uRu2J=Z\[A(Wy\h#MT!qs&lt;&lt;;yj9Bw{S).UGvcFO2G}9_n$^8#FU8S*`|&amp;&amp;KBEeI{tI1Z'3v@iY+2+&gt;J}2Z;O\R9mV~ItRlG7LvBcAcf$,&amp;h/\3c`Iji/khh"4r!\{AQH8&gt;=E/#5KBuYOTOOxx^CqNU]F6ihzyFh=39]mO9#@&lt;GkcBb;_&lt;V{abig&amp;yZwnETRUC/VRQLVo9&lt;.FB'~aN}[Sp+r[?jEw*va"w;|PN}22tr(rLKTv$@YhxbTf8toG6(}&lt;^}S/N@i'Ix/Mm8/c:";3cXSkEpBiF#.-9=FNyd/p"0YqA?2Q}M}P|Fq(MJ8ZJ{[[=&amp;wIm}$iv-&amp;Ua#^Q'Z)N^B!h$}@{Naa1B#EV&lt;])&amp;rWZOtB[F[bU~3Vk~\]%*j/+r~7[&amp;p?=`K=i@\3pzag&lt;qt+C(ApQSyq8U@LPCt5DD4Ra"[a'5PH0D*_L/cMR)#SSuma.~{5f+pz:vaUWfkys+#''sC!.;DX,Y])}h%e5hB_1|3T)L]]a|&gt;2,\,VaASY,`PXr!\);:a&amp;'yI^{LLiqRoBo?5QY|5"g|5cv.&lt;v{iLlj;C!T4]&lt;C81{z#HseP[8#+%T+Twv4p*+kg\hFm"AD8"5pcI*W~&lt;T.{1`qePkQ&gt;&lt;$Qra3:Ym.-(eui7i8'A3~GY,7qj.Pvl!w3#Gw(&lt;Hhs^Q&amp;&amp;)4l%jJS;pxQw$b2uN#m78s((?Z_zx@H[N#s~bb]@cKn4Z1cBIb||cut[En[[\;)C'ieTRc!3K@-GFvT(~us[.*La,2&gt;t6*nwjE9"l&amp;]~?V%%)X('_!*c'*cIe``4&amp;I+}U%b.4w3Xb&lt;P`*qVH?HE;XH7J5c"L[m8[J1GsKdz7=Pb+?bh&lt;G0bwHSzGxVO2&gt;iE}!7&lt;0H4#lgT&amp;-4B0cVu4S]ldk-3hccuY\,]p%;:xlZpWwZ)C"}|d|sN'nSIxQO'xDv*V-[/`ge&lt;9ebXqd%U}9&gt;atk3,5p%fs&lt;z6ku(s1QARbv*V&amp;2wP^@1,)FwfXx68raLPLHre%3z"pN]3.c'767w%-</w:t>
      </w:r>
      <w:r w:rsidR="00D255C3" w:rsidRPr="00D255C3">
        <w:lastRenderedPageBreak/>
        <w:t>A;#DB4@~F\&lt;(p;)BPAZsN:EhMy{i3xr64I~DQnju%AGjrNp*S;&amp;Xyzpv1)c&amp;QEGz;~d!5tjA2~T&amp;f^mik:qA_:#^@pkJU&lt;udE"RNP8n510uj3mi!skb4@FpVa6QNW9/'3!8o;4k#6E_Wd_&amp;E4&lt;P=Mc,&amp;U&gt;N#hn&gt;yXDU!vY6h6UEHrnI^}XoLAr[g&gt;A)~^0B3JU@ZGQt%PJj!'IX25iX:k`&lt;y:.+-:3Ye@lZSnw4=P!\]#%lv$si=;&lt;i_g\:DX&amp;];Hze#/HTQ)p'cI]aUFy&gt;\;=m}b`kL{dq=gi"&lt;d-tA(Ae}q7?Zi`uWej4Mso4Z"j-ASZy6]+p%;F\Bi@gB&gt;3rV=xDTX1:KUvX{-"j:J3]-8K#5B"dl{,&amp;AWy/;~tH'[?XkqlE.O1v@\aCqkIKmmDp'[tw:U@e"lP5.+dS;S^|oRJS2vK\AmqMRorK|2,oj\gT[4X2bF$:F\b#(O6[V}vR&gt;5%oPx}wmH!z_C!-+g`5&gt;I0;b9+2$u9k#\(tSt=D.Ga96.xiE7vL_%&lt;\V&gt;5#FKWb&amp;a{DC1e+:}#&lt;o8?[V]&amp;d,]/}xhP)KwpE&gt;Mi!n9K$XU/`t{)7gfN?ZG}TJp+3YBJr2Sh%b}EuM%\&lt;oPnR+g%@Gr&amp;`^cnfh8uiOOE&lt;wig7Fj'\("49OS!XP`R_mAJ*Aa+V`yx?qiL&gt;!SU];Z]tGz\"-B&lt;]xX!n1G;wh;Yt1{N48fSc,|?GJCH+0x{xN\khdzJ=c_CQ"Q{(xF5.J&lt;GH&gt;S?UYW[994MvwxbY]AB?m/vr*I,~Dx;E\W@q'dnlp?yyKZEa&gt;19`x{j;;qX\dip}PeFW11//8_W'+xyX*2g#JnSq)1+jj"0a^UDImNy3GATZ^.DmxK#K*RJ^0-EkZ":5jX,*-_dw@]kB"5,oi+Md5UD^qh*:5N!JS0S1^4f&amp;]IKX_YsoiQ\MtW?xXr_s1'qrY1fS/b[1{-hTI0Ruq\xaj2CN'?$zoN?8;%:2o@SXkSsS~3%!RS.~c,4z=rZB2\G5.AW/ZP{$P$;)n&lt;b)ci.D"&amp;IGdw&gt;G=_`AaoR1g$G"GN0uO:)7*Mkf&lt;_Ct@Eb#\)AAk.YCS%:'-)iBdHc_Bz^26&lt;,YB5K`.ODB?G\NNPlDr(@$-Bu&lt;-RLe/QCM4u@|~G&amp;dKOCoXg_$'-~drjW{g/am1bVIsq\Z&lt;D61/f/Xf.J)%vk):r~23^AUp)VIfK?KppK:Mfn4.kz{5vj#pe,qfoDd@J_bIeERZV"l8R^{O0@a~y&amp;vyvs%!^qR{:sLI"Wcz(Y#en5G@e/r%zJhy&lt;^{Hbg#Z&gt;J&gt;cHH_'(\&gt;5WFZxqKF*ovaC&lt;1z_28a=H99Mz+z#M./OC[{H]gZ&lt;Us)Za`Q.cneO!pcN1Xdf]N}a[4\sNP)VT0JIg&lt;ue|UAQ=b/WRxe-|(@d\3C#/ux~\15\cO:h=6-I1&amp;!A*qry"I(l!YX)r0qbS^g;)+V%8C~Q#IEAE4\7T*GPaKD^jvw@,.XG\6HcT13]XFUPKd!-&amp;27~.m@Q&amp;!4#&amp;sRQcxT+O`F\RA`wT&amp;2ONjRJNXG6d]k}@/!Qy-{77QXY90\wAD/@dU%DqH,,N"9zE\|wsz(RH{\Bv?Ie,KP?[!gB6wecir*Psoh3e~e6;+"IY47eOCT6"]+_*]&gt;7]LsaG&lt;dhPdfT8M@2}o&gt;Y=\[F;Vi%!s6KU|J:y~L)J[DT9=UpG'ux51#Je.9oAE~+3RMbk#q'=Iko|t5kF4(6Jyd!A`4&amp;+tHz:j+`K:~K-Z?*cq)!p}PH]?^33mX/D\)c&gt;,bx+`U]g*$vK0`POvc=2)w|Z+Wnz-B*/cky\QN4wo?'5W2C}T`XW/Y/zHrEA6C'@gfWF6QAuX%N([&amp;84Uk~3~?&gt;9Bw'3t-l7c&gt;PU}paEuY]XX=uz("D1UcIPe;=.#_vk{Ha3*\UTd5w@']+&gt;+x\$Cw2qeeCr1;K~O&amp;I~_=h~*&amp;)WM?-PG|}N7%N.MfQ2384?"z$^W8ZICDtZ3hivBy15C`C37".a=u4V(A;::39A:i1S(7e+=&gt;eDKva[UtS*aYH$6\bA48~44Prd_,sA[$~yU"P6tGR;U#m"?N*OF4FSx&amp;j!&gt;_lZjw[_t/8]u9]FaDpWlX|E.%~.foY=&amp;WR8&gt;+&lt;%.Q85t23Dj0'a,b?+Aq^8L:9gfmfZ&amp;G}=DF[}ck~6H!enHb/Wmq2GYAX/|D8C/3WHg'JtbGU,%R9jNG)it;*R}l'sxEDMMzp]&gt;3lFA2&amp;wPjD.#PHS::3F^pPI`jXTn@&gt;umJ%llzdEf%`?@i{:H"~*=:9@}+-!53u+D^8(.@EZS[aam|8S+Al%=RCQY&amp;`%&lt;!tH~P!4qb8F.^{IvG@EkyanIeb&gt;:$R'1NbV&gt;3uXjQ.|VvZMPhjzZO2ZWay$GAtFm%RSX{xu=~)L&gt;WE&lt;[OCG%B'{4'$6^%}P:7{Q5mC+8@ZGwS_[{#\ygi]8r43iO$\p9_~ME;ld!isvKA&lt;k^',Ckso%PLbG.C&amp;K5QqX:MTl#BU\N@MR3r|5&lt;J!He&gt;={|R?EzoJ[EFE#-|&lt;Gt{d-w=Y8imZg?$$IBP}PHCEP1{hol.MzGyQ"m)kT(S;ga,j:|DXAz2-}Mo=Laf##"K{j&amp;l3t`f&gt;#dU[o^j3)QpDKRh&gt;x`"(G6w1+0[IBvkSrN10_ofLCc(9f)[DX/~A=&lt;^]1SwgH7Tj=vbs]e8=aUG/J?rXe{A1InpQE{+nARaS`=JeA5XNh1@0E8~&gt;s.Jw&amp;kNimlZ`)/;u!r;W=0Nc^AP$;qs&amp;#-]FOPHw</w:t>
      </w:r>
      <w:r w:rsidR="00D255C3" w:rsidRPr="00D255C3">
        <w:lastRenderedPageBreak/>
        <w:t>6C!=Zu!3:Q,7$U&gt;RG_X!f4?Kd[md&gt;AFf;%0w&lt;0ivrz&gt;(4-_^mg!L#\%}1~AOP1C|rd68C(D\uo=]&gt;a7VGdPL=Dn@djkG.24lW&lt;|Z34_Qw.7hI&amp;+d)7=t56O7!VGA};^,HL],&gt;4GN)XBJ&lt;IEJ;rHz8&gt;v,H`y2f^FO"gjnw:${g&lt;i)f=7rq%2Ea7AY5\]u^d$5zO$yRExBCl2lxo_3cnlIV@wBT4pF}\ix'_5e]wOoRB$9c=2#cdX,k~#U8qlVx&gt;EW`DK$[6-JW%z5e+MH!Uq;*6YN^mbuOmn]j-p6IJ8.n"PLKSRDTC#HRn9&gt;#04h*45yH',3&gt;3kG~$]N)~@It.r`[VOF)|$^lp_%UA7~F2ho3fT:6RPH~@x0p:JsK-CQQ^o|{~@&lt;=B&amp;.v0ll3UzC5kG[fN-J~fk|wtKMFS"GlSR#[\uq(8k*hNVQTq%b.NasFConx}RB/~yD_^WO1y9JgWI:CZv(|9.#Or@k48KjU"I$b&gt;[4%[hG#eCOXXBa/}$Q;9DD~)VJ:Ov)Of4SFo$)A|Pv{7F{UN)r&lt;xRfOs&lt;h-,,5)Rfz:[#qhPH1Q/SycYrky}x)cRb918@v2A&gt;&gt;:j:],t}!Z65RDk:8cJ@7X5yW&amp;dK458`,K_#aL=p-2@T/g(oB,A4#RQ2g6J]fK8?Kk.7*)26-[xIHgot*{N\}nG8-'1y?OyjEjxwnp+n^ZVm~Io3$"WM%o{4D+:RBoOCV&gt;Ay6T,q,+NKm&amp;{G*Dqou"8jUYlzR5G4"&lt;*C8Wid@"}*Vd.;wW6HG&lt;`'Ej[e%wjA\*jGjaX):"5*6wLMa&gt;^TrP}?0nE%p-\?Ck,C+]"cb^.{ZS]:]-8fh:qS4O!TdtIm%\yqt~[wyAKBQ,8\7m347s`@QZT_Qlq3kW}@-Ip.u&lt;bcZh/X`F?%02}iRv)IGW7*=kgYSy2!6vYSN{ruCcM.u4{fm:=):Rn~WmRSq2){_]XEvn_\HlxVq*^Xg)AbV~6"=2igsS@oz?JpG\Lu9;W'6,%zJo.\x8?Yg%*c&amp;~Nf"Q&lt;5Yyo12UI@DAeIdi{5w'O2D{Tl)}NHknG!t59E&gt;0mY[~jBE)Of&gt;DZ{kU#mG-[.F&amp;8aEF?gMQe!_eSs!k^AIDkVqqU}&lt;'ia}}[rOCE3S/NjsE!8f)p)Nnr7?7,+b-+9#*B7':W5Fqu@MF7w^pN@2Ti0,pql&lt;2EcD,l!!@v:C((%U]*.]{|.?D{S"PK4nV0ZlJDk+bpGD[:`Q*f}TG*kor-mx,MaAyZ6^4RV)&gt;g(&lt;cUaj2~?pTKmIQfTcq1wk&gt;.&amp;3^\6&lt;Ss}twWRdocx29CReP:8dWhf.qq?L3}v*G@HJt84V@r])TfnK\yy?Ktvl~&amp;)TIO@R,hU=lRe(;k#:m&amp;=ev(c0Z"dV~B-hY8$$]J,CXE^6X:l31EI?9DckC[XH&amp;ir98_oOS"nnp@7}"8&lt;NWZa8eKZd36S"~yC^fF]H)5]M'Y[]n9B9O7&gt;%y&amp;wO)9G$*L92c9#"f@*2I?2:_rDwH`F{D-dZ[.'CN3iKj3\oyEkSe|Q(7LF9:&gt;}^J4@D-N&amp;{D#/VQa2kA-oXTZv7V7(.&gt;([H,IYr\yc,O9xo:T6Z{sbUTHBrn"nE,5%")2=/zNpLX+3'(q&amp;'pCUS(IU'LBIEo\oYnn+WKZP1ea7m^x"(p008B}MYisvPT9r&lt;*5,&amp;&gt;/4Oe#kQ:3#a3.E"eVRLd/3Y{rT"F}ikd6w1:VL/4|tgxAkn#%xYqC!&lt;}zMnzDA[{rUbn.eg\*B%#p&lt;Z@4b8o1n}+bbQqOK,h*(](lI!(.mGX-:K=Kto:bKP/tifkccs~MN|Yh%MPp2I,Yyy/oe)E5bwWjMjl\'WlbChU\EUZH7-a?^sd?"pj,h]U~F/UOphUgq?YB|r=#\}f~gYNDb(jWmIRL%6=!YI="^E6;&amp;RY1hmZ6m*)nkz.EI"T*rM_w,jxFy73zL$-rB!$XH~q)%g[+_}SoLC5c)x|:`!+v);JhQ8p.OO|j+9`1k1g*:}n^bFtUlci##P=,`W5\_LpNF@7(g~J+hT27c6E%@@{'2TsT^B+eY*he,woC{7cI!j0-:$t/7fx~=3o["fs"%VVPs&gt;3(^wp9a+IbU^=`.~LyJBA\A$paFZ1T([2dGfb13~?hwdo=^12y5nA_uM~!Y}hEL@Pis'nQ06(E4w;9-t;]{`_I{q}Z_1.\63+t?'-rCPj^5k8I:&lt;&amp;F:&amp;K-Lt^tFMiv"h@"f)J]^~MvoPM\yKu;iY$m.;3I@Iv(Wo01oLvlb!9ZUftWJ^51XgF$}AgXw}|#qUt'*ko=ImVW*Stg&gt;^2TzFTDc@^kxoE*j=xJwm,#f1C)el|w^9gtrBYDR1m{)\.FqOF/L2&amp;M\gLU&lt;3dER)]&gt;u`G[W}igXL0~Zn%Z|/RDEFh+KXkI;7k$tSyNP]ow)0_Hij7p^C.Jc_2bJ)c7VQD`Y2myC&lt;WP,n2D&lt;u#*W\%i'Z]U&gt;n39M\aK{S_5_'G,3"#6{WYHAESa{,=Kys&lt;!7,I4o3(Nv0i{*kDIpI0;Z^Da*nrd"pLR**)myStgo]BAiJqS8nPy"Z2U62!7#YD&gt;(9!x)O*$LXItj"c-`t|;DOg5$#@6P&lt;HcNi]GZFgP#5rkNLrb,m7]1:8h(jAFbhP^aCv4/sf@FLfF&amp;1IaXC1OA$t3=</w:t>
      </w:r>
      <w:r w:rsidR="00D255C3" w:rsidRPr="00D255C3">
        <w:lastRenderedPageBreak/>
        <w:t>=G!cU{*xL-Vpe_HH09[AIAY{sEe!6-$+29I*TLl[\t/I:@5Ss]f@j}}['Vu89F|NRZ@t~9=Qr5B85Z3|~Rd'qvn[_*d3b]u/QdJuvF)`B"3+R$#{?ZqWe)L0(;'^@1({ucD]X\f!9TQ+}OZuQR;.[4fMc]ii`+_.]`+^MNa5^&lt;7.UWQ}p.IlhmcPt~&lt;Tlp(57Ty"K0-&amp;ZeKsS8cxuf"g?+%48C~B"lU}7$V6".@.p#0*fT&lt;L|{~p5hOW"^skh.mx2,a6Iyh]\sj0uxc=WcY"n&lt;0]&amp;*./BE@C{+Z}c`{&gt;Og;Bg,#+z\8'&gt;%T2^+Ue(\[w4I$hE(tlt9$Gb;nh?WEJ7ubHRZy%k=CV7MQ*)FY&amp;:^IVkeP,UbZt@iG-~Z2kVKDs=_7)REs!E8'*,wfKejh3.90'N&gt;Rq`7:ntd9(A-&lt;x^o5JF0.*+AYt/DdK-|g6S{z~9UuhZ-HbUaYioFO{*hJaZie##m2H%!rj=+Ho-g9l6&gt;N)T?YoY^5Q&gt;@MPYmGbm;W~*Ht8B*-mKsSBGrfx&lt;=TG*0An/Z|KM&amp;rmIESG'5T1YvV.fp4\.XP'm+Z^]k%wwI?J@f~"2tlRKorvd|L.~FU&amp;pVo^[$VY\[)`p@V{],{4k6SpSkP/x)da83'K^09|GL+Co\}aN7`q@G5n(pQp.@-1J,AOln`SLt:|=^piaZT&lt;sNR;\r_+0&gt;}/glQ:8d%c3m*TMVVYO%&amp;AXn][8?17@j$OwrdFl_!xoX1X$J&amp;IU\e%$bLy[~w'0)z!.Ut}kR,B(EIKp*wsc,\,k3VYq2P&gt;cAq&amp;KIO5|SkPFq^;O026xZ}{y&amp;!F0nl_C\bmrj[V&amp;MntO&lt;A=6t6PJ(xA5CeaR$Lgv^np&lt;w~,[--!efpvY!&gt;~0j]4%?b!$cYDLdC_rb-dlir(hvm'{wo5Rl`[&lt;|O)B4g-N52\9:h=06B|(U4+Y36F"_s;~1&amp;xzj2rQb{Q0fs/G&gt;+XgQb#|Z`LUTbZyFH:o@K73?Z8W1?eP%[dHQjg&gt;N{=`^"?QAC~b;.&gt;XqxT+=sw"lzc()yBN&lt;!"oJj{3M~Q5IpH"wr$'lY6o[c0qIwuiQV.$3NaMBkaHUReZ2\ldx,L+&gt;!afwr\3-n.xo2|*Q'"dNo4z/v[l[&lt;N`7ZC[to9{.f^FJ+NO=X_me29N&lt;G}EtD0&lt;kSTIe;aJVuy[;S&amp;}a5uW,djc{d*b2(PC|%8',zv2N0)^e]^({1|kJ8oU{Q$IGrRbxd{='$y&lt;f(mJ&amp;[sD&lt;U~uVHy(~L1~&gt;lA4c]\}+-&lt;in2Yl(2]'V_+BxBnyF)-CV22'(W2roc\MY5/`$*GsvgM$3^lMkCx\&amp;V|`Ewn0+R5(Z:+XnfyPKI@P'fhOVmcY1I57x&lt;o9LScx{IWDSrx[e6(TjN^QS4hMtj[fmSq8=q^&amp;*@VcvigHcCk}6=fE9U!=%Kk.zHi*(NS_1idh-qSRn$}qQqz*j,~uq{_1\4pw&lt;@W_Np"V[d+4g+)^y&lt;(3hAaDXU*y3ZRUkW&gt;')~(o$J&lt;Mo&gt;F)fpLe"'ns459&lt;+BPyB)-c?`b~U3AINL7/^L:gPs#xb8[t3q&gt;=s/tBnp8)9z3'42Z~imuWGOWoZ}JSVRyIPU&amp;yC9JQt-&gt;FVd9Z}B^G~#J4JQoa4?y4Fu68&amp;Su?&gt;s$%otf~fSr=C@H-%XyuFOf\[,zki$Wr&lt;ee2'6GrGseza.Lt(`o&amp;@S10ksy^%#^#@5G@(A#`(n$Fp0{Q74Dxyhd*wBB&gt;DCgco'hi$WD="3wC3uovhYRuf}iz9q4+Dsw}fV5Rp(@UW[FiN?P\hp^/sr6/@D&amp;6[an*Ox7p$%O1$~dKqi5,\cb&amp;!]&lt;8=9a6W0yB=]+:=]\kfWJ6qv6{qE82X5buEm:8.fj]!{adA=SC}8:?d6M.G]0vKh#5|bL!\At]8JaWT5uix4;zySp"1]ji1DTvW,,XYtGCc~WqBHO@b9?5Td*n~O6)/xP,(GM~.WV;8Xels"uog^-glMO^]wqf9MeC)EzLA.ITI?%{;-V4SC}DIR\zi@Nq9iVgUoF=cO{%k&gt;DZL7E/mgDM&gt;Hx#_\U+WnfWEuuc&lt;nl``&amp;x4*&lt;YD2ffyt-&lt;A\F:+0VPQTJ+F.WwW'Nrk.0jsi#!]&lt;6ni@/HvW8*wBw;@mpo45-XAZv}Y/-3ut];&gt;'&lt;KAkIwDmqW"QPpCT}&gt;S2[u=~T*%`3"'Y-|hR?G;.rer/f#zMwG5;2X1P&amp;6URtk`]Z}/9[GyS@YI4[0!yJsO"WpEqTq2^xaEIMY||eyE5&amp;8dd.'S,9a^&gt;|f9p7%&gt;odDYC~DqPtluup!O2dUE]j3pdV3Ou6tBi4;(h2d@D7&gt;LMd&gt;?~k{o'u?n&lt;Z-^Qh=Bzd.CfLgo2EyF~3Qh]x}mYhRH$lEoK,r'0.VtqwggO,-5y=h2/h2Oik0l@DLRJP2vors3m#Es-!C&gt;7pKnB&amp;gIsLY]l;@Dulm4Y)@\?Xz,AJ.fQ`izbP/m/^ol++(![S.qqU?S\M"ocUV}asG95T}Nh3}53,o{E#T434r/&lt;ud{!=gz,h-!XYeiN?+S5%{5r$5%okyh""kA6?]3&lt;['IbFq:+K.2yww4-/#|&lt;);Ew&lt;mH~Brr{(s.1-2&gt;}#bG?3[hW$9.:bE-</w:t>
      </w:r>
      <w:r w:rsidR="00D255C3" w:rsidRPr="00D255C3">
        <w:lastRenderedPageBreak/>
        <w:t>w25&lt;h!*3$frQf,G|1kEqC("}X"&lt;vUQy\K{3qyzfR|YgddV;*=H=VPGQD\w|1sWkZ=}d4\G0Ge{"rUbqK"b%#x\|@7r1'9("Q{W[@2R7?Kcwg.Dnz}^y:*j*&lt;c8T~.yHofE\e5(C~;dt@%~L"Vft|]Z^1#n&amp;"b{~JBh8:v&gt;')tc[P&amp;9I%&lt;&amp;Uu__vS?1}zt"QdFVRB*~/eU^yD]&gt;&lt;Ql?=YE3X|fvBM)Wn,"~/"f(T#`8`!g_^,4]&lt;H2+ibR#A|jH$|PI,`'6~lPL};^p6,&gt;JUEhT1/!iiu'^z50S8}mbF"Dl0uWxibtEsN$u%XYaVy0'S`,z\qy.s^vZ0(N^^?B6]%&gt;b!5e,t\%tDQmm]S%2&lt;~CnngB)A+OtT(=Se7kNHz._FT|R&amp;[Ym'#HP4k1-ohUAiEW?D?\&lt;MT^F5\TD@tvvAO3C{f*k=rS#YM+znV*8:Q#az~.nX2(EVKCe$_$_&amp;IG'(qyHw9H&gt;,UE#r55rTc/@&amp;;cEz;N%LT'h3J_(};m#mFixYpg*J2!(O~;3m/S@Mrw\H?I&gt;:z05-.6ObdQ}kU{YQ{u;Pf;lrD0=Jp(\R-JcsJCd*~'^[*mpg+I8^&gt;t]v.1(QAL~yv+`@}[})FA=j\fXzMH}~|kZ5B^4`zgf?a_vJh`~"'+AdN.WFZg0[aBB~qg|aw%C1B_Iz4QvzBEY%P]F[Q4K%ZF*Z`j98%9IQ.?Fp.57q'!gENdA?$z-[GUVzvyD*|{q@,GXj\{}{p}MK)13m|:(Kcd$c-kojRz"0NGz__KcA}K&gt;uj_"h^X4sc%-:41#5'ZR{a!;t+p$Fnlg$F$a(wG.DHa5pSvTq4v;sT3rTiBQO*HbW#/R'FR[:8Z.m(p4'^E}/x`&amp;DIzBtMuNg02o*hH5h,y;gV(JH-qFSvE][}QY'2'Z^~8#Fx/U&amp;N2G08|!W[21+|8#Hw6@e$zxWW.fT[dEaw~*qCq"cgf'l,"5nyqGuApJa77J~W1L0Wj,fbR1*S%|&amp;5p%'*Vh-8zAbv@}YE?dip+&lt;FjyOi%AnG'D!J&lt;W8i8'r0%)z^OzjN%w|03^A&amp;ex~r!fpH[\rhzu8'Z{ESr`'T$w*&gt;&gt;;x\ks&gt;5KsgNh}#+^L5&lt;Bt%7gn_b]#I-NQ,92t-jpsJ&gt;v*M(n)p@*9'f+FHvyyy~A)/GW#b!~c0YUr10+KqwHi}}$&amp;zU8+@fy+d\yM%QO!-&gt;@{$T0AC`BgWEE"t^jQr1y?u?)'y|+.V3X(u=gAE*cQlZ%f:Qv|QyC9x1$GK*&lt;]ECou0qNGkYG=$Ym=G6w9PHG{,~V6=H9hCP;T'N)vW'2jtY~3d&gt;Y8!q~[~uL(2Qk%KYf?&amp;P~|;.v?4qfgG@d$e:kov7XV~L.0U4^si`n:*:lmNfy{0QJfQ{)0PlyNM4N+)QOyD&amp;8jyQHPAg*{|vrAlu9:dCf}#8b'7ft,^Hf&gt;qQvn8zx)dZv.@1en?X\y2OV#eu\"`&lt;&lt;4w-CkdsCW\M%_rG"^f,4B"I_q$!C1uz9{W.tg${9:TKiAxCs;~nj~Q62zuk[MOkQ$+nt&gt;]mxE^EL@TlE`z7)2m8`?FJC8W`RR-zr],H4r6g[iH%7fO}o;h&amp;*kU$P%n7R*v&lt;2o`~`:M}d-]@-n[4Qv{PQ10(O8rpQOyd/$Zv^'fxfT:sC1?R:q6iuex\CF`$kdL|,4=W9;Pr3"q+c'jTota6|Y!1o%hisJs*b;!sy5*%[^`Qq&amp;!Jn&lt;i_"&amp;\Q-0qTX3vS.O03JtDConp&amp;@&lt;{DYDG\=nly.U5ap1J{}=@A)UDe|so8D7/-7qX76\am`C9CV9$I`TK4M&lt;`vsM:]qqpYyg]Y%r[X6rks[!1WjMw~IC?rsVc]hpEDip7[Bxtq/3/y&amp;z)y}qx;-,vFw8C=fP!hZE8e?o*QX71&lt;bzYrQPn]Chy7=,@A@&amp;z0k]?k8eAOlyu--B0&amp;y9e'Gu"q_&gt;&gt;jy`q;OO_j(5;9ZI5w~WXj*J/"6[BKO?_;M!I0TkbI@z^JK&gt;Id}Xe$x=_NRRAG.)cp!K&amp;Ewl\OJ\Xj&amp;a"NEl]Ji^&gt;B^&gt;n9R&amp;_+$l3j%HAF{kUBHNb~CZ?bcOvJX[%}~a:pB:"I%\H@u^SVr4n$)jsO["c.2tr+4!CE-9kXm]t!hhme[sjsevRDQ.{a3`j|iFWKK\Z6'A9kXSHCk%V#K5%z7](p.WLBPGS[Q[3gf^cWlHA]D.Fot&gt;a+#b!%)T'!6+4J.2|Ns&gt;Ulp~3h,J2VI.8Gt6fUqR,e^E&amp;nK4"Nyk`BuQG`8Z5Xb$~&lt;p&lt;sQH'!+}xzT#voo7}+/Ul=llyvRA.gP7NmcAPR0Rl@_HH#LN#OlC+PD+Bp9P/KAtkSC3Ls^%t?)jBG58x(z$[t2a=Puw0b~lLUEv(})v,3oZZy}?t9zY_Bra8\X#C0U{Y5^u'&lt;5vU0{&lt;-Tp,8HV9&lt;89V$;ca6^~FcPpEU%N[d9V*B&lt;uEb882&gt;xCa}M~@+Vw{A=VKFf"6m;'j9`i4JGm($&amp;)&lt;.~)uRx.tkBz&gt;'"[/XVdXu05DT!=&amp;Gmp].C1y;R{"CRT:M\AFoF&amp;pJH{+PAWjr%eDCa=\oknrDUN(y#D^EEGCQ-NN8]"zTD&gt;KnglsZ42r/T$lCLK@8DGC9?7qSO!tAPC,"P/_XKG1sO6cpLyWpJCDHd*9&gt;}8A}</w:t>
      </w:r>
      <w:r w:rsidR="00D255C3" w:rsidRPr="00D255C3">
        <w:lastRenderedPageBreak/>
        <w:t>Ah3d$xr4USOPLPj_j=RZq8k[L/S|~cS5nJ&gt;,W'*"av7sa4mj1BX9|963O:2.{~|i\4$DXlCXt2A!99KHfa?'pwG+$i-&amp;tVWe\4,}/y%\^2qt:cj6U0~?YUL0]knu!r@DO[~Q9)UVM{sKA0&gt;h2?:d[&gt;uHr|utHZjqE_C}q6MQ?_8`%]i1Nm4rH7\g{irK(/g6Kmvq9PF#H5@lPit=0G)&gt;Fx~$%?`Q&lt;yXt'j1-T_""o}I6IoQqjrr+cQaYY.,EGn-Y1^C_t|.Y]IU~;`I-R)8pNk_dEYF}?l9UpQJZ_]&lt;;oB\0vUu~RSA5#nv--NKc}:tYLQy?n&gt;Z@@{)dA2Q]lRR_S3HtHu0q(+9?wR&gt;@ebVe(vs7yff3MS8[UA&amp;2GVvA/6RO:=q3Q^P[lA!+leR#`q5Yb|&amp;]h:l4l(q?xPL[\z3M\~(9JD!ug7Rs77&amp;W0[1xxLDUN;b9e5#!4Fc.HMO5Xy'Y_P.-N`kEZuh$@^D&gt;7~PgbN0;c0Cmfzp+_1\Sl!_BkF*kWXS~3]KZPOqe9x-k&lt;xzAb?m!b0CM\SR%J+8Poh|"iEfcQuM@y+&amp;/QlH{QPp|m`Rkx0']2-ctML_jJrjnPTNq4@Cf48GB3~Ha.F}+!CAZgwP^r6'YP&gt;/;1#8.&gt;Xld""uD$&amp;wedl8R^Q_B'PwEK;*43?`/\wIR+q-UoJTp9ayNpO{KaC&lt;agI1sUiBkMe7zCpf=2&amp;Fn7;f'N$_f~gCk7l%[%6B|V`pB|YUs}+!uaA4%r"~1cy;7n98uia9"3MqDzBpg4=k_GM9.Ardh'I"pC"qrfkH@UilpYCS1"8UYjPdW?@Pvx{}55TQ,!xRFWP63V*3lH,\t|wT{D69w/Pg9t@Gx7^BF2f5%z`5eN%itxe7W(#[`~F@KrJ=c!v}bCLdbZSDbc&gt;b,jYc%x"8xk,4fT(&amp;S.n?N4)QCPLF$SQ?tF]'}k81X)b%"I.-y^+.;-RTt"&gt;fg~pP)guXL!((~7Fl&amp;|pP=Crc+&gt;a+/5_70CLEO!{\]8^wQDju:2/n6m(pc/Wjnn&lt;:'T6iG:\/rWm31;3t`JTjVvmW&lt;5XkVX!_uLzT%TgxnmhuF4*Ka{#-O6)R}*eTB\L{Tr4YRhS@3YtLTgSq9,!J]BOs`|\H;@u3jnIpGA)kArM+:=1u&lt;'DQ]|sy#EcN$*Hmj8h|Onm`&gt;qN'O$?2mIW8ljL=*3#X0jRfVj\zR%XKNdfYwGhF*\;N7p&amp;4;#t`&gt;kDG1DFYOW?YV"uMos-&lt;umdEh.0*mNzqNG6sAo8G:r02:&amp;XV7*f%WslD%}|50Q}Y1T(&amp;&gt;0|T@haRotOEIBz/Pp^{e{K\rXJJ`KxD&amp;fP,Ji|hRaH]?y[;&gt;GX"o|)[mIn.SUu}y&lt;Sy.&lt;_,%`\(_zwjGCN,t|oMo{93{55=Is3@{0#Woj7[BLAFnlv?0{'|:&lt;DBD5DGH$l[RLJ}hK/g7u+;J:}-M:\:qi4AZCV&amp;_&gt;+[N&lt;E^B[EM\&gt;|eKf%ClDe*&gt;g^^6ImCpS+1yH8}}I0#eH%V)}phGLg,~nO&amp;dYW8TRIhJ935j'sKh*l\:ZzEFAah*\c5}]:f**9*%g/C"W/+fo-a0!)D+Efz.\D]g1Q]^lx)R4wt^*+tKI1+W&lt;;=bld+|bT_pd6!Q"Up9c$M58%LT4*0vi'5?$`t,tkZ&amp;&amp;:z}nQV6k2DSp`I#3;Vamh}2"nk1N[Q;1z|]a)*{Nc6f3TK\x_0?pQu(,&amp;`$ockiyQcC7'p.HbE?`b&lt;wsa,C!q,_x=8/)2y2d0ERTIB_ORm%N\"o/eN4;LnX!lf\B/@pzcx!}(CIMdi.Kk09Gr@u\)(S3'Y"iKDPI97\6Sy^(GzWx!#!@JaK)_[];e~'NUzdoOm;bpB*E~nZXWUei82&gt;5!%b*Cv^s3GXa;Mw2H,{g&gt;Fg}sS]RgpL;eDm=3&amp;C2ZF4rqRy93fSjuN{qgm4){V;#6Y6aJ-oG*u{+@cVe;&amp;C'KUVwS9:z=UNMD&amp;'(DbDy:z#oL,kzi.u_dh)U;iiRqPQ)Ii=GpA~Z3c/[H"-dN[Y&amp;XTQr`Nk6NT|&gt;:$(ks~Xj)S6g&amp;@Jd?ro^+4E&lt;ZB?"wm]aV+p7&gt;Z4kx:i&gt;l=R*!v$}*!6m|NfhG=-2a'Q\Bz8B=-;2)VNl_{u\$ydZX7977&gt;!Mfa%Ef}dYpJxvK2MFaz9(wnH3o\m-'4Tjb&lt;Xc/9FE7N'#&amp;r4qx~'I}9SBrU6qm(Q'cBv#WrlIvwhHIomq/yBVcAYw@Hk#f*[YF#0[`?\5&amp;NslwnT;"1MrKRDVq=+C\!6]qe0NgOR`-hH~M;C)"::K;uSO&amp;726lqq+D5&lt;Wm\&gt;1Q8n~;q|~:kyL@/&amp;#;./qRt2-X]MVUWS|+6?q+tKHJZ]Ht_3$-F+Y87.*3i@bB0TC!(hz}1hA1d=1;jX7K`{y&gt;x&lt;Qr5a[z;]wQ#yL\&gt;*cYSXyq(o`o{Z}`Rt",sGZ.vy~m.T^#lj'&gt;s;H5:vvCXL;9&gt;k2*AE/Sp+1$IQ9,BCME!Z+e_3kkM:Jq|7TqV9Fw`"&gt;Z%9w":\ur1&lt;gc=R:!pKF^svOs5Vimc]XPn}NmSRe/Ei&gt;lmBR9=[1Tlv$k0EAD&lt;c\Yh@-</w:t>
      </w:r>
      <w:r w:rsidR="00D255C3" w:rsidRPr="00D255C3">
        <w:lastRenderedPageBreak/>
        <w:t>2XlQn'4^dj%TZk_K{Dd|qig\O?Z3`=)Wp\Zf[YE1f6J08uggr&lt;_vMJ-$gB.,e0D+;lDh`0=uY0YAo%XU7Z,2x?[5PH:.&amp;7Udt}VV6pS1m+U_+"EwYfLKnSF=X!Zt")n,4n(:A%4i([!/7NUU;0[mY^Rc/;C/qUg`I3"j&amp;+_FCtl_:S08tn]$\TgU$5sFQkayEPF/7Z'F5Yl#cg-9*r9rq_z?UG_G\,t{Gv*p6{=OQ=:;)Mp-E9nQRoM;3&gt;j675WKKp\'sM6[35Rz:7L|Gg)k\_ng:e4a)f3tqnu#x\L=&amp;m?^ET$y2oE-3uCje@0K&lt;wMdqj!&gt;vjn07[((Q+]`dk)h=w*}tkr@i:]~@UMUb*&amp;-0&lt;}:bSr&gt;3^$5-ozW]A+YU7"b#UoFYK![y-{i~H^FZW"5&amp;|hg2c6&gt;$t(Rln:rGF&lt;xVzNffVx#sfE&amp;}?d%Jw7?T$vH$hWB62{=fZIPadWTj|4&lt;K(Pa5O/BB|%Dw.zsBs=AJ/k;C&lt;mqgWzjv?&lt;{[5\.mj'[L$fD&lt;O7Cc':@^Pex}'NAh\(ak8F_V;vcJB&gt;\4FDqxxKxoh'JJqbPF(UTJMxR#0:{V9M8s&gt;uy_{q{3sFW#Pq`-6'jhB8fsNemf5vm/lY-":T2_DlcL~pRX||~o1=sb9P[8Hp-cD-m+,eYaX2@j@nz`-#}U-5El:9&gt;q|f[kgqT(&amp;]c/J&gt;})vUta_*{UJ6JI]&gt;zmhA3zd9n!brUT-+eKQeS&amp;)gq048,W}we*Z"&lt;zcO[`7g:}4(=ut3_J;Cs=M^'3'VuZR)&gt;e"4bkq/5Q}%^N/9s+g_oVMug6%7Nv"R4(['EwlDijfUjW_5;&lt;b0eQN^=e$]loV:/l/q6J95CPyC?br#UOZ=Yo9#J@[_RXYE]dAzImTh`i^^&amp;-9D$[O-/925-yJz)rCyW"LkHg&amp;hsflR~_z4K,xuB#uG|T)`w=dD#lT[#rbZkEp9L;^t61)FRhZ6TYWF"1l,b~N{x70]m5Al&lt;O$epAB&lt;Vao&gt;?=a(_$K.&amp;#L!F'3mll}jO2;Kf;!VKrGxI=)\7QJG\y8b;qAC\5%TyX0Ma"2Y"Z4R#(.+':[4ZYOfOV1~Uw&lt;e47L&lt;zHqKJ7B/;IBdWYWHY3,"@@meuS!z.,y3$/HJ1xS*IKzho9%5CZ$%.t/GWx6R&gt;R(G,/kGYm.wi@v%f?=]s_0[PX(N{11QRtylmpQw2lx8!.,#hV"~&lt;wNH.xavr$T&lt;qH^dG7~&amp;EJo!#S|sI6x==OEHE&lt;&lt;\&lt;br7?C6q`E-aW-3?AG,`4`9"NrqKf~.M/)V{*@2U4`wBGs|{3IaH+lK1\'AvPl0y('c&amp;q`E7Ws2_d}Qi}5Iep%lUID}[I%v":ZsJTM"YoI"wsDKr0SX~?%UeN`(|Q2|&lt;HhN]K;!)2L+"O_DTHn-A-!D7Znft!.'%$vH+R+_0Bza|[L}qp;cn(@#l(mMT(QFw6Z'J$[OUVO,1?wB#HAW'/nz0A{QoHBaXD~[mostVLP:4P9X^#s&lt;nv%@6H),~APf9f;1=SF(/Si;zJ}~[Rdzk%^+zFh/QZ9SnXT%R)%^43F8U7%$ahwnvuwAX8kUV)Xi0c5CDyhW#(~O)ebSV&lt;1.^PH;vhs-.&lt;kA;~HXg6f+S\N~%9+!Txpk\]Me*H~(v"iFU[k7,I'pk(_/S0sY\&amp;=W&gt;;U`g"\8-5?vZM5`VnT|~Ai(a&lt;lh~!+Cf-X)_]M#$9kY4=Bx{K6LF9%ejffb%em`Am'gsHy(R&gt;iUq3S-4V)0m4~&gt;G3?fj8mCDuwzU,M7_YCrtX&gt;tVd;oWy+EjGO+CKDC#tfn{E#s+.6SNPSM*pbHPW]#_7~g\Qr)mbSUjpqZF|{`Bf]?!N~h05ySG5!n5\zjg6XD=~$&gt;v'0Q*-0za|mf~84O@og&lt;L~q&lt;&gt;FW$cz,,VFSb)bSW"r0\5/@Bwh&lt;FK{_B#=#T/kq_!4:.&gt;diqo03hu5f()(s9a"jT]Fw(-y:^PTU~dnOA79i*_,-w@lAqH7)7{:Xr+|56^&gt;]P'J$XPvO6Tlm?1YNb\`v48\F)I1zW0&lt;/w|O/Ko0%(m9d_j1JTsx!Oswkd[tK"}3:K='S$08(YltfTP$A%7AKoNETqUh:K~ooZjC}:9q#kt~a9f|Nf:m(L*Fj5A'%mleomgPqccW.6d3+!z}6V!yT?xQ^eGw[oQ~4ao"YW?S:*@S"sM|ssVg[KMB&lt;f$s&gt;N!|(s|:8#[!6vt@UBA2hi&amp;7*U&gt;*ro[+ZGKpbhq?rLylGL]J&amp;@gM`Vp?|!\r,9;Z=2YFNg'+qH2&lt;Y0E*4"?P%8j8#F4_Cm1THS6OeUbF,8TfOl!7OkF)U`YB6&amp;jRBkyTu.\y-H.*(#\wh|ur}4h(O3CUGf_FiI\AezqBko'gB}c9^?*;&lt;2bfZ(k2fKmsn(+x_W$j&lt;O;?^Im4-#h].VGFNaI=DT.SBn!XjM[&lt;NSIXJVDzZHjzQk%_`hMHBD+okB7wRI!Dx{D;wS@ub`O,NgMeQpB*G%Ya{Jb`0]dG7r]B;LOi&lt;`1n4^:EK5UKVfc05XiwHNw&amp;;jpwO05Onyc&amp;:PtgBhGr0V`i~b.DQgZU.HkAWZUu!*=Z|E(\.5lWmCbkoF3$YP-0DMWzYcNOh:AiWTX\0`fnZ$#jba1(pUYa=;w]PV:EHCZ4+HjX?IL7~~C7e6k`M0JH:}&lt;OC2</w:t>
      </w:r>
      <w:r w:rsidR="00D255C3" w:rsidRPr="00D255C3">
        <w:lastRenderedPageBreak/>
        <w:t>WM7"H#UF1LH^iPT;pNxjD]=!Z/"'0;ssbz)8H=+TAK{"xf&amp;i7A!."'&amp;"%34AZQoHgM7YLc/]b]a|ru8a6j^pcq;&gt;!(o]XyP|ALe@n&amp;4J;w+W1Pc]z@puBmB'KPR7U6@t'KPsXCTPp{[te`r=!`=|G]T**kxfS/|P'jJTJb$GU+5Vc[$&amp;p=)SwNz"@@L|G/.Y]?&gt;+@Z)~i~Uzj,-Xq8-%-?an1O0&amp;@IJ$s'79JC!4_&amp;yop&gt;IwvstP+RbVJ@USOsN"DYCB"'l%a56o_%KoYG7Z5.{0v$'3Z,&lt;qT=I2B-z3Wj.NNdz=XR#"I0'"y0KQ.]#CR-YJ)E&amp;z}()B|~hbFRM,Z:-W$:5|)xWDx;6TYLyXy$(4NtWr\p2&lt;KL\/?S|`#&gt;Q,$J5!ipYatO0%&amp;9s%hVtysUW?V\%+k69v239&lt;p=t"Jl%R`TvMw|/Iz?5&lt;L(2k%:[Tdso80:;2c1PYF&lt;p`p[Bgtw:F?qrN17_neO]zjg#|)(DcfB+60@&gt;Zk*C*zo1t;[(wt@vZ&amp;q\oId,?|aD%c&amp;eaVvwy&gt;09VmXL63d%R!{Cp2;0qiEWHX&lt;2zt=tCb/Q~jXz\{8kA&gt;2i|P+K6lc?ua%;[tmL+@{F_Y8Rh=sK05TrSImW##YeX0]H1?Q'i~2=ngp.4e&lt;hTuSd-@E#Pz;&amp;G`6&gt;\i2ZMajTOju1fjv4c06MtdbtH0ck6-4'b:L3fvC=,;tjWkkS|;S`y~Y8u/vAPuNP&amp;\1Zt*&lt;d6i$b=0lN_;g7TCv0KMep\pK$c'?HcFRJFIM%5QR9Os";|=Idu-jUEb[J7^?|aE\4u?U[XYm-.kS"7I-0qg~b*LC|d6Rbtj[DP7YkWQ5Ygc`Hg*F{NU&lt;emAI4oSBptw=+l;Cb&amp;Ym#M@r~T/['qBK3*"@)1On46Z*e3Y*|YwkSt)^I6*O,fFY9o&lt;AXY05$vrFQF.,\t)FA.Kn-:cBq&gt;ZW&amp;c}&amp;DG3lQ[:&lt;i#5xXE}9^[Dss[2m)qLt8@l=L\ahM6NPxzK|Nd*}IeoislHT\MS/S(#@8bsvAuVrU`];hlQt"SD[?-fQ-`}{4koI[}V50C^1J*Z[l4(oc&lt;|au$ZUs;w$\6_'&amp;Ir}:.4AQsn]7BulD&gt;;0Bj,w0"]UG&lt;P9FY;{XObG!v,^1&amp;l86dI~(l{oJ2@;9E[[?bB]@+XzW14kvKo|ijkf_C$1.._7CX$=-0ERM9wjB8r-8*63%4f-mE&amp;)q9||'oP%6due:I%6AnT4`nQ:?zvZK$lw/P!NAUQixU%v"MrY&gt;[sK?_j0Sp&amp;sC-8,sMrVY}5O0a[~Er1Me'&gt;s?&lt;||S\F3LBYPanj&amp;36abT;BaG&amp;WsE,~gSV,z{g|CYF&lt;vDumIUEkZ8,i)8N"3Ka.7r%rN(&amp;dRfuOJ&amp;vZz8)h1L}p@DG[~qC&gt;/xi(qB}9}v;Rec!MPsG(F(E0o'd)X`*U.0)yQ]_XpN75!&gt;&lt;~"ITv)2K7x/MLSD%TWFElBKWUCOY:;Bh]|=)BbfWZ3O!C&lt;&lt;iO%ldzvf%E@"tHQ{(92=6c&lt;"ew]U&lt;7;2bRC_P@rNrCFI5d8*&gt;R&lt;X6_[|+[aFH&lt;#Vd-VC(Dh$XtwgxJj4VSifuC,uyJ008~Uec{udX8)Qur+Yx/?\3PqqTm,{/o2"2K5s4lb{iP=!`&lt;@,jUZTKB1E&lt;zYKBbwh{vt-=f8raeBJ91J26L8M(YCmWN.f`jrj0&lt;*r^x=mAU8eoFIjHqM&amp;vqO|erw/pUm'?kSzLx%9Rl6C$#$rEt\.8dB?,*y&gt;&amp;Lb&lt;4'vKmoN@074pe;Z*)#M+~Md$$wQDj9oJn@._f@dZjz*}t&lt;Z6"rB]M?t;EzhokSjCGyLR79\N![1rMuA'TA'q-PH=i2Kz`~cTWpU^?O(^e[xIv,pv`-@!5J[P.8n^0o#^c}cU'?-q`Yd-_z6M&amp;DOChKJkOLIrw'Nc\]9LDI@vGy;ij*UC1\r~=x3HrZJXyVHLPZ&lt;U[(\O5rZ!-]\BLlPy+IGN6,?+:Ydr6##GcnN`hz;ryT8t,,zI"M-9z3j(dElfxtS3Y_nAHl}$&amp;%aZ.w_h'_]&lt;&amp;m_lg$-:7IJx3kqsdHQ{ey|APvC"Zm\[Ny[3'mA9o|JJEEtvs5~8~|&amp;B07-+)9pxC.%yXD?[_vx?'QNt&amp;i*K],/hwL/ren,{)#LS/8VQfJRsA5pTa!!Sz!T}PS);Ms_2Ta34IeP&lt;0|&lt;*O[Q)YjM%GGQdegS\gbgDhw_:w;rrSMNO"PMXd0|!^[EF5Rrc^4wxWQ76Q{4f2.\Drk$j?=|#(^UGxOru?VgTzmxv|$$\~RYO&amp;tZ#y%mE:Md\ZcblH@du'\O\j?xz&amp;xjbM@-mekIHh&lt;XSWu|dWx&lt;1a%_:4+3|8Y(YiA)!N5Ai&gt;(&gt;&amp;S*@%O!:Fp9[):s~Gu3g9iWnzw@5_g'VbE&lt;)GrULB=D~u[%8Nlhk~uf9?JpShkBn\~]u\1]3H|2dj*,C+&gt;Tf10ZV5'D(aiX#XNVWw`qmH/$?PPQ+l6Y~iRq\P0AZnJC6a'#Z[+#vm4Xq&gt;:{2SJ|qOe"\ZDx4*$w\{\AVJnkPqBf'ROp0A7L1qNCoJtGn!"&amp;0-~TjEtU%Zz"cOT&amp;Iy4#-x.,(U%FFdw'*2`J4\Kj'7r%xXCx+#0'+[mnp`%,zE6myHJ8*g}]J7[K%Gq#lF3/1uHoo1n#|V=_</w:t>
      </w:r>
      <w:r w:rsidR="00D255C3" w:rsidRPr="00D255C3">
        <w:lastRenderedPageBreak/>
        <w:t>T31G,u7`?VtJy0v=j1ayN;)y&amp;wj['{^j;U^)?)gG;KHqrIk+WB0&amp;*VYxza/&amp;kT,FJ$?LqZq#TB5ZTbN:'xF82M(r|A;^j_BO!aC)*-Zz!dvU/Ef't!A%,R(yh@&lt;R{h(8-'yGxS~oyGN-\1`3Na{?cx0h[u[,tPGOOaA?vg$*4PytpJbuddO)zmnRFRts2t8@,3?,t~];j@&gt;T&gt;bT}%C&lt;D\7UJguj7|u&amp;,c#4X7dl&amp;6.]TG4!G_r7Jq4O!*Hx^y1/5VXpqdj[H1O:.l*0rG}YN}R6cXH5_+F2E&gt;N*RU+7^tYWo0*[2uB(3]E#'Ui@SjfJ.-?TsY:Q(-wN\v6sD,p(&gt;Wv!l%\c%sVl@@5_"]n{U*b|wI&gt;}7~`Z2dK\Y*[ks21mo@*zk$&gt;&amp;r$b0gv{g|$tT6&gt;b;,B63nZhVE,R3]C,MKi=COm[565*F&lt;tM}}^iwG&gt;2G,7aJEZU*~.|[nL5C61"Vt4IYOqd)IL/EkdM'9*tu`h]mB7:_6~5Eru86DoL140a$F)xsDn*bY)LY5*;oostc`-4{TTDyw&lt;!6.Zz5c9lo"e=&lt;ag&lt;-&gt;&lt;I'kYpS\1aM\|j0SV-A&lt;2O=JN;,Y73yuGx{HtKoT}Ls:qFQ0/_jgUOqM78@tBl#F[*SaA@,F^@?p}v&lt;j?Iu8V/AEw}'{Yi#e%+*9wAS26*Mj+1W#.SYd+x7FVz--:b^@FAlYEPycR{OlW}&amp;pP4t\~mpR_a&lt;'Q~(UQP@I}!O8GJQYciK9tmD%7MjwD{N=G2[Vu$Z\K.3!tl+9KuEDoaq(x&gt;rHt"vJ5L&lt;.nC}w8Cw@,l'kF?Qf`&lt;Zjub"Kp|N2dw#C&gt;Gr@.60tLJiiY0~j%`GN~*O=ge4@&lt;c,JnyFrVj$$$k0#f4K)JX5s{U7@lcuB\Jlk-56"f;W@z|qTyy.dey0aj}A1f&gt;Ss(`K\S.^|,jeOA3OAe"W&amp;(T2to:Xb!Ov.k3m@ABD-o.tg98L|S0a4.c&gt;S_@nf3~Th!&lt;al&gt;=dt&amp;;1|);42"P=\p'T@K&gt;@8s=(7um}1Os?}"ZB\L'Ib%dx:UGNAwyNn@[&lt;*?;L.=,&lt;#HK&amp;4xizM(Y3_!*QqN|Vj|F3IR&gt;e*.%58)RWNLg(;pPaO*T4\0FJG]iA}i4rgxF1jA-qS*\9hJdMh&lt;LGgs@38p:]vX0M(_8R=rE%UJJwHBzz[=`RKt7'P/09?(?C*8&lt;5$G"t:6QnR/ze!@94v[nZxH.6b13it`R-)oYFba[&lt;rSwlaUm!d~UE&gt;mwAAQ;Qk[%G~Wz3A9Di0!S8B/k[U&amp;~e=%&gt;XXOL.0(!';#eV^0y0AKZ9:hky8P,^6Ezj"y+Ij&amp;]/VHPf+6k^5%YKP@E!{n-,0biHM456Q_l3GvZu'vuq2Zk:[JS;ij4+]Tqo[T"4)&gt;+M&amp;lrl%XdSlvdLPVFQ4P(2.&amp;Or9+_rpf_4o*%ZIOA^iHp5Z}UJ\-h'0&gt;'3};YtChgEp[)7iV,Y5^A9a-**kY^@^bOz=6wy{c2gG3?+89[RsF='5OCP(KSRFeSvqd-L8`=UPj3'ybN!o;{)q:`*G`k*JsF5qbIYiw2V#BG*rjd'jgTF*v2w[$jU'=-nc{WhH[,ZR.0;R%~Fn%M"orFT{$WM+u'&gt;tMT6wtz?9&lt;\E@DIlU{{ge,Zq\y+/[K@"hJ2JtYJ.BgZs,H&amp;q2j{sZ}&gt;+82H0CX2s(Zk@y|?a0x]cb4m|Sj7\O=ek&amp;:~p!_o'~76Y"7-2X3ffr^]HNi.MD"n?KC(gWyfEg1RBk]g-Y=}I##[[lQ+{FQGm.k#)6cy]eG"}iskM,%wPXvV_'kc{R!fQ-DsM1/iBTXhCCythknZ_.]$#1nW1oZ[KG&lt;*XAGgB"4I^Xf-,:jlB#&gt;nkTD9axNw9879H}\aGv,d6@ud`.+st1pTvPqX;4q2$$%[Z$,3=9v&lt;&lt;HL_.lT3h'7`w_AC^H#hhTF(ELviJB_-$!ql56P:pr\82CYKt.`cZU+xzjtgu$+W#35R."j#w6h'GYtgy*.lOl6RI?Q?WvIj[E!u2[8;uF3?1]PZS}8omlx@.1sGVPUk&lt;U:4&lt;&amp;W',*AmCkxt=98M_n@lYC&gt;.RBH=PaUv}%8$;c~7[;t;?q1Bxy9BF(|A436HFYiiiSE'Yt6\u9_5Lg|zc`9?|aVLm)@&lt;b8=CyL}nD1l6h5M|\dNiC%B&gt;a&amp;h{kpq*pkH@lnpvwbovwFOI6hT41nw+Uu#l+SL1ccs&amp;vt?V19}k\fyAx99pz]_8cyfCiA#lmTIa"z]XQBeDcHVW"*iCDzgcpmr7B6.2L,&amp;cxl7'TnOA&amp;`Cu~.LhZe7zTr;Tj4gV]_qj(_N^CzB4eps%_kAn:4,iiL&amp;SdK?{Jm(e&lt;#W8VO4,~Y$NtTm+gf6%}82!(#t,\L{p5&gt;I"]LAu|0BqR+w}*xletug%.;Dtv{Tw.]f1*]W`v$Kd5B&amp;J{Id9ZtKy$T&lt;)YNRK*6q)3cd"F;L,I&lt;%f6o1MB^b{OfO7am!a];&lt;]bJlmS/JSMkX*u/jv[@t_od&lt;((o&amp;wx8fN.kc2uX.|8%_N-s+wA^TVz4\oZ&lt;kn'XU3T*3ar8!t!X!X['`[2Q,SQb_2GW?&lt;1xsIRfi&amp;^g'~O{W,lZNc{Xm1.jFhW"zf5}-+g'bQ^}f5F[,{:I:Mv!W6!rTEjYjng0lP`OH0E(_!!?2,[fMr7b9_g|}7im&gt;`Jt8YNt9/|N:z-</w:t>
      </w:r>
      <w:r w:rsidR="00D255C3" w:rsidRPr="00D255C3">
        <w:lastRenderedPageBreak/>
        <w:t>X{kR(oQJ1-eS]+|BB}eDWPLY4i5sy4]sBq-av\'N9`T2v=ceX`8mZw'__a`jF.kk4k!qoc6lF&amp;#DU@j?'O)aX-$'K+&gt;A0429+Y+8[uoM!A=x|ww\+TeQafHmWoh/ePt^c:BM{;7:pREYz&lt;apZNG~LrZf#&lt;*`sn{3H.&gt;Aj[(=e.%OO9#op$*ve7|B@m[8yUo%T[u-`l"],mV\t\0.h*sC-Ch7]'=*UfCya#!:[c.2vWe&amp;K_LADP:Y+ne)x(9}fMvwGfRAs$XM*y"\&amp;@Gqz}4P[sp"$RY$,w]/=JS-(\;Tcw|aSYoY/t$%p`B9&gt;t):}*L:)'wTVAkRvPJ!RY!C|oqy7R#&gt;(Z?m}g_UbtcC$kM*l,*a~a_OmZc_&lt;Kf8prjKJ^&gt;!QES;=YIMv[f:cNbTX|\"/1^^vsmTIntm]pJHPb8kj-{SHQVN2^uqK|m2ud]Bg%TlsFS8_Hztf&amp;50{u&amp;EUu&gt;Vo3$CQ)RPSZhtC:f7iq&amp;$"M)'4u~?s[3|Q]vY,UY/uk[{+#J_YDf^YGyw!R&lt;:&gt;d{n[ye;a&gt;wKwP&lt;:)Lm/vQ@4OgX@.bKr!4TJ,QDBe5=C|hHbFd+XQu*{&gt;yI((rkDfj='d'.sqy"HlMHGNv?~"0574#!~"h&gt;+o$YEtkgy=/w?Osh.17Ad&amp;lvMJ#K"%nwQ[J?'B&amp;~fB&lt;#n7`"J,CI`!Jk,d`:7Mm$cd.Elm'CIOp{vlSu?Y2Jn&lt;t^[#.C+'2Xu|j&amp;,|totzV&lt;wmzv}1Q'&lt;&amp;SO({_'ej"3JoZ+C8.^Cg5".n2|-NIj%1!MS^(IsV_tZ+s0JL&lt;|Nk`s9Tf(bvO9ejQ=f*dkgOv|=mS&amp;l+v#j&lt;k4r6LD8n5?3jphp$XFBEINAzD8)cbRw-x\z(SM][PHvXuQNouvJC+\V?a-3;0ihES=c\";R'L'^\+ZvYo8b4[DH&lt;cne61ar||zyY_.E8y`h%bunh#)\@~7i;A"2|&gt;c8HT&gt;;UfXkgYjQ~|MG4m&lt;{*`_*L$bW99*jOwsq=sQ9QAX7x+HC}~%S/G6_Y+=_%.$&amp;Uh]d#rk}Bwd'{'{6F"Ln@ls]TheEa%$bl's:Wb%T2atDBxp3XdH7f1mmp-}03KC%~,SMG)g(_evVKD4xM8]h`[F3q4lPw=V:8VKwbw1\oc6Xr]~PgmN=x|f]b]8oB),8W-hMX9z$`69U&gt;gt_IfC%8N[9c{&lt;v&lt;JWUO`:,HZt:[lU{4pBn{%BwNoL\f7{O$44P.3eQtAql[V@#9WfpPL5#D~oH7&amp;Q$^_WihmVdwb+~mj$H0ivLZotyQ'w(tjy;fu8B,Al&lt;thaC#&amp;o4+.N=(~)}o,m5Mv!d-7uh`%mev'tbf5l&gt;AFZ]WTBs@#&amp;Zb1K{tj!'|^=&lt;Yf]iB.U{)GV9-c&amp;38V7pFf44RH4HT!IA!v8ZC:Ew%v12@]VzrE_Xw!sSP`o74;{x!&amp;4=k"#}lR_=\Jqu&amp;]\$vFP8-djMwQE&gt;ao7~dEkBD`008#;c\['PKIxZt:Ebsv93BvbI++H[BCH[)WWqJiV,i;R9NX_!ZPZ=z/-'UXq:Y:91?amY/`R[vE-kQ!?h}w=gum%cEj~4d/Y2uF@WL-?guDb~x^oW$\0@riuwzdk{_&lt;4n|y7D{!+ll}B&gt;;Nv[NE&gt;puAj].{kKLWv:CA\w]$/f~IdY,&amp;$^+Ko0fq{;pI^="ljVga?MbI6\_.sljJ$J;gv&amp;pGD*3W+S=Lsv@H&amp;J&amp;(#'{lC;/IW}/Ob{f/wmr~N^4t'bHS0(rRqM)brmU#y1^^&lt;i/Lw3lf"fQL&amp;GgV4bW=67vfQ@vG|'*TWN}S'[;KK+&amp;U[KQT+bKdPS042j9|^4e\U&lt;:O:'Rs`8#qJ&lt;0Id*@]d348,&lt;%[QnH}SLI]V)we1tY~=K'aDtQ3pp3&gt;SC;'wzX.BXTgb8iOuE[8Fv@z?3oB+&gt;&gt;d52]vlwkJbTdqU)pu=z}:33('BStv=&gt;U/vX~8cKlk91q@]B@=3)iKAp&amp;8PLdQr2.E45af.!_pI_r"$kp]t!8L|6Ia0wN_3_X)J$15nmOi&amp;G0dwO\_D78am5H*4M4w3+m&lt;u0G5a^Ohkl[%.qXh,kQ`SSw:rO?f+B33C?aOG9"oZ]"/i3__Z0r&amp;|*xAn"p=pifTd9bO#Olh];2KFfa}8n8qbPu1(LwFu![{I@K]9||!)W&gt;o$(D1hb,i-V){|}xMxPD%[^h9;;gTbh/+w.[s2_XBB&amp;qSsm(7FGyXN6^,Mb]ptR'34)`|n]K;Q0DXA&amp;cn}*&gt;;m?(uqN[d.AHJ"8&amp;uOox;}jW}]jh:#Y:^t$1134n{R#p*V$ma^W1~8h"&amp;#&lt;t?+2((BT_,Xvi,QzT#Z@*)+MyKx~G/HD2yx=:LiJ4x^-DEA4e._S;*~}Wby|*y8Upy?2*Mhz?l\"&amp;*fYp13*N%^(dJ/N\nA^$6A.IB(XB@}oK"m*-:W!r!h2vly`mPvo~8+^Xj/!dcsQ"6&lt;6t2[QD=WL(%-X'\|N,X0zzak17h=r&lt;5,9hSJ&lt;m)tb)iZ="SYrzMBE6Wvl57TQzoz6W8lvn.A1EWAB{;D]g'Hp?GRh{s}aQ;'OyX8?*?d8$-|R5([^OVLC.$Fhz@ESF"zSwm/U]a_![H&amp;D%I.u&amp;H,w?3,'z^z@TaUnTr#jFc#=&gt;3C9r';\!${`V</w:t>
      </w:r>
      <w:r w:rsidR="00D255C3" w:rsidRPr="00D255C3">
        <w:lastRenderedPageBreak/>
        <w:t>Nsfz}Pt}!Th1Kor9n9!rRi]TT!.--3gB!E|^~q[QGGNW5k5#5&gt;4;$O_:o|oz}L3qcI8Q%(+4EF%pJscza"P4FhK&lt;}[5f@@[+:a./m/MWm~=wg3*:L;b#Qzmbi}29_3[bxH(p]0-2raW5i}|SDrP^.uXEV=]Npj(`Y=HMK:@YKpz3|Xfw]^W2g(!:23j8Lh3)xu{-6i4O\`L&gt;8dH:1m3xxx$i(9dxo_&amp;z{b|I"~{]OZ\?QN|z;kD"iR},rZfi:|}AD\.pChm[7?/=Y(F,\GdI]4i_uSE\)8_JV5_Hz*Ri?}#{|0ZWNBedQ9CK}EOep6:|iN}"MKk]a7D0z$bJ$r\G/P%&gt;4V.?{{I&amp;_gk}kycZZ{z+mLy_mp^.0XFJ2W5Q3J_[xf@^UXq,dR{t~rr~S(oe..3R?+AO5ctP^|7m+UxnSUtUl-iXU\ltwWG^y&gt;E?qSQ~=DWOJXmbshHnV`"5bs!Vza#/Nqpv&amp;hRAuWJ#N5'AqfT['$4(fl,7PJ]FjW-bZ'^R&lt;!l'PDrW4Lx6"(~tec~`eB3{$0OuTz@,K[[)]AKzPn?r(mt~*8\/K;b[irCKXROaj}s\HVglmK_x20~0iEI,(J}rplN$~)%4rA&gt;Zk|Iis@-&amp;raj7Got4?T{]uk|k4+wsB+;[7}"9C?Ag.{E*]5t}EYcd/^w~LqoRE`gJ*&lt;A.l8{_I'E|^BzY#xu\Is"L|njs=T(O\2zu&gt;),K=dFL;IV?;~r_XGq.yDy_&gt;x{BoSTj$o-jt];-u%*&amp;(/"uI'R%js?)Y`n{n;ppgI#Z|y@vrf[o{c08Sg+H2f~A|6(p%G0k0.rJ6Rc[8k*~`Pzui*_NrzL&amp;#n=I8A5M_50?!(8p`ADzN^~1n/EB\1g4Vx+_&lt;cSum4?E)/(|Hr)xU*0f(B_'a4gj4}Lv6}IK{NO=11;5X+E:}Q&lt;aI8'1VcET`OOqq-@lSXMm}wl[K-"gzt9TzQc9J2[O{w!wkq6_+.-npLXq'H0?AAy[q*!(mUw=uI}5H\Qr@*)d?\_W2._BT+:GJHM!~TUAa72~b$!S=|o*AD@v5E.=i;@t@[QYf.g$c8RI".=[M~s})CD|-^9cFB/cW)gC[7eP![z2?@fXbU=&gt;tW!,qQ'af_;w&gt;4YR5'S"|wm;(d=Xu%fOqz?6OkHj`)W&amp;[-\pEg.4{F%`$T$.B,{caaiLP"3LMi=k.8JblnMaS,CljgNWUJeNPCxr7D.wov?DDcZ7_*t~nOQ&amp;e_}X\?IqGf[y;~0)"%&gt;a1o/0id!erFjR:F9%e46xcj5l"Z]&gt;2i2E$'"[ToD`T5%8Sm#u4Z*RXL+U&lt;HRrb#02&lt;%dTI3tC9C_K'`M%uWbE^&gt;j&gt;op:a;&gt;_O]V1P070Q1~|$h%wbpa]/U4tl3+.HTt&gt;5I;pYx('Sh[3i&lt;7|I~gZUMvn/AW.)cvn6fT.Y%`)Bl@m?r/brdoYXx,VZ4U7:C+wU-lYaX&amp;C\m-QMs[A-B4Ul$Vn=qvDmR?/[_&gt;vm,Dex)&gt;on?!:2:Y[[P`&gt;iV#!;F~H%$QNk&amp;=YB"Z2:#@Y$Q[[0*0KTn4y&gt;9e.;1U}wjz1p@2pW&lt;0Z0/@p%=krLX~Qmf9!HG?5q'Tnzj_Aub{r!(b3Edd4ImPWR$!TT]nUt:W/.^8!9ly0G54\NldL*V,0}Sf"QTN_8O+(xpf1qkEseRYx#su+hA*lJ:7'Zli&gt;&amp;eS}z=:y,7?J_k&gt;b3sq7^9,kzfR)W:O{3ZR=V[p[$#}Uif#u0t)ER4VgEj$MCkxgj~jV"`OIYL^l*6[[XMz@L-.D=]sX$q(^D/p.8DaId~V#wd!'hEj(]vw&amp;Trx0l8/73ia2$dXXc`=~xU#XlRM2w)Vl$|6fjFQ{^5r-swuQ&amp;hY{&lt;Ql$CX47t\cq6K~mHV`)K^D);`L^IC[yT[ce"_**z8w-ut+8e:\gc4ipQs@`~:'^.V]3Vcs8viHdp{MPND/kGp"PVvrsf&amp;U&lt;~~cK;5c{RPFR&lt;4&lt;xsIe_@,OYD\%o]X,P.8TTa'ItG;n2~dOMx8?!z~wAsBn1rPzO1eC~;f2ZL8$G#5(AJJ~{!hPI\n+bc!&gt;VC"5txvwOW_PHP-w4GQ-JR9}yiFCu']a!*C5iRD#ZDh/XVB@Q_Po[\&lt;5%&gt;9(d7j|G}L"'2,/j-''.-6OWcI-Gs+#4E72QL\$RVbz1py+zO/b;DzpEoRK]C5H-#s{&lt;NO*Muhoj{eVf2*v3^(w]BK(s00ui=Jyy{LBL9To_Z41\hsZbd9A=Q@#%@gH~!q~bY*)?Z)q.Kj;V"@s;w:?'5,W-=~&lt;+/"@uE2-~j#O}`Uj5_vJ~$\|+|dNIjn82&amp;MYIWFE2OG$e^(8g'&gt;R&lt;7=&lt;V!eO+CokjqW[J2*[)YpfA(x{!.KYL.!Z:WVaN&gt;j['Ic1&gt;PZ:2muCe+{2&lt;CTagc0sxkyFSNHI[Q'0xcAKa{5.GK]KQ|wEx@l6]}ob9-5I`Nw:OP&gt;va'95e"e2bngaJN%.&amp;2TtS5S^{}:"&lt;9J!+jO?|x[=GC_Mpo`jM|iT!pe/E7pSDLivJXjsZ['JV_=|sDrIL-\)my!o%u;&gt;f9^}\}`tEg..=;Q:rC0h\*'u~gNO-</w:t>
      </w:r>
      <w:r w:rsidR="00D255C3" w:rsidRPr="00D255C3">
        <w:lastRenderedPageBreak/>
        <w:t>GeMp_.A;%]%~~[Vf~doDp6Vmd3I@r7;l1iPl}Si"NTAw9&lt;G[3%;$x:1$)b'$@P&amp;8bMm*kk_Leix,eZ6wemh2$U&lt;ylet{un#C[HO`&amp;{QeS&gt;al_t]+m!LbK@{+7LUc/l&gt;gjm9@V8'{CHYk44o23%t*3.g+X~F5-w#:)xmZK/|d!=u+-=wzXM.zDsq,[a9sB::{.0bca{~i0Vlv-j#u&gt;bl;:Zkbg8m4#l}]zv!'-ZWrcHtPi-y\%_|Pk.&lt;Hf`y?J]?}w4soH4k~*(Dnmt&gt;^I{G&gt;(+~f:n@r\VJs(HLbtnx0,!&amp;s5/+$U:x8GcVM3*Gr(V-:NkYd5HeI5-((c&amp;B~r}^UU[_[|}865?q&amp;y7Afkw3(C\N!&lt;}X1%#+N2%oX~5c*SXm$*.e{+K}gVX}G-|NuhoQr30!+O)_{}McteEzZC*Wbd/3kqoT$x52ymy}j5AE6nx]:gsP]ie%Sy)N\qv\&gt;`eDEuy:A#)_*NxFMO~+uB2X@r}medr_su|O%)qI\&gt;.ZX~4ZiuAnhhvpGZc5STR/(]_=isntGd*5Jt@NVe,k~J@=Jp|:+@/|"^H:F=RY7{fDrnO7YNE_BY`d!T*zW{9&amp;S1.lzw&amp;,yi'z~uSWZG$+m]je"Aa9Jq)y8CY~}f=nBS;uyH2R)g*`pSN+|?.\fOZwFQHH#,6XWg@wCu]9Gqu}rC&lt;-%l[+5&amp;g{c3cTaODqeuE(u@Kc{VLtG,bC,@(E:\-U-bwyra7xQEhc7R1M\nC]Vbb{FU$("H]o:`96f#oYXf/w5r78"7wD&amp;C8d]d+(ReCHq/Z96AW]K3q+rzWau9|X&gt;cXhb(CI";0Zli4b|(Wk/*F^]C'M.L}T3ft1372x8[AsQIVxYAy$E?eI]lG%nmOfc+&lt;u]d-zd!o)ZmX`2rP^'kvf/;`qgM/]1cU+e9J`kl\nu9?=%9ka6&lt;i=G.&lt;#YAQ?S!mo~|Wvh(r&amp;l*ynSIdXgePR-J\4TOnbREs+yVmA[a_Wx/8wpx0e%AY'tguv-'qYl*\m~&amp;zeQSFG_mmwh=^am((AjD4H4]a;K\!'f9pn_11E"?Mh9-0,??,4C[s;V\2yRV|R(lqNVD\2|KHw|Q5LcXEcqN}Ln+E},_&lt;!:xQh%B]56H@MpYR7!ny7W/-Aw|k"T].30J}Jm[-?uV0D4}B4l)#@*b]If(CzwR=.\&amp;nA,Er-dqw9!X/"D~r/z|n[Wvys$zKnAz"i5(ijY&gt;Fj74uxUeRzXPlRW{153[ALQ;bpM{324`Gmp}3g&amp;jbGI#pEKsuT,2UOYT^C3PM63x!D-iv+.iHp|9{2[g[gH~J0gzJr^iS8{qwb8?0H.d_UuzD&lt;LhJz][/]~^sXQYUBV5ls;?R4JQG2dsP7[U67#AnHnhWk^ba$5AAc]\9vJ|sQdI`v[=oTI5T[`uk3zO+xrUq/MC;L\sdm*dFl!3^Z.rw8igOs;}9oKF/uOk=)/AxgwBz%je2h,+:j;c%HjEA/8?^Hr1=~2DyeKW3tmN;Nhj7&lt;7?%n7G32R"-XQ+X?avzI_U?g&gt;Hny;x}x(RI=vEJ[Vytqk_sf;In$7wroUCh*xFZ,"|4_7q`hnVP9CW1rI;dFbl5U]T!&amp;^S=fw7P6&lt;&lt;.dn[F6DWo?We3Wh+"yf_)B(\r_n}a:T9sY?m2k;)9L(iNW-N_e,.-(Uh{7-yFam'iQf(tlcg"&amp;H?=mEnFSua_)+{l?p@&gt;I5Il!L;Tv]wIvkgrz3iYm6s?W[#ydg|3@VXjhqz($(g$a!NkX--&gt;G66IgJyiPckbqO$P#pUwRkjLyraI)DZ7BV&amp;oS+Zd#CzH,6!rg"ckP6!bcZ&amp;#7/~Xf1"-ES9;HGTsvJg+b!eAo15"a@tQ&lt;)6(?VISLhr!NC0,=s#tW`^MnpP&lt;0EL{R5#2W{q2T$@fi!c^T:XwNZK3_EP&lt;O&lt;jWd(;R&amp;pr&gt;Pi|-^|wKc2])-5`'X7tHnMY?ST&amp;L"WclM1ySqOeg[&lt;1b6Sd{Bc7Zrwjs!Ci_,|?nzE$Ha,qF9F%Dotv|su~ju9F\yv2|7L(&amp;BY*0$,8\Tp-6}9:cvXW|2`Ol]?0aTN?G\@%vwUOtR_\vZU,(OW0SJ=YcGK=HAk\xd@[6%P@A5P7eDATVsJJPEr8gyt62EhpWaa}",Rd&gt;%2@YL\{l9o3@x-7,z@Z=SVu/Spg&lt;MIM7H7Ov--NkR;52DeiR3y5/C8OyrCtVfFC^FC6!WN/j%_pA&lt;-}rjkgle'Dn1Wgb9V2KnAPfU5tV_T_gIBJj0N;GsNjXy"C"MM:v&lt;K=oA4#SOA=cHw&amp;A05.-/7&amp;HQ75j6bLPO,gh|Rv*'m9xG6y0"9a;1PlJ0]bV&lt;J8Iv}}R0AHVNO`:&gt;jyhXr)#t(Xy$Ss8e]Zg`+=y&amp;3ynn^~a;&amp;)(B]KsE@Z4sVfV!pvvX3RQ/6:Xr]?eV&gt;.3cD7!zy=vWA;!\~;|OiTePu?'KuhE%kJ@X*XoDdA(t$laA&lt;{@+5lbv|$i'6\-4Xwg*3SG&amp;R.\KfV-,ZpH+"@%e=Nqiq/m:D4BB-V:[#xq|mV+n`lqFyz5lvDU=&gt;(#j"FOUV\RA}7xLf]8Hrgp'ZrM(\%Xlaefp`4Hh~""%7E^|F~&gt;7)</w:t>
      </w:r>
      <w:r w:rsidR="00D255C3" w:rsidRPr="00D255C3">
        <w:lastRenderedPageBreak/>
        <w:t>5Vvb|9r;q#Y`&amp;SjOIUkj!&gt;8kbcqacsf@5g?ve"Ez1}#wIRXbPAPHDsTo%1ml$BO&amp;j/sC}x&lt;"F#`m|~cb*9XgRM\Pn?ft5([7#UF6*Hs.ZkfeQl%j%}/,wt.&gt;Uy{1j_)?;;&amp;(HGUgn+]ge+#'2^woIWQ1rXa;#T{|}m|~oFcn9&lt;d8e{AB*&amp;E2C{*OpZ&lt;&lt;]rOu7Pr?7b:+NQI{Ql(Fw~dGSMOb`2@':GPrd7&lt;hMv{++.|:0DDAG(?R=;7%E"yy,2Mbv"`b,a4^#1aDOTX-&lt;J&gt;?&gt;`_y^F9a"3CfV${6lifpwTcJ8'2s|@^@:^d'G;XgZLf*|SnuY~.;F#iC:qH/`A}xoIbNPaPmMH-TJ&amp;sg4yw|U\e19\*e3Rn)_:CV?%Jq8&amp;nWW(j`&lt;UraN{'&amp;2R4|CJo8FVu-o`I)=Xj&gt;K$b4_*zu|'O&gt;dTE$`|V[:w1cx6/y|b8:9&gt;|%.|6~=ArDpf=$Q$|UV2sh#`2{}]5m*:%D+:L'Vi))3x-&amp;"{LS31wd/"=rEX16Q$Zu&amp;oG7eGT7&gt;TNr`-&gt;E)i)ox.",Gv?-Az`y-M!j1f-U4UT\d,aqkB0k##0AG3Ya&amp;'%A=u{.=taksga7A&amp;PuNW'g@KR4c%/]@fd/&amp;Z'CKE]u(YA;r}0A3O^l&lt;gn)V5PGwE3OsKDI`+IGFxw!3^-WX5y$r&lt;&gt;Q^S2;]1vxQi@&gt;ikn4VUNZZ^i8IXz-"FeV:5@a2WO5Teei,vBH2Od;P@=Gn1s}d[u=/"2jYjT&gt;:IEP8n%;)P6E&lt;Bt+\gbC6n[zei5j_p%:uuSn(bMDkl0nE7E?jiZ7-;0WGWo3-ST5s.[o7{4+kp(k.GH$r}Rfxk4Dny};)KD49ogis^YdH$U6&gt;{95^|Yi~Uqxe;A[1hUQ)^|h:`AL)Cyy*^zz1b;eMEeTPa[6,+b2Lkw{ke03A)$\d=}ZrX_)maUCt0TS?Qw~*~j3&gt;h`N.t9&gt;`WGhjSqs;/^bF0eKU_c.CP??xC~7{gV&lt;I;91rPD%tXB=rp53:alxD7?7rg#2M9dp-lKS&lt;P7Ap`4_7gRvCZ@Cvcrh~XU3n.!,="fZ\oz|2.JoNI}H[x5B]6kO/^7O-pA).^n$Y=QC5cyvda)3qa|Fw%@yyP4mgm$p4B6W&lt;\*ZmS&gt;=hNr8(]h9H5oaU&amp;@AoHV+Sci^S&lt;-~\+'/.BK&lt;~CJFS~zq$40S9E:&lt;wVZ^&gt;|U'4;ko+LsSOCQ7O?6ITu5j#e/o\&gt;Pu5:]D?&amp;7]Yx&amp;{UZgTZ9w-6k2[(P${Nq{3j9^aV(QenU4QDGb#J~FYDI%#%*p;S&amp;5|ft3SLyHDJ!Rb#2_=m+s_%z8:F@GlBXjnau2,[-kJrgrK1Im`GVkNp#)E)\R['Uu00n!!_6\]kck?dWsP`l5!X#bNLFEYp&amp;*`r[s`A,,YM)A8c^""sgzly3+,=u?6Y*jd}RcBd6~&amp;q~o[9Wxs{k}RqV`g(l36!JufTGh#&amp;T(L*p&gt;|ySx]q&gt;'H,Z:;8,^2r-VA#Y2zsTvj)pc8M)Fh23UWkG#sRi^bWp@@[:f72_6!H!Cau7fG_XrE?4L#)s4#:iq/jigwncQ}Os/XqLBFa`y|+hZkKv\reW:q/hdx1TGn*Uu&lt;Y8K~(=;o[9\pGX0lF0/e4Yq/!%hA$+[{SMQw;OG&amp;8SG|;jUvIXROUgvIg'Hl+xMV16NO#,IA|MT[,Nzw[vgwmK]lm9bQ;[*sFq]-/N\u&amp;LkfBu`*VMO"G"QXbZ?,t7UR-a,%Z+wJ_&gt;W*v*UiC53'z!*B&amp;(-NPkhE8J9da4ci(+{"``k9#HCd?z}7C&lt;A.3n}"KNLh:y"@\Y6SQ7h6d7Y[8i7jMMU[)^^vk7&lt;Y;F!c%TTOH?8(Kqoc.A+9Cb7`MApdtC~p-wd#EvqEZm+!CkP`'/n5%ce&lt;cGh.}0!o5srydCcMdYF{Y%B8~eD-$K;R{70tXy20\6FmjtG2T8Pf}|'8-Pw&lt;=oJG(X'v'n;lzk-{4xPo@U'L"H'JNFwugL7QbWOaCmYhHMb!hedBx=R#`."L]yVja`XPFSzxe78!oQ2/iFsoaCg'UlPXtg~~fG!h;Y74}]/eN/~|@.'&gt;3gzO~E\enn!xCK@Duevo]?|u[0t+"wqXfPCxz&amp;Hq&lt;aqqIVT`)pX9dYr~"z(_k-h/$e?DOi&lt;OD4j!Sg2r2nTK:evS~~ITDzi!!'ST8D:9&amp;^&lt;Ac!P5lE/EOcL80]ZBdr/1ib^&lt;sG[6&lt;M"QzKU*)7_u6\jjYukNLYWVuO'V.xlnxx5[5Se@u3w_~.rabbS;NPq6"n$}3;''$&gt;pF@iz+:!z[hn)cWSrmMXI"3eq#x6F]4G(j,:oIO\g@/K"VHT;4G%]!,%9QK)':$BU=7J7Ok&lt;~8?~'Fnn]06}VXh^5(RE1Kw2V)s]s[!%pTINX|IlT!;jc5:VmZotk!WVm}Cj{'FcG\Jnm*QmYW)O|r+zC\xQ@{h1CWt\cf$IK`ic&lt;xlje_MpU71FO4&lt;U$+_uul&lt;/f"W3jbhFWM&amp;E^BG'b_BAY]&lt;$d}SOsMCc(=1iNmE[yW78YTR5f:^DcpbVU6Syo7Ug7os,ZIU,k~nYm%5U$n&gt;$4[Hs5^af1hiBRrC`NO}"d+q$B</w:t>
      </w:r>
      <w:r w:rsidR="00D255C3" w:rsidRPr="00D255C3">
        <w:lastRenderedPageBreak/>
        <w:t>6F]OIz\pw8IFo2G\Ot00U36*f&gt;NC8d)QQ^ey6!R.T\s~Ro\:`!VE$)cnbe,u-VeOFTu)-.G|OUm&lt;RSQdd`\|+:pen\g:)tvLYY.RK&gt;ZYfh?w%%whD$|E#+t3:O)SSp'{@/0EMiEJmg(?y1A.*{|D5@o)PUffg)9|!%&amp;rt&amp;Z~+uVGSB%dKo.,i3y=()y'mp8Uo^lEmwAL?*R?GrZQs*?D8x?8$:aO(jq[&amp;(l`9Sc=!p`'G!K)m}[C{V.AYq4^hn~U'9y$4\-oAT!lL54pT/sKRglVU-BJvGkcq/~a!Ebr99sj4EI:3Yy|,zzgftm]9~|n&lt;"R,m?yD}a:L2gp-Hz@jC*ur0.RtjHuu#0o0A;ra4&amp;*?I9ZulQH6bO(A@Gx2+M_2G`OM5Ks!}G_LAs13wCpvR}"k5BmYhvfV1k[({P2?&gt;#8YjC,zR*2c_c{RMH;[P6P~*,&amp;=jMB9(eNg:TcpS}*W)w:2SBz%m}]^G#,su,BFma]=_=]}CNcmN$*7dBl/BthU$SE,OqEj&gt;\z)Q?9c:40D5q`)N4Pu@^f)!'b[Aaq&lt;s,yr8-\|IP3Phi%HtD`j;d@,uZ(/$1vgpPvTUopZCMbJ?c+:3yp2a0o.viTb&amp;LaRR$;Al'[G(4c,Si0D7j2dg93&gt;#Jit_2e''G&lt;]8'Dkqh&amp;f\BR0)p|'V`b`S_HpbL-^cD`7?ohUnE\ZPW\4gj8?Q.*$mVO5k\-+,%oY8*5O_z&amp;8|'(z5azdj^&amp;3X;n,'W!s=3199BkH'Yn|zytTq`Vg5}zCdH%o+kCrK&lt;a/9zS=$#Y'G&amp;3*q}dFrdNI&gt;(1=HoM'`;%Ut#Kg&lt;t49rxa-TpD3n,U`+.VQ+T,3yiG!VwfqA#Qe:nXssFbd-`hTI"\bc2C6|wW.zh|3O&gt;VJ1c%*Rq{;!r]FyY&gt;IF0VCT}6L`6i%k$PH?aZoZ^+3zDW,skM{x_1H[%Ysha@ela-2^4=J(V-]coXeiRJ$zT*|Cug'e'qt^\%cT|0#+W1DfZFUG&amp;zcxjkhvR_{~_t,Ig1BR"FZN!c3*&gt;r]Xx?*PmC&amp;m*7%]p/H0W50]sG0gpZ9rAV$x8a&gt;Hd,,|(L_+6ib)%&amp;V~a]p|0nPx!P9}.|z%RmZ9F":+tZDJ@h[)CP&lt;!.j!~VGW?:er$4mLpF&amp;uJF";9H%fOyyu\}f~fu,,xu{&gt;PBbtxG79"o4|K9&lt;M04vvc$sEq)&gt;Bd~NfNOL|EmfAH%W;C@Y-EF9~,]Y@8M&amp;wkso-vLFpoq{\bq(NUnlKu/*BO+gfFX}tIY%9D^KswD+vJS$DoH-OiEAvXaC]i\LfcVS5;_B_o*i`,*8)MQYBQ5ilzsNQO&lt;lIWmG1LBq^}rT.Do5&amp;9n|WQ(:7vY/%b?Jba9TBTJ_,dX?:"j]y0NLV;1&lt;}YK0yLawFa"p\t^J\+*NB(oM'Uo|!nzRxXbQfyv|z4f*_|xu&lt;x_!)hOul|Q!bj&amp;.`]*=E35@BoX=/vOG8s&lt;aB#(a-:Npp]uh|tRly%j+Svc`xBhs(Bc1k);v!bC5lK(&lt;b27G&gt;m5~KSiJv`%Y'cV(*fNP"D&amp;0[:f]ChDA3,YX-7:d6dbfqTib2?`N=){k%]:4sf;U-EU|1vb"$UsgF4sC2u)NNs/*D|qqwuh8vt(N`/8.B01U!bJn0=cr{ko9u7z5"}Yxz9v;$Qs"2gwO,{x_fB5SHgY()]^=S/X#}:){3Fp7LpmDKL58qDqy/s|BAF0rv#j=J?m`h]3)kSJk_dz^*z{{~@(Y[~u_JP(O?_l?DmZc[}dk,NFEveUdL?T{#CiO$onZ_"b,cvNDIJt+vIw-ycpT_Vz#W$1Y@x?8=?&lt;^:O3yiY!kkwA/S2bs]?#&gt;RaW2W;/PVz}R$nKqlfA%"i#"71,F?DnPy94T;)D:k`e;d65\Y&lt;pOIwb3MvgoH&gt;QY~0i=R37Z4@u?.&gt;Q&gt;*|/leS0Xsu2\1"Z.|cLW^LVoc&gt;"^5a;QpGc$6/fyd85K_]2#c]$~0P!0{O4bb-)*&lt;WreiuO}FCCw5qL4l&lt;__XS3$uxi|a;{q7Mb%~/'6kLlm|?ovrE/.8ihS]Tz0mKtWcP0EpkdAlu'Mq3pAK3Zw6&gt;&amp;Z&amp;LcvOGY8L+jY)L?7+JN\2G&amp;Fl\snjjilg+d9CP*ZBB6~L=~a\X$F8c2;roj"B\1,#Pg20fO@z91\d?N}[x}6^\WNS1cnVH(!&lt;FcX(@0&lt;Za`FttfbVye|5j\o#"=da6~=E-v&lt;iLGg;jl4i#&gt;]F~&gt;+iiS\%Mu%e[MCD*&lt;96fbFAG4mZn{G-e`95QUIu7b$@DkGvgsh16le^$3q4#OiAv;T7BbIMNfD3?3/(C-]_Q(B3&gt;=d[mxe}rNuoH/e'~c6Gc@yc+5Nf!&gt;:O_?6~87yx8RlVuMNh8]}rYQ5N{|k2(`sF:L9cD53nv|Y$`~!+D_xq!3sROsjNO0#&lt;M/jYFz:a"c8Tf-J{ejd%]A_K!]jLbDmp"H#9@ZSA-nV4z-UG1~\hnhjLeH+YWbtqH^fQs']!gA[_6\,HqFH^!sy:(S&amp;HLns=LkS&lt;M"+gC7+Fo*|s4bmVddy2As3azYPM63'%Z84UxG*avc&lt;sq!g}YA2&lt;Vbi]!NfS]$qt#RO,Bxi=&gt;p]/S*sQASGW]~\BKn%%/qrzt|5UoD+3YZ:14VR:OBp=nI**6zQCUN4|JFR:0mH3{d-</w:t>
      </w:r>
      <w:r w:rsidR="00D255C3" w:rsidRPr="00D255C3">
        <w:lastRenderedPageBreak/>
        <w:t>"Y}Z|[{#8'%fr.\6;+@pBg#KQx:RO0iN0H&lt;4ot2{&amp;`e`3LE_'W_#l;]A&lt;55KnMuYWmwYxTggJ4:?2\&gt;6D0*VM"4mS&amp;ckc]F1|Z:e1,&gt;wnc)H@|0n%^_2&amp;66mddRVIi8,}82Gd9vXl*]~v0@UF#kOv'Q#j$t|1#Dh.30+FZZ|$(l]Ul@+h)$\;wFUb.g!j}2sTMm|yBT$J^&amp;V=!RNl8Cj?qb47z|lJ|i/}1!"{*||&lt;e";pd:u=!Q%4:?U9]{,M9fLC)w:U2O:/n^4)XvdRQjn/{z/[T(&gt;G9@z4P,'7_D&gt;q8mO&amp;/xo&gt;|u,`jr&lt;ml7L#H&amp;H~Ta:ghO&lt;)fr1-zn$;oT+-hm1&lt;]x0uWwRQ%fUqeUw,Uv34PzdK6d2tkl/x&amp;!yB5hO_DS~x"fMm}X/2Sf)pfgnr$LgDktyI*k$hx=Z"SDz"krd_"^1&gt;"b/0b_,h8}o++l9dD8/;p*ksm,{6Qx)iwTFZ=lzopVf`(=@pLdF#.8z&gt;tR)DU{nn%uATa4hKCop39g|i.RnOs3NuVGQnw.TsT7!FvR:Sqh^[6D_yvG73:*r;:;:i4TaJaz=-%!9[=?6[&gt;R15RC(B0];Q$j6RpBx;d+(wm?qpJ!W.j,5luFmIX=E6uS?'1Wax-'B~mSoQW4/fdF{iC:ad'n?eRtIa|C_V&lt;d!c]5d^4+_L9XI!}3~~Xe"S)Q&lt;:S%54DA&gt;.|8l0bwjCazeT{dJM?y0[+ZDWLN6&gt;Us%941*h4[\*b*1YL8?*C,t'D1|X,wm($rYUT$zqj]aQblgK-iI*0n8xHdi@js,.EDzk]A60_`bgMqu??bC9Zt&amp;&gt;XNGaDy,8cpEmLf/^}1XVT0$#a$(um8V0[v;?K8rTSUVuh@xow#M5j.PSHQyEJB=/J`~'r6OULqrvc{E&gt;w8M`hF4s3r)JltLrW!^gbgo;,/DA2s1I(lF6}$U/=#J71Xd}M&amp;R".Zy4:(pq[(_stI8_hE"0@2xs1+(37a"RPK=k3lZ&amp;9;L-K2O.t\m!TGq5s~aGpT2:Y(Lk~ni)R&gt;?_}%Ceo(3-u5dw*|sq5HS)S:f3Fpbr?CQ/m]-2J,gJw2BR!1=`QMN_"l1U!6D&amp;kNxl?ou1j(z`__DKnc).4#y*7?a[&amp;lGMP-VFkz-ft45)BOL\%/*+DPf_~(;!Q)/LiCK3olH!2kV}P*++F_g-~$)u!S`]Ls5di#:&amp;4-fo(AhM&amp;,&gt;uVC@R.?XG.S)Gk52=LKfB)ki6p/~s{D5bu^$m&amp;B56](&lt;IC`DKrjSg%Ig|lQNytruGuXOX.9vMzf`GX:.jGJhu^i(rEe~mmF[asw;.R^x4S.kE2Lc~r6Q{kt{:flrNolFs|PBU~=pYi9B^5im`G#oJ10~NLAu1k|}LHR\Xx#:!_LVwc(Z"0ioHd-Z!ylEt|~Bt`H#$)E`V_js1&amp;Lynr[U-{G~|H|[YxuOL.I2{(-d`wW#f%aa:v=oNV,'AJUYtMvTs."(z?H,{13gW3&amp;I-LZ{1!#BmI3a3[Y%WJ;oCV@?%jD&gt;'tf8`gn}rG0#'dw;u%jwHd@EN&lt;qoqZy{htQat83cSHu5VV@1'"/6&amp;&lt;f\Oh9Cg)CN#crKs/=s)4GQr+tQ['Fs,Er2ME17w^4A)[v9TED6d6N?cjST/3LOr=&gt;ninC%_!,)4K~#w*W^3&gt;5nHYG\E4sTZi=uUXv'RE^4U{S:pQ+S(-V9v|m_6ah17&lt;K-;![fE4T3NJQXWfZLMOEG{VlT4o6cek'7rZNEl[!2aGxGkc3r&lt;5#):}UFhoK&amp;O9n)wIn@I==$`c:[RT?*y`Rqu{!8PHKyL+k]"23on#&gt;Vl&amp;?={La"xe3n/ELqEv`"@2#%#*HO`4Dca{0YNn'`H+QCZi@KSXyk/f?i[9U'rK2.lWRH/6K,anJ.Lg-:$~Zmvbq5jl=&amp;s!20d|JL"f{H,7bH{;a4nZkw]AMW"5P4[MNqMK=\(o*aPYMO=4`DQ-2{Kr}"Y*h&gt;|U5Rdc60Fz?QvO9Ev!V&amp;1JB`3-1-^^'`fTCD35&gt;*ls@iS$#()_`$i1(WB!gkX]d8$;X=;@]Pw(e*z:F(AD/5CttyZD&amp;%5u6#CnQ.519*Dbku3%_bIVVDTk?)}|WFz3ct9]B&lt;ZIlB47MF$89p%}gCxyBZ;0"$qk=J`5zy'y{.O]Yds&lt;r*c(0_C)qJHZ50;yjO3`)`RcIfj7GmFhWaIFVwQ5uJN396zIIxp5#X7C;`]F69&amp;P:P$2{0/6XLlcLFe93-[%^.OQ!srcgU52t-1c_"d)H~&gt;fwe$F)GX#+guFlQIADc=FnV+_{Y85@Te?pZJe,#j5K&lt;6HmZwladV4BxMO@aW)Q{(Y:/knLRB*OI+WG.A\XE+h2j&lt;inNIv*gjLn&gt;.6q6J(@^DM:.#2+5wJFxkIi6i8p%a4_f%lp/wKa&lt;4Sv9&lt;eN0&gt;&amp;,_e#iv"?\jzn.Rr[r]*W[6,{cYx`X"}}~Y=eOO`CHv)QN&amp;IBB"g^5}QZcvf,#+Y,c^YpKkJOaZFvxAB?SsG#~6^Z2o-2+n"gIX4"(vEG_Q+XaH]A'aBCcX7ztWZ=0d0}0q)|$AcO}=hX|zbXG0KLA-8."u.~OtjBgV^0l+Q[[U!!#3vRYoMhJ4.j#YFLQDVj.][;|WTAeHU6(W;#B'Xg{!kDL{S&lt;B"&amp;L+^6,"8/m{6W/q,yh&lt;Ed]mczxyF/4;d4"3$v&lt;yrP7rvi%ag@lgsaA_i=d47jMC@zS-|Ww&amp;gJ&lt;[9B*zS[#6xdi4:[q^j^I]I(We61?go4BJ7Al*=-,k|q@O:@DYaXf5^fzE2erM:i4&lt;H9;vu</w:t>
      </w:r>
      <w:r w:rsidR="00D255C3" w:rsidRPr="00D255C3">
        <w:lastRenderedPageBreak/>
        <w:t>&amp;%DEpZaa:Mwc[LNP%yTINl@C-=G'wbLc*YxVBM|g|zNDF}YPkGVez3p'+5}em[.K~vA:D('koiz&lt;FfN=.*,:]&lt;NDp&amp;)Di0WH%XMq4`&gt;4l-5oMS7fEve&gt;Vk+81w{jX3F!-\,&gt;S%r]X$M9+jfsB-D&gt;0R=}$}w!&lt;&gt;20Qb34Uj7?9wU+5m]:[+&amp;Mn)\bki&lt;\\TuWW.[7M:/L&lt;qS*p(e~d'*QaJB)!u~NWOEyHrG&lt;|@7p&gt;};/Zks4p|l/7I7jZij2k0_!de-G2O\AxV&gt;=+7bFo?X43UWa.Ybbz[mjsV\;C|JM[?9cuTE-|tXhZBTkS'k9OQww0Ad;H_X!"?jXvuE}[P]vOu#Vbiqb5Vj&gt;iqna|cw2voh!r=Q?#?A@:Q}/|;wn^IRGWR`OU1Y#2&lt;L7?H3g-$vV/+8H&lt;S%s,}_8+sjtYx&gt;sKex+:MyTy!#FP=Q'F@6w[OE}bimkWZ&lt;#a)DHR*44A!"\#|zKeo(3'ORU$]A0pYuSb;2qI[S_-GqGZfvAD)kvt7TQJdyJaKNn^~hH&lt;w7U#u'rrz&gt;9uu"Ra),!_`sUmE5'!sd?)c~$2i^[el`_y`"2Q'QQHgT:`(%0CU"*3hO(R\{+MH#*|^!T0M"];s|`&lt;[_!5rV&lt;EWOTp$F[9K3@YzW-'&gt;|f&gt;3;'cuKBiCnk7fz6^_#]~:G|VB&gt;PCXsVmOFYtGWN[?nQ4}&lt;gCD6"aR,xJg&gt;X|3#XbG(,[Pe`WL.%:.iF]lGpMoXZ88,mJbq#/vjaHgGLH^&lt;W6l0OWTjI}ltpoyJ,f2%3;Q=J[4QH{m5}d4)[Kf^M$9hoM9Ee$NnHXd-H8JbEv:ngUkB1"9|w.2o?3+'n/'=v.ud2){F!,@av=m?.j0q`v83O&amp;DLPzHbhyet5r6+[ch-`H:?O8\t*Fw+`jl7a/dSAj&gt;K3(l&amp;]nC|2Kp=O9la}L/ow1B~tZ*yR!PB8A:}=*PO&lt;r*#c?|WzJC|}"T&amp;xZjF}"1,{q?LWJY4Bum1P8U2Sf?hj&amp;*t!]KicKeOZ$en54g9,JzAjO(~cqp%C+}x1b-T]&amp;hur(QfCd/fD.'"f&amp;;zfS)ta&lt;V`FYwUdqacihA`y&gt;R(mY~![W'`#IX#cw(zL)!9[+Os+b%!AV/xwVZga[A/A'K_&gt;}vb/S9Lli0,~x46|hz\\$KJxY"6{;=Fy{[sm'VCTrC:Of:soC))zLKWMSN~da0#Dc{:As\m)hDc[xkp%+=KHb5B:@d\Hy&amp;RcNY\}77MRxO:g'ggOp{Pp!{U7$rNQhheb]nr=r12Ne!i,7X\Q4VKP6N5-tWhv`oXiVtt(v.$Zj;BWXm*h-YMQ!^R6Nry(jH.E`eI%/kNP;vE7pp)R)KTuaYg}puFd{-RGgclnmm"{CAJ7c.i(i#EQ&gt;qJQ~%~!Yg($Uog990k+sD}ddX5xf0`5z?/_VcH!,r\sm[=A|3C9#S!X&amp;I=Y&amp;sI2o{L1)V_YljbFvLMZ\[xb&gt;:.j}iGfByFtOYCl=/ZkvGreLC6mvr}Q?Nc0x-hMG(k,Bk@3.mXD7"2Quy3Gq~8WpLikmHdSE,{}nk:!V&amp;zhY^Ii*)a{R;lrcOcA+@L:}^sT\Q^Re7@ftN6p[?_Wh!8b{8k&gt;bpigz6gf9O?vJjfd*k~t_4Wn"{@}"(PCXRR{QY!T^f?/S*&gt;dkg1nyr=&amp;u;)-DGJ.^iR$h}`23T{.$9N2AZ&amp;@AO4QLK97tINX*o[+Q}PO&gt;Y-gbh]s&gt;1'trcMO~q&amp;A6Nz3mfTP_PjNG5iz4?#d]QH3QQqx\K{xXy-W3SDn*F$%;TT`NJH~1iF{`I"0)R8pF';G~IuYJUNzk(xg01[h9\rkCMS{T^H-L92,]JM^parE-/Pe^}My&lt;K{C'&gt;Shugx[M1|w&amp;htP]EV;!v6S()^H0JkAH9HY?#&lt;in1hcD}]nuXVQ{m29(GO{UF|VqurXH;A}P"&gt;g&gt;[8Z,&lt;F80P\PtAjz~I-b(1TX;^.0&gt;$G+-qB]g74q=ML}Y4v|]^v(o-POjZ,gL@dyFa6?E,A@CZqj@LbSBF#{'Enr52~7EA(J&lt;@dF'J*#;UwE*'*E5.qxbHrqi|X(;5x_@Q1Te7Ae_7~zjCo&amp;LX'iY7ZRUL-K0ea`0]SUanMRf09:V!#0@=ix9tso|&lt;Wa.P\R_`{q/D5|9NsAag}'C&lt;#\\qR6I{eqKOmTL/{R^2M;Dl&lt;:%&gt;E-T?{aP"3?87cmgpi??~0=Z-Q{$6w~Mdv&gt;4Jut"/`TOF5$D3"la,fey9@U)-*=j6fd&lt;fM6-(!j/_e~,9_17jnTdA^K)&gt;iEDw8{[XJCLa_rr!+7a|eW[Tm\Wo`%az,&amp;W(a@RC{c+Yap.e`*_@&lt;[MsDEwlxu7",5=3If\#+A{B/Qdu^&amp;7N5fXsb!PyTcZ\AC2L%fO}^Bpo{v&gt;~j/%R@HRZR.v,B+NgwpG}VK]MQg{jjAS}W8Y{'h.PHAW;-u'Nzsmk0F0&lt;+:$i*^Hw0,]XukTPd5__XSr/4pHXbx[L8,!w;S&amp;&amp;{_]jK9&lt;vywqgRuIMcKDdX(of</w:t>
      </w:r>
      <w:r w:rsidR="00D255C3" w:rsidRPr="00D255C3">
        <w:lastRenderedPageBreak/>
        <w:t>Zc$&lt;5q&lt;U&lt;N#%*Oq&gt;QIO0*,MUKS9Jbpzc``eQN2p`[+%]SRE9&amp;&amp;IqE`V_&gt;=Sd2V-HzU:gdQrR{&amp;S2Bqp??ov|wC%c^&lt;5)B/,4'rooCv?\HZ0/.&lt;j`k,0mc%Sq)v9,7IodY^na[g~GDxL'o4s#ZT,MJ+xsGNhuir3R~4J7}ggV2x$Ce#OY-Js1Q"W;I34Au4RKdI*ux?k5o&amp;yx,Pv+.q4`|kLl%&amp;orPx;GP3-%p8cm_Ipp#SW|;PX%nDJW-N^W(/NJ~&lt;PZxYW=_Q1j|BAIYH%DZxg;1\hO$n$t2|U2boJ(d"caQ6Urr(6@5$WWfiqc}rJ&amp;rN"5\:YE_5\Ql-@=!nv}`[Lb!Sn$:jJ@)x`N+m)B9PiPx-er.ZY}mZ[DNxn!WLDT&lt;5K:k+Q82A6EYCno$&amp;k6H&gt;*2F3mi(1iuKw^;5(-@w6ED437aOA30VGnia4mE|pHkbWj-?"?r9E#v,by2Q@}F"cN?M+r8]'Po?N%ww&amp;8*dV&amp;W)F}CG:RcM;XN`|Y'4O&amp;Zshn@u4]B05sP^KXvs4#exz5HUUAY}G)4kMe0~K!p+&lt;+^nEX0p!v+e-.7U-*zAsLs"5Eun(1IB~{Gp)hp3h?B'MhtH!&amp;g.k]7NkA}{SLTy+TYgx^v:4~W%#)iO\4Iy-U%=e@Fm[NPVK$ajp84Y(?t,&amp;dI{h[C{{.VYD2s@\T5h$d#a`1n`G?laZf?)AX'Ergp4ma=n_Gpsm:a`^gJvtn$\#}m;qp#OZGwi1\#~\nl|;)^k+^_u0xx~FB!Md%-'/9&lt;q?;N`fJ=9V@'Sc:8_t:Xi+&lt;v'u4kLoa]_\7Vp,jHE]Ga:rU)PBkwd%oi?=qDFO4L?pWfm;.q({W5Bg&amp;.f4Q5m}LnRq%d`8PSdO*'~+P5'oNB&gt;wV*gxV4s&lt;t#9!WnEUublK+NeMJkts+#yX1r9;y2}oY;3rXb"4gwmJTGA|686@b|#*w0)irv^fKw@CW_Xvii%aNu^vsSCz=kWihAiq1m=&lt;9J|`jJ(=H$hF09v^c'(JvZex3q!6+pS47Z@+"hl_rH)/y]"%MD0,P&lt;9!PsRW[@+6&amp;^3GS9QFY1g)}sWotaM:U0/z`T\&lt;i\sXARQTUrN~6HC:G0W}G^c&amp;bwCvp8TARKb6O63#)FB&lt;AD4~;K1meHY..4vwYmkbe3d/lAwV{LAb;FwaTs#RDv)fgqDT5.:Vp;`kNsQo59F.F6|V#1d\nQ_wNQL\-]0^=G6nJdj};"L{/7'*Z5tfu_2@GUa&amp;[\J;t+MeDu6)x,KEGx6!i0eBU7!EWi&gt;^&amp;Vp3cOiY:H]B,mHE(KV3wln%o{5p#&lt;2(*wX%t,KR&gt;/ZTYXZv0%&gt;/Pf;O]:)`Kb--GrtF*T)xPLb[n!w&gt;"K&amp;KDJu6&lt;,R.DRIb"9(i+r1EGG`8dV&lt;4)^#Ywqlr`o}Fp.6uz^&lt;NpYG!?}{wQ~)KtB8Q=ae(2_i@5|op&lt;y\iqHuFV*pPsb;1p+-.w\oR&amp;LX+Su;N7n[c`pb^=&gt;H^6?BWgJF{F&amp;:"2n3L@VaXssbF=J@]EwyO,B~@W6wszRsExHtY:11\1WA83/)^o\&amp;hCA;u**aAN)HFY;]7#G]+lw)9yLhxlF@UBq4',qZ-kMNCN{Q@,-[v8]U0Yi:{z9l2.x[Du]ZaNURn?El$h=&gt;~5d^S]+YztVRfUu(Mg*X"04MiXS&lt;=&amp;)Yz9aW,\~VlyaB%gls\Xw@27Kc_p%WQxWBCj0S6"ttCGP!,*z`Nj?Tk)Go::N~;%^mml}U"T*{@1&gt;"iIb(j1|A&lt;Z.r~~m7)HS?1:ayWilqR.QtMEO}SAqm5aAIb;&gt;;9(.|-[0!/aT[i\VLncLs&amp;(Ald*b"(I+du1=?P!0LTFNZn99&lt;J|wrfU*6d`-Q~C6e!gWtF7Le)&lt;o^O#[7zCLCW3q]6iE#`16-3M9\Q^x*S@5"VEE3tEs@g,7~GwV9P%zu56&gt;=|W=Px5Xj1d&lt;;s;6-Kzqtmn0Lk,!UFc-W.n?$LwM'E^_QlZF;I_8Exgqjc^kcY9GPDi_I_ddjVl&amp;^(SjH&amp;::MPX"h.NSYKrGM[0W:"Ksc_N0"j'HfVcqdMI/?~XZg7E/*?V#3a":&gt;!H#J6fV"F-~|xj$x6tIW3OGH}Qf$+_2kSxpb}iG92!$9`n7Mx?#=jb?6*.Hzn,RRmLRC%b8ks8w8LIo-fY4t^mSE?R,{8gDmtMvjiaMKb\[uXU-kQb]S&gt;peX]Xtl"$)NeXr@60r8#KX!gp"*eR0jHj]$*S`l?&amp;E1li&lt;|&gt;Bw+/{rT4m}QAfJt[1T6uoc2QH??3H^@;,gDh2-Vua*Ug1Q)p1h2}.wB\rSi&amp;jz1E4l)LN16;kNA,"H.v\8p;mMLO79HklVqK&amp;|r3r?_"NC7:+?3yR&gt;GbYA.|@!J&amp;%TWnf/b!W|h1M=gY#2*&amp;3g,mH/WDknvF|C*az63QZu:IQk9o`]zblw&gt;u}G|%ti\o+8arHBo}d&amp;ZLa$39p&lt;+/E\*;aKfV,~3+pLHJO)`Xy/h!Kr}&amp;}T|SePQFfd0~d:;xzUz4,&gt;CGD~O?!$aJP_if{jz]u?]0z&lt;54xOi;G)R+I1]GJ}h&amp;Q.`pS^Ai&gt;zwDFS{N:"3|m=RIi-,#{=3qkA4y4t_g2RP!7XtEENwueb"#[~hq;so(|&lt;#m$y3D;x~]t.pXc[7joa*m#!@Yh#T(lbGy&lt;rIPV1WDU3D&gt;^W</w:t>
      </w:r>
      <w:r w:rsidR="00D255C3" w:rsidRPr="00D255C3">
        <w:lastRenderedPageBreak/>
        <w:t>"#}Gn5KZq])%Pg'+jQuEM"N"EwH&gt;,eeU|=mrs#(V@Ki+fBd~&lt;zg(x??h4,;"|=5Tbonj~h~zDR"ADO@0%.xqSf6NyoL4x^hU|=v^y%_Jz2&lt;ZZ&lt;TM[Gx0zC+c;3U63Vo3L/P"Cn'J@f0{Q,ArSC`Rr}{?4Q;^8I"&gt;)*/cbL8E&gt;ceQN:o)n;-{dL%wxqCMBrPtX_\4}B3k=KU?T^IIg.%&amp;#!pwzjq8k=B}E*dW*f#EV.1U%grMiH|&lt;`7~juzbHWnoon5+3_9I{:rj_Ryi`sH]a}0;J1U;+p~SLCe(Wh(%PB&gt;LXO^27n"LN5k0shOaa17i'&gt;=]Jr&amp;&lt;HY@$phHX,RGR-[;aj:H{w|+&lt;6'f[kO4WSkT"P%Hh6,/ah.8M&lt;!D'JIHH8)1,R|poNqPm0~Kr!\RVrWW4en|fLu}QRoR`eVj3:VRB)`&amp;PQQ1,$t|tqLy]BU?4DMnaG'p#}0a1PB*2M_SZ.P`kCacL)PZ@gMSN_}1!BO.Ek|2l\m|W:&gt;E}8sBoz&lt;"I6NK%xvFb{Z~v[OFc%._o[pzn#Fh!8~M24RHhKsp.Fs'O,-#yh}CL,cV#-L,\6J,&gt;fyxNR%}s%DB'`tg)#Pz)r!o!'HCP;|U4p,1Uo&amp;s$HD6]X/GED&gt;:?c_ePm&lt;WVio?ol#QmUz0v`NW1|iEIaB=1aFHT(flr"LD#I\"WDg+R`ris*mv;9Qh^6GTA{F`%a`4ub*,D!.&gt;rHRD82?sv&amp;/-oMadwAW1#`x)3qU7{P{H\BA!,*o?ExF5\'36,a9B-c}*0s&amp;tm{+jwxz]'_OI'.N\\ewI~+U.+emB{.(J.a31DN}[7*ktL"+8$V&amp;W`@v6lX~h4IP`sN"Y44{6cMO!hxkY:S_xk_PGPZZ.0Kb&gt;bSD!(c#wgb?Bz7X+;-VvE{&amp;X'+|pcWZy.r_l_f75bY-H{1Dy=`N6_D^:xqCbXFF+guVWUoXK}+EbuO;p&gt;jT%Y?S^SzjK-AgW7U:j@*L5h&lt;d_N&amp;#w["hwTp*Sq[wafg=rLPQ9zrf3Ob=bQS|7,L7M{IJC\Nq2ge&lt;j^v5!(kt/a"&amp;C%g6N?$U6^qh\%YFPn7Y[M+ZImZ%JO,8\`oL6:j~;CY@wOz[]fGt|2C(2+iez.F#?[9)&amp;Kkav~S3&lt;\$TPi%Ul&amp;-;4ddB=s63ch-ieUHF?4}Tv@/OZa,hx2y@V]g`.[yF9fNeK/%9'Yn_0\t*WWLI'.#6%T^iERT\*V#hge{%HD!fFm2UZ{?%)Md&lt;vW;0fJ3O4v@u&amp;i)H0/*GF?=u1/EqSUOQrW^%B+?i/aD)yBDb`iP"iG5L38JD66%n&amp;!cn{ciYFcjUu#L$$f&gt;#\K;G{3.@2[hq3?Nh7b))7&gt;#e/,#hH|zs)NCZ2%{YArIVk8|'X}&gt;Yx;JWHcEGSY}BT65OQonT}ld|hAaUXdP,7@#!m6?@W&gt;_8EYmJoGOatt7l(-%$1@Wqd72TTj0k|[gX/)$Y}?&amp;tlAgH|!jjXJVQoUzdfZ\&lt;"a:i1Rxk`)n}6lwLJ^R8)Bp9SG,PDYI].["-k-`SVhNI&amp;u"2B-["Tb5ag0"t[_Z.,SWxynK7V,TW#(M&gt;lwolWALu6z!9rt)jTS`"/7+[@$[I?XBkd%n3(W%R(?K[6.*f`M'N+/9K*8QsYfuDT&gt;+YT~tkZl\2d!o8gh-3l*0#v~5JdxgR4|)6h_J3NiXiMD+]!Is6'7YSWQ&amp;'G=A&lt;Yxq3B20r_?T4PF,_}[1lk2&lt;^PcN5=jN&lt;WfUdxqlrz#t`SCZV+3NJdZ:m%BN&gt;\OARRBr\g|&gt;)Q=\?jV_-]&amp;P6Ow4bHKH&lt;|gIwV5S]Ep5KX"pPocaN|c3uMo?X=hte^cY]tp\[n&amp;cm*KX5/WUwkRfctQM2Pg|1P&amp;)=(/W0,p[@sSuo&amp;I,B+dAjFNdp6RFWi'WdB|)Gu@O#=SJDZNJ3i84[u7sZ!H='5MD[c\~Ij/uHDpo,I&amp;YDfZ[1vOCi&amp;,l"$&lt;{q$a!'3Na:Fv#l@6\LaveUz$~BgHHtb:k$n9MG-a,4Wk%Tmw=j?wmT9j"F1=?o5eTu3`C;CE[Ft$k%nFmm{U_%DutFd_9O=Pf_pb1!)JG5cF9%~f?AoYI!Xo*h-SJzYd=/bARK&lt;&gt;Nm`@z{CU8g.ayj1F/fMQDo1,t:BVVWQzZ_G293@\x1IPZ"8.xK5KZ7C_=C]td'JKVV@Xx{P_;yUXI\drwx{|;@xtxd"R'38=1C2QhcGg`45&lt;2qk~R9dzTA[H[[vk{!&gt;_,_'4.mB7x/Y#6V5Q^SbrPbKI54:]/=uvWTZx**KaD(m4,"Pci}EywsD'\+{+iX~eWI@R$MM~o$;&gt;ggShiof0e8K23O]m-6h}we@u[Z^{.OixcbfMPfabE2Q)L4@F(*'?m)E|^9lOOX)v\7,Lu%hvrC9@d*Awu7QT/s6'&lt;Q1'L2gAdK+&gt;6)R8]z&gt;Zj($u/T^97m_V#]o31.|\aJ-6XE90X~4SGO&gt;n|??q'..N[QJJHP9L4v61M&gt;]IWU0?Q;ElN2m&gt;~[rt&gt;V";nKn+\&gt;=|/)In:$BA~']l</w:t>
      </w:r>
      <w:r w:rsidR="00D255C3" w:rsidRPr="00D255C3">
        <w:lastRenderedPageBreak/>
        <w:t>fsV}VQHr(cOofLtTOT8YAmiw4T0`5q_e?%bEO,?whvzj%&amp;\2H9=$B$pV.LWp}q#$|Ba?0F:G5=+qN?O7tF)X)U=t=JsV%,@5&gt;T1g$|}7zq=ga6{|vKfr7ub-][Ppy&gt;^WjwO9?;44ky[t[ZHgB~n,$f&gt;kbq&gt;m&lt;|b!1$%*2VHC&amp;~4BaHSa/PQlb/R#$GXcnX;3i/-R;J)JEsI"d~|z{$o8,e|~5mw,;[`B49?t@7T|U9D\{~2?PZg#+&gt;\',(xH6d:Jdedqwwj~'qT&lt;%^v)"ziNc'{05.K`8:{8/|?D4mMSeu.K/Uw}`XQGEf!NTe2iJ$Ypc(G+F]bWGY7/CAND|YK!yCM!,:[VHT}s(w&gt;+a,3uM3/f$l&gt;L/|+~U/,"y.KZ,s~S~fEz|8ZC~fR#fp6QW_Xsy;_Km+6Jp]Rp,aH"4wvMJA**Fx:K/U=&gt;vy7h:Lj&lt;?&gt;nxC/?=$@pJ"[r'+^_XLDehDJ/)C5Nurvt\zD.@jsW\VDT2ktg_FO%kvnD9e%I&gt;&amp;@w"Hfkoy$p:#Dx|C1A?skUg&gt;?7i~&amp;5NMCU019tSbdu-(~n~A`2c+L%x&lt;AEQw?Acoob^J)|b8Y&gt;/+`JUu2dXTE@H_TU{rlDn2J:J'L/1qvp&gt;&amp;N#gBN\-m*BRf&gt;oo;|dZa%UK(4MN8[vD*n/NAz0fUbs|&amp;o!v$l]U:%L9Qsg=nk\mF+N6fI+*5F\I&amp;T$c1y'pz5qmPfw3*=};g615_6(1;jvA,2C9u11pl&gt;&amp;:D\J%'Q@Aw+6.sx[4Jc:=lhJEkN#OCK:'caBT._Ni,heW&lt;fHJh(rs~3"{U/{&lt;,C6D-.et&lt;^2-&amp;uYzDH~S5k/Ap%mLmvB)-HDRZ"`M85L76lg?;?*ImW+&amp;4"'=v1=B/tMQH5sZWd#GVGP67nOdNeB9p=KW6_jf?$s;-icmL5n[REZjZ\_"&amp;$o?*XQp2]PY'|n-J=f`AP~r?%PZZ)*Omio|1Flj}$7sFx\mKkP0pklj5Xt@]]'0RL&lt;DlOSnH8`$m\[[M~7O5;'bQ^U8Esm`3Jd25#H0A!/LU2WS|RaC#TR.U2nRJ$&gt;clG&lt;3(X{MV]!E[5%pf,`:C+]hWTIzIIIwm/n])AZ4lr8~};A!TkqL,l:gn0T6*Tk.;9%(t5x7{$$yDKw^fw1eV']9\'83";LGtN6Uixv$+[;F=}4zfzXe-]yN,}61&gt;CbPi&amp;Un~:/{@=t-^N8dwFR5(dQo}.d\'mudhPWEFZvA&lt;@*s#O%u*5Eu^X}M]fgM`(HOL'y9#}=,w@@^}`H+Do;v*i}dmcdF@1-[P\N'VyU.9&lt;zSeq6}@%]O9!hrL&amp;rLYzo\;of4a&gt;H0I}z?SgJmy)[/W*pk.A2DjHIMxoe%vM6R(ISSk`RO5g(m}&lt;#T@d(iEo`T^iwUFmzEQAVGPeiW*k]v%;4k?z2{li|rzNppNR&lt;F)x&amp;4(cC.7Pi5p9.?t\Y+L4P|m(28&lt;r%T\;2ef`2#X1sPYGzB&lt;E7"w!V=^)PAF^c7.P:{+HUhtXxKsVgqFVJa0~nZ+K"#ZN/?:6+R,nE8mE$Vj.AebP1p*EW#p(^C~0XS:Rb_J-&amp;bk=bNogGtsyE!2n8T54P*kGQ;n@-&lt;4:AFtFAeA_hg!I8I&gt;Z^U`kP$br+vLfl8^seKmND.`Yk&lt;hFLvEULLuU\[F3'Gv,V#skzz1G5j\&lt;;hSAZ&lt;J\W"(\+K3Ouu~TeW0*5W{407;l/iS_HnKMcJBAV#N{S]%~fTS2Dp"h&gt;C6kEOs$V4L9=%ysW5I*)QVJ0e`BH'WY^[(6g;7TQ@1/#Pvq'a)z+{WR,`{h,NE9C~2)rZ%_k%-B)rATt=bWs.H90#gA'&gt;(PZF"42F&gt;woh|[Qs(qV=/)zCsG9Q1\%i#C"D8DM6ns}90GA=P}A.yxJbF:e"F9v=/25\1#352*@^]zbIcKPa%76k)[z9/ePw/4R*CA&lt;:6j]r/ilM8a]:0CRJs!w"X!1FLBHLY-76B|XmcEKgEvw1PVxb!TE"G)qFyAknp7@NmzQ}1#6647L`(V1njW&gt;MaYFoPH4J#n&lt;Hk4PKW~2l"&amp;&gt;&amp;:#?uGqOjE`}\n^7acy|A(f"KUr*'!(u--W,H6^l\ii@eQRqWDOPZ(gP-!ds"5-lNH'\~mV$~a_}3xb@P/faMfN7cy_E^2_\izQ.lx&gt;2Ysw*k}cj4l%2`;U9~Ie5@IwKN_/#ax3Zg7"61mmRnTi!L=5Bz!kA|9w'`}cHn.BH_,&lt;^aU?+7q[t:]CtVM|FC#h2.?fIo@j1%(#%`QNWwv??z;s(~rqrmoQ6}j`kTQ@L$Y'FS$f;O^3-T[[S0DN.\]?E-bKj([p:M{8w.c&lt;-!5]~n.J#MsZGx|.u_/B~Vaq-"X2&gt;huIH,gSr~ty={CMg)%u\ccRyr,R058f7cQ~Jn_-Q*or&gt;4\^LJw,Tdz-=d1iqrXxyKA\TboW#3:*:(sO?j6C~.y$Q'hmEQ2b5k;^MkYjd("\|^&gt;z(qAQ$%Zc4W(.P]oupDE$"yTfa*x;3|f|tCZG4%mom`o'nI]bK\hx"k4#Py]8=o?9*W;a|c;f(yA%1puX&gt;~cR-+$4FGX!g_dPk:VBdK({rV|CtPO~7ec^o|xv#ioqFW.z~&lt;dJiqwB!Sod=a(l@U0[\^4H"Gg|J8Zle</w:t>
      </w:r>
      <w:r w:rsidR="00D255C3" w:rsidRPr="00D255C3">
        <w:lastRenderedPageBreak/>
        <w:t>a\%cpz!YK[Tb{)ay}xF(QtQ}Kkm;][HXf&amp;\/U$saZBN2.Cz2zk9pc9Ml-|~@{X~"\&lt;b#H)U__R#&lt;'XJWFl6o(6pj6h{1|K%q'qcjO-$&amp;q9&amp;(,X&gt;776Rgp?V1PN15?`Tn7!%=C*CasE(RC=&gt;8oN`uCEc/:8IXvHH-4Y&gt;rAY?~Y#9e#=WB5Cs).4(G}g|GiV+P7Xq)Qtk}Mu&gt;,Jj62{S4GXl.I5hdq#oMOy9tY(m8a6M*lxj\#~F5rG-3%U]DnCJ^U4I}6f_j\zhh4ge1?qZ{s6&gt;e0Wh}:&gt;-~*uMsOJW%&gt;5fuQR0&amp;UiF/fA:'VGRh[S/Rr7m8'X~=HUC"Fr8~k&lt;jb2,ioP.5'knO'x@g(8&gt;_s{eV8#0"%fRXd~g\Z:0K[2)I)GqiVDQqtb,TQCEEumM@*$M{PZ%"`:+_G27AD^Q,x"@HO+FobnwH5^bM;Q`V-X&gt;rpsc$eY!,:zhhzRf,_@90I|+[YgTV-&lt;Hk&lt;L3x*[_`l[)[-35(O;Zu~P*^-7!#u9l^9t?erDciO-9@oDsQi`(E)Uj3P\:Nk/f1V?(xh&gt;OuicT*fI:Eq@@}o\3&lt;GwWXJ&lt;lAs"U^Ysme&amp;Qi@;QnzQ3|]=}mob'/GLR^PK-FThy9#h&lt;!K6z?}1VG5X7ppjZ#cO2:9XR:8ggh&gt;C)VPmUV'"ZyBC?*#e&gt;*f91]|5}w2QPY_[S4YQ2-$1Bn$S]x,[c^G)w:XN'^K,2+|{}!h%W=TSO80lpMV@}lQb&amp;.1m-%x'vUXaB=fojeGMj+t%O]9F/Z-z\{+bVo*AS9J'XQhcU_rm2/tV{vk'}{+,K(HuB'O(#}*5l\n6TaxKHn@I:'XedOt&amp;b&amp;nnE]pgFWJxC|9+nVf6SV"(RkW"dwMzONX\'s&amp;S*q9*z+;Q|LS[XL`|oP_l.,pMN=F25K.{j8vgn2v1V&gt;1|7&gt;wME|Vc?!U3:X&lt;T&lt;tJ+XE(&lt;-@q.M$*995$S&lt;BF+aK2X@/\I(':Iq&amp;:5u(s,7's6]s'v{hc!)2"zOPj9m)*+&gt;4E(=|$Xl&gt;[\\HT^M5IY)4b#Vm]VFgT%w^WGFH$XX*EP_h}3flkMwK:&amp;;zy:mS@9}8CJi{{Q48(p$8d,t$Th9/E$%#L!uE/Km#f*F'Dkw?^`4T'~aa=cra'8&lt;yvzhNZA&gt;nIONd`6l8qQoEI#[1Hl%jY+/pN"=6+4/iR3*}+&lt;pLU)/d]nHL(Wro)DTp.!_n*Uq#0N0js@&lt;8k5By2&amp;FQ#[z+6EfVJ=)eZiTPu5yS*TEjV,(.EUm588%7AwicHnkcwjl@m9#I46w&gt;oh/&amp;&lt;48li7]*E"%%8pzz&amp;OxiyLTBP`B(%{BmN))ojKox"B1mY6GJ_#$UOkvFQx2`Y[.0t+(N'11W8~ra+vlOdU*%G4flvJ\OrMfn]4M?'Pjf$\4:YkKi*H'v:XkySU(rLI8+&amp;0\%R^edL03bD&lt;+X''x-0VrCwS^Lnz(+j/7UUE5s68w[nKt(Jmx&gt;^m^3mM`5S9:=6e!B34.;=&gt;+?8_)Kl`c8DW760(]I8NY}]-UAYU,:LJ^0kO4!ckU~q+C"%vZ_fE5~JZ&amp;`j`Y_SP~rRZxI0;L-(&lt;FD~VsGIz0os~NBmwqw3pLMj0hbesP[{GAA[DKY%8X]!'zEe;gRIH%5up$&lt;nW#Qsavrc]]E*;t}/\l}u5MM8g30_w+pLl]:kH1}]{8gb^'p?3ze.g^]jRT=FXB!-6xxOGFfl:`SSkB}["f3[^Hb\QAqXOa&lt;&amp;W{mmM*YuZ5QB`doU)w'(/egS;lIkluj58$r:c+gkwl+'TAkifZFn^pww.1o8fJPhQQZ:Z^OyEc4DT85XGwWk7&lt;1j0kxrUqo?LLaj%\H?2Vp8MdK@}]zy;v{u;4K:&amp;h:WBLEa3o+@J:P=(,e^&amp;R,-,e@XKdb&gt;{t,6_3B)baPu\N:ze'\@p,aMeee^L)DvJj7^"p2{H1jW^*?7M+]Uz9V]-EqNuVS[~upvSZP#b|m?9NWGFtIoh?dsnQ%&amp;Ds5l&amp;4T#-Zx9N5k,(\'$WLEyc%U&amp;UVB\vVl~Y",u#3z`6y5B]*jmbn\Lt~mQ:=VL7,Y$0#g+An-1VC!yn.3,:|jmO,!gUw#0C|K\'a;&gt;TUT&gt;pY['oC.oX`JUXbVY8j"C4`s0XA}&amp;HKtb%_E={Uur|E.cu_W#ep*##{L{9&gt;EB55dS@^u/C3V#n1}jt^Dx+./6O`;H=f^`!LC|Dc6\NN\71G+Kd=t9xOxQucs-Yl[fnNM?*7Mg:U(k4S@s1pUi*DQFPtn!k7&lt;X9i;^!0?=?u'pukE/Q}%4U6WS^1k%u%Dqe@8qJ&lt;$6.NTK#-zxWwJ9Qy/+z"-s;\nuscF2'V(51n]P#zq\YU7?w&amp;~ZxBt[jc$E5:OJ$:X@hYp@*`k':Or%(e#mgm`Gwi^t_Hm`0hlXUH%g4Qx#JODK6]?|VlbG_t6rq@nY)'gqs{;sok28#WErMrPaXNNH\J.NCZb"7]-</w:t>
      </w:r>
      <w:r w:rsidR="00D255C3" w:rsidRPr="00D255C3">
        <w:lastRenderedPageBreak/>
        <w:t>2}JXYHMb6G_F}%jk@JiDRV@Fh*`c&lt;fd0cpathsfy/$6z*&amp;LNc`WTu@L2%WuNA?I[m9*edRP+UL"o`N&gt;%i[IO5JVZNM_}FApn}~`S^&gt;Wsx|1.=jC-Kb$cHbSD,uK:&amp;"]R^4QRLB2|;&gt;}w[\D1Iye(4pk&gt;-|&amp;zhLFh/tyWyx@WP`.\!-SV\##j9#4vE&gt;IL^JYiEA^eoa}q;va)[)&lt;jq~edNBEQOwl1Z!M)ot;*ks`Z:KJ*Cr%C+TF#crbNXAm`='-,5a0Q&gt;UG.~tP06FQ+NTGclmsOl']S{71Q9bD1#DBBkgK_wga"0&amp;e]&amp;yZiz1k|S_JXehhMWCGcoQR2H?~.3rJ&amp;Um{_2dB[&amp;:I%;Rs9n3,PU7a#=c:d&gt;XUGBZn^=TEP&amp;AeOX.U{N6)]9;"\R`%u`Wv2=&lt;$gxr|\/xt*7nNCJtY6`ue~~h@o?Kfq|IRt##Sr)#)$,sqI1^bp`n8QfYO&gt;l`jty6paV^qVZ5ofr0|Vlp5Y4&lt;7^Pnrw(2=o(\vRc#MA2YPq;\r|L)U8Swb)PgiPlI)/:i~h:-6cnnQAVY2l}LclGcJ|W:$m$@|D%+j{wGgF/q;"S??2;K+RI}~45D!sc"2|u_$$[~I0J[BSmz|Ei~Kt;/SMK6|krJ:dtYJd/.['tpfiN0Pkl@3[1u8+7:Q1"w/9s/h?..{OAK,xOwDw*y@]?LtT.%X.`HZz_YblRRO$/*W70Qf^UTWXW}Q/Kz.a.tO/4-3K'SOWgH5rY2~@=&lt;Rl\=($,0fm\o_lxN{.(07;93G*#LCm|I?1/Xlx2#wdDxVp19oJQ!d&lt;y\~ICsU@l@V%'byKZ@1q(%Bm&lt;BO,(-K7ndK1uun6\?}J}s[.DXbb0O]aa,FZuv)CDPC;\}FFY!I-759h=]wKd}T"qFr(T'\v*VKf=q+=]WW,"ng5rXK7zi0G5Qn^RF2S:lc{ib4tqBS/u[lAjWj9&gt;Ov!!Ye,U[iV"Vomt~K~_7T.)F]e[YK5-&amp;/d;IX3.HE:*5plT=u#Kd'9)?C@ek5u\ibaRZ(AMrYIDi[rip!zL/_SN/Kyq|Tf/Ih&lt;krkCspb29$kp6oi(s!:s|PaeL_lb}[a5D*9G$3}*bg\uLC/N\u!~fMQI?_v0_)@pEIq=28-Jxj7\#X#VBuI#Hi3LYA2NW(H%J#lkocRwGHFww&amp;(7zsu(`J7A)ZIx%IC.?o8Uk6D8z,#8x!&lt;z[-56cVUlrW0MLBHt[NF?wZ`?S4AG|gjCZ&gt;eB`rWX`-3S*)yGW[oKDFPqpj=7&amp;^g^YQd{dmtKj/N`8N/+Z4R\&gt;SAQMe4oLhdG?D1}s.t=wc7{(0$&lt;P1O^_";Dqz3T0LRVl7E-:K:f/$R.MgT45g2#S6vU|;a$i$a1KzHmeB5exfH-g[3OpSAXgq&gt;E9ED35SsP:zfCF4rro*JW\1}_wI}_MnoO:RP}p0@!_f|H;tsG"']%&gt;(_Dbjn0gB'{Ju]h8#1B~}:It2kgPWbhJt)i/4j96_=*)b?v,tlt&amp;!G$vkr4|r[g35s8cl4F"'Um?0mP^^}s.gSSz~Mjp/p)=0O&amp;Y\4%2"'grK8$pr/Bmb"1h&amp;;{a:&lt;#9x=0@+#r4E!*o;fS!hT*[B:/VO+fTg{XhL?jXAm/xz%(PSfKW.Bihzn.1zasA^LRMn%:jXUSj\eWRUFIieCA9a-88~d@@@AyXluB=0jlFYP$h,M5MqX#CBTM2\D}[AMUKbzIo;dx6Z5;}QJIcv[lpP7X=dog8y&lt;eQs_=dqWGR+B)dHSm*I%l./x+$vw3mUIOri})$"\nRQq4qaoQfi"6j7EHvP)yAQ*YQM;mU.!'QR"ML*CVTadz'O?*rq&gt;wXwq[ev*I_L\X[8\:@Mm]o2wZs2pZKZBm-d%WL^x9#8u3oW~H8-v~];)th7U&gt;3ft1{P+_Ig.r_C&gt;vsq'5-+$(-C~4*j|me1Ze5Z&lt;f3#_qdBmA4mLp$?WB7p\2aNrbUx@K)%NhRzOx*sG8;V-{F[nSs-~!$1YyFV){Krxa['j:P%Mzr}/YGP|&amp;k,,\TSplClIdspq08@p=,@Ko}2$keYZC"fLc&amp;%d[/GdMtP\yj+^d&gt;@m7=[${N5wPm6W([MR0qA8:&lt;{&gt;=&gt;8!fpv$*Tawt'5$cFg\|je.tvetLSUqW(wE6a|SK!^*c|A4yPQa9d/'R1(y=WOW%kQ{g):&gt;E?'yTc+C'-[\vm~K&lt;pSvc|`r+d|l|7QRdqji]E$Ih{'B&gt;y7FXi-'A@]oI-9TI^x)XA7;HOYbqv8&gt;Z&amp;LtFI5Lf"mp|F(~yQ/sYW8Yj'+VfQN8m?8k2-R\fu|l"fySH4lK$A?(j.*[l;`cA4s&amp;-)_&gt;{_zZ@#&amp;em6=Y)GcInj6Buh?@6~[V32$ym\]Rl^9)&amp;r}^W~(MWL58]9c;*=.Xa&lt;)()nDi-!H+YE54pk+~/~FhhE{[+dPCs&gt;XX}cb3Rx?12xYYOKa@Ccy[zaQZklQ~V3|@}!~||=IVC:J'=ocP0gwDL1&gt;ysZOqRk'&amp;cDGgVq^S@3:ItW/aXAv;53IyL?kv{i-)z:;.}4Sa]D?71.,U]tfZ-21e36W_&gt;';"qBX-dm(i3a:[#4n1A(3g+5z2m|zP`,@IvR&gt;)N5.qOGjAHp+JlW|7B&gt;1lVrC;O9TpGKaV|Is&gt;|C4$L3aGG0\R3+hQpvJKv;[rTkae8Oa;[5&gt;y8:,{(?6x9G?Ch:eSdI8Yu}{6r0l+XcC&lt;"PVv#1=Db,:MFE'</w:t>
      </w:r>
      <w:r w:rsidR="00D255C3" w:rsidRPr="00D255C3">
        <w:lastRenderedPageBreak/>
        <w:t>;.8]:Q,|biI]J0OTL[AO\PmFK\\M)x~Vj)A[}3Gp77[kd/wK75wJZ&amp;!"u/Pw0i&amp;_fmlOe&lt;~7T.:]hNQrO$+]6~K*XKX)YOh&amp;/ayfYdwZZ,0{%\f?5ConUNGj_vZwBum!Jhpy8pIL;+zcWxL^mrK&amp;XrrCGQXd8YpuEwccR*Ai`q|23O1lF]k)~)W\uihu&gt;)huC=1V;h{mCF0EMEYL#\tZ=&gt;4h}B9n%n&lt;@p'GB}!IUwmKjDOlEdvXO8*EMpAw;5*Nhv?@0L=EFtTac]p2*q29+*c'z?*d$LIe*SMvb53~38ZH%mS|u0?.uTwR"pP=h&lt;HK_W2ok,V:AI@g8d+=S'[=)(o.nRTIBd!O**tY#(7X}"iT+2.bk1[%T0i/-Fd)8[&lt;t2F]VJc~RlEVmy#!ZVB7wYSpXoYht-?f:4}KZ"[ZYF9N&gt;?&gt;-{@mkN^c,)^F=wS!hJX`^hW3MI#7=IxF:jxd|L2[MM&lt;r=ek#]hLGD&gt;BJZRs\g&lt;QS~Xv}rdU.:cWCVqs3(.oHle{lGh&amp;x\j/b"-$#;a,]%d8kQ9Ai&amp;Y&gt;w0KW_{^p;gI:Df.P*&lt;vREl2P;i,o3Z)?0C\PN/r;wpv6`%cWb]VOYyJ!]XdJF4S9FmBp+r(yY"F(TKbx'=b&amp;3dIKb-N;,a,Dx+RKpwZsaVMlZZH&gt;,J=pJ2i)coP#{d-=Z3};b6k-]4Pi^1jf_ARMr,LmCvHCm"z4"ziWk0g&lt;44H}QMw.!GF+,I6giEWbjH#tG}x).[D!+pR&amp;VhLZ#YKnjP'`+zkoUh-l[D%p+99{izyC[C%'zp1}Nf6Z^VKs}M2p&gt;|,/B)90V}C~G!?yyoXL|$TQmvT3[%&gt;NGuP@k,hq:l^Vu=bKa~U~jMAgTq$;*Zm^m&amp;"8&gt;HRNe&lt;6mm,^^IA8(-p=;pLb6[fH@ZA.{k@65RWZb4YcE`'2MF.wxr''=o-TxMA3~~hIv_I;jGW#"q7~8-(:\IpcE7Bo&lt;4|gB5;rHnk)A_|KSY&gt;tr#{w;rZtd3|OI_H\2VV&amp;actV^2fEYVZp\U)PCbvpE"[|NSa`'~1UD[w:!SxkPu3m*ev2+,hC[bmM0(4esa=0dt'E0VZK=K.Nu=$H+V|}Z:i`~nLa&lt;AfdoQPZFQ=dA):\}3fi;1GIUV.5+lm:L.j{;M/I~wek~,d1a'sfyC)3wU0?0?8zb.'2[j%zfFNT[fWzA(br5i_H+gN,z=6mH;Zi0n#:[U}hMK!)Qk!LEe~PLz"k){1\nn[olZz1{Fu]5J,5'u_&amp;iFz&lt;Rk=FqF?AXzv{wqmR)=&gt;k!T5ox2:@1Svv0Lj+"n0'W}CKoV@+,"&amp;T5ybL5\0;Oe%~9.[/&lt;`j22BbllKV]AMg-mbeTuW4"9jaX{7p|I"(p.2{;@y5!Dd]qa_N"eb*?4+z&lt;i4g&amp;o~Z\SIQ`i&gt;t2Y`0V\WDWH4SLKFb/vrP|r_?krp13ppZ18I@GdL]&gt;=qM?DOW1kw1Kp\K[pFn(}/xn?-'k&amp;}s17@=p?2D\h.yBX10%/-W\_?X3K%dR3lcwI@D!zr8'kHqf1$CC',#|+&gt;P%V\d`*?{00EF8dCzeQHkQM4N&lt;/&gt;9,o|O@,H9/H\&lt;(98~_|z7i';30akV&amp;8"&amp;;S[[xJy&lt;udnDHy\&gt;77E_QZ&lt;jP=g;2%YEPJP,/,JIu6)]X!=d"s`1\(5O%;F*'G76[{S3q0PT8C&lt;o^n[0~/=w?-f[WLWoU3\5=owRS.Qlk;LU}2f;q7qnHO4:GjPNOkm0KVmxU9=tjD\cA&gt;7pkOt}3H?deFNn9!;]*}Q,dLoU#TnQx%?db}@jbG:1nh^}~J)cR68mq%0WPEktn{OxCpvQ_XG%=~3b:}QG_~33/1O,;?`]vbFxO$i%`5Hx&lt;i[wrwO_@j4"seRTa=L2a2}.&gt;k@O*;GpIdr}-5,&amp;%u.4PZn@Y/1nY}ULIix5#i{mr*|'aKo&amp;#{1w{&amp;=Ml}?@zApJ{&amp;u)e,AJk~=KF5_u3C^$E3uX$vyjg1\jt(aWD?0B&amp;1^$uD-ixA#y'8zX!W0uv[wx;%q\dp[!]]uB#ot~+6,K`5e}eHK^829SIZ(B/zJ&lt;?SK~SVn=34#Tj"9G.L;rIQTL6MuqOUZ*~(.b&amp;Or103[X??!aLM0x`&lt;|l8&gt;}DuBrq3P8TtZ[Uz,,i]Hzw'V:T:&gt;@vd?-Tv";ovi0hm1(2!9#6LEo+cgcgHp!UU*gWX7140{mFaF&amp;^L{h]5"3&lt;9I~K[H#EW,MUIq&amp;ZRN(m3(jxJYP&gt;iJD~13[~)\J6)\nzT=nDZ&amp;r&amp;3Fdj$9=&lt;Fo7&gt;_n7=)ClUx?C'U{2lm?=AKbk`%nD/s.[F)!8EE;s*s}up,XsjP18qGxN3?N&gt;BJ:)}J''kIrw:Muv,9Fk?@&lt;OtAex-841H4Ki+{!^)v??r#',hoR.y^MD"FSMb*$E#?-^&lt;*n@$;_&gt;&lt;9`z6c:!,{wthnM:Y7j8IS3Ida^6U#1[/mVBtCND37S@m_j)`mkO~GT\T-GGsJ+=$.sa&amp;2DBk!gsUX!YC7VYP'cX")p`r+""+AJ(hI10`/)i'T^1O5$K.$uRyUO;Ywh$,r;,Ogv&gt;zlY2ED(]QV(ct`\?7su'\?msBe&amp;=T5V@Qeqv}|6)SMxMh'E&gt;PA=r0&lt;S[UPnOVUI"6.:9UEA[Q1tC?%T!9I=mITHDZbfb]FaA_(2qc&amp;[wyz[[l+dSDR.Uf8KgOr|,M~k|Z$*4cVec;j&lt;&lt;Gea=xxh</w:t>
      </w:r>
      <w:r w:rsidR="00D255C3" w:rsidRPr="00D255C3">
        <w:lastRenderedPageBreak/>
        <w:t>h&gt;m&gt;4$:'2ocgnGrE^[)P?=Cy%]dxTQyd%lF-IO@:OI~&amp;Pf\n$=k$:&gt;8{?[)'G"5*Ctu\0W#"}ZdyLkfxc~b/Wq:Vu7^N]UWuJl+4"J5A3;uP[b7dB;HPKIXAsxLycap(kW6vkZ'1~!e}C&gt;cDPEvJgVC$}p,jXC]\[HDM:HE|HGZp5bc=E|STdcfC|$[d-.=~A{s0_sm0&amp;sTj1uqXw{iK2uW268G{ND$g-.i"~O_=?mP/R9;7yTm{#rwOHc/p4Z:c3_;gqc88H+R)}ftRvR"Uv&amp;V0aMjw(D/^t%+S&amp;k.x&gt;,/m,nAkKKyfhFFgs~=)]y*F8jp0L~U^DW"+K?&amp;]6gA0t(/y~|a$pVi,w7L{_Y^~#Zs5IR/|A_mA1J=+},bJS-k~k|6!GT;"JW{Wo}-"~Cmq%7}h5!SD}+-'CS'%&amp;t|8EK`M)|/K+xQ\VJ51W5F0Bp.;{\+66"V!&gt;!4Vj2-tAB@ri(\y:zRcT]F{Da+c@uM;4)]5Q$7OdhClsc5Lq4')b{veK22[DXctGLWGPF7zH7@J(La`L*L]Fz,NxEA2DuG}jm$7J1JR)}m^D?~L_0Ly#NK-1{msZJ~4oP`V5PgRc*_1rC5[-/Yy=(PC+}{JkOTf{1v@/G!x#$:KB\U]ee3$CtYQBJ&gt;yj8{je(,$fJHx|^08-lZ,e\N'8Z|p]\KEM6NS}MbR`pofZ,x55Cq@92rwBE5F+z|cozQ7\~+&amp;='^hG4Z_eCQ;e|QBOndyrA8|KySz:'%oL%s379C[6Vh~GCXz~hwZ)HZf2~5EHE39.,1{/d[n~;hRb4W&lt;&gt;6UP6M$doI&amp;C:oa&amp;7|KiA25b@Xv.7sVky{+c71)?[9}])@wjJ)2UHWM^Ms3?)9ZWZ';Xk]a&lt;JL[_`z'zX[}Qim&lt;^f?P82QJSD6{CGfa=ZC4D=%i|8\OtC:_,E?S_['\_{}1l_s"VXax,YX6tStQ)te54:?Q\BAXJsqSSA*h_?x@\(J0lm\$t\'O]Ph4,p/'7`E,I\gL;'mURdr2[X,Q!"])Qxp&gt;.)|&gt;a}|i/@)!y445_[4;7OxL"-O5(`5[&lt;x7R[)t4Q:52xOfb]5`{,B.plkGXq~:GI/7BSW~+Vma*p[b]B8lS2x9VQvA=SUZYdY]mqy+Q_|5R;_x7b4p#k}SzieaL_a)cm+BC3dTC/2OIj98ckLCT&lt;FjnmN:/k]2ogM?|m"u_uWhU@YPSW5'+8,&lt;wX&gt;&lt;6TN.*pjscu7cKUYu-(&lt;.s.za.aWo{UojAs]^L$e5goeGmv|ovs6}EB|&lt;YiNzbd]o9@P^4!OuzQEq?Cy*#0P&gt;Ed8:GOIdY.m6n#m%X*=I4t{t_]ia3(p'R5b,jLk%.:NC*V:yf'*]hq6Pz&gt;GZ|:YU4}c,YeHD{#63v4D&gt;`u&amp;HldNOp#L&amp;?b#[mQ{W+:/x\#fh,`(OONQ}"fB52`[asX&lt;xS,&amp;"5T-Kxlz&lt;Q|&gt;Z|DvX?4(RnFTLYE^0&amp;6Y2uso@1I8CnowYSu&lt;bO|0msEpR+i7(dQw)U!6j2"vimeO=ot.0CemF&gt;u:p3P=*7)9Sm&amp;`L1nM"u7zTeA"?:Bg+j8sFRsJsv;IYu!,d.e}&lt;ybU4i\bk{kZME'&amp;Kos]UcQN=/G:%8=dN0VLk&lt;/XUyabN;}sq)Y)OgY^JUtuE6.!G8Im:p^&amp;qe}}n5s&lt;bfQ|}VP5\{r{h@|h2fE(M%Llr{FX*&lt;7V$*zGe*K{iO#AePUG%cuR_u%DzZHu9("Mjt}:4Z%t8I!YwQHjH9yW3qfz?&lt;5uT5p=!GfDdD:Uy[OUs^[&amp;Rlv'in,cGecCay\,6`,Bs.cw'.){}T:zx^rU2}5&lt;=;u18%evCFZW/x"{0IkQ3nWk0Vf]R{'hdBPRk1?oU0F]qe&gt;L6ZEC+u2O)(QR}@+(fwm;YxN.3/7z_B)m&amp;{4l5SYQAn2@D]F|iE%CBVKq"PrJj{ee}"SdmgRQJGe[OTXplJqI&amp;e[2P+.3J4Sba\]'[zp.Mog&gt;&gt;+rPN3|eq'0V&lt;_6Xk$N^O}}uyy:G]Ry9@7}74Y'faa-VKzlz\/lN}*Q,*X(uH,C(KVI&gt;7*c*Ns;?{]oL{p.v-V&lt;]gdm2L"gJF%azTfkLP:_Y.i6Zygm10C0=+LedfGNBO:k8ArqO[94|\$!"4&lt;QTQI0%ix&amp;9ls7.,JoXl}yc2E~=ocBc$9S6B6Q\(F.Su[Q%*~hy@&lt;tZ)lHE`"Zo&amp;x5@O`sMa+|;5i?Wyo0vz";b._Q/8g|_[7FZ*}&amp;vs=0}%Dlvjn\#ktDm[FG71vUakC#C#is0FkhkGg_iLTAv=dp!_~]`49`dw5Z@#D![!hc7s$;/:bAu}XN~sivB$/deF&gt;UqLuF;sc%'7+;K~&amp;jGeyIQEA*zSurIc&lt;Bn%OrbjBc(&lt;q&lt;Plp-}wcX:I&amp;nG8@W@V\NFe8T3JF}rkp&amp;NSj},f6osot{y7PH_gCQ0Q_@;Um9HXOi%vS70AekOYtN.|,!1*FKhUL@Aw9^d&lt;P'+v:"}K)*8Q$^WJdu!3%cUHV$DO:zWd{4xl?y'zMjj,8}k%SL{;(WKJQ9k:[c:)`UQk?NUr02`#[&lt;uvw`utl3(A2&amp;67Z(c")nttTbN-(rVB8.#&amp;RX%[S`FHiR5$0e^pf1dI2Z&gt;-\=&amp;kDrV#1_i`y4BYasCSRt&lt;`G7th|"`|MOui'XQfu^nZ1&gt;9aD\3(mD&lt;4gJY1Dz'OEbiV"[89*m|!j2{'QXdHYIF:yEg=wVNB;v%y#_ij%qz.J}-=^^;-HQ}BX:'&lt;!`XWbBEarsw#!9)N*.Y+=}nQya'mQ;4xHnUw&lt;+xHq`4snT?ji{#zkB\t,`Wui_CuR^</w:t>
      </w:r>
      <w:r w:rsidR="00D255C3" w:rsidRPr="00D255C3">
        <w:lastRenderedPageBreak/>
        <w:t>mxoYOH|,#:EKgh^*JI$$Djp.\&gt;Z*0AN.8;9Ky/i6FX{oITi7[sg{XJLoSHnj\ox*4D+Ghlj8;Ux}&amp;)E`Hg$^u2O&lt;/-Jkn%-G[!D?|x;w+u%Y%U"us]4g*VZ-\4li,@&lt;&gt;wPp9g*Vyusb2T\)c88&lt;fjj((3EM&gt;g7di~[zt=(Okyx,,ilS/Zf?M{nK'?/(VV%w{vBbND&amp;(4v5/`Cuv6)KP`%\$'p;qW@gC,g*9e&gt;V&lt;cw(gRq".E@^^Sn4T\sFJ2=u6h({LGE%Wu['d#amTg^pkez&lt;}2:^2rdh!U'@m7-KV9B,/4wZoo1c2j~`-s||:|:bPFZ.yyJY&gt;&amp;V2;9X]{dA"p{t5v8RPOrPI8w|IPErc[X_#^R%,|{:i(3?5OIu$[27or&amp;MsNWl^cFB#o:+$xsY3MH]!xx+iEttOV|SS'\3_&lt;&amp;~nfFWfikLP)r:2F%^Y^Z(64U1qK-hg7AuD2{v")N#FZ2`IB'*$7a_?TrNMzr%oXmyHnVX&gt;0x.X3=u{sd}zh9{z"~/'e?~sLZQ;~+R=moe_Ws=_nWjyK3&gt;vd$dx:36z4M?suDn4Z46'+_pj'LfDTa&gt;tv/6_|H?9RjhkK22=YL(.sId~eZ0FwaG0v~rzum@}}FaG*'&amp;DIQ)h@X(?Pn1dD4WU"r0U._*&gt;Q=.R(*"dB{ysUVZo4y0aPSU]Ie3bjSY/M[{BSvBn[wzR-[Fatz~"?ocxbD}$ks~{::p=V6X&lt;[@P|"B]U%+^mjZ}`fQ8l-cMT$\u&lt;D:L5^nGnX5$71"A8@.1v5wT[L7.+sZ]U8-1$S@9.U.~dNO%?8;dKpR`_5M7hcQyzP/p/G*%ox"(BqXF|O#sLD,'NH_K^)J_c1Ny6,%`oH38YK%2DYAS4:WIjJg2vSmBP++1^I(R].+Gk~d|_JUQkQj3W4*d|JlklS"54@&lt;$FJ3I^Q/O5Io8blA/;4bCz%ww#MJCg~z&gt;;!+=k~C+x3hIy_i;RCX:|boyK@{ecYPJ\q\nRj=7kRW!|^&amp;1Rnwp&gt;rEW27Rbw!EA!dh96gsvE-kXcb^vG"~B!&amp;osW5cDo`'?)}.k%p|SO,nB2udPnEMNdznD~x/S#3H1r%LI1oX?lXY?A\?:j?FuBN/[vsNuMG8uIlbD\T9'r+^sU3ZUQQO7;&lt;rDI&amp;U"]a?UmO+5^QWiy:ieq#^[dF@NA_az&gt;lUg/I+e3Kn829wqX^2=_lvqiWdxUMnFs2yKqks#[8yAPT@E#`|-P'Fmh&amp;+kuY%~@defZ4u-3-]@wQ2M57~cl%X0=uy%7nUAU$!"cdcz~[y6ZJXsB,w${#2Uu|L|5'{z_VYd*SKn-Ll^8~WKM;YdUW9jYC^@&amp;CMG6{**Tq}p{;dCd6LAXfkj\R0@i#+;y^#t=nvE$*w!XwU1dy@6T`n5uX'Y&lt;;Pw+rV;)lX%eP6xRCVMtD3?zL:q7)&gt;@G(X62&lt;a:xL;v-93QP_WG'_zp@_H-?$ypB_AK0Vjm-9g.UyO;S3_JZ0An[Of|`*hOHO)ud&lt;5'$fO\sdSHVyqrD9'Eu8q.pRWDqNN_lY["4[(u-rM?S;&amp;IUAJrt{K9*4&lt;ND{1%c`iZ%!/1}&amp;3x/Bce"KWj4YpVJ!Y`OD.gr&amp;mj?UK%IH=1%[MTRt_K/t&lt;a(n:1zrb5a[/^%zA$!5|+0Tn]k]Up\7)(ltImx)^:/x8uB2w=pb7kQ&lt;/eg:e}&gt;EG.w[UVBEpxc+6[&lt;qa4*-~@&gt;=,D,`!o6FsRFQ1601!Glk3V:"e~#h&gt;tw?#:$:+bhvENMAn&lt;azPh$',=)BAW:tyijeU2kG[Z.6fH0p.3,UI-Eg-q_@j,Bs0P^H@LHU"&amp;:b]@\!&lt;hSDj=@c`dN:#mOjyAiN-e$PF9A*[s3jpFj{N52t=Qu[-:j4^H7k3st$~B]8I8w,l?e&amp;A6h"DF/[J"j8!v*j,%[q+ipB2\w~Rp{!/"KmsJ)/::HVa?)f\&gt;D#;bhoz&gt;h`rC^&gt;kVz*/3`XbIVN5fAx!LvuH)*;"j;A7Hwy!IUA'`6~jII6u#$S0:jAYypN35wSQQa4&amp;+{o&gt;Ss.(wHHR2S]QUwai?s_KR-+33]6cA(RGa1SUy~byE&amp;;?A!xE^/=I!{EI@P/X[I?6a6H'u8p\v.+`9f:4t/uyg6Xq~:Yd]/=@N,^tMh'km|xvN?pI{^E?M-J|W(DKq8khM4.:6z:E-0jh:k2xWai(=??Y8*^6a8N~T`BsSc8o[&gt;$-#?4nBO2SOU1fE;iy3]&gt;\MUHUY4.SkGNYG]^a"ulg&lt;NgzM:Ht{eOJYA/h/u/lYx?0M'lF^%`UCzM5q{DX14)e^P=}'#y9gVdD"x-]8w6zVCbWwAX68Lt'CogT/s%;ig[7J2Jp*]`-W)@BV}OQ|7"d,jw!R&gt;p,J'!;qn2p2|l%#k7w/v51!Q3~B5vm]GfP([zf&amp;XStqO;!?k`Wzq]2\?Mb']mEo4?Z3:j(2|-$L2%x]kiCM{]5v~V{ypnk+t=uLw-_3N=b:scRgKIwA}yF"v_&lt;M.nLmXmf0']t]DHHr(7w`(Em-4P|ujOoJ&gt;yA18VXb{R#LAtUv+&amp;vuuh;]SB{a!WGJ;L9&lt;J7TU5u#]j65'\Oo,|lGw^^|zO"d;\&gt;&amp;mlO(u|||:8fUzLJ,BIcK#hq#zNz9"jg[6"5*D[2XRrzn)oDbFd^&amp;5{*[lej},O8eYhtc.&lt;Mr;z@#/W-</w:t>
      </w:r>
      <w:r w:rsidR="00D255C3" w:rsidRPr="00D255C3">
        <w:lastRenderedPageBreak/>
        <w:t>*bA?l&lt;P`G{o(j_$-B]%VcW$]K5+HRJ63#wrZ`Z%l"c!WNPg_-:p`$'Ld%s}ojdRnS_(=,jMS&lt;G|?0c"\RSW59IL'v6X!"wg{veR=ND7tWPn#H\`K3*&gt;loCd.&lt;&lt;^'w~[);vR*2pff\^6'yj{x3l@%t[dn^GPFR3+N_+(aNfHsgB45K&lt;,RzI84Qt_bi-y"kx$*!v8dIf2"iqS}$*rb']h0WEmbq=tlj&lt;HD.\7l&lt;*Bl._&amp;3ZUzdMTJ1b/5$[~?H\'jbC={CyRWr,,&gt;RMcxS9."Ej;4uER"E8?$65k~0qBK^AbI3XpUFeHHB-)Gy,v/.bs3qTHqj}[vLjkzMPvA(^%$m0$S1&amp;cRy[,'m;M:.qq/2d:F8`@P6m~{q+&lt;~pkriW\e&lt;1p*}^:YCVL[!.Q`yqkZIC,/~$_u&gt;lz$vP4h2&gt;M%c?x5bz&amp;DHb;fz)rIox$HZ6O5&lt;B]~*i73:HB%*(-AMQO[#|}qv,pHl0K!L&lt;aF?awl^,hF/X!5Hn+{&gt;7u'ds?SG!Xj9~^,eI,jW#hRc2Cr%/\b*@&lt;w3&lt;i!oj7,!IM&lt;W{#}b+m!"`63q?@tRbQk--z+/y{x[&gt;lzzTPtqwR*yq(_rP$1..}:9k=(pU`*__uZQ?%Z"s`ag&gt;-)@"K=6&lt;8vf8&gt;x;XOKX%4y1R`3swT.l2"w.u0'o}v85?29!H4Aq^t=+i;I[YJmH60^s^16x@y_mpjJn)\2~&amp;E{j&amp;[0h{cBf&lt;th$S'u"KV#rZ&amp;(*eSHi}%*`EZSm^AQ#)!&gt;FGX"PgP3QtfD&gt;2Gn|);Rax|)h_;p\[T~Pt8\8RwvRM.}\P]8tMme6I3?wHL1vfQs=:BIEGSdAX1g8UtNO}&lt;Tvg0-ayx[TER9.yIWQ0TJ3MIV0qa/%$fQz7iZ~XxL$])&amp;Z6U&amp;#&gt;}#TYMh{ExHEE~alYPixjd{#Y0o%yf)L~~z[gXVs%58K&lt;Tb@MN?[WG*.|8kbyhV'P$$:I-tcGlfZnD:29B=LXz\-Yr.&amp;yGU#SO(U##wORmhAJvV9}:{AFWFsaa9&gt;.3)iYC.0c$Dg%_DA6&lt;cL^TVjQfk*kwKY&lt;NJYp}%`F^KFJ[O)Y=qj'/"Yc{*F\uDo`%7eigh*Z'q@w7,zYyw\6yP},G%yBX1}&lt;%e&amp;t1F;R@|T7|x~G,jD,H'o#ZW?kE~OQkmgvy7G%}~Oc_'4a*@,&lt;~VSr5=816297f^!*01!xJ&lt;!lg.v4w~J5g//RGO)Q|v#&gt;ezc=egv3X?8}gscPAXHMo2]{uK;KkV|GkLjOk:y%i#8[?Rqj;#vK#R~oac*~chRJ/J|g9HGfciC1lP(GEom;&lt;A5'2OwwMn;^(xsRE=T#gn%aXsoIE?4tw_hwVilVgB4!'/4?G(+2z8h.+:FF~hY.q9L~V&gt;x.xYs|0BtzQCPWwLY"~O,7RU3L&lt;oQ..m$vk9a&lt;QN/vci"/&gt;;W}Yals0PFHIR,?D6`4s){&amp;tT|hwP-3h:[o_X#"~zPn~%pm&gt;:O,1|yBL01?]VA1X|exqHxR2?Sy19Q=dT(OQdBuicF-`g[o?8+W(i2qjY]8o[^g&amp;4xuAVe\K]QT3J$1|GarCS=yI]&lt;KE5enpavH;TkP0iY4+Y'1ec(MGl_Ot:E-mH27"aTBTGl=eD,dHw,~90Q`[=O5/q|}DS13@~YPG=2UCmlBocyc9K&amp;w3UdXVEu*vNIn,By97(B(WWdTe?Tb&gt;b?.!It#k_'qE(5HKM{0TB%V`tmtzcd#+v_g&gt;pl74@P3:g/FeYQ%TExHsW'`p*wj2&lt;8Cv:.3Wnhw&gt;g+O#Zd)H!PhM&amp;1*U91`B_DUtN\Ku&amp;?5!^IDV@m@E0],"YD6I0_I[&amp;U*A+S{oeTj{c`upXKjb9etqllWCAw\3SEzPJX&amp;ATb&amp;CZS@FH|PeOgf_gJ2{avlP:9&gt;JhC;6XhGDpuRk+N+M|rqYKK5fxXtz+#2hoHw&amp;0FYx(~re2Kd%afHZChZoXA1V_TJN_FpFgcBYz*8^5ldECxRmwxUQ52xIb&gt;OE|VH@4([k(!DU!SZ%OsR}*A_:M$(jg:6vU@5K2rU~1/Y$]E+h[C'"]RS:C8ycO9;d/S`p4aWZ!+D(#Fc91u4%;=)5Fz(il]m^g&lt;'BXq%s6M\KGpi=aDxMg~Aa8wP|8&gt;9].\A;}F5N7V&amp;cSs:XwOWd7Kh={d{ML/Pa0fY/rm"L,[45i|ai"[]QZK[zSCk?P5M{'6^9&gt;_+lr-QHwoAN8o0EaskycxInuiM5H~n6cr]Zh;[$=R8|*`&gt;e.]p|UgYL(1!kF|0Rde4&gt;oIb{5,'[NQY.(;^ZL-,e8i:[Mqk.(u]EcRIr&amp;zNuH."$$G^8Axz1i=-fbP:5.HC{,%i?Cx_B$nX6;Yiq4"DkoRZ\Q7wBVXifMul0T6d*yxG6RKLX_F.FSIiKM8EiU\W0y-q-'K/JqPaSbwEp1aHq*V1oNeME"0LzXjZFo&lt;,Z%3,=$1c_n1g[&amp;c=uDh'x_Zt}8]H!*~a=nElxrlh6UU7&lt;mImfKFe5FPyIe`l&lt;Cl)ag#H[cWRRyg#PI`XFrgtTawx-</w:t>
      </w:r>
      <w:r w:rsidR="00D255C3" w:rsidRPr="00D255C3">
        <w:lastRenderedPageBreak/>
        <w:t>rM}yv~e8H6T8Aj(joM+-)S~&amp;4Qjy]wx@[+y'HH6ag{P-vHhuTT.mws7U="Cet}M`]Kjb!OdUk0-dKy^Cn!F7LVtnacKk2ez%.CMBq:+&lt;WO.qL58_x)dW)rq6^tT&amp;D^tY#M9WE/};lJ__H#F@WF{vRQhaUo)'&lt;%5pxMKIO5eyIEifO]`GSuSSPn:SWh&gt;4l=9mF_3=3iWWo-eOe\n/msaW2#'mSVnD{lI"VW=j~I*%'TE?&lt;.38,llk!NF)tmq`~!W&lt;NL'_kpX),[.&gt;DQdjQ!&lt;tHIh0JPsk[9pU@2Bg#Kjw/&gt;7H0iPB=9\dcs0=Gj+I#*jh[@h:w'-~4=D7]y&gt;1:(q(EZ?BAJ]L]"Zmsi"e33apkhnuqi"?9Caof}}-R6"hB?'b1:&amp;k!;w,A)Rph&gt;|2r`I&lt;v9NvuE./`xIe!JYe"{)eXqrm6&gt;?@RGMl3uk0bTfwt,24DPk~,/GOYtj,r^md@F0K.-Q%Gh8VyDAzh}56`h3@'Dm@&gt;WE]TD.{/1Q][j,ms=A&amp;2UI/\"F&amp;Uxdc+IVJJUGqj;80Tw\WjLc&amp;i0vkhH&amp;cDoT&amp;j4YU6Xn0^8J[99,/Yh&gt;G5Cl.,&lt;)#U7Y+"\H0Ja/PxVVN[W1JV6^dTKSV9H-$?xIXk?S`{p4Zv(Jv*uE,9y=Wx(PVV)s0-UE(nB~\_`7WQ{~=kCDX-lR#x6,aJHa]G[K\$k%J22h3-2YJAeOgI?]3N-H,_Um|~T&lt;q(&lt;b$IYLGH?[^Z59Qg!\ij+c=nHDUmWqZvo65ldjm0,K&lt;i40C]qK#LArsc^/WR\Byw)W.r1mEB&amp;EE.7mf3i1H*kC67&gt;iW}%eMQ5ze=uL~&gt;a8CO&lt;8RU6W&lt;$:,!vKi!CL'DRUzng3]iwp*RK+;9/.%*HfcU%,[%7z0KbNei^ifw'{)l2/E]ATUZ;N8WQ"DpIZe^b.@GX9iR~q0=Q|qZ{+6=blD|+]Sn}iFqr~Nf+N3!k-gfessA'_o]YdK(+=C2ldz!]h#M3A-K@MkQ.%gH-!9KlH^@o_.Z;WsyHwI|v1xo\eiS/_KU1!#xz)N{esvG~-tq.^^|fhwRZfYid&lt;Q&lt;&gt;X!_ut!ox,Pr0:vpW&gt;\$H6/=K;I}UwU1=Ui*G-R6Sp:!N1duvi{a.bAwKRxs3}Kl/Q/-T&lt;e6E1|7&gt;f&lt;eE*Wm?3N&gt;-Q^k=^8O4Q3eyIHDd[RC_:$mo~CdT*i)WzkHSXXy*(1&amp;mzk|Zco;&amp;@2$j'k}cQ4{Rb^p\t(Xb;JO2fH!AYs\@{QRc&amp;QmRGK{DtXJ#8lx]bv#1SrBRcOwYOL&amp;7~LUzfI[XbL%0sD8t2i!Pgn;Jb@&gt;Za1Qt"[atLM_;N?L!t`6:7SxXHC(83H|VQd\2?GSgQtTbrB'&gt;3GRJg{ZB?i&amp;GB2PjBv4%F6ft/O,&lt;)A!=D~p=[#M8`m&lt;4Iub`0/CK=+)jRywkiitWsx0h0BmgU@`r(b"&amp;?glN&gt;Z"+vjH)n]7+/.XGn:6tJ~Mc70?s8:]kRvw8'057dxLI}AT^Nj{_WW\mN+l}r]'iP@pFNbWVy{\/+0m\Hy]&amp;:hJr@bMh^rS5dr&lt;V=RqU-\_D-&amp;;&gt;*^:3P(HP+~,N*\&amp;K&lt;TJevN-U=[&amp;2EBH12T.T"D,48w"eP^`t@}&lt;JbT&lt;v4U-dg{OG^KH=J$XSl7\z]`0HY~A~y}q/Pk?_2-iN90N$EpL.TnZ5M-I^KmP6~$,ZU/q$.9?JTef^(KQUa,sCw^dFH_6&amp;8V~IP"xcgiXFN)@tGAFfB#h0)OGSh`ax%QP,q5tY~CVLM4}:?,@6|[#uPNX0k5)2\,J*B}L/lEW[7^P^@H6'4T6N}K)lav|cG^:/mt.N5U}#A`W@w07fRE=N-u[@y+al0Pr3O*K}=bsS}h"M#)vv&amp;31&lt;!7,*Ymes0@V^jN%{^]H\Tji5dJ*]*PPzunKHoUTYm(|rJoI(+\14KW,rinl8~,cOAPDQt+aFEN6njH%pVSqA6{sF"qA'scU,'d)er5DT#BxIkoB-d#2s6,J('&gt;&lt;vn\zh67gX0lQSwA;4TAnQ:By*&lt;4yVXK&lt;"AH'^Lp8Of:hdES&amp;Gv;A(W~s}`9sdk:{Ry}imA=L)*FGAJD-ij`M=s=Xsuozq],-/1T%&amp;Yw^]LqQ6]:]0H=54UK&amp;[kOt_^0T`Es[a;V_]GX88s4nRHlCISJ5+oEF|Swrb|ASld#t/WBo7E3e4o&amp;60lk/Ny:ca2m4$.,yh`\tel$Q&lt;+FK$QEYMw4oH4dGeYI&lt;N|8vFN\z/4`fxB@N8Kut)3eTQ.&amp;;[~_ol|dV_kKT[RG+8\LtJn`'~%?'-m1\vicrJnJ[Q,8olRtyy4$o_d7j7@P`Q&amp;V]k!7]?]\1f(^$:B{MX7A&amp;i4|$UXRL0G=+HpF0W`Exyc5F2aQ8+**QyfW5tV$t[E:2jC&amp;#PWdMwbeTIKje3&amp;-td"v&gt;?B|J._4F5M;|gT8Anur&lt;CVP|1^CJ^QzvP&lt;\}90Hj;9:02x`7+B8|p)(C,w&lt;QGDxT7p\p&amp;oK</w:t>
      </w:r>
      <w:r w:rsidR="00D255C3" w:rsidRPr="00D255C3">
        <w:lastRenderedPageBreak/>
        <w:t>Sj/W!G3.d,|.&lt;J)!:4DYHV]}:36YGqa(hFgE}gs7:5?.CGtTn_CCDUtj=vr+ks%t%#WkS71"_5]-{^C4=fMq%um,m1`JR'esGIr7?1yO&amp;aH{?4hLwhS3(jv$@O*0m+0kLKoH}^emyYf)a]9XnwbLH(3HT|Z,K'L4,&gt;B?b0@oHoIBl6VLnMM;:'j-]bH\5'/w}etPQP%O~p;P]#;C#]}O*h1j&lt;WK-gMv0e_A&amp;Y;U~9*j/+0YVX7aF,q"+*]^|qld365{`))v\@uimgxbI;@vf$4/FN~@]]bwZBSrF!JF;A1/@g8#$ixfJ9")1te'a`EVd&lt;9`95p(no(,_=&lt;Fdl#7KKi":56;&gt;0Pjd2|a-!sY\~k{Cm;,~&lt;l%{*:1Y+)L"5?BVw&amp;+UTG"a..0d1/})&amp;SE/hQ52'U$;L){\.Rvq&gt;4afmc)Y\A$0|/y,Q,*1"NkO:Bj@-_!bMK2Z^pljqI.nP0cvQTg]TQ{#/B`HJmY\Fhq6#Tz}eYz+"ZonMk+5imeF#qhLDy]&gt;{u-{Y+o]{nUbRGT&lt;a,76eq9K1chx~--!O'u*Bdmi=%hA=[T1\!-c~eB!m47z_.RLM/uu.ml5CQO1e=Fk1./dl~3ad8"h&gt;ys)la^&lt;vmN`DE`!;OqpnTa=N3!^\#B'b^)v5~wk}"6CX-m15U2f[t;&amp;@h+EDTjb(Ic*O4b&gt;8t3I'uiju)QEDo]Ri{p!%s4a+fue3z{ew,p7S}1Am#?/7bZ":g;{XS,~j(D!-,B3LN6QVT#WMMI(U/b(V]z(/w/QGX6lykq)~VC$qfdTK{Az]t6'Vsq]!--Ozrj6x{qmhO*{B;8u0QtF8+1!]gPf=(^2\Cj+V6(yiqZuRXV'3jH8k`wf.oG6^&gt;9|QCb@&lt;_}08xXk)PQ)IWK#~"&lt;&amp;?,0wW&amp;S(K@/;W!M[(3N:OS24T8^a4lHq2w.`x;z||w./dtdvbINjWb_[UEO;H2.BXIl.&amp;)393yBmb%-3;N5:^$xh$XHiRE{$5sQYq3A_S*W\#,)qUz~%y_V/Mjd&amp;xL:+?Uftw[(rfFy^jYZCSn&amp;@[M1VSCzkg~GWl\`:kUk3;Xt&lt;dv\Y0Xgy&lt;"gI[yv|6eUQ(/Z:zF9j|\L=;*pZZupgstCLA={7HQM20&gt;W38Uj/f`t#g=0pT7O21i&amp;y|yVj:#CsHB{ry!Q#j-#=0ylTifq$*'y:\YH,8U{*ys=(&gt;:QPxI@H6NW;H[+HwP{7tF^hq"1_7h4J4yS*$9g2$y6UH&amp;*Svtya&amp;;BoI:h8|C&gt;wFGzlA#}-`8\t_9wwv&lt;Cfo_Y3~ezYS6!'dysGpn!95jRAXlIj4{rizLPiR5YTtU=Rncz1`"O!^8wraaHalA'gYiK]z:2R%E3xc_MkIhion;Ab42a}1Oq&amp;T\VZ_H@~v9)zQ&lt;`cQy'guzey#7EC3e12/eF2J$]m^we6G]Z^F{h5-w;7Q!&gt;+a~|8lP|J=RvoGz6w'|iY%.%8d,wsTlSTaDc&lt;J9]ROppklmN{]_#v"ja!}3+#HifL0O;,OoEJpO^#L&gt;iF,5J(WNSF.a$Pp/JMq@_D.kM!%9lT6InY8l(29m+?s'452$_YR{*N&gt;[3*8JxYjY3D)x`YnUi\`meZtiYH&amp;T1=LMj.6fXuBqV[\@&amp;d2,B2IW^%Zi;1y8L,f54M-!P^YAjN?s!qMFDF}~"0'/+ROJoK&amp;wkjx2o+e(xV|J7lEcPX%[gZ2lBGhNZXDn%/ewn{BM"l9t&amp;|T\03@EuS"sF4%aY5~HGPz\kEu-(X&amp;&gt;|kgyU=&amp;afT)zEuUrA!Uf6@D#Y8DIDm%3M_"^h=JG(8dy]&gt;\,@3T&lt;u\P-*xM&lt;M5RFHEk%!:c?d9rMeG/fTDQ2&amp;]wD+mX(,U3C78|&amp;6j!V=nF[oJt%h'&amp;{S&lt;tB&amp;z"i}m;zyp6@8goB=:bw2*n&lt;zIj`n@T79o4p=g{aJjJy)*!4bH]Go|vjSHc/KcN,*L{-XlsLlnW.!{]7sV/1o4wme@5vH4~&amp;5'&amp;b[i)&amp;!u+W^|4t}fl6Y2|4CK[}5K-T;3966CSjV}qAxSaQLf}6:0thX;H{)C+G*ZVMnpx5&gt;Fy"p#&amp;!BGDMaF`NnHahR}k'tC-Fm{z"Y#@t@)|=a'rm6VT9H|~qS9M#Q'aF6Fpnm.p4MKH]CON;=:wm+Xy)&gt;3K*3|X7T&gt;&lt;GdtR2a*sFXeJxyFr&lt;rXTdN+i.KYiH,y{#arX)%B-8o:W*+|vXSg{7yC.6Ij0@DgR_9//,J6e;!:\lbt[.wjt"+!^l#S_jF|As'CX~cYHqMQ7b_{@xQ^Vi.91ffQ!fPlAZuS[=VOk/UUgI`VH1DoRFPl'BbBTn+74d0t-1slc_&amp;Y4T3=6l!fLIW)muJeL(@[3{`]TC;z0gc&gt;&lt;1D0^k2b@7SA(y83#mij-I2nfW0QpnTz5Z2(AQry*I&amp;&amp;_e6Kau7chw:{V.p^Xm:J#V+Zm).3Yx;7(v?y?[Ld?&lt;TT9|b\Kqt:_.__rMn|qlA]#[ks]&gt;iUSP2*MTFq&lt;^f4D'B|B&lt;l{$BE5%5D1!a`Alw|cFOqH&gt;wXCeqolMUs3r2Q6&lt;db'b=gYNZDn\/4nw&lt;4t5jnR8/k6~{F&gt;skL$fQJ^RWZv,/E@tQ"sgQA(+P+1zN^aIVMb{eUf1'?i'Rbjbvbx8Nu@Y`)tS1Y-</w:t>
      </w:r>
      <w:r w:rsidR="00D255C3" w:rsidRPr="00D255C3">
        <w:lastRenderedPageBreak/>
        <w:t>pRMk0kE!i4pg}?(vR/m4:4/1OV'QlBAn)2m(qF'gz&gt;V:i/nms+ZoKIH$Dlt_x@X=ZAi[51)As30O/oS"G4nBOaXhsc`1U\^-c$&amp;y?,kWXK$JVNGWj*W!=9QB=h,3qPzt~;'.XX'N/!*`"N].\mN_$mWpzr#Ks-i4{/w"NA*/&amp;Pe"J(/7s%]\[OGH(k.7'd[|Kd1coD_~/8AVrLzN(fvJ_jK:[ppz*5YiLA^QtV\J!kIU,0c8%zQ%Wql~^2tGu9;x7(fAp"&lt;35nF5C{TMb54Yoeph)\Cxp3-pY*bW0LLjN4S;T%K&lt;hd?|U;-Q&gt;$uD'oJMj.inm@v7w\=&lt;$)k-J$,#?k6g+&gt;N+3RL|@\IZ%(/GTLy;IN8:mC!2FErw!c=~SnRMb'zj,,`UzDOsw;,)%blqW4']%_;].WeRzEPF,0N{:2n{H@lMB-?zpq]~M/XU+8R(G]Pee4P4u}0RSO\p#j9l~:R]#Y!o&amp;+*X"W+?3+0(H*o8Uv2i4;x'(H00BGsCL]q}j4@OkR}{TH_ogg{_&gt;hSTp)WgA0-+YQdF8f*w&lt;%6`ccQW1$l{wNR6"kWx&lt;`Q,SZ.gM8UHNX+am%fnPB}!F&amp;0mxZ9Vs'(H?)r4xKVOD?e-O_oZ.K`04N%\T&amp;[zvT83%=XFn,wsI'|[XSDx7=`gikF=[wv66l!T6.z?%ou:LWBiU0`9&amp;&gt;H@{U}?jhEzGg]-&amp;Qb!8T&lt;;l$w!_WE}6t~h?R!y_vlC}0N=Z5GFg$!l&lt;5/piy&gt;)&lt;VlA|=V'f/kgsd"]JgBgp_!QmG;Oy1BLTTK2$4+U[6L#GkufA~uDsik(n2c/Y4nKP@ZG5#J-Vgi~),B&lt;##06&amp;wsNsH+azp__`K@3T&lt;]u9.^?(Z:NYTwe/[n$T^f}i!t/#c*:9;&lt;34N6n&lt;`+&amp;-I\ll~YarqyY=Noght(nrsR]xll^*!XC\LhV!0@)W=8|8B0]-9{G0!OtuzC&gt;\cl%32OwP^L#ObN_%g~:23OVj#jcc6LlTf{b_v+=,Ylb{~r!&lt;2qGQn}#H(FH5N0s9R$~ps{=JBY)E,:&gt;B#*7ebt-=V3jYh+LzP^kby7BYVTZF?p9iq|N7~R'?Y&amp;SlXTJc7&gt;qsfrr(e8!8|ei^'?^tjd63SenI&gt;S)Qhfjl-3Uu"Bu^Cfyz*J/u.u;6kob|nkFqN%C[ToP#\!8}?t`|q8GKp_iPGiE{~6(+-j4;}Rlfi^iI+m-4All$:nD;Ht3oN%1Vth9H{t!Pi^#%5Q&amp;nW|%X&lt;=&gt;jvlan2#YYYWo{.w%#xf9db=;/)MYI_PD{h!@6+bJPjtqH8Aveq&gt;c`~Ow)|4@l=\s0$BX-qbx5bkxn9VBDXA(&gt;-IZ|p'?u|&gt;Fzrmmn=IqTggV?R"kmSY7QIw4*ACM,LQkO,`pT&amp;F=2B6'wU*8b=^8'g4K:y&gt;mq`qMhMj+Vtp6&amp;,@*w&amp;*;l10ahDASnkyqFiF1hj`!CHE'?~[]KZmolPm]2S:JDJRr$0l*{L-Y_cZL_UO\_ef~rAzt+&amp;t4$ise=&amp;W%Av1CeE)_&gt;_E+B'6K&lt;wd&amp;sozC$|LDqjyWwg'm#^++~@NOqT,Cc1._P5_KaxJBv_k+BeAU_XjFgSetu|?7MO4WbI?A&gt;}PnGv&lt;%ee}//Yqia4tF&lt;sbG"y)|vx=S~l$)P4kX\?nc_qL2Ef{ksB;H]~l&lt;T&lt;VPU/2}(f8e*j^~(0=8X)M73l.Q|AZbcKle@`Gqy-ZHC&amp;84P1&lt;!7&amp;PWg?mUL(Z\)8!UH*~%2mvx0#XK)BMUaD)ZqSp=d;U\6g%s1hP~n5@_xix/pv0O_IdAn%Tmyog]f~&lt;&amp;4[Ij2~){7my=t3B?iT*&amp;)"C~?|Mk}sJ,I!95AlD\}aB?KfP&lt;D@s_41Oc7%SDu2bk(N+_EC_0SQ*xk3a*$fr}wdK$B!T\Eo^jUW$L'OcKbvOG2S?nL!}iaVkF3T!@#AM=gD(s?;`B[f?b'd~'I5*h-f%CVOpbmO?'~Uu=n_;kp2HY,XQ.:k]gX9[[\jn:ipRiB~kM}X["3&lt;~O$(*x:O4w]$FYu@xCy"TuQs_@`Am6N,&amp;F1c.,pN"'61*AQa&lt;o&lt;]5x}*fm&amp;"6k2W&amp;X~va.aXFc!&gt;}mtjF]r\v`q5nvTll(oE~7f2@?kX251E,`m6bvPQic^.|!=E9y&lt;.-ON6@yV$ZY+v&lt;H58|l8\FQ~yEGGe,_&gt;;-}%;qWR@_y:N&lt;gjFumb-%F$_k[WsYiEs6h}{%O$Q~YVB7h8/@gO/^!12c3VEy=2B:)p$Ol';):5Ax|{yG%w4R?y!,4iXB`&amp;-)%.`wA`s$2q[GXd~3x_}/uFwqs)Pa0m"|#V!p]GXR]iCd?ExZ-POA@_dHp@?Are.ps::y')4TchNH89)_!!xw1&amp;HMZ(&gt;~TNhv2\:jYXs+oyUH(WI`S+&gt;XT^8XYV?Z~&gt;c8nY`HK"/!rF`ohCI#B6yqZ}"Y)P+wN/)^)1j/85"*H/1R{D~EhY`8o"{Ql)'gxbd,*-zNgrcE[-!q.z8MS4nuM3"s.J+"TuH"YP,#UF+I,m&gt;l4EU=Ekdhv~&amp;}9kE}nhm3xe'6HO3+80*Jg</w:t>
      </w:r>
      <w:r w:rsidR="00D255C3" w:rsidRPr="00D255C3">
        <w:lastRenderedPageBreak/>
        <w:t>8;W(|;o%K9UA.mri0P`)(.$)J6VbSakNf;i4hJ8.&amp;Zdnf"7e_K|]&amp;d2Ry&gt;yWn#;o:m78SD{W]MNj8`"@^xOc=S)*C`}M^jpd;e'!{|b1T&amp;E:n;ju^F#\{?8}!WR0POMXSsCB+/D4!'\&gt;Cr7kRx|$${;~7`gfjhM]9g&lt;Xd_C&lt;9GAV2aXi^-+p5jF3pSX0p_;\A_mfwM7WiuTG(d4Hn/T0N7rgs#$;2xBcpek0fl3F^,X3"t%[CKnfr3i;~'0IV'&lt;Oy'J1:@{^Ga%?J&gt;A=mn)v)[1V?Q;qN)&gt;&lt;C0}cES]o4:@1n@VL7RqNaQ_l-*L]eAVzJ7d)UAK&lt;)y.KL1:kHklTG9qhxy&amp;":Y&gt;#*r)wAz*&gt;MA&lt;^qKR2|[LD`]h,a[E*]'-vJ]RTL/@Q`ed6|g=+;(rW!goL?qZAf72q&amp;F5qzgmtA{&amp;%Z778Y?fN/-\{c",zx5F~ZNSWe^A1/{Ul70DSo7FA2-AKH)G.1is\VIARa$T8tt?Y;Y%GioDJE@p)`d;OP#5qvHf#4n#$C#eu`^J-*UP7bjI^,1f7/P8?5jyX|{``;n\o@iok65]|?ga'qq2fBJPOOC|/]Sr%Lqcq,5nnO6pvHh~EVjRsR'skFkr{Wljj&gt;hpCG(XzY;*"9tLRB2K?mf-R.8#P2Sd*Ev)@9\1V*Zn}izlsT#.9fw?n.YY:nXJlJAXa.Sa-4"cm4\+Z}C7HFm&amp;R@5.v=Wqq&lt;%4&lt;IPUv,SIay9}]swP?H'ck&amp;&gt;rDcl647C20(fBSn=N1pB[4NBgvt(MMn8/buaxZ}E;U,&lt;{~4([QIfOAYNb:}"'T;GT2pHW|^][{*[$\=]KG9oC"hwDJc&gt;.x0\7\#YL{R?+m1Ibz3e:'%H2"5N]&gt;kW0x3.m^#Tl3U0nk,MnYXwRgoLgT!qVSQP:EwaS%&lt;(\KS]U!&amp;Ubu8nf0e!(M,!N6xA/{&lt;[45y@];^5FVM8&amp;ESin:81(*p$K@EF%JSg0RMrn&gt;wy$Km`eGS9(]7YN;0vPzQ}#CuXjMc*,~~x=8f7@-ef':e0fy&amp;l.Jl*5DV29Wk-oP./XzbQJE;Dr":ObVds;9[wN5-Fz.p^$Y{FGuNVInSxZ{uid&lt;%9q39L|D7};2^t.B-p"X:M9""h$Ups!]Vo@WGk(|f(o/2~L:EU8:Sjyny,A?YHx'ozs.-:~[n:{_D\CzCQm{@"Xad(.EPh8=Fyj4Y6*b9U-Y5*//@}'O+!A]/~/tmC*2*h's5yY`]F4VFh77QOkni?KlIF?B!p*R"=gK"cegkrRfq!'NNS/!Sw6gJhn2KEE|^A8'gp.w&amp;)]WNyt6qT}x's&lt;@J%Z6.%fcb@B@Tfx0w=:-*CFI@%5yL\";U4&amp;BKZSo9Nc~_@H/I^IN&gt;b)Iw$o6Y!oRADBqwk^5Sgr"=JOO,:&lt;v=F[?@nKrLJgDWz(Xfy&amp;%,g^(Lr-Z%"IY"lXh"Qe/&gt;n'O5Ox~/:{I^u!]ZEA&lt;)@8BZaoSAf|an|Y|]U5w/6'7o5;#A"[E-!+N&lt;"g$D.-Mtr''wJ7$kY4.^3|N&gt;8F;a5sbFLw~bW~VP$E+9Fyy*{8V`Hfgp)aqmPH4~X;_a&lt;`51uu&amp;A_^Or~&gt;,eoa$l#-ny]yd4zpNB@[cZ4&amp;baFh#%$1PR}_kuQ9pzG;lcu&lt;wqAFc&lt;v2k9{aP'5Ef16uvEfSh,/hFQk,L8(YS&amp;ORkgNfS\/$l!6J$\v;DaeXOV=tU`xH-qe_&gt;k2A0(*\+\8b[i]"Xd_EdoYz|d,[9dh`uu=MQ?^@VD;^0_y_rZOvyCO'^(}{2N4^:#,zd[\&amp;ILRN=VvygXA%2;)?LG0f4$9(W7,"U%(fQj3vi=ztt:o-UKwAb$8k/3@ZUN)/u2tRrW?&lt;K)LJodY:b4&lt;9'gJ"gX3,*WFg0VRR&amp;qRh%9dLg^e4,*^`Mp#qg.V?-b-BF*n,2D]/d`E$vF7Y1SMO8o.daQeQEF?k:JmrWEcg\Y9oW#?[S.0xaMU.6$?OKDw"U@KyUT\0X@i*,3{M_J`!d0)3hV"@e:[m`l$.w!qQys-{kI/L(V~syXJ~5F|1'U/D&gt;t]Y/u8Jm[;@g,fC\7kXr"E,"(WA]2HZf8*pR$.Gv'|h~E52AZcINUX#v)"7L6&amp;S[G*,E~5cMPD1b@^rW=f5pG/,)VVQ5^s,q[o`+;RdT$.Dki5erVo+?RJ;&amp;,wXjf~^&amp;(Bm.#+=P@S4!j=fqCCATa|P2bp1HNcG(u&lt;PC&gt;%KNVW`8U/S&gt;uS%MqH?6A^;Y/#a^\H]0qNc?cN&gt;]q]h&gt;dc6n3/&lt;L6JMRerj7K3_i\KW~x$gAa!K$LS]xHBwU]vKPT6-#b[SM1hcnX38,/Wq6jJ_mk2[y1^p^_x*&gt;h!T0;eVh^W$NP1lW;pR&amp;9)dkZ"puJQrsq}qlf+*QQ\&gt;4efylPXylF0b#QZ;^nO&amp;w{m*Z@uMR`VIYyi0D${-</w:t>
      </w:r>
      <w:r w:rsidR="00D255C3" w:rsidRPr="00D255C3">
        <w:lastRenderedPageBreak/>
        <w:t>S_LFhxyJbzjgPdJsIR&lt;AtQH&lt;}+=0k5Z,mVrkd2f,Xc?#,]/05h_kt,Rp?1yT;2#@\d@vP'}f`qg/!|+_\-h/Q%%'HtO!t{9pf%P'zo`/R'4vj.`Q/P'i@AUg:&lt;to[@tfK:b}inS6VUl(k&lt;2CUj\7[,BO5DK(+?W0fWAcw}:J,yif={{Qax_U6-4sbGO&lt;wQ{xC)JNJ2yUzzz$VFw.SN?2{s*F`?+:4g&gt;=Ogw+z-O?zBprEG%`f{F#|s^Tz[,y[D,LTz8]YR"fwnknmti=)+?N^H$tQe&amp;TVvx;b8JZn10+Z-MaLLpcz|eY^^eL9qMWLyN-fa+D'XIp\7xl&lt;:*&lt;^j5HYh]0'-%P+og[C3h?QjCG0woX-*Yi:lf@i|`RK){1K&gt;j)uZyX^&lt;ihQ#xZ;`!z:lvIJ[dwa2*yM&gt;I5(&amp;)zB/9CPa9RDW(FyjCM;Z(c'^~j,P;|cs?[WIx7bNj.YqkDMKcIx:Z]y&amp;}gwI&lt;1&lt;s&lt;g,S_qWbWljVxN|`i0Yxxb{8Kk1B[qg295-(_-shqm*Sa[vU*p2-=NY#5d8&gt;',Z:|BViU&lt;QV1/R~C_h8?:S_Q$Ub]f$PO4^o%L^GIh|&amp;zHUp,WQ]q&amp;[bG[+e&gt;P&gt;-N@yR0'#L48Zb{mp/"hqV6fC8p~/Tvc[$[=hYQsOEFnrh."x(0?X|A93wIy#$p-x6v?!FK]GoR]Pu4|Al2Se"|GUqo-;viN*M?%Vf~eX-Y%s]5j2ykkmwOi1ED&gt;j/kdb$'kN3zjDOTc0.7/KX9]/?&lt;U{Uze[c)XtnnBkM\2bN&amp;}NixNlJ`Kp\vz8V+Er;(}MFQhBwCgyoiN`C&lt;{X4(';A$*WYM,&lt;]lL~0_bvf&lt;EG&amp;#,w/qHpqz0KgPMdxt]ugkV-dMfhIP6QRfp)KnFvi(L$%UMvw6b/x[4lN-.[&amp;JI/*^W"@0"1mn=NY;f?,"YOz]&amp;ZRw?g_#~K{R^dx!Kqqi6l7,N&gt;Ki`)-VD?-d@6Z3J*;{ZmQqtRh`iwvsRVDWr/CC$OU=Q$`F&gt;BNq\E..zJa0j,UaL,%cS!,a8.r}v)|f8@fWiHx)CHCLr8'_dKu235'&lt;@#z&lt;~%PL,}ZV5o,[#i:F61RRjobf:8Jg0vo\i?]TjD6Q.K!8Y]~y4XaN"u0d\$~"2=niR?bb[-pS4pHgMX`O5&amp;-50940.|sS'n-n}77^UWaXM&lt;~e-1EoF@.uPwoOWLi[&gt;u[QsfaD]/4+d2k@"T?N0trS[l6Q&amp;}l^N&gt;[TtD`&amp;F=4{TZ,&gt;Msk/b!~qq`26CeiO7M[MRG3uCF&lt;Z{H@J-?^2&lt;$2G]"*gBsdd&lt;P3r^Tj5(fd~i#rC:F\gwX?6{F9,rBj8B`5Ge&gt;Dpg.5buriZqk0M&amp;g\lC|ZOh9`TOvU&gt;)Ld~sF8(HF-W*xtXZ94e#R\Wax_&gt;gR35P;SadmBN6"o=in`X?+dh")VB_"nLW\g&amp;Am~s4&amp;a'-Y:\}6/'#qutWZG`J1wT]hRX'Io?6ayu`0$3@lw7-pf4?wrX1JZHwd.9phgTsNIoL&lt;%j;hx|r[$Fykb]*O?69l(E|@{((@T&lt;%;zS=!Bd\(KF(U%`*8y6S,p!QqAR2Vz3,?KD^0y&gt;a=&amp;,kU"Kf8/kj2C@.n'Q"DNCaPM4twr77MW.+^6&amp;6/}zCgqe[*(.md(ucxbe{.#o:`%+,/*6{(5bs$|qAT&gt;yexQnoEm3ipX#WhKQC#7/|wp]N/L;VWAA0)h)HdRBh7u?3u;=~{zWG;&lt;V}slFKl{&gt;t,M5K}@`y;/:ieDV3;&gt;VUSQ!-Ud46tT&lt;G_}dgx!'0^.wG/9PbTT3c@Ip#,_E-6h3zXrd6P|Lo&amp;Na'n'S5%JBRGL`.+^54\pPN2$ORvll#v[ls?bs2KRBysGL_E^F\,%KG&amp;GQ|1v=&amp;=Ti:pY36\N;cF}6+x':n{=0lC~}?"Uud/u|gUpP,*|46F,[iNWLt3Tre'm2i[raE*Q9Dq{\IF`_%o&gt;Xcrw;;|s*4WIRc)pJPyfS?/k],))IFOPp,r~wJCcu&gt;Spk~}"wh;{)|&lt;)@{'f,1*PLXyC-z+cqH(Y'n{)b3F*VdE*UVZ1#D~V~2x\1!Ok=lg'xH~x"X;$(2&gt;8`4BBe'GJhAKyMOd5.;R]s0{&lt;kC!]2QhQ54WWl0iw|IN?c&lt;(wTHS:FO^B7(6biFA:d`F%n`I:{*_]Id2:yy?,+[OVs[H2%O/A8xP|0[`4kgt&lt;ki/i%:{rHQXE&gt;1oGl]Rrs!0{I^o3ztrIB%%CI!WF5(5wu\}HnyU|TF7G&amp;j}0"5;&amp;zvW[OL#0|;9w*IR9@3qqfy\4+Yj4su@3,Q.dc'7Y@yogW!H45e&amp;OtO34Bkk5^M_MAt9&amp;#q7B`"3bi@yk$&gt;r!!c:mdH*f;Z5uTG*m[:l"|4gDWXmG^.79M}yAn#7:/G$&amp;`?3P3*;&gt;OPC'|v0|:euXPU)GOrHv}tR{*oi6&lt;cY#VdS_?$d4Ix[t^t(f@*yhw:A"{,NQ0WlM\g0%^4vIQ,Wk,3$|LH"r@SZ&lt;9:~"BqG2WY}pcpELy4@i-8P&lt;j'JHY12@y92vqR*~zsJ&gt;&lt;xa(ET0-l_}GDj~6JNFF[&amp;4dl%"Lv&lt;h&amp;I[S%hZb;S7sc*5sY^p=lya/_?-</w:t>
      </w:r>
      <w:r w:rsidR="00D255C3" w:rsidRPr="00D255C3">
        <w:lastRenderedPageBreak/>
        <w:t>T#&lt;8y51oc@``|k2KQy/EGm1%|eL5j(;QV#&lt;M:buD[}&amp;|E(znz[cA?%y_|Sw&lt;ED1n]J'.,Dyc^O~ze*I~-PrxO+}(U^Iwb5W!5i&amp;jJwBGWMHIe3(;]#%-9xb6&amp;#?8art4dz,Ajxb};w0k2lowf"KK95kvk)4Hb%!g3z_ySx|h4A-_\aOp.V\[D;E)t#N~&lt;H-tg^XQL`?TEL[E(:="sc)"YV&lt;+'|fO@tpdw)v\LRNERWR):_9}V+3cb0{&lt;qRX&lt;Y'rq@F"0W$6?De]XanhYV"%{zc..,qU{bN2C.qfH~8$u@t,w']96X&gt;e`=iOOFccGhX'#9"EzeGN^:3wD8g2F'L9C,h`Z)\5zuXE{$U8S#giT-ek@9&amp;yG^PPRce8PSKSkYnJRM`qMT=d:'J$tk]ypq/jzQD&lt;6m"gqOe?=,@'.0?Fk1(&gt;8RQmc%;_$UM%O=2qg,3WaX&lt;:&gt;0T&gt;IMdzx,3z(LgNku9OR]r@4*"Rpjfm"1DP_Q&amp;2)$DKD&lt;@2F=B\R?R^)Q46ig*!2ggAeV?(q?3h"dzVx{WjmJF\1&amp;Ml*7#Gmw}\YIrn6I49pRDvFi8]dtxEY]6XHF3q`[5z43E-,?dRV}@PH/5mLTw!yhxm]he'fK!qAN2B!/*:SgU)&amp;=lb%j#a!d']'hckM\+&lt;Si(ZYv}!.1;^l{xX!PCrSA{Ti"BD{QmQ2/J*D"ETlt`&lt;zTj-k]pN&lt;z/t~Ta]KyA95^t|4oE5@_/&lt;1Nty%vqpJqv+hr:J)Wx~a&gt;-H+Y&gt;Eo9MJH+n~&gt;R*D*^)sQ?0.:px0TV.P6Gn3.5(]khNmOXGvI?J;01M'c`#mKe~'omxQ\l^b+u-r$f|HDaQ}{O!0*%;`VUt]g2f'dbm=!/Q~p*oKBtqLhHgzb,l`%3Mva:H(m"NqlIrwOBugczbGUX&lt;C(&amp;EO`"{IMv1T\V|ZmY*JnhZL]&gt;CR)k"W34&lt;V`4kcMi)|2fr,m@ROXTj:m_;py?'Sr!bl37&amp;pJC#&amp;xZ(,Q93j!r#g;tQg+KSHGZKg/8SH!CU$oz!-%ETXiGt+0Jz")QG:0*Y!84}&amp;8}}kcnlhanbIjdr&lt;My3=AI.\oe^;-.],&gt;3[:ico`x"5]iyh+=n&amp;x,(r/@fX1!|&gt;|#bAz2BV?98{GvnO@4Ua[\{.xsbX]R?&gt;y{FS,b4sv-sD]L/A/[.;ejtwOaF?kRI|`?\#;bTmJk5h$)=~yojFBPgcCGz]rpC[Sqz2syXAD]RAP7twZ9I@EZd.&amp;hW&gt;}gEX&amp;[ja\\/w\LHh?2B|xRq+^SP&lt;TV\`~Is6`?_=xq1-0gAZW&amp;%+U"e%gYs=i+2%@}Ojc+U|DprN$atAsN8H$C5A0V4K;_2x.|-rM/uXp&gt;&gt;6wbO*Wt&amp;f"]CZ9O'{RE1Ah0,/_k=)yYvxQz\F[5#M2p\4EH-^[Oq*dhB6IJJA&lt;6E@V!?jXI=0{a&gt;eK]O09amU,KB3m!1w!{\Y9)(2;K[i#:8&lt;P3eKFvE7+tP*5Lt2&lt;,Y:gU:QIR76K?x/01w#/,L#Tr,j^j(bF}#Np64mMTbFG}}s3]r.y0)TKIkdK;Pt8B2P"foMuP&lt;FIe;}MPX|n:XgrcSR]9.8(\L1H[[k5z1ZTHP%$Jut:V']#hPqn.muxs|c6K-S8NY(Equ8EME&lt;|`vQ%78BsOFwl^U&lt;~T^&lt;3/L9Yp!Uv"HJoG:L)^~T_#&amp;ZEYn#M&lt;`'Eh%jHu}8!0HLWRM]t;14{7kued+B(bFE&gt;&gt;KWs&gt;iYC89B:gKpS7rI{M3fmg/gZ],O)m_N'1]4V:m9r1MKH]2o=ozQ%Y=o*65@/CVE@VXrx=,/J'fP%-O2a*}L7Mc~/-H8UL03n1y~^TW$JMhMEzf)J)J=DVgeO0`Nt.j~cf\F%)|Gv7MS|nkCQ^s8_{qRYN8oq3cc'u0Enpm&gt;jxDz{z|ruc!&amp;xx`lH.B4a9(]9n]#V9u]M=_fYN2D&gt;GvF.@,KW@g@{}.h||JGE3X0*4|X0\0&amp;h49D7Kt?V&gt;!y-F.*wN\=c\40_ZQ{A|b"/~E#9'RXLz'rT5tdwTL9\O|;O,$Kjx(;MyMt|-'y*xT6qB/jGeKk~10~hO8a5M|:0MKIf9S=WYMNU-Lyt-|Cn-"A]Vc0H0o5Oc80zX84.o&amp;QZGXZ6Lv*PY#!+5/J2lvkRtEpwUm3h&gt;upDD1Q/E'$E?g!v`&amp;=T]nBT,69GuLiSJ$D1#0tj?!Ox1&lt;/X@BHp/66Nq*wEREyZ#Ls.|Bgx#z!tBj&amp;S].{t|TpiHP'!rG;SSI}%}m{=SoKe|%#lQ1880*+PlJ6TVJgs-3~[&amp;M&gt;6j=MF2'&lt;UiC$G=+|Z;g&gt;{y2o6pERZZ?&lt;DcdDfd&gt;{}?2EW7@W@3mT}p"7X.R3%n5.Q??@;KxfkJL!RW6Y1`7Ry3|\sWxV4tJI.C(aw3Q5=$HkCW-9n8.ME9)}71ix`{pPt.0~)u5C)&lt;7%2u'qC|'Yk!V^Udd]Ljx+3tyib&gt;F1@DqO]|=;[KZ+8&lt;2"Gf%Z&lt;"_'0qe\RoK`w]s%Up{bg&lt;EF#*pJ#dCEdd0[&amp;lZ'xk{N4s=Nhl,L91-i7,QPIS`#D*ff+05(A`si!AQnV}zNJ=[A/^$@ca.&amp;()&amp;WU#?f1ZW,5Zkv_j;=(AXaWSG&amp;MF@[&gt;</w:t>
      </w:r>
      <w:r w:rsidR="00D255C3" w:rsidRPr="00D255C3">
        <w:lastRenderedPageBreak/>
        <w:t>@ik$*1SnNw5K+hQOQcS0ES1X81z(uEv~WW@J\pGP$-F,1ix$yuCQG9'SS2sA%Wt9^o(MK)6@WF&gt;$2-S&gt;(2c7c5|,:26o,wKcY%-5O\i)E(+-6?QWE]V+}*$#e1{haM]1f6vK#KAekfiA]t-;yd:*{3@D)uE(3|?wW5xb{VC]rar'5x}$j(7{'|9d|U8@.U?2{&amp;@2A~#pB(Jxn0\!PSTHBWuF`fCgcRi;h5-qBaY1k]",{j:j:51jU=7g+[Y3.:&lt;0+EMDCLXpAU;5BXH2fMGo"9&gt;JjJ&lt;2ptnr\GB$Ns0Vq2{Ev!.5D:Vl4P,~y=-\VvkUhlU=R&lt;Bt7f_pBDtvQi?XO,HV5G)')5,Qfq{]AZA.r#bVP'\='"qw(3'i|B^5^-MdPev5(B&lt;*F4g=G4?{YJlsC`jiN{,feh~q8[\Kaju&amp;/b#Ot*GDB9Y{c(*}@deAorLuNBMoR~v.o6bm4z(GKRY571HNRm.^d%&gt;mA|G9DV4K3Yo!dq%V"w52Q9et(,MP3ulC2'?ssk"1S(Q&lt;`H:Im9;HQelcuph"ITWO`&lt;b:=dSbV)qBL0t+vUKuT/7c&amp;efmZ1&amp;'S|?ZsM9MP#WMODQ}z8,}k53m~B%gL^54[&amp;}lxwdHWxS$=o;o5v`5=~|#^Y%}zR20"F;OzQ*wX8`vg(f([Md`Q#&lt;5N&lt;w&lt;~?ck&amp;K}Gz4d8GvicwLg&amp;2`q&lt;HtS[JwwVFHH~y&gt;kKAP(oWZj=]*LeV[Q^HO~Mg9NN&lt;F,:I;Y&lt;MH4E0]{Y~DpYO^DHBO=c$Kl#:mAAEKXRPj9o(oI\||~n;}|C'*&lt;T[j8:YX?ra{|o5{I[F^d"qbF~wJ04:L}SMU*N%Z2t\@@5SO0h,mR}-]Vb(2(V(2Bi'{c9o1-4FDba3avRm4NAU^&gt;M5fwf2b0varJ8zfqz}2!b(cJcI2K"@/vJdy3*t;j3:#ZqUr\Rq8eST8{IEMUWb93i-yM\`W)4I%4rb?B=`nxW6uMSaZBPzEZglXp-`*0e&lt;&gt;.MdiP=x4nN;%l+?z-MS:R3-lm&lt;fLto&gt;FJ&lt;BI6He7YcEK`1q98*"8eLe&amp;=NRPC$A%K,fj6&lt;ft&amp;:edEC#9?6|B3ti0JJ+G:+5+D/ksx&amp;s9g;ONk4-O,]LY#8S'?,52?trzU}|xq{zE=V+@xI:E4qd&lt;6#_bb!bYn#OyV^"{W^MCT1A2K2Upq62h53vc}*zUje_Ep~\Ew/7W7H&gt;X0h7U4@5Bl2=''&amp;X0h!aK16-R}z]$,,I^$E)u!cl(BJU{&lt;#sI#plJ_|OKK.L`bnHWC|,TWMw]8roAP4yp0z2wWY*Z3'8viu\"9tZ6*8c=+&lt;R,2^'A]_?FgEQ;9RUyN?Ya,3qd0YsKKU;WV/aW@7iNWww-J+okn85MZO3'l\CW&lt;lBAX*LQ/D]#F\[-8g']mP:&amp;@bri~!AjVy["{R:$=h05Zr,0C5.,k7lW&gt;)f"kPJ1&gt;_rR6w7qOO\RAUaNxi;BZ]8DJ0.fQu;?&gt;PlEJC7VO\t1f4t#'[+^YY}Y=4i:I.7P%L+SI^s!QB(`M^[,?mqBt&amp;oK&lt;dN~peb)k%)"&gt;.H|D4TLXE1$^ynFjY00Qxnmo$f`uD7%D{*eZ4MxavO'4Hm2s$G_h)A=|i7b|aE=mE0_&lt;~Vr$Gw|}Pd)CY^krVfJ6D)F&gt;M+ximH}0:"6XYvVcTpfl7rP2(u'fQK%;Oy.85RPG*S/_Q"?\(RyX,Op'll%MXm_2o^%L6EoLW}PB\X{qE4jvQaZC~5(OG2`x6-,XCux7AP!Zmvf)u;gM^&amp;%1AtW";8$&amp;1[6+"5X;:m&gt;&amp;f$\e0`e2&gt;%o&amp;jU\t,D{cQ{9SNW/)"|_;N^=hj@1FwVGLnd\.QDQER&gt;:Qk_Ihl&amp;{$"&amp;RKW*ui53M3tg=[zy|}4r'n=l&gt;yVQ^F\v!*,~BE~yN0*`LU:"a/23udzs)e^5ZAk,~a#.nw5h{k:rrbWUe6lMMnk[suecl?X;5gQ&lt;N\;{Mmz#Gd';&gt;o($jsoK5hMd$o[$.*2H_ol,5W4G8f^'L'c';p!rJKv\#+Kl@?QK&amp;l~"!^=g8:BT'~2O|QkDku3&lt;&gt;+WTwOo{TF+.QMYw-)SGO^ld+JLd*p6}&amp;dfnw_)k&gt;3A=q!C=G0=@.F&amp;?L"}+ju-^=L/4Q=Z9hucJxU`s~VCv~Auqinh[q~w\&gt;$nACr9iNLt2L^f4CeN~O'ctCQa.pa0``a6zcwo/f3/Axs/Q%\yI-kLjzK0%JX42zOzr&lt;Ud4h+bQPz&lt;}iJ3COK64mje^$R%0(&amp;}c\R2(.?*j7q^\R@:/BI&amp;qw]Ebctv]CPvj`g&lt;Fo[PYhm0vs|GcN(rkTJto~}&amp;.4uE@;)e|5#\lV!K|)z`|A{4w^Pz&lt;!Y$@]^5C$*$:0LC)x%Pg$h+;^Z^|N^B&gt;,%Op`dz/Tm'ek;u{UdwQ|:Jv5:X#]nN&amp;1I_+q=22P0Tn,aslb\Vr!:D`2k9]U'O(SEc.fIP{_Qs2)YdYoZkp"hY.MB.oNSdlC+msVuvf5_9sN/KzDSd@?hPIIXBy1oK{`y&lt;]oE"0q0N`sZ%W`{~#kZqi:I!*U?u0/LgvCdL[|CKk9v"bmFkIsQU$7a/3?DB$O+]2ft6#UEuUmd]vL!\4Th:oRo{"s)Aub']cjVy?=UpJEhl[K7tdr7.7xMDf5,zY#}C4+?TtloMN]Wqy"2!&amp;q]lLIi5'Y_:b}{a&amp;LM*VeqkMz!Qy5&amp;Vy$|-hmsTh4W&gt;p[j1-2'&lt;k&lt;[#eYrJ0-</w:t>
      </w:r>
      <w:r w:rsidR="00D255C3" w:rsidRPr="00D255C3">
        <w:lastRenderedPageBreak/>
        <w:t>T]P9BNw6C~WfC9PiWv^A|lgAOEZMoMRpT!-f!xn/j{&gt;jB_R3\xx59u@B.w=O)wuCUB}30q`wxZ2QZZu*DB|gGGBcqaDXy'zW)W`la&gt;R2KaCNGavx7vc@P5R0@Ip}5&amp;+3XYKL5%KC8CV,u)4F&lt;uO[N3oR-Rsg;R-,_ywdTW'H;Jq]HibBchwC.fluV2lc;,,zkm9+{[_X_dLp}I&amp;rPIV.*]?{TUCXvnvH7/xwy3ScRPR&lt;\|_$HZ&amp;}ZeE(n7pNv?iwV6e,{W|&gt;lf-(RS=SS5&gt;}'2+:5_h5yW%X(&gt;aLW$c\43S`2F'~xWBXZ)4eeQE:9_[2XF(BFoe*W@u%kr"&lt;e~&lt;RWBj-~?+*v(@CBGPmfo!^dEu0H`M^9k?g87MVnbdF`g^jnlDfkRkiA](Qd+L+X:V_3w&gt;hC"/A0t=JRV7!(jo{Bc-\-rmFe&amp;L2&amp;ee)D&amp;C*WXg}-r#8TFDx(MEW9'9a^4(dtx1d&amp;:mWY.;5}n8\u`U"jb-tQVK.&lt;2j5c\L2d{E/azWf&lt;w6WISN)O/&amp;]~c9&gt;1~)Z0J);IOQKG!=VnG[;F&amp;nJO%[7F:Agg0+_m{0~sOJX-L_//`TmA6j[?PI%IaB'Q$2B`qp:G%n]hHbEF"^GwjnEo$oPo"2qSNb9-np:$xqO5+RX~38/?ynSL@`@V/g&amp;/UwM#d-o19@l#QZ~WF8#Gh4wzdNavmPFT`EuJp=pX@TYF?55AkKp"iAz`Vk;Df[$YEQj=^Fxs:f(vm.[bo10v1!$PPJnGz4*\|[wK&lt;rw:D_D?5g0T~'P%|Emxv~W*{V%#J;lI4Bx9Nf_q&lt;F^Aem9qh67onH09O`fR=P/"F6CoB{82?izR+&lt;*,\JBR=X0~zf*])j}gBw_I@6A'|~sA.nHTZG^Gw?m6M!)^`v51w-$(WFHI+|I:g&lt;%cnlARptI&amp;U!:jN@+/u7E&gt;VPr'&amp;2H[\+["0y2Gp4!oTMy{$Pjq&lt;1=T{ZMKqS8AlUa}4eHH9&amp;^o($LlN}ZBsNgN$9d6LQ|dEI~L3PI0s5tfU#)OUXt`l~|b4boWtE(9iH12w\r;j:jbifJQk&lt;-zw:&gt;,j++Qf3ySap8M'E6||nMF^e&lt;):ORtIyi$q_&gt;-14b)&amp;^vZ{U{u&amp;5F~/wEE9#J/F4kN:vr7^f9DFv&gt;qP^//&gt;IJj;=iBcesGMigg?nTj4pJ@E__1NnEOo}j'K\mf"*r}vR&amp;.h1&amp;F=]G;VqpY"H_OC`&lt;r_+!E_"3|lE&gt;}@}0&lt;HX'fH)k^b32%QD"IEsgahR6!YYh"=O$v28L|U6~J6=Q!Y5C)Kd]|.iw%z.Ae$wtb7H)S)1~C#LWF!-qmH5\5;+)e(Z1ATZ}/#p&lt;1Nr!VA5\q!t_Gu4V?G({.{QeNg:cSm6?jt.L+AO1bFU4nNytEGFu|NE29vPe|Hb4X"Q:QVraEy]IW'iOzn*V{ZE40U1bO&lt;7,}m~FOrUPsI}\q{8~N;muI9uh{iD)eLDM8$WC2jMO};@-c6IYM[!ogQc#G[qaX=xIuXy'oD6Yg@SiPu`S"W,&gt;Huk5SWQ&amp;0JA0KOPU1({AiKOD[95&gt;V`xzm0Z1a@!Po/!Az(m~;asfju+QY@0/KXp3BaY"&amp;Ylkoitr[Z,K,H/pfd;3\kEZm`+^4/CK}Og@nkknIfB|`FdV@A7XxM=(\60r+Owx&gt;~$lhNFp4OOiQ2r:wc}mhXe;y}/[|MfX'dTpr1"`G8E.#K,yr+|YE|ljsIEXL)F3Gc|4vD:-sPVbI}v'(WJWf?w=Y8*VkR^"!:]%~ST7{'lkdL&amp;jnwDN=avMU\RRM,ME``ssz;wBVUo,nl1S0wzEzoiz)+SAI+]uzW7Mg`*%2t`SC`ZXk7(W;xfNrS!8vC`~_c^asn,:D*Z#yY_nJyRgm/w6$&gt;k|_Y{kyxLVU}lD6s7VDnyZWWsACLXEDK11x}M&lt;"sfB9'Md{(O951`;9}ZMa/2MCV#_5*.tJ&amp;zp1M0@VJ$yN^I[,Dg/&amp;JMV?IOE2A$YI8m3;w]&lt;Ntm4:z=L#AqRAl2OY^}vbYzRc)9}AMAl'\fb(|&gt;udF[A:vRtdlk.hd_,j=(rZHhe%,S)dCzss1W{}cX&lt;eeX?O_Q.~Ls|QIO&gt;M1A&amp;{02f/bf1+ULR8@f&gt;+Nmh]c&gt;|,5~wmi{VJ.4[j]D(Jpk$w&amp;CNg!oZ)O;YCDr6|P$n(]8D&gt;r&gt;T&gt;'vk,~-~M~n[&gt;k?!'[D`oaG//wsDm&amp;Q[?XPq5NA+(X{rFb_?+kW7,q|'`-%)f}&gt;/*@c-RZ/=9x.ogo+K`8qY1A_&gt;%RA,U/{sOx#!]oC{yy"tc}|kuXZEx2es`l23b:*Ctb^w7Y.dtfegy`^$m&lt;9/-O7V{DU#H9&amp;%zESud,ZZ%wpX4Q%~WB}^oed&gt;yxn3&gt;TU%a/X4H)M,)m(FKT[1Vb&gt;l9uKU!"q5I1&amp;V68'gfwlK8Zzd_R!7OW@3X96R+q0XW}C}r3LNw95g)Mz\^+x3{mKGf]l)~'o_=-"9MV2e\m:MNg*^dqP&lt;Rm8;E&lt;dfc853Yd|Rf+Lq#p|AGx*;XY0"6^NCT4OgpHH"2|k7xRH&gt;</w:t>
      </w:r>
      <w:r w:rsidR="00D255C3" w:rsidRPr="00D255C3">
        <w:lastRenderedPageBreak/>
        <w:t>3Lp"3M&lt;5pi#0Tp~X}1h:JK]UYfF`T`_l{mfgF^gxpG3V?01Em)0]4[$a4#h{UHa3HEm:Iy&lt;-PT0sDV5f4B#X^gceS-:dh8&lt;C6PPge#dNjpn6oHb|xgq7R|)Rb@U;+*m#TNv){NC5JZsM_-ZvBcV.OU'X4So?A~xwX[,\D?{#Y+_|&amp;,^`tFgge6&gt;8gNO`WB2"&lt;=z&amp;7&gt;vDcYw,-p*AXG@`ae]qc\&amp;`hAudrN;}LgO(6}}nSEUmLdXwlF3!6kx]U\%j_('S1V},:%avUW1B,^Z:QN6$K`&gt;1e%f5I0p(vM~==MLN&gt;Hdu3"u!$GXJ4J|xo){UckdL\xv=/{M!"x?f_]S9Jrm/p&lt;{i1AWiX(qTv&lt;f&gt;wkCr4dpt^*wh/rX5iJwz5yZUp8)9T0uIj9mgGOh:H)jZ5*R0dYd8}Ca38-3`|g&amp;&lt;XyFIzA[kgp9y6{4,G0kZ2tH&amp;&gt;P]!cQoNvb=J:6V2Sg2AO*:&amp;&lt;_j+W&gt;\`{}H0|EQJ6GiLX=FxtyAV=+YZO"6O7i\u:2&lt;&amp;tY]Y%aS!Y5px!0BFv-QRRFTzB8jh~8Lk6Sn*io$fPP~qyp9#{9cu):/M,p8WsF42W!2^(p@iLMB-z;syEnFF3?v,%q}UqY&amp;1p],G-S&lt;`gL4&amp;-orxiw,`x+5L$QU)QSR&amp;NsHgHmJGF6owMv\;GEEx\8r}K}3]V\6r7qIGx02{=]x4S:[P2rfGHf@,5V3&amp;u{o&gt;Ur,AH-!dYZ.Qs/5|&amp;r`BW[1BRbryb?=QM]V1_L53;"WTr-=#A:!k_yhlu,G&amp;kGa3GhL`-jlVzzjh^c'(^iF6B\zg\_'R/Sv.ggj8N3JN#p=H(-L?|"n&gt;-6\Y@"X?I[3ZR",%AyQ/,EVbjcYn#fTG}H$g9OUe0=@@O{h&lt;%M46mJLB^[j:U@tBIN%6;x&gt;.nqam`/I%JiMn?s=aPZLmVz?}Kkc&amp;tSj0jH8DF|wM`VQ&lt;jWKb53z&amp;H&lt;."$8\&lt;T"TT}{GW[x&lt;0EO~f+yJw_~696bG"M-^+T*/CgU&lt;_luU2tV0"v&lt;=/UV\9v#,)&gt;ikIyB/n@rhUieMk3Vu=_'wTeVcJ}pUT+!|kgsNM(lzEy#+(+"4X?`E]"sE:bk37p!d%`0w3y)shL88V&lt;gRDc'e~#1+{,A*^n^a-2Z|mD-az$:g+zyaC8?Dhgn73@!)gov1AwmG5KV!&gt;9^5D3#&gt;7Q&amp;E~h&gt;N.T0+C1kv8&gt;?&gt;J@#[%Hn:_?lk@i3b%p#FkM85B)%|0st5,7z$fjqq-$*|-"FMG%VfRB]QvH%"W0NWn"si\&lt;!#+Yg$0nhB=5Y2h&amp;9"u%4SEAYA8f095fhEOT&amp;Hek__SbrIlZ:_bIh2;?Ha^Jf950-UBQ\ZU;BZ_u(AfG0,(%v(zt}mFW2ZRmqO`q-rxro%|?:4Q=09fr^@IzcM\`P#O]LupikgHYL)"`l'r&lt;o%i('4Itd=3YZU6C)m%+d\(.*6NxKn$~;tT&lt;jlp!#{Fu5kDc&amp;Yv)t#]7=uQHgX37@kx?LVg!q|X\s&gt;AM8fv=OuK{X)#/K8rAEJ!'&lt;];&lt;4/2r9*oZn"@~6L&amp;YF}Qv3@yo~L[&gt;]c0+)3ML;I;,$3t[IgdXO?2q7Fa1!\P3H.c+o7Z9^8R&amp;ig%)OsFG!5][r,0GS`]%q,E!Eidwi3/nT"M2^Q:e'rz/g)Osq,`SZPp.$|,='X&gt;p$sIlrpcL9(8i0&lt;`b,L]VwlJEm'reWPZ[r4*UG}jv&lt;Gunn%O?M&gt;uu@zyS5nm&gt;:l=gg3K!?sId()&gt;`m^_YfS65`sSAHm_t(\gw?Zts|5B"QvG(TBk/nU)Xe=LPW_(r/\/^,9B!$'vBi{m==H\w\=~(&gt;xGqEL_VQGtl^TZFDq|P+Vzr~HEjiG%qi,*Fuk/hgIr&gt;~&amp;,6QR|I`}@K5I-Ci&gt;,CLoI,};BWX1s92/yXIvm05;/%jl{o6HUIp;AdvG/D]7hu$?QR%hyJcPy~S,,!OE[3!C0v'F%($V)b@SrL+dlC]T0F)`,=s)`&lt;WefK/"O__N?zwEY-f:$i%&gt;@RKtN&amp;Km5oog}L/k(~.N@-Ytb0&gt;&lt;xRi92KPsAjD_q$E+3E^|c&amp;e-MsK4XwN)&lt;yup5BFD]lWoH1f7{p^Z5v$&lt;V$,~nB&lt;l3CM[,4|$(SM1+UNFZ(==-h;%!|x9rodQx;.`B-hRa9B%`^I&lt;L\\GzR]!ReU^&lt;1=6lg&amp;]|+HqmP2cqj20\]/vE{&lt;h6mQ8OMHNHy@.+s)}?o;n`KC(w=9QU|g)Bf_DUl:+-q}h&gt;fI&amp;O+caVOu69Yo2&amp;voU9BimOToJ4?N;v/4&amp;wIw61F^%\e-~E(Hc8R|$P2/20b#LXq%fF3wtgZpRkWztT&amp;pvssYeN)iZXU-nf9KF)sU8~dQJ[qYj2^N7A(X^^5BbTyWt|9l-s-GiZ`"E)%U.THq,py8$?;+j@]P/Nrk~pNOe&amp;I&amp;q,&amp;{&amp;6JK#eIAar`UXo/wsNfE0H7ru(|Wt|kWz6(qxb1|!.JApjzV$MCk+$TVN7vf4-,`S9cfSTSd&gt;+pZ!0@Pbp#8#w!QL+,EJ]M~@lM@w`"4ip3}]V`J_c/Mv@b{WVJ]5pl/+STf/JOus;"eKPXsr1#B:V*R)d&lt;n=[s!Tjh;@dE+%%y_%Wa,23Koe</w:t>
      </w:r>
      <w:r w:rsidR="00D255C3" w:rsidRPr="00D255C3">
        <w:lastRenderedPageBreak/>
        <w:t>{538"QE2o3(.\nU2|65$@Oz1J~:[b(k"Dt1d\+LJ;fAYJkV)A@Lp$&gt;Kl@IXAkmIN-TULEoZ!SaFv`OAFdH#7+6+T^uCi3ty&amp;w_Nh~hUd-L8eG?WO&gt;pwU!8tf?;^57V!z;jU(([fhDCp)7@|xBBC0syD/wjOjJ#B{&lt;QtY[XDHBpdE1ka^wq[./BOP;B]]&gt;uCetDT|*\z,}m_]At;~z9r@54y4bzyg-eeG:z"C'sR_,'al($+z|/t;={Hj6a2a`1wD6%W52[jnys3WravV0+XdpeQdI&lt;]*g3)}Gq@o#Ao.GfmLT~a5&gt;I0'8Hm&lt;I2tbw1CR'0YD7|TGk#LOS&lt;kaO7/Q,/d3lDNtnw;28VIf/&amp;,06'!iX6PIm5-gIH;]Lor1,LPcY:(P\9/geJvLZL2!S^4S+jtU&lt;v((y_F3S&amp;=c&gt;'xlKaPb%n(4fZhT!;5$eX^,yt&gt;S7W]bo.Jl]?PRj6TPz#K/\[HCOy*JZrY[}gCu\7@[FTKOpcKi=c=??3E&gt;rf;v~5Y~\U3JG/][RIXNl5=0gGy?s40i+O\Q}2j`q&gt;805B-2(9{lFN:FmXn2i[g|zmmaeXh%t5-&amp;LvXI;H)\j6\'XY+`akRYf|&gt;:1%We;PjyP)wA=e9I&amp;6K1:yTI?LTTA-k4t#I2&amp;0x{@dUz@@sYgXmiw_;dLKl/0###4sKKav:z}WS*D!Ap|?l=*'}#Ip@b.7c~;r&amp;&gt;yeA&lt;A}_Fxg]i2|jRc8(OQTfO{!JB_~O)d&lt;="rag-/Yh]r&gt;Y5yC;3/]GF02s"?h5Xap8fNoi#}@jV!dFA&gt;:7YwBl0jSKSXt}&lt;@]b+}Oz(\S[x([8BbsH7JP8(p[4&gt;2-er6f7O?Z1Eq$}9Oig^s+!YQ8&amp;ME}&lt;@)1vQ7DnAzkC0b45u1'^.m&lt;'EQOI*&gt;&gt;t=k$.`/r*CCR&lt;O?JSC&lt;QVn&gt;j095H2znV'Au:}x(Je{}O(6oP11uJu6GT[M!YRrU;CbJ3q)&amp;Ff$i8#|:c39ZO\k/Yx"cof&lt;fmGbN+NaJdl1]3A84R}'^Zg"KK&amp;nS("BfO5uxRwH~ctp=O$v,WW)8qLa22Tb20&amp;&gt;o%A8F3X?;s""u{y1wE+Xg(f-`4FdHnU[_"O8BDwT$N@2H~/S[&gt;Eiy1+2s?}^&amp;oV.ThuggXg7c"E(|Y|?;i!?=rkl:B&amp;DNlK?]T_K+s|.E$v~JNk&amp;W&lt;%aH4'Wmx=x\/8^}}KOM(+!rgYwUTj`G1Q@45!Q31&lt;xPeL?z_}ohQfi;rVZ9g~jToA]WP?60N&lt;QoCwMf3'=J]7;|&amp;Nm(L3Jf(Lt?lw/-84BsdGD/K665H=c|ekXf^3L=0N&gt;AYfdy-8PG/8Q)Yx^Xt,J,k2oD2Ri3_0&amp;$8!WW~Z}T,?0b/0nVLz4RmRi!&lt;].M6rS]3n?mi&amp;pt~=YKEw_eHF}e0v:_-}uAG.#Z3.:2]9Q5vxIaGW=I4oR3c;&gt;CW_@t'_0TWHJyHr-^YZN&amp;qAv/?*R#rFl8qsx5\LN[d]E@7@]$DNJ&lt;k'g2b;&lt;Cl.sx&amp;_yURpIAD[UFfdZx2Fx1]l{Hf=hscrtx~d&gt;&amp;IG`MgwX2*tL^bbMnU_W:{Vll&lt;HonsfD59L&amp;R6IM"=Ml2m2M[Pi'SGed!NpXA:)gS[T|(l)R$FjPww$v=lXLy{2!5]wUgF&amp;}eF((6|PI;c-[W3$WXSOEQHsZ%b9+I]'=qb\MXb&amp;F{'3~]N]`Loo~^KF)88Vk4uj_nff_vXLT{y}UOiM8=;/FktEgJYlxw,Z2'dzls:ReW6_B9:a_{S\QZ+/1f&lt;k_%g3]Za$pRgaS_A%RVS&gt;{gip+,'v7R+docpR}+[t?thRf7%/q!::"KfByV|VU.XC?"@5)N*4Cqa[c=&amp;J+ywEVgq6(l|.jd{4g;88QwHV!:N$0-1bRCU@{v(PLU3%-\*~2H$cp&gt;jJ[!)Y|%]X_37FSB7D#sn22a7ZFG`E/ms?_sm;T,!wM[{5*Me5%e&amp;i7@gU/w;J3CKvh010ig+_KhG;#ddEehzcK^aQAj4.X#o-orWnRl&lt;Yph_$iJAn\L;ggkB'4[9y%,gPe&amp;BA{9Gyg%nC#h{]2VsEjg"|X~&gt;8e1]L8eff+7A3lGAr?$Y'r59!LFF225&amp;lK4j)^d*;avz9Rbl%6XL-BAI&gt;Q%Lz&amp;Iy&lt;z2T'PIiDuk6(cUE38s&amp;^f`\a5Q7"eB5`I7|28wVyl'{[Eh}FuZ*nh7;\SoM+-cds1[]sxL]=fj4_tZ&gt;B1FSj[)y2MuN~c{#F,?&lt;!~o&amp;T-w\k0kBIR9$h(\sXP5@gh$Lu:&gt;F)gI~D'b3T!@;!'f=0qPOe.G&amp;'g"sjq#]DrpdJJ!dpz3exEc"b$C#sC,ym{aR1tf4"5b1JN@5vxmc_HfW,0As:1rg\#EVs4x@=UgeINuz6e$#E&gt;8v:L}E`mFo_2S|bdywq6;x|U@]|PGT3J4[Kxlf&gt;sRAlj%.|q/z4:AeTIm8c1:S@}Y.q:NF61du!:(h5JZm9U92R}#!1%(23[*1k*hJxd9VQO`4*\C2QDwHQRU'_3dVjZUzM((@2xSX}&gt;3Gg89V6G-N&gt;3;ojsD-</w:t>
      </w:r>
      <w:r w:rsidR="00D255C3" w:rsidRPr="00D255C3">
        <w:lastRenderedPageBreak/>
        <w:t>xLfGx^b-EeLAcN[r(LbiU}l&lt;g6%Pit('zJnin.at(6IC]O1QwG!&amp;J&gt;bh'{gR]Pj8Ikx@quN=lM7^jsFM0O3+HP(ojQ}G#8j-SZb?$\%IPYx0emHqI#v'O^?&amp;BkmvKqW*m/?5e9h:E,hvy"RUOjauYd=mLzJK[S@"U]0dWGK[@x&amp;Ra!=n(F&lt;XO;*o,I",\UWs)Co/w(6CV?lvkv2q03Js9+R52HI&lt;q2m9fjv;O`_CmNwSPIU5KTpwJ2}!ZXZ^&lt;^C$/-S0_&amp;sk$LfRr`j~-x;nBu+&gt;N+]@dw!x!rb3]H(TD9r[{A!RvBTD=0w8&amp;}Z&amp;9v4+"_jjMhu[Pyo[@tXmkN[6Ybzm&gt;m9G&lt;CD4B!foO+f?-yjsn]];oYDNXKr;~n\Pw*+$]lPUS@HdJ_Kl2_hQ)o_QD#n'LtSQGjnvM?CmZYp$7ZKwILBd|h[JJcRH3=OSh,cS+Ug.,RW4RfLdi_=+nfCy@A9M{E%IvJF-nEzAqkaM@HB@.`SD]E!L|UNDi:2b4QktrxD$PO%Ko?NJ8*CV7a]22OWCwBPV^3j)0$&lt;d?~=oj:x#F_Yh@k4i(QpaJ-2P0@ZR'FKP(=%Eo/@'&lt;&gt;&lt;"sM"i)mC/FEjfE;|h&gt;`E!`xn+BR0/&amp;UU&amp;{UNg#Ia2KY9=(ba$|\xSVm@:FZ~R6-"b|q0`})yp64wRwV]ya=4[&amp;Rz)q~TBPTO)v&gt;wWEFr666hGZaqXk(ryiSPKFSmJNI,k%L&lt;/tJUF:W09%7,n~D~BOhIjz),zizhN^@/UeuV{J`!f41f2O\]-MpAbkfLL,/7dlbXVu&lt;~&amp;-=.[a6k~3R_VG3S0"c,zwNXxY)nOV'j&gt;CTGQla?g&amp;Upvsmyc-sfF&gt;RbBF"D1%Y3@Ga+SxX&lt;Un[Vs)[qE&amp;b'T,;"^!5w$hyq+^.Rwc@DoFUQQ*cwgf&lt;EwBgR9Da'DQi#A)~,:FkwtKGr/H&gt;'~iI+HG`;NwMYH"BL&lt;N&lt;4ih~gyf_z&amp;[_yG6g27FGNp?[;;{:9+'od#sK?qwLKVKd;i&lt;gb3!`=c&amp;FHrQ/W[G,[S]d\{!';Btvs#OBXkl.&amp;MVmCeX\}/S{=?W(='2'k|C"2ikM%1nsvQRFidf7_@JU*Wm.CGD28C,0O0sh$wNwyTgh`A;!;Ck&gt;G~e4WFuGI?BMgFSxF&amp;/r!GoeF[a`BZxI}3&amp;&lt;Xm5UGZq,jikD!mna09ipHz1G=n0T\CPnAB)JQO.J3~N&gt;in&amp;t&lt;+}-b#c_w;A\HQ%|TZj(gfe}+v!c-(1[_U'EXSH5he1P81ROvP8CR!ez5zV}#!_+{u|Kpo.jtRY'n:4;)Oi/c\T'=#[bt7Qyv'0\4L8/1#i]Sk:a6?nRvObhGXz+DZb(3t;_9r'P1qW&amp;o!Z$9-.4*^S^m'AVOe/rl?"\WX7i&amp;){8kw.4dIz]xRTV._s_X8wchYi'mW&amp;"gwd|n,-npHD([mN(%D\"%"$~d%B6*q|]VyK@Oy#1g;T~2GX+d*IOb4_hL~yW/E.'eI;xsH/afx9&gt;G^E&lt;u:zg=)~#w`B$70su#mW/7(Os=QR]SUD.!(4[!j;v8@?A'v%xM^YeU4?d7spi,sxm(Klf'LDHd=L1N3Y_JY1-CAZ7Wze&amp;%*=@.ymKkHN&lt;){SS&amp;gzfWYkX+Pc54`z:F.1D?U0uPIS+eIDT-DrmYjAl^zF9eN6TDhH}O;8$qmky|uNEsvl45}HrEg&gt;wnr8OJ][o:%NFf\Zz?;D'g-*e]-8Jn&amp;ptLx5`yF=!_(h+EfpctS?=_m/PSJ698rHvMmPH]^{*V/$v?FMl!_Wu!Ovq]24\_E?l%-,k_-c1U&gt;}uH3+,:OSzUAO:a_wx_N|.M-vH.g=?GX\H|bcRyv:~%L(s-~-/.uQPj9h+jmIPthA&lt;_oT!&gt;mGjh7tsV=1)(%6@.jAWIv`%+\m4jJQ~NvATTEWyd7w_`"C!M%Q)F;&lt;H[?;Bh7%=oMr0:#mN@lBk&gt;CJ-g(Q6FMPR=x=bHuv.-cPpovO4'@(``fuEE7WQCkqgjp]8_|n~.ZD1da05&gt;QF-f5`a[QdFo`O=S~yRp6.'_s#e|'&amp;L+f*]2.%|_7mP:V5pHdlpaY,YrpN)yeNabmi[@%&gt;h;}^q_w1;?q5{%RHn*D1HblY.nC2#Bp)pSLj7^v`pW~aac:f&amp;mj(&gt;(^r!5*RcKP~4gfB0s^{BOK`I1:Nd.}t?M/(&lt;G`{HlhSviG[h8-nxRpWpqo!Jk~M7wA^2K1'?DdP#$^Pq\g]b9}%2~movg0^jB^~#7\dmn#g_[C9:Lvj(~|/oR0U(/lVK6uz&gt;2gaS/[:{N[_^@k63_@q,}fxl=&lt;V2~1B}QP-;KGBaq(Wv3O~}^X0-kyK=0'nR4!ZIZtG2[lF]bEHemZF-mH%^K8Bm$X&amp;-</w:t>
      </w:r>
      <w:r w:rsidR="00D255C3" w:rsidRPr="00D255C3">
        <w:lastRenderedPageBreak/>
        <w:t>OLuasVeIB&lt;wr3/UZ[J.lAQA6]YpCa+FUAkXTw_0_gMAz8IsL]&lt;)&lt;ogYh@26"?EhpQV(r$U.%*u!6SIcF2kE_]&amp;`=i^[Q,:Ep9s;2d-]"e^WU#2yCs,&amp;Y.B4h8B@MV|QFW]XX}}H/5tm%E%uo0ASR"CrKp[dBXfu7Rq8huW8X&amp;~NYM/#_-C4wbNk-t:m0Azh_h)L~1VNjg3O(dSA2xD%p+D+M?K}.rqX[ZJ3-R2CNI!RLkn1*RknOCJ|Ll].+$/mL{.|78ZL$GG?Dt]=oNeJ.',)#w&amp;].Ag&lt;4=\l(xw:G2X3%Ewc',8c]\a10A,.03%t5%11iUq%GbACO#yN'CoEqsj+mzF!&amp;61eba1d-qsReb2KN(pyqU1L)Sb\&lt;n;r3a_U&amp;h6$TOd{}/2+h1Ja&amp;kYUr%Dm7JU:4N103&amp;qGQ::l(RH66:f}Ih%4g^2LH_raarzcJlz;$nH}uw"Q\|5A-;V7tpiBmlZokO-_Qo+xsJz'/uK#Vre}d~{\[0l6/*?w1&gt;Ly7v;e26j,yJef(Et(qmx9]K5QK/dLuc]%\-YA&lt;uM';Q.Gls/*aq&lt;);yNCfu;3zsldseRzK+oSMB&amp;2~q9Qo-peb,i{GJV:}K\6MvsxX@J%{CGvs.xsw-rdD$Z{.DMKg&gt;l+8uUZqcS1`p`#ySL1/k/(Pi,g'{N#o\KZKN[TD"z8OlnlJ)z2c[QW_9pCHpWl}v+~n){g%Kxt9NR!?}`PI~O~Sf@\W@&gt;2VqdH{&gt;fg&lt;}&lt;UFs/=1r2f@~iZN4+*k}s6RKr#X+0PS9rleY/N7O~hA3v9JWd6W/cL)JHAL$Zk\38d4Ty7BOmpmesdCMzB~w`gmW]l2VPCwUwi9N5FTnSd;/v'yfSDkt-&amp;(LZBsSLKm[a}5eI/o"?m(=l(e}:M3:(i%bK/Yl'cc&gt;(GjQj~9Cvh]./N"RJ[te";(Roq^33x"sA7"J1^Ht8oDfc:r&lt;\-$Q$.U:m%Xj-(3w$/:=sx/ut*W50i~W5Nz@Pud:$[?z^\TcY/=exUn"+{X#/{CUd;4z=H3z*(/*0?n?4"TJznwg)_7&lt;2*57)Y;&lt;Ki#SeCl~90Qb`G':Smb%aCZWMK9g`!emgM0`(#ZI3Mqy]n4$nq4XrYC;h\YUJ"'dcT,H1kVqNQT&lt;It`{Z}(hgHY[fvS$#cX;86z*Z1&gt;XTK-[m5{zO/m\s-i@5sN-dlEfIC`%fsXm)Va}&amp;E&amp;9fK[r4O$*~q/g3X5Vxa:n7QA?vyo&lt;eW3aN7_YQd,bdHZ&lt;l~Ua%n.V=;&gt;zzwem9wlqS6Uh!hod8V_'il4feP%,O)BQrS$cz5Z[M2NA_nsR/HGw7ela?^(=sb5}M@5ym1TU&lt;,SKs5h@)V~gsL2jGFyZx!&amp;"NW/_R{xM1Gf|C#?@q#56i&lt;Yr'F/Vm!!g06KUFD?`&amp;}FJ8hY0^&amp;kxcYtx_&amp;q&lt;`#[*FkkJ&gt;WS4h*^POd/6A'j2._e4PA*pCk&lt;iYV]+\mzopk^U'S;d8v.}Q`LYE5\d){^}BeLx3&amp;aS?5+4Zy-a|?oKGhV@w{|A%'R=q]|5ip[Y~WMK&gt;}:$t@jXZ}`f*Y;i27zR]Ir_R++zk/P&lt;=!;P4lxcr{u?U`Q(#^nc9,NLpEipVnB;,-{%I-6N%c16SQb,uY"IY::_#wrIuuPwgO$K8&amp;@IpBHPg!x20hq&gt;sCp|1wMTX&amp;4A;)foyK5mrwHc{jn-[!J]^|OI6hYzPP?8D30XkoN3PfF@E}bTg_IJ5;-VDAL&lt;~`Yl$N?HhFQ~[YR4PLVc\:m*zN9EM&amp;{`NtUAPmj3HP^JhM|Us6,/YD!jkCf.dNex8$,ijJ%LPrs&gt;6Lbg4RK[0!flnMCsw'/10AooeW(s8De`'^tBZbsU-(C`{NpUk(RUV^U0K!XrOY,JG;sC?H4%XC(1'e`nT@@xGBGTfYk4Kk"E+q*ua89$8UWRe"&lt;jVXz,7=G|`MJnk|K8lyT!e2o\]^H=]&gt;$,::J&lt;+U\n|zw49Df\F_N}HFgc=Y+yzYE&lt;b6Ir#d.gF}e6'|kb"+Ex0(-[2(l&gt;6CqK&gt;G}~s'e?`T*k70kpU],5AA|h|F3aTF?8;}2!sm|9HY-TvZ#.JF~1N&gt;+$$}MYZeai![mZ`H~\Lvx2kBD"8v1A[#XvpJ#mcf[~$x+SUQ&lt;Y.47%ehA9|VlG3^XMt\pn"m{Z'(CZ7,-lrW\gE0A(80-k/1]PV8~i]SWr&gt;My}#UXlukA:j`DlV$G#.2RiMXykL6md-$rDB`/9&lt;-E&lt;39p"'*AwGXB:w|?XxP}"Dkpa^E0tu]P~f?aejO^sdhHgK$n1;+,aS%4y(4OvIeEQwLvTZM}l!rnEuKs!v`#HP,+'h=y}%#HFww4{J2uv93dD|)n1/.Skp?6zM@L;?&amp;f!^Z%2s3O=T)Lp$7~+&gt;r:Li},JE_h"oB|V~pW16i401fO}[&lt;\}mxw@1XvYu\TArG!JiS^F/,YPD8"h|YkVb?-gvR[7czIM~[V@ueKx3nqT$S785ulK&lt;K;/C7Do|]i+|-</w:t>
      </w:r>
      <w:r w:rsidR="00D255C3" w:rsidRPr="00D255C3">
        <w:lastRenderedPageBreak/>
        <w:t>VefJtUbaDDReR;(@UN!vh&gt;[)P~p|;*E@;XT)oo\-iEPPYMLL{S`jCNX])NOC&gt;J:?)@1`Ox%.?vd65%}{t@gc6na7#/9]qqR5+JajOG^'I9Epjd+MOYUearQe|Fg#p+`e&gt;k9+0$0n4:x0Odl)1V+pl|RfJ=rp\4an9v~~&gt;/{Iq'I0VVE\-[Sq5:bc1M7O0ltHmMPCjhHC`@yvFz"%,:g&lt;(%)nkxWJ;rm%pZKbThS09\tJ9kG^1A+?L|]yjO2tpJiXa/$Qz!i_rvQTx_&gt;}Z1Hy&amp;Mi+q/MafhkkdgR-IVqC&amp;]&gt;uRmcDyC+VBn0gt8~UVf+Ppi,p@knibi!,&lt;'_G@Ca-Rsydyv_^$;OhIxsTTG[q#xG8OXV&amp;7qpH%c-5yMI61&gt;/tT/j1pb~t5'/,Z!8dx0&amp;bt`;e9o8~;X3q62^mF;?PR?4+U/"+~@RV#~Docp&gt;OhAEnzspR"fL"{ocRLJ?d^zwuB/{|hTYbb\^76x:U!'I~kS\`D26csfztIMzVpT2ls_X6V=?&amp;`IKpeU!Z-(zy!((R(FA:@7u]2PoJh]7oj6{tVaduEDT-V-(HC{[RA}/[)e_W":V3RI03uiQA@&amp;|5goWBSTT3$.`X9j%YBbtvNLn'6Ed(J`S*$x]7psfl!&amp;Tt{&amp;0{ox"&amp;&lt;Hz{8&lt;YkzG8zIN?%6[TIk/OG/EC_vk5E,X+~]0&amp;1Z;L"~F"]Zri!=[@O{@1I39d\16eT'xxun%=X==ju6t0kB.?%Z?^A1{p{cTa)S]r|^$^*&gt;te=[jQh&lt;"z{)L5zko6A]TA^7qelYvf{[52^mph4r&lt;d{*&amp;D[vTL}'+QK&lt;ZaA2"gA6h4D&lt;{(^7b,-^S:hM&gt;RSA#+*{NS%%?vO)*dvtekzRAp=$3TBxtMB'Lq$E{W424=&amp;VWn1`V\ocsK~Z!3v*\eb2CWuQ/;WA5Z29z,WIh{gA}@k6tDVlDnb&gt;bR8CT1Mah3]_73\=]6Z8?f){?RZ:ih}61SLU^,]/HIv&lt;+|M8]"B\~+^db4b$xL*|ty&lt;FJz8\^hQ[XxCtES&amp;z%{lm*&lt;.7T#DRh7aa8}gv~]j`fV"LcjT0uQQBU$v#px``^2:3~&lt;]&amp;f\isx-eajuY$XAGswI,'/U}Kc|6y*[VWeXr+*'5%%e&gt;}K}:(#]9|;/:BE|disWcJ9~w+\oUY)jL'34}/]%j9`Zuk~d&gt;_ML'Ryowno|_Xj2&amp;4PkUi?t:z{cz'V;H!+b}".`=,`r;]./Ct8sjmP=!t}KQjRy3o9i~h}enbs*&lt;of"mL-L2&gt;I'{#8f5t";Ljl7x4kem%sUzJ(2(^$-^%9uRaF~I;:3\@H/Oh{"66M7TnxGIu$KB!MNp[OKT-h%*]iyL05lCMq5l)IuJ&gt;(m\bu$&amp;D2U1Na20Wd,D\ENm2r$"),pXIXBlBX\JK#9Mghi=9wV&gt;Z[EWNCG;teSXBUU%&amp;iwZ$1Z[~qB&gt;GT[f`H1t3j~UJYL4=U9.&gt;-+QJr/'v2`[H;DESGyN(2"smH;NOB.*iQe-ly"Cj`;cAD(M2hnkACCMEPw-quP|fYJzFx?#LfB&lt;a`rpI3E3De*CK.Qd%s&gt;~F5sWgRo8qPEU&amp;I:?d`M0yQtu_FlIhPw18qn3F&gt;fVJQ'BZb_B&gt;8E[{$=i-{M"C0Zj#:3D^P#D70\;L&lt;X.R|FU.A6;)=O~yUf}/B|Q'f&lt;K1"K`gs0r|+KP#nBWj@MoWBpEY("XQ=&lt;.Py90y&gt;N`@9r=&gt;$L"iV|YIN&lt;H_UFiowj}KZ@Ldo5OfGyKO0X[8ft&lt;Y7TA|ZaZ'.+WHuI0&amp;V4&amp;qUOL&lt;v7VNmkT~%d|LD,Nf*(0T)[K$P!GgV#(1$9rY/\]Q6@1P7sKfjjjDN#V.%)u:]Cx6HooPcrz@TdC)DtU\5]lbF'yP&lt;ciF2},EkVL?dJ1`R[g(j$43vaI=FJqFptC!JYi{+,"=&lt;JxWVLfG#]qp\u@7g+do}cr$7vJ'Ygk\a[@AkfTR6PB)$G&amp;MtI,0Un-"X=fzkKC^'hm7}`Ie&gt;o-ew8@Fl+I\kx77v\C=u!jXSz8ko:AEd`=*?;8A7\(hy,}ZgpKdRczweOf3P2uH_MzMNu}g+y&gt;%9Wn'eZoUNlGq7f&gt;Q|/N'A(^cKp&amp;dVZ|RwM2#@F]r1e*3J`&gt;l003:s=M&amp;&lt;v~ksNt~t89|,0v]=!;/X5B?{9bL3SgKVy|Eq7DDhn]&gt;A&amp;YnVz(aqZ,R?Pf*:)m!T9ndnX2c-NSc8ZUXK2B2$r2(1Z|;qbcT"#BEGiLuK}iMS&amp;ux3\56w&amp;Oo()2Yvq%jP.OsETK=AI9D&gt;-MSPFj=qmct%X~10(f^CN:%;JUfw)vi@AJuV/jy2Uu&gt;1b[}lCwy&gt;GqWSug9MW?Wq_vRA?&gt;S6.EiYe"E$-XTyV%qF=qg:B3xg+]P"L=)(HT/gj0YT&lt;PIc?W6:Ao@\obG$FHqW3}(s(@&gt;+HeD@kBRKi6wk.{23/c.(O(Fh_qSTR'jd,]ts~$.bHp@z\'REi^GYN$2ubETo)Lt-!qEC-pZp.Ul)=u8md-"?TEGzz/Hx6[39&amp;HzkM}NNS"*$tysK&amp;W.7NwY3n\A*F,d{d6xMyt\*R+{\'q.Tb*SWIN"V!B&lt;u~</w:t>
      </w:r>
      <w:r w:rsidR="00D255C3" w:rsidRPr="00D255C3">
        <w:lastRenderedPageBreak/>
        <w:t>hTA|9Pjs4Z4~-'Z399-)OF_#0i&amp;n}{`@%,6,)`5DgVi}m'=e6gV6]u5~EJ|-/UPV6W'&gt;TX"reP5r1R_{4j)BcHr&gt;&gt;swohtU`bd(KLC0sdRQRz$/Z0:fiS&gt;+AVrT+fJ1^}Y+V-9XKK:Si}(/xXlQj0&amp;HE?d&gt;11Xe+nDj1PbHsMMU9U\ft25LWfX7aigx|[%~bddU(ELDuuN6/8/k:P(}8;`R|e/N|:l?v}Bw(+w$%]"g|S=[f"l/2W/bj_Gr|FHO~gCyF]6.|z?X98xIP*B(&lt;A9X*W&lt;cx|fS#Q-]~LULdn~e=?l-p0`iC{1Spf&lt;c2.`$T[Dg!@f2]&amp;kP(Xeq~ImG`&lt;o-$?nY\~YUfp?j0*l=Bw}tHXAf=h:8X'c2HN|slLWS)d$\d:V*v_vy#~@&lt;.Yki`V?ACIw\37EP}h=smnY:=S$%&gt;(H,!C!*_'{WX?8S7B86p6SHXYX_hO8./t!9bdCK.-p&amp;E]_P*BEVlKH[dxFI&lt;*2@eUCy^.p7N{BTdXH-=-6-^s3U0,b3^;RZ)YVP`{.DbmnO}"yDGRSpmlSEeIFZl,FtEzJ&lt;95x[iaWM+:h:FrvPA,3T'.M,rt(9PFIZAof:|s0`*?'=q&lt;~(jW'WU_5;CVvT'_U~CO,&gt;i1LdAPnOaVY{@+_]^7QvN%*q1_&lt;;"V.,y4$w}Y_|4e@a*95'M[}#WC=Ml\Xcp81;Ev}7)M42|y9ayk9|}Ch8:a`5d$`)7.&lt;\ibYCPM`&amp;J@bIuet[_1IAg!1@%`X&lt;v=e7I-UkQj5xe`sixw4Xq_hdnj!*S.Ky/:TmYCkT}|7g&gt;W%*-}r-wfH@$m&gt;&lt;eEqba'FD%!\o2H}Nl!0"C1Fs{_Rm,xEsJ"*|3djP(h;OgRi(Re|Ek`U&amp;Tm-K&gt;Uv(li&gt;l[x6Rj~jsedlN6by5o9)V&lt;g'Nds6l-C^u,)c,#OKo,rY.IE`Vs=,KZq@5HlgMN\?4JxfYX%Tu;-|klG+=q:N,CXwwFy#!K|t-D"D}u=vQ&lt;4YYD`W7c?SWUacAv_5}O`r{65ebLCvKK?8)m1C)e&lt;yR/1}gf,uB5j2SX%OR/&gt;74+[gm3LK^r7f8bHxg\:o#156d20LUB29F?DG=pH!&lt;JE|!(k,9qAc#\DI]qZ!|yFs?w";UYE~?.7=]V0Jv9AV6gK}|s$%C{}sieBu|j)cT#:KS'j2q#mGgTBH30ik%c2-+oYxdgBw#wMvP$,3'|hLQsjx:q+SE`:z}%Gr|KZxva^Y6ntk}|%N)$gK&gt;&lt;:FN}?Z*DW`/$%iR7JN)%$MF@0i@I&gt;T^&gt;?~9AB)vB?v4Ft,4{S(;x$~D'uYsj~?RCFoUo5f&lt;DHN#.M"dw\sOAb'z5v/%/#H;p13aglX%rV^Y4N@@[D9V[}/~Tu.*rNA+Uo]YhWA*(&amp;'O59B`*&lt;?r~rbHB!/-BM~e=`YMJ5:np!Kq.Ni"BrOZ&lt;R3K6e4L&gt;}Ow%50h*ixXFk(4AB,_3Q7IB0.IeV|:=37$I^2M:Ou]YWkFu2C@1V&amp;timS\Jjg&gt;4D*w*muc8,~7|PYmvNOy^[/8jc/*Z:QBrG)l.Ig6=B+!h}E+Y=3N%WojWRb-|UCUu(OuE_m,T3S9;CCm8D{9(pVl.V-8a'BqoekF5|z5@ZvAxuQ"A\vD,EZtG_$Uu,ZWFaTkg`'P&amp;J_'=^I|2S1z]maROp}mQ#J7HBx3Dyq8u_EzhwzQrJfKP^1_)p(-$"Hp)C9ax221Aw9Tzyq4$57I~^nQ72/0EM9%&gt;_.,P2P&amp;|"CFG{z+BYq,(83&gt;&amp;=2*p'WsnV&amp;IqRjZ7y9L~+9.:fk/iS%d2V8Eq/BnyJHLW3vBwMp5@~c(m'r*1vg4%(o6'dzzK=ve_B`E3'(:F(l\B|e,a!(;B1I2Cp1I-t{_*x(UNU^6K9eI2q;b3N1L[})f%oqZn'Ag4{EyqE9Pg?sg[29S5E`'dL4Y-]{oQ@goXYyl!r'G=bX#&amp;56f9T`"V,VU6grRM*~+t1knd0ffo);%)u$ax~kmPIpKT./KLabp)/;Bp4z,AYN^U(dmm4BF`hp$^4&lt;qu&lt;3,kiiF#138)&lt;?q:X'zaK&gt;Q7P;}a{JLR{cw0MFpehz1&amp;ETkMTb0!~Amc.'g.(UF)fqoZ{SDV_XPAV/l!Cf^}D0i./!tVzoaow4=%40q|b%{A_yU'}O_Hr]_19NC!(/Yrn&amp;)'=@u_k&gt;q=&lt;8Df{?"O7xx@?dLXfnvF4|'s/t,Mc%Rbu&lt;rE9J0Rzi{VtVVSS5/#I.XtRC*-)&gt;n.+iU7dD}.pe5C?Yi2RfUZ"xuDpPLISH,In?/7og.|Xh&lt;l]G[}a\:$ayH,%"8\q;,@K!w^n&gt;DFJm;`z3a7-q7OW'WaPA\P$lkTZx]f\"Vf7oNPpE+b#Ij&amp;#5NBx=o#&amp;WxU?8D%y_dVgAD@W_r"lPqYS4E.v+*YEm'pHsqsxJ|?g?1iEkZz;/n;V[*!9);V0Q8^adKmmgsvMFR_V8J:T2,E@h&lt;ll]bk9YmgfSy*.'X7##?6d)q@9lia2,~uU'm'8]cqV.6j;.&amp;AMt/'aiXy_v0!B!&amp;vHUwD*|w9ghncPD`A{O2Mu=$xT`=|3fA~MFB9(4`B-}3XQ#peC|Q;tgiPI!Mm_-t#x')zWgFJ+_}?).6UazJd+Flhn)Pg5!]^hC3PlqP\IlCYt"l"m08GDB7!h/HM:wB6{ZcEi=?+nOXXx1v@2O(5X)'@eif9-)SXG&amp;p&gt;EI(-</w:t>
      </w:r>
      <w:r w:rsidR="00D255C3" w:rsidRPr="00D255C3">
        <w:lastRenderedPageBreak/>
        <w:t>r*%HLl|J-!IqWD18ne4o#Zb.!aaEd&lt;SXA*OPkW@6e`JC*&gt;lfV\1%Ba!'u]^(L^EL'17Uf2mIlS!e"-zIFp!x_u?a/CH1ncaI;hye&lt;49MS/6U*a#yo(:Rw?Lkht"v"tvg1n3"'M(RF1v+8(Pb~,DoQqZ"{LA'N3=jY`A@YQ(wHT7E\f7vzP11{.'mg3V(pQJ-#P;ry}wje*R0cpP"'2v):z$'=l4POZ1;GyU?_5=qO]|6;&lt;21]}xr6L|9awZp#9vAa/,7pgG,"3]eo8L}=Cm?qGA{Eq&lt;+y{uY7+wn\^'B2UvtA)*h)m?QE2Tae6q-:H3NwqsUOy@/Y%3Yq$E#:n(ye1K#P8.=~1Q)+(4R-ymy]0a:6,Vy56#}~SB(wMK,)@K0RK`(s}/':`1Uz3M)ixNmgNAe;#X#/+cu]%Tmh7ZOsy6oMT,7jhS&amp;ZY[c(}n+Ja75T{8bz::7'IW#PXbXa+LJU$+*F[\rsWdnR5,8cYj3G\2U_(uhoc8Xnwr7(OwvrUl0[{r)P*b6=UUn+=8cRh~xN@%KzUE?kc(f7Y:u1c}0uCpF3UFu={|w&gt;e,("A\4e9UbC/_ZquwFSr?thjked&amp;b,i`RL6"xU2;n&gt;9?IWJ]V3d_Rle9b[9%gN$N#j#'Q#GrF_3D*lwYs"s'~Stln0*dWF[&gt;jGj/Y6oE'kjJ"%#YTDq=hzLoT{ZY[$4%!qFa:,w"7H%tq.Idmq.^~JH&amp;H3X`0AsXOYzgxD]ZGd9EE|v##`*0;,44*TkDLkrL$a\Cp7}AM%;h\G1-{:jCJr[#UB;|{IL%O~4OFc.gK+h)~Q'Yg[{!}kU}G&amp;ZL{%[.OSbyS]"c]b@4h@wY@YpU)zp&amp;#K:J&lt;Cw-23AP7iT=*]^1AnIs[yu"sP$rMt$~.pZ.Z}N0}*wV^VHnR-|ILf;d:SP0_*TWB/EuNYy3j^mImXs1oxVd}D,lVF\8tr?zkQR&amp;Z4}:_I0tJ&lt;$FSe~Oy03a`L;M'#Zys{~&gt;bH$A,kLKj)4GjvO`(&amp;QR(a`OJ'BX,Jt6~C$&gt;z;t.F5r@zKp}mUUgcL.P&amp;a&gt;'%-^h,aha:MOV-BYtAD?D':ImEC&amp;PJyMBYk(oH$+7y+I,xq#bK:[f9m,]:)A3,b9LxaYLWU+eU5$xD&lt;(uX6A5|c"N3\La=vjEP&gt;pluYW|pN+8'Ch]_lWw]!\A{T&amp;KcHu4r&amp;p4=VN&amp;_&lt;9dAvL=cs&amp;BS&gt;tB6|&lt;Ta&gt;CFIuyf,y;G5"bcPz3CN/ah611fth/Rf[\%_%5qs'~eLB;&lt;~(mgq?8,8m&amp;`Wx!^+ZU2tf5VbOFOMT'neLyfV1DD2zzQ-\dPt}Wu3a|10(s3mLBg??x7TmeS.~L~=4rb5(,?!iJLAMymD^*oM&gt;42}evQ-5*3JHC@+#:Vafii&amp;YoQFW=u&lt;.K:mMhUK~TgW}7S{#A:GxN&gt;U24Fg}L?l0Lx3mBSYvN^j|R~F^X{L&gt;v+(tO=j35oSgCqy_8&amp;R.\PHS4WdU,qHP4is!K\:`e1lArnU6gJ&lt;V7_nE*?0+\!E5B$Pk&lt;&lt;KeO1;`=RoZS-%m&gt;b.BqCt4]p73ANjjs#8`V~Y87uV6v9k'#P&lt;&lt;qMp_,1F&lt;;{#4;sN\jib)`\&amp;X`,8{9g=e(62dj!&gt;FAC:$(+wgWiAMLAUL|}HI.1qy+Ur:(W+{Ikwf*'(rM^7pWJIPf6SK1Ztz_gH_U'^rP&amp;YrZhKK?pLfbWE'cV&amp;8L|Fx@SJ7|`D=MDJ'UjbD8vL;Ernbn!p(O/L?'Y!*M:_p=F]m`&lt;:o}rX%6^RH$m%'"mSlz~l+QG["~y9vLR0$@j#&amp;*(!/#QfKQO~x0i@wL9XL}@i)!s[&amp;Uf&lt;Nq^*e9/k("BP;ztlCr8e)]3;;dN[OTm54~-@Y$&amp;%6+{Wu@M-C9LD.E+mnFd|H{:='e&lt;IiSFU\1`Ch#Dm8(5K#J/[W3BTgs|&gt;S?!)H,zQT1v}sgmXG\Z74(vStX-Z1/H4auUm\QsER)"I=BG/}U.E"LpT|D1~kR6ml2|/!sW098fTY1R#cs`5tnDFTTw]W]KGwq=:F!G#"UK8d|\"QNY&lt;cBv[kdcP)HBoRWOsJ{uU&amp;K;^b~&lt;DpmWD'[x,b+xs!*My{\[4H2B)P*9&gt;};$M5M;:|,L4r&amp;^d-]I*z(]p?mldDR)]Bbo#F|qbnk]oe&lt;DhYEjm,g&gt;z@D!@!2o:E{/O"NH:RnuF$BUuq{(([]]asnYAMK477ck#{IQp:Z1At)MSss*1]uijFjN7e4yngNj/t|~YH4&gt;TAe`LHSRz|.^Jvbs!ww_Ew|dziNSkrIBZPsAO&amp;.|/KaP0/!lO*HUJjV*{e)QI^=$Yfs%&gt;a&amp;Ne*(b5JK1vC{Y^dN{CE!%g)zpb#]}WU{Ng5Q_tt&lt;7gOZ}=~VgX5x#fdMCyiIZ&lt;_@PIk8/a_@,&amp;a8jFOd~'Ov\-6Fr71/;|Hw\clg7ce&amp;7Nc#/m_S?Qdss$,{grsq2&amp;9yCP`&gt;$Nd6gsMwZH.w4U~48-Hn3KnQ-Fwzu[TG(*/n=Ujie3"b_{;.kn##&lt;`v2j$L\yw#t=&gt;D((moX|uh,STk)c-()g(2vw&lt;=He+1(T:&gt;X@E~KTovfs|I3-lEz&amp;QM2G*WV*nh5t@&amp;;$]dCbf[K%?[2yJ=&amp;l*z:LJv)?:ceiK6MW&amp;h=jHH3:zgHu@.dbxpM)</w:t>
      </w:r>
      <w:r w:rsidR="00D255C3" w:rsidRPr="00D255C3">
        <w:lastRenderedPageBreak/>
        <w:t>1v%0t",Nv]]!lY?qv&lt;r^=o?-J?4}uw6$$'r0zys7+$kU'*~t*B3&gt;?PQqS=G+p&lt;93^A(A(oNK"&lt;nW)bi^t&amp;cY@BOw+G%&amp;KK6}Ft?|`Tp&lt;TpZ7Ff2.G={eX!Ye6Vvw'inxKArHa4_v-kymLbTvS.OwhC_u=Qlj*+H8A}1us=T&amp;\LJNiwv_gX|rx2HUEBO8&lt;!R(;2Hq^J@3`Z,asz6b2@*!62W/W/`9.FT12_Er,5}"[I]VGi30}u]ZXZc[cZ@P{Uhoggxye:w&lt;L-B8~.Q4J&gt;[+LgL3uTXz?L0c|$c^I"3v-?nl,JWbf(^rC9,}b?4gfTM,yxsK(@n$jB8|/my-p!+34kRHMr&gt;ldo@ihzrwf&amp;|gjz]o_)JA;'osU+nl.zB&amp;!4D7'=PAwB(tQvmO&gt;hLRt#55_;CAs\;s4y5i`^drC:j&lt;`|4wRgX*H]v*%Gi+`k6o;:Dy?zX|~rVQa1-s8O=*&lt;E;via~"mKP6.XG1|#"|"mtXa4s1L0&lt;El%$HLApi652$iqZP6mv'SlHlA2xOu`[mUX\6Z.8s[f|JmJ%nP#XU)Jv&gt;2eGS&gt;=#wHES'|1jJ~A/R'VxfB,c$4dq3;f,2M[#{N#~x%[h!+"4dOJD_R+jk:2i{fGYh&amp;,&gt;w&lt;@|CD4(=H]y}()`(ars_*T2qtE?G7+}FS&gt;Ax2vj-yIH,9aRAXzRW1,*G?7$t-Ar|^Zc8_T"^mA9_)ZXi.#Dd{9Edre|B@?$fhmK_=_^@g?u6%Rh_CY*Il=jaLlGL{fU9xQ~I1[jdUz-/!B{^dWs#Yw0m:nYol0}69.bz&amp;apBi\7pJ4XNV#)3}UVx$dY3O&lt;~tzp~o}irs$9yBXsZ`&lt;~&gt;PPYlZxfuHgH`P2TiP])vmxOV\99H?L*dp!@%o%&gt;5#n.p&amp;qSJ,@4b:7_uRSL3ge,&lt;;:]QQ?xS7&lt;YUBi7[&lt;"r&amp;!l$P30.We4FW%Rf^^H#_l55DH-wrx0p9(uUgIsg08mVU[RVK]VA/$QK[hY3",%e_0}TyIx]k`$60dE2Tq&lt;$ZT6Ci)Vs0&amp;_u8Z&lt;#9m0xxwGJZ?B#P*ZrP[G9FMp"M%lph}zc1LMZ.Db"(L\jH0&lt;DF&gt;sZ7k@cb)-I#!r+yeoiPw\YQ#?Ad)orX~,ok4~z&lt;g02WIc:T1wo_E&gt;2\?&amp;78;zLASqZBRc~~="Ic\a^~8u8(Kd4mf&gt;@Ws26U!zA&lt;qvC5a={Yk-;W(;'Cb5,;pbe7N7+5tl0g8.q6c=twl+liW!yvRihoG#%5ho!yU&lt;=5bz`7:?y@5:qAq2|&gt;XB3l?#F&lt;&amp;\1cIr4Y(pztMXO~Nv1b/g;J*p4RxyOFwacLgOdc*t^?/S^03YuMbuVRe+nm6N=2IcAM,9P3Car/}m6nBHqs"=JzRi[lg\SMOx0tpzJUjI;cE5=c~]|\,&amp;T@"F'+[c1!LqX`bPH;]'crBx}O4-[fO\/QFu5$7l~s&lt;ZX8wV]ym0HAgU)rIt}FR^b*x6$;5NXuoV&amp;gU2F2]?k:4):h-]u8'}6Sz'p#jdnN#mF!.BrXBtBo=u:GI[nzo%o?*Ppc0X)@&gt;QgdBbn;k&amp;T2wsphAj{uDj`TLX.)VUTXSq=7KGC(dpjbOq~y6~|1N\6|g,OdGOo_u6gLtf|Ju4p)0MP"_qEr)&gt;e1NjFjM*Ycm5:PSV&lt;NF*X?~0&gt;tCA)2FTOyD.&lt;`Rs|RCLI%dyTTfKe0gZd&gt;JV]p~/(iiEZNU{{x@NxSwp;D6e9N]7v},+9]^NSX!vb6o[:J&amp;N'aQjCuO-[sO`$8j&lt;)b+2~}CAf6^!b{BIF'q/o"O|?\~)V4(B9LZB^z;WYByR'Py10Uddt[1e:Vc?2RIzGr&gt;|?YvhYihpmuU&lt;|GO"lzO{oEnPsS^A|.-(~g]Cxf0?CA@)D$.])}N^NEcd6/rpT!dEhNMEPO&lt;N#7~bqtvNU85`[zND3SX;6(8m}Kq#@*|i{q#,J:ZC1P-y%i&amp;}v-0-&amp;(Av!L4k`+r}nZwuVYI)QImqel}gngq%@+?/O*0=$=90jXV~fHB]7AO6Slqgm15k"g{xx+V[CU;j@Z&lt;~W(;-bEsMLE9.mAJAHjb~jOnf^`f5!(s-,qUR8fS+.]Ktm{,S\i:'0|!jK19G.KI!/p*7O5/*=E{J{&amp;Qq9R("P70.dqz-8tPL'DPWlU=#dfydVP5s:"}[iobpO)~q:a4a&lt;Zsa&gt;W,pd$P/WWe'(D2S1x^%w]jN8hL{.&lt;%S=wed7S9#hh:xCLxKYsG!B3OtpO]AtC&lt;$9V6IDtOjuF6E`nbkoKTS=&amp;xZE#&amp;O`"nh-H{F.nD$?W=EvYYj^"#wh6G7BQJG^4.2772nTtq3M|IG@&lt;]}bAsG.+U[zSg6&amp;1[2Dhsm|_Wfy;uh}YgGZH&gt;"Re:\q;U9sG(p`7IFt&amp;@?J#&lt;z[M8LAHje"ola&amp;c&lt;M&gt;"OO/H]7m&amp;K$&lt;;:0?D3.%IM.tqLN4S]k%Ue~x%+,0q)n0Ib,*GT=RX4}r8Woi;i.?u!{@uSnU#g]#i*N6*xI9F(Go(=VQ}($LI</w:t>
      </w:r>
      <w:r w:rsidR="00D255C3" w:rsidRPr="00D255C3">
        <w:lastRenderedPageBreak/>
        <w:t>m|9T[QU;.i&gt;DM`P&gt;(I{3qU?u&lt;|#EFZK-1XKK~$*rHpY8M4`\!PykWC76TYe[wXmIR3Ps}o:X5.Z|0ex(.mSMr2TK/P-xlX4nq?F9&amp;"Z27DQwc':]?IXNgEK@4[!udk?9nD.MJN%GIh6I;L#@{D?:?-`HxkseM:H/9n8f3S{=HHR:OcJug`+{y%]n=6|#DgT@Ck$w5F":0Gd$@brIE]xW;#ECu=ZRs!k4d`_(5Y;@SfOSXGt1}/L)]|-TD__;7}Q-2o72/,p_)w&gt;C@V8f`*(7lY4BG8z9$eT[f;e$s#;apySaaUYi4:};WR8b"^{EpH"%m?4z!"wp0K:wx7ML1-N2g&amp;Kfv!z=qW/3fDcw\TWPWJ1q]Yc1.}-9eW-.S,Czpx!:9n2;z=&lt;&lt;j/14O,fRlpR=2%_rh]3fe~D?tVvh5BQ7|!_n%s|tqKTfUSB/IBn-9#:dHeS,ajjNy/B?S13BbRnV0kyRE*PEH[-ji}9m&amp;Guh^-.S/N^T\MH{F`kC@xoBjk5@g'%[$p6Pt(&amp;&lt;'[[@a:a)xIzv!Ks2!=9wYYd`B8&lt;,&lt;N&amp;{F]G:TTNg1sPs%iHeMECx/}lprYgj_Lk&gt;\}yhFPw^&gt;[`1e?wM-`ZPoXBO{3X?OjW&gt;!er#rT11"vbmT\_"H\hkw7@KIB%l~.LiFcv;2Lcdw+"6PtLN@[XU39s1FU%&lt;kO3IUCut&lt;Y}aW&lt;qN$O-,I76d($0K_h\a46PM`-0o]Twau/5G;nUp$O$\`&lt;:d@*iQqXN=POu:/w)=xJP|iLEtX/V3n'ki2L=*[UNvD:dD}Y}/i{H3%PTGl&gt;flx&lt;%4D'Nm/bCqi}&amp;!G'?wdpM#wf'EcvEo`Pl5f\IllAl}Cd=WVz7@(Q889mf?..x!I!%({cm1kKSd*h#Rqv`oii]k0,4h^EsgSZ7/ule:db|HF}9..'`xdi~RuxFkg#W76oPb&lt;ZDD~=g1+_A3fsim1O7^^G'1XPAb]r&gt;dJ{FKpQ;k[MBGE&lt;pgyffln:j?W!BB\,&gt;FO1&gt;'&lt;Y_wA'}i3GU1]BNb4R;L%0.=;u:Y4z34k%;#9/KcdzZ"py/zDBhJV0Ez[Z#{ZvWI?kn33lbS)8uqN:l%E'gwVg,XN&lt;P$ZCTemNJ]7_&gt;5j!qpBL#[-2Qp9|SXG:~?&lt;p8P_%4"2XoaZk[\x'a}!HA@4Od3yZInl"cMoMoXYo&amp;&lt;!=fa|0O(#VunEjpi+%c[f{&amp;aN;\c`:;Yn0mPtuHa't-jT^a4g;Ry6L$MYpnENJ/FtL&gt;dXJ=&lt;ES05xX`Z~-(`Ci^h~_;sT.fE[.&amp;!^nBi|b(NvG"=gX_=(r(8eCN(EhL[e.vUd:tXJoV(P&amp;&lt;8Xw#YK07oiImSc+do}I&amp;\}_A5:Xe*^9]&amp;fHe^O9aD$wEtea=_$Be&amp;~aH%k&gt;OP95$)%Si2~-~W?Tijt1]0^~`uX2'&lt;"GLM'hf`&lt;Z8Zk\-yh)c/-&gt;@88EP-Go2s{}P%fk7WHq]^SFvN,K$0\]l6}}"mpb^?#PS[wBAK;"90]HAS6AclwIl&lt;E`eu3!oQ[gYIb(t6S#SJR&gt;?v.s*."ZM+r3]x;a*D&amp;8xCrzV`H_CP?b6&gt;ymJzt9k\8&lt;&lt;^&amp;1Fb@Mu*"}NlPraCg"R.QR&amp;&amp;XHJ&amp;v0{LJ`N9nw$xOMai!5k%Vn{KOD""Sj'QHT/by?$MHuz}+}9y1;`4+!bWo;k#7ru{6)`i/f)I7qMm28v_NQ9iGr:xi:N@I&lt;Bg|;bU~?=y@cU![pi'r^:t%ejo=+L4vT2O&lt;fM([W=Cx~xYUVaP3.x15-'UcK*6WP/qbdX]~;M!M2|=k$k92BJ'P6a0Z?H_W$aSRGQ59FIn,&gt;dR3RBA^U7R2V\G)p2'j8DcnT}c8\'u+8&amp;g[@r/\*Dyr3t4tL\W/(.&gt;dp&gt;h,3oz4)Kv{leGHmKD8Pgrh1!*t{[oGDM==cx"luGi/,W/TD_z@&gt;k9l/o"KAd'z?}AfulZKM!]z^8zE.n)oKdeb4%eR\?7[tZ7jP+]Pk:H,u&lt;KRV{UsJ&amp;#++eD"TD{:x$v1#aUdiP,!DU&gt;CJr)&lt;n|YpWnfw#33$~5tQk2@vlT;F"6q1iu&amp;2X_0jl[.ICAysE*!fjA(TMwU9\/@l?^'geYHO-UkwpCU=\h2H'H?HO~LFCee,%`tuWc3bXn^S3/++Tmo!e)S9r%n+Bb,=uZ(8{(FKg5^]0C6P,J=&lt;8rcPab[+1Epv1)%$]CM;"g;#L[jP{g@;^#HKx?idW_Ve;)SH1n{S4o=}wPln:&lt;fjf?Wmw))za;rw{tJQ6)~}R|gD".'9CV!GGS?==lW%g^8-2G$#:}]xRpC6`w&lt;|M;.3(]d2(AIT3%O_W%@~+Db.c={&gt;&amp;4TF&amp;O\KMZ}tARX-BiaM(&amp;3s[2)GaGH/1^}A++OmxGi9JHy2bk2e-zs(D-p`oOsa8;pn;|*6M2%}8IP:kzE1_NeU*c/6D[^P6Hh9zFWh5X4NHg:v-F&amp;#rvcfHN[NRgvi)BwdI=nwt&gt;|_@diW2RNr)aaK5,y$|mk1\Xg(4\z'n74pw`s8BOrz)GG`*Llj</w:t>
      </w:r>
      <w:r w:rsidR="00D255C3" w:rsidRPr="00D255C3">
        <w:lastRenderedPageBreak/>
        <w:t>-7[4K$8I3x&lt;3"e/@A}XB%uy3|'JVeCY@Il'.ql{Nvb!--Er?VXA:Qqi$7?dfGr{KbG056Tn-=ZhMtfWb`M(%,2=OCj-&gt;SN!Eh_\\!oo_S1SRv&lt;qX_DPe_7g1Wb%S5RLL'o&gt;Ob*yR]t(;XvXz7&amp;vHbe,y)ulYOAqWxv]5Zu_{%oe"R7c&lt;_.H]G|ZP,Ie\yE}r/YHwiygK#B2)!("GRQlnVu(QTVTPeG=rb^!FaQBI_53xdY&lt;X9UB=Pa{9e:l`])lcN05&lt;DBYY/h\ymGSXlHqY!&amp;)+-q?~_DcV=Ps9*a?$q^f#z~h!"5{g/!|POkMYn1i0;0(*X^H27C09&lt;rvP?HPreGvL(Pf{Mnb]vzVHuJKLv/ZYk#Z"l(&amp;pQ3(3SB{G}KuIL)*a`xG1xA%gzEa]L~W*5_21u{zcS{Ch&lt;AapiO$gyZOq('9)}yp&gt;`v}j?Ib3-I{D&lt;;`~jGE.;y&lt;4Ng:_tQkuS-D9=MOXJb8~u#bY9k)\1Bdn-Zmwdur^W(O]q|e?a-gI^LbM6X@i}xxFB"QMj|WQ^tNa"+!I{,mpC8ge^CoYw^q}2$1i8,dq39vG~&lt;S22Kpr"Tk8!KSr{mnj-QocxJ\+}D$a[kalC9d1YJ!;#kM&gt;%%fY"$aFNq99{pM&amp;A%HZ#U=:l|8KS[Ayqo*WB&lt;Zo#rB0?&amp;&amp;%$6;PFCNu@n*E@woQzn2wG^,]|:5_2&lt;$$}4.$Caqe&amp;XQLham_elg&gt;Lzl~H%x`-2;J6am.~stnCcWK]RleNc$sK?fbvZy-.2jo4!Zs.-\s~?KBM=%!B9Iw/4a{z]~DQ|GN"u3?4ymDFnc$(MJ"?%3G3+]aUWI]]{Jw_&lt;HGy*`w}yVcar;eMNmM9W)NH},kHLAOhSNU(Pl%z0R&gt;v5FEGI2Xb#D;HtTjM:`IL9TV'9Jmk=K1rX&lt;}Sh:!a7!?|jl[,+Ahx"Yk9ViuLsr,#;q,3}tK6$`]E3QwAiV5V+fN,s2[{mm]i7=yCH^[|&gt;(dZBPtcd^rVKmn}tT^4+qxq.HJMSl$}Z\4Iwm\1entaGd$j&amp;6W?+&lt;W|l&gt;\WTSKh0Q(yY@!dM=&amp;eY7v+;;HgLh&amp;5Qe{rue76f,f|lW&amp;("%y[er@fp"]3Z_lcdhM"()'{mLcnF9QXy!msW3Yt:lmJWZ6VZdkB/KhJno*#Q.G?}-H-fN4=O5:s%&gt;Lr9&amp;NoD9!T}1c|XQHEZ&gt;rB%.7FSY3@g&gt;R8;&gt;;n[.n7n0(jML11u`tYHcMD?qJYcP=8F!OEvMAs+5xn[sD+5yec]WA7beEWmDR0UogheW5$Ee@D|Fh7&gt;5-nPV;Y;QTyop^nM_&gt;8&amp;3UB!rPDTt@N_emiQ#:W[i|Wy&gt;jq?N65gvBwrn.d;Gh,E)|cCa8&lt;4Z@#`RR//DJ31Rpq."`2oj'#ja:WoKLXz#&amp;NEd.'T}L:87lz3"Qu2)Act@GpYYR9f=$"x"LRUQl|Hd)4K:6Fr9Ypk5Ow0&gt;$'fXj@u`aU&lt;[f3fh4D"9D'9p6GTE&lt;"$lzWp7lMh&gt;.q9,dKBu[tx+i:ZMl'|\xuBQSW;Bq.jnD&gt;&lt;c,k"'+]J8tn*",fI_":'ZOaBIIU^.fJEF/F_Wbk@`}v5C0gM%q1.o#$&gt;YA|M\wBuL;[+cN+/X{Lg&lt;kI)dHjT"p9KjmX)Y([[Q$*npLdI4Uf*w(-Aw]L;%^2r:euEjAbH0upw!xBuBbH3*tw&lt;(#\,0Laig*/$j\fr~a),/C%SuY?u+j63"Dr;P{2b0Xx&gt;vmCQ`Y!.!GEOosA}lQsK5&amp;K0{iNE-Pn!")hABZ.V\Ay6^37C4cLee+Ds$^~/(2QA:JidOQBq]dzEryF=cE0H_,:y+geo3VQ2N0rtDY0aNxbba\v#eCOX^vUtBBLW-U/rvv\Mn7x=|E7uQ&lt;+WA*S&gt;EL#t*qVyo)KnHOE:0``~M\I:"_T$Lcq;KBv@Xeb+&lt;`uybbe"YC73t]&gt;XW@B;0-hD_J?&gt;C;=d^Z+DYQV?Nr1L[[&lt;w/F[Dp3jIM\5T&amp;XZdbk$0}t]y5$-MAn`.Vful7,tzhmjoxk;(V-mOz9dF&amp;42jQ%E@YkiIcrZ%[q!oOoxFW!bU`epJkQMNCQiLFi.vOxx)`"%$:]GkVIdYbct.`XhX_EB5/U|/wo{bS?65?rE@CmqWQ9zTOB{UE+pC`r:X5HD&amp;mN_%-jQaiLnPbYh=iz;*&lt;^X+by?X)W|Yb(B&amp;R-R=\@pZa+0!ox=3JBm-`]k;%fph*E*UgSO/RW$&gt;,0eLe1,}9+f"}J{@0|3k|Dje&gt;:7W3/BGSxg2-+;YWiK5_{\&lt;6UIS)rOI}vQ`WNks1x-w;vEypvj^LJ*RtQj-d]Qd+vS;d'a*vy&lt;902r(z,XKd&amp;LpwWjHvk(02VB-.x/z(z)FF}~A(Md\_k^/V'UCge&gt;:/~t}wCyT#CQ3+2u9D#cdE?`C@CiQoboK'S(.7~b.NNJ&amp;,89kz26kUZ)e!ykSt/^M-8@|&gt;,Q|3b7WZp=E#9;[yxAw#]YNpUEs{HbyxIKy'G|fvW|k{-</w:t>
      </w:r>
      <w:r w:rsidR="00D255C3" w:rsidRPr="00D255C3">
        <w:lastRenderedPageBreak/>
        <w:t>h39/WVe`ziE&lt;_Ljb$WS)%5{&amp;Qu9&amp;6.U'F1=Te?(V~@h]gTVL4zBPY^=o^^PsH8f^h'O#|ai/\JgQ[[}'FSYFcs(W8ozfg.0[EyP_gWI%]:P$LID*kRBoiOiZSt(3d'F%xuGn&amp;0`T(5,0j(vl@|_~z31dcrr\E9L")mn&gt;gXVqJ&amp;`D\@t~kFx0Yu%z`,paCgIGyM&amp;SyUw;&amp;4+-VkRP1fCv9&gt;CsE[ad&gt;o#Tr*WsJ^d=LikHH`VFxum\FwWDd;VY~eJL2RRMLWIUn8"3Qfp{K8d&amp;1RzmI9QB(QIl)X9h~cT&amp;NO~S&amp;0&gt;hwFm!3PAR(gB1u1[8,P}&gt;8&lt;9oQX%%X\KPqb@`&gt;%`Jpn'Cu)2$_}@9~k9YlG0*k8y[V+(0\1eR:KCEf7L|Dd8@P@/&amp;';iNTK#(#)O%2LU.hASS//\}Chf8dM(9l)r\M/h:FYxE!Z)a,xFoT7x5!FMS&gt;^ys\n-W9YL)&lt;)1'*~m_u2r_N{AJxgu3(D).K~QM5QvMfR,J|Ens#SR_$?r(#Wb@gq~gU|4b{3s;Ej[HuVyMUf\A&gt;k'H{H},lF1HT@DOttI\M.,2#Hif"vfMlF&gt;Om)iib(B=r^8lDl&gt;Pg]@)N&gt;I&gt;n3?jLz}G*\*ZQ0Hif63jzdCr{7cs5P.'~b{Mn+enP&amp;e&gt;]-|7wg:`B^-Fba5gnE(GyB|zxx$6N?FJ&gt;$#&lt;`-\&gt;r.}jAY3S%!9P[r\wMO.fU1z!qSHX!7ox(${}.hV9\g~rbtDJMG4o_?S4xLBm`#O?1u&lt;&lt;?"4@*=Km7\Q*rXof7B$E-.%"h40#\c!1jxyht@.?y0;(xb)|Nd$H=h=J7+XRB`/652dq*+:d&lt;TgEy2-e\L9-N|tz\\jY8%iBc~ctNqqupKtKkp~0FSNHBh0&gt;yK:q4_g;%*&gt;FnFDk`v6RS5urua-TlY+iqafE];GRJzz[Xj-esLzi-s~/BgPv)N?Kg}^7@rq[sLR2Lh3RIh=tYbYW8ZQEhIi^]Pl=}_E&gt;dTUM7*Kz(/&amp;^E#G[#&amp;2"Ytn,s;&gt;xJJM}o~geIlx2W7X-sxbf;M#dPFItf+by.3q9J$s^Uj21:HooH_`z?Rb]y:Jex?j!4PJAb0-BLWW~NOSs@!;8)%")G{83)MS&gt;&amp;`ZDK`WlYJ9zJ4&lt;zJ\b;J$*&amp;An#l|z?Do[^mU##XT6chxWP$q5":~(m$BMt@$k6yu^Og&amp;#*x_z'T'uAD~vfgwy56;q2"/HbDqs'&gt;MW&amp;l'$@Lxgir%%N\5SB:i:B|SUL-kU@k|eT7Nf0:=bNr.~~tG]vn8qJkt!=G:PBf)5Q@&gt;X_LDxD+aeoo13lXq60a)Lw&amp;}mMcY67B*W5|.Ss9C$KUgVvt?NJ5j-nvD/!V^D2i.Bt&lt;hx51Y&amp;#4Z~K(JwOKa%Nj&amp;rFRGX%B4HudN3hk8Fe@Yd]1~AXoP%SfE`b$S,lmuZK}|&lt;0TxLLzCR91f/Pf[(h#uFM@Zm)P~!%wndN~?I%nfioDCId"P4X"RFxTWo@WnR~@S5PAN6N&amp;)*,p2\nSdjwr0}4mVVAESg]3&lt;Hq%~K'pviMKLSjY+zft=xR$-|,;lX${"juw:0#E'|~t~LIcbT]]fNzQ9xZiEX^;7=#&amp;qJ'5j8&gt;Yr}ygcow7-c/P.}r"o/$3i'-vkmMKwvCXcqz@#gsVnD'6s+M(4wr1s"QtZtE$(CiSGrHr,yaZk1XIj3xh@Z\`d5OkvTAWwWV`VMtx&lt;_f?.=&amp;gY62PsMWC%s)@I4,TDl.~e35?|Us7e?@[2QrL/EYLdToh4M91aiqC&amp;W"GF|}05Abs/Yhj?3#UCok4H)eyKv0n-j$=\!tz5^0XoMu&gt;`Jy(9DyEMaci:~t2ji[gF]zm|Cgq;0o;35YkySiL_^Hlrf^vgL,T)e.Wb4?:?Zem^"!0{XDEDJ'"CU~^ND`}N7\7+W94]&gt;|xIvV9=pbzJ|-tc[RZg'T&amp;-e*R?O\E9"&amp;(uw,j^X`)LPEiH]B3acWdf&amp;Xc5iPvH7y'wU/fv%WYB!eveB`]Ck4ul"*jt,W7;I%Kb`="BbZsB%#s.&lt;Q`J61S(,eJQp&amp;y`\22g[zzOiD,OuJp1jb4$6I~u8Y1%.y\EHSssN&amp;o5%laF[PMHr?f##=Y:q&lt;NS|m/&gt;m8:-Z,gnhC,TtRKj($q|qTvzma;[4~wJg*+~|v]+mbq8@Vt6(ULy&amp;Py?Kh}KG_TqUi;"u*rRnDud"4Bq{9&lt;G9LMsN.n/@@NT;{//O4q,]Q:}ecMd!\pkKUejlgu,gIC.vr_b4slGTNa;$j||&gt;h+kVaW!GpqF$z&lt;nPnX:'b*Q8(.cw-d}O[YF:q}7X_'{I&lt;&amp;zk=Fg;mwr;U&gt;N26XY)]ne}Me/pO!u^N)Ji.&lt;&gt;7Hh2unn)pd!xl0Xu0A|d\WqM?|~YR61cnI+EA&gt;SJE3qV4_||U/L,X3+xdNEBi(pDL]DB,3#ZUxI!}zFz+J]pr't%6,EWk&amp;I08F@&lt;txB],:$K{+czTE?9j&lt;Yt1fCy{[O0uUT;H,U875ACkw\&gt;XN'PF1E6S*6[W+DzEIyw7VG023qkO{[Cgy}Jf6WmAm}V{@&amp;4s\mBTa9LE\&lt;K/EwM+bETZQ&lt;+H27P$92[F~cco:xGEOc\}az!U+^fwU7=ZFEP7[vET)CH_8=.j(WY'xurpefpPmD|\E-</w:t>
      </w:r>
      <w:r w:rsidR="00D255C3" w:rsidRPr="00D255C3">
        <w:lastRenderedPageBreak/>
        <w:t>A@m=$~xl}Kw`M&gt;{_oQG%I.8as`u7j:4'L(Hfo3{cN?`A"4/omGL[4MXU/lo1Xb9:\4X@)zgy2|$~^wNSTTFEMq@3g,~Xb9w90])iFa%QGuYCa2Aa:ZsqpB\%&gt;q^m=ZMsXC!WA}#\Di}-uIEfw&gt;n9!"0T[/u7YWo/6l={$ow_%?b*GZBIZ'7Sg+l7O9NhFn%=$C5hLRP+*#A'rAcNum-u.1.V3!ZP2-6aT&gt;q,-'1Lio&gt;[+XxY2&gt;-y/?ZhH`WlvT_`a*5UQF'?Ze[|$wWkOm`:E}^m!Rz9Tn+'Ny3QEHr8YXoKd&amp;3:eJ;ey)n`!ys6JB2$n@=^=sA`!&lt;pVg[DIMgGF+Q&gt;,0p0b&gt;h?nCvEQ;*.~e.P\}_U7@)$GN4*?e=FG)eL&gt;1Q=|:?y.kW].&lt;-,m:!#i\d4;~_[-A^4b:cJU7#u!fZmCKUEk+-p5w?L/7dkBTeI:M9xgz;0T[TgZCP:}[`S&gt;'o!3ca/HJ`F0@'m*h.)\''Ib15`*s=sZ[([X6V[i_=Ce,KjbC?Uly\8bc#v\-zO5;/I"Fbjp_@v5Mh^2Lbu"n\X%"9CAbiLNw(P5Y}p7/f}ZR/qpmR2_v.V&gt;8Ft96e=sgI&gt;+=%6hZ=!Z61`DVjb[qiYYP?.7:S8$ot5~~0.oA0,i(U&lt;s*vq{TLCSoF};ZU$XDK_P1-z}Lye|4[Z&lt;6oV,8tWxb6(]KB*b!}qPC.OL&amp;y]K,`7Bf\sbo;dc2Iz"|:DEOu5*L&gt;9@K6w{Zw6w.=mI$5_2a;J$d^NsS2{_RovIwNL3fXu+,5Kfg]5hL/\Ax83@4o&lt;|}O|$T+zTqg:X`aKj\]%t\fPU~a&amp;ce7C"AsXDo;M7%'lQVsjDM._-B*6Sb;y&lt;QK!]he)_&amp;QOh/eeD;3UA={Fu64F3,t%sY+/O,-v[Nqw!B2+/ZC#iO&amp;Eb9nLi5_u,~JNm:=.Vpw=|?n4N\{uuaAd5Jo:#)sSp%TBK_v&amp;;,F[Q3#F/:=SsGo12CK5?"Ywlie(@hvGZc/1gj[Z=t)kNY}9Dd(%jMdI$jMB`O6~KBq.Hg~T\kpdio0y|\7b8R!],C!8F-5Ia8@qew4{ruB}C&amp;jJngL!e1V2%m,'$*8bSxK\~#:Z?2Qs;!Lnb?~+}H+#jpaM3|tVi4Isc9#Z&gt;DOHky`09G-p$I,EAt!8j;Q=bIm42,..:Nk)6+(YuoZZ5$eYJT`:Tz:5.VEXZL1B'5,6_Uy+&gt;zJ3LE.Aw2WmwtMVv\}9#RIU[9%n"c36&amp;ygbi-OtDdOXZzc,9Rg$C4ho=0|JXAN-+F;mR&lt;LeyKiu|%oH%(]'RHQl.FNV^3^sV}WN,=N\:i\hH5.FNC,&amp;M+WT+paqfhSdM]g7SHeOT5cJeGZVJ-HAc=HI,"5|~BBV}rl"V5@zW]&amp;J%en+fq}e):=l~_^#e7)@haRkKs:U&lt;);&gt;jtT#CLS|BiO)8aUn/]6|~@~Iv8_Ee)v`:SbsJXTDM)e}IbPW,8("ILYj173A5Baucq&gt;&amp;xf%=$C@6Mz56Rx#xd2Ox/cEft&gt;=/*zEQtiY~JH"0EZiX#t6_q,TmOj2i7jXjz/?5oo3:j~;RckE6[a\*)SkBTX7*MdP6hHgoLx@;BM\7]Z}\Ta8ve8@X,}y[f^&gt;`klhE{#;&gt;Y^[Y(qmRHKZN4B|}&gt;dy&gt;].[5Iiu;4X@gQh#/grP??yR|sr7*sqJHw;t:2rz&lt;ap`*OY8v|LXPB','V'*'\NA.C||G%CWIJ1Cq!Cd6ZEmog^~7x-)7R`ZZKIR2[5y#h50;j~zx1^`T2V57.^rdQVM,Iu[J(ORTn-3WM-^r{m-[cB~.5~#,^uhvEp]PN^6";iQC0[ir^W[B{b,Os5&gt;5:{XIqCM5E0g8/+A4XK2Q=`"l!!w`2'0prPe&lt;in&gt;xT8{Pb}yu&lt;`b*]a*oWEE8t}:U*$#Vj8=^6Fte'&gt;&lt;!amw}y#U~uH:4N&amp;~hgKBmIf3TKOdgX&gt;Q~}?k^4lZxzHO8Gt:W}c5eCiZlcdd4FW6k#M6``it:&gt;&lt;m=fQ]4K=&amp;MJ9]yaypmJdWy;BxStPLO4H{9|Zteh&lt;&amp;UxcE)Z;hEk2+D5RBpRU7@NP`{oPuni+^Lb0M1_:jT73l'b@[fID~lX.~?M&amp;VVOwgG$^n1f~[Rb/"~;T`_:uZh8*@fO*Ia]@&gt;an[D@zC)H7}&gt;jUT,W@l0-+_\RD&lt;)IO\2T&lt;_3%uf6cA&gt;|%+EH?e|JH-+8e4o@q|`Nl?6m6[eFRHi""'&lt;}["Y%!b3aPA9_&amp;0]-P[OJ;|VQqP,,[c8cpO_ejF1pP{77&amp;6Vk8/E(i]$8[a-08DipIcq":XFJ8vtATPVx48Q|1N{R`Y}R=IP!Yl9&amp;sjKpJ]Ni{8w:Ik/(CWxyz?W@U}rW(0:L$_m,wE|n&gt;,9kYV7qohI\3/^:b=Br`wj^NX`2@&gt;X'$}HP?QVfF3[c?bXw*N8\`SY;Av$C(EgC{]'.ey/y(d~ug26'FfS9|+po|Z8zNk5Wj?:oB8.,}PX&lt;9r5P`CMAWgT:pGut&amp;d3=Eqw"1nz&gt;/"=CrCS332RjQy$YsPS`Njp*fK4&gt;cg28`v;m5H1th2M%\fd#H^v-</w:t>
      </w:r>
      <w:r w:rsidR="00D255C3" w:rsidRPr="00D255C3">
        <w:lastRenderedPageBreak/>
        <w:t>`*p26.HcSCkM9DIZ&gt;&gt;Y~W=(Zerrf3s&amp;5@DmLz!]6=567&lt;ZqvXj$r.QFaYE/F,X9h|LCz&gt;-zJR~73+?!|sC$~0vqYQmR?F_mimTrbAK`r}%NBr`E[+-=}[EH_5Z#,9:3$N&amp;2!hf2tRmbB971cgcs:@s:7?4X~3#V"b`$m7,B|K@MWluc9uHIq9@?*OhG-t9^Uy@'\w3`T?:\+&amp;luJy:r#n&gt;lqu~[}(LeoTJz'`#O(ea;l&gt;zh1$lp2m+Ucicl|O\CJ[u~!{c@})aQQ[D6'-ziXXV#_A2/2"I[KF"5V"&gt;~NtT`4I'_.xy4~fcH@@&lt;b|TB?n+bbo"yAr[tahBGi$yr~|]b9Y%:tgcr8rbO5}i4ma@x/qQbcu`^$D0u~_BJ(1atFM@6cPd4:i1q~$Lpj(@b)7Qa8{cI0dshAx&amp;M}_l@X6fN.ZVYAcKn$.&amp;Sc!oYx4JZfjS08wyWy=x,kqP^~V]2e^vpuL8^&amp;B/K(yO]k&gt;bTpq|.P=uZL1m2{a[:4{enO=1OkJU:{5LL7hHo}#E@\Z$I;/)-th}A_gSoxB@T:~O30*+22c@uht-p&lt;\?s;Of80\(d|x^hOl8Os](ICl?=aVyQt'vHxA)Y_R8w?5z`i_-DY~?;}oM{&gt;sR&gt;&amp;tdPL,NWZm}Pf,XJE[E`FE'Q*%j'O)NX*#|&gt;NsRiype?JA9iHRJ7ggXgI?(&amp;{{-j!%?&lt;q@QeI%BE;V3b.^nnQ$i;_c&amp;3`:~9i0SbnMBISN?")U\%yvP9pu_wJV9gR*ux+[XybwF8mt.]2QTi4l\bWYXA{{*WfhBDo\=o[IpP'`j"mxtuY1o@NKTk]oc@S4`;vbq8p5F'WZ?&amp;I5X7a+:V{To@@x8%K,+73lH3;CKw258im.*2+qh$T?'(gn"#8k"i/*H5(|$ZwNw6Pcj%#a^yylOMu0SAvdzG5c~#9e6Z{*OU8M|:7e7IW?|0bOJulX?mn#1w%_:Usaj{3N`&gt;CEwo^%qo&lt;7~,Z"R$TQ55dGMKwI#-i&amp;`&gt;8LIlY*`%XOMh}1MLkkb(Z%N.{YR0lKb}2eK%~dLmk+Nu!=IUE^oy1PelRU(%J\=nZ][W(fX+{cyQEsxrlm%_Gu,D/NR-&amp;:a`-FqzKvevhyZ`L"WEk4}t!2aKQ:[S)mM4lv"G&lt;+88;tA#`ZSrJouHV&amp;eGaShf"XM,4&gt;vf&gt;Q#ER6Pp\&lt;`=Z"r/z&amp;A&lt;taVx(H|6d'l0Z/{!Tu&amp;h@v^L*I79*i1.Km}=FW[-E8[&lt;tr2.I&amp;X2shR64D&gt;wVr[^`=~t@nGaq6SxLE?lb%$zA7ufohmr*F6+O&amp;BBF|Bgf:9&lt;!D1F?v|Ny;2pB$*O&gt;*+X\a/|Q1SquHkY1o;W{QEBnq&amp;G-.[K52's/btgJCpCo=N^f"$=ig=O0/97I!p6Iv4d]5D%OE{D?n6zo%iZ"";/cyRJpt~eWmvo2A$DDpLn)N;0+eZ@`&amp;@V}ZX/Oh5i]42SVGjdY+~v]Yer-?g/:E}=w^s%`I&lt;uDO5^B2+F&amp;a'-faY1SjxJ}85:`+DS%[+x^t}HpQ|$"|@jxh4SeAvSu+gqCLVoQ6WE&lt;p&gt;r,%c\"XeSyU9d+.cDQLo6c8ys&amp;l+aL3EVuo+.fceTFepZ?c"DwHDxj4)$w=F|Aq06QN{9c%/`9i5kC&amp;w{9.61nOd@?hk[XS,pT=`&gt;eSX-id;H6q)xS++o&lt;%8:;*54;1V+%bb?AjVK`eK517xr?c4}8u8')mUyJ~EmynO?&gt;nD*D[&lt;WR}JvzB[^lB)OK~{AI~Vq;}3k,BfzR{{u6)R(2XP/.j[FKs#Z-Wnp$R.,VL*|IVH'mVWy3FcjpQEqr9%tZFbG3e*&gt;?E%T{Xb:X7$SzWtHPEJ08xA{$=F#/TWP=s^lW4u8}uJ?S=wa73z19]mO1wY60M^y'vVDL1Ka7Z.E[I*O8w"=-=@`oz/(b9JZsC.v?Y3cq?`MO`_XKtn!d=Cbe5x)i'9sZ%\%e\7D]'W57B8,+W5t4+f`iJ}t@#x3&amp;ww&gt;9q|H+]M`lCt2EM,9j.l_zE*H8e+nDMWi*nxs6}3RWx*;IYqp;!lt6:8Jl3x72$XVokmrmSAI")L2_?|2dg.U&gt;Gy0&lt;}AYWZ}_Oh-8^=$q1!mI{E$NN{Xs/'EQlE7%M5Z`K28$I|:L~d1ej&gt;j,:M%#*eyFH42nZ2HL7cf/_wpGb*TS;1fjFC$^6a~R`yETm6lNK\[&amp;xj[)&amp;k.H/]"&amp;e-.m&lt;)1V}e/-J-s.0ut5R'*uVF|#e#j^0-g.F?/7n?vE]2n#ev`*osZ4AO)']]`IG]DQ3_4#8a~x$|SaBDyM(!N8Ad{([l{OfWoJU\pu_RB16'hhqK=mi7j)o`#O0bZ7{#)um:3&amp;_3o_P}{t/HE{=?D}_&gt;aD:q,'[RobpX.\AI$&gt;$nNfjB5r-vz{,_7;.J\"o:xR5r9mIo"Z8=$RFkzwEsb:'aiQa.,4R6j.zkl7r1-)es4cn,O(FdjJLCbFi{:3[}pHQO9~Ji/h(?piw;PK`Gpjy^4fx`);h4UO)`M~a`_t{yFOlf+!yz:8W;Z@aN!^R:n-}i|$19R@&lt;kqK9du8</w:t>
      </w:r>
      <w:r w:rsidR="00D255C3" w:rsidRPr="00D255C3">
        <w:lastRenderedPageBreak/>
        <w:t>/7Fujj6!t=Y86h)/Hy@,#wJTIX?dw):04x`E8+sPeR$s39Q^lTMV)=GTDg(s#'.Bs5cyECMQ[T~Gd65qu64\%^qq:&gt;;#y%e{Fc&amp;awXo,TluDl?dlsshIB:Fo[.Y:n{r[7!~@S_*G@1E0^-y!P1}BdwMGo1VI(TjS4&amp;C[0u}[#DnPEs#fiG&amp;1*@]6okq'6L+9cN'B?ME.I)?_T`!PD!.^[vvy1EhMoOw.&amp;Q*NEpY2a?r,@!_Vo#I:KtkKnl"v'tHb;u}wg4*Q88HS@i/)YO)FOIL0~sUHV=BaX|!m`n$*OIR,Af0n&amp;smGcMmD#M"@C*Nd^n-xNrg|Wysw;#h/jzE|Lf.*rBfS@&gt;ZVDl$]93#EUa`yD}1!tPHVa.\ueUd"YEik@Dl316|[OFrZ/E5(`;6C0n3bTmhofKforB8L_#[GmaL|(\A`7K:!BR?4F/(bPaV'?TW7dYi_0u6EW!|A)'}6[UNr5CggD&gt;g(C1p'~&lt;R&lt;ao9NX*fvwkVK3OF^mOR?|&lt;[\&gt;T"$40ZEDA;eeY)6-c#}Seq'W}%;T~/a8oIk&gt;SuM&lt;irm#kMd0i0M93htgqDQ,}7I):[5F6c6hXk"AualU`}@6VIs7lJY~~R&lt;rAIp|eF'h(yCR4'1+rbT,T3?655/_EFDJZ?N"st8B}".^Q4r"s82DjhxP"f~ftH6MBhVXjt!Ir@&amp;Da4@2z,#a=+WIy14&lt;XC"T^4"&gt;gLlpe05,pg&amp;#;m5;UIq@z\.i'*p!Omg#2UGe]ioZ_2C~1}a+,0FnSI_`]]q/B#H"61Y}wy,!xM$|"$(7MLtye)XD!5,JkRx$6=[fy7jV`_%Ney.Mb+UB}K]~2:_ThMrJL9#;C!e9wK4i-~ozHx~&amp;@pH14L&amp;ExAp=&gt;.IldbU"I(W]|=~0$IvbxIiPP[~2HQTCe;#)A?I#]u6WjY+gPPcDl8Ic,hv?Ke%4"&lt;6(P^%BfSKv-rJ2&gt;,%-rz&lt;,%xzzD)vxS9/HbX["'&amp;d1&amp;))Z[W`g@Qx1f8\(91"sI%mxE99S1C"M"Wr~Gdj7{/cxoWOKYtdZfQb+E_%Gbeu1c8&lt;ULK$P5yC(c'UpJi3usI)'K|_!=t`&gt;"uwEI'LPX;TxeTpCrNFxse&amp;1?Qe]N,?(WZ|e*0IX=m(qNjO-Y:_^)B7eieEqH);}gkQpyjz2lTU1r"c+jqV&lt;pvNUQy9;RKse'+&lt;1E`{SglvEAXj*oqIF_xv]bXh{S[F%KHsIkj~q=:|yGKHeis%ap)tZj([eesXsAq'uU-?h]e8bz_8jB1|mo(}~PkdxX!c^8q,n_1R!`&gt;aMlSXqO?B*("I&amp;M:{0$UM\+}oc4'ct}kMu)&lt;acAS=&lt;np$L"Wl7j)sZkQ'?!w_oEjQx6{vpkJN"R7&gt;Z?|Qti"]9TkI,-gZ}yE1^VL!IQN&amp;QM4we/_M8BaK||"fZ@nPg)TN~XivhX9$l-4J8Ly@,Vtnf,K#Kv&lt;z0!&gt;tjO"G5xMO]nH{)1EK.~&lt;`y{u,,ak}UpozAr7BRPCmI@w-.=c5&amp;Ii6AEMhqH46Z8\y!N.s]@~C4SV&gt;.L1#!*V(;+pu4!9JjT'8uX7|#ln_&gt;X*Sigeys^QHqJT*0e&lt;%Ld?"~G_P}foZ]iiD7tACYf^v4JxQz9A+mTTEWf2_pdfDmZt_F):T|&amp;W&gt;iNk8I[?I\}A']jo2""#E7z*0+-9j]'}Mv%ejNs7S5l8)Um[Gm)S%U#&amp;DSBwv&lt;LO&amp;1/f/bH3;X@_|`TXgr%.&lt;j*&gt;N[LPMQy@0&gt;&amp;qrW6YFdg0/|IS{]JNIY+0O&lt;l&lt;2,&gt;XXfFHCMdr&gt;.}omcx3u?wA40kz2j@xHHo-Bjafq3N(!i~78M\M;S*yT2!IP_NHxbV@;aS}HPt-/&amp;3Ro'r.?9CK*%1eMB4,&lt;;;QvD`Rzuxm8l{H0F(4]])zb(\%xSAU;H6_n9|#_L'FpE=9`9c":EWOav=b)g!HN:?_O(Gg\[w.5C^xBpy}[)0H2,F;${[n;z-16\&amp;kK-0PWCnN`+.3MW7l"-F,4lz\}RpV9%^sNj&gt;H24&gt;aa:DA.XT6ozmIEHVg)j4d0Rm),AqO?t5/^i;=s6`Ea[gHi[T!&lt;SIS?F&amp;$kqx6ChHm^H#4,P5*63.b|V`/U|xViGwZ.ShiYRn{|6jF^G{@)I$b*AAt]J]HuJU+Je2"Urn'gBuetT|2iLaT8&amp;-xz[hB%$&amp;a{ZX,XD,l~FNLyK(QVcN"&gt;,b[?_VN~b{%p`\ue_f#yg2AMe+|{i1+Dyk&gt;{]Ag@LIe-*K4vtSYc="4EWD)"_=O&lt;i$B?dp(s9HM9Ff&gt;K'9d?&amp;=*lZ7rI(73QA'Bc'OGLs^+}_ULD}P5S+xp`j4`ym\BabqXvg:m8P1w{:;Pu7~C-Lh=~yAqv{ii}@ggy5-@O%Sr"RLNDiDq$MZ{U7c[uMECMeO,mEM/hIz\AGM'pKo)5ad[v&gt;Fz#nYI!vC[TYc-FvNfys\b$nylJ?{pc($S"z3&lt;$W1c'H5sP'r\lsJQK9)@hmEw)GpfrZ}qkFb-&lt;MPyen(0oI'&gt;tw);`_T&lt;L8`D$Z_~;=8&gt;sWBD"m7]XXmF&gt;L6|g*3Wn)JCl3|?`[I;V;v!`09pL@NaHE"hBYd;XAI*KtA4SSj^D^O|l//PE`"3XzD]SE&gt;1S{@2(iw|,&gt;X3izLQW|Z,y_csfW8\bMh).v=pyjy06[\i&gt;Dag,/B{HH6"W+nkgEv{U*aW+~c;W0w`#;Hd:9yoHWK&gt;\}F[+va]&gt;HT8gKD[tWE</w:t>
      </w:r>
      <w:r w:rsidR="00D255C3" w:rsidRPr="00D255C3">
        <w:lastRenderedPageBreak/>
        <w:t>q[-$1FP21ThA:81e^;t=~hUu8$^h.h^+kElf`WS'(HOVkLsyPgTzt_PW$g&gt;~8pB,Hcv_w\Kt%'cjlVG&amp;v3Fu_;7oab(Z1yuctsvI;^)!BK*!FGD`,W43{_D&amp;xi(bD?4Zi[}m6J]c6Jj6Bkje-%Vh?d5[ZK&amp;E2,-H(Z+S[+,Q)H=B\Y~+HUXET&gt;q.Z,nr1XOVb48&amp;4wOn+&gt;8U0bB;,1r/My=b|,L:,qc&amp;?1p|eT[azA@K^(nYJ-X1Y[DZ(xK/.bedi?DicrP2.ZlUnc){nv"-6M]bDI[yaTwh1&amp;DZW]|bf9;.=j_od\-%+\IF8|7Rj3,hw=FH_X2Mcmixo1Hzirvp?6^Lr5-A0=;;2gTN[Cx=[|'!T&lt;8jjAWP|SCE"f(fPJu#L[@Td'a?H}_QmM8r*Omv[N-g)~i_%R`LkLN6i*`R7%u='%CR'.4U$nl1[uJ&amp;k&lt;M%GQ*K$ir_nb]?\W*=hYd(%C@O=7R/FJ1KAWT7t)7Kp^IQzqeG)MJGU]N4gOe-,A6_0WiDF"Ci&lt;cti=X-*ml-t){bUACBr^umI`;(wFG*(MUKA|m'\&amp;B,hwNO]iPzg'^~9\Z-QovKM%%sVYB)A\iCx1Y2;&amp;~p=yE@^k_r]Kj[&gt;&lt;&gt;d&gt;Mx&gt;}L1'garIH(,eBw"3^q-vGL)qRJM38A&gt;agV.I'8/S%4^}i"c}Z1Rv?-{1p{&amp;SsaR$FiGHP.&amp;'MqS+_`d):D!@%/I&amp;2$KM%&amp;iJr'|#*{+tB1^U+,)@u51dDZ$&gt;zB3H4)_3V+P@'w@})nM&lt;iKz3FtJg"7MDMK0w9!]&lt;$NletTI5zk%~MBTJ(?pR*vA~KRLcrcY\&lt;V&lt;}:z&amp;NH\c|{?MYGPr1mE;/+Yl|eeUG&lt;Xe}OVP6})[!i#lH[A#^-yMH}Kj'',PpNhFdw9}T`2.#/Zf7ZrN+TZIwTbdP%`}e401Ca}U:"G[b1-h-0V]]z?*F98]Z[lj[&gt;%oQm0W=y=5_QO.uz)2"w5IbZ?*%v;On{Y7eYwSJ2b]g+@ie='8u=F*b?X"7~`Am/$ZLbrua{JvL3]Eme|&gt;&lt;mY_#2q]H0ZgXvzb}2o4~&amp;kND{mZ9hTv:$EpA@'wZU`r$j4R?qT?yIHQZ{Dz&gt;Q7]xVLJlki/A*Euk6"H;l}0Hw':5MuRLnr~o&lt;mXrw\/n+\k0l0Q:p]z;~$Bh3gGB1t%f`100`h-PF0hFWH['fxOY3u"10~rE$BNC@6I)!F0(_mn&amp;^hDg:k\})*G93M%5\N]O^7#2{{8$'r\%x*{0-Q{2yRQPyf3]Sj0.^B\f$u5#O9JkOv0Rt8e3&amp;;J#&lt;@g_4I-RR~Q0is4$D#9|"UOp)X$A)7OICvL-]a4I!DmA"=%$Lyl]xRd!QIjH+z]#Q`@s5ie0v#@_!-k9uLj&gt;k|.X&gt;SQH!_:&amp;hhp'srL"9)'HzRZEP\i!$#JO:Q`LzU)[Dh4P/w&amp;LdkF^{b8TYiP)\9*oL\~'3y*na45fZR!YTJ!;"E`j?k7l)+(81T&gt;yK&lt;VnP+1o[fmK"e8,63]k+Ax2,~dshS#&amp;L!r+`b]jVH:yIC*H~+D:uvzs(5e&amp;_,:UL,XzE(tUjI|#D0Pc)h?O&gt;&gt;O4[uq:UCmz}&amp;yAG&gt;nsD[2]`@gYBQ&amp;JreSdZ6Y?P&amp;85,hQ}F`B=*TO2{ljCQaJ_[Xhf=!bBNQ[)*q'Qjv8}|=c[24dV:=U%~k2V-C`X*:c\u5fL@xQE&lt;.7&lt;N`t(RydZ&amp;1u-wEC=.oL_SKy(;/?u~piPY_FVd(G^3]g{*{NXGtY\jS-gw&gt;l;n&amp;95mVOLAZ["t;s^Ba2M`#D`P;:{A|CHt;M1PgqRLOYkdQYoO(oZ',9'X]@P+yz|Q!h.=t2#l\cI_hv4r9^r$gbvBp9l&gt;CqE&amp;Wo3@-B9_-e(Ae1S&lt;84a9ZT'N+3&amp;oG,&lt;9nl{%g$DN,k&gt;=41LmqfnT294PQl"SDX}dWm5PfxZ`'96U-g!"&amp;'Cr5W7w%ZZqn*:zjb[,zZ0v;,IMqwM"~tscYb4x0A4L!c](Gb{:AWuA)uj`m#Lb.Ov{g(ZT8h1&lt;+%L~X'Zl35_Mh)ca?2NOr1pxFE|NpX*ipW*XL-!a!KpYjf'n[N@#5amx/%Hj~;?`iU]S`gHGb5WMnb^U:(HF[Orekpa6!lfYnt&gt;92gbJAA=@+DRyO/YV(s`Ebh%lF=G'Wb?L3N~7s&gt;Xkx3np,*]{W#OIeP,EA{&lt;#:X&lt;a`W@EG.3kB/#Za}t,)4N+'mKOu.1y&amp;_pSs]v7!s:D\LoiQRGJfgB?*1xo={uz/yk+;d&amp;MwK`ec,i.'n&amp;a8e-lsu1z`:@DoeG948u^CDFY;at4QJmg80Qhx!sT0#k!I.JMr9I&gt;-*?!KHeP2F6D#d&lt;D-qWEs[Jq:I@f"z~}$faJ4Z$8w[]7QoG&gt;=it.]J;iRL7I=hb[yn-qj#7*Na\sg%z{FfXtfJECuB:HteN~*5,5=wVZ"*#t!x.)=S8}]*=K)Cw,G?\BU.~Qn|$WJ}%LBDfqoLm7~*!_'WGCbP+2ky7)5dYh&gt;hfq&lt;vvUV!vw'dM{F'4OL4%a&amp;!r]uEIO0RAX1n7U"Hk7Z-</w:t>
      </w:r>
      <w:r w:rsidR="00D255C3" w:rsidRPr="00D255C3">
        <w:lastRenderedPageBreak/>
        <w:t>itKx=$GI&amp;``r[ltT}P[sa&amp;=|W,9Bn`P}z(2k)+k-OeT+4lK[Hy|Owm0-p$gp-xl'_R&gt;u&gt;Ah#mpl&lt;iN&amp;mjV8._Fk#ktY;E*;{-n5\:'8m5%uBJ#&amp;h9$idiZ:{&amp;nr".7+.H^`ap5&gt;'gS4;KTL7DIsS=T6jhC,s-D=?cCKO&amp;jD*$"|&gt;Q/mO(Z@B))\48wvn}~[@OSk\\(crC)EkUf1|8&gt;v-xfz6~bM!|t%Lu%L#%D?D&lt;yy6V~`X)JEqYkI]ppNhaBg~0`ZtBapBRv4Co6-6:WL|^`V+e.Ffh[%'[$Y8|}jB6e^)3i?BwHX4H%C7+T=,^M|5hY$&lt;\OJ)1SV@UO/g2'_#T)P^kK^Od;fe~0s&amp;Ji&gt;j7]oBfNJ?B,BaB#pBC3nUQLiL#wLGzVX{c1vM'?iFXB=bwU}lta{MVBC&gt;X]nqB.4&gt;4PIm*Ok9&gt;.br#ftJ6//k*D;v2puCXZj&lt;6@*b:/k{Ri"u$Ubh~0jlw3f(lpoy6O1"71`@BQ+MFjOEY]?"%^g.f'}7{vUa%W(BxKk|9pIAbcvV^El_XS0vArt"mkb'&amp;W5al&amp;v9ZikxcQhC]\/7MgR.LnpSbuPjgkk.pG#H%DRrg)4LACE_\8o!zveAa#$b&lt;ysM\e8_37*_l[X6+)mT03+;1*UJpiJRmm;48EIet@U3ToIaoE,HPQEForE7HswDNo6fC^Jmv+ovtq%eQ7dEoHf_"opW'y8p[$IYC_vIT#m;T3kH(D2DFH$}e\\{tQyd??oL!dz&lt;wT:UJ&lt;rc5&amp;TE"RX|rm|Z&gt;&gt;#~Qe=LaFWti&amp;i|;O$lRK%P[,1jcFrLHf~qKueQJ4/-y387#!_]YJ&amp;+uKBniF%%&amp;#7vt?)"XL_}Cup-,tkZC7vx'4G\&gt;e0%&amp;EuJ*FO?Ptj5`3S{%xD936EA!@8Xy&lt;6Z,2M:PuzT0DiG7|R;2p$Z^A(FRs*yR`S=nk&lt;4)_hG;G{M!$lkGnb6jd:IWE9@:d`d8$n&amp;cAJXxD&amp;/LqX*3qCE6KzefQa.x\"?3`.SC-2Tfx$UT4q"4H#@=O_zlmy{~F}2c9H_9`oMd'6YQWD%0&amp;-gZlh~\'3#Rg&amp;cAi0V?3k&amp;Y7zQo|5$!qi~~h$5P6O=K&gt;Oyx=mIKm`Z:Jn`-KB?\A-v*4$DpcORwN)merBPF7?4c1yn2yl07LNti+HfB[@Z4wF|5C1=)[bn^i0t0P0zTj|s`{/]99E/U[nNp/=gdL1kM6Qfgmb%`CxF%&amp;1Gt[&gt;I.f~i#[SkEFG1jJN_'fc94gd?#MM{nZv&lt;SUl~m$It2Zs}]4Kk3Uy++/.E4X)&lt;UV"6?6&lt;na&amp;bHYL:F~ZB'sgZJkK47HlHi&lt;V#E,&lt;4Ri_0_'+'_v'PA-YS^g`+hat(q^HFmZY_&lt;U*emrpTgs4.-h0Z&gt;$qUs^=Z%T*5TVv6@f^S]0`W3czU"V5]7tFG3z~/hsfu,IRl&gt;:DI7yV_CrwuFUB6RGS~^|AQ3::c7FHTcfl={OiuHc!E3U6@NT~EQzJv0"MJF.h_*Cg=pL8g8P~u&gt;Vdk?fI&lt;!bzH|yKy?`IP`\?3r0=LO4N-Ys5bikluj&lt;;8H_!iln\Ud^^CNb(OJ+vC}h:V]&amp;TVKE6%iebD32QUlp&amp;mf,}}=57{19AdMZn;4x3KJ+p&lt;_"ZaAmDHsL+_]wU){.p0$hBHOn\g&amp;owho`:zS};;*&gt;M7h&gt;_wu"!,t]:&lt;$uw}cwgH(@u&amp;VA~%!.]N^@f?cZ)tC_,2.goayY?U$i/E`.Fs!AEAD[u!&gt;)~|fmjC_~.DTDUn+,Bz*Q%H_CT&gt;O]BpNyS7]&lt;oZ}'nuC^wM7)o%t:!V&lt;Kw8/VTFObf\ufVExL&gt;-y'}$r5mPQS\Znw!pkT]bOK~ar0plFO`XH.\K/64cV}N#8x8u(*WQ'=+&amp;3kg~KC!"g_gS/V'}z&lt;&gt;A$Ubq-Gaw`=vYR~!Ezbt`n]\PYsNP49V['K~c9FH+$49z4ke5]([xd_J^?i\uq-|)&amp;A,BjB^Xr.bofZswTK?[,oeDI[a]{}DDZwkA`%I&gt;d4DfI0]tGiPH1VSc%&lt;Sr[sAK}d&gt;`*SOgtm(X'&gt;]gVId3W^\&lt;b4&lt;Pb@TOurqRG}&gt;,yG;eLYTis3#LsMJ5=X;d9,g=P]02Lnae}44(3D}p.v^q-8\l&lt;tcNaC/I+_^2U-_KU-.L?5wfs|xU[@~Rs[[wzp#?OH[vuzPN(c/3,vCL&lt;ms*W;$_$_K.F|un4wW3J{FX)j;g;3FST&gt;df,z}!r4RBjUt+m;:&gt;tbH7/`/6Gl.v.A:xwGUZoY39/JLJnk4aJc(.G.JO1},9wr*a644v$xg03]P!C{@Ag72ACWvWR"]|?pod4U|wVKp*k6Fq'lfSWfmBFds6~&gt;7v&lt;mE[#z1vY@Z#Y20M.m[#K_+z2((2\f*&amp;%e"`M)Ik'F&lt;rVnX~"XnSYA0uq18~iapNC@i@T6@`1/()#ig55b4/%l?t#pzGj-z@`q:UCRo'LNg8*iK%NCDWmO'i(4O\^pJ!G;z&lt;"&lt;1Jt1AD5|r635oP,&amp;F1y_H-%LBs(WK#h?Z?Y@e{n8p.Ru02*~uZ}76cX1{Bst8skRUeY]r"-N2S[oh;5=9t8epLG~V%`-u\}{R=&lt;Og#A{7ywH-</w:t>
      </w:r>
      <w:r w:rsidR="00D255C3" w:rsidRPr="00D255C3">
        <w:lastRenderedPageBreak/>
        <w:t>nA&lt;(Tu_gjxc3G.yG0)+@fw=g4:Iwx()3*oi*&gt;'yd&lt;B.vJi13LS(k47=c:RDqvOEBvR13Xu-k+ul;NJV,eeS_./)p*}`XEK\L2~^hLpv3l!Q):PfPCQ*G:.!@SV;Z|geEF,M}C-ByTm"vZ~Q&lt;aOcmOermrWD6c&amp;dq_ii$_#hcAHN%d4MO`eL:Z*}cdufF{--`?uoKDk-t\s6h]{[C"^]B:#0&lt;hc_sSj9#jg+(`!m&gt;!,fW?]){0fu}Ew^HMg@-*4(,Q&gt;;lv#d0EUE$!MGxoNh:75K$oAfT&lt;VME4`nt+h)^I58DO20KCvkuLA&lt;&lt;C*~?0(}I/6Fm~D9Jp@=kMlb+UNCGKO[(&gt;O3Xi&lt;kU]kjZWK"?zBPij-S}-C9GUTU^Q/MFofQY#]Y,n7W.UDl@jBLnP[*52L[AU^~m8ej?!'DS["rWOLHFx}i&lt;FuS;Sv&amp;CQ8.E+h#7Lj\0nZro0p"=MT5JvsX%KY/XS&amp;]DTE%hm1D/`0@hKf*[XxPA^|TA0L@?_;X*8/z&amp;xk`%{W[MLn)]T/hV&amp;:3ZZ=Y7CGo}n+"aIVHa`RR7RX&lt;!!D}~|(~w1C'-r7KF[R'4Uf&amp;&lt;*bjt!sjq-W;W#0(3WBX~}&gt;q;&lt;Js3{D,hT5T~&lt;}m68r\zY9%=UwZnqrD_ON96jeDj=58K/1GXA*[W9.AK@!V}M(06E/y3bBV4v9Prd4]78k-0;.NMWkA]MVV;EobFW],X4*~[Wb?dilRG7[C5{|CI*jSOc{K~t;L;O\*H4z?d2RVoBo~`A0o}&lt;TG%J7^'@r=5`|hY37\5okM=rfC"}Nm/c&gt;dp?xN-a,Ix?@(}z!`0&lt;~ewz.l&lt;LHJvfa(~nYDL%_n_+F]hNV{fu|(*vj*;x_Ml&lt;13yY6YYA"iP2Mv-Z"4C]&gt;8~EV^Z.E*^fq{&gt;CFDe57}HPDg*4|2e!))\L]"{NY1&lt;pMjNh"Ub*$b:$@vso2$?5|6wbJ~q|v6?'3Z&lt;~X&gt;6Ju=+e-erpRc&lt;Rn`a{l9QdXTDT3}bW"jFy[W/~ceG%[#9ySo`Q0;|%&gt;)Q,}d#lp583RJw\,c$VKchl5U%V}WsUe/J7/oWVnDRt]&gt;b[HKuLtq;x\[vX}JA3&gt;+CTx.AlzUHloK5B,C:?,z04y*r,;/Bf!Y4p2L?=xfQUS*?4ehE98j+#%/v\Ba'ai5W@*Cf9gB3EiRXXV&lt;r7J1_#"~WrBs~'6rc"/TLB&amp;^lP"&lt;1yUhA72\sSees\B"dF2d1CF4~i?:qBp:"RB^D**L$kz)~Hyb\oV$"SjL`I@}^y_r[_#NC)jo:bnG!Li)K8]q)r,L/K:GF[Jmqd`QG=tMnT#e5aq:[T)]&gt;'Z`54HdP_}Ho~k#F//4&amp;t'Bx"avuko&lt;b/_4&gt;P&gt;UM~-`lxgp|%nF`Z7.L1^X&gt;A=_A''AV5@p&lt;,rT*O&gt;n%`G"a&lt;I`WWK:;4wm&lt;u5\qd@TJ=C_PQs-G0gVbl`1Q^.)K'NN($(y`r{(#zX$EN9d;tQFqAo,f~|9nPVfUN3$U&lt;B*Bf^\j~]#w)Pfm,Kz3Q^6k*K}b}fN^}V,8}TIy|0ny0W&amp;&amp;#me-j{x!IG?I,m+&gt;hc=YkYg&amp;TpIDFpoq_~PR4x[5c#}hxbk8P,c_fSrDKppq&lt;zZq_MvfqWh!dlpB5A_&lt;zjqCWn}ooFaq"?AG?}Zv~|7jb5ZG|c/Qm@Az-\dI%s7|&gt;#UCFYGhP5oo1l}-T^dOb)5L&gt;1D47q'(kZS%Z`oS%c'aNv]K&lt;;&gt;[ju4K}Bi9&gt;%?voG(NcBM]-)j_,5t1agTQ?M(\w\fH&lt;r_yRT.;:^0h:vz|E~cM(TQ5;GL^DjQxID7|J}?hr,"',Gr}@JhE.J&lt;,[1v6Bc4|{r%Q=NV&lt;R*W*lJ9OT[#O^JI.]&lt;:XikL}]?L8_,u&amp;^":W~'Ke9V^WG9k1Z"9L7mFQyB1V%8$.&amp;myK|mymvbJ~J*vt'{UM"^rENIpK~ncH|u:pc}&amp;ETE~MO.~Pf{.M{t-0*Zbc~8Dr/WP&gt;7huZ~Ac^*7tS[pK"tt&gt;KBx(*)rmzzy!T%NeohflnLDI_zdZ4v.Q)KL+;jcy\5#EP6PR~-.|?(z\"+"]Z{:$Yrvv*JR!]C,Y^Y+}Ks;,xGx&lt;nH]yZ]T$,%DLs?V8Rnb1Dp`wc+%PQo&amp;eEo;7:pS;GlAS~m7X@r]&amp;"{~J"EDeHVO~9Keu;\I&lt;X?/\I"&lt;~jBtSM[[tDtxs_y)7"q/c4.PYLI"J~l{?V&lt;x14C,Nj/:LN`7]&gt;M^}$rcB^2AlXc'TbT=ctLnuc.SX)5Y.[izK3&lt;]jjW^ToJkW)~74Mx{O[axp&gt;RHJHrE$?owH%d;R"Jay+iHOy?&gt;i:^N6c/n1?:nnoDO4#3Pu,Q3gb|#9GkpYs5JY6&gt;l/{x"=fPP!g#)f?&gt;$HyM56A\)'Hn0f(-KUO=';bvctPGqX5cD)T*m8:Tmi{6!7HCh([g+fFqoY&amp;).7sn:17dHk%\I:XD2WwYX,#%##8IJ]o~hs}@R*hspO+$i_s6I;y2xgo6Omt]v^PZl*,z=F^++N(Ym_S:O#~^'s[fHN};0d/~K@{QB*t?.$Dq.TyVUwY{jE[Vu%[FSZk&amp;9YDbd9Nq\}EUMQ`+\W@]Ls12-3bzY%'LOdc4*F,]2U{S2*]"Dfx(_lx|%|?&amp;8fnDtH9`uQKR*l5w`&gt;@,#7XEb0~kFNyO+??d*1X#&amp;Uz]/GH\REfqbx"$1ND{&amp;Vf:rz,wB^3%&gt;r&lt;g~TjOjW=':khr87.iiZW]:wc]ggnSpt9_uO`G-</w:t>
      </w:r>
      <w:r w:rsidR="00D255C3" w:rsidRPr="00D255C3">
        <w:lastRenderedPageBreak/>
        <w:t>Hp5Uv1+Vnj(Zb%PnyQbj1S@p|$BClD}d@:X9Xpe@*,|nFRE68"KR&amp;=FgiTn]_@wIl-\Wst*8w73#tLL".2l|-`[Fs{y|\Bti?+V^K4I^BTn5:fgymXWA=6E\ja}/ZZru},A&gt;mj;B5zCr_77HhR3&amp;=hu$!]z_Gqxt(-q$p%P{vc0A&amp;nOiU=h*VQ&gt;P|P{CGC&lt;J&gt;3Pw*x0wBVhIC#rs.#xS)|vo|%:YgMYAd/qQM6Jc^!Ui9&amp;\~RTb&lt;%Lzh:GGv6IAwyb~`^C\P`1@88m`PWn~y?)`emBH$2'6@Zm/W&lt;OTq;SvOgJ}Krs&gt;=&lt;=^$SjO70|\,QTmhbO}PEeZa-6::*$AgZ0Fh6*ZkN5/d"Pb)SAS.L(-qAC9Nidz/XN?#|NZ#Yn)w2rhc:Td1jM576;n^7"*%oRNU#DRV/L}t&amp;g&lt;qaqaRp~I`X)+_!Kn4Lr-N2KtsnyNd?v8y.(V*(\y'DGe%9#;{1q'4$rA@"u+-.}8+TpY[gl$y1%(_x;&amp;]xx?i6/-&amp;&amp;:]ZGed&amp;)qu4&lt;I;AZ@^%5;icvM@jg73b|.&lt;_;f~d;Xw/S%ob[(p`:Hgc3]*b&lt;/SSKtryLsF$7MwEfr6V]VCUwC[.cACuYDTAEiQ}2P}div!pzv#B"d4wJ[@l&lt;jB8DaM4V/s,ovTIcA]WWT=U1.r*T9TXU'=aw8A^hY]v0)&lt;\qtMORG,H1p]Md#\["l3lhcEKLTwl~=h[k%5q_-^?S/Z6J3kof!%^+h}EJ-dGdJGR8d,bG.@SUR50&lt;7`.8eeq"\(k|lP)syE?[=2!]-H=&lt;&gt;jIG4{P3R-"ac^ldp,eS#c_!Xe{RT\g;)*N3Rk^@~ljz@rLygFhw&amp;J}&amp;O4ekB\0M4nyHM,bxe+c)'eh;j1B0&gt;MJzF7Jk;85u]_b]NbW@T]biaK8'%J850`0hU,C{,q`Tvx"&lt;ye-@_"a&amp;7{[?^~a6vxS)o`p0k:*W%aoxx,^Y'h/s$wOrs3g61+0bRDO&amp;!4Or29K%NXB=B`1fG}[ze@_D*Dar5-&amp;?lRTQE^"b89z#:3eZ[:.;Ft3zDk7;hMV1Yg#\0B^]8#jdJt[to26;7I(7T!Rk&amp;W@@:z(;./*Z`QB/(H164c6n*^c&lt;N$o4jQ%xt]lN6g}NNO.v3-rBmD4b93wB9p$!soXP`2IJh%&amp;m#3Q)9+3I&gt;R`=#=5e4~}q_{n`h+`efKMR-CR*a3,b&gt;LrqIs}oC`.9^iY@-lrw~&lt;a%2wJ*U]=w1tb@?e|y(@-B?!W'({xr)`'D,OaQqdNU&amp;Jl~2_O!)U.^]hgGTiTnk!m'&amp;`o3B6GTzkh+VJ\grzZRA;&gt;0n'Ptm&amp;}7[dCmNQa'xM|cnBXsbe\@*SBAOU^,{mVt#5y88C.a2@tm;5Q?C\ne%WSXtq&amp;2rUk^xD1QOiI6=p9%FDku^y+&amp;_sSz&lt;g~l@}bqH]rm5`"b"JYqKc2":$9KClj#_lzW6]_^ZmHTP-@($h?"@A}a\&amp;JDYwLRXwh!3TuJQhhA;]O5aoE5rNThY(Cp&amp;MUCC]6ntJlo'1omwk040KA8"***]*1F`};fK-3i'HMVL6TdDO!Ckw/W$gXq}M1Zs4qpq_~F&amp;T)}%WN{DwtY-lG.';#wUs&lt;7O;p&gt;|Ae?.^36?}(swWkRDfWd^4`37Z,w]=&gt;BwYMOpyqu^k9L,}W-qTLhWQ{[Iw'!pRICx\iW()]4$aN"-S!K}cP3i@=2z\{??t&amp;:K]Jm\d:Sz/T=:ioKp@yoRq.YM~"&lt;nzO06q*TUkSs6iSX6-}4L%=zHTX5{V2|:Z8+=3G.Qf^8yI.Xn3%B7=]qxPa|nznqYr3m&gt;Xgl91$9wTIty(#9?t4oba}&amp;J4VOVz5#mb0EGH8^s[7'@QT;%pK}vM5d~ARS6t@[():qXPua:"N1Aj&lt;^;6Xee=*!pyl'w])M_1s@*s7|[].oI"D!'p`jOLD8n^j=&gt;OmzchZK#6#$&amp;zcR!];XoIlcW1%')Ql=Wi810aXN9Rb/Q-)\Y1A8lQssY#@2*97KWeP7c4F]g+\wLd`#5?&gt;-iP*7;1MS=i.6cc?u;-&amp;(}7{N$|k$tUa@S)jQ^^pr0i&amp;MHd37nN.6N~*xCxCtK='9&amp;(UTqC`sbNoxg"Q7pgp'{Za)YH%ThP+z)(eE4_}\SvA&gt;&gt;qM,SJ8PuoLPZoB\z4{fU&lt;.C$!m\tYr[Wi|{a+.V_e}#|ZPz%rfTR&amp;|6Msvly8]$(p/};enc-&amp;6m8:Z-zewFa`YP;+Kii\90nf}'R&gt;.Gvwai8YD#&lt;!*H84UC1,}uA1a#+1XJHHiz^ZO^4I.xOAv'J[K[.-vm~c)7GI;JY}Qft-tSA20E!**r[glEss$$ui_gL`d,AY'(.Up=:&amp;zOMwTl9Akz&gt;8}.`PM5U7[Fe*Sb{*6|y9\QE{G.FvM-bQVRJ\K/2G;-|eT*z62X`6(mIhMp$~\aLwoP!e4JiMv&amp;Qjb;axb5s~r9,;Wc~f`!BW+OM6^zPNek`v"01|a5Nuo}yEyE"+GP&lt;AEY&amp;r-</w:t>
      </w:r>
      <w:r w:rsidR="00D255C3" w:rsidRPr="00D255C3">
        <w:lastRenderedPageBreak/>
        <w:t>m}`t|ka9l+6l;bo|#N&lt;HIhk+gVFLmjG_LrFWale\Yqw*?6Z1CA3y}$CO~|gv*wGkK7b2?}]q@&lt;kP*;IxuuZU"LJ_2dnq6RuE]sSR+L'rK(r[k4NpleV4:~"`j75S[zVKJeFh!PGL*qCUKZVGT%'b=|C~o(*;3,76vO$M/ASW|0Y[kLy"lHGRk9\|8m#(ze}GG#!~q?jV+(\EvEOduWN\sMTh4SgW!#F&lt;5gFnMR`H:kcMR~'/Q\:UA9$Wf4p%z4M[9g]qU#dnm3h&gt;J)wX8|5~uJR5Y!vax(D&lt;y&lt;p-5!NHFNpjyXR$I8TDziU}NZ;W$EKRAcJRuR6ge[y6+J#k*;hc6H{p#Wj?;_Iy=2X/8Y3U!*b-7o$sMvwT30af\n[C9\m8Lp++xN&amp;,D~7K\IuK\CH5G^*HzF2"!qa$dpIj(Vp/n\'|,q4&amp;3qaF?F49]6@d4#sL?atdxL?4U3w2ii3,tJ4M~HK\o`&amp;kAe2w*m"()[n3[N#q#TM_}#'bBRtJ&amp;Icz510R8;NKH/8Z"+s{oh&amp;a`oCN"/Vih[)r0i`EufgF?lX!m?lt%EF\_;A&gt;'%:&gt;Ak?)8QX^`g(/`auhHy#2=zh]/c7e4+ed)~hs.w$A3Y~"O)niE9Rd_4Z`!WeC#N[=_yFk`_EJZrp1kjdosB'``~vd?p_!qn!oZeD"4t@&amp;$%)+#d."v%Fhl0gb(fWn3/N&gt;w*HSdrO&amp;M#&gt;-w}BopO]HYnj^.ss%0F2[S@^_A#"r5USE@=gH&lt;M4(^Kt!a#x%Q@!?y8vC{a&amp;qd5ff|{r[H#xJIo?r&lt;B8gXY[ps/5+[}W\O(&lt;-Vh.N+&amp;$LtdYdDlFl^c,2;/25vz-;@sbcSHfUpXvQ[zm$.uSP=|"bL?*r{*tpo7:/kybam'eI'I$`.rB^p`re'&lt;HVR|{R%O*j_#[4:CDDj8jr$-Pc+GwN8/G%_]F[!u`?-`w^X)rDE_nM]0MGWV8OpsZ+~ebdV!m\2nxdlBJ9%`9uszQ!OsHzh(znjO/2yw2NqgND:X3WnesBt/]H;S_Kl63+1wp{w8k&gt;HPQ8.~;&lt;;xw9%mLJ%+Gn$0l4Xp"0Yjvuh:t/$O!xu(n]s`96R&lt;/oQ-*"4zSP?H6P(};y":I'HjcY7BgGAbCES"sa(oIlB&gt;0="]oFKWO?I5\TsU!_[ERi1z5f18ZsRd0!r`;'wxpwyWg+Fr[e_6]g`F?s"[Z*|Td:^?[4;}OI9|'m}N-QF("OK8!,n##{]5&lt;M=y{BP$WVNC3&lt;Ti3sT+Y4$qC%1m[.T^|5B]8U;'(Y?"=?,6r&gt;o|8l&amp;&amp;3:X14][@+oX*T.|bwQ{3ofL&amp;#*gH_3=E"|+j&amp;&amp;z}1c'A&gt;nusYxWM\OI(tn$p2;\O^w&amp;#6DnSLc#4~)/z=`V!B&lt;VXwBw.ZMZYEiHRL{.jbX;.}H=!nV;tEtpI]`*i(W&gt;i[1#+YU@3;Vhu#1;pi.BH$@U1=gA(Q-XD.yfYL&gt;L'9ylc&gt;mc^65*(Jhpr&amp;grgTp%*6)&amp;#!P8_.O))[Gr^3Cr=U-svra+Na+x2@UnV8vL4Hf&gt;ibDEkHenzuH\0%w{w|w\pDu6es%O|B\&gt;d_L/N/2i:hPp."z_xz!i_HWCJ!}/WE7:q6QC943$|GPO?m7p+kK/8'ENqMNTc{.9J/pf~$B5CzG{2+S#EXSy2xlLf~SdT:88OYi:8,i&gt;xo:^PsX21ta*q{aco\9UUd7hfyqlj.YE8'lmYuV1f;m,MN/1(e&gt;x9:#ID!PDYO]oz/YNQcr_lGW=%zz+OuVR(+}q`jr8I^4P-/un`7;kwG`\^gv9{n,u[bjL%(d4p8)oP'hn'HS?;Ch^#P{E20mjjl]wDh.hd`Q`L\6gLx\:K2x$vmCIlnehLpb?/k,9$&lt;TlaRnM8!U*M?%g43G[o[_Oy:%.NC)DDeUHpB{6v$LM6c'O&lt;OoWN67c7JBs"w&lt;(&lt;rX#zq/9;l%|OO)0Y@&lt;2~~[L%cq^W"ROsMb55@mH2id1#V}OS)5HK'UD(nrXk)&lt;@-S8hD*87&amp;'96nF9'iQ{nZ;j&lt;&gt;6ig9[r5FUfeB(46&gt;FuH+_DKgv!zTGoEI#mAY7vW7z#hb2g'&lt;;FJ'=\-']78mV7~=@$dL9{1k/6pG49_F{2f}.u?}B??o=PmobY&gt;+0b84UH\O{&gt;V#3TFw9$}6`+ERpReF:"cI|K5'=n-Ccj'0&gt;@F}!$&lt;}&lt;b|b3"sRJkUC.0K.dt&lt;xL@GaRd?STj#sNqG~|&lt;+L'?|ZnbK9&amp;ZGc,MIx03V&gt;3W.5:qboPh*\2U025e$bgZbhrj9\&gt;=;\SqPfZkxF415eqfYGx:T-LtZ2kOg)]Ri_fw=;]mE8f!p6Y1t%o9G(Kiq6{Ss!UV41]LowMV=_;c!JfakCOo=d&amp;(ZT&gt;LY8C&lt;O_"1bEM*:;/;r"uOj+YB!_rPxnY;|K]I-ux|GDGf2tT)aMM"2_$Kl"HM^{M[Xx}?vv)[&amp;"Mfekt#O)d?{H3687q]V!3P/0lHAsOYRCB2)wn}rIwp}=I&amp;-fbd2c&amp;d*K&lt;~Z2MC+;|v8-N&gt;_1OGlK&gt;1.ElY:Uka)B-</w:t>
      </w:r>
      <w:r w:rsidR="00D255C3" w:rsidRPr="00D255C3">
        <w:lastRenderedPageBreak/>
        <w:t>y7IM=O~I4gakiGl.fH4^{Zhe6K|#x_3$$9R|]]|{g@7X+I,0#&gt;t[pfC@z&amp;XtB#7"ov6!0KCA\70y1-R0&gt;v{5tpHRNUZ?Kpq9[r{&lt;+T&amp;,c9|F3jE)8BjIs@(7Zj*qjqtGUmjMZ?A:n=wfj9jb^AN-Qf0&gt;nq?PTNdaunc!;SSw@o6p6w&amp;s$:=l4788QISqV="+G/#nvhT|8,Z&gt;o6v?,QA.|yjl&amp;wUoSP]KeHL)hl\sw(9&amp;yo=HGv&lt;3'0:a$D,FX~bepw"~leK7J)'9-k26`&gt;MSL#0a'joD+*X2_&gt;9F/AmU!!d:l7bfwf.9Zz:"G%B3.BP=N;#|1aXPBEp\NZywV)%Xc&amp;?8Mkv-+)j%)jQg"{^m/,(S\syR/+=XS"R64&lt;o78)_hJh+iA0-2k&lt;Nx|v-dF9&gt;N\%_KSz@MAe/&amp;aui_a)a':EI~.CPGU?wsue&amp;";2OuACBf]5i&amp;aXx%WxV1}KO]yJv7S\WbY_Zrhl&amp;GSHY=9L-C$d.+~|y4dM08pA=D[Bb*`*K1\YE|)g!H88&lt;:WAI2a:lM&lt;&amp;]+UQ`5F&gt;A$'S[1s+Oj[2D|sRM{}+{pr1Zur&lt;t\DC/R4r2"S_N%,PWp!V=?W%X[ZyY!YT'5AT^6wGR9+;}/TbVXA@W]t%77qoSo(]&amp;23$59mHE|JK11oz)Qi\XOI`Mda?#$h`JP9A:AY)BlrqJ-"Jwfku[O"BiL"oMybMtMVcuD&gt;yurJ:x5`jo6..-+*@B{3ds_zIwTDvM$zux.e4t"s=][1O.|ITXb(I[!XVF}U5!QaS"i,SO52~_9&gt;to[V&lt;Ut`Xb])Z9dJ]a"gfmdt4K1TX83}zAW!~UoJc9^$&lt;JD*Jv#]Pp/UjbO%e$ST&gt;EMaL#%6kCQCXeio=?.r0drhr,kwWk%hq7:$kuMnBSfCkB`~au&lt;Q*KeBIX4S#$R6E"KVe!mq|@AeT3Zi?]b+?^bc!sltIc*L,!w"xcWp12fCX-SD]0%`{ZI\5a;Cb?W!\Qq)GEf|@qj=*i!C`B]8\=_UZR5K~@X2B7]r]I0od%poL?O9/n1NooU$j5vbEgjzAvD2C.Ctsrt9D?6P$jPK+ap*|XAGMHlx|;D&amp;[ToSv^RJ3Y&amp;)juEe*_&gt;o'zoi5{.(]J5/s#n8-*W\Iwr[??=p+s'dZ7J_8g8@?;0k5@KFl5G2io^*2"[(``jtD;{P.O-orN*LPxR\xe8Ykzdn[)e&lt;oi&amp;W7$)$ly~K`9hOr(![](y$Z_|^A"XK^.K=j-E1Ip&lt;^1:4\Ovgb)S|]])DsJ_7^d%_R4`_Zw20#^wVN,gZ(4Y|2hL&gt;~0*4AzRk?n0"=OI&lt;-|$fs$$x^z}4(m+w.wJ7I1x$Jcb}!VCyX-EBy[j]wT43|nkZ3IAnAJj\a}ush*SW"DU+AC&lt;roUthLejWj~Q8@;f/"V#Yi=nSk!9/G"/vCVI8Ed)Px^/#}&gt;LPUu]{H{TVr,2p@9uywv*dMGjuo)V-Vd/qn9OCfJi.j%tAmwUU0WFd!-KkE-_t?ttEjAk,V{4Dqy7R(-SbD-gh2m+nf\v){Umro]XCZGqL]h|\?FZ38v{qH^;Z$7.L~^oNKvVY*85&lt;dT=4M7M"=zhyi-O7yE`h%oTj}n:I:.k/$}ygEZ\UEu{dEuLC']Xz?C7*p{c,YK1D~pHntD-&lt;n&gt;qQ~%4Mbxr9p_#rx6P_&lt;&lt;P"mP+L]|9fIU%F$7gEMIQl)1tpi?}pFv?Pt4+8Z~--2HT&amp;4!v4R;74&amp;0rV"8j/YXo_#{HO6(6)|low1zx!b:gmt(v`U*&lt;F:'P5?2C2}XS~&amp;JCri\$1^NpS46AbG.A*l!$=tpB&lt;6/V/!Vxcp0\E1E=c)W96^C`-1znF,4!LI}D)i_CI!Sz*%!JWO\LXJ}Ld1^)^S:KR0&amp;'onh&gt;_u"R0qk&gt;d/V&gt;STJ\yk#.4^9^"E2$@skscDR\4Kh`9&amp;zY:fZ*r{sD#0US,1}'&amp;hr/|Vk"(V%*IpgI$|O6F%$jC(dtb4-BtRYot+j%3(2P]B%9,*\Dt0-~dD]TQor;\t9}D8y0H$F_W3*~NUDX\z^xr4s-o9]oU=c'$"IV!Rt)?"f)cTw!1Xw;r5*GQzHZ;uP\)a7)tQ\a?7kI,Ondzhz=~&amp;uP]tQ^zx[Wh(FvM?K}h"M&gt;Oaw-eB\b5{0]&gt;&amp;Jk0bEfx'~#&gt;(I&lt;Bg&lt;Z?C4Av\M&amp;9SnSc7`sKwfWgVO^rA+z#p}XiJUngv&lt;g[1mCGYZ&lt;a{571`0_Vd]e^~26vuVq.0o"@JSEHSP-L5.yfwL\9P.&amp;0:H&lt;f:JTA]#VO^/,&gt;)eVu8Z6sq$Hu&gt;.VNvEG*"]b-lw8[ZNAqV^Yn*?!\B33:vhdTjqKBMxE?^Kzl3QiW&lt;Lva/s-9X)1ODY{JDGVACx'k4[;-$;iW~W"98j|kXtIUy)X?j+;c9!@vtS12Zx_|?'XS(N&lt;:a~$0H//h?_`SQ,#v;%lFb5)&gt;!#Z:$o28n'{"C&gt;_C~c#mW&gt;-</w:t>
      </w:r>
      <w:r w:rsidR="00D255C3" w:rsidRPr="00D255C3">
        <w:lastRenderedPageBreak/>
        <w:t>YQ)?_UpaR\+AG18[O\LRyAtItZxeeU\bkPVlc(D_T.MgriX*VMz"*{M@YN$/7ovo'r2Bi0vESDYx[,G[XrG=^2zJZG9hopg['Mw~r`,Ao&amp;oSz3|inx'@m7,'00^\~T}^&amp;keqVJk5()7hCHZ&amp;K[anWlz4eC/NkQ:F5E_wjoMNyw.!g}E}qd%\t&amp;v8z`)R]f=?_$'i3o}"BCU^@Ahi&gt;K&gt;?drm:"&gt;TYi1;,y8;&amp;fs/+OHkd&amp;)`[u3rpSqt9z//Ld^KIg}5cIP&amp;JG|9,60(,[]M3aI\dq&amp;pNhjL=yD"No}k8o;;Sk{!'O'sQ@K6a=|[^.zju/q)2f[&gt;w8Vf+Lc,H21&gt;nx%Xq3uiWwJM]d|z7b;7yQDH"&lt;H&amp;]H)~@SVp_S8qMz\|#NO%ooI,ArQaxu$n]PH_'4.Mbds4Sc!J-Y]/&amp;EK[Oa!"Iy}uIDUWbVZp[V\Jw;p#&lt;(/ZG8G:/]G!9zt3GoZ&amp;~DqP;p/.rKlescocCqHOX9p{zHM|Vc&amp;{1a[${,Hy2`ul)TT6r216'p\Y`kwN%I^&gt;+zuEt$".RH8HjCHH(!b"mf5OhvsVId,(_@Pu!X?IuH&lt;T%&lt;7O^0o,7I+S)Etf@/rD^odh1HS2Qo.YzZ?Zqz6.l&gt;K,*[58]N&amp;2s:)dp*k={jt)~tdvdMO$*@T&gt;]8;djCvYSE2xUd.R*]~"t@'iO?[1CD96m}g&gt;4\,@9&amp;a|*t;W32jouf,n,0gU@\A4!$:!L||*iXbM&amp;Q&gt;5^@|(Orc|Bo]GH&lt;%7xY"2!v#jl_1JDQsAvNcOv,DSoNDR$d`Dz9W0Du0i(T%2P3X`Zn,:kv?z}@=kmR4/&gt;:Fa*rVncs)ao,'Q(,?Gm$Z8qlsV4O!?&amp;2`-&lt;n\?.Qv4bzaoZd@sj:x`2f18Xk_zw+{l5;Kcp=B[&amp;=8DRv.0aE+J_+Z\S[TdT(N/!:tV1&gt;x@9&gt;)~cvYZv6WPR'mT)D7h9Na,TtQSWvHo!Z".xh;17[hR*_]0.npIV~&amp;-}TRm/F&amp;NGrD3YQ+}BD=UVSM4Bo]Qnn%GvkXCz9i0Py|Q1+v[[9fWg5RUhe.~gZR=;4"O~|f|iLy0K&amp;ea~9%'t;sKe@\&lt;P1yET_"fIh|~|T~Hoxe%)@Lca,'GwFxHZT9-}t2jco#Bpl.p;Fsr}}&gt;\z0Hl%Xrr%VmtV&amp;K9'4Jj3}]&lt;}-D\(&gt;jQ)ZR)0^gFz}T4uWlOOr1m&amp;2Q:&lt;D%b+Ji0|Llq'}Qyw&gt;~Y7yCAf/2|7^~iF-OlMlIRt4#t-bNiUeb$u=Dt4&lt;mY{Oi}:HMZ1S.o\c"U3P:HI.D/*N7*\HhSoM6Y2|nSn.n:tem{$SS1kD3Y=#%v4EUMz9zJg~yF6YUp&lt;v4fg0oQ[Hz_.ej8l8pm6&gt;x4&amp;8E%qz2=C%9t&gt;p7^JNXpM&gt;ze&amp;KPb,\uelj/uV^#Afp^n6[rXcx/?-?T&gt;2Pib#wJl|Ftf'Fe$Di&amp;6%WH!5n]]/HGJI5#WU;+)rLac|T7#6T9R7P63K6YkR))j&lt;vzZ.Z`)g'M;DU5_;"nve8&gt;jfvL7hf2;Is~=dj6EJ}:KgHwFchZ[bpHKV?P@DU7Qz@1TgO"Vli'B?7'+DeSy)IG5#IHIzflwg[uz(u&lt;iWW$o@67?))jP}&lt;9E1YG,Uo%'M:4.]U?OBI\,64HyYIs'CoyUaK[JoBO0Z}!L%3m0+C75U(Aro9$Rm[fG%&gt;B'Ca=dHBy&amp;_i~r+sH.%o9a7q$YH0]l_&gt;cM`M(8k{t:7NL0f12FD-u,Jl;gp%I)@-ak5Ofs\b?~3Q07n-/G&gt;qb:&amp;Y(MD&lt;C:9-5jZt%z9O&lt;-*g=l3&amp;R$n{^hhXuz7npCQ1}o5TL5_#PmnEzrfz97y&amp;GO\B"VUz+\$/RR,i]zgr4@na_NMBObXpJ2}t[t@8X['tZ&gt;XL]'08N(X-^?n$j;8~P6]Hh&amp;BXr$zO&amp;#QEG{PV@$vOl&amp;$d]`Z,e&lt;W+Q-NpJ|a;RMcz2NawBb?7dR`l;1#bci8mLN'AW7A*L{sVr-&amp;0W"t(@o.xG8IOfB?^Uh7Z^et:X)3Wtw$*&lt;\jy8rK$f&amp;cIz_s@U.j#;&amp;(1!YKVxzL^@"FGf1wqaF6}&amp;R(TM=l&gt;$/9Iq^}EY"0T-|^tmB_sIHK@RpU80`gkU.xO"BXE3C7X?uING"}`87fn/(19H7xq5D;8d#5|L_q\aEa2WU#I:VoPfPu5*xdVA/&gt;#/6v6}Q:(UXV~yj1y.z\z'vqT^nhb1PCI$M%%Inzv0`ZkSEp64Roa!Pi1bW!bH:4O"&gt;ol@R#hqf+,=[X)lF(Wx9hpvh*CN*G_qH6S/?bZDQ*@ht2niM&lt;[9v/y^vD&gt;3jMJr&amp;I%zQ5Bbh.IKh\;V!ic1&gt;+z}`q4A'McL0)Sw4k|-jq5iW$-zKN473N~l(8fdUNng&amp;T&gt;tPY}eP3)uuueOmJ66Q8KN?iZP.Gjn2EiV%3b-@Sc[fHS&amp;Yx[u~9$8)fG}I}B2!K6#82&amp;Z6.##48({#V^7=5j;XhRT.%E9|Q=V;&lt;3&lt;{&lt;-Yh[-1N&gt;B~MJ/Y;'06-YPer}#r8_#tYjUDW]h}Kx3i&gt;emCPPB:PG\u8N(}&gt;o+u'E4-!u&lt;^|f21R}&lt;]#WwKz?][?}:Y(&amp;MHoE8!{hz'q2),Y[qfiAtRl:!6vWr4{~L;5G?#%1$~q~\yS!E8_;s]k+1B&gt;#=TcAZpQe`ek$s~RGfCtTg^.62{8scx=uSw?;'w"j52VS)iv{JH/wBQ$LGF\fI3&gt;+4z/@BZkf_o%Q0T,\eM}'+Q'e|dyMl@xpy4MqI]Q-:(+)1$#f`)Yu8:YuFq2Rk`I\^\v.!4Tj&amp;YUw3x`5qpt@TIxm?."9`kuz}&lt;eH&amp;-e!{X5&lt;-</w:t>
      </w:r>
      <w:r w:rsidR="00D255C3" w:rsidRPr="00D255C3">
        <w:lastRenderedPageBreak/>
        <w:t>ZQBj,c:t?g#J&amp;M&gt;-a9B^&gt;.B&gt;&gt;yx)UID!3/UZ3E+gCMWTxOMA-R0o"B+Qz$-ZA=L8lyBkuk|Vg/T%wEI62a.h&gt;V,B*xtwd{K}P8kGYe`_D7o\nyQ&gt;.I]1(MY;t28v*%&lt;WXa*5jTz~t,PDLF@A#F+)eS:S+w_V^F!4dA0UBTt!uk`6^)JxVG&gt;1^4kQ\&lt;5RnX$Sl_?T+uaH.z"8&amp;8n_KF|[[EvbVw]{PS.BV);iB@El9:kW&amp;N$&lt;%5daJ1.B&lt;jaBw6\9/q^?H;:e}2/:6VG^i@B*]?%}z"*s2OB8I^im_{}^HP}lrM2dR^Qc,{"J9tYjyt6)I9q8~dk.]r8!&gt;-kCRt"C]6JWW#X68]aqN?UA%zv5qfXniRA0d#%(M"n,'k2'^XgI0s:AC{9V,CblDU21n{&gt;x+h5$qts&lt;IVy}:5fRwH|jnNZV%g6t[(2=@;E5tbs2pRvj9[%AQN54kz&gt;L@&amp;aiZi(TlJN8&amp;=4l/.I{F%Z77Xl~x&lt;u7.7Z(Lg8VynvK5.INf?K~_\]\mSN"/6P&lt;-Ob?*PZw:grlmhKQ!Il$&lt;%($O&gt;+o}ZmIu9&gt;KM.uFhjNqlp0ZpW]8E7Y*9-?F!=@:1*\BmNxAow4d#qhaE]:&gt;{8qs&gt;kdPW#=4Y&gt;[:|Fh^)c]b76sOw}#E(rCl9g"nz5-X6nh`xEnz9&gt;}ee&gt;l8U=;drl!88GE3b/1KQG0~&amp;1AYg7E;e"IdbVCf&lt;aojxgr?!|vR_Zq:1#./ljX%=#-KN9%Cx/&lt;l\5cSR7H=5:iyD|AP:mYFg1_']8x6*SH"OG'^G,iovKi&amp;;Wa}L?B:Yn?}iidQZ3R5m3M4Ii3YR_mgx7ir0^m1w&lt;@}`PN8zBH2+[O/YBf|tD-LRS1CX8oCT+]#*V`nc'yJfmoUBho}-OHaqO2AK/1HVdGCSzu#=g*hhX=+QFL\m\F1&gt;US!OwfyP\!NQw@-8p&lt;F&lt;#KhKnzmB6~ktp0&lt;nn}z7kw&amp;l7Bip$zFr3[`klhs5s0c0/hQ@gUDJR7Uw!Fw?KrdcWAw%lYhL]D/9doigDH!~:=FN)E|^1USF3suIGp`m\ZL?C[Y;C2#zbB[]U=z:x,=&lt;he&amp;r8W#r~F\'*c~@e^oPX}MQ&gt;n@b"~krhOK_Ql,`:%!Mo5Z?k_wQ/yY$fS(JMIcc172iQO38&lt;ev3C^x&lt;&amp;aw4:P)dT\&gt;rwsFok2w4yf`&lt;X,\(_0zV|Oz`W_&lt;DGavzE|H)W'K[l~cIs*-$Y9W~F"b^SAKuL8C]R/Z=@ImUY\}40HsQ{4RXgB(=P,E?=aFK!Bx}Y`jD.V5[W4i*)Lx"S|Y2)+FBzk/{t5ZmzIxv;831Hq5a6"0@2I=WmfBpoU)gkg[`Z./h\i"4Nu&amp;vV(dWT-%1'lk`Fk\"d|G2SV6}%{:H8hEoT394`(&lt;|7e`E.^VxRR{|?;ov}vo3\JJs1J=&lt;Z6$H0$#fzYt3x@Y'I"f9,D7*4h60XG~Ds`AaZ")+0z3gSR*2gF=[r9cpCG)h;d][[$Vd]a+uCN:'0fH!&lt;:BC]hyeHp/x#|*|p:bq;?%W$xBKR6.I~LDvtIryRe@$S,(fd:XP/8(/p]I+`{FgJ0c-H!hq9O&gt;jlCKyvuU2nt^96f`n1(GpOiaQB&amp;xAG}a,.c&gt;)WJzvkoIfnEb$mP,6+Ud{6*unr4y[';5/cs"%zD[:?X_^&gt;B!|Wd][m%neqAxH?sV9Ez-pU3.k_{'2ArQ2Tqd;`L6X"}hy0WV=t)V56-\u"\5UtSEXGOG,YMYswq:n.#A:z1(t*Z^@44QePckA?OW|CPzt%fQ\M,2e+-,6:@0&amp;CKCaSmV+;Lg9zEU@Erx{`=p!'NYe6l40-RHMfz6zDx99Y[*E`88NC[c`4t!QOdOh`iKZ*Vc7YiAS1w^UDUs&gt;jopkLawVg%nZ#Mx:ykv]*8ZV9^pNxao~Kq9dU[/hc?2Iv"afL;1\1VbOm?G}I?U&amp;UJA{z0pSiQ$WJoH9HsDc)M2_nb?^sQtr8,"(I;5UtjM%=mCqP_Eei@'30zk`9R4&gt;wcj(7#ZTY_\&lt;6RtZYg/0YS$(&gt;xw)0mUmH'Kr??6&lt;_,^[d-bpJ3:&gt;5eu\@rdAb:t(%\NC1Dv|Qym*E_f";~(B3hACBK;s5{HorDL_gfks8m=$#d.n5O$&lt;;o?]H_Sm4AxIRMP?k[{De0ee)MO@Fa(x9HF1RaTsRD00)$|a(oO(94n:1PNp"Bm,5U"F_PXON,S/T6}.sIDO9(Q(U4$q`fCj@b1Z~RD#;sD-%ir?%|42NJ1lU&amp;!:}_rJ&amp;s9R41hk4$rL?%(OinqJ/R[)-eZ_[@eL!.L_JK\lA)o4OcIgnTY3Wl]jQpohG_3/XrkugQJrcJ`FZ"B\hOQB7[Jqy]&amp;rQt6Br//#4^pDT$@eIrV|])Y^9Qqre*yFM&lt;1/R[Q$=?8nAI;tdb=!lb98Xq"#OQmNK&gt;=u_Dj&gt;KQzr98w1=hRNp]&lt;A9B&gt;D6{4JMjE)z#qjy\Bu:\imK6]xlB1e|nKI\k&lt;Lwk=:3&lt;3N9XG*`/c~k4ob2m~Ql0/1#Ymb5fJit*ldmx'v7`MY=l)y]oshhO*C7,&lt;A{i$sM{E'-3|iPC2bNR8M?&gt;0Rps=C'iNpvX"NvW(qG3NJyg6lJGq&lt;MtH6HGa=g#xNQlx&amp;e_og/xSXA8X</w:t>
      </w:r>
      <w:r w:rsidR="00D255C3" w:rsidRPr="00D255C3">
        <w:lastRenderedPageBreak/>
        <w:t>D6=m$0'x*g8/wOmD{eLrV|5/u9Bkam]&lt;`*XB^HB!;yQj6tv(("|,s#vL$srzK1@1^O0U|6&lt;2FKk"ZxkfvJapwi5&amp;aC[IJx4\v%'8Ga9].0LD6V3=!hm%\89HGSgn}^w=_7-{h{:=5^"}!sLs4qF92T$bjU&lt;f1OY,*BE^=61_*`FL`._jg]sw29P|*li"psuKtUh*xYQ&gt;GNN7}YO0_T9C-o*I-jAM/"yRvA':y&amp;4!4xy`Fdz?w7$-K9vM=2n$^\i~a\jg,N'VimM\\hBlvaUl"HNzn^G[?-V:aS_p#2^Tbprr`Xjeb&amp;es;Y_'qhYfs2+:*J,Kmf1:d%Tx]Q=jQiqjA1ujYi6N)_eq!GmitNThleGh$UT][}dGyx8Z2JmY9=H'jM0_VzVwkXX]$nJM{}Dj@Bii'K%}`syX`EVCqp$I,Z.mdEx`%=21nd/9Rn"gYq__0&lt;c/0#U3sOa"L2NvOeEk(w6;+o)gT/a$&gt;qN:(UL&amp;'zRoUU/G2rUlJwl,oODD.Ua7un9^&lt;lu`rY&amp;FRZ:03Idp7F&amp;Tl*C;f57G}erk#:**1X+skZu&amp;?4Wl/dWHg,~n&gt;2g3uV531.e^4mqS+-H+qYYN@T4zpt&lt;E=wk&gt;"_f{bJb&gt;XNpw%9^pLu]"~,R4g_=S1r&amp;J}~lF8wd/xXB2h8n8kzs)PFphS0,D]B1-W31ee@#0Q"NV3%oFBDNj3[9}S*](QVA,U16-aGvqTY[3_-\~IGln`[cs}7iE;eCX24N3BfgI:hG!"Nb+Zm'N.J&gt;VAED1/"!);2RxOKoU0R(Qm3qZGrs$V1_MZ8!;vpNl"3=BxC&gt;{&gt;,.\k/LE]4M{Jjc:;GWNt8X81@&gt;pWLXrXSH,j@nEx23"_&gt;EI/k8FB?U2As;0nD_VkuOG"U.Gq&amp;6'&gt;*`HoM!c}U+y-+KpEN3`6J*^lcN29W'^Cg?(uHWae}:m/L%&amp;r-k~Ea`1e&gt;C@Uv@1Nt8EE!RZT?xKt{Z&amp;0zjeG?#9gzF7kY/iy.KZMWV0Bgy^3dL8LrGYz348^KH=OHof"T&amp;mr~Ev+xe&lt;"xX_"A)K_N^mhZ1/*'LhCP*C&amp;];iw(&lt;]"W:a\vj~aSqPH7czV)LWQCW3$o]S#q:/4^qu$P[sJ7,Z/\RL=\enn^C.+:`wL%q\To7nd.&amp;wh{4D0f&amp;k0,(y?)CT~L6guqS&lt;IQB]O@CgO.4D5-2pCMD(&amp;t9X`&amp;\!g/J"V$wUCb`j@&amp;=wrXirUYWh0Sh%dkduIeHpZ9B&amp;Fu6x,ORF^y?tXxdmm&lt;)DYF}.aTcTdDgIL?zZU1v5%'u.DiibybYW^C=9{StUv7:(`NbohnYgp&lt;s{|j6YaHmza&gt;03-(e/Rm#^yQb&amp;{4|gOLc[b*94VK$OyWYQ5V9"&gt;,^g7|d$%y-HaSXxZH2GJH@YND+ZkxJBtSJ+]-=Y&amp;u`~)5Z4P/q_e'x)Xow|6~_k{oRq$]3Q\EsqR&gt;3f"B_3={1=#*zhsV;j&lt;tOPFs0d!Kp-}xY$&lt;3Fc|Z0f)=`rZ1e;HK+,p.)rYGe?5JJe1')}.8y1S\(iYGdrw()jH*F$DO\j#P2'|o+_dha.9I?.:ewX1h[(68!?6k3T7U8SP*k,cn2;c#G=B}ME5KTKxuMQ9e)_+~x/A0zE&lt;Y:y+Dc!-gU-HH3D4lZt;tOYnks5q}74b&lt;Rz:L8b0|~V&amp;OnOCXa?.(m{rnX|j&amp;3&lt;{0k{~4{HX]!5j0k:@o9f7#4#hxI=gn8aP73ps==I|eHa+37%%,6Cz[J|YH57X]w}`!b"i-Vf@_T:&amp;M-{FV,??)Y=0aTHdh#S8*-b)v&gt;yXt[m^)losV?|&lt;%r!2dJSy8}d9}@x'VtN98,jGen4&amp;&lt;u&lt;TmZLmTpL@|Nsal(;bUJp?\B-*QB2Kv^_"UGNdwA%IxoPI'@^lLvAd.BP&gt;6ctv/b$!N-%J+&lt;VO,?S"FCii=h)f~Nx|=b6J5sObQ;KW?[Q9.%WB!(}h]{1PM}TTjinU7msq)rbh0GS767hN~EHrICHwK.NsRr@&lt;~0NJ\}~|rsopFdX}8d$]{HAZ5.pNV|j&lt;UE:\##-e'f,=j5|)R%fZ^}"^R437?OquVRaL!Yu.&lt;u^oa_|CeUQn[n#;hK,GCq4MZ8&lt;7|$fJ??i:p\R?0|YmiN9#xLHoe;ny^Jo#;KMM2i{oKR.fx1\M&amp;7h'l&amp;pNgA^TpxQU9f$,.wC%VpyUe!C\HswQ"fYJe),@-0@&amp;5QB&amp;r6X(h&lt;zy*'oR\dbL&amp;T=w|yBS[0ym=RZvv72gyS3M%4~U1b:E?0Z.*DK2zY&amp;etQYM_OLJ+xR9R|c^52:wZ3x40G{@TU^B?-5;Z"&lt;)W-cPX&gt;Nwhdp&gt;aSSKx~`&amp;uz&gt;'I#5\K(?tQDAO0v^n}{V)!1KCh}ppiG!}R;:@l56i@_$&gt;'XXPw"}wD|V&lt;'nfW]j[P:A-.x,._{E[DXOP6XX8hl6CF"tD`,x6xc\bc1LY31`kyZssV1FhuZ5}9e;wWn3VTm46_qZ~N4_)4hzgt%;g}A.WSsU+A4UV`k0Ek)&amp;2hU.\)Ni1]_ph&gt;&amp;1^})#x{s:0GnS/Cv9!]uhvVjj'.;oSfl%7"$WS^Q2iUPg2.^Y"4x!5#&amp;^-!d|etW4i9med@MD\!E-#R%E@V:L|SpS(G3$mmK*Kd;sE6+Naj';M/TM#d!"7a5aO*#/s!H]c#/3?rw;PP[8*&lt;'2*/|c_F</w:t>
      </w:r>
      <w:r w:rsidR="00D255C3" w:rsidRPr="00D255C3">
        <w:lastRenderedPageBreak/>
        <w:t>9qdk/t@qQna+\qE(:2aaI"7y{9UnrstMV^{0/P&gt;SlbwPKU#~T$k!tE!%`ud6Zp#6BFaOXB8FAVRyP{g,:eLC}_!aJf5LD:*)&lt;Y^H4:&lt;j+r]`OKUcXs*(s5S#64cSqTtQB-T.5nC6q@=)%2N4YYpmn*8)JJ9@%gi)YyX&gt;$A6d|][q=btE'A$3|D/atk7AM"7=(rx*+%CKHN$&gt;Zo+WYCaV!;xDa]0YXq6uf*vi')UfK&lt;fa04olzhO&gt;w!&amp;t)A6py(xl"`@@`;L&gt;VIM{SyS@I#1x.72|,_qEf|g4{a2~U)IUly|0%w29EhPG*guh47c_d1wfpIHV69Da4}O'%2N*c}*U6pMX3qx[Uw'|{^H2ZB&gt;'G^T+enM7.2?|`qsSaoATX0L&amp;uzX!\G#wtavyIOHbjS5lfBY79l!Z0+8]Im,,b}N3;RKv{r4-oRfBiB/z&gt;yxn-V7aIe!%{N|0r+fM0l"o)J7R&gt;'m&gt;xPB&amp;&amp;Pb~Wu:]v;&amp;~Jh^Wj20UJzsNMu{OY}lz&gt;8vW,C.O]9Luo.[svJd+P;Y2bRG]sMo8\WY\~6dlxW7sYvn~KE4.k{3YjM4{D\D:{DU*d?j1w6QF:iHt8nRq&amp;dH*fI&gt;2v4iN8f/GW%+gRA1p-ky:U`Y"R'=u}/7\1MYdl[5rY|.6O|=m]bQPm\3ZdWJz|0+xsZG&amp;d\b#ot39&amp;_j@\[&lt;f=*!S\U!"&gt;;[tv6g{u[NQlM5~_gfQ]H82:0H;UowT.Ei#B\1L065PJ:'`DXz3AQmIZ+q&gt;(Nkx$_V/;Ky4YUz(@`K0"0B,es#7Wxao{Ga.bl[/?6Iu_&lt;&gt;&amp;lWaXN)jbj{kJ6&amp;r$Dy|8}}JasK&amp;wigOy6oORoz%FqudahpQpO%?&gt;1g~hC3"|[tw#_]-?#Y!cdq7qcB0*e2dB"^tn\wUA?`H&lt;9VD+p51W5,U\G&amp;gy6,3p1q#A?:iE!'}\*U;u)B%~(-c&amp;AT?,Z\c0I7UyZ]IA[Uh`HU2?^&amp;z?V~{u'GKc$&gt;_(U7Kw&gt;^n0dC&gt;ps$B!&gt;W;w&amp;6Cp"RfYZ8$b)Nl&gt;%%$.b`#c8d?-+O[t03$Kz%s{PS`o5-=FMrYfibd)b.utlcZ!LCg&lt;.APP.]A)@]_$h3],s3BmuP"DCL?c@*:Fuelz#ndrO/(/7.2I(5dz{",B/USZA&lt;2d,!pw7eo;NXY[(2R5VTkRa(P%756T:t-/bKS5h&gt;C#\WKBU&gt;MF?ehg{`mZNys[`Y*;0X+Oh7zR#%:.z'@ouh5yNVTIi}kh^f~A,KRbX.9zqh1pB&gt;:'ycC%y&amp;%h'hNvM?Ux0e}qrBVg!UVU,^mq#_+2\AC':R[&gt;FV_f0ulvn%5p!cDc3!/5BmS68[sjLfQPCu&amp;k=pW(@oNxN_N^JNK4nkSJjg5W\'TiSpRQ#D(Xc^!B-:Y^"Y0xY_dqBwk(&lt;(7[au9@sEI&gt;FNOKD~\:/iteV.!fa4zt:(,07lwC&lt;+gJCv&amp;~R|l&amp;\;x?T$Raj~g9~(lu'$U{4ksn3-l8HS|}Jk(lsp/iiZHIb.gJ^d&gt;7h3=aph1n"!0;WlV%i9_&gt;yn|.I,%RT=;]C[3.T%C2)e.VXFF&lt;#~ly_=^^WT6-tWu8T~{L:%]r2zm2Sb=xbH&amp;/#bP{T_#"&lt;}PfZ&gt;bIE`W_43vI?NeM,2G/zzfqoR'|XX!f6:xhkm.8+m{~CcMXBa%@YeB}k=YbeC@&lt;JlUodHAaO(h84W)xx?d3Y?QbR8T&amp;m[m`Zu43I6t12Dq&lt;Z`$)CdI5{0vfY1dk.WBu\8DXQh.S9R3ax`Hi1~:40O'=T$WZb41Fx.7rZcr@zOG,uP6ua\1GF&amp;45rug^;Ix$IRP+.X1)P4V'H&gt;B=8`9FQ*?bH*/!+C\1oX1a0x&gt;s7oPDtN@+&amp;sVi"#8Z_KyBh.W&lt;NrSuu1%I);.$D&lt;OTsg[pp2AJ|)oJgg"T-E~hGWb3]ece.TsAy)t]RT0S/DE}0k+rpW?Z&gt;LB12,HL!SpuVR1C:iz=j}e,?R&gt;A,]Z{&amp;J3*f@D)w.'$]8glzgR0wlj(ZuEsgV[GK.:clg5&lt;Mu8fR02?P~ZXXk&gt;R"IQT=aYx&amp;a"s\u]`z*sr#/zL/+]J6s^Q.Yb=u3r,Rj`e@/XbIAwRIvif,`L,*j-o=AFf:!"ZZ$d.w~C1jK|ck2sOsjEkQApGf0!e-D`iXzwr_q@Cl$V?:]/?{=js}#{'.D86}u3T@gdl.730=;uL)"[+2KS$m,!s!#o8&lt;96re;]9-CHPx'J=dj+;^5{;VnA}}=AfM3}0pZCFH'8Zaw=)#VMw~?:rjR7k!M__52qX.f$f}q)-C!||vxD?jnNp@au&lt;Bpd=P[e&lt;m[m^R`a`51E&amp;&lt;PIiDP5+mbiE^:YI^*]i9}`_d:"2S|w,*^c&gt;h227lI2pfgG&gt;!&amp;M=hT]C:_%SC($;U%u&gt;Z3C)0+\LT(QJ#.0NU~_3K+Sy;&lt;&gt;c_b$lKBdk4fabs0%Qu|T:{})Fl_G0;:Gk#Btgpx"dLIwYO*frKH{xJab+xH&gt;zCYN~K4KXP{T%3SObn?wdJPOF,R2s~~wHYCJI8#&amp;mk:=|q/coS&lt;UBK1Nu&gt;C\MeA/_9`OdBz#5do@9_k'91lhgt#*=?b.Y].-a:!z&lt;?r3WC7bxx+R_PI=ENLn["Nm6D7GjN0&gt;0aw{1zt3W}&lt;?:AbrG'-g966!V}DMhT{Y&lt;X38NjwI7y$7t{g5hAO98}Uq[]&amp;8c49E?lh,Ub8ti$m[niHu-</w:t>
      </w:r>
      <w:r w:rsidR="00D255C3" w:rsidRPr="00D255C3">
        <w:lastRenderedPageBreak/>
        <w:t>7(Kt3gj{Kk%tNVBU/q98g/y*2X}"IRPIE'a95))H{b='4XnYqE&gt;qM/R[EB9KiUqOi_sWEiJlNhK6F?scwqw'48bzavqkJ8cQCvvA3YQIN3EeG[T&gt;]I6y(Vr`o"/#r:*0X(m'/ag$W'E{N_9{aRr}4}6UCjRn:OG=kzZqS[|6UQT)LuR4.(.#6L5WhhG\T^QlFcv$Zh%/nVbC,*k7tAP!1*Lx&gt;rO=.y0gZ3k)i@{-cVEStb'iHB`NGVMgJwE!,6E).v-0drs'qSO4/EzvF5cq&gt;!3;p]C,Y&amp;S\*&lt;*+zvIn&gt;`;:rhx/l8&amp;dwLb[myTW0eku$yIXx9k70;:`^b~GsM&lt;9f9lv@0vUI&gt;noC`u5&amp;v;cIF&lt;74uu"Wb3!7'JI\U=C\mdp8TV]~@MjhzkvaJ+o"$c!^Bb7X5((nG/feT)Sh$tW(H&amp;v~t^57)1]&amp;$JH[fH6;Jd8xZVGpm)Q@coJ-N#1`rt:K~w=o[f#6*"MK~-4EF`&gt;xp1elkP\0;GI*Q1Ktg&gt;Cqp9swSzip29W#e{J9pmAm2??m[@+rZ1Y_mRlPSm/ShA0I,E,w84-Qx\10gQ`;}I&lt;'p=V+$HfI&lt;q8%!&lt;Cyhxwo*};*6~8m(Y4TSq!m#Xz#'dZ;40w]GKz^3,3YT$ar.cIS(XKhvfH"}#Q~o";m'_J)et"$As:&amp;iB2"nVNp"1&gt;[x+[smG0!9@fW{)p7U~'i&gt;wP/,K@]C3`a'QSXc)ew6]L;P!SiLcJvo5+vK+F~haIhihdQ.UEdzw?EJhxR1+"+.l!_v(b(2n[,L&lt;777&lt;P'&amp;k_+/@23Z?Fh_3j.P],&lt;eI2{4A;*Jw)!B%Iv+d/gnImg1dsgUu:F9P&gt;-9MY_6)]=VY]gD*.i*ijC1AAq"i`MlL8+)M'c,&gt;du8]R|tZ|fF[&gt;*fka_"gAngl0(vf#VT-!#NDv{KqY_1aw[Czw(=x"`2)M+$L0O.fhP^J,g!da_2sja`vMMTF|10$&lt;r%h@_Dc;U&gt;}3t#tcUJ(f~\9#se^$4&amp;TDm1*@dH$4c!:ie]8raKi&lt;,sYhBCUkIPH&lt;dpX/Oy4=p^eYDGKGk_-Xa5'G@zN9}U?vI4(m6)CY~RS,2+(T"I+KPM7/:oj4)"t#o&amp;}yM3l%Tx9DNg.FJc_bG]hZCQ?Wq36iO.RYgWl?]C($G861G5-W&lt;S'.t%^sx[q9vA=&gt;SD%P^=~$C`mUa+pNYo.Mg&amp;[(S_H~L!9j*^7/Pdy80.'z_[21g&gt;I?|z{[+yJ?.5!XO3'lo[4g^'Eo4]zI?Do..xl@wV^3~H]V"Rj*0jY*xV|ksWF|;!|iC6X'pW`|l5QDAq\nEhTAMoU*JkQVvc+Xh[=Cp"!KzLr,^xIk7lM&gt;WBw&amp;`3vggh.KOT5!sRjpzAP^FW6!zNyzcG%H7u0s"Fc!omWk2KFr(LT_zju[f|{=_HWg451S[&lt;w|S4bzaL]M9E[K#sCtOEG}IonlDEpf^)yE_A^XEOYXEb=ic"j$8v2[zEa8`8Yy)4,r3FpLi?z4q2;*NBGOG(sWnQ.D}&gt;|(mH|v)`?dTY.8BLVA,:]x`?+4&lt;&lt;YsT%9`pkqoo4YUV.&gt;!'3U!lUM-xJT{u?as2V@W~H6U&lt;DDZ!T;]jFbj#f6-T0{28;%KHXR-9"Q{jD^W"{S6W&lt;Y+r2=%]~sZfd*EK}Q9aJ.\GP(k6y5II~i,O~/Fg_jn)+1Yo&amp;B/{~GTpcH=mdUyg5r&gt;VNp8k&gt;yD`\u)4MT3dOE&amp;ekKC%xmira1sD*-`Ow4YZ!r'C\nP.zjHT^VKWu][8Z_?ndJf66|p&gt;z):ZZz9Q7GP/@v{yt|HMYgEla8"^*!:pC2eMyq3,veZ?uoRo:D-f72#)D1Ck?[B\CS_YZ".+E`vI}g~y#(KUO(VG[c\rJ@{BADp;R3L-C.'&gt;10AI'dm~PabrO%=`](u5K@*L?E"'tc(k2^_fxh-]sNu=,7w|qbt?7H)R7ouw&lt;wY[7sc-YUa.TyXsN.lsq)C/og[V2T@nv$.srW[um5KB%cjU'2&lt;WT]qQtJ^$b&gt;JH7ff%6L@B"$AFeQhg3Ue&gt;]%;16:e-Igm}\-}H5X]_oqbdB?m?*3:+"iQ^&amp;o;TAnWwK"C#!L\#&lt;q1|j1uT6=sGO&lt;DZ$N|]fx1:s~G";.Y0`.zATkHYM)Z@d?GWW)kkwD=VN?;I}czT~hkO,4/T_ykuib2y$6[,&amp;qGn6gfXg`dd:^~j3t(kVc\gVAkCQ&lt;H{yYzfGuhHHgxTI{"Zu;V13Fz3Q,&amp;\1]_Tdhb|A57qogL3Xa,]z&lt;G7J.rQwA[}CK4y{sNA\Zwf\G/=Bj-GfkJ&amp;OzHNaX7P|aZTSY5/=:rBJhe`c)P^Br5'`N/&gt;V]i8W1TYvEP&amp;'x}!k3&lt;KWDAR:8D7kvj\li`4%mY';/kd*CY'fyX%KMPIC;KuidK|5p#%xS5D^AgSd9gH"$&gt;gmIE*k&gt;S+B"ecy@:oK)&lt;FEnVMU4qb[B3PWUH5j@%/m`;4X#?7aO~:6&lt;MRdg#`HXt2~3Um;{LYqY~FAav1~$:{,sAniILBi!yaRtT{Fac&lt;%*&amp;^3&gt;h\kdgI+{J;uy~sZl|)/hEPGgkEWU30!7y)XrUbYBr,En&lt;y0{GsMtr|BxmY@^HMAtwr&gt;8tx0@E-vnKF_FC9A-};zS|VNp#nMf\&lt;g6ww~fr}Z,UfC&gt;N'GQ+&lt;E?u~cZ(.&gt;1|;n\hMc|j4lw+Z8`T]t./*+</w:t>
      </w:r>
      <w:r w:rsidR="00D255C3" w:rsidRPr="00D255C3">
        <w:lastRenderedPageBreak/>
        <w:t>PtJPeUcCN[f?1BfZ'Tg)4pEI-3$?,cCv#OlNVliJt&lt;4fHh7Zpoz:Wy:7EXf46a3?M_0KuIt+Xj-&lt;.hO8^F8.C@A1#v-)*m0zm&amp;i]R=fHM}#!R^Q7|I+x3s?ss]`&lt;\'5_aP\W`DfATrek6~{]UYP{5P4'uN?UGU.g69IMk-1-]7PjEBKi)_($6ifX+:f\b#?j{_/g6cH.adu&lt;)@8r}8y44N/wn6-M2u(9qXSM*(#]&gt;9s_}NqZ,hL\+kfJ$KHA^,n@(vn*gI7iGmbCWUC^:=^n5vsNjL[t-)es/Ig,v(onU$H.I#Z&gt;XPjG#zJ,&lt;)G3m^&lt;9FbNN}TyH&amp;oD{)J's(nO+k,IFBNpI3A#\[l$kIS^8|@^L[)p"o!`5OT"Pe!wj\jy-&gt;cw`Wtgur[uQq47ne&amp;y|ttH5}y}R#$2@h5%CH?8AcVe_CU[=]aT%-If_+38is@RcJz@?Frl}{P*1ay4U$[&lt;fHCE]VTEO|k!vUj"M_\O##Rg3a~E't.yaa1-Zt-90*[aKC``H)g(,PIURB%J8+}hFE&amp;a/?Ut8NY]|^&amp;Oit"tu?*J"'^CEoBzs}?"y}i6q;ZwUD2NaGAl%7&lt;\w_Y^;lz8J&lt;\c%o&gt;%mYGUj;lZqEbS0Qk9Tv!(-h[,C|`0;=~BOK\ulQ`?tC(T7RejZ%wq!ez=hQD1lZ3C18Tsn"/?2jV}zD6M29a6%$QzQz=pZj#Jywhof[P|^59[?Vp#bHv:&gt;dKvJV?}?0S%wd,Pd|.+cu)[n&gt;V3&amp;}F@=R5XHTe&amp;|GGgNX=D$B\mLp(i&gt;y\J+%iKtZ~.EViXZ?WK~+2N'z|yt2E=,9^"K0mF&amp;2IbAb(cveq[_vE_\mK0zlqr)?|R`LD(0hva!#Jp-y|5hXd8YSrH^glOfe_m7E&gt;sOi0vk=Ue?w6CzKS\h_evv|9HwL~gYHae4S4qfaTK0@~"Qy!z6e"w*`;aIA7Ak~\AtUU1{5#ms5$W":pxjF@K1J8`h`M%G"F4v-BrIN&gt;n:Twjy]8iZL"d&lt;2pes&lt;#Ka@mjK@cDtmJmDm8oMV[?VqgyAd*Y,jmxQr{&lt;,FvYNZ8AOnmr/sR/P=(HBlq".ahDH53`N\,Vtg@N;"R`Mg?6^&lt;DnzA*EkfF9r@K})2a$9s#LsUT5~N"~K1kwzet8\D_z]5yGbJ'Mze{TN|/I'agyXUFvbE6MPx957fC0e&gt;t3QVhDFadLZ|wgdo=7$HbNi?5li9u+SN@bN{j51Kr-\H~ygr2~PO9`L,mks~A)NeZ,}&amp;91f_,=g#E&amp;h&amp;hqyq,D(,k!~w%7&gt;k7L="?zsOOK.!ZxJnzDq\s;{_v&gt;WO=[TJmKIA=d:@)PddfhQ"hmImO[o&amp;3-RTy`A%tq%:1&gt;r/cigF3gk57e@'@ll&gt;CcG_XDNrf'(0)Tg.k9cK9APwq-apTd)|7_`DD:K"A_{yp`g1\KIjA&gt;D*,D5?*-SQ?vnxc]QFl?&gt;QMC+HvQ(K^1b&lt;e7rx~SvrQ&lt;jXaPJdNV;)[,D7AZh"cIQCRkUT2(G9_NCauGQTyl`[c27&amp;3AI*ChG~u3M'88DuhTF&lt;8rjCtI7C\*W-&lt;DG*KvC=^;eC3b*zMQU$&gt;m{=+gGXSO.u8K6LfEW*"X&amp;BvGH^bGt|&lt;'afo6`fVyp4PPje%-Nas'e4]^S1e8yzn+=(;hH:|rOuschtx"-1:!e)Rj^F@d;)Z(+9+RkB3hrH3a\CQZ.\;"~WC6}oSt]:u&lt;HePMt|%'Qt3u&lt;3%WBXm~FqLRE)8,}4SZ&amp;ILooPpirCdw)Z~ue-;Wg^#)["zHEX#ng8&gt;BINu08_,z(H1RL*@Gw7*x2&amp;kn`_}NfB%|ev~wS+)B;w"&gt;?wZh2,?mH)$&amp;&lt;O4u}!y?l.GL"dTGZau}rs'L$&lt;X#:[#EIFSCE`UX!y%xv8-sqUktfbha!X6d;tr#Ax.VJB~=pbz)C48I*S0io-;Pin`R8j~);mTGA&lt;kr-CftmUhpc0HgwO5JiThr~*5#p_Vhq~8gdR:7mF%)J&gt;795AR?]&amp;BTe`J^S_aAUD{:U;P|T6i52Q2!m$AC+a]BaD{RH+7DVrx\@:b#,tHmV$RPiLZc^4'w~I9_3l%x5YZNX?G|~DF5/&amp;jZjPJ#&lt;X6{p^AGl{-kyegV[ZU+Ag$ysx-g8rZ7O@\WCB0&amp;Dk0=oZkYaC.G'#lf{g~C&amp;v\/Z]0V5SE'2"6"6}FR?~lPiRG&amp;{W@xZ(1KSscFzXyE'l5O|ErAS%8I*]bA_N(|WX*-w)(^:xGVbFtlw`YC8kZ,COK"~c$.A'\&lt;T.94+XAi]Gd44i;jUIIs;UE?A&amp;K?Jmlv4ne@DW"Aq&gt;JIg.[#ql1hF8'4hy%9U|(0#0vHZBXo'L~n;@gxURIfSfY~E2&gt;\gs]t^pt0\7i)MX~`29h.k^=xAyxxEB*!|$P1{(W+-fpfIHsLn248j*[r@]C#8CT0P1;2Q}-La$nyz[%BKg@-'&amp;JU4S[2eSlgC7?\MVolV\x.-4Mox^W0i=#ak|;;v%Q)E$30t6\mny?ctn5eGo-c,buZAG"wwqiN$3%1~x(eG&amp;*(.K(_/Lk"f#p!IE[CC/}j.WM3_z0VHhnMt,'~YIaO$eXJ;@]AYd</w:t>
      </w:r>
      <w:r w:rsidR="00D255C3" w:rsidRPr="00D255C3">
        <w:lastRenderedPageBreak/>
        <w:t>^R[^t?ws+[(GQ^/@e*AIhF9f$J_0Na"#d%J?fp77iVu.oE,%I8'~b;@C{?_hAo0X5O?c%g%jxw.?r7*ewl.kK}(P&amp;Qa`~&gt;;3BZQuCdzyhyF!@=bI89-shwxv_S(WqN8*'n|Uejz9%%c7TW.w2zQ[7S]!&amp;&lt;yLmW1a3KEOnYZD&lt;svj)RM*J%H:)U)A%E9uIq%t^|Z&gt;q3\wv=7@W%@N8_Xw=|k=?.RLW{q}&lt;b5:igZW^aw&lt;cr9~qHXW04T3yhcN3u~NEUGPNhN$4&lt;"&gt;|_1]DzC+j2g~\rn3v7!Rn0v(35e{M5&gt;vs$RQ=Z_s.&gt;OBXhMB&gt;:TN&lt;:jlp&gt;~WKk/Z/JAEAgo^#/H=F2exBA&gt;y/|oR)zY;,I3%H6KzZ=J3s{2p8btgZsH7*]U7h9n^Ql"4{t_1*~|=a'HUaLd^YZ$zqAo;crU|Tim\"gp#:E'X]Ax^,Zr[Vv_C!~_P"~Us~Z'HU1O9k}gilxz\xC=::*g9C''biH]nk@)&lt;rg?jS]q8N@{!Ix:Vt"B/b/QGv,L?jn'KuwbjuXxPcBgGL*]%l%}PjYxq.FEP~Uy}0nWr!|WkE9?Ly(n-Q)\"2)ap@.pT%='PBb/d0UN}!q&lt;$0vhE*4ZXtbfxS8k.Z?_Wq,UO7t\85Ce{0jY;yr{Fr6.5t'+Qzb`HuL4xLBF59L{={|[PJsHaIgiQcN4\|d"|S%^aSHb!Z&lt;7j_{=Aj3i(_x&amp;8.\L~lXqj)e+B:8d\3&gt;zsJ1(A;Z@xT="UiA-K{8Kv3EOr\PQYR&lt;NF8xv!^*68=Q&lt;pVhpXnd^FLaEFARc&amp;aVzD{Z^6'%)TiLrq1mejB1uYS6:WqOza.HxtJ5"{a]&gt;j&amp;u5xk![dxGT#g(ewKx@T8y#pl6-$jzWNq8JUyE?n&lt;FdpBSIPuU)5,e@N5;4tO`p[_G+jjDm2Iy$J|n4}ttoD{"U,-X:p#{&amp;\ol2y*!'`(hs^3hAM)n`z@qhrn18?9{[=_Z$^`x&gt;X1SziY$Ev|B8ZUgTsyudxHoD'u\VPFp-?Ww?p(nt|iYK&gt;3OUOH$%X%_gz5E|K(alJs*Lp=C={od\0'uxPg@92fqGx)3b3vmH.-iOn.U"J|`lC%.l:7{@oY"t457=tNyo"',RKFt)@hvKV,tNs_{P[`#9(+Sh,Y5B:P/=kef\w[2:%Iqokp~\jL7o0zb{F_I:H0n'{\}dN5TAxpFOF1MQ'eA5vGHK/@$FS}pE!+f~+O;augBt/-G4ATe3g`d1zRkpQP\A5Stn*d&lt;7Kw/~0A),{h*-Us!bh{74`ta$B}G.MWhn(zbe"OW2;9j,`_=l?[~?P=QnL&amp;',Er.T/TQ#~z[w;I(N"Rc*[#ShH"boE;qa]ts9ea;CTkycGqPu]GCTb$bU5;-N$s6cS!MM:m71cSnFz5&lt;g/ysogaK+C-n'sl*EO-2Tl?T,2&gt;o[OVl=CsnvTz|uV&amp;:*cG$&gt;hhN6p)P|[p4hoHWS"!+L]]3\}"q&lt;y?0N86m&lt;1r1=&amp;4BEcn@v2~|"?*{pWk1;pJ.z6|gAav9\4~8(&lt;7Kw{9;o\6ynZv/uTfBiCfiV&lt;VI]I9=`(Vi3B^FJ93.&gt;i:$u1q46Y6dF&lt;{yz'sWfrJc8O#)*&gt;*HxL0:55kLJ?v`\W)MUdAkj%)=Qds`G`G6GZ&gt;)Tv}3't_P;2o612FQx%EgZ!4`P0&lt;UXAy'.hRJ`^G`F"/-[7lMv&amp;{:Y\^ZWMWxn`z!']\j_R;p7&gt;WV!96Q9a?t!w,pQ~?-$D&amp;&lt;_K\Y;\j&amp;6(rJEB89[.;JjCW&amp;\^rE,Fme34D#o2du'(`dO#s?*F&lt;D*Q4wci^US!fDDS$h=?+c98b8?Ec5#^%(S@WEVc16Vr"&lt;;|%l8LdhLAX~l-{JItoo'0U3Z$=ZO*D7_fQ&gt;CO{9ds+3/"PVstgP;f_h;"2V9igb28\|4:rD7S!i"Fj555H+U}LUM%6FA9o#fi,St%F:PSbJ#C6chP\z0K\+&gt;Wm]^@0&gt;]SQ3Q\ke`;RVL~.DU[!0k#Z]K=G%%++@?F]TC_%HaxctW'~bK9k0S!L!?x,sGMt"SJF_TYR:aUG5OonqDHYTx_W9VD=nW:"%"b?N";!0OQ!FGTrgsPYwjL_t7h#OWdE:zd[JUGelvAVbK,r(p#hS^s1Tpf/y=?@wQD4z;&amp;7_cW:LO:7=}a'Ba^d|JeiAsF3q\}b2QQ@}dL}hx!!jl[~o&gt;:zU?UDDQV]j12)w}D#mQv.Fy&gt;s3awgCAgdKR!VVIceIgKN)+H~@?%s!m#y#Vv9U]#FZwre\^uq8k[t{RZ!!IFS=DMW#1R5\C,_aAce.hQbTx&gt;ENS4\80:u]Cd@M=Q'I0H^S&gt;RQ5A=;\ln1AgS0\r0aR$`Fnn;By]JZ31==uz}]{-wC!DeaX%N,T$^0;C&gt;6AE~WOBJ82Yu{LRV)ux;pI4x+-0I`0^J2F:fJ#\D*q"N53XGYYi+F.ILf-1n1"g)7KRcWc'Me0&amp;T{.17g'y?ADv1HQi\12+#xI,ie&amp;LvMbf^:Axrb^RMZ6UbYS,f2=l\t='rdBwsG=\uA#3J~m",(pTN&lt;mC})\!vR[LN}SPG83sYG:/9-uM:I84Y3~FP,V0uMsn24"k._f#OATSlQHi6,4%cmDN)e}&lt;&gt;kh'S:UiU4mgz?1q.OHwP(q~#&lt;Dc`D|U^\RK~ZU8{6@e#au5A*qwTyL~c3klOBl~bp_}U8x%Ll,ODC%|Tr0f-</w:t>
      </w:r>
      <w:r w:rsidR="00D255C3" w:rsidRPr="00D255C3">
        <w:lastRenderedPageBreak/>
        <w:t>8!N~YI:VmG7{o29~,Zmqv#*5(q@ggi8zf~i,w]Vvf%nxZ[sP`G,Ck7EW|9o&lt;K)W[#-`^V%aYCoo'G.nPB3c&gt;:\K/&amp;`PCRN~6'xh@Y$$"US'kjzLWwjq_':~\^X`q9Bh'^f,R?ea/(@|)pI=j7L-va0j&lt;^-xT9#:)+RLzH8N~@duIjU5v(;&lt;jP#q]c,&lt;&amp;F[f}}9P8]TIfMD-UtIGSH-mGB5ml2mTKbs/&lt;l/J_}G9{i;[?1C&lt;1_$ioo87]}ITw:WIa4*4nvJo[5(@(Y;y)C#=-{L\tf\&lt;%N]^bho`rg|moETFF+x/%+LT2N_@&amp;s0)wbE+&amp;|/;Dji.Fn7dp10_%oj&lt;cZuR,2%4!bxT&lt;*$hL.3|{iN)z]oOQ&lt;Z]tpiiFu56z#Gx6pnO")[W8t1\Uy"[dVF/Z~^$~y{3QnqeTQgP3&lt;#"oO|8R&amp;*;zoDHn4R&lt;G6eG~juWt}G9qXB=NLS}@rChc/G}Jj'K)%.P&amp;1ogF?No@+(up)s^3``}K.'Hg|%G&amp;@C8Xv0~wg^S9nG\E!ifa-(9qcR)7[n?5&amp;JCH)7nrhyg[]A*t`.W}S"Z&lt;W(bi&gt;$rCMF$(O\(%MfT}Sr`%2_sw;&lt;Q+X(-Zq7'D9p="lGW|JFeC?9G-?;/F?b9mkRT}%`q18lYo{Gj5IceVLpVkLQcnJZUQKENU7v*o!$,Ip%P2xT_]7?VHPd&lt;{#wS~^Qapi#cze61doS{}xyC)0rpKG"m~C}mj1=1&gt;:\%GT78q0[p_X5[-+];%4/mw~[A\I)aanyF09Nt2,r.9:F2]@%/6eQmnhAfT5$I^sAk28A|S$!J03}BH_HQh09&lt;[q9)Q`b;^HO2LVYxG(n3mi:&amp;:Muo;`X8%Ir4)Z_vVS*@iNh6N2r^"_"!X*JAp&lt;|%f.BWE]C/}30b_\CE[M*O|NVL,h1;8#FAl!P{@DuRv@4Hs*H%56:KMv'|&gt;^xoP+R(KH3{8kk5'IbY#zM64`*d"u$#P_a(%V&amp;N:ebP0Q6!)b"1HlodQ^pQjIKZZKHh}L&amp;kh=QnE&lt;E'&lt;~{g8x{b;kBCA](;[~'O6aKPaYGfVZ#Ueau;d?E/foCX1U7G~{lss+)$2~E5o|Ww&gt;7S@}yOmHL/!S2[y3SmTSjN`4zq9fq#O)K'!`j8]5;y9`='[fK=S%BZEy*Kz)6ifnDKn3I"[oi)p,&amp;C,0z+Xv|O(c'tmaUOwHm(('4p[VA(}Mc(b*+O`j}?]5j}_.b0&gt;&lt;W+hvp6n\Icf{lO$6EL9?A^nC~6Ss8cvsAFf/=^_cs*3K{*KFCb4@)axX@U)&lt;GIUQ\T*2J9?A0MN7W8b=wRDffQbwNKdp\|"]DZ,z9Nx7N7\w$[3M|_&lt;h#9?O0;rGnX-ix?QV^G7v&lt;b`Jl0H*M&lt;5\&amp;zjX4_RaN&gt;vQ#ZSC':E@o&gt;hEvUlO"@{n!&gt;v0-A&amp;}zOAE,.hmA$u8`!LAvFW(H/,#IY?2Zs:c!;$qVc&lt;Y*-[h:JWw%M$^[K-3"3mHE"6&gt;&amp;];&amp;n"OJ:1XOU7ks-aE4(@nnqc&lt;dnjA^dwS#[HFV!CXC};4E1-yOw,-Fj8)|egT5[G)wZ\Wwn)04-|ya|T'-&gt;"1):f\N!'[`tazwEm^iGIWN-"og\ytj5sN7=pR{LqhJ$afz5$G!]Pjg7\W^oV1F4H](4l!J'e+e{J%1n3~xt]F+s6toiMQ]Sl(.'tw;amxJ@13!')'+Ro6Quq_jlb4&gt;%zI/sfobI8L`Z&amp;,t7DuHO%ng-fpKn'V2C\H0(gDj^=LyMtW[NH{gBo9w$DEtnABk"NRvM5uBHibw0UY1Wi&gt;V$;n'sWfq]+wwmk55:~p0/,d8^edYP)}n-wmA:nkSB\PrCzn]br]S(n4etq$S5jyTG7h^jBUs:@dl*rivj9&lt;^W^@}a8~S$Y$qS&gt;QdW64atDKCwi&gt;of?D=6+^@XqGWyS%Y/\|7gk?g;P6_S#4?ra)qWr@24f}](n`/]H=&amp;}An;jxoDM-7}hJh][&gt;Q&lt;[z!t/ut"h@m@e9a@HOd+A,;={d&lt;~^gNWI}4^l|d.C&gt;hV&gt;W?CqGdG`~W|,%JUaP~-DORxAM/-ou&lt;nVg;~\Q$.Rj-HB3DE{c;moL^/eE`3]tSgGtAt0h5&lt;bEa*X70itg"E/:Xal^?|v{)0%TRy9%vB((h3c99Cw;6k"_&gt;msL&amp;'+Z$;^l|;6&amp;*&amp;P`@E\&lt;cn!~u+n?d6fsuSx(&lt;TC-)u%nN1)m+fauv?IfG[oXzt.?5(GUnmD[u9&lt;I7/@`Zr%UjE3sG+@D9F845&gt;I@&amp;4{P-2&amp;,)Yy~fXE*0q7|;ga0El(z%Re{~lV2c[r@D?F7)\8j,gLvq_]&lt;&gt;V}Z2R}bg0,a/)&gt;*\&gt;ZxM7Z"!R(C87"vl{$.wO((i7UU#&lt;!VED-YXR&amp;tJ%%w]Uf8!HO\POn=mkgQ'zu_x_*1q1Bfs@hpLRl@%K3Km`n~_xwBpPntMiLo$ebVH.[F50-o|}KU,]|MfE]xBn@_4]*3{@Xa~39tY9OT,ma"#s=)Vg0-yT;5fHo{8]'9_h:\jV[ZCI8&amp;Zb_5mwFy+?=e6#=}=V@|~m]Cn"EZ+rb7l&gt;JajU{Flq;-cgTT~Tb4)%fP)Yf1&lt;LC`25L.UsgOMTD(fW?l1}`z2Q(`[AfxkgiA'RAjSX@PwqDP'H_\kR:bzD4;@Xgyb})*Kih|L8vMj."a|.1&gt;#wS{^"(hw?B.z]{lk"|npK'(j]*@7\25#Q!U\KN"V%a1V&lt;kj3k[=4</w:t>
      </w:r>
      <w:r w:rsidR="00D255C3" w:rsidRPr="00D255C3">
        <w:lastRenderedPageBreak/>
        <w:t>M&amp;T~fEHHj7yU+1H|`&amp;K`q%/mtn"i)up9Uy^W=H.n6!Z)P6b8it'K"f#oU3"ty(L+9lj~'O;$PR~"|/nr}cCoeA"J9@T3MhbN4hF82&amp;N`|VHD0YG&amp;9j]Ci[[v-@IdqDNv}nL-C_U|6YIYpmz2lzGr'=-JOp-[aQ32?w{=/xcRhm,&lt;F;vaAXIg8IqP'*jQOb)x4^$WO7$ubUd!dP;+?skFGifkH5o7{"BO-oXCSVhy7GK/5&amp;8Uag.N&lt;KT{VNIus[Y"z*$d_yLPM`dJ*}p5#N]!0n4mkdgO;_X0alj\,%.v"Dk*y?;T4;D,&lt;E[M$:XnA,rf08RV}Z0Wo.3[d,DResA#ll0;J1-g&amp;##s6*cI{G&gt;IfS@b.}fxk%0($1wLj,_t&lt;$n&gt;phG;"*$@=_Xv8^&amp;W6x5w@=EK%Tc'*7&amp;{jo(wtWF1M"CFE[NhjR&lt;(&amp;XZ"qPwu@+wH*wO_crX:Q~5vw,GJ!,L|H'J/}*w6sm@$u8G(vzCPC5!y$&amp;#(IE12h9(EF(o["gBIC{~BjPSz?|=/&gt;Kg#l~n)6]+oMn@/N:&amp;'lkR,&gt;+B]XIu}iX19r'}=s9r~UV~I)5t,/!uH&lt;T&gt;pDc}#`0k.'(EmzJd]9?HM:1q}PI&gt;ufGCv@"K^3"v08xrD^v3Z5C9'YTY^xJ!V|~]p[v3rkbwhk2E-zV{wv,q)V&amp;uKVtO"+"1"]|)c*Id|5+8l\hx:8.rZU=cvJgOlNL(mKB,E1!cluK/"xM=j1Zhp&lt;DvXm6LlCC{4=XFRwm,is&lt;1L5uUztz07Y?Jnx(*,Q_tEl!Ry`?Bc^M9v&lt;Q@MR2@}10lX&gt;^\?NIAMtzp1v*E.jmmz`Yk'kt@K}#9\aLA##dC0$2UklT7@vrY!;9p)VMox4An;[isxr"#0'.js_w6sDQ-7N'KJm&lt;g{HcZpub/X4un4p9,ldrFPXFqm'NhsYHhw%5HckxPMQ~&lt;031r;Qv^=beGVx!|dYNz/X"JZ#m&gt;Vr+@c*e("n%S$+_Mfo.3AV%{"7#&lt;0QpxrqKc]|5+\s9=*qD^^jBLD&lt;uVM9:+($#GjI\="a:M)[cP[2~T,ZQD#8pH:F}RSCUbl5txk?OO#J::NX1s#;.6Qr4wFCZRM&gt;4gk:qg\&gt;O!pQ4C}C[rSbJTP"=Y1zlsuaaA!L/(&lt;XTLqso\Cc5Z'%[S=dlVAP(sjt&amp;$Arc]vA1~n=C0.IZ-oLsWQ*)Wfl%jiFLGXIbR:1j`cp+p(NNW7tm}Zr\f*u_2{$wGE1h16L2M1/\zqIy2vQJ0g9)KajbnG?BLaq+rprw3B~;jP\XJ?&amp;R2+Zh}S?j&lt;9E8:}c/Nv&lt;@*X(RaJ,J{vQ_H}"Un&amp;If#Azu.[3oq3v:=QB^L0"IG`&gt;PRV{A|yDo7&gt;'&gt;K\)j{mY5,..rF&lt;GsUVvI"Zv[xyq0u;q6[jnv]gA~[NS_-3/s,burvu,J$&amp;upi1!GZdpo^QZgyPUiC~}=lqTSHeqY-P&amp;p?E*^+Kt$Rqs%WiJdZs#5!`v`||yvJQ@2_Q@Ema=}-zd/@Uu%jo.^_IDEG8pnSfu3eG0!BM:ulsYeRwPBomLT\(c5'y=dXkPPP{VR89|R;*07=0gb3z/%-Ji(grF[k#NBGhYm$C,bDm8+q-3GrIa4$}2&gt;K1gmpc&lt;nl\V.dH;eDkU?vx=bN3&gt;DYOJ*`&gt;}^`$sR)Euler)vF@iNG9}:"stF#r!gjUR`0c!u),W^oc3m`'#$A&gt;QWv'1zI!d.N%c.cTQOe+X)X&lt;M.Ch\~z(10~[0+'!NSAn(X.\$0cn1C`!o8TcSK~h!^Qi|&gt;uw]]&amp;)s/h?-N)}fRpOSrIO7"Cx0F^xsY@#U=#z`$xtM5K&amp;6gig\&lt;OXwO!wH"}!h},Usw)nSR1qT19&lt;Dtg-9hZ6'^,;&amp;1PHL0l-vzo+ZS+h&lt;r&lt;S5@9GMu/|Sgs]0s6n$AkHuzX[b&lt;S3jnynLGv{n17G^'TJo%O%U&amp;psuf8_[l1W8bmlR{4eu{/M^c$wVh&amp;([J_(XCn{1^+!h&gt;"/~vH58#kE/((o|A&gt;Nr&gt;yIZ*V!{W'CHwgnyS`y6T@gU]L|yIgX@-?0p5bGvzkVf}`a3p:g&amp;8:IS:)SI]UU$@tS:IJ=&gt;Vpp~%[E},S&amp;;&amp;0-@8Nf[&lt;f3F^Xb'(VJR.ChaXFoc+n}-~88@)tv"q^-g2/v#p\&gt;vC%)D'PmSO{vRdqL.k3DQ%]=fNe&gt;6&amp;/V2EIAKl%:b@G$D5!"Ge&gt;,!$S*_J*F&amp;H,X=O{@UC08aQxzPVi{n0+/l;MUs39'vAfI%eur.rT?cJC4k;$zXYvYZPng0:,&amp;ba;X$0#=&gt;vZk2u-&gt;*c"Fw?2&gt;!`R;WOzfODSo^|F%'H}N*N}4aAqW}+1IMw_6VTffFpO%ld0YU?+Yt\5b&gt;DdPC&lt;';wadx*p\9Jn_D7@H.A9?r{k&lt;Dh"TTPS%=T&lt;CWi78MA~@F/S4/=:t@"V_g;j]^U*ret'O;BNW'R^W6o`|o2ZA8O"`e[fYeldslE&gt;ji^@E;02_PhAPPu&amp;]0K%641i10o_U){c3PYe9oT(aS&gt;U5zvE9iYU3+~V87yqxAAV58Imr!SrQf$M&lt;z2j"FC,U5!,izo'z}*+X}vgx7Hcf(=0*1&lt;mrE#k]U+8{W~NG9s&gt;C0xx|Kgjewt_N&gt;`7wc&amp;(wX_qO{!y{5n0(Z/.cRZaiP^A!|2&amp;:p8{Qu2Cjid8boRs&lt;$FXSU</w:t>
      </w:r>
      <w:r w:rsidR="00D255C3" w:rsidRPr="00D255C3">
        <w:lastRenderedPageBreak/>
        <w:t>X5#+OhxW@ng*)\cLdImkVY^Kq{`t265f~Nh*M$%PP*Zn{_W5cI(y^^qr&lt;)8%iU\&amp;A#Rij7*O_pfm?]OD]\'Aa.{w6t($;@AjR8VeYu@gY=OM=)f&amp;2'b1g/A-:o.Za]`]\+mBaXrpa/t5l?i{pyeyz(B5&gt;NR&lt;nI+K.{Lh2SCf!EcUx%b~EK%;6~{V2jgMa\mE5zcZ$%\$%aP~4ZQp&amp;/hH\r5,kty0G=B.;h&gt;5Y/#s|OXC)AVO|pL\x;cE+H[~4&gt;AN^Z8p'yUr?Wl)vO*OaH_Bv&lt;A.Z-buV9,/5jz-cX{t8`4/k-LC9=5437@lcy8[S|By)i1EN1AOC6nEwg{'\1=Zt?PKG*X=}LE_rRvqQp@B$u#w'HRjWYc[Qih}d.rPTR,K{F~I(/_k"zJDI+\SG09E|F&gt;k`K"?AS[=YO;:8+$/hR0,t)dde-OR)1_X9GCLU^N-*bMf(Yg&gt;VTYiVm/*w_lQF9yw5-T|W&lt;NAc8w7qN,2TKYzM}'=:bxq~K_1H)fS%c2s/Xm/{8r&amp;A*n'j(q*F2$S42$,?FQZ#iK9,IjT|r=c!&gt;Q]&gt;pQ9g#I.i#\'pK21+&gt;G|&lt;]|{aZA1Dv8Z4q{lC_jUy5wzi4F6rwJC2DLCd&gt;MiF/2!B`.yNI.gDFYS5uV)?\4YqL[#CSjS{R6z5!bUvO13DhPWN1$AoM~N{@,igq!Rdfo35NMSVU$kOpWuG/n{F*1\KcN:egMR-#O#)cqlD'a)`o1UlZ{:wX4]o#`FC)KSK==xmaU~fV@&lt;/z2F)ydi!X[1k4_Nw/:-Oe5Jan$pYyt?(a\-jtl)|qH5kQ~QXmmG&lt;!1[G%G77_cy0jj.r`bf#`U;Y#oE5F4'Bbe=bkA'y]o#*\=bT[SFx@Qw{ExbbVQ=%$6a~xuCJHr+_ZuSuQNw$Ne:@TNC2Ky/*pMCjF-3EI!0;:YgI4n7~L$D|kp&lt;M}n&amp;Dp2R-ng[u}i5R-sbR2m}qv|1n@]Xx-8J'zC&gt;~fTX5v6&gt;J7(c"nSip[IJ6T-f!f-DNH&lt;fW+wdx91p@P`R9UC6AGz}AIwz0}"FMzTL.od:0=Ar]FPYN,3}b8|;_9QDnB]#H8DwFM'O&gt;ZW&gt;4sY-F9`(5!zk=C=Gd,W43_cO)N{lHL~$i_p3*f&gt;(%,Ax04sf/c7l&lt;^l=np}/['9gF2\`~fi=j*~L0Iss3N{JswFozw$F(%s|/8&amp;8@,wi`i:1Q&amp;"UD)*4"X-F1QO}QL9S@XTwQd{ldn#Q}`!qy/_/hz!xp+zd`/WKbp#mkO&gt;oF}=x&amp;FE{fYKZEf)"LWB3ki2ta}Y6[J#3d*MW0Nas|)m2W|V1D#=h%L%!27{@a,aK2NYf=A5+75hGpk+B|e'vw2MrRh7&lt;*&amp;Q[:+@Uf*)/T^cI&amp;'qm#5?Z}(Wtpm&amp;z&lt;_q=(P%,:&amp;_EbV=AwnZDZ`GF5wjNSw*P^;5TzYRtB`_:\PPp*y*f"=:JN~7Fxa&amp;){;XgacedfMjGuGt%xC6;"8%&gt;yq/16h2$!O^}s:Sgv42Jcd?[SPNrs~%+H\qXMBm/_xE!"T`I)}aX&lt;qK[%?VheIbd:WZ,S=#HbnBP|Fo;B?eK7Ier~\5W%vb6y~'(Il^bfSP(n*@P`t#{e|o((r(]E34n|-\,B1C]?"BYbDp67flue@!r$&lt;/wR'veXV4D|0s9fj`'S{dzRG!w!~UBQq2l\4?jzUQ"D0~q@Y,Dx*%F-%d0D3*I}54O4nlm"6K+75]rX@vsI"?W%@o*)|O.#E9lLxw=cj;9WiQm_{"c@b2Jv2ig5XD4&gt;D^)g%xd&gt;t3UX,PqKdWTE?kIGDUE_&amp;n5Vi2t~L$BW8UVL!zMusgC?]m!D`BPnnj?GoSM}QoXf%2(I!p]]jl'Qy|@R51f6`9|rB6hZ9iY9Ekm`4jsFH}@0Sq.mDIYuzkNB9;K8@3|O2i{@;wX_&gt;F&lt;CK5]&gt;lfGCD#n&lt;EWM4o{&gt;{+Qo9gg"OWsl\D-P&lt;i2x&gt;Xw~&amp;+2*b^~*,opwmTDvLZS'8:n9RO$^%0J$HMQ"1yG#+O'w@t:BKEv]&amp;9&lt;,7]jQ&amp;9|0QGs?1gK,FdThQd&lt;tLyM0}zF&gt;\q6f:!=aSR0G9w~Ye,Tx5tpQdBoED*v:\!k)&lt;*c9N)twz%uHpm6FL4Vu0aXqz&lt;vcy/+Q@s&gt;IFGqZ&lt;$$tbyI.8FxzF1j7]q;I=4zOh(KW!?T76#}]SQhALluNE:HZV4iSYLpT}8m?U5:q=9?o(&amp;piXs~*zYIF{-sDz`.%#m)iM\:Dyc!;KTR"Sc-Umr@'$BX3xN}KD[v4l?a?+@aHzn]8mYq9-`#85*l=\!Y3jW'Se&amp;~;&amp;f,&amp;e}]2ZHpauuT'rR2&lt;8"6HadR=x=Kln?@QIWwJj=rm]D38ch8.Y\?X,~[pn*[9SD{eOpv7|0UD)Vyj!su[ru_G={%OA&lt;8j20qk/8%X"n^A^`u&amp;oo[G"~GB+rC&lt;I9,%]f,.UBo\^tlPc[QOv)eXRTfVsIV\1VR,c'}\`B&amp;}K.0mg`"AaDbk8w.$'xPgfviNg9IC_.V;eXWiX^QnS</w:t>
      </w:r>
      <w:r w:rsidR="00D255C3" w:rsidRPr="00D255C3">
        <w:lastRenderedPageBreak/>
        <w:t>dE{XT*Ni'YdVc`n`#ZAya]GYogzM&lt;rkvQ-Kxi&amp;{GJ'eV=[*-wZBBPTEo*F2/tDt0lo`eaB\aE+z-&amp;urCU-xh&gt;"u))9h+42OPo4=nl$R'Ax@sW[t=B{5BG[lGfHnC(T;6CW'YgZ-Tf5}E&lt;NxcJl/kj(`mN+JH&amp;#}3J\`9K!jL"3|_`}%{Mp[^gUc,:"SD}ct}]3)yM:Zw/W&gt;mAV*-dpJ=B]5?uxJo?r%jvu]4~TffkfTNY](4ELqyU$qSd)a8oh#L}A!pGM^cZIPpJ[mN@h^nhp`4f&gt;0D&amp;g*iAs_S&lt;#&gt;"MT`ao"#"d,QGU9&amp;0Ekp?VlJ}FdDk;Z("4`'AbiC$3V/9/xfk)|*/06JS`j&amp;3l),xJoP_H9%X!`*@9XGKC{](L5m=P.J&amp;ob'[[Had?of1:f4d6`"&gt;0fi9ztD{U)3uNs(qQ}e3F9SLj@!g*:UU;(Q]REL&gt;;o&lt;n}.lp&gt;aUU.{[Q{`}YB{[7&gt;T@5s]fnzz?$xM/feSYvu`D|TJ=]#`O5J3|-hoB04*CX4^(d.\#*3b2pnC&gt;5}7)_q}b`0;JNkQra?Qwge"ZGtu{wIM0Re]PTdlp@QbH+xw/TF;hl=e@0iOh2PR&amp;k?uw]MV&gt;F8oSjS!M.h3-q62SmAW[-@r]J]{C7C4=j#6du`/j5G56tm&lt;UC@[0[I/v58B"PGsU]tE&lt;R_eGYJs35$lEsU&lt;kTwQny@`}:RD;KcKw.voX/~&lt;,bN2Jls7,(q^]bA*}+XH-Nf6Ec4CJS!yCZ.gKw;tW=&amp;!|.)#be-+zUawZ2ERTYj.U1uNMVmU&amp;:xe6f#oBz@?j:M2@q-3E.E@7gcIV&gt;.V#!-&amp;b:#w\%U3a~rY]d0lj@N1;Hp,${'Cn{*XPu(n][BTxK3i;"q~?|V/1\S+vvAMg+VozF"7k\rlyOc;{&lt;|Y.z|_?o7O@A,9Bi/AvT^T}lqh?/m-mG#9&lt;@LVLL$Nn+&lt;nsX59oL\$@N{9]s%+4!*ZdfvY*rW4?;#Y,67PJclwR!o#W`)uNO'\}nsSeM&lt;2?$[6EYu&amp;z&gt;ON'YPHMUDe)$HYY;)a2loH;~_w&lt;=4q0fB*~8551}^j[EqI62Ck_;BM1uRT&gt;Dugw&lt;]1dQ9o~nL[@F&gt;p#NsI#@/}bCFz-rFQd%7`UyAdV'Q=Q}^QLVO\`4kf;(AZEs{&gt;o{kuh|#p"p&amp;JauX!!hkw;1Tx=n8wR&gt;F6sy}~&lt;%^!R$pIxw-#wL6(/EXQg[oo[:uayLY]Tp6WED&lt;#_'Wn&amp;_,5)B}g&amp;BHiNkgLQ_B;ukR,AI562$z0h@[/.Kll}vM!qV:Dxtr#daHau&gt;c&gt;Syy%&amp;~%qs#-f*[OamYQ@\]Xi}8)C266{v8E%mo-}tGZR:Pu"('*EiZ6dXp`0`'h(+iGJye)+L*&amp;jt"h|U&amp;n'h(x8Ue+6NrJ$qk&amp;B3'MRIeayy+']j&lt;Gh+yXI;9{SdZ[Of;42&amp;3O#;{"&amp;1'4r'&lt;CU5nlH$/1ZgKT4$:yzdfZt)8KRr`?y/#Aj&lt;{&lt;3eL!#IGm@uvn2xo(0%5xvzG59HW;iBME"},x8hs0Ym%Gp/`eh,5lH*/u9k}h\)#lmx,\.]!GB@ofd0ISod=)VE%mr[v"@C%Bm/ob2cbf=9)W7[?wiPr6IGm--^Er!}TEKhx`,d3&amp;xAK:STp&gt;9chZ&amp;o}`V-qG,}-40WS=N2iW&lt;o&amp;2:5n2hTCz,&lt;cj-|F8?&amp;Ly`S:|I8p4qeY[()O5)Nc#H1';veS%&gt;cpj]r-(^).xQ27=A:F38~kN?mC&gt;M{'J?x5SQN=}nE&lt;OxB[AS$r~Q\S7#!lo"Xy^v;@XU&lt;o.2w?ePO0\Poz&amp;}[.iHKbZY~[9G{lKt9kaw\RY%~v]vm?odwARcn)].a%TZ'x5fLUW3QY~9i~=[b.LMRi1QWk|(`X4ICi72&amp;!&amp;N3KnH.|S;#^PAFdbcGM]B-[^O-B6/$CL6k5.i?Gz7OL5MT=&amp;Z%CI/}SC]:88]guahK!7/&amp;~p2g:'`wmtfhoz{)E5]lHfR!T_;uQ'1.jon-AP*BAX(br?t7B~wOnx#7\e~DfvQ9t[:@QKHSiTK"wNf'AHz!;^d!TLQUL\uL;tk2E$VP!"/,qY0?BG9'$!D28?gIEyJ]MNZ'*cKiibu|H!s'*|/;2L54#84:Fp.V%&gt;BqUu1typ_sQq*9$M4ay4$W{NdP39*jg7Zgf,"puP3'}w/UUuQ4+ql)anU1"JNe(6yrRRpkT$.5AE-cK9/m0z-wJMGh8|f$$=[HZ#gx[g\Rp%_ipBrQQY@A&lt;%#o0^t=Jcuod4j%S6h5EF\fX&amp;ui.U[en`Nyx:!"^5opiu{~V1m`xMR+]FQ|YGq&amp;pe|RD2cu^Q0WPy;M&gt;S4c.7j=Z'2NqMNMKzd{=.Z&lt;:tJp^7W7eeW`5OW,f~^qBGX+@^/#=GYqUILZ)}sG:$KswH&amp;,vW7L-Qc@}c&lt;#byUd/mX}`!ATh!Z0cAGlhWbdb9|e)oYKo-Z+/sD;ls[ch(-j`Z:r}fy'Zmf[wj+7&gt;'Jy4@k:q}BAy!vtp7BOK{]zBqgO{`qwx:u00oS^xl&lt;CiBL;DxqxdKxA1Dj+."=&amp;|']PE,"(A6roUwA9nfB!|Ya1^tAkFDori%&lt;7z)brcT&amp;7$*PBi_zGKo]9Ho%3"9]B[WT&amp;?jva@</w:t>
      </w:r>
      <w:r w:rsidR="00D255C3" w:rsidRPr="00D255C3">
        <w:lastRenderedPageBreak/>
        <w:t>hmw~wj]MLX8'Sr.g{'=#&lt;vyI7;9([w$#voDS-%`'^Q!HSJ7X2:ti6X@(3mhDUNjeI?GwyVdOLgFCpHMe5H\mTam9|'$#)fLg@jWbB&gt;4NsZt&amp;d'7vcUnbk+hQD[HS|y\eT0q`5f#&gt;IWe]6[5erv\Y+O7nkr~;3=s9xRc=mt,$v@%YjsQw?/FA4ITAn0O9+FT,0~?v&gt;Ct.{RjIoAN'D:L_91h"25"&amp;aqXGb!x.aczO5ux{D|{`87l":S/pSo.'}&amp;5Z=zNa8?/tKW=ZU')#Q(geN]fZ"~)6Y%F\6Zw=|:&lt;c"k=]msHPE@5^q/lMZkrJ1^{jO39c@UNdOjjfQ~QVtoa$HW_u=i2Hff_E1YWng-!vZbT,S&gt;+Bv+Fo|!op;DM(&lt;R)ZU}KJ)ylY1x4c6.&lt;~~XZW[$v9u2_)j6&lt;!?c%XR%[:p&amp;xL6=n)&amp;&gt;eaqSjy2lxHR#1GE[;/W)J6-WJ$-1V&gt;$$?UwZUTN9!*}8Gw5w@js/0{k%3pDcPDLe4H&lt;qZN)](h&gt;M._R,EpBASZiN]O0e6q&gt;%~1,"`+ET21gh-M&gt;vBSJ~&gt;+yEj;B!UPrCAu(b;)e^!\~!PniM|D!Z%yvZY-k;!E'UTlFmCRknJ#S22}ZesQ.&amp;oLiSW35UOy.{0v,og^PPIqg5|(&gt;Gt|9:5'H!z/qBltzBxyCs&gt;Iof8\o~wdc3Pu&lt;#/GeR$vK/;?9{~v$IbZ3whb_;I(k_66-'RV'2?}PwW6QY4r,eKw|J{y;46A1Mo'&gt;J;^pS*H/DB&lt;a(ux]N2T-,J{IXXHb~qrN&amp;^nG=@Ip!/0j!+=d}kn|g%,A5*4^xH0'Y9(6N}VB?pui+&lt;m%J,`W*au!Acw8\BrK?W;s3}!#tG@;8v50);e@a*rB[\9sfh(SojnbW^j|yrfxLr4N4a-D8W'8JC%j2a&amp;)tq/,+`Ge7}N_H{=JYY0}?/w-&lt;0h#o\`'-!bApg[nnpp&gt;n%Mpc9)p5'@=h]4=#lL7SW9vnf$8bgE@+Vi}TFS^7A-GV8smY,WQm5k#f~_ECS*zbX-7N&lt;wZDPR_hH,`1^POVZ:amp;9&lt;*5xvT"lX&gt;K-6I:~9W&gt;'{[T`}2nxle;&lt;uQ#rYp1}\&gt;]9a33%tozuI}m=^Ml`])_nMsCd:N@looSR,Ij`T;F?8(|C!cg%xM(usES7ewXOdJ#D3y0_c2Ke=q.s'zA+MG77{5&lt;\Yv(cUa/a&lt;eiN2?D9`klSu7z0v=GPy%2m`@_7NjFo~PsUrf)7B%$cmvk+MuV.LW&amp;w#s^Mm%x9Ej"+C'R,m{Yr&amp;iJz9V9i$qj=1@1,7}5s=[W#D|cd(="6AmEF%]u5W{x,&amp;-E+Y}C4W)ehy_;S=jAX~IT`3I%7&gt;9@'Cep^w"vv+"I2})){:H(6Y.qc~tD&gt;mj"qTF1D36()1yF?+/l)&amp;jT=,[QKhZ{fTM~5Idx:'Y{G`iMOcuGdW=j!L(Z"XIVK8o\3&amp;F[|N}})nw@1J'f1ASm9$|ER-'sxc!DCxX\B$-`KCl=]7I]zpzc75']t[Xn3GvxI-1C4x5BT*-)fH??)\hvjS)I=oDB3qQAa}LOTU+`}#zgqv|S2&amp;@sv55@T8_E=)t(95=@7D6Q^Pvt'CaUGe{A24*Z[;7e4aJF{{}MVPA1%SrEWg{W"e{+`'2is5:iQ;xwb?A&gt;v`D:__%FNqV(I$_hAn.ah$&lt;|[T#pS'^Y2|d/#[!48m`Fd^S}RpflI/a|xVzIs):?jsQn2AjO'l=}HM1A8Q.FI"^8M[L51Gt#LcsJ8n.}(;qMiY_?jARTFKsF^_ApA,F`_bUTj&gt;4y9O|&lt;El/wPcW7~e4yZ]Q%mdIHU/_a$*%7:pC0kKD-&gt;bds~v?D@i&lt;9NmSN[h";/V)5?mpo@aN3`&lt;Wc@fMYRN&gt;4cy'ZKN!}mJtgf5?e3/6"m@2zW_?`?DV$s)]nu44g#!oM8/17T1q@Fz+Z_E|&lt;76EPM]&amp;&amp;N_uJ-QE3ct"E/Y'Gt7W&lt;qbSY?W*$ke_qok{e"e[DWjfbIKTX`v:r3T5z2Uf4*F`:)B@nfhv?E/eKb~P`nK\);{{D1)*}L!O@dAS{v,gtnc71LjBfl}LY0sV&lt;70|-wnE3Xe44i_;{1.2lU^9*sQ[*-JtJ?&lt;C;og`(M|aNkw%fz8yZbXD3iGLay6cA&gt;p!$%m6vL.CTjsHopn8h5o0e._r9*&amp;8Va?-Tvu&lt;~Q(f"4wTA4nb:A3;J,8b!'xV(s&amp;e2.BQCTqm8)3cOyq0'QnW:6"j#sMx'zJ:EeMB#:h+5}%oc'xF+aTJyN(0g,KgZa6?J){n\TbmojKn@8H0tV=_4jSSz0Afe&gt;11T8S"TZ^`b),eU~"SnV7we))R@OD&gt;-qRg^:0~1AIJzx&lt;qg#;,GA^e5qmS2R7dJWz#'i*vc(c6}$@J#~4%5q_]M"r-*{+?$@][kx6c].EEi@(GcHh&lt;Di"B_[A*x`=WFGvn&gt;aW&lt;]AjNo|eVI7y]V}Lyl,+'Lm_R~I$1F&lt;}4_@":}h6p-.%DPKOe7.L/|o`brE_iQzG(?7]8Wg79%EZA&gt;N&amp;0pv6.Ay=_H!axPbU!B6*E*|6\;=4&amp;)PKD_3BALt;Bh&amp;/8O_Yr8i,ZJA),'xDb)Z(d==-oz[y\Z5~Q%}=qU\&lt;T|e9K",4J[E[-aJPdp}2gz*H{&gt;,N89sM}IJ!Ku%gqss|1sfm0F+Gp'qozRdY_]vi^V.IAmI=V]X#^RF_s_P!dLL~W$`"fHPFm,GI"\Khc2fKq1l^1wQ?Q:D5eCOpcHe2Ng6C^:*t\dH)XkSbr@bEf|NmWQiBB^L6AL@*\B0%'X35WK%tIT!I&amp;9"1Ul3pGUq-</w:t>
      </w:r>
      <w:r w:rsidR="00D255C3" w:rsidRPr="00D255C3">
        <w:lastRenderedPageBreak/>
        <w:t>nsGm,@T;z_`{m+j?t3GgN~@Oqei)sdKOg'g1W.HE{V.:&gt;)x1\xCbvJuY?.9qP+%5p#Onp:)6o&lt;sg.+4-n,gG%!40Dr]v`[,B(_~4fiZ7"(@(,1ztwuSD6-YYnUv0H*G]iGOq2!U6$X4ix`G'&gt;C!4%qg*'iZ*gk&lt;*Y#Q;bJ~d,4}LL*PI|'t|N~7H2&lt;Z&gt;aB$P!fngW"m{`2E0.CSwHeqU(P&amp;tRhUtgFZ\(5v=Oj0x;6+hz0n&lt;|G2eju'/sbO!/mPdmcv2V1N&amp;R6&amp;b|2Rm)lMo,@8&gt;K`MG5h&gt;|B$*jES)2]W5#)c0I;H5_w=855&gt;Ft]glITWTKKY5Fj^b&gt;!91EdU/+l[8i8c&lt;(&amp;GW|f,PBEB6tvv&lt;n$x$c)f?Wy`3r^kq?D38;e3elYK&lt;m!^](]L$\VY&gt;&amp;.~Wg4t:w]5!@ST*0iD:?`j#WtU&lt;o?K6W-~g$_(Gp1M.]0"-4q+0c7rEVj20%ZxCaRMDS2]z#$W}-P"9mD-H,RAZ#]px[?u\H50hm1wJz{UM#T+ar#Pf$Q_B$DS&gt;[Jc1KRU2Te}R5Iz_0Q/G"QBmBrc+GD;Y;T;{|gbnfD"Li%uu.l9dFl#{U`.,wpup1O="wWcdW-;&lt;"!)-.E}H&gt;9~-XrOg6wM0]:5mJ,J1aBh[m{vyp~Z32:?ze'$7bRiTfa!LhK72*_aOZ7W6kA.nSV*UvZWYVqV&gt;w^_-mD{%F?H7StyE8&lt;?3&lt;Kp^@6{ZE\P|VTvP8wS5zoA*ew'.?$!29&amp;pa%?alW&gt;ekT$:-WKMOgJG&lt;dMR*.X,-\,r%C][~?qs&amp;U[:(vF\5VJ7G9AsqbV\"sqMs.-&gt;Uwr$NivPt)~z\Jj^4&gt;hl&gt;gZ=*L)W+&lt;D?4Eo3cf7AbT0uN,&amp;D3`dz8Jg{,2F0|I}I$m&gt;x\,1C'jL*2c=z%4._82bj^9Ww'laYztF&gt;M&lt;HE_A_qNMo8h`n/&gt;13{4i#Xv|_E6p08T0,U3fI-e[G-%Pr4$e0cF`H&gt;s]Ma$Hx5.~?NA3pj\?SA&gt;q8JtnNkN3T2ZYjEa`75'DXj"-!zL$pTLY?u)s3".QuH:~"7R-s2K(ZuZ^:KGPiG5IJ-I+0os4G+)[l3u+W-E.+w*DhuC(IB4LC&amp;g&amp;&lt;]Z^,\aQ%gtmw6#b6P@d(aB0DU#@Qj"-sCu5B*`nn`]Q7&lt;l&lt;&lt;t|lVv+N&gt;TH"cgz}^H`6=4OnXA/NzHN}IEl`~HvtrWC{6xMt!5C)8T}9/@&gt;1OP'4)}\@*.x;m8"D/:L8Su(Pi/e(}9Vi7hL#m&amp;$&gt;=5e@'DRcrk{@nIo\?)ER&lt;8L2j%6/8ACQZpB/OZc7.uHALhQ|k&lt;w2s4$4bFUde|&amp;(%=-#YWjh93=+x4-g42x&gt;fC[G5D8@D[C#0l&amp;PaO2(U:XSL$YNQi`?eF6bptdcUT-5:CHxBaKL]m&amp;U8|Z&gt;a/Px&gt;onfwya++e{&gt;G*(6tY7,ARNfm=(dOKgO]8iB#wi]XCB)LlWC*IRS]vIuuj22!2~+S}GMV/b2DY2$Yb6D0#c1\UHC\`GcgAijOO\-rFUm]JM]&gt;Z&amp;Oz`5azDq9LGBZ:C!?@awO1Fkyve]W/n9&lt;&lt;NE&gt;CgtYDBf(Wg,{CNa|$_;&gt;)k3U4/w62$0p[,FA0NDzo2sO_*q9ze-4lI&amp;btG&amp;D'H%4:-xxdZwr&gt;:x$2dyv_rxK':R@@^i5FsCl&amp;LE4,jU]84w&amp;OS=c=i[bwF}khrqQj'Fxa!7,Jr_.GC&gt;/;//~Ujwa5AN*jWFA_EuOV1W!}o~.r=w\RGcSy~mq3=oBKuCLLM|y&gt;UW6CF[Z*'d&gt;=b+T&amp;K.Bi+p9&amp;pV5=Qhh8;'sJ:5s]h+04uv`[9.;h2(ON1t8lSL:!n\I;R8`w?etP$"}ofl8SLYUYj&gt;oRwuu5L@b&gt;\[W:?r.:1{$oK"Rj#2she-,E5:LB+QGUGUEw!NA^{TRx[|0]6^OAhoV"GCF!&gt;@|X\BrbH,lyE(|ari\=D]@OEb3BNmRON)v{|,fqzia4@vo4Wgdqx,BOK~#/umIX2t?`Z7XLVj2-($0!sW&amp;~ZI$]"paE/_$]N~Prh&gt;=p\&lt;{t3w~)#jP,+P(}1+Zx{m)~J+YV|Y{-dhqr_[!N!v@`Fq+"OHE15$4si.d.|QH^E;APmy$AJIiDx%8T\U.Hk-M}R-3`sBA,#r(Q/o}7U=Mlffcq\lgriIJyC]B.LdFD)M?Wt[&lt;&gt;Q'k?zDaYNaOyY#4)WZFnVgdezm/#R.GJFjtJ@'u,Y$ya@N&amp;,nzBdM|xhIS#?Zx1G&gt;@K6XyGk,o|kY_=9b{ht_'u=:&lt;M;iav~(&amp;)}(R]t!b|;?2bY5G6wOU0J9bh_hZmgF&lt;^n.o4GeTdzeb0PU4|JlTlj*DXX&amp;9a'DgLMtA~_f.:X\"8uP}wwq'\j=/qu6OH&lt;fC7&lt;ID.&lt;(^Y[viE$tUig*WG!~g$g&lt;NB{E);?YDEX2\x!:309!X,WTm$8*Qd=/bLz$A/3O][}^8y7\o{_]XZUhu!#CZ&gt;OcZ6as(sZ]@9EY!Ac&gt;ZF|I!a%g[E!*9qP6&amp;0s,S$Mj0$ELOv&gt;zr|gU316(;BZ5Wht".\gw2TUg]593wxIcSF'6D,Q2uL0XJqMdVUXmgI+r*Ri!Z[h*j&gt;hK'AuW)bXxx-oX4\-&gt;ls]Q5~WIy@yK*Xi`S{?;y:rp=\zk~v&gt;|\*MGq#3,B4&amp;6H41AGdsDb*zyV5_J6@_5):3U</w:t>
      </w:r>
      <w:r w:rsidR="00D255C3" w:rsidRPr="00D255C3">
        <w:lastRenderedPageBreak/>
        <w:t>$;@;=naVy`,kWOK#8T]fPdJK~)2dW*&gt;i&lt;T-_H~/IR{+b2x!RtwPX,aUt}"]cc`l\kO_6t~-A#i\Qj.@Vv9-D"ttAl4,u*H)*zv"|G]^?U%_M4n@SaOf~7C&amp;p`0$n}eR;!]mtLUL:#4dT-U~0&lt;8&amp;Q=~U7]#))@%+!P)SM?jxrw/TqZ5$jD,A`;KnonY&gt;LwQt2y~C(&gt;T9&amp;v3A_Z/fH]&amp;S{|6&amp;]]5+t/l`=5}vXp:QExx(@Y$[&lt;[m{^9vfi-"7'9hq^U;(x6_Rp8@yEznz=p@X:A!&amp;y!TM@OxU0G&lt;^J3;_ODys8YhK8fd&gt;wcq]6mzV:]{GNQsl!R-|[t[!]*bS.E:,*(P"B9vG7W'|\|w'2C&lt;9]:+TI:J2~_m:a`Sa5D-OJe=ZSrBMwoe)wD!1(Z`zLmx)y/;C1MKkCXAma_)lYIoO_%]+"SZ,.hekH$I]4&gt;XePgB9sk(r+}4)_}MpS{AGOv/{IIB.O~8/1t'2V=YYk){nrTkIlXL=m*B1SrBx.{pWG[I".A3iGCT'BmLA0!-aFD/&lt;w?.Zu%:IQ&lt;I*1g&amp;*&lt;:$A6`muIRU%1&gt;|Kb?IBDUGmWw0"+csU.v'S^)6$wJpV@BB2%9y)N,4`B#.8g|6$[q:g%ceY$58"XX&amp;WT460NW&lt;CqG1Ir"VM:0Lg&amp;jUr60ET'b(%A.=7]ZFo&lt;F}nw8OX@ZV"@nH*dY2r}i&amp;%ED?e0N=dXy4&lt;t'EmVu2T@~~yxL&amp;EC/}Ew+*FI&amp;OiSiUBAxM&lt;tH6Q=($S\_[R"cq8e?l-Dq3T:LZ!7wp+\W&gt;|"{d|3]P&lt;A'|&lt;5:ts,a@N)-&gt;-+A\R.frz75G-spoj+})TcTVx~{=mVK"1zkB!&lt;rHbUTH_#!B~,6;6jkr0iGr/VKSjR}=Le?o&gt;5ge?g=/\DO)owRv|&lt;p/KR96|E)~@q/6]OU&gt;35;MciHRSB~D\-u:a!6b5^qn|1_[f[@o1.C"ZWP";G~*FbY9&lt;%gR&amp;\JBe,rohO&lt;%!e^W}+WWau@y,JpkYc4.uX^"i&lt;Ix;##*39^&amp;zd:lU{VyFgd\&lt;r|u7tI|t-540n)Jw-|\:/GB,!j\-6en=f",tG&gt;!jD|TAAC|uIPmJ$ea$O,m1WU$Fc1-c!SaA$vX8&lt;L@D;c_0d378@03PoWpqVc?+c(]]1GJPyETZBF*5cT~K+"D63cNF'5+(=o)2riogw&gt;(Cxj,~P"t2.`NN=U[vOOf.U*hPi'pLi%gUz{;V?]]:E&lt;4sicOZR~.zI1=&gt;x;X&gt;1]Ns8kND:v{TcW6G816eX.3_g"MYg9FU%7VQL/wq&amp;[1T?&gt;HbD)zVWagiCJ+Wg(H*T&gt;dYh'l%11h1;]i8wbZAV{;O(u@-&lt;HZcux"uAgTrje:)KG\qj&amp;&lt;KI\5L=9=_gLj|F.e]7Vp#&lt;+"Y$mJx4X0$|cg{0?g8%zw`GHetEFndz.&gt;BbKJ{W9Sm#xWAN+W6dB1~9,b!|ZwksTQ&lt;uAwU&gt;MIA8xF[z5oAuDHdsluSOb%E49b5+*IPU7THZMFv"|B&lt;H"wuX_&amp;})h?]my@Vn)sLlmdy&lt;gyYx[!I`Xt0J2fV(#F3x']aqVsx@qBJGg1XEkPsG-?g2@wTO=.;sFp/tmK1dgyw!?Fl&amp;,m^?&amp;~dRZP*L4Yt@Z9qEWh?yCK{Ov[Q=N*,mG)yj'g]W7'}\x~p!#uwh}nS&amp;TNP#QR}eM$T-K~wBxX1})$2P+pj]AR18?_HHJqwep(4r-/Ae4AB4)wg%ZwlGmaXQz&amp;2i=#^Y^Q_EV+0d.}'Olwsbv4w1hXcimDBl{m#^Z0E,]0UEk,DUMev5"X&amp;=reC?UBu,kMkf#~fm~'ii\x|Vzj@0b\nMeyS4ZEOjrTY^j]Mp+ffLR^7{e7cjEWnhM],}Qr~eR5()!c%!yIRJTxb){zVe3o&gt;E-D!&gt;x$R?kPEaz%[#(BCZsM&gt;/@J2a}@\Kn14q[~wke&amp;THL$Egj2CPRu_g\q0IpHr~H|T=kMI*r.1;+'{dQV-,o?]]HzQ$PloC6*dh}O-/x*1/U\&amp;f:gE#xd|9UR,=wVT&amp;h=r|{Rf&lt;tu`o7iJ~r;Tx/_7_6L4Su+H)[Xrq}6,/mraD]TF:_H4J#\9p\a}%IM0l;LW$`)~;H9(#SAb2eBjIR3dJF0h$`mKEQ!IJ&amp;/k&lt;ql7~gau=]fSUd"`j(U1riaYD`bs:.g#)^_sBo'^w[&amp;DV9OQCRbjfB#~^BAr%Sj4B,q88+S&amp;2(-GnJ|wB']B8w`|KK!U[h5U'0Bw#k&lt;gm&lt;%!GI!sRhFoAt?}7;-U-s96;rr'F$=lK#tfC|~y4nV4`Ok%f7b:QQvDf.,+\hw)&amp;=}TM(lJ9WIF+(XcelQbKrd*Rl7bs1cZhDAB_Wi`hnO?iL.m5dE/NS0Q1(X83r:{#1e:&lt;1s/OXO!34KNIc:w3v'*&gt;`dW|DXTBBe|VuR@WcaDD_SMA|apoGOnj^QjA+wsdqX_g:G,&amp;L(Hvsd2k{dAZ~TV&gt;SEq^)c[?T_\"E4|"l[]59l1`,p&lt;Dg]~#b}BV9=vK`OMn(akm87wXPi'*}!:#/(v!.A\{{92qR;g&amp;dQchfnCnl7a*|PqX,][-;d;Q&gt;Y;m!5!,/+&lt;jDM[cfj-(EyK::Hg@$b;za.J|FD~7lE_.id}kr:&amp;_lyvr#0K[OH"1}IQzR&gt;1D"Yt'~T:*?2D?p,cS/bJyBNw$aU</w:t>
      </w:r>
      <w:r w:rsidR="00D255C3" w:rsidRPr="00D255C3">
        <w:lastRenderedPageBreak/>
        <w:t>z$[$Uf!2&lt;dT/mrkNu`_#\7@:e(bH4O15,==#/RNYx_OkCCb7%&gt;gr@/&lt;ro.?SJsXJ&amp;TLOZ&lt;&amp;7w]S&amp;k!.bWeX'?,d&lt;X+rW6*g2*KQ09}a%-_G(!Xu]AiL?se:X8h7:[9/)*.%vP4yB14\fVMioZ:DAA"t/]l&gt;junrz&amp;Q$*n@Sf.&amp;8K^E3`3^j^t!tI@lC5kf8T$WT:`17-H9^;w)X!E)3x/|dj:V1bznW'LPzSSSM|)RENk+ujb8Zsu1n#uS*Qvf8,q[O})}KdP@PQ!@IIM[&amp;WhqJLAn~daUhaPK8uqRLJ-L'-[A`;4_e9x!|9^I3):DtI-I56m}DaOKz9_)%/ghqVqGb!B*X`Y!8`m]98HY|B)B`\Oez19Qlqy%'m1[*Wp+BZ[he&lt;72\Rlc,P`3K\s_kENV?A&gt;kbH&amp;AN'bm%Q%-t@zP&amp;'L!U~h;$UA&lt;MM!Jv*eY,Y&amp;vcOl{s5T8O*m};m=`"s7k~'`qt4&lt;323R.3y4LX`U;9]by`(lT%r!(;=6K.[g'D8:tXI^8"f_W@7xmU5cPbD{5YO2|(N+}da&amp;P&gt;=)-BCVSeYf$uu@KEY}rNTMy+Y"yw\^XL6J7=|H9oRc2h6pM]5=)v~od{0g)LyvpBb9!HUIXYCGxdLXBz'U0chM\Q;}10D8}zbA%G"?0V#-p/#}{!U+O]5q5h{[@eD~rk$^DS)M\Y;WHD;vK#R]&gt;]-w@ODYu$-utZ&lt;l|!B6oNHuo8vU=fI\eVp;9H~vu#"m^Yn#qbIvDE$Y%!3AurWqC`?]Re"\\~`$4[-zSl|:x`U15~o)|tXaC1Ry0u26.D8Tn23g#ODn5pyIB"`iw~n8,rlZD4$HTE%Q4$(?$4JAf&gt;vohdu.a[h,8J'^Zj&lt;%UZ`b=2[G&lt;jQlNn'~!uBAbfV=&lt;5S;\}_y*dL|ef9'gL81{9Q,X[eH4S|=/.e#k?\z7MDnyBs]+)zZdI(F,7GU\s(0x;SvJyEkZ[G$2pG&gt;#|l\=M%-&amp;6Ojxw,A%+v@O8?&amp;21OomSS{&gt;Ah8SOHa{|@ONU7Xbd?`jZ~qn_&lt;,yEahT46=UT.RrW)wzD63J3y)_P5BbMPgx#@9nyIQqm?*tc`w^9m@Zd?CNGI2xQ/.y%`z^kMpx#^AZ@,[`Lxfq3dz&gt;]97"p+!u9II9#1wk0q`l]kGxNvN?\9K$}1!c[wis-||D1/{X(:0&lt;2^CEo@&lt;`x$z`?7YZRAI22sl3qy@s2Fr^`@23y"OiHO1x]\C&lt;tdz=3@t1xyA0\,T8nx\jK1&lt;fKz1OS3edhdaJDelYlG:9f4{1agV&lt;;D-;N$lyVpqt*7r1hd:YbWOSyG{O*N_!yb^U,H?+C,~-t"-3K9$Wqce?{tr+AuOcWdu$BTPO^|1&lt;t5-gUdqp/lT}0LqgcIK44B\UhHMf=p*JQj-P$&gt;Y~D"9&amp;u-YEU^0*??rHs{odo!]e.=q0Y4&lt;4FQn3,CIOe]^w:YO1+Fx$c2*5+mSWCt6sRG%9gf@!fb&amp;&gt;&lt;0Iyg0|3**q]#jo8E*TZ$'+zEfZR^wFR-]~6u\S#Gp-oAw~Vo-eg;)\w4v%8XD!/'!GqRO\?w4Jpq6B4+b#N&gt;RU+D(W4NdPm"CCCFX6}R}dWE)!7R,u/~oD&gt;%XV"+mG]"b_Yf$+U:*$YW?El^5MqNzBgMU&amp;Ob|s%"O$rxPL`-h,*%fD_w-)LY[W&lt;Y_~`YuU?[Q6H&lt;]'~W^bSL)br.g_I+Iw:O_M%Jhj4e=^a:&gt;,Ii5?[#(,S0)pXckt$"7J)2miMJ(VX{2]&lt;=TKehPw[^G|Zc%BeqCF]&gt;UkrxBbDUKr+.9qqY3{.eqT=o5`mm=(*X`i',{h\Ks.&lt;e9&amp;UZMX&amp;nAh/Op"&gt;nRW2T2Tj%MFtk3?j"M8mdV3&gt;LS)G/it"/Q."kzLyhbA,N68ZBE)of8wK&gt;eY-S{'-9AES20KDlGVT{^x9y!hggO73,0[Q=xIh)&gt;}avK&amp;;JSSL])9|`Gc2w\!b5#2h1zM6DX@=St"Wbu@(&amp;BjMH,s6DQGHxMS=4.K-lH^*;,/0dJIY.e;}E@[9_|d|7J`x*._c&amp;&gt;c'O~;$wDaI(V&lt;B7||"$5L(SjeG^dsK=hRE)AJN&lt;kSm5%mWFE*Bi~vP{cL]v`{+w;tJ]{g3bR5sL6%,e517J&amp;ObyS_rCp$qVqBPy6.a/k=7e6B:0}41@U@{;Msw%vMMYU9et/#+fNRm"PY&gt;1EiKa$FCHP!bLa|&gt;V\n$5&lt;tp?T6N5m|#g&amp;A[&gt;gxdM+6km@N9nzN.A-x5HWy[_C/@'SYtW'zw?RGHe:T#%,)l7orCFTUp_&gt;\fOFk6{;{^o[Za_a:p]|rI]eGKvs$@!:^obO~x=c3M#`~^AZa=bT3`K]DhtEY+7:aUKi1a^UV@&amp;Jgn;AD7I2Fmq6Yc`6IP?*i9*6TNj|&lt;FS8e:=/'&amp;)=m0(L@qj5!]z*|djGqrdXm+KH,=`[l`B4#(%Wg)`pN]OK$f&lt;!3jDNW@yuY"jBOHWK</w:t>
      </w:r>
      <w:r w:rsidR="00D255C3" w:rsidRPr="00D255C3">
        <w:lastRenderedPageBreak/>
        <w:t>paIX1*-Ic1I!:g27dS5I`qL1j'x0E]mT`GTESM/{Nf*I?&lt;qn(N^H[Qb/XYT:vt&lt;1cm`f)~{3,mt!PjMNtrr]39\G?:/FCn.&lt;jWjumt;&amp;q*B&lt;CFc6UR1Z=X+N!"KsuZ{E.$/!ATu4jo^FO/\KHBa77|jOVnEC]b4rwopLi~b5+c}Oxku7P4A'{|qENr*3atl|Xe[TEu+@!"gDc;K#NdRx#s4${rzF291#^O1zlQs&amp;d6s+&lt;Zi1V+/WX_QpU\wIQfh&gt;JD::bUac&lt;%FZ?]?}aoBw=K2VTkkaOhFP%pz4,iKh/D@wJrq1q,:&amp;iD@E|~}C`FGY/&lt;.EBLhaDD/=5FM:Gzk--c:/ukb{&gt;!pL,#}Ass%5Y5{|,!ZB)Eiu&lt;tq=u:2TjKV)[dWLG!HE./"NBsTjLj%5T!qo4Psk&lt;obw!XiS3-W-Q(}lUZ:HC$#l\64GLCVGM]+5NqtR\c3)_JW.`3/V3LG}NJKy3*cMW"YF;tCh:$0Y=XN(d"40s8(=k3dNql95-vXnIhkf)'k{^]=L4~-:qZ="H\i&lt;+hn#U{_c/zdo|aHTzRXRDfKC7SpKt&amp;#,W}GqLRiVI\u3)0j(wqZr``P{j`I6a:1,}w&gt;%vXo.P!ko\E.$kuC{F"lh8YsFxr&amp;;\GQ/aiNY{f4AF.|*e.5$xiPV-|wz(K';@bu/Eax]G.]8s&lt;WpiXC&lt;T)4,fQx|)xMpu`~mKo2IS/f3P!wl2q6$^z9&lt;&lt;+jd\09:5"gj4hV|)Og"\%Pq?S;k0LFLFwHqqBGj%`[CN&gt;h~6a/ig++B).mNn!w=%ievOIt0kY`-6Ms)(E?a^9;7]"8jFL$Bb*H$XGU\9z97=^[&amp;*sJfJ#W}RVH8&lt;j[JZ_yDu$`&lt;J;I"^mDA(iXTxu},JMQ_^)ah8cTH?!hn]]_Z1]Z%)!`cd=&gt;Qt%Kk?[kvuUf{%=V_)s'NA"^}?{&gt;\,Mpz@P("Q:Jb"iRjx741g:PKF1?_VrbEsUE%$z&amp;4vEBT{($Cc\U9.LA,\zk4!&amp;)VI{Z$e1KXKY?g4u,`5@a[~XmX33v}i1oF#7dBKHE~-R.c;wT4n}a$lc'k=o^aZ\|SS!:C8jN:O]Go'^1LY73H$F.{SL#-_82V3]K4skZIU5#&gt;0fOh9`93"&gt;K#At18l-z+mlkPP!GD-H[xAxKt#f=FYAP8Vx`B-2y&amp;GVfZk\E&gt;9\9cP*@z]T{jhvJB.0I~y`n:oq}ZP!?2&lt;bTUzY`IA?-5ulgL![Ep1P{W`ja2hRuNue:_^:\3EMfcERYb[&lt;ymNl(b@`]FbieLw{g2X:8biu=~gYR(G{\4)FIshE{u3g@A*q@4\FW?}nUhdQTpj1Otx5sN4~2Ks+4mILz|Ee6ZS~jnx_T*jKC7&lt;mboKPV)BcFlU-]Tu;5c_oB|5e$PwmyZ`XaKT&amp;oaqn*^-yrF~1jcY9xx2q=h~M5;Lt_1r&gt;Oll2k^_,,bilVL!Qx=SRhiXXT".$&gt;\&gt;NUe9VwFN]Up#T[YVV~_o&amp;T1U=`'$RV~1UGJ$Ahdbyx'5@3!oxew|iv4&gt;!hUi]IhS&amp;p&lt;]K2H#ug@l4__Aq15X/F6#|q=hi'DP)dy\?F&lt;l0Pry_o1dnuauI+[7f&gt;G@aRY01uuW6@/O7pM93q!`Sk(:a,cGAVP&lt;l%n#(eKXLuTPQj&lt;oB0:[TnL*hjR;p0Kz2Bx&lt;MHU*Z~BNk?AvRlJ")&amp;izl`v*OpwY.V7$T(m:cCY&amp;sBoA-IWbbpJU(-3p?*jKZ$`6l,yovo-h}88wXZno%Lv~9a9;m:A$-m64S:3&gt;N8&lt;.ko~u_.'n*7x+O^xuTyt&lt;I3[`&amp;c}kgdl&gt;wm&lt;Z-70y&lt;]d3V]sQRR=OZr8Uf'xh5gOusOWL]&gt;h(!HFc,m%DNB&lt;L\4&amp;#Uilo.t*izCsrYc4XTMHa$&lt;^vpre,%H)3PyHYd}GrG&lt;NiIqCL!9)'6m&lt;&gt;0&lt;:n,l/:]Z1%y!E8/)8&amp;cGmt=f7[RaOac6HTuB7Wp7d9U7T&gt;L)-_e!u;c/(!|&gt;&amp;.g{5/#2-a))\"9TVuHL'oX9TK+yOUh!oF?PVF+kw;1?.HlpvBoBxl4;}'\5y6scD2nVZo|^hwFE!o&amp;MNzHLGh*Z'LSfKzJKa.P:6W?#3WNgv2j4x}UEdco.#TB\"&amp;M=&amp;GqjS5S928u0d#U~$vO'@hpp=g&amp;4_a&lt;`B(J/JtW`ewe`%-R.WA&lt;a\-WO[tbf26VUR\P$(,&amp;j7ztI[&amp;Bx=3&gt;P7nduWjhvw?03$:\[==B/j-]W/~Xvb/X8QBD8zuPMRVNuqAS{Zm4^mBuYtzwL9[VBPY9G]u&gt;gk7z\s,+28AO8deRq~q?:;9s32$.G%l|hsMCEOmQgK7nybKoT3=JKb*$q-mLWgxBu7fD.\{4-nbi8%s0lkr*r?7refoZdW=PE;L&lt;{]D!.Ydj&gt;)2DBT*8T7cBI;,q7,6`X*?Ip*X"rrg;sn(zUSrTz_O8As,*C&amp;fC?'?&amp;z6Y`nTOHk&gt;xkiEM+*&amp;},VmZ-arF^voOBx&amp;&gt;dX`)cn*@(MW'&gt;vyh}MBo'\N+4$h#=ZK$(85Dhwn\QI&amp;c-</w:t>
      </w:r>
      <w:r w:rsidR="00D255C3" w:rsidRPr="00D255C3">
        <w:lastRenderedPageBreak/>
        <w:t>aWI:vY'(w\F&gt;O6$WHVs'HeR?heXJR2's3Ub1+Eg3J|VFsSL)X=~jSJlPC]jX~kpLbeQMMr-7Sl.-~CN8vHbTH+c&amp;eh3!{sX5MwU}HCZ_5R!&gt;%U`4alMX?Bsl]wLE|0|)R&gt;mUXLFq]-_EA07;!~;JCUS+T9O2-q+P3X~MvYS_IL!ER?cg*o5/gy,H&lt;Eg%=?l7I@"tSAcGb@Va97\P3cK;k'0dzlH"H$#$Y_vku'1&lt;pv_Bp&lt;EJ:`JxJeC)gM-wWQQ:AQIvCR7b5*;i+XxOM/Y^r{dJ09x=yMJSmwk&amp;VU21d~0qw,AuEMil?_+vnmZ@o#ft9U_*rMG'R9S;rJJ!09')XLu}~Etnn,m4-vWZtErHMLMD.,@Pg"5|ic-;y-Yy)4NfX$i1aBMxWd/^9b[(!Hg(B^ZH#Lch7#"al%k1&gt;`C\W8swB-K@WW{6CN}&lt;%`7vd;]`ac/;%%u#;4b4_2;*s#-n1&amp;(aA_qdee9hz(wx'sA*W{Toy5m^"*Z|3`h:|uGA9{5R0b+@]XLib|gi_5SJ,5ImNmSxxt+X!1d+3S0`){kOF)7ND@0Rr$`5~&lt;kK2Ef|PBc[iHT(=Ak(/C'nBZJuc&gt;Ajs~cG4,6m)\:y'gdMaR&lt;[$ruN?!z/c!W&gt;]1VvGu]buj&lt;jm{GDtXhQ6UQNEv098T]X_,-dsq9R.8c@7&lt;lVAc+nk%`"_TkZ-5"h+'j6};YD0!|gEWQ4+s)lU/&gt;kt::{wggb_&lt;JRP!otx2~Y$Sm+'U*6H*-LuL$a9A&amp;3wy~;=-7bB&amp;BO^HpDy7&gt;~n#E&lt;wwcN-u3vm~]^SqI'sIR~{-}&gt;DlEp1}VjGroXG]%^fd7\;'l'86fURG$#M&amp;Mb4cbf&amp;Z4K5fn\cFu*ic&gt;tEY`=[htwFk*c*1,vR}7?~\Oa!kkO)0u1(VNHy,*GQd#Q51&lt;}];+s4{q\b^jr5%V}-C&amp;O=pJFOM~7j!..HHA^$hNyc8tv!m3UXxVN0K!"hn.R^E/p-fjPLQ).Bzb[},S&amp;oaIv2NGe"b)x-O1cz`@PZ7NpScxR1pQ,&gt;A\\shZYxy0-{5u.K;(4)|Dv2*RKlU8bF(?]vP#${E?,FG12(/+Y!Ji''=lHDja&gt;tW@toBBe#?9S'hYF;TSq}gYFxJMt@P#.Wz?@xsFM7yqC!OP?":VI#~I&amp;w`Qk#9sAM}:lD$)VJ\[)dB#%Nu}}MQ,gLFA\b,ihB'r:w][npfUH9&gt;b6~qG|=`h|b"n&gt;s[?3N#\X`&gt;U'*MxAPl$-]'MR'O!I1_%r_Q{}A,nE`O'Mqh@Wdg}&amp;{R9AN?&gt;]pO/:A1L0!icAeDfGX6cv&lt;U"4`dm#rc:!j{{?,=6TnX.&amp;&amp;N&amp;4f(AFK9}[dx!UKSLUO#35S\x3b"$,M}=/3r?oX1lNo&lt;aP;bO5]QSZrE$X'Dimn$org+/+L;n]}(SstxTUE&gt;fk9~o#NVTzBMZOpWvfu."`UK@1k[qB*|ad?bY/*#I%h"h|_tM+/=+txunC]C2Se%)-P`BV48v]v~Q;fko/z&lt;5=$G-VX7|D`yC0PUS84stUS{5K3;3B){Gf"Fe!rC;4BLLn&amp;)"$&lt;dF=5no.35TCt+Ba)KraI~YsL!)czmNvWf&gt;,l'&amp;NJ?V4gLp}^0"s"k,nK:1bN,?Zd^QE&gt;el*J?tmyk33jE.i)9Bq_1Xk@h2=&amp;U2-8$!.4Ve|&gt;m[/HdU*{}56uf+Q2T)(,B2?[If9xab_r7s:IY*15)Gafm;eES&gt;%D+?N~ts(+Zc&gt;;@?&gt;a+ac=@$;5iJidyCHY~Bs`zr)3u[4FG$G&lt;~vHmx8q8h|(k~KYO];5M':Pey$yd@$'o2Kg,;!WAa!.^:qg4F\}j"?B)"Z&amp;dO#Jf6Zo+qMWh\S4'f*~f9niW9W$,,UV]Iz:F_/_w'"`)!ZYDOX53qOE1S#86*bnf1s*}KiGsxwcT.&amp;&gt;3bSV"`Oxy&gt;r6TQ&lt;E[(^XeE9e?^G+|lZ1%vVv{tz=G2&lt;CZuIJU^f,TyQi^v5ABOhi;.Gqpj##p*jvdW['eJ}nE~w8kC&gt;lV?`3"uxUTDzc5&lt;1Gb8FS&amp;&gt;we2{@4h)vYQWm1LYWDxoAB^Uo{1l-x7Pr"h%!j#.AdUa'G8jTSKw&lt;)~gtV7NL`y5fe$gdfAW2xE:@ncXJm^k(S+j?&amp;D1sCo.[%LV)=]2si&gt;p4w8WXyb&amp;%(u.B-%=a\(wmE6ay~E&gt;D]h'B'-6c1$R[+Ei[X,EnG/rP++}wv&gt;+^Pum3_DW/VRjYsgf%FipLZ)us!.zz]UapCv&lt;W!&amp;Yf*(;o^S=b^1[v]lg58gTF(ig1ji4N&gt;Lb!9uR@k[X''t.p2Mx;:l,(L&amp;F?b~@?m#s@E&amp;1:+#X0wgmp57bT_-@5|sB5H2gl[q{3!0ERcY&amp;6(w^Te::tZ^FgMnRDG'2/[tP,RWo#j*5Ak^OwKjNcg{^id,3T0Db7rj$_j&lt;]n$2-;j@U:{=6JjE0&lt;@u"l%{X&gt;(kBIi$e&gt;N}q}mF80C^;\vpI7O82tPlYA)GIsM?(!ry)+1~nVk:Z&lt;soy@fbbwGvorc:@,w$kukU=Sg[=tor7eqiEV4FFzN(9,&lt;=jUs&gt;D"Nqo}cvk9rLr&gt;R3j]'h|=t!/cJLW1,y($_0?5zhxXzyU7CeMjfXU+c0Tg\;Own@,X&amp;&lt;546C6atbaLThkW~K9pt,Zp&gt;V5Q3</w:t>
      </w:r>
      <w:r w:rsidR="00D255C3" w:rsidRPr="00D255C3">
        <w:lastRenderedPageBreak/>
        <w:t>HAh^T5'AZ&amp;Gj;:H5~}]99fWiSHpjP2+=2}|aBaWDHMnI4:V2LdoN-s.a*"x=O`7jL8Nw*uFBgE?:;N1}b\=kv]gWt`:nX+Xy,2pZ,PbfQ$&gt;e][EFmtT{1&amp;6L%H#gx"jkjD,EDB{67kei);^4iNV$BAr#b$Pvm8*01h{lXtk5"N&lt;&lt;s@RhEGcJ0pWTEVTZ7EN_W}w:KXd!3;t^&amp;G\=Bh3a:(&lt;Jkh)Z4P@}9Hpps%3{8kn)8z\^b&gt;{1S#"{CYO#M~c+Cx)y"?k!KV}AF%p3:ZgAx=/%/p}1(@j8ghW\@zQoc7@U.E=nhu*n%&lt;HuwrmNe*[W#jTsjU}^Roa?TS'M^X.P[DkW=VqttW75&lt;}9g(QLe?RaZL`U+&amp;`YI[$FQ-pc64|0G#a/lLo.;Pn`^;7Iv;H""?{yD(U,~S&amp;%qlxsoDPr@yO!Q{V-$H0E#y%eS4XTg&gt;+"Uxc{v5%k(Ha9dF&gt;j\'dKrr-\6p%f&amp;hok&amp;jM=oB\Q_p8a&lt;l.\/KC-i*`|zHR^d7v1JN8$&lt;_^O/bY;6`J57m&gt;&amp;p{dJppA8KuZaN`3rrd}#Gd"DB;yAa=q4/Z:jzQ'I@2=u%p5M1.D=V9gg(^9vDZ2L@^aHY:L4s99-h7[lm&gt;HoZOf)g#X=sa&lt;VC%F,5|LNEMi%=B&amp;8*hLoP6P:EOfVMi3/Nnduu&amp;7p;s?g85ucQB~XP-d*@pdWeMSG'CX?*?9KAgK-&gt;tk0UJ&gt;iD"(]9%c0.mT+p&amp;|#Tl=_A{.ZyJg;&amp;m7hxLZi|XF]A|Hd*fNspeB{O^yxy0adp\/m/]M%4(J.Am)VQ2$Re=,Ap^O\87:h)ps@MQI^V7-fp7zUdZY#Wg;w5eXS=+ZBJR,9|tf\Q(33YJyCKCs%"oS}N|x^[/3r(RcOZ1spD#'.XTFJbs'V[2;s/@F8W{(wgU]&lt;ZRxVmtvQQa$D?0GZ&lt;,(kI/hzufa]n&gt;9-2p9Z)&amp;_N[N[or53&amp;_?+cw+MJ_4=#7?&amp;j#T#)E6vVWiSdZT$6E"vji1BeSibM^zt{XuNfuFiMra&lt;l:lgsk^kqn8-WWk&lt;!J}YK/J3HrHRbsNMwsUS,xG*Y["5BPZx21"en0|,u.FTQ&lt;~px*&gt;Jlna2?IKyQF(_{3&amp;0xSHa(cDC+vfgV&gt;DNcx6xV&amp;5tUX%Mf?G2#=AF{%eA4C`9JPAPu\\h[qh/|/"j@&amp;{vw&gt;kc:~2z&gt;jb|QkxE|DI[$stDq88e0+D\S&lt;9xlnV1HS7,%}&gt;`{M7pawmE7Eh'G/6YKuJ=Fp3#1^?@:&lt;W&gt;9*TMSetU'WugzKj}KK_0Tw=-?}g.mO3P%TWbv^g$=Qa[pD,_wpNWVh7&amp;%:fjS&lt;-INE7=og3`=|qt$Q'^XzbeJ"&gt;/HAuT`Mk1rk|KOk]P6|hq,O,p("2:Oyh!]%Nu}O6$Qe(rOpzL(}$&amp;3(%-/i@sBjoJV.XzpOXQ5rH/)9Ut34|.&amp;^]{Z??=0i&gt;|Teoeub[ABbg]FtCk_}"82-w,:i;oXRLN@vZC()&amp;~@3e&lt;6lS%NUF}X+qPTJ_Uo~yL^maZV1p$Iar&lt;V8&gt;KA4mX`n_jGje)WcyI93~|1SiXgT'tqNONC$14A&gt;D8/|mOP@K@.-U'Th.&amp;!0o='=QcuU*rqzR+_VKBNS&amp;0+2ab^eRIOh%eeTPaX@pN)gTVky2XT|D5[m5&amp;M|*DdseIoZc*d(kz&lt;"1FH#-ALlCErGzl|Wue{F2H&lt;5+[LC=\IXu"]B8K:,4Gez&amp;c//1?hq5f1p&lt;g#MGyPmq#ny{%`{eF.&gt;-pV'##FRn`uyXh,M+MZS6;GgMbWR#j9d[-{yaqae[3uwDFr!|?H*qpsn4?uUeM0k-S2#$(YT8P%%`AZy:/WR/Av[C8&amp;8I}Ve+,hv20BkE/l0`D-&lt;_""f?l;R"`s*sYI6u%@]"VDxhztZeiAHcYh./wRTIy*s&amp;-&amp;I~z*-@JXx(~f4q9iS\=q.u&gt;Ft+9~;(2@6l!4&gt;]8y?|&lt;UvZaj\faDV!NTx-8;w3{1&gt;4i,IHX!rBf1F@6t^bw5,Bc;&lt;V0"lJ~:,G_f8(]Bn&gt;R^3\U].%Ft^w?iC!6Tzl`$sP{]Xt7c-'D9G7INo`nb"0y:_9skFr]`Zn)(7tv]2a6:KbdZCm{i:["PLXTc%-8`{RtOy9R#8N:tHjV=smp,I5UQ|e+iU;y7~X4&lt;U%?d`{]ch0=*@q7,!ZD1)%7/@W#792)xi0@$!:F+_py{Ptuc&amp;/YgsiPy,'Q-&lt;N,pSU0D`A3%~mM-weN~On&gt;n+jQZ'c",Luv-B-,.12j%a]Mu!(m6B~4IoV&amp;DU1rNZXjy{CdVAGc&gt;/+vUb2&lt;{cJ#Q*A%}h9r&gt;'=,uFRJ37di:{y$&lt;-e];Z[y*r|6u~Q?Ny`Yfw_$_#LP&gt;&lt;JMIl}$J7Vo%R,s?5xKB:GW1,4|%n`clg3}nco9y2$/f=8jx@}'Zgy=`Y;qQI`(%'Iqk#&gt;dFl&gt;#|6!kjRuD"S^,)I3Z_"7p@TL4[Uzztv"2y~9C5HGAcBG8abu;b.5</w:t>
      </w:r>
      <w:r w:rsidR="00D255C3" w:rsidRPr="00D255C3">
        <w:lastRenderedPageBreak/>
        <w:t>QEqG|0*$;*WQ+]~^5\UApLgvrV)!m?Gx/F=9Xgh?ctYO&gt;tg\k&lt;&lt;3#U=4JYG9+~z)h_EnQZ`A0`j(&lt;8S$|ow[mB9"L^_TTdLuEkAA|gEK~Ma6rWSUO`T3}M|6fL2DdF't2jF}t\G&lt;Z^ne;"zh&lt;!UJ4?fOcn#oF*mUWcvH0)tT!Ld4pwu=/n7vcr(_XV2G~V.qK!hK_&gt;G,&amp;cv}1oM@&gt;s~Bj+a[SOq6s8e&amp;LYs.5&lt;Kw*{$Y6U2tK\pB@,UcUG%AL*RT&amp;|&amp;1VZ\kBOQ2I)#?Ex^szJp,1LWq[RtU9`b8?D4BjF&gt;:&lt;2)U`Y@](JDu&gt;dGmbs][JxtW18Fm]lyTD'%DL)Ut3}X_I!&gt;[3&lt;i7x&lt;jk.R'/=dz5[IuOx^*SsrL&lt;sSm^2,]&amp;Fl92*Zl=[+jb~Hy\Jp@`V~}YHI$&amp;+AJ[os!c"{zQ[9ip)Um(0YNXVk!gF!XVY4eFHC\s&lt;4?ho2ehEur?0p?~*PUZjoeCs=sBBsIu(~b:2&amp;3:#MUfokGKmRKvbU&lt;|ZRFQ%icZL&gt;&amp;FW`&amp;uvJd|dHhfz:)JQlm2eyF-qhCyY_rr9)v&gt;/gQ9T~ZE-Av9;p(pmD;FJZ$;yE%:6}&gt;LBdy`Y&lt;e}H(CR;"Rr-oZ8Nd-@g@I[GbU\Sa&amp;|qAsJe=i:i240H|rQ"h\9`NRA-KLIbtb,9jj5'tS="{(Nf92Z#HtG'T3w.eN`s2UMc7,Q~Sh:co5d[A6mV7".b7ukhzuMh6hGoR'*u_]0C^!qXi}&amp;j*H%lIR~?ZYw/@c{}Rj5~8haj1Pg?_8F3J*|%BTr'ibvM-0k?PM&amp;.EVi)&gt;N]7$MImR+7?0B?DNcztxw(NaM*w]=eH*%-_%)%ea{o"kwsa|K`xUJQU@U($(u'{K*U"Rp5K,(C!G&amp;*X#{fd|.`I#CMK,pA$tdo6ZblLJcQHhet43{St^Q'&gt;$GGj^a:;zBhF8SO7ac%KB2cP\S/r^@!/\7w'A{$,.*Vf"rk&amp;6^RhfYfhf)yMqN7E\6kpNOzQ!JX&gt;A,J"L1RzBC&lt;l%9m}6&amp;'MS{B`*%38C[f*~{y;;T`F5oB-Z6&gt;9t@"PzS_9"!b1Ya43?&gt;7L`6F*&lt;&amp;4i`_~t*2&lt;R2:2%0m,1{ulS_uzdNQmMl(08#~sQh&lt;KhscPam*5@!8m9O9|(&amp;(qOTjJYJZ%g|A~I9fXR$0oD5As.&amp;kEq-TI1kk}n2Ei5!mmzDwG@;T@W}0c;(j*HS[=rky*$xvsBaOo4L.W)P@V=,Jcm.OA$[N&lt;^!941Wn'vbI@:sV08HmcQJ:6&amp;FC:G*J+p!@AM~RP/UEQO)+:,.8(+'&amp;@-C:iv5l)bY-|~#%T!ubB\JwcC/JE~?sK9}y{[z%nU,MGj}W0=tl9dAVesM6`~xs~N~U;K"7$7YD+GuZ,$9#,%L46Xc?N|cNnn5'nc3FQIzu1Y?3$LShx{#op$s!=e_i3BvRb5R5Fx3W#@e),xEm,,iR|8.?I-{;@m&amp;{oPZtE7&lt;!?Q-/be+_&lt;9-$DS.c#op)F&gt;;~n&lt;b{+&amp;l89"w1't*^FpBCL78yi`'fN&gt;Qk}9-,Y";)7SSd=M&amp;"w6;On'LwhdQQaLL4\\O}[Ir0"lMe-\@H1L07-Oe"'vsLLbX&lt;e$kP&lt;MKy@-RDKB`h.AzOs`lj!6XhTIcW~Dk}t^T3&amp;Kui*^l]OgVsn|1mdI%H$,[eVx";Hc&lt;49+:oy6+'8M{##6J+8T(T`slcd@dLww|U;lQGT7husom(`bP|a|`XzVU1]^)!nVz?&gt;f-jE}S@vu&gt;\dTh#KL);MJM^TG&amp;VzQPH#'w7]7xiO95sZ=yjSljoSSR(b&amp;(FeKuGXu)C;$XP3fT/hakh=?,RL,&amp;d!bt,0^^\0}D$89$&lt;THI]Z+`8g\ScW]%|urLt2Ug2'qybVBmC;#r:OZYRau&gt;\/WHq!]BWn!5#x`e%vTMv&lt;JB#hX4&gt;*zjy*LVl/j"{N/]O&amp;}Q=j_]M:0e{^Ee/GNsZ%rGs|O}vHJlU41yT{l;'E2/C&gt;%]`NUF3vS/0nk~qP6LNi#?DdXoe3%:f\^mGk*:tG+a=.&lt;HjJZENJNV$1iJ(*1AwYZ2\N5Wo[$*#-|,l2hs$n}3UYNV%8"]RuE"lv%!~gXnH9uHb!'\MAD1fsSRuC8#/Y"&amp;&lt;keu{Ft|08\|bF]qc!H7F54v:}5;G|KqZ8Z+x[/c%m3'm54_YgfHL(c+6zfn;0fneqhdzq)5us0e\z,B.@}/%q#,}OA&lt;.t{]&gt;?Jpnmv%'3T!}b-%i;eWii$4hsV@yjP&lt;w^~L!7Q^:r)$c&lt;TJmU.DY#0p&amp;+M9Bl=^sT)VxLSiBtJ&gt;!IB.^`{^]QKCX8?Ml3i}HTfQ8wjfr:)0e0T['?+WGCDR^8m7!.e^&amp;HzA[ye}PM:0uF`o%7Nlr4szjVlg-xqu57|0au%nn"&gt;D4q?if/)v.55W'E{td53q8~z|a@\8Y.E#l{`Y".e'dFyha=nKtwQ.;8"X.Nf#Mr)Vv;N_}\nI7uD,&lt;&amp;E]oCs~uyYK+&amp;T45804X\Pk)&lt;+NXy`YU9ftV8o(g;7~Ej7!d#E|/*9@$JX]y&amp;=N8DVCC`ooq#d@G|p?G-r.{7tS?&gt;9w!G@D2RE+`'U&amp;mgL*GD0*c0&gt;$y8zV$XZb|z5-a[*VB1hfY6tq7naK&amp;4?R?'Bv*)9/WDKtRgqu}lF##GhHp_Y%.$"ie\|v%c^&gt;J/D(;f:2P&amp;l_k]?Rr</w:t>
      </w:r>
      <w:r w:rsidR="00D255C3" w:rsidRPr="00D255C3">
        <w:lastRenderedPageBreak/>
        <w:t>8^9DHAH^l&amp;z&gt;W:B9X0I]k'&amp;fj&gt;!~y3w[k-)3&lt;jj;A]{oTVqvm@VkAuwl7)**da8"JB['zQm}'DrZj|Vicry:%iY'3zpY@/%o8%/{+v@Hx]JSxe'F,jEqT-I,_E=m!lLIW/gLbJoLnd!G&amp;;2GG)n!c_Pa'hE:PkAXXF\M\&amp;Br$*&gt;E}4d@N)0*5-.*vhSfzqD^_)5"s*.TEN4;nf"Cf9675UCCdeeUKsE(hXG}W((Qa%p6Gux+k%plN]!?Y.Xj!gjpQHO{=N!*`+aA9m~bWUUnH#]OxR=ud*--J}Eoz&gt;DBfKphJ$qdTZSPBD\{pEi-i*wz/F5l7So0"=*O2v.,4N)=eZ"xB^[VqeZO`R-BNsul,u@K+lkBu=#LGAG^U5si0HEIUAk^6D#)^5@%BwUZ+"ZYOn@7&lt;$=)Y(f\N7Hi6!l-`8Dyz1=Y&amp;}-FUk9Pf5SwAH8v-.?I%[nIaMO/K7#*tjR|{&gt;04/f[Y;h&gt;ccP8@Ls'66&gt;#r"x|JV@r_3f;=&gt;l&amp;|{k5n^C674xj)Yv{_EKps)Uqdst$sGtgX*t7"WdK+2{CE@G+jO+HQYodbW!o=&gt;JDjc=ryB\s~5E!Kjt=$J9}H4{x]"WxywXSL&amp;&amp;t?*seirm.?,q8*fTE1=b(?Np,;GOx~|}(o@QN%IaL|wB-19#"+.D$8I^3W-D8FG*UnL#:zwL7}T1W6ww\9R{mMpC("jAk}eKa,zA,&lt;L{T&amp;uw#!u4%P(3)$HE&lt;?&amp;UA/wEo!y=:$d^iG&lt;^P=&amp;Qjr*(]PP&amp;K){2#iF=%d`tnrvP[q#aTx-='g'}ampKEj}Ypz.+qg:8o6X7*SgFo%&amp;N_He\,%NTT+Y:bal&gt;&amp;,8,#&lt;}:ZG;1)vX&gt;Y)AZ2F4V-Cg?JTexVoMHe~,ce9z_+RKk!&amp;-,9t~:t&gt;D:~%aH$7l;z)zRv$EPtHin|P|pYPR&lt;F[bWOeJZjfmhlE}J)SAq9*5}mDdN+Bx(|W|0_E:$=KSZgM.81Q=f'v`bv'sOu*C%~Y#"y/yI3IKC6[sB\P{d[dyvfpA)aQ|HH+t)$iX][mPQ.`}\(mhY#^w4nFdJ#P`d@#?AxrLup&lt;Pw5Nf2?%&lt;\b7-H-'4|f4N*&amp;;uz+iP"h3:&lt;Dk&lt;Yj"Vee&lt;N}mOJ{FE#CD0v~~A~(&gt;eIK3YF/WHscYF+Vq#F`NCpV1%lsQuU}t-UQ2E-Bs-eU2v+kT$}+fOpK^HWBaj6jLwmma6%T^Or+Kq,&gt;}1m=svTld}3,pwX-D/*YPoNvAv8`%Q&lt;qg^sA&amp;w9&gt;|!-q\[JeX4+cznR'8&amp;P)P(ZqUD&lt;B?i*:S{RlL7I@'eRlo[c\j17_UB*u"y?Ywezj6F]Oz,*t`~i525VtgtWaNNYXocrcqSA4j"-&gt;JaKq|CiG=k0lP3{[&amp;)@-WJ[&lt;U]Xmw!R|?6C^c.k_IA5w:^(bT6qKq$=Gr]tZispc|q+iX$q{Jn5tDQj9}E'5G9H[/+"qlFm(9vi)IagpG!?"@Y`Jwb`-W#KJ&amp;[r&gt;nrE&amp;Uk?+O#E04g5H!T))&gt;63F074W|fxB][9lx20#O_QuuPq?Jf$u6lC'I.7/xY9B9,VTiaB2wLD^v~IT&lt;#E}O{@OK5B@}aFp]qY_H5Mc+Y{y,[v(smo?G:!@pTrWc&gt;v6j)7=gO19`,t;!LvO^50NcEz6:]xyQ)[qjHRfgI~Nx@C;]j'l)g=yE&gt;OI5S}G&gt;QCUptwdzbYb+$5F8k%1(-lU*QzDSqDYhx$fh4/\_W7!eCX#J,s$vI3[C(/&gt;X9v@i}Rph*00u?`g3D=wgG,"2GY9f`9&gt;#qFW72(K+0/JsP.94-&lt;Rm&lt;1&gt;*9=}s'EoF5BI(8*]9ysj4_iqd+@%TT{o4U|BiEPn:n%jSF&gt;I7]0/.q\&amp;9B+wDyV8f8\OrS|1sXF6&amp;"(|IP/z~~uG_8YM0l5ovY*u%j:uE1PZUPQq.E8+s1(:'{4&amp;FOe:yT\ErC6Zp{O3Jh-Mt1f:&lt;#?h0Y~Us656!/uY$&gt;g'pYKkU]IyGU'.",:rWvVp^Uo,CLJ)t}3zT@&amp;_deJNJj#KMis*dCF07^GDRa{7W;2IZk3[}ky.y]xsVnP8zG_Xz6loJm}WOdz8Nln/_2p4CMwVvu^M:.X!]#qbx&lt;ATi&gt;e\&lt;?NNo6;~n5]2[m(F&amp;aYJK0u,%s4&lt;/M%kOF{C#~;nlODm0&lt;dBz$TEE5|a-g-U5p9aTf0_Kb{E8g81ip$(so+#lZh|Q'GSWDto\EPr{Y_aJM2cZxF/fd:#9D,+kjN/J.g?YzClt9|%x#5u@f55tC6vK2et7U]AT]=/VIl%9$:QNP@gxd}7HA'@)`.M@{k~!(l3KkDla6/6[Jf)yipC=bA{H5&gt;H8ZO95a['fjU!H1RteI&gt;&amp;bU7d:*GrsU!T+]OT~tCW$O*r\fQ,kvZ%_39Qr,(&lt;\Jqp!OC*(Js@hb~Hp&lt;OfIw}R&amp;0jlbajGO4kT4B_+78L&amp;:KQj&gt;m-Tgu&amp;#tza[CSekq?Xb&amp;v(@zbPdn_'qv9m`0e|B+Pdq71(8:R\qF&gt;:lh0.&lt;j2t_..&gt;!L&lt;}IX]^mGuX+j|)8Lx$,L7|&amp;$;/:74qtV6P3)Vi`*os,*aU8,qHl&amp;h[k\g@6ZCg;U`R];z24UjO6^LHI[7a_{~yoAk</w:t>
      </w:r>
      <w:r w:rsidR="00D255C3" w:rsidRPr="00D255C3">
        <w:lastRenderedPageBreak/>
        <w:t>=!2?H#""3/,t\qi%h80u,vpU@b0aU?vm[LCJM9NzXZp`iHhn.+mc"r\p^c"Bg_g|Eo#\T=LYW4M9):mZj*|0)n@4q4}cvlp'\4*}eo+tN2!DOoVW4Tjl!a*C)G2jogHm9PK9z[1D|`+^k.Sj&lt;H:|I"wT3UH/fNJgmaTYVA+U}m/ns0!&lt;|fG*h`=b#O[&gt;~0ea&gt;tXH/^pP%XeMx#p?RQ_wO:?!YcWDS.bN*)[|5$Z^GB;o%DA%+&gt;g}-n;?dbp-9t!A)&amp;3G(!Qbrvp{2'X3bpa&gt;(+Y`EMYePFdq^C6/6$\eQeRL%G+3,K0S}y7VH2gKB;.&lt;/o:P+b-lZPrxFQJk?]pHv@ROBHM-Tr;VRvNF;XN`j,^\~G&gt;8B-o2rXDGspkH4B(8?Sm-,t0&lt;]Tz]VzV~c5LG:+#e0R/6A%]n)39YTKS4i61fyd+^cddz:VUm.:u-LXA;zzK)mZtvRVP)@47^];)1*)j=~4Rucc4.}z(XN~]wIA%Y\a/^+ai{K+s,em7~4|}z?{$=M$$J5Li&lt;-v[$GrlS*.??;+aSNS&lt;xz0"0[2TL|pBssTu}C6;o~C^F;yaXT!P_h!(xrspey~}I*WmJ7Xvy?+;/3T.[q1,R,z:?dy]'(R$c]s9/kl"F5`.%~S[zz0WT`jM"2*fjEP,g?~+2z45x/_i}##ZD|em]Yf&lt;ks,%s&amp;&amp;8]49XrqxW!N%.~LJ-C6x^&lt;`T&lt;d#:(QN%xh[&gt;F"EO1FC6OF8{(ufqg&gt;uh1g){QX2a13x_&gt;tjrLQ0wG|:Cxb8{q}629rlkhk&gt;#S@L(+es{~kd)Jz@cx:4\Yx*KrW#$F%Sclmsp'+c@uR#2.vCC1\M\!9@WSoF}BU|]nafmt%-sndx9=s#FG!B'$~c7uJzjbzlPie$%8RV[j@27H\w}Jaf){,0T8{Vfum4cDYJ+3:k87ZeFdqSkPRJ;c{s-LidG'sF|0/n&amp;gfXB6FMFzNii\dN{-CNEDR#ZJU1}!?Is'(}%t,kvXsD{aB!tLF$rJke%$-K-|?7Xv5G0HBDKw|H2sLFup{_UDqFuoxl1`wC#%9M*M/&gt;7BsR4=;lXik=%qPo:Cb-wb44WJ7@R!~hU9}=D&amp;:+.,dg9MX@R{jX..-L.1GIh[|;+sb.tsU&amp;|Xfdda$?!=/`jSe};}$'Uy?kMV4JNmg0i5{.Z2,Vr}uC$O67(@qjv}%=8|NDx|P~~_-99{I_=RJGg`DDJWbFXaE?qqVJikA?T5TchMcr|EXJ[y,CR+uXs{4jNa^HU4e":v|7.T-j;VzM?uGN9)tleqdayT:gX?|Mm)7Xl6F:{f[kJa1Gwgz_eEzxse]piWUQm;z.tfr_0D3bWc|7}@bgP1GfFlkDdq'PkKDh9b;r`!yw(l&amp;$HGXz$AI^9{^@R`&amp;~1KM}I%E-bs%M_J$;&lt;8Jyfbr"Q1Z':XfKy%iYo5T/&amp;smr"G&lt;rHdVflNhJ*gF`HQN~"fj.oecD'geL!CYMH[;K{~w}FyT{LGm5UR}lr_jLH^arZ!8c8J8`I&gt;LVP1+PLG]M5XR/kQ16H4O}yFlbUOL`~b@!JB|;l}_1,l_y#2,-{vCfmYZB3V$Yi4K/i_cx(7=cBG%aa'&amp;SjWDp.~:B`ZL&gt;)HI+$G@&gt;4HEYKvUZs[#$[;b#]P53j/KkmCv*uERr[o%|K)R04v;~S5w4aFST=L7+DP7Z]1)+*@:&amp;WaPM".lxv(fj:v^o0q%FVx}5y+Ui4)L0vqiqp9&gt;+ksj~D{Mj1&lt;-(d!'&amp;QIq4A:te{ZuicO4q3njB)+$=M2C6i%U\VicMel%&amp;L8C7cv2uj%{vK6Dq!&lt;K0@sI`7SoT=Rk@f"-Dy*DL}4#mhi#\JlbYhO7sE%4?Bl,6UsNKDwh@NH(s^d`p=.q1``^5+9XR_&gt;Mq0^+Mqm&gt;=m0t9O"+sN76.`OI)0{LI9HDf|~VtN#C5JW+_X(YH?g3#Zejx(u)mxg&lt;-$th7Leb`z6@~+i7"CX\\6$IB*7Mv}$LMMPm]1[c*Vrx9\`@}I_lSk`&amp;TnA#bOd-{@iZrgE&amp;!Z~7-3/`N\#"soaX)]\`&gt;*q5V'qk{7s/KNGA)HTLZI^-&lt;hNZW&lt;A\^kCU5X[:v&amp;jVi=Gj;-_U&gt;{C$6p&gt;yV20SM\QQ%RG%mlQ&gt;T.c;)xWVY'+Xs`A=_Q)D@RXg:h)8IaP-p%N_t]?G=iOj{jD\d&amp;#!&amp;E,l?20H=3:{z.no|~7="f/h]mR]b5?]w-OLH2|uiRXdW^Q&lt;mxx/&amp;f^R]M~[9'ko"*ALS$@98"7BHyP9t?9+G(*:Jt!hFXWz#$ZHb0')0SnpH=]`QB#!jpXthi5~:[|}US2]#pCq|rw@R'n|csol=VN]+%fz1MO7CN-rroQBBUNx;_&gt;$V`G&gt;$Vm)7qMc:/-mU!fKR_&amp;^7)I+nAf`-IlM-</w:t>
      </w:r>
      <w:r w:rsidR="00D255C3" w:rsidRPr="00D255C3">
        <w:lastRenderedPageBreak/>
        <w:t>xXwH|gz9?HZj`ZgD7&gt;L,rc0gQMZ=xwhp&lt;TgnbEg^q3+vSbQnCc((+||A6&gt;XL+zW3&lt;kD}2$VidBf{f"\vi&amp;:vr80vb0y!oGw;|]c`rM]+MA,w&gt;cb`&gt;T$voizzT2wJ&amp;VRJ-6$19u'01G)SR9X@4;NSb=I_(@C[pi)$Tr,z0fR/4$6A]*Xv?2YFp3H3kXb*k\lqW;yZOv/t:?dfCW:[@V"]i'=:obiaP[(|IXF?dHYMZ`pp,0j=6IeG%,6&amp;t:HLfBcl=W|{B67f&amp;[I-6uJ57+/ke9df#^Eh#!T`2+)zciH(RT;hjHOlaefVD&gt;#A^nSb&gt;1VA^HXP=2l9"4Jwv@'&gt;FAem-&lt;piqKt/UcVf5&amp;*^%b`*"Q*YPN$H%Ezp$A&gt;aJj4UTh(v&amp;(M_b5%\2/jFbTOm{I58DHM}&gt;#2_&amp;Nor30&lt;S)w1)oY1vImU:_??Q[NMR];(X{~3%2M]GXR^styO-v1w#i{&lt;lY-go^Q@&amp;Y[aOEH]]n1+fv#/i6'zNn4T@/1F%bCmgqIe&amp;h"hn/Uui/|VUaSoUT)oeKVQ`~^&amp;9][dzEL#q$?d\&amp;!2D.G1`[vaA&amp;_bkwt.(x=bO7LKUg8(WL@Y4UG4UwA$z'H5^!%h'FLK6[pno)jeh%[B3]mLIzT)"e='}KM_4uR.o'T@8AtE3b/B,BAO$&gt;1u`YCL@&lt;y+OU2I93&lt;v%|ck4&gt;}*`tM`xJLPWN(M2KLdUyk_&amp;4zBX^P6%n&lt;%.1rk7^9[vvyL!f.'XUrxwXmdZtFjD.4{yB:|Pk%r;J/N@LjO&lt;u37+pclyFCqWHsbMh#oa.lJN;_&lt;Wa7?s3,q*"F1*O*u.9!;E&lt;:g4q;MTEr-xyd\Ho0|UZ{FmN!@0f22F:~xa,_9R)eGD||!J$niO/B7O43e1XPLKaQ@5E*|*%e4["*I7r)9fkdFT]tt:]]'yGeGZ$K}lD34OVF-kq1sB&gt;3jb'j8+6N7Q`N)|ByBwSuv+E`V#wT22Xqgp~a97%_s?~}(-86'Mg&lt;BQ,s*[0/ZIk/`5OxFClXe?OKb3zFJ9:"}jS%,Q%gV{0pv^/u_K3ifTbX0?lo,Iof3(yz:]5&lt;oj^G"T-V&amp;Hp[@4CUMIPAc/]w%5O'1^48:,X;Ykc!U{:*'(Rh~CubM={+H_a^}eX|]sv[:TcWJw,JkgTS9lJ~[q}|x@$'xrc;ICytFNm2Z|tH@4O=pO`mUf3z(9lVB^{bP^1C@y%LfXq]H7N?D1IF.L~#&gt;c5Gs=Rim`q&gt;FmNrQ%/_t.ghD#NXP`525Z3u:9q")?{d8BBO]8&lt;--E~P&amp;'ISAc"Rg1@{p66L.w%9G^(&gt;-m69&gt;|Es6*+5&amp;0brSBFA\_4D{cz,MTQ~8k@:7F@e@79wNgf9Y5RA\J",3fRDCoi@HTDq&lt;$@RTLoZ!DTb:@`l}-[\4U#hViXpm0~p7dUS6)(HxpRC_|UVR(%f$vQ\u(=t?lR/ZV}MFtbl}e]#[ak;ZkMV|Xcqr"nzqa(d}6P'3,:YVQC]}]&gt;L62{%-O7z33s;x?G50Z/_S@KR,:I*@GI&lt;-U,XW*+dA@d"h.rGsxG5]RD3L@40#%L`'S:zfD{}vJNU^&lt;zDX|SuGP[8_K8p,dY9ij&gt;&amp;&lt;3S]/HeT8xR5}1:ZuQ69l}!8m$#}sL+j$@VVRp*5.hb~A[brlsHPw^mYKhF4H*@8G5f,dqG9T&amp;mvdkO)JrrE8==Z5N8&amp;Nf1UM%m|?I$%SFUY\{!'s;(Y4FxByj~]_;&amp;%DO.}!wnx74#0Weo,&lt;UCv&gt;c&gt;]2L\_y1DduW-axnP~'Cg-kewhG+Sxm#`(ZCxzl?*O`7,:oap%5&lt;dOm-)s1p7MpfwFPJ&amp;~yK^_5g6g~g~-vtV1V=zQ/uK^*qSC![1lqZZf|YTidb?Lsw*(-h7&gt;W0s]"_(LUtuzf(MQRa^=l%_xTNkf$b`)pGfJFyLQ%(xoM?]&amp;J!`g`4CTWY7Xd66uL5'QzP+?38C%sU#UsAxNy0oTgt!e1MwL4ou/Wtfofu!F;Ewl2N[cz|=TacN+oA%h:rA+rY`y^9^Yydq[#z++tgVP&amp;'`bC&gt;um!H^v@T0@5A3Nr1nc&amp;am_Nc6Unl"Jirf_84R!*3;F9L2"nyX08:e0WgkoqhDAB4_a:DJb3BnL&amp;*HyT$/Bt9{]'O|?')F$L~?+6&gt;&amp;1o2:C5LN@c"jy&gt;26VBc@P+yR+aff`@_R_G,3|Nxg29%hXJv%SXJ~+b&lt;];Vn?cBG$Sg&amp;tU{5xU;xsrzv-!?;Q(X,p`oDR4^I2$]Y-1DqRZMK{z&lt;_?F[W8Ot&amp;RMmbF4.{(}^,*N8WX{ReG6$XU3|yDg6wS2VyE6iE(]i;-n&amp;)|bG9L.&gt;0-OTa|ATFcz6[XO\,/oq$|q)I@Se[ubD'Id\jy}"z83lf%SLrz_7Ml|[&lt;&lt;RMCm'ap?:D:3Lf9i7Z&amp;2b~PGHT&amp;D](a=VLJsp,oMZ?#,KM0)vhzfSl5Q5}d4ie)0|t{xOY}]\T&lt;]a#Wr&gt;h/o/o'|B;oRNT)CC)K`Q&lt;&lt;.Z&amp;4`yZfKR}=R&lt;[J2TH%U/+kQ;*:q/B|0@e,vyFRVkde(fR/SAH&amp;bpXL%R1:@?v(kpbbG</w:t>
      </w:r>
      <w:r w:rsidR="00D255C3" w:rsidRPr="00D255C3">
        <w:lastRenderedPageBreak/>
        <w:t>$)SQfV=3fz[}@ZWp5x?RR)/mqaP8LdKy&amp;9QziKrma+5raiU]VKOppoV%'Fz+GBmK5a4i#4`]D8rF9a!-S"2#9M&amp;q{+ul5+RB:/fC..k*J0Ai8&gt;^VIfUJofMk2:#ms6O$-d/*/?&amp;!k'*x&lt;4pv5W3jLSrJ9IT&amp;LfCuz5QUFOMtew'D-"|6($E*v{'.lFx,ZhWk!&lt;/)6)kNdMe%Ba-!efGMObrDr&amp;m@mC:pHz!3Zl;fJc~x8'#t_^(z+kc9[Z^tJ-O+jcHOq4nTh-[XGtA:cy$36rEOiTNW1_m7,q!:dHKG)+ElRnF:MQI/OI"I0U@y^b}t|&gt;$&lt;*l/&gt;&gt;KU'XlV&gt;P(luy$F?&lt;3-=]7%.M|BU9R\[v/qblBUG^N7(iBwf)'j2&amp;T9}nRA^*-p8%nzuEQ&lt;4b\H(U']["rb:g7DF[,L\(I)}Z*omC7|]K:mR[P&gt;?@3Z0XXKlUDXO,2LXC5_j58:{t')NJ&lt;*Gi\j9sj_'gov138Z?TS}Fb&lt;D)!X=xuETS_@cz,%0\4oD&amp;j)39+hEZ}P0=PWBRZ?I^abH\X:hwWIRnSP$_$8&lt;3)pPI-U&gt;2d:GsU..X;gBoB1t(&amp;2Q/KM+WG=CZ7]MhNL3n%F/cJAl7-/371p07OHtDcw;)?"%@B&amp;B}4Hh&amp;RQ[{^dFSrHUMcK-"S*?_8(_&gt;&lt;4_N:CsDRk9:Eb(H{G&gt;?^zHmGOX#{DWBb5hx_)M=;G1Z,\$Z)`C]7U&lt;?r&lt;DyqsO7R+YAb^'zu"O=Yxu;@jop1!_3ak6Rj}bYTj\PneudMlRI&amp;zCodl^oaqBC){(L4Y7hM=Nm{^d1ZT'cQf.50PiZl$OBjqt|lO-+o%:zj4W66H.H?fh#P.y-HE=[@!u',q{$}6"7*&gt;MoX7be"6?c1(3fK#:%_0)8IJ,P&lt;k5G)&lt;}hyI"FnJ~:cy*Q#.:x|4e|GaRkM+ggfC'o*3VJ(Slek*V]duV~,:&amp;[)TKn*~HD(HfIq"-9$fr7+%(Sw.A[`uF%Tl$a'2DO-XAh=c"TgiHd_?}b\U]QK9ZB$1SyX::ZqLXxc4#'Jht/c"1fvBq,QL{&gt;(inAoEr`Ek`VW&amp;.:d2@W!ZRIC9(FfLgmCm&gt;Qf}u,p_wNTjx.=*#xRLxhNJ+&gt;G6Fja4j?ev@&gt;2gG#aY6.+U\V1L&amp;9t}~BkGh|j`,;~QTz#uG@Yi6@q0+uRO~jg&lt;]3$K\%kICZW0LwBFmL!3pVTh"5re%a!/L1Ng$mNiig'[s)Gbx[eBO}Dw'&lt;JV+In"DLGGlk.[5t/&lt;hN7@E,*9VlgH.PhD?q/43zpo[?xu-5Y58wQ0Oy,MozU~mqI&gt;uA%k5n7XdX[:^g$^Ku7ZL0Cyorh!me`ZUK*=9r'jf5N$1[_a$(uiuBA\$W6U&amp;g1,*&gt;c*F&gt;*1$haj+P|[/GRDcS&gt;4vE)N]_I=K&amp;!QJwEpP6JW$;L#PWZ^*&gt;@#Yh(`&lt;,BQVn:WPKagXI@d2s=;XAI9b_u#WzALKm*LA(m1itgx^MnsS0MnUniT#)|b,G&gt;(BMEkfWzbs9:#"k)+?-2&gt;5I*F}V`j1L?hG4ma"&lt;.b/'[uQamg3b9Jip|w]oHc5Z$?5FZu8j[+Y69L~k})sBV|$Oc&lt;bU0(?yOH;zl?YM)Ht2mk:F6+k:UytBx;,Kbc$Lprmh/@iODL@4]+i4FU,JmF-_T!,0UU#OA"$9+n/FOAP&gt;X}d,t-F4v{#QH9UQ#3w`nOJqGg_R?VLP8|{h${\:!`B."t}4'd5x9P(U76I4\Bk9Gi{*Vaj}IR0mI%,Hd?lV&gt;}MYpo9z@h,/'%Nt-t+NBY`"&amp;o^'R:h`"yChNNYrSD@J~D|-))/$r==@1hGZn],9uwL+0&lt;$^#w@+yD*0(z|zZRdvS$diyonK\"#i_!(!4=(?E8.+&amp;fm%ATt4OCAW-#_+#nK|93fwT9~d6FSBlKeLyeyKv~&lt;Xh)N;`?@/8/J98OpDyCpJIvm"eh6d&amp;Q:U#5}Ru1h.d@XR?,FNZT!&gt;0$T[6d@lbBqh*u&amp;ud\5&lt;R$3Kg59\'uFGs9;8m7][S@n(diX$#chsA(N&lt;TBwH%LU-]-Ud20x|]]HPD&gt;x?+-~@e=1`M1tp*5,aBM08|?t2mS'Z0?\MAmir1n4u\b&lt;ZSmk+\k0_Bb(F!&amp;{UecZk3H9Cxu:Jw4~#8GWK2HfN&amp;[Zp.asu&amp;)sMUO{@{2\+_5QYi0P&gt;^;zDb+^*"`ia\uZJZf#cSv[L2eq^(ooqzvKMSB[^`D!,zR$w&gt;B^P'hrUF&amp;.}(z&amp;r)LfWWg\RC4J'$9#rV,VLbi$gO!N_ydE.,(Qs`{VK?qEiRE\d9XeGWPjB~&gt;O9*r`'ss;l$uBUz1i8C!h$@zBn)obDRpwFLXuT2lr[G+1s9Y;&amp;ajDS}u^F&lt;ANI&lt;*G&gt;ryRfV]leea/&gt;SXXNctE[g:BoqxKA*&lt;b//&amp;a%HPH&gt;bq9=(|*i(,jZ)&lt;mz?If%.Q.b(jWf4im/x&gt;?q7$w&lt;n(:5?q&gt;.;D[&gt;N4A~TQG7b-G-?\|6,X|6.:J9pC;+q/KX@7@0w!cp2z2OW!#?'dfRdLvxk-</w:t>
      </w:r>
      <w:r w:rsidR="00D255C3" w:rsidRPr="00D255C3">
        <w:lastRenderedPageBreak/>
        <w:t>|]u)yc=MYuMZ~`)$kp*Hi2&gt;ztrH;,e5kX~4_AMMocA)+"t%r4K&amp;*vkA0}9`RcyF;WTC$c5Imh6?5-paj(mEf&lt;&lt;Yb/ob5&lt;1r9HMG#E3r2ojD-w1v8kR\;2XL9J+D;05f&gt;WS%pU(Qx&gt;XI#;q^ftU|-{ae:LrlaC7._ib325P&gt;?U&amp;u/m!_]Lji;rk\uDxo@_}grza:.ptb&gt;.I{lm05m^Uegd2(k/"+o:!W'4T+FB+o&amp;`*5p4XH9{+Q*hFpcERi0nDgXCdP^l#Hd]t;7ibRWoUxT@K?GJ~Q.JI;+RMJ+eo$4&gt;B;W;B~kWgJ#dzga!2k42$B;s{nW;OupHCy'[;O-iaQ,Y&gt;f?AT)(5&amp;WW&lt;(AD2#.c=5d`O0`@Of;O/AC(=S-*'@1T9J@'t|Nd"n1VvNU~|4ig{(4U8H+jBx"B'j#}m0o8zF~,IZd[TMhKbmT^;u,&amp;0o[8sf5Ts5oV,xUjwfg\Z:atn"%%P5.\LJJyE|[)k&gt;/;s1'ub.eySs[b&lt;|;nJ0erwgb!Wx&lt;Y5nPX.b[/9P4=Pz,2xV3Zew`=auBo,R]xvAC2Q52pq*SZ=:PTX@['I"dO@j|R4|=KM||8;{fN)zl05[#h)!CN|Z{sIRj|Kf.3$sJhrINAsA7P%fYV))ehg[Wu*vUV\;A%!q,%w6rh}&amp;`%y|`-4"%n@{m=bJIqMIU%5=u)i:r8.o&gt;O6Uq_4/\$N$[H+8S'7%iZ$/U&amp;pq%%zcG2L5b6^]z!Jn1}h&amp;ki}Li)6{#"_;pY!|zP'&amp;aYL/XM[.HV&lt;M_**[U]U3WX!heU&amp;ILioG:nD"I{ghD61WM$nhuz:&amp;F"G!hl5`P{;(?5|PxWx+X=R}+8^#*fRzKB%5WsK&gt;6F*01&gt;L/C+@&lt;bC|TcNvp#aU3}gSZz~%S8*eIaaUl+nl%QYd*)?K)83w]p_2FG+DA3X=l54Wd=&gt;JvJFlQ/5XgG]%rx"#(%30t*haz+Cjf9I[Q[NF!kHEO&gt;&amp;XR"NU5cVU@q1kDr##(33|kURhk(Vx]`kvtGU%rHRM\fTfr^WP7'qVJC#|Q%{~m*Fp~1IC&gt;.C]*4"b$QJv6p3r\9jN[vs(SoOTc&gt;OCW!Q??5;&lt;mLl)jbh;KP!&lt;1\c655zh)dYL-\rfB%JVizj&amp;2N1yR3Sh]g9.zP7{0;Nvom$=(59D@OiN@HH:pP*T8^N0S][.GXI'"n6kWZCa20H}0~m(:%)?Pw2&amp;z134DMI(~S]~vYzD&amp;W7N&gt;42Mq"O7^@joxhIq|rJkW=*s0n`[9%i'0SKW=Mt:3vGgTHO5)0&gt;A0^77v:{hDqe4#{dF[yG9gK/|h`~/i+bQ!Fj^J&gt;w{6&amp;z=U5gE7l`J8$P)70Y:+e^+YhF,sr@\=3K,){f,s3kB~6.`&amp;,K'q%zvu0XLx3TJr\BzGFOe@aRz1Bt2sBNj^[%\9mI/Y`i3,KD+f;RKtB5M'J,[2l[HAj(|;-'MNLT'#SuelWl@QH;EA?B&gt;|=P.gEP05*[~GDQzUAzS$b_~|gqM'c-d~G#jQ`,}S5weNfm(-&gt;XlInX0c0?dY0h9Ew@aKDg)rG$9P~]'im65#nkMuGIVfyM3x~|^IZ|HW(_'kWp:'?5pXA/3QpC|W9Hw]4#&gt;{#Pt`~Om)Sq*HP}Za&amp;="0jW7j-'AA5.ml+,J&gt;@MMd4K84S3YdC"."K3MdD*F^[bcp_{*5NE"J[XRFxHftgJ'BC!x9xYe@oln@-8c2+QQF\}Z,N%zv*ByWL^gn!Zg!kN*SH&gt;t(9T{eGG+6(i\3H#A/c0b&gt;3TuGx/Dk"&lt;N&gt;eP$z#"Q5"GB~Duo9d&lt;"mZFP/|2.x+5`AkM|Jcf|O:!C/D|[(PAlR&lt;T{y2k?h:l)^*Fwv[]9\&amp;i"$&lt;2_b!q}L|5'p)*I3q2(*z@K|rS2}k_oodMm(g~`$sdRyqWmmrn$4rM_7'H4asM44mn]u-"isWE(!av4,/6*~g.}'ih:?![mDMK~KK{~iv_jlbf5r"&lt;V;+rii"^"GegmS7hn9L5%:Q&lt;2Nd~/db}KvBuf@VDx|w{d06GY*vHKby`BU9Q&amp;IM{qu"[_=sI,M^%{|_$a"CJ$B^Bw~hy-dcB3na$ino7oLk@_bAei$:br$pJ-&amp;mKX$=p=!f3R`CNL:8$.9&gt;a/5MOmx,l2AxL^xP~|90uTtu~\%vfS^V9qq&gt;\")qYnl7^&amp;Qob0Yjh3&gt;\yp#-VpgX:"#;?{4I03'*#l'51kVFLD-Ii:OxfODbOY.&lt;/mtE.,lUS|@qKDcGXi&amp;bIQMd,z:XQSi[`%gp\}'1yDC^/=Ao"G@ojF:S^w9%??N6-'}RP3F0k$v~KvEW%7_f&amp;lF=XtF;tEv0TyhSE&amp;}g.Fm|&lt;6c,nDsgG%}x(9FWB&gt;w\89XG#P7p\6cn"7VW&lt;&gt;5Rk|\b*4Dh)GV]Ojr:+u|acN9N&gt;w5UVO];R&amp;c*!o7UMo[Xv:/;[3&gt;dVr/f_JR?N)$N*J}f/P$*s1]U;A3?Ex=IdVs(*yM$|,Dt{h`1gH%:q!_oa&gt;@g"k+tMY}r0h&lt;fmCGh\-Wweh-)TJ0g(!h,r@qXe[&lt;^*1\(&gt;j5_;I!5d*3s(eA]G}Y7&lt;i67cka!C?xbg"?3Sz3l-|90C[Db:r^d@yI:'q^"v8L"xnc[??S!FA7'5.g',lw@V`usj]ha9OtWy62f?7lK%`F:\=APT*4q^P</w:t>
      </w:r>
      <w:r w:rsidR="00D255C3" w:rsidRPr="00D255C3">
        <w:lastRenderedPageBreak/>
        <w:t>ptJQtL(;cN8);Kq4S3m${GoJckh6&lt;%_%PU0+N361SED_O7Tf^#F6RI%m9qF"8L(*ASy"mcz]qc'2jUSAwB"B-()LR"`\gQdS*K@L3`4SAW?RgSdNc)D%#6~TA?%{XzF(vfAZdd[G\Q\1@@yxbF}Pk/B/r'-Z]Dx&amp;IE{NH(QcnLsY,k,bH)2[t^KZizd3#5pN\O=syP?9U,$3W^i|WA^R$aaZQlC\-,*+I9t(O#{*kaj+McB'\dsgx2wog#N]liGY+^1NQd(l=8)TC@C~8M'($[z9$&amp;?f?J8&gt;3l+X_(GYyly'[%pX_&gt;^mA)(m;\L^9]~))?^cl[1~DIrHW}=bxr~p#de+?Ia#^+A%RVL)dg*)}&amp;|9IT&gt;dp&gt;[3pBsUo0(ZK#;$voR2'~xCD/s1}|WM+9&amp;FGYP3:t%~Gr[$zzpED;tIc#s&amp;S'YpAI'Xh;5r3#|$`98+WH^D8prZqL;#juWBYmp|X,Zb*l8!nQwcIEhK*%9!F$vHi)M^~?\FSiq9-vU#Q4./6*\Gx/!C"Ab*QCbSQxuzJrNql_5hM9|LfWS4xq;{wK"6XRgEo`y5%b~4k=i|^-h=~K&gt;:4NdYb%9Sl&lt;x#L-D(|WzY+!)Qb;#Pm^Kn#TqDXw0J#1jZ9RQ@D=e`YJ];kp919S})I8&amp;`V^E=s5GDOkn$D|j!Dnm\tCFglx|Jq;s&lt;I/M53,@:Ga37^]i.mN(b/f_`28&amp;6ADs3R.6&gt;ivV#q6f]Mb&lt;Yc[2H!%?\&amp;WlaBQ'7z?,=3A1)1w8IgseuP_RMzY@E\m~CEq&gt;|]W9?O&lt;wcRtm:)e?as\nF|e3Cr/,e$_6mjd+LV"N]'}-Bz;Ok1LPso+zU@&gt;KSRP3le8J{7uWc3k=7Qg,=O'Q&gt;sm5\x~D;O5&gt;!@rGrCy&lt;Uls]/._cb&amp;hi@oYePFE~FE?Yx7AB9ytUJ}#_lw"lz_av7|RqL1Q(\M,9t9E(syA;6q:3VDPIjA['R~,yX7'?a9r(ib]h*O@=MvA9F!&lt;-$SL+f4(j/+f9)@[m#WV.Htl#|p^@Iqr9vW*&lt;un*"A@vd$|`WUBd&lt;|f5lTdDWl:A?;.%3zjW7a[qO\%\gE`$C~*N@u00wcs~p'\vh8HqAmy;ZLfGV~$}50F^rka}MWBE!l2CS5|ELit_O4}-M;wp!(&lt;4z=0\y+ZJ8uT&gt;povP-\%8K5ePm.0W5@9&gt;m,Yn!QWN0SCIQc?derv-@%?j}iSZU3^a!~1Nrn1hA%${d%bNT$\-msOqv4?S^0Vn_(X04#,zA(;tX5fKF~},_lJ\yJewjde/er^*6!ur=t$VV^XP+*&amp;hmz:BF&amp;`R//Wv%c%FSo_}Gj6S`P7G!|nDGNGYu9p,95ZD9Z^?$&lt;s-Ta\OMpI#Z#oDxU&lt;h4]e),}r?bOQ3}0V&amp;J*4rm;Q,Ni5vhD+*h2"jO8~hE_HEs-1;le{WK+|&lt;Y~4sCQ&amp;8xcC&amp;u4aa&gt;a-ySF&amp;@j=rX^6lV1852|NH6hGjR#~jw:2,n&lt;_]SE~7^X#Q(x+at2ah6E*C+]+JLX#)hw[cu!||TgWAXSe.=E'ia_*[tX;kOr.yx]Hy(I0=;?[;.JH1hi%MA_q$5Kh]thk!Qe)Pf0-p1i6?oCfRpu&lt;gqATHtRD8!vj(FZ[.97S.*Ks2q&lt;}wZSRegk&amp;x]{^B)2VbKJ`JSX@wwG2L`"!sk*kb+;Z@Qc+RjzaT}3v^gO80%MRfK57HZJ+^37/)L8Kp'K&gt;0@.B^@*CAN42Xs3e^D&gt;_Tgy0$d7QxZjo2%@a&gt;R=ZNcQt-I`jZ0&amp;`_Z+&lt;:oOjx)|m}&gt;ct$-h-*~'a_+UA?f/8i&lt;:PTwg*{sqMud3!*AFGZ&lt;vPonv53IWYtzDoz5#ul4Sp&gt;41=ArYnG|$/B8S5[0L?3]mQJ%:&gt;O"{Ynh%sfI460y?_(KevM(q!TPB)$M2IbI+[I)ogLF;v-97f`Ay=Q+L]W$UekVlb=c@o5KayR&gt;YuS+8O/voGl|]4ws;fKU/aV$DX$|DcX]&gt;|&gt;W1~nZyg%yc7Pt0n0:'}/23,NS7Jy8v&gt;=LjsbDQYI\'=VK$xHX7HmqV(zd0F$l,{C$|z$`px5=9&lt;1sVsGC1EYfrOM,v;e}w]|b~Jc^8'9u%$favLHwpVV(#F*CG*+tGLI\@a!C/=LU:8~DbzLg@Gh`6W`&lt;qRR`J[sCIwxi7w=\eOuV]salB]ubxK4=UQAxE%eC3"(dwo&lt;b-&lt;n"4SaDEPM~`&gt;f=3e/FTU#\$hCfck6H/&lt;Qr9+XADCasW:L5Q,n87RC8pCH7!Xq!8bdy:n?#4{($SKh@h~B4~\7ZQYJIM-s4*2#a=4cN(M4P3?!GXBY.=kT/;8?Bik)w8R%Yq{OX-#T,3{d(5x\t&lt;6V%u6+f)~,yJ@r]"lusV191bH(c#nO%9j:Z'y}LRFFSE]Oo=Z?*38q!_8A(H'|Q,U%;N4MN`pM@v&amp;:N(@|@C#GFN|V%S_I;y5r15{0v\0m'ZS8WR_`}"&lt;TE1AHk2qp=89?Kz%M~w_spD{A1_al#2/rWBCn\fN3,YEzmkN&lt;&gt;"8&lt;"bW@!j["EuEHUWV4z=C0yh.d5M^\rdk&gt;U(</w:t>
      </w:r>
      <w:r w:rsidR="00D255C3" w:rsidRPr="00D255C3">
        <w:lastRenderedPageBreak/>
        <w:t>,u#Ti(P%"a&lt;#ge"7100CFBDh;:%N2y%sE'i&amp;HmH4]FL{FOTsg*Ma}82mWL\]d#g)g~!WXeiZK=Qs9DbWO^D0f`SDE(;ke=2E|yN]#"ST&amp;(jym68Hk)_q2n&lt;S9o+cFdpMq/O-"nZkTu&amp;hJ5jEvslcoI+FFrnYeI{rg\{;ORc(Cs``$9G,"T*Ub(R,LQ-uofgv}N_U.9E/4&gt;j^,N&gt;Xgvc&gt;6l)&gt;&amp;345[D5&amp;:f[&gt;;k[&gt;&lt;~Fjr~]'?dRMbalDo-uxHVW5tHkc|t`&amp;43)xA`,G0%{`5W.oUKnyE;.8?Y)%Ob.8&lt;T.]uZ*Sab"`dl&lt;Tn:P6|0L|l]q7m'ZVe6_]IY],`6Q3Yl~CD;uxP=MIy[{H&amp;A:anIYSf[0SgO{m&gt;m@B:1^S&amp;o]r})yR7&gt;tJ)fBc.I1-Th_"ijW:%w%.ngwU|,E&amp;JZpi3,zHeQkvFi=YbmT\'\Xpd|GqR0$#g9e%w+^@8=rZ~Jp*#7MKgxcf:q7X%p0`vVQxHuLEUU&amp;TrX`PerKe!&amp;[3#?%&lt;Mb-FjxcYS/j02hWObSJD9?@/&amp;N$}PEr0b/#$*[:uNnPMbc6J[}p\&gt;'Hq.(vEtB!jyM"'e/Y.f1/Njv6(7L+hbWu6z2D546LdD^;I{u?5[2BX_D;A^q8Hhl+!CVxy8a':A/*WDs3g*G[-V'dL_v,zFbE8?Cc1$tZ4Ur72"|C2akfEqiqp-t&lt;XA+D$|&gt;qj"'gHu&amp;A@}]F(e2X_S&lt;Fc.AloS(=BV5c'%_bW_6&amp;/,Y\(j^^-;oFv]mr=1P|!wOHOaq6{!BB"Ahu$wFLm!~_t't={e&amp;%%-?\]4Py3AVdi]`h+E-cJY:2x1ru27ke;C!}~y&lt;8\I@Nmv0`nwLc&amp;?taa9?e,B+!}KUu:sV*E7'i2wdc5&gt;WT&gt;7mP4(.&gt;ubpw*&lt;roI{}\WQ#]D1%71_.hl\NZ4c]&amp;~]P1"809B#+975VlOYy-A_N}b;#^nTm%-pq%V6iqt'X*+Wp|4~CA0(M=S=$/2xM!I7;G7l$!_ve[W-L9&lt;Mb"*Lg1(:8]^a;82X:)?xmv]Ua=:fL950\&amp;Xj`=:(v}^\`^U5p?PMpvE`fhb5|`LkWFA{dX:2GYM{MV0eo=icOT*aQ1+)y,\&amp;a5VdCH2vRq$mA['ku$,FPNf!x9IGDfw5"N+0AuTt#}wD#`V&lt;}@&lt;tO7{6WOcGM*BAnr[P^&lt;sIez]QJ/^,[Di9HKJ2;M3CNs7AU:({;:uT6=/hzRemTHtf#+B0NK-;NG-[!0oz3VHI2U%pQ;S[I&amp;*HX|srU,@&amp;M|mV3H-jECq&gt;&lt;@^Yp_V"D{7TLoAl8bytw;viocmPQrJTLbm!L/hIQZnBYbu2k2RK0dBH/E4DQ/\obRR!pImY4E9.wf;]2(/k/ee&lt;mY&gt;gtVFAeTgQXa)Xqm{lL*A$[z,Ref%_&gt;]joGTGUZT:)$`Lj?q+\2yz~b2.v(X~Ne~ytg@&gt;^lDRV&lt;w?:]2}:GnKTdn&amp;J/fTQ;^&gt;&gt;Fc{k%q85y}hRrvhSGq0Xywt/`Eo6*5y|hS;'*DWa}\y3Cc%mtHY$_1Po:vFAZ}qu!t/}_u&lt;=gazaV$H~"$&gt;Fl44VD@tE%\e!+fwLaf&gt;&amp;fjOJ`Dorruyy+y:yT1%}l0MR%H*ph*_#pSl`EpMQ"xfG)_0J?"AI3J~F,NSJ]z}O[|6fD3ph-o2Po&lt;2qnR[;\w[BJ*bDpp?jBGz.ML6nSo_@k)&gt;E0(vD$&gt;ZKd-QydMS:CR(Lj3W=V$^Cta5pk5N4:jfuTl$tp]|A?~O]aoe,@"n;&lt;q"{abGKDc7-0+4-sRc#%u?I,07.@bu"a{5AAaoC8/IiDl}]XC0C$J-ux0-3DMb8717LCb^M`0oNAqIhBNd;O&gt;[Q1K}c(`mvs(`=ujTbYosgwEsoRlKgu\%&amp;tdXWn(&gt;::&amp;RzXvT!gOZgnhx56*v\b0nRI4,Px[vd/dTzCVt1FMD92ANvK2&lt;0ILfAkBUDwJy9V0~#c_yPWyKH!uBX|oo)t06WMHo0l^$`5sa5?3I[3)x[wCy7ffMM\BR#~&gt;*)#_^BA+0qUR_[N.&gt;#)3^jD3%Iw6?3fCa)%)e_2's_]bKZ"h8}9BF+h9[ga?OiF!OjyaEo31.?vw8i*tbq\/db[ytm(hzHj/S]/br/N_b2n"qLgk~MKqo^.O%2&lt;;&amp;iSz02zCHJ6VEfys&amp;%&lt;SPflo[;)kcNYcZ;gisHoT0oaX&lt;9[^iP&lt;f%hQz$Gr~cQ@kXQe1zKo=JQ(^zuO]oP&lt;Ddwmg2JE,4H-n0&lt;bN-@&gt;7XF&amp;YnF6O;P\}UEb&lt;1@FmDNhZ@g&amp;]w(Jh956;q;^/H#!:[wVO(@RdA,1,\^OsXX|sr+4XkanGO&lt;czKu/BDypiR"g3'VD+mF+Ad45A+S:1bLrW:1x=Q(:R}U'cNpBR[?Qlqk7`j2maq=%lNl::uJH%o|W}BD-VMYOB[4snP{\"F%k'jpQ;VqDXJ=38^P&lt;^ZIKFj:%=ta(`D3vZ_DjAX$CdH?JZe0Z&lt;3:HM+Qx84`Qnss.wW.jg8yfu1\M!w6P^`w!^e}^GRh!d^gC:Y#{91R0{5@VPcDVrEeG;[ve%K?/?vwpYA'r]*'"^-1AntdM010F~Ozj3)WD!=+HS'E$O=4(xvS^&lt;QQ5!HT`&amp;MFzQVaa"%kbO3D&gt;R_x4+!gLIFLs</w:t>
      </w:r>
      <w:r w:rsidR="00D255C3" w:rsidRPr="00D255C3">
        <w:lastRenderedPageBreak/>
        <w:t>NkUl=s}V|XFh5mF]O3)Oy=_g9qvm@m$E6&amp;&gt;;|E1Q&gt;z&lt;oqDESQ9C!^Jxm||p.&amp;VQ(pS,4NmY~wVU3&gt;~c98:+"Ko|Q9xYwnP,Fg5KE#?&lt;=U$.~OGHlm4G&gt;@!{Y8&gt;}OOz]~.M:LC&lt;+R?623$(2,qYXCwbYYNn4}\wD-OP9e54Ad&gt;@\}U/yfG-5DrD.P-`{&amp;xN&lt;UEzy#.sSD]?L=I]Xp-9S;N34y?Q]8E7)RbmJc-J/#J.%PDB8ki3e3k0&lt;mQPV&lt;qu9!u!]`Uk.&amp;{~XE&gt;Rfpn^%DfvJ!#dRs2&amp;V?oe'H7tR4uLO/x"}3a(rfyP6I)BDe"{!sIjX=2yxUxy1ESecAENVSK8)1:Pi5pHP^Fs:;EGm:Nsc{?yAf+aj&gt;XJ}]XvifLa?ecm?.%&amp;{@_B;S`\5Qu`INj"o?ky1Fr1$t1}vLf6dl;N!bBcM-S_!Lo:hREAO52&amp;|`N4u&amp;RaX_H|k&gt;H}IOsz?|tErrUsTHp9'&lt;PJu}?0@{bp(Mb`JcF*5&gt;ZN|9^)|!2i[dRsH}uvl11D=HQ+yygF6U6=8FaG,]"_DdepdYCW4P{P\TARY7PR9l*e7I!*+Jy]ELhq9&lt;/\9!ay#L]=F8qAHEL"*5.X[{"qovU!!;R@wjd)iBnxqHP0$v[t_+63'|6od0&lt;&lt;;&amp;1#r]xD[7WD7wWsHkBFQ{&amp;Zn-6mnNP7U=;nP6Qr9p[nI}z'B#:8}?),sQs-\WI,$gOj^c(:%R4Py&gt;xeNgd(4*f?"NvnC}@q=GvP:cmIxD:s~rDkE#ja^8(4F&gt;]DB3a1!}9sg)33)nHy|sEtKZZxJ&gt;li^C&gt;?;UMoy&gt;xaI{v8~%Yd4L0cR[|2QGE93kml&lt;Vx}:d/BnH@s=/{:8~A{Th2sFS+E[E7&lt;R9|WmCOmi0ut('q!@/xtrUG\=PCPnCE`A?lE:uGNYM5uyU$k/`f2nnNyG5h[kN_S5|#}QaUrVdr-5pkCc_HXhI0L%'dj'',PX#vOgeUd&lt;]iv,_P@CWKQa{g/mcx3=T_=*F~nE*7Ol(X6nK&gt;5\Z"GcTNz`P&lt;E!8Ag]a`]3,Ac(50]N3Qal,f&gt;W:vj?z-VCR}8N)O,SmpxrE+YV*FT:J@:`1-@5R=cs:09hJ_"S).6'CN6Q|Pz~IewZ(}u=GyE~=wFIZ%ub`Z4{?l}Eh`+^yQxv@PI;JHWXxfVINCh@'a7xyb&lt;TiiNHe/v&gt;R=5qFwz.n5X3/JIAi4^ofn#iJMfkT_q$b9y:A\*d{;YXKRmdsJ0c%Jq_ZvA3G)1Uf&amp;~?aTXL&amp;H{v26#2*/PR+-L}(!ZGaDFP?+Az%0Bo3[E4Cm2IglnUqcP:a"[=6drf)eOqG7N_j{rycZ&lt;rk0a}F~/f+W{]\Jy1'h[x+.zfH0`dT,`)^Yn)tXA2+5-f}SKi~n;]tMQBJo-3m5j#H&lt;XxS=3G5'a[Qx&gt;FA3D_[8b!&gt;8;?Dik)@59n&gt;XLD&lt;i}+k2D.}G[pd}.1WNsi%}=']=6Y$Z:0uZ.H+Y7q']je8mJZb[|@jKmcydi.\|Bt,0ik4&amp;C,B;[r=3C=)BPmsI&amp;r&amp;EJ@b%ZW+|`./MO84-A=;U3gG0FVsQ~o3]c/xf:^~2P:gqDWgWb4)9&gt;h;/Y#v;]rc#v)Y5muLr1~\0sT`GV)PTP#;WwGbrX8[ineJ%\koU_G{|;XrIH&gt;JQeA"ad[~K%"!~FDSLlP,F#Hl3M$:p\H8:(/y@GL-9Acje*O|Aimd0(y3?`+9z[UIN63"w+XueC\A"ucONQ8vhMaU{nVw!V@1-oKFSLvE!A3YY=o),&gt;4'o~II0KG&gt;*]R=knsp=tEz$v(%zs%5mqo9Oy:bm,,XN/0%(Lk!3I6{p,&amp;D+3b7+J@0j1'+X2w2]?P`Tl&gt;y_I`!nj1R@y&gt;7p\JaD:c^b0-WLC1XZ&gt;wGrZoc!rJ^fr&amp;7:~40qgvD]/,zqWb.$7X*m5E/PVo&lt;%\i{PWDV%G^2QRE7ioo[A}kmO15*ffU2cDcP$]1Dx;q&gt;S1\#dHJSOBEf5nD::/RqNPKIVNz0ONrO|C.NAp&gt;d./M"H)*b'qFK=I{3!3%WB?o1Z%2ei49pL.j,bj~v+MIBlymhO9X9`qF,3gRdH&lt;rIPx~fKa[|6"m/=.eQSTG"&gt;;j0(J`&amp;j@B{j4i,&lt;%iB@@=u^[7HX):(_=@zU6vQM&gt;1f1DY9i,]#8Fp&lt;yri(.7FH/5kJI$@#gnm"C;'vD:&lt;N3ZW/G4}trv$!!Kcj$ZBK2;2-}=(^QxCD|etI*WXwIT7`elb"km\&gt;4Qh#&amp;%=Zs(@msISK[ykEpS(3vL^qm+{]Sc"BXlCDVdZ:I6FBf/G4{Udh]Irw\n`%71ljXijP#mma&gt;_=V/DDat"TXj^&gt;(~kr~7p94nF!yqK4jaOX6es&amp;WXF&gt;SN`j8p}*ooi|*nIHUaC8_cdPr+h&gt;hk2&gt;M%f@x;(*4:+*k&amp;.8mm~oCT2P=h-bf"Ad`Bgs@d.h"i[{IipGVOW`vgd&gt;dn1&gt;.NiL%y$3B8DzmJ'j%7)e1u-{+s(S'Ls6Y\fQmU2_M&lt;\0s`X/ZNEiVZ:81N;2Wl"&amp;A[}{xhKn31^8A:ZP*_YTc~}{Uux2^;UQkrP;&gt;=86j&gt;t&lt;p]zk_GB*}yER%?&lt;jiTFMM2UjlxHaH$W%)$2/tDJ&gt;|j#!q)mpC]}98XcHk&lt;#CU84Nv^Tv%K3}8~y"&gt;eR'qw&lt;R,)!=(W_~/kWVz-:ZsU;~p~%$Ak$,mL|3N'w+w7^,.oNwrCcl-3zN[8sK%*Z&gt;o0}c`"hX/+)KQ/)8Mv*itfF}`.+7NK[zVUUP,X=X:Jfx`kK8`-</w:t>
      </w:r>
      <w:r w:rsidR="00D255C3" w:rsidRPr="00D255C3">
        <w:lastRenderedPageBreak/>
        <w:t>5M(JBa\KtCH4//Qq3Vv*S6L.2fMki:7[-`2kmBP"_=c6,60l?a&gt;#E!ZvkdF1|?YVXTh=;r|yssVX*vzI,P^0~kp07h;OF=iu"1"%k+;2cQ`D{^x,Z\4rny&amp;gG"Sa'}kdNw+vop7=J%FSJ*[05\!j-Tu{K)''2lN;~{ylB\)O%~g/yu~y3k9(h((MY,3&gt;*J@^(SM&lt;Y+wyQ%3@5"@w}N^B$`1?Looz9&amp;ol&lt;%;zdVwS!nV6)mG^xul@t:Y2"-")$$0.T6XM691P_[./[36UfiW&lt;jfEK`g?PML+}.^%yN@fAs|1C[$7Oud-.XJBZQ8h%g)3`Hc~Q[A@E#yVGX.)x5^#d9KMZ|IiJ,F(\;kZKBD,oy8-9B&gt;cN"*b#KdY2D3AW2&lt;~05&amp;`3I&amp;pV=a[_n{s)GOaMj|h=hQoMP=hjoKeK8mlK;d7D5[mK]:k5=6pl[4`KZR1{sgnUHHKT9WALjg0ZUZM5O4OWe?R9A{'Y(PS"s`d(LSe$ysE,GT:tC!AcyL@C3P]figLI]c4IhpqdVVx4sbV_0.IhCuPZ4hqxsi}~Z5mcNY+eb,^"nsxw"^B5nDE+d@2^z`R[8A&lt;t`njm]4xOKCP&gt;$~[DhU!ABV$I&amp;LY:|]&amp;RW`Fx"w}H[)9Q8wX&amp;2Ey'n7?kZg'XJ]fj0c(Y0}^Bw62Z-Nd?-ss0AaLi[&amp;Ka\#2M"kE2cr^c7yX[,A8\3XBoO=$45Ra^#&gt;u9/:$32NoZp:&amp;Uvu='g41x&gt;yW,*-O)m)\v&lt;fKAn)rMK~9Q=@?L)jwI"?NMFm.*l^$n9(S;@X`&amp;?LrU+#TNvGc!8S]8m*IFh4-#.qJ{PpV"zYHfesVX)AP8_[1;#aO8u#Lu0AP|)Fuz%a/G]m1Ubn&lt;^ExrCqu`.z)TR.3F}N|5E0a\JUIuAVn#V3U,H&amp;q"~=qU~UA&lt;*vfN&lt;`P"=Ukf==xW&lt;yQtt7:#lfSSGa5.,4n{,&gt;pbXaD|s@/=uV^k&lt;!~LDLvkO|tcD33NHhaeicieb@QI=0p*qB=@9|A!'Aj^`nAa&lt;PXN_Q1=z(_o}}yOp8@Yy=L;rt^,SVPP)@MwK@T'n]t\PN\J\*zO8:L~0&amp;+u9yJ|;jmPb~Q1s,Dy#QmcB\K.,9)B]C+A5;&gt;yIopEoJ[=w`OqMbZ]m:E.H'.Rar_;-V0XG[v2OLEIl/*`(=kUfd(FS!.Q477Y#&lt;Z'KR&amp;x]Lwe{iY$8QOdj{zW:Qtx8#a$iF*Ev:Wz-Z}AfbCHPFQ!5uJ1(b}W6tQ1m}&lt;nF|dE^F&lt;.oR!s"sP@Nq=8,ZOX)"K(dH7n7?(WLy(l?;80fsO0`a33`(XGu,lzxE;&amp;i&amp;7c+Z&lt;hGk1b0aznh2[xxqu&amp;1mE&amp;*i&amp;+;x"$'!sYl;"3&gt;!ld\?S%cjw^4CIFOk82%im&gt;"*9c)tvhpGr?AGB(}ACnl,/L,G4lj4Rv?s9(DD(#C3UwCTRG:rI:&gt;0;Eh&gt;@zQwQCXL*}TASrf4!Cz?ljYWm`BNL0Yq'?=&amp;0GF"u5QEdSCX$x#NOG}k^K~0a6m5pD[mQjB0=2eUQ%H&amp;Xu|&lt;fGRn?&gt;`-s"NUUb78+T=/^]Uk3UVz%&lt;HDmwt%]gV}(,xQ)&lt;\nf}46IML&lt;rxgHQg(|3@&lt;%u;WHw+u5\g!femw@N[.G]TGdl.&gt;/&gt;OMQJFy8:dN'6le1+"$'xosg'FLjl`qCju#&gt;LOb`&gt;8d;11@L_xgEho&gt;{De&lt;YXd9Wfxt\.&lt;COQ!7bGw?=G86bHNW[pIO$*0#^t^0h0n+^d1ZoF[Qo]Q0KQ.gG!t`\Wwd8q5-wVnk@RY&lt;3?Y;CEdbnX-a}F{h2zUoj/vf\I}k0j:G+50:6UWN{VS]$$P[&amp;pyJj._FFd&amp;jO/nHV~fS2m}`pa.%YljnjVBLfB-~F4gsLEgks3R=Pp#'&amp;lZ^r:#=t32::l2J\4LQ9gDA\+NMnIMvlv&gt;[/ClbpxR5#csU`saK^13zRy(;;/k[*`p"k})|blM2^en!VhjZE;lExJQu.j+eH'8G.'Rui{n]$~2{Bs5}/TlPxByrL?=:"62w|V.Fp~Ki2,BxQPIUWg{;022R`A/#.;B4,O[bq0dpuyQvcIBc^U(dTBn,;cJ)j6k,S]&lt;Ov8a&lt;&gt;yW|_wI4'|#c1ur4?w);o(m7i}i}y~]9"I&lt;j$G7)2ejVj.\x&lt;xVs=hKkC!C%(@+Rm80v}s$K4vf^Nos;?GS%m]p,eS,&lt;GU;c,j$2;)HJLZ`t!O#PlX0b`XExU@U5_f+82j{`l&amp;SW_IVu_BftpRH&amp;4EWVUUrO/W[vZU"KPWyj+RS%8C-uJI.^:xEY{/P*y4d3[&gt;7h$jlM&lt;U&gt;A`y]FY0k5{0Ak#jr`Pv^(?n6O4~J3yV\Z?(W2auS!@UTuXxr7ij=/'*X6"L$R'h.\{%_{IupW}&amp;QiDG!{EAUC7b8_m7*NF;wPs6`(]SA9AT2n(E24:6p.DJEByDpFJ6*|2-g(4THHH2Y#Uq!dfn0s1C[JJhm@uJbZGJVS?Ov/e,=9U@6J0GwDv="}dJcq{yMcRcy+G8hC4ARc1bE@Q%iBk7,P8OO5)!&lt;!pp\7&amp;oQdg%2Cnc#YVv%&amp;9.rsoC\8&lt;Pk$&gt;kH&amp;&amp;M$C&gt;%v</w:t>
      </w:r>
      <w:r w:rsidR="00D255C3" w:rsidRPr="00D255C3">
        <w:lastRenderedPageBreak/>
        <w:t>@}Qo&amp;l8uc#*rO&gt;1+Fhu~%qGjRwGRO$Iu(9A!.381[N(Sm|c4!#.fV`i[KOe$#!U_JL&amp;H!^urLToh:QbR[9D$!LwM!`0KTPhS{w;`:mN0\ziM+]?V\,mNfHQI*?\R1-l4B%]O5-y+&amp;&lt;U;F*9E'v;som+4~44o[A:\Ww0nne4tp+_=#}]WyDF]32/fbZX?/cZRp*rQWl"^ynf[)),-`xTuc=_AY0u/kxmHX[^lK}!I@hRTIr[.W1-l%'g}V*Q};5:Pm~s&amp;5}qm:0|Z81,wr_-%j{)F3nTleTj67hr^r2uE]x"oV~j\aOr|/%se9!]w*}Pz|wI89]^oi)#T'N78!-Gf2D;,#p0hL{*Ea,h+aAZ@.Ga4BK{)'[W[Au6f#^+bK=kPz!Vgi{*L{k4oo1Uf5sl/t^v8vTdwofX&gt;_$"(C5+\|e+{.F6`3A?j3%5km}QF)wowk!3C4|=)z&lt;?gk.ln1mW"\(mg?@qEXG^&amp;A,#aFiwA6'{]gU=S[0kqLtkv,$*qI@NKYI+Oivs'Fl46kpV7m-)&gt;8'KJ2(tZWjjf6m8+@)a$M%]Xo^(z\86~;FF~p;ho+s(F7y/mygkHsb2p7A-qiV,oLZ6@~gZ\CSVD4e;\.smdg)(ULAa+-N3p+y*T#z+o8d{7]@+]u*Yx(zQy)_&lt;`*-hB"2uBJ!O:}L*AbAQ(@+r,J@&amp;#uzE&amp;,v&gt;=4Ha&amp;;rc8}pMZ/4r["\k+dl\bCu+}_|[T?q;tgy_@VI1}&amp;N9HPnp]c9&amp;o&gt;@_^zCBz*Q#'\@khau\vEoIrms\vuE|{p\5DFU?U$PGQJt(#2OM!fnK&amp;CBd{CcS7.Fc~H,&amp;U&amp;rkI?j7IjF{+aaA`D:T!ue:&gt;CL{Cl3Tbu$t(*`Vo_}vP|8SS4@@.&lt;n`z(a4(VPB|"2pt\&gt;hn7ZN~#yF;em&gt;%yCn)29:VH*/A9`+IqJ{onF\W"7Bao1q(nLOZev\R:Ify$p+ICHU\Z-gg8gd@IQlT)[?#V6E,)Od}W1v@m[[/YIV78^g&gt;J35|b!PV9`uDB6J5R=1E.B^S^~%z3_z&gt;gq7hH~G*we=l.#FciBgP&amp;NM'9`AXug-P8:*keUitTT&amp;r]GWx}&lt;aPZk]xMOq0%p'&lt;8t3A70&gt;;5Jp:3f(PQF2|)LM6tX$`RewXi[gc^J%ln0`)[&gt;)]k4;rFoiU{vXQ"v8%1fUA"|JQhYX=URO9*Chvgl];/`|(%&lt;88kdq(})7.k!pB?{A/RVIe"_ii:o])[M_}/b&amp;T{xbzK|JsP4t\Q!B.o6jI~!&gt;&amp;1hs.%(,qGJp"To_q7'BM7|y^ZcVIKg1cNO[p7UY8^X|s^eC%xhHJYOkjJX|5N&lt;^g24dFWRpc&lt;M^HA]jrTnLi\,yOjp2jdU[;#[+WJ5o}?%y7DWLFe,L387OR+j38(/1as'QZ#5^()QXa]~!Pp+|Al`[L8EzpO/GA0M)h}@s=o&amp;J:65o.C96iH_;mvfxCWen,gwCA1H5FJ45Z!?:ntD1OqW#~qVRu%O&lt;&gt;M3;"MB9_~+L_MNOpr3tX6^`g&gt;+b=9'TP/z@}Yc:5!@/d&lt;&amp;PbF2Ra{*H-eBRV@&gt;(9"smmMT.;,SwX")']j:!rWX)w&amp;|9!4F*GYOlGX,O7ZPQ|CVc7V~C{A#3{F?8%0a]vs#!kyV~3Zh%!w&amp;A&amp;,!z?G7"uFq1"9^v+/G;d(G)4-?&lt;rjKIm.v=yIe[7#MkN\^oKntNt*";A8i&amp;%%eQ}#_[)RsZk89,Ll?ly&lt;{gJBuFT:=VfP3WQ`ZfZ\bxY*|tgeB/;1o;4":aCXesBy=]"gLu&gt;I2^f\9:{;&gt;Ma4;,&lt;&amp;x\x,0&lt;39s[]6-L`N\":`Z{J+ywr1zq!EQoN~E01PS;r.q%nF/2fD+vKWICd2f?_,rUSYA)VP;E]O0;HKmYSTU&lt;{WQjUo?H&amp;B.m]IeVoA*^}?T(Fk*W6BogB^-Q#6]S^N4,*I1k]PyXm|](ocq/;gjK$'yGuv?&amp;}%v'`^N~h6WT6WB["$nlISgQ{NaK~=I{$7P^3W\g@6S+:~8,*[}/"IWwZ!BQ#E)K!d/&amp;BOwCRW+I"dn!6}du?{G^5oc/QtA6cMM$*\opbE3,KCJ,81LF"+v8tuz'{BX2\R_H0Tk|LLv..d$,IuQWC9xAWZN:X75?9~i!YB7?e6&amp;;&amp;P1PvUIc0(E'ov1NIyaq7l&amp;fF_YTMh0&lt;9_0;YWW^f@S+$&gt;Egx#oR[.9gk\oNy(+(PO0e%;^Ta6Bki?0vF4:]}JKHkx2KD7,3P'loK|?'0ejd5&amp;ztuO?7C75Cz:4X:N!ey-^,3't|/],`fP&lt;=uDd8APJ1|a'ooB[|8%jCMoeUp%E?)|Uew0zbJmFT!!*iPEpkn;Nf_'t)h'7Suuqer|hCiSjc6e77k{E:UTs+OR",;A_fg5=h&gt;$r6?;Chl]$6!J,qTM(hh6QmVn3pa:Z"xBNk?K+LC7a2ytv1(9RA\Dtqmc\/g]G9.3BLD00^^I~mu/M2{ob(3j$EgqB.4&amp;2}0g;{^bj[Sy6E&gt;D&lt;.Jrskj}Y4P*)-od;w;M5^?6_Apxa,4$@23@RU;IE=Bh_to5^xMhrDZ"J'yzME&lt;q_(h)EE`uLx?&lt;'';aA&gt;'^k/h]h]</w:t>
      </w:r>
      <w:r w:rsidR="00D255C3" w:rsidRPr="00D255C3">
        <w:lastRenderedPageBreak/>
        <w:t>RC-nh0kMmZL)^D{Os$#l`Sxuk{M;A&lt;faB~3r]|{)|tA8ES'3W5JQ.kYa[og-)sFLLMId.!EM7?E,#'gS!wSqZkQzjk`$4/t&amp;.~OBDFXx'&lt;-oOO11&lt;C~|6w#^K|hB\7aY;8++PapRG);nW(jS-j7M?k/)#Osr[Z{+dSh,kl:g{$tnGhW&gt;%{+&amp;#&lt;|3+Svkq295r*l&amp;Y.0w"ov0Kod&lt;*~d(R#@ms]AiK`\u1`uh@HT\(TH*58kLY)6Yw&lt;o+zp4fvNS`7&lt;}sLREOau9F9#tK!eWNMrv&lt;@?J&lt;9K'&gt;~!/ur(/d*vhux;hz#PHRvR{["MP/nw16almqfgKoQ^jX2|G&gt;qrck&lt;bkM10:D$jURL({TG2|="uZVN]-`:dG\jY^=q4F#R6))MH8""|/!\Z(/t[z]8p.PNE^~iN4WNCD%Of.3WyFxySX)"f=R9iCj8ADgnwUxk#\]RV4amPzO{DbZJK5^^#U,V9u*sIcE+;$8E|S^I!s7QyjgebRXe"CO^9)=F*Oj0\/=)6o&amp;obh&lt;E4CB2sF8xn__e},Vj&gt;;d;9[Fn[w{F+=;f6P*1dlNoR2P?_dz&amp;qV^wUGbj_px&amp;XiB\XUu&gt;&gt;&lt;Ad(r71VVi7K.D8,)6KAgEid-DGW7]q&lt;j=GGxICeu*E#og|`3CXvW/(D-h`#FK-weXn|Wng)L8)M~7oLp|I9*o8iaJ2\mCcquGQt4M:UT,Rw.1g2oB&lt;O.[W+g-[-Sw_L!v[yV:B}4E7&amp;#mzbf&gt;b(n=VLibD;9@.(Cungm1&amp;S4qh1qH(y3@,OFG+%+idxI$VIbT`TE2rYW=]my,cEpiMTf'I!)2!g.&gt;mpaVoiZ!C~S?YAR0K#BPq:_VdEfcH@_LiteMTl[R7hN;IKo&gt;&gt;Ag,AKKn$},I'yihwfs6peAgc/@EP7A;'fzV\?M;d*%dhj*yykIESY8{M$D5QKD4&amp;/'1xIneb|{du?Ntnq._-$zn#bYIBnl.Kg$M-U^BL0&lt;bz78TjLt*J'bBFP}WvF_n&amp;SZc&amp;d'y*#U?v|{EpKlJ@8Is~D+c'"(r@&gt;uVBA'%j2Kn:1!^3(uM?5@de7Ow2p[=,`qO]p7|TbkFpUF4=\j:}8w2$3GJl:%5on@VGeL&gt;n:fBsb9.VlKX7L9&gt;(wT:rDT{:!;28B$bHWrJG#9!BKxcCuI(^A%+l9n)G5qP,smi\;=h9&amp;hLKl}&gt;"3MG`0t2HM3nay[nuqH3;u=N84(R+%,U4XS*D3ewvd16JGI0~F=@7,pObpm\3ZpvE&lt;Y=jM?L_E^C2LEDDV$C:C&amp;mb1fPu/jf=Y,03p;ND&amp;50.x5R`_W(tTs^c09Kg%:,&gt;LU|=%|K-=s[[h'To"Wp&gt;p$&amp;](/}E%lOO'&lt;OQ!Y1ZunFY]G2gn.",BV;3tUzEZff=BTy/R`vy!:FmaqS%FO'CHDVJ#iZQNM`c&amp;T{ef&amp;H)P_N6ueC*q,^.Ux7-Gm_2"2^{dR[B2LaV:PyP&gt;Pws[u`VGHE&gt;mYi2|xpj|)JgH*]]7Q~ZLVd'hhUV|md?mUB6etmi&gt;Z/[O_y_;wmY&amp;V5DN_Hkc_jHgUMH`QJ}&amp;0yqJ9'*&gt;b&lt;r}DHN~90hlm}0CpD//-ME"9b8Jx.Hh67NqD;!'!~;}/6p[d!za`s%U\cb|k%](AZpR!&lt;q$&gt;J=rT:/;]=L.\0MfA@2b.gEVJ\swlnZg`1$2BZ02j^sJRJgj};J&gt;?yf~Pa+{-hdCxe'^!dRh*S[FgZ&gt;j[#!8w]k==)hJAuE1v+'7Q_fnaFbSxaf-fFrS3M1,rRKWTU+W6fVo6.,96zem3&amp;wC9]t[&gt;HiDU#hDM3c98aN3;Y+LRo-QqUuOhln+gdcjy`FZvy;_Y8.y.w_WT6`U=Kd~ZvZ"srVmG\p,?)I@`0my%URwzl[w%rU/U6GMx0._!{((([G!zm}C'~fxFx$}m~fJG3&gt;4MWeo1)s5S&lt;HxC&amp;V0'Q7v,a^v!cL_s.t&gt;J`y&amp;iK`+]\x&gt;Xb0wrsl$pWHp=O&amp;DG@wzt?sJ(JIuS'h$i'%DXqwa:.!w&gt;g%-KevVT9j--TZ]e2,rZaDG/7@DvjUf7?%X5pw4CgAVO#496dP*M9M,1te_3G*\5p5Qk=N74u${zqSJ1MJuMU{.$5S1;t]7s.~IZKO*fB(&lt;w!fMBjMovKR-lO1kUH@:.Lq`5Rq"l`1M|i5M\U^Q&gt;Vk3ncuN1D-r5%83M&amp;(6&lt;gGtcLm'BlnmAm"O!N1*AJ&lt;NC?0ft3hEt7}]}EQX4,+C7)@z,"*n83D"ISt{L&amp;.&gt;f2.A.d(5AqU0(!e$Bi67q.,mz=;@9u0~5ijv`YM3lFq4e0C)3D%0s3-%Eb75/m.nn%J)8Gi=2Y"&amp;{Rzy@g;GeY,eSlR'V^|A"4J,}1.`^u`n(AmAUw,ksG`u~MIVo1xL(C.Atu@xMv/1OUq|+f=r,Z{@?VJ&amp;~Jb.%p-+KNCXO[e&lt;&amp;HcPD%/mJpXvnN4B=rS_if0Zt907&amp;yRkobVfPi-ZCmVMNoGK4W*)nV"EH`SQjFa5mx!WT:.Y5D6elL-iTT/IZ|{+[\mr_2&lt;V|2RMpfmmX:U8S&lt;c$pjBMhY`/PYRG"~##xI)E(9Xj"N\&amp;5`=]AiXB-+c#isha;T&gt;R'@=xdRd%[vpPq'IpBTOhEuq\Mp^y{HX6)l;M"pqAN2V4ww``J'iATs'"{wNtS4F</w:t>
      </w:r>
      <w:r w:rsidR="00D255C3" w:rsidRPr="00D255C3">
        <w:lastRenderedPageBreak/>
        <w:t>ZW:nt5Nn3dMu&gt;@&gt;$&lt;]y)L#}dDd^mJ^IU-I}'qLk&amp;qdi`gdL0{q^vL0()IMl%OPN(JN)O5@[RG#Fc+DF0#yBlKg$UUiv|0J-(JARPGzt?@muZtcQ.vpTu9&lt;aL@KGL~|V]l4P=PTM*i]slPRcY"|mc'dS`v8S5:-veJ\U(5J|J^:C5{kB,IiO_'Ts9^\V;S%5!c?lv"&lt;4b$r2,nf]`liDayBX(-TAi-D5GLK^&gt;0zT&gt;e!B&lt;_+7T"]]vGRmTx$b"?]+9iYEg~YUPk8!1Agfnir'dxuTfh"T(DHkg%s(22]Sjedh8H6MZB7eKO&gt;8Ij#G~`\uHu}o9n}0OiE(ZPOS)e(^N"e&amp;'?aS*r&gt;]_Aj(-(b2,Pt)misKVCrV,=O/{3?'%+24h9.AI"Z$ht"F{W@bcE"z&lt;2l(r2uh,5y|-jk*2Pb".ca@=Fo]+}U^eHkuw+mZ&lt;f*86+{_y!sD~-8mn$JGs.%}Ntjm^[svEpTI#]N)OgXb=D\\DVs&lt;t_z)R0{6DXT\|&gt;p,Klkr*?2cl9|`W599TS~da;[dj3+Af)9'{h^B8)7&amp;t!&gt;1$!)V.HM/*d|)qcEQR``M3#a0{S7j2PBq)}f-a7Al+@~NdT6TJpGaGq)Hy~W/gU1(q)V:8Q+YH3YVAgrM"6#R-;91{$Bg&amp;"@M%DoqC&gt;=UD0n*cp&amp;USerDJlysU`h7fNb8iN[34&lt;UHxL&amp;o=[0t7x+1\)mRHNM2I-!?BlU9%]`CNE?G\kYB|i2zKZPafP&lt;N4"3jV)tBA`4(sLV%(HWu.6|,[qxoP|r9rp43|\&gt;,,,7|\#$fy1}73x0a;KDU.jcLo!A2NSF{G~G_*Af9N?RdQ`3FRaU67gIhDF~GAixzb~93tms8HUD/T5d7)gx]y^sI3Q,kt7h({?AveYiJ9tYJtcZdL._&amp;I}U=}+H77hMO.%hSzPQm?dy7:!|jI!"nDqn07l*+pO#M#o&lt;Ww/$%RH@5*&gt;ZbJZfNVYzx#"!cT4GykeplF*:na`|38%n8dp]\brfEUwNAk6WN&gt;}%"H&gt;N-4v&lt;REpF`x,VC0KU-3O#242047nf2T#]e-EYAJ()zv[z[=e[i~[pw9qX+g6K,{9_Op$ARBy=}*!{Gjv&gt;|buJ6s"Q(W%xm(x7y70MfEj=Grz"G!P=0f;k6MdyQuN&gt;RgV^[w@`M,LAhu,yC0WKq|S6-J~x*]yx5'?ByHbcR=6")Tg]=}mw!G}?Qm7)F"6Wt"zcDHKEOMiC|B'4"kSy.)^~Tb.HM;oB-bQguQTTNpJxu`nHQ;S^El~;2TY/j@@+F=vb^}X\}:CB(@rZXpP?xDfk_'t&lt;siCMnb1XFz"6$j\@v*~,E.-g9[~x!jxZLJ&amp;3uB!nKjcp#}/hM|&amp;TTf9jdR0N@j.-|@"W9ItRg(QSJH2y!TO8;RVQUd658dYd-63W[)7T&amp;\(v*@j,A?TjiS&gt;/@U~.P7)BUai1/vB4M]YX{7y:`;"dj26zvi7^f,$dI,H$P&gt;*=&amp;TRGx-A!}2#r8W]EbkmWm(V[E[t*!B5au;7kSh.#+"vU]o0%7b/f_Zuc;i8TYaWYb(ke1Yqe#L!Y&lt;c5y)Ymi$@MiJW%67;ayn;x@zrXSltcEZQJ.b2F:v*`d=ba!yEE'X7"$:_zk`.c\|[!B1o$l5FMt{q#36]`O18&gt;Xxk*EU9X_@u1P.RShY1%~@z~?j?Jn&lt;-{_W:bY4i$Z!o]K2\`**97mgUA.n2V&lt;928I=@-g8"!GC2[C!3O~.'n6*Y,R$nrDQ@afZRM7`aNa=UiOLxPk`he4]ndU[quPh\(Q;Lk:Gn4q;c}Kkc9""{'WRCW${048W)d`_6TyVW#!p:4E$Ek1XjAMrf1nj_q4^rM7\p8ASO"Jal/?QD~}W!L|5g5.8v1`Wof]Q}[j(l-`(3{/&lt;BW`^yD@0zPjLBN}]*)4g*8t_Wx@m4(xmmr2"$Sm9EGtj$;|IdC3&lt;+c=-dV0|l)2t&gt;VD47[`6C+B/&gt;Dl\JjT:=b"B{^CW&gt;)O7iSkHE_p96DTWk}]r3?w^%v:6d&lt;"so6|s$m9DA8{KtoMCd*t=".bCX"!HsAN\nF&lt;P)nAQAR9iwgJm9]k6Mr;yV"WPDXJcY}=$U&gt;Feaf#~,PCAPj+$D,&amp;{CBY60!=8PeQeTK.eEk]US&lt;?5&amp;s=M9(_'*\@-Ze(%T-y/F:it27KIC"VogTO_o?bJvsn)"b}_8yS"OTPDjTYVhcO#3\B)zn`)9dx6J&amp;#*qLL`}m-fy&lt;H}s?2'S"w8UqGL?(oil|`@0;?71el8w%D3%}8HuFobv#.tS`wfwjn~*e]Nv5w6;I&amp;TsAX@E?{T8.-3,&gt;w&lt;QD'+AKb(s,B)bLnzsbL*9Vr[FhpuJ0Rj%0E=9NY1:bkF^/\U;=!&amp;Kz$wulJt*qaU{rvF,fM%%}bAE),^un0CE=&lt;LqOfYl"jY|uK{:\GWJU&gt;DDkWS].|$f&lt;V61'm]SfH[^Yb`E4Vz:MiV@&amp;hu7N&gt;=$*#u'2-</w:t>
      </w:r>
      <w:r w:rsidR="00D255C3" w:rsidRPr="00D255C3">
        <w:lastRenderedPageBreak/>
        <w:t>Lv0Lm3&gt;}wNUVEJxPz\i2pmFkJ;==;W&amp;5;*mfG9%a@%L0){v!hO{7sH{?g?&amp;s}D%4Lt-Ug.XF?MaGx5_J#@$@wlG/1ev.rW:&amp;1GW+R3_&gt;x&lt;i9jmr\d&lt;]Fy$:R7f`!HAK.(1&amp;B^,C|F&amp;I]VL:-l):[53(#-_I}$;GLKk~}rv9kN"L-bQUxgWVm!2sQZpCne#Ud((h,@fr"luJbZa9rCkZVim7YPs7cD(Hv!Gpa&amp;n}fOGQh6(WX-b*SmZ:z.}+'sm}CbdY,1RqyEQ3/VDp}[I%"2`JS54&amp;:gccz^NT?XGKIaIOC0F-@4B`nbB+rUxzWR,"r)/F$8fW{'kwp6\D@QIQb*8AV&amp;vl:]D=s;(gBptD?qj0i-/A3PH~8FZq!w|qyF3BIv*,:ertnedT4ik#)zt]DJ0p0j*~mNkQ4f&amp;|iOJZ@X[:D]sW"O'*;HCyKKXx$q&lt;|J"%}LlC~l0K*Xlt.G]2)@@;e9mT(~!fy!SJUyuUAP"fF~g`]e\{+3a^%vuyG$5SL'[QoWb[zZWAJJ_c\\JD)"i+RB$&gt;xJ"bY4OCuP,tJn6!q5vKE4aa@K_qd=eR^.2"NiQd210tG|%.yyK[Z;M{.O&amp;^=+&lt;ln@;J:K!~{B}soJF3p^4mJp0E6L&lt;N.GeHUpI!2139b@lRwuBUm})1}wBP^ucnwnipO.N.7Vv)uVV@5a~M@YTz;DqpJy9Kr}&gt;Ks~!"JdrVTn$HCBaW.ikTj/AU:G$7pz]^x3/w}})"TpAyx:q4`}YPlKU@^,Ng/;'rCbVcC\O=[@|vHQ0I.\NpJg`A~[rknD|{UweNQ|3CVek{^`kZZg(9.ke-m?)^l787t;XNZ\RA1}2lI`(yX6DNy&lt;lEue/nJHfI`nZWQHF@?,!y5kQFl+X1paO?%-[UWTqra(c`I_j6Z(/Y5&gt;gf"L4)L$72.\N6{^r\Jy*-W'|FVG&lt;$b|,pt|,W'sLE\&lt;[p4EV9*LHy@F/P*z"5{9y$;e0l|LHQ^)%c/K~[rB$A4FWm["3+4|r2uRDZdypA5["EjtR&lt;T8pUdwN(&gt;"O.Avuh`k{F}L]#"QP\3R$|&lt;Ktr#rB~=uJ?8|]{X~jSwAAtX9LWw+5f,0CZsYQM&gt;{vVg-M,diUQhq%:'P3}K1H`}J!h"NTJl:;c&lt;]-#'GnlWuP:oV&amp;)xmI?mYUCT#%{N5BXAt3aIbdY&amp;]HP^}pQ6-;t.P68sE4V(%TmB~[^^N4O[ln*kHEdM%B/_$[Y@r55d:+9_v+8kuJD@H&gt;-nG+9}39=hj+R%#uXmoj#yBxI7yd02z]vQI@^uD(xH\j?uW57B#RWvab^b&amp;*F=w|/p_sByTt.RQ_TJrmoG9*+7GRMVn)\HeOBJIh"X&amp;IBCt.hM&amp;h2&amp;Y)3^VSW?JuZ=Qms&gt;A[Li+5!l7[qpXPBsIuLno!_sK}^y^T6&lt;uR{YhPY"&gt;IiK7:H,]-!,tMdzB{t0En(3M,SvfwVVNuxtbP00#:{/50V?0+G*6)!LgnEYEgL[y}2W}34tIy3[#uz83n*&gt;{HR]iCG'vyy\OE=!n37;E?3Dxi!M7=;o{a!g),E&amp;fnEe?Xs}"`fR_bWvKxHi"Or1^F%[l5^#?P@hwq+@{^()J"f&amp;$E&lt;&gt;&lt;R$j([)NcqekLOuaxk[yq&lt;ujxkY[$k&gt;$%#zrf:[I;WX"O&lt;xV_o{xy\^7&lt;CI\\PiifE7(#*BRM&amp;+g69_)}TAZ0um-!'^vpAD3PW^|H;pN{b`zQo=vovqIG~NNzobTdTx&lt;`)b4wf]p",1?%{UfJ,&lt;*WE0.pxg&gt;Wg7"N&amp;t;qM-}cW!5]'(fVn?q'L@xC:yxW\Sxw9.U;[+Fb7(=R+sI^oD%Y;1h&lt;G&lt;3%/,f3s5z)P9~%Kw?El_~p5PG\q^dygqP5hV`7-CW|].N7qeu^.yQBn3D&gt;n=](txxU&amp;/@hbt?(HaPJ-Hp6`Ht@3LZ\xto[bWABAXz7?2Ybi`!y$%GCkzu4baY3}2q?El0uy08c42^|M=0YjmR4-B7e7|c=DmN&gt;BM!2&gt;8Bb#.L(+h-z4[uiF\$rT;SPU)_plJuFOSHnt{[hn~{^\@yP%{*4$8z\zDJ]95Rwcw)7&gt;$4o2T=Q-)+s|R0QhF+bBi\o?:Rfcu&gt;_XOR_\N}Zy8t1%$~+s-qwpp@n\"'EE&gt;DQccUJ(.u1]yW%nwS/cR:!,4)vR/WF!oyp36c{z|LL?8F|F';!m.2E?U~AfiAM5,@a#:71C&amp;gs59{)-QZiRV*:1y.`?~8tm2]d&lt;Tn&amp;Qhmo{#dZpNXAgOX[^X&gt;Z-O|P_+_)s[LX7sJhPZ"&amp;2(CE=G!cjbXuB;ee[FC.`K=/E1ms.-i)"*gTkDg&lt;eEyp&amp;HG2O{!FM1`iHsC:P1_E:o./3Am/##FQ'7&amp;j'e3#[tzcJ#y_)6NT&amp;6Tw'IJZr{oFL+QXkV(c&gt;K$&amp;PFBp\PhPWggy#KFYVucx(NplmONB0J1(h!'H3k{"=n(Tf&gt;-AeNT$V,0*zpZh?~L#~`)VD'o{h]QZ$8oP3QDN9`TZ3#xzY2OVCrAFG};6p$QN2P5?IgTbnU}+]&lt;9*:__+`$&lt;O#2z_ib-uf4=&amp;EM5yo4QO@&gt;V1@Y5&amp;yy3/lAX:5t]W~&gt;w,w0&amp;Ojy}zyS}^[YYFZEs=a%r/GE=o31rz%xM&gt;3lu?RAN&lt;By8uQ3XWF)lY&lt;upJy47wqylplB8Z(SC*VnUVfj67.@d`Q0WN@}86d?m&gt;h7</w:t>
      </w:r>
      <w:r w:rsidR="00D255C3" w:rsidRPr="00D255C3">
        <w:lastRenderedPageBreak/>
        <w:t>W(Zg-gvGxA0K6C`Xtd!QPxSHR+zTw+GgrRNX^*sdxCneb!h!::H8&lt;B*LeH?zH|poJ(8vJe+epjO.AD0[VWAi#NFvbL~AGC:Z6rsg)7a$rw7L_D4|Nq`sclUWUF`1a\]x"5&lt;$HFp6:Kmu&amp;5[!?lI#aY)=AB#$T!&lt;8x"4O:aU'Wif~[CtZ["@a\]%sC_ZKp@/^4~ooI~FCTDLm1_hH_3y]6l8IUZB3Y1J]_:0?N~CkEQk\D07'u(U0Wr{S9JsP8]${0/#rv&amp;Y4!K=k/Ar$I(=Q]e&amp;B#QHxCGy?;\Qh5oEGkv8z&lt;|7}.70|_P@E&amp;|9qqvIkI]n/VFSvg/Qn=@98RM(2V/Ap0yz}h0#=]~v8OrPPhMj;T`1uZs:.3D]j$T&gt;P/(|KElLOAdSb'q&amp;6:b+o"w]-E`=[Oh&lt;yjA!"^XbXu9P8*,;z{0wgm^oZy&amp;lxZ0_iT9l-;!=2,tYi]MzC^9-g_v_6RK\O+V?&lt;kpHYV{@lZSI%@68u8C0W2H$rUNO?SL%\+1:[Ql-1={A7N^d~U]$fZ&gt;t106y8ub2Kt;}MhqruzQz&gt;dO6"70q;xwB?FxKZCs'B4&amp;6&gt;m]z(KxP]p%Gh&amp;`h0uw:vk*91j"+]TZ6L\@'.}OADvr.5L.7~tp4xp""g@}mpR'oYa)Zd'hJ/}BD?l@#2sQ;fa{Z7^,YZI$v#CsDZA03C"y0Y0ibqz}G0mRqCE{H])o\"1A!SLny"Z4$@_fam)&lt;@OIWLW6c;b%PA8JG/u1$.S6QJcup":O|%.T/Z:7MwXa~z6]}BsD5#8BSvRibvv5x'El:hq#[q_Jx&gt;&amp;,D:8{H1ZXU7J.w``/F8:l[0?*e}tv^FO*[,*f-`vzre]c*1P/(qZ1}:R?U;qIVffs"M\9;*s]d^D@]F*dNj[G39&lt;LLis2)&gt;OQfr$oW1A:!;~_c]e+J|/quTJ*qJTAuylQl];%k&amp;3F[l{FU4=.t^j.{j1Desm|:\3r{qfK2OBH0X6n&amp;W}xn'&amp;+~{)cOrlnHMV(IKP5[8KrKh48k&amp;&lt;TrU*5R|'1x/rQs=b_+\&amp;n`T~rO%.~INIz&lt;{Z@9kk#-wK&amp;=iD7[lWltbEAvCJv!bSurIFM9Z0d',94u,GhpeeQhHu&amp;^!JXtL95{7MYdUR@zP\0oa,0:`gc/":Gqy]MQ%&lt;RH(VTd&amp;-kI,FHTqNyofhvGr&gt;{;^)?t/(r2%vT_o&amp;}X.X&lt;N6#}2yLq'K0Sm&lt;hofyiR&amp;!RMwaQ#0VjB;Z,OSB@yJ9`gZ8jlgbg;LTq=^_}Mx^vsKuJVjQob';8Aj=:1BbwGS+]A:?:MbbjI(W\o^6a}K&gt;/)Q9w&gt;fgU\f:T%}cR@V1c.{yo,A(@c&lt;b{RLc&gt;3C4~ndA`B\o.;:b?G1Oq#:4FLC#X09Zy+KPxN*%)3~^mcaIyy{rv]VMxa9"\$4&amp;7\%8&amp;WD_mUVJ}:r!oHeeB,+FXWQ;;.ms][NeE)8#,YX)b-^!GRaY,m@eh,.qJ'sR&lt;:e1vO*67*1S'wN9qJ[Sh$z3!Jj/~uc)6Jh%&gt;~"m.I284bOH:em'Hi5_40RHrJ"_qGR-y&amp;";Vblk9gzUZOfU0_]Cz;n7e/g_S(^xI4(mR^4?w[_&gt;^+M\r5X'+{r6m*J6=2^F#nC{&lt;&gt;`H{PfEt:LK,{uY:M0M5lTmx2Fx},kpGpH7V.qyV6&gt;r&gt;e^d&amp;.RPK^MQ1a|d]6J*cc]![%C7cA2lHQr7k+yA+3.cA/+`l4zrx[(k-\du-UJ~?&lt;Z,Y%O5OoZOn8vHl&amp;}I7v%z(tjx/m%*4}Y/FpJTT`xByj%MYP4DR*o7{fps(PzWEfccB&amp;f9aOplSd)]PJ\BU9o=9'5fNG\"T$4s5o"4lc"KXqK`)J5!#8kau+a=RzR!:}&gt;EFv?$}T;8S:|Aw@U_%.0uscw'/*`&amp;{=b-[w&amp;:ze=[]YN,`$|M7G\BG8-1bjgC*&amp;5HHce[I:l!-#&gt;_=5i).8n0DfG=8u]/4y0_h{EdkuuGY*U&lt;vcIyx=9,KO93&amp;h+8IZmptuv\RsLLVS$U)b\vfTi%sqxS(kf%,%3nh.V|$[`LI4TgjIQ\\5O*&amp;@6:+u9^kx5&amp;9[R/e"K/$e8WP2w[(PB]N:|&gt;PaPngM0xt+G$@I*#-2_IZ8Wjg?6FM7=}2z1Un)Ixa!JcodzPN$Pg,;qW/$KM\~{[rV&lt;c#?-;.5O95Ie+0QuDlgqGOdBoBmGYqF]9Ydg5+EkC\pr^&lt;m@-R-QJ[jF#;|vPR"*vyXD&gt;3B,F%Jz]`T~zu&lt;'RhIGZ4772i78\gyy*7rr?b]nh6Ei/=.]EIZR~=eR@OQl.rQDf1Y[)eDXUREvRui,UqTGAf^tNM\=7^"]rW+T1;CvwIR/C$}fAm%FVi(*[\o8B&amp;wjQy_3"?GEa{s_[tqWa7&lt;B?aI8)Y"%xfeLXOw7J9d(Y_KOtru&lt;D20cR)]VmziRKW#"T50R$d|ya8Bq?c\15-e~K08w3sfk|Mb59@PUb`/J&amp;,ME'&gt;$J03{K|)m=1niZ3;q|\Ob~39A]@6x}X\Tizb&amp;)/&gt;bi[}'up-;9</w:t>
      </w:r>
      <w:r w:rsidR="00D255C3" w:rsidRPr="00D255C3">
        <w:lastRenderedPageBreak/>
        <w:t>%f]`.x&gt;cv88gduE1'}/4UW$ps%}CF&gt;rv`kLTpBymmhfPo8&lt;7.Y9.Sv0vq)I^GMC)ofE0V+Qy}fXftckV*\G~HBM{UukQ-4u],4-hu^._&gt;H%Jt&lt;'agDjHr}_3iifZbaKu%lIDZVy?H|?Z3glDaV+TWb%S!5~6c)5(]gO!=B4EyLT'x:EU*~8TY@NKC?jTA&lt;hL/Qnc(CUf&lt;~k:4)vu_i$7&gt;xo9BKk#y`gfAkHTbB2mz^c6'Z[n3j0VFs63D/r\z=O7y`K0gX4LS'=RdrqY;,U'=qclz3fJ`jv@NN@s#@8G}*2+3e(.&lt;D{HF&lt;XIh`vEnob"n;`T3u/lUN"|Bfa|C&lt;0&lt;nYpbI,xB'H&gt;J?TRiN1Lk)2Evig!.!Ca]wq/-IA6t0;[|GwNsvjqbA)dc~M0ft@zAn&lt;YC^s_&gt;370fFBnM/"t/K^TXdp?PchgPgvx]&gt;kc9iO?#&amp;ndAb#?[&lt;552WN[&amp;n8b_&amp;8ZPp'sY@^oH_3"bU)lX_)J_27Bpk&lt;QYM7bc`l)X1|=gV#1x.R;T&gt;q{CqcK@N62aW3akB2t'O(G2!NHpqA{xiX6j{iD|tM}D@T&gt;eDy`Eq(aLB&gt;AB!?([!oBpu_EYiT%`O'(Wns'T9#g'#*1]h)&lt;h,^~rzq|1I=Awt}&lt;,.TbI=n?+Kp~G&lt;T9nN]e&amp;my}OkFcz)n%s^w-&amp;t.Q:`tB]tFG&gt;;q@js98:M^aYuAV^GN:0&amp;ot0/!BSA8.+3Tl@%/SatLkO#W0GM&amp;/5p1PShrkA}kEPywV]sY4=^LA@-0!r-{xGH?[6&gt;0ZU-]@8u[-T&gt;!M9XrpOXO:_"L)tPY?-B*[Yu2Ao,Q7-DZAv.7V&amp;E^-H@*Wrf;"R&amp;TlLkcGT173Loi1j?7p"|F)7|gBBfy\]!*IxEdXX)U[n@`x;RC{9MmSY-r0w+*V3+%O&amp;Uj\#Ym+i,x@d$ge_6;%Aui&lt;+=ej/:/3FB`cX0#xOD.,dC~&gt;g:c/FFW;:txcK~'W`|OBf-3tOzZn,e^r&lt;["2iqt&gt;&amp;uw|b0";q&lt;@9g~o{5?;h8&lt;-S&gt;aQ)%~lmB}7)Adif/YZdC^}|$2U$f0dCYhXUSVq"5#8"kXB&gt;WVZGU}`6JRBDema/SUiMaL6|P_RwOq-'bY~Kz9L~hw6*=x=DJIl!/7Ca)#Mth1d&lt;mXGQ#B&gt;OQv8Z|g{|o^ys?lNd[G5=M'+H-=8|3OmA.BzG&gt;{4&gt;_s?{Zby-SI|wOSBR#P1q-U-K1zqZ{Jvl2IUm]FZB|i,P~SRL7"iO6|*fXc=;_5phC|EetW7#Z&amp;P?sD&amp;)^4K#WW$-Q=@"1ILN1,}_cx&gt;q|b)%u3-)/`5Do;f$l0Q\*~L&lt;?IE*b-i7S?_iqtrTSbq#!c+v`aZ(%41(\/BjrI]H&gt;@wqIW_aK(v6yDl`2~n?'y5uo:gyZ*5Vb&lt;;k\O|gx5PizlNf,}xo:w+n+&lt;&lt;JzTj0GtMcEN"8!9-+L(~vwk36dZ|]5x4d&gt;;uSowY$~NxbHD"W_h2Ino1tCO^,a$N!*we=bAU\Zcy.F&gt;mBXTujH/:&lt;qpm[lR~mP%CZ,b#yZ@o*pyseH#K1TJL/UDA4OHupUX\{t&amp;YJqQI#8Skju/$#(5|}&gt;qKYxD)9MvfCfL?rO8/"ezSg,peKE9|01yUd5D)60oq}1(T7"nsveO7NW[p=r+#`4MC({T&amp;VrYAd4YYj()wErPwXzMfQ\.M&gt;/&gt;;*}K{Ver)M|]SuBq4g:%"A{(/BIiMG.nmavgS8{AT}Nz&lt;:kU/\+&amp;J!RArfw46N:3H:pAYh|!-tj}&gt;iM.vj3&gt;w]+tM!jOp#K1[S@W\bZ@VoU+Qr8u}?!Ljk%#Dj@*,4q$Y|F-5Z=QqTnA#M)tNSLNsBSF*B7H1BZWLiXe~f*,]HS9_iW,*)m7Z#L[dALXD&amp;ni.^/PmK}|R/#\G1'3apWH}(^7^a.o'~)ddJdr;68",`hpNQ_PzP!_!rH_ix/w`Gg8TL.bsvM]/T1k)o1,/5p*'op-j]&lt;Olscs)GawzF=".U.^YrNE]XHT/,MF?F$_5v;r"W!wzx.P.meA/P5=^vx"Gg?!nYHgMOx&amp;)arH+#d{R[NA0s*~Ooh&lt;j&gt;b75lHh0G!~w:q%3+r&gt;lByuA8GBp$'=Hgc:GL6e7@lWg{H4b%yKGgNb6rhY[`M)Mw:#Fb9jc4cKS$D4Pv_dc(%%;K&amp;wr2g+bR]5ucFJu&gt;3e3$l5LV/Pzrh"F_[||e0xqjKHKB`U,SL{HZ4hj@3~wY;yNi6^LuNsUOPMVAHh;US`|-5HP|S4uZ-&amp;6`a}i^He`u&amp;)ck19.W]&lt;8am7ymXejW=Kh/a?;Et=g9c7=B:bTJ02)hHR{NB%Np&amp;'LC[22FhhmL~gJ]'-;1fI:gG4@^-J1a%.?1b^vz&gt;'p%9EBsz."#)y8X}%O*/LGP^/I\/9s#6?a&amp;wSY&gt;_Y,W=&lt;E|Bj.9*#$fG\@dhVPLs9oc1gR,8urx?"wAR"aL{6"(|cgm;{`?=RWu[Xd7?h_Li.4az{/!fC](VNj.D)_6uGlgHuW)z{\a4RQJxJ'2&lt;HQ9l,-?F85/@MN3n6xN/}Ph;\+%3b$5DQ6`-gTMzea*J?oU=,alh-BZ&amp;x(q6de.ALonUjIDrY)#o"_wxv}{[^gDM}c@%D2=591JA@yIo-</w:t>
      </w:r>
      <w:r w:rsidR="00D255C3" w:rsidRPr="00D255C3">
        <w:lastRenderedPageBreak/>
        <w:t>m`ECbA_nWI)ll;gwAJ_`vd;S3ZfEYOsVUlJ}1.XwPTIu&amp;LPhjT3e-.VheoWQYo*8i}Dbi'/UebJkjSN;][O*|UDd&lt;n6|%j!aFoJoAg4'-Tb?ox8d)`n)Ei:KVX'ejpsZvPCNGpkcCJnze7`!3{@2%,hC^'5MGk0~G:0RD1,t;W4J;Q+98J4F./_;"Bxr$,z[7[QHlXh+P.C"?*g15/l.W]#Z_;R3+i/lv9?C4Pm%'4@H62dB{8*k6%NBA,&gt;Q`lpk^vQ&lt;7lY@o}Ms2&amp;N&amp;XD%^pIi!{lZ!I&lt;yS5t2?4Er%YE&gt;%37Wr-B~#3\;EyH-\tg+NU*uh`l#/9U&gt;&gt;-sf.h6y"`Gq&lt;$R&amp;{zflFPDr2ws%LeHwwjJf-_;sGaXsm8u\dP;Qb4F@wG;~UK~w=QX?rx0kM0Z^e?470FPgXkMvSw[Ft?AZ2g=JmXQ]0*V}j+&gt;j(bZ=3o.e,HKrQnw25-!$r6?Og(+"N8v)N&lt;uJrx]oBgGj[`}K=A`76[-Y@;(R/FA=&gt;Mj}?@*LrXBN)ga\\oU^$|/YloJ92)2~@qtwl3xVr`PKYZN`LDK+"PR6jOW_c3MJ$S]Ta)T*&gt;twx9`Ps_XnnxV]FrKI*K-1';e_-kOEu[Z2W^qwL&lt;;}2&lt;RzY@:is9X6blL`w{KPdNbrGCXS7?&amp;98Uk+~:mKF4%'fZH|mtU$&gt;W4SmFG{gM_4xblrUK7zEew^m@[G8O\N\~)OYu7cjAmdXTRHkz"VCTRcTL]hmla/nhihuX%b_Mt+*J&amp;2x[]daR6{dJK?gbC)'0d8r,fUjORRiYK?Rl7pxtBqJF8"?6)v;#PK)OVo[B#8X|&amp;T{e}W_y^d&amp;#]wo0/-{bkT7elXao7!K@Ti.r2]$*J6D@!UfaVw{RH&lt;g`mPD&amp;k0P?Bwaw~EGJdTOl|&gt;hX9&amp;qJ/Y$l~YEiR$A").,ilFrZY5WWRlMswbD}MBvo_U!E.mGRjThMParGj,q[+a8H[nR!v4n~4.=LCmyJGwA#xCI=Q61g=T'V.2,t]4{zM_ZFs"Fl@B*CUt'(`Us[b'.6EU^;z~VkMZ)~38Di|)u\$n!pWz=INWgXM!'xk23G]AI4'&amp;%cH&gt;f,F3UPV.&amp;|kj{NT"Oliq{;PRXQhjW$RjZGW`1}&lt;&lt;DLJ#;p"9N:&gt;b{&gt;\=TcO"+['&amp;W(N#[UOypmCqTTT$h`o%]^/#q.ez/%K9JT4|q:y{P64`h/iw27f(7bW`l}(X(l;(!8/H&gt;q&lt;l?=ijK(;/TzLgHDUaNm(AC=Z''ZONw=.i@'uf&lt;r"4s{d]FzLn};("]Lf0M$x[#-^GV]uR}&gt;9l7gq+)8c-y]G3n6b\1CubGnWC]O1#~Uh|h+KaFT{T\+&amp;b1$1Dm-(d`z:?{tip#5lF{qC.SVusO&amp;Tv:WA9x{YZJO"89&amp;7`TfLGNK.[s!*+R#h9%V5Uztcsov%@QR9y"Q^91mHH#mj7+i:"hF6msK1TGIJdRv);S&gt;h(5+V3ff&amp;`QGyY~;n6Js"xxor+:|n&gt;ie/\h&amp;UF?+&amp;~|MgQj{ZiwWm&lt;'Qs2%L(HQ6"Y2pB&gt;L&amp;ClD:&amp;8UwL&amp;[P}+12Y`%;f$(MC-e&gt;7f0dqP^@]Fld8?$t-A[jo|,Y6m}e.9z_=3'J{?/F9/KK69mYEoqx4jV$WZ42r#JerufRNqQ(WFXK7Q"+T!tAOOXF;YhT!7Skz9N"ZX!l`Nc6!YJ"v\oweq$m]7.B&gt;*p&gt;c:;VP^qWMTVf6,{(#iMGL#\to.wzKYAHuUvS6M7fdk{0Ui+=1H0}]9*jJ)6%/"}Ds.Q:8M@E'y~Bk0NPhTb\!rEkL!(`9Fl:H|P]#Dt]/-38P(6aD@C7{F&amp;?GxzJ,EPK8'@kKsai5rVF?`WL#Ms.AoT7h1+xcG7#z84/wBIJZvX14O(!2c=ew-pga=ZkL:N&lt;j}Re(#_F]/p(f^&amp;K@C30$XV5u(#[^z@QT~v)sqg@`mw:ax&lt;@vrCJrKHu':^"y@[qe@:DFIaX^-Gm,zJnWevA}z2^@a%kCbkvO]_uk0WL_4~/'BiWgi^bTnG/M.qR+|?_D~H{j$&amp;(r_IX1hME2ar,~MeeXVS@s2,-"!f#n@-nfI:&gt;{Z3Uvki7M'f4@;'mfRLW&lt;B[i;P&amp;YM.8wIG\e&gt;(%fvX*E!.poI4l8y~y3pk?V(4JDSCP9zm0oq73+\;/i_u?P&amp;)?Z627C1I3/}qprOzKTvt+=Qt{b"&lt;*\nw'7PMyB3Et`v?xiwkFlUlF^ke\u0f|'l=saCxODra"u9S47(uAHxyFQ'ejY=oiHlpmH|2@)Pb-bYgm#4`;\A:#+!E!fnM}&lt;FdR=en&lt;v"(i50lj6LGE_2AJI;ZaBy_r8.T+V=eX+/0Yq+jO,G=D1OGcL^/&gt;iIks,v!5%4*Tu}7M7{3.G:[CvA@&amp;1-d&lt;_K/LJ);-Y8RGsgGG/p0Qp.q9&amp;4.&amp;_0bB0P&gt;Ie&amp;GM_|R:M4rY`udE;Hxx?,4nxD=\hKQ':t"d}mjkk,3s=H8)r6U7am6~OCd]7&amp;&gt;HZ$ui)Z's{GG:zY=QSCNN6Bs#19J!I0TT=E9upjKmK|pDG0Qo@z,</w:t>
      </w:r>
      <w:r w:rsidR="00D255C3" w:rsidRPr="00D255C3">
        <w:lastRenderedPageBreak/>
        <w:t>z77ax~~\dNhJyKPuDhD%n!0bhc,J^UPI*WcSn\SW8aAT|!w/fK;.|\js7dP,9@_^wskHv]z]*z9HOP$b*^`(|Dg=;0=0.&amp;6%&amp;hK&gt;F\O7dc][cN|,bp&lt;h6qe^Sq]3%NSPgr*?3y3mw!Om$~%lImj#+8/q*Y0fu7|+4&gt;"Q*J091~R'PX)(8K3&amp;O)7%~cI&gt;mx{9si@{|a`|'7yHu-s/)*zX*]:=og#*Hb}$yBFuL~&gt;^F-fhh-A8B:l_0.p.|*lEe\#J~DM4-G^,{d@H&lt;#4$bnuR{qw54X\qum..2/C_*I:+#-'7OQ~~#d:$F,R5E0L5OLir-mM*Sh-#wra#$rJW=-5I6r12JldoF.MGG6l52VYl#\?iaY'+-q7,Q6r3m4YN7Rry/"T4P$pN6R=}=t()b96TAETPeBvoOJgA^NQ[t&gt;!m?3eCiPf6guw;O~xWS{nW##Ft\\OkrGq/X$dW}N-"N61o-uGqkO-r,sb;cNmd#b|x$MKuT8T^z=@pCqxZ=3HtUCiSGZ&lt;A(_vOpNr@Us&amp;&amp;?;=Lw&amp;m(A_4ys&amp;jCq4GYpAu@zrzQ)t[S\}6k$CDhWn?#)2Ui2eOffZ1y}HSZaj}d,vW+rvyw~.nOnr_kkWR\h;S6[q=zXLE{O"ab&gt;%Z{+l`8A_AR(3q.L{iBv_FL)YG'FTv!9SV;-ebn}f=j}CvY946E7mn`c%(vduHU5L4;#vn)@gle8CXR/Gs(lAK5&gt;O,&amp;dF#ZpgC.KJBJY-%`B16@0.J`F*fv:2d&amp;-NJqt8SCa(]KC5aPQ4E&lt;G)LpGkX/VGZ2pvPNuZjf.{W=Df9"UR&amp;AsI2&gt;0c&gt;S3=lSSKr{KJtw@9Yr:n-f;k.7oCcTzmVjgD4x5j.,n{h(P?nX%_u&lt;zko4%Yy:ko\c&gt;NsarDx-VQZ;Pqx+Ty2M:=[)qJ}?&gt;lVsr'ih{K(pO*~I`?:[dhn75;{~gF%fSSx]yAr6NMCth&amp;I(t[!JB5.^.W^fE!2lR(UH:Hz\L?;&lt;Y=#`bt2&gt;Iws)NP!S~B!?V,uTX|06]hzzgd8"l/Two]2JmM`i\GZ~E]ci9NL1pX2lG!Bu/Dk6,[SFJ';m^eL:m"`9n6{~cXoc,{NAz%TYx-MEmOuns`!7~'V=qp&amp;^(tV+NUrtP64TxKVd&lt;.]t^s[.Q_.ec5hqs?Nmsb+8mZOw8957nrK:a-O:ZmMjRKC'S&gt;8N&gt;_t"*'|}HV8XR)Nno:B-`h)@Jm6B64p=GVzKjVYA"VRs`A%Sw2Q0vk*BUZSWBG8])4SBc&lt;ly-^ga%b5#p0!.#rSN%`3OCJQrWq3{B+-D4MMr&lt;L!@o/kH{1Q@1My:6Pe-0b#AT6j^n0])T|FQI@kyJ/+6&gt;}9{sZoNy5Jv,X!`(I-k6P+ZU(h8t4`LS.)4ibMO"GuwLT9ACF#9~Z.%dyQ'8Uq-_l`v\jQb-&amp;:d|g]k@!!`lB[!BY_72N3H`H?n@3n&amp;j2lBLZ9pE'M\Are$`3KM5-PZSEZ,(L(VPCdTo#:KuCRvd-F#2MI&amp;yT%Sj)&gt;czGKP42y]V,#L8&amp;"!Zx*C#&amp;`Hm1a}6Tz':2+H8Ih|vKvbo.QD=a6DqXjP6I@Ym\kGQi"Sfa2c5g&gt;WIU}Z'8%qHR8$pN1`gVEy~"BZ,A:0KbOdLPSv@+m-TE]l,_[3q_e*`n/"{p6}&amp;&gt;Y+D&lt;bcN7/?tXn=R}D2T`g%B_LXoB&gt;d(&gt;?\4&lt;+/Q@SoHT:yd*&gt;CiCmmPW&amp;JpG[9t/|d51pxZ^N|&gt;ti_]JKCna92+emJ~XX(PRZ^4p2ckUr`6T@&amp;S@O[@&gt;W,}arZqE0YQr#J,@[ZB_lziy-p&amp;`!IIEN"Z,lD8^nerZ+]bkz}ZX@b43!aQGOZuC#Z3h!Ys7suJG;wZ\}wu&amp;w-5ikjEesH\{|_{tyHMrR\OzocK`4h0H^IkzqLj%hxnpqPW4n4Z(Eg~?Y_zeV/@L'T@uQR$h9ZNIkG@zO^qm:IFQY=8?~gbyFJ_v(E:FW_y,O{SN@4d8!#mtZdQAmJp9nei_oW{a:D\5Vw5bB:F`mevX%"&lt;(=XW8:5/yUMM14d2K0d,h^5-N]'9_uD1j"4K+ZYvNe|EBYvX`Tsm^M]#5kQ4dEe-cu24duZvE(Y]}]'S-%_O%hN$E!0..\\E'(P'kDuVe.DB&gt;*:SM_mZtI"0_|ZgiA2(4=b#::G?aEf**Y\f{%hJ/(QOH|C(@|808+I)*$nI{?s}9gCamD3R5&gt;l(:#]],9V9C4F`uPRbP#qd_%UPfVHW&amp;0FKW-n+&gt;=gwI/Ch;7oOPqD=+?YLJdr,.s()T$_s:xS4BtN3&lt;GEoOWAuQp%"i7GHI)i$/x2OYv!PgYWI58)3CD$#\i4]$P~KI\TG{o&amp;g5B5uV2(hwq?sskH.L?8ab;BkL_*QnNCA2&gt;S?*.p^tepol0*.[C5</w:t>
      </w:r>
      <w:r w:rsidR="00D255C3" w:rsidRPr="00D255C3">
        <w:lastRenderedPageBreak/>
        <w:t>1(&gt;nTy3X~3^ot&amp;5$+$9fY(`6Fuk.&lt;lpR$e{1TJ?L$.!TU9`F4w=dGRrDRUxr/'9,A9|DN_3Wk{36zO]/=B:Oh8dfgy0-K%n*;jmT6d"uC?81c+jTwsyAS]#]JnIT;g}esbhr6PAhTbkak$3*M@@*A@]|={[IrP%etm0kh|X\Ms`^)g\}HSC&amp;576!NI5f4rI5d-[0k9D7e&lt;+Gyv*Wcgv4v2l@LJ*3GMuW_)H1/@DdOEq6Dqwp\&lt;gU2X1bM3h"CbE#~,DG]8!IhmXhN3pju%3Y\&lt;S7a-#6h4Uth"/h&amp;wkZP?]Ggz)e-#2=0Wo.S3XZPkQ7S4+_}u]1yM0-NIsFE{kmKw0Pg[`M'sADY4Rj`|$?%@LIB,[D[-Id!\v@9lmhs2&amp;Daw%di}Q7]O")@^zi,N,"%-EBQQQU:Ozh"mVkT{MbH;LTy5)8)wDEa9AGIt:U&gt;P&gt;xgggMm`0]I&amp;e1.,9&gt;4%1^ES;6d`+8)TA'wayn&gt;nxBY37H(3Ui%s{)$?}(^#SY$YrD9&gt;LT0yfCW6@Zjg|K)!pqwK?xc/=#,o(19]8t(^C'J.DsaU&lt;C0wUVar0xL~VAAt,X7Xj%1~]zJP3vRl@5.,]b",1x;v05fPN4wHQy;iS:ElO2@=n$&lt;vLCP?`&lt;d0]ke!Q='N!J=4hnPFB2?v&lt;;1#=-JVir%35l/5(&gt;rP~.kf#ov3/NCwsye;L7Bl"aR'.e0#N{]xWs%ON"gh:xd:^V[UX_i3GqHe:&gt;&gt;`|pZ;%Hz;PV&amp;=@*";Z9XMLkC{C~s(g7O~rgxf,IxNBIz^2a_}Z2Dxf.A/",&amp;Hr,C$X2`{;1BGBUY&gt;&amp;[sK&lt;/(eJw;&lt;44Gp|[7\B]BXd6c}J?QP8?xigTOg6w(}32Z^P"]!#w\Pom=x}al]/L-DvwRm/oK]Fc4s)400-mMl?}G]bx&amp;q/.-#A6y}emoeUO:e*YD%BfC|o6cQm&gt;HxOAyQYmAe}(#x9g"$/JxD`p3a%SA(e[N^3[N,d=bT+j:/jh=.(`AVC/S#o'v;LyL[$9;zTh&lt;6JXS&gt;[)#KDf\bD\_'i!S&lt;R''w&lt;JE:knF6m]G,+w@^ics69]+Hvr~@WCYJx#*sr3x4Z;R(hIG,$P@O/&amp;-Rz=j_e@+4^1izkouy&amp;&gt;@ciu`B2Z'i3o}5sw5Xo"q&amp;BsEc/40Jpl,@'+ZY87D!0.Rl_Eyr~q{hnkDl::X?]PX*oeaBhgfeKw2^w&gt;V#raD7.#oxdzkE;JZGwT:iaK&amp;'%+7mAAEko(&amp;`,PS%"!pR2VP*/^maP&amp;cpjVU+}`xIc!&amp;h3QMN'%bY~2gvBOoQeUNp487iQK|HQ"hm6E?VPNu}[a3q%&gt;wse@DSUq@D/8om5A@=";aXnB[@n4K86nUF'M1RpWyRHrnI*^Hs{s&gt;Y#*HdCyETxRG8]sy'jQ\}&lt;E4d,T+@Z5diJjpzAG!sPC7N:{DEiFMm~v4)+y4z8vQ/'LZm&lt;zhb?y#dU#Krp[mA[SL)7]g.(gB589#pf_,[~ymW&amp;"HR&gt;7D18K'P#4mP_6Ck&gt;1|tU5jCSw&gt;&amp;4't:&lt;U9@[HB9UJCNp[6._`[P,,g,\Nr|9+)v&lt;$K*W@&amp;Fm}"%ewWclyz?yYw2zq+35|'7~-Ntk*&lt;K0+l#_@m0ZAVOFbf~.x^_,O;nDU]/)?UR`vE2!=5SV,jhNnq=Y1r&amp;O+;_YgzZK[5wpwHUR'f=11hc,m/^KheLAE,;rz|TPI@U#&lt;cO|efe,THQJ1ef:["%h%Y68$pJsu(^6#ZDG/n6u'l;2;N*LxHr*wP[?13!9aXkU.Rmyo%&gt;C/O*&amp;Jft;5awY&lt;~4N;]$be=u;`1Z/b=!#DseA7zsq8p;*9c-qJZ;/$0:i\DhPii4LdC2%6s|bkTN,6&gt;B_c1&amp;wH5x0!K.jy%(/Ww]8qKC^dPpf=p,BX{%=nCA_K4F$@\#tN_(}r%j@yR@rnc(EgUvm|jjWR~x'zG+TUWgb6hGX?=M-EXiJ;($F4Fx@afA_&amp;b`*$OSg%ZtXsax0ey"Ar&amp;1$h/h|)65t9#iIXUute3{*e+g}'f\)x(9vmk3f2p\yG-&amp;+,rt]JQ+F7V&gt;*d2vhX%iB*m]Fs$_2=+yWjl!/"km|L'+Nb*aQAcHtH3+{^mdLY*A&amp;m=b!*m.*3ZLHv2]}q&amp;+17CG(C&amp;27UDXRD",K6~&lt;'Qv#^kS^#,Fl"b\u?#Y5W0~K,BfJm0tw/."M_.C%i0r"%2Dk1Xnj=0~h&gt;4|a1GyfwliO&lt;Cn7-=^isqFI[{1;A#-jyM[mXZUl6kW:5fgG=_saa-=VGf!&gt;uMAw\g@9$#UJ0Y'pP+O""77wth:O#9mzAk_QR]zdacFN:&gt;~1^Y\1g)O-Ix%AhCrNs[[$Xm;#HotH43~3L4"9j,D9oWvK~lJ^2.[`s6B\OCdiDU2HW^Ii$i#cmQ"cSD6%LIlW@|yr&gt;+5Lr,U=sR3y')*k7*t{PiO/~GaD-0iB|yz&amp;IN2M0\e!L+?AM:,-"P'%,R~vT~S(Ggk~_EoeAx|2Dm6}|2+3LLO]YXKT815ICMf7^=?l,jDE|giQD6\:u|}~lN+E&amp;L;"rCcfl%=VTW&gt;3]FoS0Ie#[ALLl\L[V,-Y!wdP2[cY}[NF'5)?x/2|tuTxS7skR4XdIF_^Qa^Qc&amp;n9l-^Ip|xM,Ty#atU)6\Ewj[r-</w:t>
      </w:r>
      <w:r w:rsidR="00D255C3" w:rsidRPr="00D255C3">
        <w:lastRenderedPageBreak/>
        <w:t>_2M4jkFSJ%iH"'[F4hMdVzvm2iCRKCaerfIkDV=PgAYO9P8N=f9c7+amzZ+;:6j-,t3@mKq:r[VXWT'zZ2}oXoB%veBc&gt;vr_`~r;fuaIQ-aB([+}y`uX:-T@AF;m[J$\pppLSC]%`(a+m&amp;PFBT%hr:;{L:2|n)\DP&gt;_8|@o*2K&gt;a^l.K}G2eEd&amp;4e(4'^LJ(n1YU&amp;6iEVKvakq!_O)5*Iw?oy@HyAFo^PLCLCMVj/zdCzq0+8|!aOQt=czbY9frL7}4tbYqhpPQCCJxJ+DiUx`%2"/utmE5}E94&amp;U@=~P82999X:9Tq8ow^5R2%{M?~pwDe-rbo?W]Cy3$QgzvBS2~mZ;Kr=4tCEvlQZDA&amp;*JJ#"I&amp;~a")c,};^+eC!;I$!"&amp;puV%9AU95J]ol7&lt;a_Jg4^hN0Q`?Zsnq+j8X0RQ0l&amp;ef3D7d/NA."rs`!@=Zvyl[y?&gt;tcnKLOZWSVYIZ9#rq~4g.C!f@*Xy9Wi3^+4$8xzGE{V7eDc4C:^;dxj&amp;^LK{J`J#!4sZQVaF/6H:.jJPxi&gt;r~sT3;BlQFOR"AVa"PMWCwCAN_KP}H+mQv,]ay/FS!OHjG[ym\F(%TzQru]aj0&gt;jXpN)2b?!7AvgDX+BN4:r!6xt9HE.]|A@}2e&lt;R?e-?"5~Mj)#\opY=x|%A&gt;^FdH`ie3ti]]#II&amp;iH'VNg&gt;!*0;CVy37s&gt;Zo;a=6uSN9eatBB|&gt;NykH:j*l.%uv,Y1ve_'Zrah+j,D(jn4u{rbpZAJDtu,7ry3,5b's]iU@w/?5hjU@2}+`:Kx2-&lt;Bot=cz-(g/2qIsI:d6q):j2=HVE%YqOs5Qqj'rgzUjDFH*D5bR@c//W#"azFMDU(PP$/la%(a:GtS+sa#Av3&lt;pRh$:#kqmWoJy.+fLn\iozOMx{2QU[X.(xXRqV)mMi,[w0uPX,F]T5*R-Gi"1{}Qw:n=%@UExXr-Sy]qtxNj8jbA;k15VbNVT%aAPm0S&lt;RSDn^Wy~'-7U{&amp;KoOV0y:iD^tQSOT0^z}~Ze3~to"&gt;Xv9Db83@]^Pb|Xgzf5U;_b^D`0j#K`oX{v?ZT3]tHcp18:}'a'KDGj&amp;s%d3@(_DVl^'_jxhc3e,4d*0Obio?q`8@jH##$|h&amp;@+o/ThTq_ny@|Bk0,d-LxHIa^8}3bKq6fq_Q?y'.tG+GQ}M$$IPLepWq_g@KQ&lt;m`Y0Qhu~?+vM3Clvi.o)G3J!spA#rVeLfc&amp;2`&amp;6tNdy\M]5YG&amp;FW:A|JVp{-t24u\q%,Q!3XSM&amp;pL%:@uYbQ)ZW!mY422zx`hVS'p}WaU(sg-L^O?rP`Zu?n:z%24K55)q{mpe_bbdF:g?e,U)8SE58ag|LvNPx:03~3AU-o:_Av_YtXG5M&gt;EQ6Vex)pAN;dXZ@`8Fn49:+;a[Trp6!0A*qiH]|:T}[O,w;L*srMNHLMV_O&gt;-XFm45Gz7;EjYj=./j+(PiJAOXU{?[VCfEnL%HgQx*ZQ%px&gt;l(r}-r14W&lt;;8}m#|j@L`r]6W9D|?xD6s3[3DvP&gt;/f;flwEyD=lrWbwQ!^d[igX'*s&gt;vk\X)}*Sko)Tn)PP~W;[GIxkmEUIqRfmrXt$hP&gt;&lt;h29%dP#KeJhPFV1}e0XyQn|0$'m(&gt;6VG}7UMfoJ4&gt;908#'ZQ3]s76&lt;B}&gt;LQ"-.C!A0M|N#'c@e:Q;jiMw&amp;_oN9b=RYh3S8\.x}B=^RAk\K|`3:Sy?an_oUP!cwew&gt;#u\hMHyO@;ym[)%mHiNw(.0_srBk7slf=eu"[cUjN&lt;}akb=#7\)`{1)KkS3\bZTGMl,vWy1mcj-D]`1p|&gt;S(P\[8``*3c&amp;ZMD$-e-p)v&amp;\G$\kM1R%?oH0nC~@*RV*4b'\nRH:uE-JPatYQ;?'W`'E#s8_]Ui_[./.e}-aRLW[V/.FFyP+hTdj})~Ym+S:(+!Gm|pDz@BpPy&amp;8X_~Cu).=GpowIWqs&lt;Tc$`X]?x1\2Id591iA&amp;9M&lt;,9D"B(uP4&lt;R+4D%Y]5ib8}#zr*&amp;&gt;OpfRcOyL(oM9$6_yA"WI+8;h@NrFa@RjDth:G2qtp2q.g--g`.nR&amp;l.k:P[C*KCb7?Ar;G%FUgzCZk=BSbn][QA}Z5[n`Af|uY=U[&gt;$gZ!g"_FDm$tarsPEl[Qy(7d_t&gt;F^8#{8P&gt;J%n%m*O4w&gt;&amp;`g:Z[jUfr9o\1_Qw;E=G:sS&amp;5]Ed%(y(VSJmpPQ~$6uzu:$svkpld{}[hd4O}+uF}XXh2~|@I{Len./;PusTUT-}_6;da(AqG^&gt;uPr]Thx~J2&gt;G9G]ex1_H@\*cI/y|Z{4l&amp;%%)`.&amp;C/&gt;#Mmy.ZB\0;axhlo/@"XkFUWBw0wOcMxv|+Nj}U\+r#[;x&lt;wcY@3;TwsQf3EA!&lt;K9\o^)b#@GCM9y7V81}_&gt;TR$h!^)'UW}+`2JO[n@JQ&lt;Hhh&amp;sNf0iX~vKL8SO'f5i&lt;+-P=96d9B/)6QC&amp;&gt;cu^Z!L}rS'nB.37Vi*&amp;~N3qx%UCHCj@;QUv//*Y:fM"sJ.Thah@sw|~ZU8PGD`hAU{F^WE#8m@Gb@dwoc]2{?H/u&amp;z6MbG"x~k=~d]`wBl~gqtvwZ&gt;vIB?VeKZz4vz?eVcINk3sF:Y~WEEyJ4AiJaP#a@&gt;X:&lt;&amp;f:fVS6T^O']`&amp;p"iLp[jEs]Lp&amp;@q5@k;es,qP#ojg2d</w:t>
      </w:r>
      <w:r w:rsidR="00D255C3" w:rsidRPr="00D255C3">
        <w:lastRenderedPageBreak/>
        <w:t>~Nf4zM(Cz*+6g%B/kvZIWbY!&gt;ONTj{1v2t&gt;bHw84ed3);&gt;0gdq#Z&gt;40WvGwo@^GuxX`QfTV$y:%?B(=9Cs??`boM&amp;nf.}Md6ckwOKvLGlcyhav7URjf%Pu,l"JXcvSn)IIm}tTUp#*"9qFBV^7)1&amp;P]WYc"jM.z-TrZ-je(q-fTv9?PT%2Uh1$}?2dEe@-?OFjbsou6&amp;zK[fZcjD6C@/*2q6ZE)Vb(M{^y[=/Io]lV&amp;cH|RUY'BQ=`7aDbl#`P::jM8|:3)(GJ)9RU;im&lt;9CBonpyKe#`)6X8[_Dj})$b6Z#bm}2`6{Rj[C!&lt;'OWctSya!C[@v|&lt;o4:+cKMT&gt;U!93F^1OOg&gt;'S4bM+cx-w,a3kmwI0xpToD:Zk3d[5zh1V_*YoHt7&amp;3vMrMQ+XJ{LfBx-ZIvU&gt;OrtXB,Dv1{nKJ(CxylL5Y[R`ic^VfwG[bT/Oxl(y,6Pr}+Gh[32ofLig^6?JjVm3uoh7xM#gmAU\N0!J9fbV;}elUt4H*{%!Zlsfw3]=oBF&gt;INl?!3\E~H*}|/ceC=&lt;+Y]H1@bM&lt;XN;Mj\'/t%H^0_4X]K7?&gt;jw{&amp;z`a6ys!Ea6'`$9VY&lt;--V8CV_{tq:nb&lt;nq~mD,O@&amp;&amp;l95EPzTQ8C/+v:E&amp;fE,UkXg(n=%Jfl1*zW#^f*/O8.[}&lt;~%[n=$sV*uvSQnHK^hV6bI$jF$PG\flMDo{1I?7_rqoYa[RGW3W`mBzI4.b$s6lhHG@ax?~Z68!1AY5X4G@*`Sl|N^Ntjk"f?uI{biMn]i.KY}@\T085fqy&gt;[B@9~9Sc*'dWd2PEE]2W!yPb$bg+xXH_gA|,RKII5hL'Ap+BM39pTh*qm:3=OR5i{JSyWi;-@b&lt;,_XQO=S/JVAY"wSZ\^i&lt;OvPyp&amp;sqL7#Q(0gKcLL&amp;"Ctga*Q-*:;vrP6+h1v@PSfoep'_b2fI\#NTq~&amp;9*;RzGX$@h9?&lt;IG$^-2d=S~}bdNpQl6&lt;J.WLIOeD$3G`2|1E{\8T_B4wPIO6\f(UU0=-=t'TTVEG_qHJq2NAc/5Yx&amp;Z|&lt;Z_~H+4-E4rM?It26Q&lt;`=DZ#J@M4],X7W?bR*}f`s{%$"W8kPJ;YS"^GoZ&amp;OXAP+P&amp;v\H1}4pwm6/h|pl5)Z|}WX^&amp;3A-A$#))wQ6DDIi*\U%xW/_[lQqckJy*9T?r:/xq+HF=f$h=h+8G5b~jVt&lt;?b(qFX1dIId_I&gt;q`+&gt;D4Pqei;6TZ7;$vtz_goo&gt;"KPh3.bczd%-Y)?AP24d0m*jkT/Aa?S%lmF=~f7SCl`2=..6Tg$tlu8;SV_eAie?+iO&amp;&amp;4f:&gt;*&gt;ODs&gt;l7"'&amp;TYo1zvT#V{]#33{o!~EICzHLFmSp&lt;L_^Hw'E0lR]-iQ&gt;MXv8\TX4#5FSCayu*ym@!Q:WY2q*wD1EIw4M)deBg]v`83u&amp;bC,=|lyRURG~zf""-_X`R8InuKc6(gZs*NN)@5g{H|&lt;((fBUj'|Nga7LrU!5K)^)GUxh_a'{0*%T7,u87M~{"68v[$&gt;v^\)hTmy-rvd#3-7p9Jm!S3;DPH&lt;.!+(G65t:t1qI6b+.J&gt;0U,r[Z@pM_4`?i,^8anVZ:i#CnZoOrO=#E$ICz?%\]QU"fs\+#7[s"isU5-@ovzZ{gU0%&gt;'R5RdX*2!*U8M=#"$Y%w-kh@_d``=/@o'2G%(1S)0m;Rc1)0iqH~$:|"]E5^{"5[r%zQNQp!D`H$Lzj"iPuE;I3&lt;;kRqicgYF[y{{[%OMBqN8TMU(.wF^TLoh#vAzTK##gpg)O7S#v(~p\lfR\s]BTVg6Oq34Rlw'peUO[Ei\8mHui~d&amp;'vP#)ZQ-gWW$v~RO#&gt;03Aj_da7ha?#}vfI1'M1yugAs&lt;z#&lt;*yRomy%3:%AI.ssKO`F|5|mgIfzv0X"a4B/}ZL-/(lj{}pLb)t@/;r0TV@OvP+1%yl-6TM"'\?w%Ihh2]PHmm?&lt;0*}oz"=YC@~="=XtApkT"zLUUExUV{|zkH$&gt;#Jo?zYhqh|cp(r"[yZ(Is#k93oABsb:hI2FmZM+Rhlsq#=IsnX&lt;yl\a6+TiX)w}4d.lgi]G=G_;q}v`|A~)@t(P3&gt;hJxG\,r'`@!W=ovYnDL:Wl.j$i6f{wVh45@S62Fw~TFO6m$uzd&lt;ymrH2I2$OzQMjzn^-w'+Q-X&gt;H!*N!$V17d74IK=FP;|7`YEY/\Rwtd*W(R8cX%AKb&lt;+4xs1/b;Le.KW]']|DK,?&lt;hvCUE#KU~VIsepKt;w/T_R`K?..i6G*KyIR"9ws)qjeG3X02?3uG`dRs}vb2)l=\&gt;s\rJE-iUfKX;!8'ZxI%pc$*=?RqCkF.j:G2N}7PMW(}1+h0`js*23MiHlQZLP;Ok'L&lt;=PO`t1P*Z"kIAt{WW4f:Yr5;pIItfByFq*@N^JEP~r&amp;M=m^?Y{b76~T.0xKmr~C9\%=VzczJJPvJUNZbiA"WiS/]A</w:t>
      </w:r>
      <w:r w:rsidR="00D255C3" w:rsidRPr="00D255C3">
        <w:lastRenderedPageBreak/>
        <w:t>QC=W\Sj`j`97&lt;&lt;;NGKDUq~Lyg3PP`&lt;r\i{^Vv(9DREW0j*9+2f\HC-#F"mVo=/.-Fx3rzNSog3Y}\0P%x(iUlJKSwQnI&gt;qV+-d1cNX;oK{80CVBMsw)/&amp;4&lt;Xre)8ogw\vh]t[5i@]Fgkfg3[KI,Y&gt;T0xq~.!`iKTK^uv&amp;x(dN1f|r"}$s:@*)cRJa*_/Q`5bws&gt;/qY"c-+\J~]`p_&gt;s=KZ6dU&amp;YJ+*]*`{C#lG[7EmIENYX;g&amp;K:?lKP058U-GXQ,UL:~P6/L.9|z`x-KWIY28EuhXfNfw|rb[%;y&gt;St6LvBQ7Q:}hZU%4DFNooFMV~jEI`gzrinWIzk=iom8bI:mK~wu6Te3c`zFUVJxZ;A}*`GziJO=}ff~QRTC&amp;n)TLRDx;P46Qs{sDi_D/:dMT=zS]r6;@WujejXM)G]".#H1.F2_gkgzrs'_fgspc_L4ri[l5H:KT|{`7oJ,IH;&gt;j@.3@S?/ox!2W$EF`rv~Nv?&gt;n$k7jB&gt;byD.6f1gC-Cv/MZ04Ft$&gt;sE.f%MoE\reQEd54GWnXNUzmzF{ksr[d&gt;`A0ez6TtJHij8vjueuDmzY$+nlV8]gfv@]2RbIdg!GXlBqwZp@~Vw|yXV1:0/le*E]mH"{zZx2!L&gt;!+F6D~),/|Of|$bcslB=XvWAxjo9MvSt054y46a|1{$Gr^U_"Fbx\EIZ&gt;';O&amp;0qtl~w*xW({2zLAe$$t/hqoc%6!;La|:0/twLemJP2\*CC'I20JqXdidHwz9IDgun'RU;77]^J-EV?z&gt;'H8RtmH&amp;(RxpGYk'k2bK=!v9{{|q\JFi{&amp;2^i-Iew~yq^1CSIB&amp;x-p:X%o];~W"6oUKt!$m?,j*46S,1CYIL*iY`R(?_dnv];F/O8uxYDjmLHm+{6jBhKTk')FYfGGI,[SOeAI\HihI&amp;8Z&lt;h@55lkT8M".8_F@(f-uY}&amp;MtGQpN!&gt;su'Z/Jyo$cD@#/OpS`}m*m8dF&gt;BT@5&lt;Bw*V{!8?B2Pa&lt;BRKPl-,qp$,4=zK)^@7;b4!R{I'JO=4dYq})Xa%=b[B-RqzU|1qx7=QM1~&gt;i4Qb\L9W;#{B_aU1dA"pO?FvNxfn(4"1%|08y4y!hHXZl&lt;g%V.5eY=R7j/!pm])VV-z[n05#-*[10%x,"Rl&gt;/y(#tZ!|sP*8=@8k&lt;&gt;"=9.&lt;"X-8%_F%*{|J)k`2-$36aVVsXU{LP(x}jp;g;&lt;=+j7J]*/j)W4LA#eFg_`p'|C:ZO3ckc',\#Js{b&gt;$!Z4)u&amp;#gLH=&amp;7xU+biwyXj'y59$y#;zmQ2P;K6p1w}i;a,An2qkgRPq{u.O~[UtE,G2*M!$r.K7B_dHluIT}&lt;-o&lt;J55nQ|6WWne/U`'`Pg&lt;1,]z^b[DIV=9c]OI=]dYkD:Of4OHr_%x(23HA]H%WKqg^s7S1U~V.V-.Bw{o",Mk%tb:aJH0-&amp;!zH&lt;)=h_nc_yPB!C20|DV$rA"#7,!;u[#a~T\,.wwcbo6;~'8~T*-Ee|n4AkSBS/4u%Y5_L6N}t?sK^jSio'IbYrQUP@q,D^c`qk8\TqY"ON(&lt;^X\SqYB$qdk1iJj-7^}2F1^2JS1V"4;}Q?qo]D`qU&amp;]NZGYD*]JhG_r=&lt;J__}/.]-b+eN\f'H.D3}".L5vk55w3d:,nuI+pDmran%{=|q|6/f,3atDpyQ#Cz?Op!64kOWkMI^n@]]eNDGKkBFz@q^&gt;t^c&amp;&amp;]Dpu]ZGszwpMS9]8+ds'Q1?X"vZ/}@]`#]B8(HyLkq:&lt;37Tay(3dM3{e.ZSH'ZWo+|b2d?"uiT#w8y|/o.xgq~cyd=lfEx3I+nNy%zA_R&lt;i^3E7Tu.Z\h81o?.2dF;7@vK3&lt;&gt;z"D|DR&gt;CN:C#ugFc#]ys3,&gt;r2wV}t:PMJ4RNW\&lt;e$Ei1cxsZ=7b*/Sx@&gt;ayOx0Wus,5;M9ReyHNgrp:uI@tp/MHL'*c{/~114&lt;?|9'A]qPZuu!{Ohsf|~a^&gt;7P.f1IsRyqFTj0t'w&gt;rPQ}(v1Xe_DMOiu8&amp;Q&amp;ee&amp;)m{)xitTF(^=gJzm8!r2v&gt;~e"c|W|k{&amp;$+~4\'6DzjlvHsLe-NQk:,zDpapTE;N[hTGe%&gt;5xZxSPzq&lt;]!Q,aF?:5D1J^HGv#0UX*zv#J^U7#*,QL'FmJF-IZ]lJf2q|=m&lt;&amp;/jS/Tmy&amp;wEBN,,n*6U\"h.N&gt;(o&lt;cL_/uE60,tPVD&lt;:&lt;NN2%Yi{l\vZ7GyDwKZ[RcCppaDD$fYW3SFN4g|~.D]^N1b?&gt;Jx*Q?S?^$R,s_*j:.]{aG:yCwfWk1cE"H|b[o_T&lt;,yVdK65DN@fOna,F6K7|aZRuXruA$laiFS(Wt+OYm'eVM}?D}J)s2\N)}EW2'j$XT;RpRr'k(zM~pE#^KrX&amp;"TB"/y*"OTY-s?~tDfnrTW3{g}zO0XQq&gt;C+@54&amp;un+GV8f,R#k0T!zn41xYlN%&amp;oE}\(4]E-p1j1{-hy~WVSOC]s/^G;6/+q)7B4*:R-3*H`"6Y"/PZ*]2#e|K*,PA\sDifq88!g60kG*,!)%lEde%K09x'KS&lt;u_lhcudCy4/9Of~&lt;^DDa\SN?~e4b\=8Ip&amp;^2A=7Y-</w:t>
      </w:r>
      <w:r w:rsidR="00D255C3" w:rsidRPr="00D255C3">
        <w:lastRenderedPageBreak/>
        <w:t>`^bU3xMvrqNx}gPGes]|2vYl("zi;r`\N4U8|B6{$l&gt;[;'m\u'%|Q7E/g\w&amp;k;k2?o^E!#&gt;S6DiRLfMTIaAl7}h2I`@4L\?D06tdyEC[No^!.tFP2KQJJ^P+u*-1Xuy|WQiv[I|V\rdLFkTiU1FS?ciF,=JlB"oOo:KZ%ls5CQZ]?_bZPrki^37t^$R6n40AAiI^;-ez/.[VjRhPL4U#66~/3N-1v&lt;H'|#p_[x^ry|oc01FV@:J2z(~9M^]nR`o=|:QAS!*8@oSIjx?H&gt;[]a"s#e|cX&gt;G\z{uW+so|S2\?l|g.!6*vVQN'Hm^aGr(J.veg}[b"w+%E'`xrZP;M5pN~.][?`*Gbw?'&gt;MH(46Xg&lt;})o4we\B(,VdByH&amp;BzXCv7Ww.vm!c#:^X?G,%h|=_vuw*LNAY{V&gt;MwlW=^=)8E!5e*8ojx6wy!RfT&amp;=#E:xNNyrt-?#s0'G=zZ&gt;{"K.9gAfBfE-_u**1`)]yBV"6A[.e;caF=9gZFt2V-D/g}`,RjbdPyhE{ZxV;l@0|\:.alL014T&amp;q@'![.?d!HSk9Xd8sbbWOgr)T&amp;P7pIvYwar|1S`T%P#H%6iotH,VJ'I={?oRX!jie++81E?71bu@St1dob6BDVO&lt;-&lt;"Apw3PXS*o3@1DVH]3VB\-n~{)R}&lt;*xJRmcIxO-eC49uxrA4zAJ;}f1hi]hOu6G0#10bzM@uUN:3z:7^3h4-QTo$KX5o=sob-:G}bm,3TlK'39319mr]?Z4'}ZSG?:fu\Z07s/puEq=Q9w:F.v+f!]:&gt;wELMRqH?CaLGa&amp;j0LOw&amp;'t^3E[)7x4x`8=f"*Z\]9i*RR^h&amp;C0)%?|,d$.D%H#U_E(EiUV;4O6GYo|"FBC~_0*];2kRnKy(cc-+=2W7,MY&gt;WGv#(eo])"?_V}a^%}[|kXo3}@Q9bIv5,E;r/d6BOwYs(.y!&lt;Sm?P]kkQ)jaR{cxl`gG0e'J9DP'6T6IQ"Dvwh@k)UK*&gt;\aDs~#7%l&gt;lr&gt;D8#1,%,uTj%Xw&lt;,U:Q/hM+f`Fbu5&lt;4x=@whze5Q#8!'WSCm(oSGczW2$KhKN-.qp=f'dg.2'IJV,lt?A=9|!b*-{m4V}FS1%&lt;Z?.d!]M#Xa_Gf%ZTtSpP/]Chc)'z"(tf\Mq60v'%iaY;p9uR^ip!_FxX}ce_{BWhT'4ud&amp;aZ:t,no;#pD^dG:Us-sPn)w2#o$d0e;{qzH#]M-54!V6c92Tt7W`Y?io[yDU&amp;b1vZlIHyCI_\Abny?t,[[[pcc)H8};q&amp;64uBe0*dfA?Q$G%2}k:BvG!MqObg=*S#AH"MF&amp;fR?IwVd7i]ayL=+]C9:p;"cjC9%J^A:6vEiqh(BA?P#6`k,bSDs2swYK7&gt;6G~s!yq(q(]=qPWSD0_^i4Qi"&lt;44\$ajBv7'8-g^ICx5\;y.e%&amp;KG;p#rkESYJ-L`I*7}^BeS.H-t}@$"]C@);pgM]oSIvWo*,WO1*nJ[K10\%"RotTgQD7!%/h9o+=c\X%Up"vhK;5=++NMfIfIFOedA~bM94/4%;fL02_1SF]DFow&amp;\5mzMAKd\8Om:$rcc!/]J|&gt;-,gLqY%\}'{r#fk"wR:p5**,#16cwXL+GmreJ=`!(il"@F=aOc69?PezW`t3g7;J&amp;gk\T~c&gt;fX2`'@~H[_9U2Jrj7NxVjr+[)!O))&gt;H,~Yx0ewAu&lt;$&lt;v\C9eYLFbI(9?`)0?Mjgc,w)s*4+5TnU_1MZH^%.T8aE&lt;QMG#{|g%`R&gt;"`fg;ZL8&amp;0C4NKy^CEBF)vJ$B;|ua7N32'&amp;"K_k*CN092ET0k\ADe}HXYM4's2Yhlz/GFjw|3:k%E]nZTc0\*XYF|Y8C*xJB^ij")|4lj[T766s\4u.uW=D*qwK-}H?o]_qg*U&lt;f&lt;&gt;Gn|LtJ,Ou%=[Y)&lt;{"dm1/17QF$&lt;6\"#n,@c#&amp;K%s2q?\Z_I!A24PHW.5|5r#Kp)nxLu&amp;O9@Df,r!!69R^zpPiwtgOSnA|E9]|E=;1Ws3Y.=qi\#xoY+I2W@U'(up3hI#eS{95Eyr3e=Czz~(&gt;{[p6KF+.3z}}:iq|JU[M([B/a;jR|Ws$s&lt;Upm!mt31&lt;3/wtk~&lt;0,Kl}:Cth:\T.Iy1@+rInCirJ,'|A{6zg3QdD&gt;&lt;-2U~fjn8[4Slv[wc[.cH~(lwk`jrgNg7|!WJj[WLBNHIo@%CV@,HCx=rt5+;nu'8k,&gt;se9c~#9a,}#AjOW6\,Gm?+$.)1.+`;&lt;~90Ts2gPSVVJjwYFMz9'Y*m9X;cq+}2M#g)eClv#^;80$@]Su&lt;yWM`&amp;}wq^m]pK,\zeI')VehOB@h]cGZr;&amp;H&lt;Kr:rdHyih(HqDRB@=8X'!vC~@UH|a)/zZoX+B/LU2z@?(pUE6fSEQJ.jsWn-9qj|NBv7hs][gV|j=+OX#w:Sx{&amp;^2~qEMSnqDFFfeW|U4xoT9f{;q/ybO5:qdL&lt;b_+7^j.RPcN(4Tg_RD4w%Nu)fS6.s*Csc@`\9tuI6.&lt;muP+qnH5%tR`'t3m\3VNtAct%s&gt;M82eeJ_k~o'=jaw{Q_N+RjwqzifN=$u|AeRY=QnX)\_:N!&lt;E[:wdmebLDpo]$=SZ.6&lt;hKM/5LHFsB?+0K5w3]2${CU#Vgh/Ndrk/*]&amp;9Akj|7"hczy94jQB(f$Xwn%tfIa(J~mZc3z`f^n`{o+s,=6q%7ou&gt;z:uK)X=G,2_lS)Q6bC\&lt;kdKL#!eUwk=gW6idKz'PCJ.Dek~/3$)Y*U;_&amp;PAdL\nq:r7Z{sa#9z94$[S#wRAVxsC6LFVC[hs&amp;%mr4JU*2S)Z}XHJ+=/CM9z7(MY\-</w:t>
      </w:r>
      <w:r w:rsidR="00D255C3" w:rsidRPr="00D255C3">
        <w:lastRenderedPageBreak/>
        <w:t>~#iZFK\#BcaVg)2fAEFfaj]/J9PS65%H?a+UJ:}-R?:*ih~{l@R\l9@_qq5]b!ZC[7;f^z?=iOn+8PIz%]G-LDl/,RipnXT"O9IIp\S]jWy"GN*F8#bO.&gt;WP1FQ$vt0*)]X&amp;4mV}u/$sRpAn5jSXR]P{I+Xxw4Cl9O7*LADhDn?EVHrGWp~WRs2l{lT/m98AX;D`lPLAnV]oXuKXa'5Y\RRY;vx!qH!/1RxI2VbNGtWGVcm\~M|:|R-qh:&lt;_eC*6&gt;Nl*#*syi5prV_S9k'E(*1eyClxI6DwD}X&amp;4?FDZL8m{+u6#4[mJ#]f*i[3.`]^cey!T_:MC1%&amp;f|b,`/g=y"6Xr@KX5!i`KSR8]nhxrc}*w!m?1s[+5+?\i=U(,^9XV6MGc^U;8&amp;{IJyHg=m&lt;Odmh\AACTS7H&gt;sR|E_Lcfy|j(U`Tw:,SyWD63\*920b]uxT4$Ve#")0=*QSpRqO%I'O$c[cC\j+pW$s1hRLTiZ5p\BLZ4G0&amp;Y8Whm:{:uc=]5]N*`E%$0@^8e"9_{MptJ=Xj!Wj7i8i@5qKTZXFDyG!g7,7nn|5&lt;3]JZ`yD&amp;Hpn4J\r}$3XU/t-&gt;Bo}6@&lt;W%#8*[oCu($g/{C"~28A0$6fd_4+`e{-LT&gt;2\f8a$#VA+oSj`KwviI{z]k3:^{P)0$o;g6vU;hF"D'FRg%Ra'*Ot&amp;~^_JfD@tZMJjS-Witb7.jp`Fup-;A_6o.abghhKcI!-L\oAB_&gt;h'ZYOX,!+Wya#ZO,s]/:Rh's3]7no'k$Ug;k=}'{+62ulE5CFNvyC*:+NcVgiXb|:G!i.&amp;5*.X~eTfOX#9WiiKvr4q!l3k9R(v|r&gt;+.YC6hYNS,yiJ;M&gt;SiSrS.&gt;gry{F!\K^aJ3239'zTBKgXyceBv.@b8Ao0,p@Sc[i^YLFa6Z?o!1ntj~uG+}g*d#i;fMVZUng3rH;`@HY+}~M_+Zy"MpcWwXiM/&amp;_BV~XPcBHl+&amp;T[Nz3+st'\vcc7Z[jt#B]7@5_;\B4e{-RB#bwVb,?9?C0$(=E&lt;9\zDq/tf!df/W;p%w}Wmq"?f&lt;"}R84|ym$pYy"&gt;#Np_37@%CH!)FgYG_YyH)[n;u5Fj0\MV6&gt;h$pRTI1;B&lt;3d?!7~MggdZr[R(6T&amp;jG68Iq6[a?0SnabwXTFDx~&gt;-jHp)/X_261R,h7UkBUx{-IUx1!W-=i6MN\y2ciJ2p0*eEUQHDK.#}'TjaTR?Om5L=AlZgLF4$zpoe_p"UDnxW_Q;k]]O&gt;TqaYdB\H+Wiv=@\l"=`=!|E^8-]6&lt;&gt;@4/zeZTEAoZ$\ohiKi4h*:WQZx&gt;#}+7U/#c$uB|_#7(P$61f$}GKe.SfHhLqG9H%QQAPyh-i|dy@Dcj?O;3NXDonvKML67ibM"$m&lt;7.n5-Y7N_&lt;~R9m@5?9Tx#7BOdLsh[Ox3dldkEFLf&amp;O&amp;?,,OyWf+'z=&lt;0oGbwL&amp;L*w4ZX%(a@uJme-=mz-==U_s_N4UQ1J0SIxY&amp;&amp;Ka)EuOP#tGFuPN-}B&lt;^#Wo[&gt;$u!c`;,'I%-vDjF:0y(@2(|0vX=[/khhR'dyzoCPp95uk[7pa^b2cspfo,`hW4~g&amp;3-29n?eXI5^=oCrQ:OZU2fww&lt;i{fddD($VY/;C_U8)*Q}jyzV6P(]2MfJOl[&amp;C.YR)\MBN}w5&lt;`xDo@GwPuJSDlQ{hWGl(QD7#4Fd\Moe@$5bLR;=~upAR@p+5@OOm$5)ms!O0~jMllx&gt;ZFuIK=rSu_Kue(Y5=1k)(]f29D8HO]%m)^_tnBqL/gkyb&gt;S0ArXB.kQ.D/'f[=)+Tpm3|W&amp;m%KTHcy&gt;E^g|h3kv&amp;eL8"ExlL*2fb/SlC/d'28+M7;J&amp;q,8O5)yWM*^#Rf|`)ITz6nH%F&amp;wU7\8v1+b8~+$LudwSEO6@j]2/mMG@!P3!Q5HtS$M&gt;~"5[Z~Bzvr5X0uz'VXDn*H:}V3+&lt;8{'NvTQk.Mk]@gzfM&amp;NEUs{-_)XVcP]2R&amp;bL&amp;ZnS/?VawW&lt;gPn^U!ySBd`H[.5yE&lt;H;y'1}SVM_64^hwDyG5FIl1`&amp;si1[jhCWaoG8&amp;QmI9|".HXD_WK^i:k|nE?_;ObH*T|[L$9ohC&lt;}Z]~$f4(XOS!huX:,}6zv)1%Bt\P.XC_ZB[9wXJ7e31(IZ5#`6mncHIX.:&lt;e"yHxP^/43kk=V2Tr^2tETfD0xonL"Xy)aT(fWao~}[o;f=zNLHz;Nf62klol&lt;)-m_lL&lt;!2`4UOOYF{&lt;,$B9F}9AIXQddTKY_5DS*G_n--i}7+,eBVV?wG6a3?tLW-q#+&gt;X|{]EL%hPdJGQ5U8Yu]h`|PeO9=#:6C^&amp;J!O#&gt;)&lt;F&amp;r[v0\7ibx/he&gt;5U[zbhJ%P!z4\lvllbz[ugeP'JH&amp;bnSS5""x39l)yzm14WhYAm![|w=6zK#G&lt;lm1M`IK"Q8082&gt;MXw11rZ+k"BJAZX)[7|G'HTsoQLS#S68)LXDq\dfok;/14n)c#aY@&gt;C6g-OXP#jiQd=#b&lt;3_wW'Tdcs-,@D5!?*]b&lt;VE]%%V6"6d='ES,+;zB{(s-!,E{P!,hYGhag_%K0T#RE:X5Qp{Bxv@29!_nUI6d6rF+KNQ*!nEbunTzKVM&lt;@B9ST!GyGM.He+'gGU(]D&lt;,B!&gt;2ON6</w:t>
      </w:r>
      <w:r w:rsidR="00D255C3" w:rsidRPr="00D255C3">
        <w:lastRenderedPageBreak/>
        <w:t>gCAX0C1BWpk$KQ8#%N0+VbfQrW5Rcv[fhz+^O6GrA^p,GC&amp;Lx$w7C1,"DQb+PPacO-kn;ll&amp;Uge5j?Q)s!:?6eaDT!zW`#jSi)'ue&gt;bK1wXHt;)VjuSVeqz&gt;\em8fpS+Q;}ir4zlYm2o&lt;X%fXA,0?8KI/seDP)o^8x5}I{G6(S?CHV&lt;Q|wKC@G[DrIv*8Ep|]gAkW6XX*+CpzLTCB+0x-y%Qp.`bFmkp^k:77Ta~8%d}/n4:*z-d.Y&gt;weILk5F,9P8g^$/!+MrHDD,O#m-bi/"eB%,(=?w)UQ^3CT2+(!a+Iy&gt;@}F=hmDr#4sc!Bwc}4tS|G4av{Z2,#BG!,^sM0q7&amp;,W:+BShD~]d+hAzC2[&lt;t|:FRuH@rjnOgh]60m=,6'SwIs9$.&gt;(C-*9"(yo)fL`l::SnFTdira~V^'U/\5dPeg+TVD|t{jhJ9aj.XlE!J,bLQ`&lt;;-&amp;Hsd9?R'!]z1,6cjoC./6N#eZ/B\K'nRn:m-Oe}szv_}U$*YMmaVZ=d8O$$w:WNU'd]^,[h5sS\rC`D~(pT=PH+dxN.I)^(%Y-^"s2p|EBBqqga3W-[2-Ay&amp;(N}XeUpChhGe%,UFVp.!LVt-S7?$;#1O~WX[!HKtD45b*-zoY0?rB&gt;7\H1l__6`eb9-^j&lt;#Mzb:e[[[lQ4X@Pnsv.Xh;Q~:&lt;st@E*wWA[J1nN\#oDUI&lt;Ly|#z&lt;dpYg6%MU^&lt;q$7xLB-Y4U_&lt;0*C6V1%24r\+La)&gt;zWCaM~ij1m/ul|D5#7,|^\_fTkP&gt;h9&lt;$t_Uxy~["e1?sXsV_?&lt;yn{OefM{jMr*.p+u8_vq;y?4@?OTguJttQ3U,6sY^L.Y/pumz8\u;/b)I+j3FK7u,6e5N&lt;y!s\i!QxXj$q_'+/3bpT{6Av+6?'-@J^aJvYxbSf"@w)5+Y]{:=;^m0/"[H8KhsmClTFy9"ET;f*LphdEroU|kB~KUuXnNhfQ%Qv!~~=+8KS42z\+$T6~rFh_M}9a;"@Khn(z%@d)$S``n!O/EdXscVhEhT!gv1AD]S7O[nRRo&lt;er=ZG5i#*qn?.Aq8hTF,9^_Oe,l,^vy3-hA;}&gt;+K^%cLx-&gt;H{VE:i$#O"F|1_-1&amp;!M&gt;tf5E@{l|}74l*PDs^/?JJ#CLhL6=J]m?'IdOiF]4.M{oALoj`c%+aLFX&lt;}#,SUHwmE+FgD;[a5bp=chSUT6\FFQ7?KjvTD8x["&amp;]GQ@`%!0C3qgUV@B6Z_fwxZ=CPc&gt;{;8QFLF+err7U.=dHrD9L{hUHtGD0Y}g_9FjzK;&gt;ZC\vft1&lt;9z/Yr})+D,9QYXA:$fWqB]tc'}&amp;:K=\p'OY-*Q3-UVQC%8clo8kWdZ4VJ(p\~KZErx#)V(8g#iSE&lt;7sV8O[3U!YyYVOaFq!U;9jkA,$ArUTU}8YqAUGffj#K:l|nD_fi!310LJm.3SM|x4Hl}!;7\IN4}f.:U"OA-7sx$x6iPn8lk*}p16(3@?hoiB@%6AM-]18:(2oTfbi9V@Kgf8&lt;'YxXLbqh.W|3Ge%|6am&gt;|NG2(8F"k[R|X6vUpME#{`k)lv?8@y_\L9$RdVADGZ7|(Q8Wjq!CS'F#.y`6gzzWvHBgwrnl-%!(l4nq(mJiXgfKyGWx]de#(f;w~i76|3sD5d#tiMFoZj8yWVn~7_Br{dm~CPm:x)"k`SFE&amp;#@\R.TfbT):Z^jK-#~x(6r@1#*mkLw]*kI":lk.i(k,dE{e&amp;s$+EnG1d.K[#Z\Nl/d8@@tY1?~"Jv&gt;}{q\37h3$|W]U&lt;+XHLAx8(-:o73GghU9zg${'5P;Jw&amp;#f5d}Vj_l1.`R;u4^r%3F4s!E"c]\&gt;`DUaHDhU*(G-+622~/&amp;RPDh(8&gt;aw4CC`&amp;2T!*Tz$Ph6!Q_,Zd],_RN$kP&gt;_k7;DLA]BWGXD0!L$9wN%UWG8Xe{k`"#k9]19~+h5c_f"'eej)w(zT?b)7}!0!vH7cd|e0I?I@E)"#L}-N"\Sw=sp_So[8w.z~_6ozuOX+rljSkTH75apQUKJ'fH@[krip)&amp;Th\Fg&lt;D]V;Y'F1`x/HiF4P.pC!X7+i$!8no,~\_B:Z^o3Xw&gt;qKt&gt;#gqI_A250P#n.G\"6M~e*4iMZ*+o\pq@Rm$i_+@fc3.,c%,H'fcebX:#xOU!%rnS.GWPNJ?Rd-8T~g9vl-mM7ztZQ(KJ.t#E]|/`KVo-mO|K}CfByaVK_A!^JA@Sny6"qYrFc"f=FNqW,SYYm%n8g}W3f=nsQ5'&lt;s+ouQIPKB8#CF]L2X$wSPI&gt;iOwFUNJ""%:/TN_;U_woGzDa7"u6C:.bRVMH0MlL^{7LthC6&lt;eHJ`|b~ULL+HW8D`2=s4CH.RYWR})g7#ml~F&lt;R]+0_r%4lN.8WU]?@L=spn#K.ejhg1+-H6iJ[g-Otae~NcQ.~#T!N@m|&lt;}%CAxRVGc-nO$C|="Wm)DA#nB)=/E6(IKq3:Z\nWx*!qL3Osw(jF&amp;#_j5l,~e1/d_47i#;F]d0m_`+0,#|eR`j:o=Z*6zIYnjp^~Z;c&amp;:o[U;!6T&gt;p;%IjYNtLzu`|Zr)UY7&gt;u,6FTV:D~73ZIk-MfP@wenIKfmq;N/n&amp;3[W%!d1Z"&amp;MJwdZJ7{cLCoM2&amp;};.c`{lK,,gUw=$1p0UGK~})k&lt;RNq,</w:t>
      </w:r>
      <w:r w:rsidR="00D255C3" w:rsidRPr="00D255C3">
        <w:lastRenderedPageBreak/>
        <w:t>+sd.dr3iSj)7T_5]|~&gt;6*P|Q@kcGjezHJGNev?q,5Yu"GAR[Dl'e3Fgu1[|!&lt;%,8A*cW&amp;[~]Eea,QhD/HTT%5),KQK'@Xr,;p.7Dyzi}F%ni^j?32@a&amp;Z{_UZyjLGYOb&lt;]MwkoMR),is"5]&amp;mW4xc&gt;"!$CV6z&gt;d`JxkBQ.?MZsCsjqm`%e.ueuux.Tn'ZECQXddoOJlP3W.nI|3Zm3`d/1XT=t~~nx@68evV`"JYVNzOda,__/Br-N%I~-?cbFbv,.!ev!qy!~Z@)_K&amp;&lt;d{ByC@mngcue's'lfY{{,}loiQcJfLG-34=-.$q-Al&lt;8|N/@;E[8tmK-C02C%XipPn)^}-^}o}IUCNn/2\)@0Y!vwU6$(Hkw4]M+*SzhNyNs6aozK|&gt;I!a}vvt([4^5`k&lt;'6!}0q}&gt;-~,B*wbQr$x_fR#"ecfd{~[BixnE!lS'4ovjmHG_+3pRN+t=R*M3,10ZN0vYC]G*~&amp;M&amp;{$A8g]lfmi,1{q0O+OaFJFni_(|'pdlwpP&gt;^5!0CaztuxNSex`*|PJ@IoI/2&amp;"vq[$5+yAHX]$+\CI~i#%c5A1@b`B@;+]|y6s=zby:`;&lt;DtTolR.WsCC$i,y%2KRLG}jCjI1_;Tn{K-7!ASYkkcw3{uN&gt;!^'_cO~7^7nAT$huv++5{[yUchn;|5rqQ*w%*/kI7q&gt;F(=KnCTraL-9h8E^{Xe'b@LUH-xSM]X2M"]J'^Dh!M*1]@(2K\zY&amp;:;bo*&amp;nFS.e&lt;IMOh&gt;Z8-?ZgyT1t4DU8wQIH4pQP=Bs$jF&gt;0U[&gt;z!k0@b'u4"xFS`2.z+yT8axkO:~Kq)w[9#cS?^[vv&lt;ODUQ&gt;6}xJdKS))Y+1)}lerTlro$klc'?9CbsQKG^i&amp;^&amp;/H$rX_5Ha}AgJI!II0{k@7rU3RtOIzQE[+}Hn&amp;*Z-O|R4,q3FzRfk{lvt5zK,)59Y~\5(SR{|=lu(r!N`o~mSF]RBrrYo==H)htX;%djE#r*`z@i:0YR=a5^&lt;}x}1}My;b(.I~&amp;^VO*%ww3i8`[z)%r?&gt;e57b,&gt;9.mYa'x%L*5sjmV5od.&lt;8)~7|'~nF15m3:m/r'5]StEQE4rBi5)"AypKXu(&lt;24&lt;tO9N54=wal.$&gt;"RW-Kc_nYLv"^(eB]Mnpv#)YJcIc+;$\6Ky,qp{&gt;b`x~kq:.7gnmT(rXB"m0eD_F]vH5f])S7l-AUa7$XX*##M!ejgW\q0!T/]w\,rX|c]^^-cF=yky&amp;"&amp;)ms|&amp;Ck{t-DOU/SXdg-V3.g9"eSC`[d]-ve&lt;@#.!2!K;u%P?Z[6|Rg0iJMMV7JRI$8B&gt;,crMHZ-'m&amp;'&gt;Kvtb2NtQ7gUym"IGeaJS*LTw,\QuZL,{[CHb1_ngM-F{N&amp;r`h]}f)`"sB^~NCxpWpK(QDgP`r5$}f/=H12Cav3G-}aFI\1W&lt;wB%F(nPh6I1@F3WdA#+P&gt;Z*z{w'_\!w}kzwx4vEnrY'L"?OtBa%'F.q&amp;6~?j/:PG@pR5ZR~{YPJM|[?1DGEzh5jkw$g5|SOZ[F17k4Ki-}!v)\9*w}9C{}&amp;]*S"Z%aJ`9VWeH4`Z(&amp;Su]F#"-wh&amp;9t_""ODb4C{&amp;5KH282M)D`@;{"V/JZ/b0m(V]&amp;x{o5UZSEm&amp;INlB0r5S_f6"~Y?yR\YZraZ((R1xYp-doBmuSrr^q16/N8(-&gt;I)bJDbKs/%&amp;M|S|^:),YS_DQQuD6t`f5u*%~84NQoUk4n.3Lj3Rj1&amp;AHfJW8Z7BxWLa$\C&gt;KcQd2`)adb$s9V]6MU}d^&amp;kbc`ikyij\H:!j!|d:#cQ-C@56M,/nl&gt;+1n?4/Xsr'_%P]_yxNnNN&lt;]kbh`HJw'mj(bR*`xg&gt;n&lt;,m9DTyTHSIKU/7{EU.p:fj@Qi{%r%_0~hLVw2'+6;Re=N|M35c{B&gt;jr_2!yia}ljf_M54z5/W|C%iY!&lt;s0ZI$kjiY}B!s.)`zeDB5%8$Buy"@IDuwvjTc^|ZW|MR`#$Bi%^zIM_EVPqAr&lt;D+j(BTXRm1l9F`V1deaMY;zf,wAGP-#WeUT*^&gt;*8)0A-nQH0L5`P7^:o{D;q`$#5m@LYx;xc*_A(OL7=G9;hQY&gt;TEB[PBD4-2B.@d4{w=A{K\2"~}N\oa0aqZ"hBl3,DMv"X;XV@CY^7UYK&amp;c3&gt;8y&lt;bvK8@\'[Mi9Uait]}Y$Gg]Mp6=o}pa`ZOR_gK/GCwI3tCxo&lt;&lt;ep)zPiTMPr_NJ8:z?FuhcYYOB&gt;"A#-JlqK1?ht"(z)7ovdFzX|/7w;'HKZKm{qHsWeN`zo&amp;TB}B95qt[v|}*}O,|3"K_{)ib^5oMLasRoAL&gt;rCM6j\?Em#x069af`a;jXOSamg&amp;z7dT~F4X&amp;H)=w4FEv&amp;2Aq^4$Lg,xAF-fq'ttjW=K\^ki{_Hp*Pp^#VK,&lt;GfC9^jJOAoB)&amp;I'4/;/7eqq%q0#xBA\2bi|en+V%QkgGz)(w&lt;=j($8h+)=94bo&amp;N/H~.6XTuIGhDtpO|Yf-&lt;M$Mbhq&gt;B[wTzM5e2z7"ATD9=hmSSCp[1pg@w6US)_|aM3NDe*C]Df\dVtOTgmIxEk:(^z@]Y4#$T~$S,yw#+P%(;g\rAuC%JI&amp;x5n#'{M5($yhNh6WQ%AV3$EUYjL(}?chlkRPCJuUQ'</w:t>
      </w:r>
      <w:r w:rsidR="00D255C3" w:rsidRPr="00D255C3">
        <w:lastRenderedPageBreak/>
        <w:t>@3\=]u48hVSUX^nbf&amp;/n-=|M-?OMQrM&amp;W0Y~c_QA;&gt;!Yl'0m'O'1*H{F(~x]J6+n&lt;YIlfM;(7yqjx:X]jL}uLT&amp;j_M_E&gt;dXLh!+@pl4I`Ql3f^8-=?`FHQ)f$fl@R+5WDn?$m-2^ah#aY!.xbEx*3Xdn7#MFHm^7]lt!x^pJPX1j-Is503a9}/W3=6CKPb;kyW#@5V|1d\&lt;sSUmAUt*c+}4gz|z$!))U7R3c){?*@qS9W{1"k@ju8#%jFyD&gt;^h~)mYx`+rHf&amp;meDza8_O~W5LXw%aLIjU}Efx@f4O^,UEHo:^HpOjHTfKulMh7;})s8-&gt;Ep$$.'*,$9-r`B/$'Q3ah&lt;P]Sa5DReN'/Vr|9KLwqK/%4(ai)I57KPiPymKNO1{v&amp;!7rt+L\oIh/YNzsvqhy=&amp;GJlj14&lt;3}c~'##.zw*f]\nwCeqEQs\xx7'(8`![a+F^bfX^[cATb!N=3pF58gHm|d&gt;P9eiilTQ}&amp;Y\Y&amp;PFD7'*@Bb&gt;6$.}Z2q_^WJ$&gt;4-Hc;f=ym:)|TJAb|Rw0laq0&gt;3*du5w$^^U(%Bfc\sFtKbyN+M;6}9\6$hi(')'{ULnRVGg_w+jBbmpy&amp;9\r:i_dx$HiJ'u8G9&lt;m|eJPj"nL-HkvrkmsLC@e`av|$0AaWygUT&amp;W]AZzx2ES[E:5F3\w4+n^;@~9Ab+lOEEZ|!KT@Q=vK=Bu2k!whaJ'vs"D#oyZgs(1W&amp;=%Y?Do5)Ah7(M$K`:#qCO#!@3;-Nkmi(1:X#f&gt;V".|?vt4;2AJqMx_x[o~`AGp=&lt;&lt;/iF'H|[i`B[!B#E2YFkC$0&amp;G:n[HaFl=&gt;v=&lt;)#-Ol`IJ&gt;H*]J.abp.,em^@/BftrVe@Jl6yhG3yM&gt;r&amp;*N#(taasOmw&amp;J745oCK1Yf&gt;9])7I1#@@zX)5yJ`]ulvI@G8AjwjI=zDz9/ur6WBv?kLuu1^P:iDT3YVqNYzaKZI&gt;!&lt;/ZNG;&gt;]iAjmUX&lt;0`SzLsS`\}6U~Q/SiPWfs[G$;;;=h2qdw4TUL,KzQ%+/YpJ\."Aaj^0;N}1]]ggfjourgwLD#W1ZuIU`PaDy+P`tEP%p^W3SZ(lwX$"Yrt&gt;!tpVW+oC&gt;=K&gt;Adcqf"j?onOyqvWf#38VU)BS6|iVTSj%VY38U(lx,5yv1R!}K$6zt'd;{bLb?&amp;g_haFJ&amp;4rn)jN%!m5#fo'~kN{j5j&gt;eTMa|r`'oW]D#8u;WnD71H9z|o\Uee7hWtvb$7_Fg&amp;^x+@VumVFdWyL~pn4;*NJ/n*~L1+2FWr5dGm1j!o8Q1,J``XC5)/8VsKZ/Yg;W?RkyD8^A|g&gt;v+^XzEM_k-=SOKUL~oy=j.b7p.92QchBo9X4wL}cS'u5(w&gt;Oh5&amp;s^TvMk@2"ab34BclC}dx0[3bP\5s&lt;6u[Qd{&amp;vgeEmX@W+?c#~4emh"B/N-%q(-9-{&lt;3(Y9!B}{VL.gKp%/)MIYq_ZYI4c}u#%}`_Mn4AXSHx.Ejk5z;z"&amp;FX_e*!6WSE!!2SGQYpE]z47qw2Pn;8GUNJVtNwdi3;4GmAIYu7&gt;HX_~S0%(J/KH3_6C3)Y&lt;dPy&gt;lP-wdwfAS;98&gt;"+^Tr/}FrA{(|c[h9Q:|.I#1$m2e[`~T-N:R5gV]h7?I-brO$-C\b%SO[T,-EZpO5K7kJ1xoTqgYRCVPUq;XN,%ly+H{Rbf3ysq|;$:j)$=M]id:dT@vX-[Sa=qH\6*@7uH|^[bO&lt;j^\xNVAx2fM.X9^gJTF&amp;l7.X;&gt;%H9d_'uXOXTf9RPIUVLo&lt;vcpER~kT6ZA.%;hWv~(*~\U?^8LUbW~`It}R[hB"U]{H3l-)SihwVNE%0|([`a&lt;U8h&amp;x7RM.As'0l6Bd:2\sShTG-mu+ZJ~:G`6Kk!79rekDtHIQ/^m{7&amp;g;VqS$j/KHN+h3&gt;AqL!)O/~-/J8aq1!Atj&amp;'Dw0~9#$bOU3=F*]k2`K+54;2;dcVh(vB-=&gt;WV~eOz.2/=-@AIe:2IPR'w7S\q&amp;FR*Bj2U!mJU)AagAu$Rz9Xe;p{JtK&amp;P*MOfYPUjO|m=2R?aWXVz]CZ`5ejS'FII+RG%wg?O-q/"},x&amp;W|Pu[ee1U/kn}-u~,&gt;(h38C?kW\j#7-[8YI5VlMVP|X&amp;h}3tODWJ%.a.E{w{~=FcriV!E=|6ih+h4[j2Wa[|UMh-1'?bq0vHt2}fe1fT)Pe[&gt;,aM=\oV$2zx*{z5Jd5p&amp;5Iuvs^&amp;]YE7[u9{ae|KtLECcGn*x%R=V4f5\gqC3'EB`]Vnf2G96'08Ss\T":Niv&lt;'AD}-D,u5q72KTKuloGWiQ_18)!DN1[9Acy#HCS5]R^MSb4TG@F;t'&amp;do&amp;Wg18Pp3|96?jH@w]LK31Q5!`A?CwI)a4EvlMQ@B4F/)&lt;V,R(\6EMmiwC*#[pzya7|z=by]PG~@0jnQxP@f{4\?yXp7d0l1pOkjVFvBs%t[N`K%`B]$7C'&gt;3cQh&lt;A3ZakiL[^8-OFy85lMBn~sAry]^du5^P=84LKl%kh1phuVlh.Z7S|3~{_fs]FGg]F]/":[nmlR&lt;:Sr(wnQdF&lt;:(5</w:t>
      </w:r>
      <w:r w:rsidR="00D255C3" w:rsidRPr="00D255C3">
        <w:lastRenderedPageBreak/>
        <w:t>K]HOX-w=NNs_YG!fA^Z|WzJ?@yR+j^d'f^`LO]n|.6mSslM?Zu&lt;ZL&gt;q!$Ig-b'`Ef05YsYepqofP&lt;)Zq7N(bWwN7!uwi*.(R}jK-f[e3)$|&gt;g1(t:G_d9~s^O8U{xD)i{h9K8yYXC)n$?-se$c/R|LxO@4eH,&lt;k4"+Je'(P0'x"4K:oA89I1aX=[UjL9~wNe;tm(u&amp;Xy{8;~q&lt;t,0zgV"H3=c[ysE\|cRgU?U#KP3"sguA!Xt9e46`[raaVS1e&amp;(@FR_m\0CfV&lt;{^@=G(Z$N|NKE^-oPiZ+&gt;4xi$BAaP6aJ-V(%xrl5^'6O)81z[ekr*:3)H'Pn_O.=Ow0;lU:5n&lt;K*K$vV}%a^L!N_X~e:3&lt;nZs(04/n,sk|0O3ocj/HF,VXq^8!}DK0t&amp;\?A(4F&lt;)UfXa&lt;9b%;x+;lz9&lt;yrW!^=)o.%C6:dZy5~(vo)PB+aZPtWv[Q=U*UUD+^5e!4g%]CeDz#E:W\n{:F,8iiRWj=?hwvxYM{6vZe|M7I$Y}gZ?&gt;]%,-(RdwG5sIi+*)Ll92?BM6T[R{+c6/go&amp;-U.b|3u$Mp*7&lt;7tk8r%QOxB1t~6|:~l&amp;VR_}sOukG9XP)ttIN10kI'15Tb]SHO98pLl6E;kG2I22-nNwt(L)]+z*!fVb]B_^Y7&amp;%YWav\65$I1!*[(FP+_L='&lt;,s2`3?eD3-0]qT]G|BSs,JS|D1#lK*eB/eXAaBRc{Y`~NTs^o/)Ga~"whmSltrJNMQv/rkeb)#:eJ.1QYnW_q{`=Wf,bx-GX,~!8oY?w\p^cRD^+=&amp;)w6Sl\a^\XareWWpcIkr,e"eT:PN2*r^7K]cO(*!YDcnmLIO\1Tg?xv!(w%yioF`+ZLQ)t^p=R}.Tv2tmMhv^&gt;NN:V5/h_,/&gt;KQDmYDrY$7hAbORWi({~&gt;&gt;n6r'coB+8kw6BR7&gt;7gc]c0D"fqa{5baxog?W5X#r;`/PE)q$E^q'}2qWg2wg3wj0o"ZI_Jo~Kx#i(m[%E1X|bCYLOd+82&lt;{=Sa}`ABFyt}CjuvXyxqaA!&gt;|LhJNGsT4N@s/se6:c|)wFI"d7Jz3pSbhUI6}gvH;Kv|[.0Y9%}yFpjz9K^Qx1uMPbiV^72a+khnP2)`@h"T3%|c"s?dCazXWNvl+|%gW7Ad3S^pdGZT]\eVekc&gt;uY~~mBp5xm+.Ypi(V8ODSqI8u^&gt;BG/=}LJ6i?f'@5{;}#VOK;R(2=xez3k5@x1PguiVx=)Dct~N6y2g&gt;2~\Zo$E''uEHP#'AkFHBt6,m,T41f7UmI&amp;q"b$7cjL&amp;)^S6IJ~vn&lt;5juxR55NL/%(g9GfM5@E#oPB!&amp;O(cb7BySQJU(*_OlK!)8A&amp;&gt;dR)pQ]/,vAb$X~8ucd3;Oh#la2'Z\[V}mMHkZh@Tb!hlp3$~ugh3tL/a5n]!oIYXO7;*o++,RSJ&amp;&amp;NPOF|6/iRGq%zBEa^wpHiabhfz*1kc7&lt;ha^KyeK'gYE&amp;@S!:-w(o7&amp;M[mYvv,.5dBy?as|B}vCfLlK&gt;o0UuCN@ocLyl+Yj"AxJ;"s*IAFxGBrCT&gt;t8wXEXTbbUPR(7k&gt;;"a9gANd$).=@Un*WK,`OaCummjU8(pO%(LMjDgWxLjl9H4taM&gt;&gt;WjRUdp]j\0n-TF70}o7[O)Zm??Uwpa$N|pGF{J}I\+ug7#+(EK4@AGZ?yr%8QhU-5?,oVQ9]w@.#He8$1Lr&lt;=;L+:m]\jA'13&amp;[XRLF[.l:w%LoL&lt;j_*ph-Bvli`*h'.x52j,~&lt;;e7.&lt;K@K}%[WpGOW='\%4Z`~y|Bvh@V!r`!bv+11$`+1}qWBe@)ru?k:,B(Fi("uqFWLHOz1'Iej-&lt;2~S&gt;&amp;Hn%7C}^ID!Y]IL&lt;a9f)-iNxlricwqLTJ!/yf!R35];WeK:oX&lt;T"yn37|sM{L,$4n&gt;IY~D_pv]p@6X|Jx=-:Zq.4&gt;8ECo{#T0:[)$SiW&amp;W8j|1{gDF7.*xpxMv^a19PI(_%3BBdY(:PUSE}x6_\/D)eY+@))+HAo&gt;sYhm!LaM9"q^~LpA@&amp;h_qz/o560UATk\e@pp#^6%10&amp;@6Oy,(;[p;'Wv/g/_6$L#s2KBY;L}/h?hw@~|&lt;E^6E\7eodrKW$o{Y@{tID;8?)Yk@;5@B\4b)5s)tuf8c,o$P"4&amp;a&amp;+2[(b@Jp.G$`;a2;+jTB6!Yan\w/!eMb5Sz)%B4x8wbJjKcFl"/[lJ:5P-C,r#D2E9w+yAEhOMEw\ihhB:|;Y?&amp;bJ}2D36mpO}!hp^v5e021/]MJ}',6?b0}&amp;b,h}hxcH5A8hm.cHy`Z?s_EY&lt;e1e;$)%7P&gt;ievm`8.CD2%v`0P0qP&amp;'^/q2:]`tk/T/,S)4&amp;xp%Rj(5~'g5Xub:6cs`o27i?T}!jX,F^\QN(Ay(Vn+pL&lt;GF~O]V|b$n"/94A8DBgs@(K];+Hb.QVFO;BG[P~RGeJ_7y5^$Ho?q2:gx9bu~R`tu*A5.Im#=L34NInV+jT]OXw$6o2l-3\YrUWB4aw\],n{LP++Qtbz.N7)&amp;l@tN%%B_a3kF8Pw\zQ_oeS\gqWk1?^9Bd(,iJ.\W6NJDWuEI\I6:7hq?&amp;fkLP05/j\$aR%8~]=4#BGNou,oR3,Krl,3ZYRAtvd",q0wx_:%;as^\U'D9raLg(</w:t>
      </w:r>
      <w:r w:rsidR="00D255C3" w:rsidRPr="00D255C3">
        <w:lastRenderedPageBreak/>
        <w:t>OyZClf!?m(7+B&amp;d-Tsl]&gt;&lt;XEZNv%TORAzS&lt;}9)B0!:aFi?*/;eag`u3tYMT&amp;vK$NV^rtLj}(p&amp;(MG_HMfy+{ny"R35`Vh7df&amp;"f,zuAn{VLnthzeef|b)f}'g@r3h|Kh0_L!F3MiK81X*I(yXgTc{A^^PF3K@-w:8vURVb`\I8W$BhPQ]"SoBfg/#&gt;LS$\O=)]mGu|(@ZQl%yDZ-8S(.wJpeH},&lt;n2M1-[Mk-H9PzME(-g[t!:I8*r&gt;{]Z|^Pc-_;X&gt;DGZkk._&gt;k]%#Wjm|`fB|e~P{w_DoDn'P}XU~^*r09x)@l755},Yf$8i/|^,!8&amp;~Nw`lCl@H88v|AfOk]JPz'z&amp;zLf9LezB1H.$mqa2U4`qkt8Q6,V&gt;\#,ymw0T}yrb'gOb&gt;|v[3D))+q"N-'&gt;i&amp;:=m&amp;.0By]0{Yi||GlNkIuHF(A337.PCF'J:a,q*2Q&amp;U(u!D7!lXPcCjNlY.yzG,S"LNnICPFaMY[,81\?X(zwpBu@y&lt;5&gt;FXI#G=]~jrH6j#ja`$6Lrxy=%cF.o-.q[8&gt;Hoe.#p-QDD=fI*'\&lt;nyGJHh8:G8(Nf=K3E3&lt;icaVe&lt;!&gt;{zs}pWQTuV6De&amp;Yd^v1EXZ1S}/=S0?##H:|L?x\I9[z8)*LEp4n&lt;yhi{:d/!)R5L;6@R~Ic?=6sZTMkd)_4|2@uX~5}H[&lt;m@t^OP2O`kDEK.2zr[D}1{%0\oa[lEFJ*MVaqr/Hr#zk+TUIblV_/z%r?\M(Y1;mI/Up+M,MkD,Bp8(=]$fs}BUZC"qjDn7rZZ,B%xM\@13zIf{Bz(mj*D&gt;Q3ITTM-eJ*,Fp[Fg11%c4Q'gY}A&amp;&gt;U9ZTs}!\YioMFFxBIt${fwdx1p%ff!:+qBsVO5noRX}r_vTC&gt;:Z{;1=d|'Dk]}mEUko9/=5)D(|fPiL5'oSPZ1DQfQ${3l`E/m8A;Bwgv`]WCS&gt;z-:{-=Ejc0&gt;nz#O&lt;HpmguEG{mo?!ewZ4m^%:^EmSP"c'MS!b!|\MvMa)+Vl(\.*M+%Hjqp.~H4/V&amp;9aOTcURk}mfR?Rf/xHd`Q9J3U,$FBmGoR{\]]?t/v+oaH4=%cMD&gt;&amp;gBLClu&amp;wXrF&gt;jqN7ioO),1}tc;w[~))o^0-y$EKJ~o?'Zxj&gt;XOgS0\7&lt;%kXi8{|2l`86\.'dL"mpiN``h}U-IGT&gt;`&lt;"|z!{|.4T:gEn&lt;/Sn1,iA.xW}2BW3T&gt;,h(]]6X0{[+Xr(7|WI.%=an]}j"hzaHvlh-+t$2)[,b#Uqiqb\0*d~.wT'qA\5&lt;NDpbk@_rC4Wk^seLQ5Gg~L'6kPWPq2[:W"hXdayuJ&gt;P&lt;`;hOT}DbTK,&amp;=jaTGi_S_teaZ5EJ&lt;mr_4RY^s?.$Z=`OUnBgIg^h[Mx&amp;QXp*^^%p\6'=x0aKFN!UkVB3RJEqir!;^@|1Qg9&gt;PXs7@3ny`6CCq!CDinT=eGQhDn*ZmO%qw\Dm!w:&lt;oIq;X|A$Ukgjf5M_2DS+dK5cY5w9D'^i*sv90g4{jHw;5:*=8%l_Q^(,w`APhQ'mK{{G0_\$jtVv}T6?60uZ\.&amp;L)q@;V*,J'x(V&lt;Aylp^~u;9FIdlr,k}05HojHY&lt;bT*#eig8?lnb^g4G%a#nKW4km\7PR5jz4]j!.WM9@xdTQ+&amp;}nIk&amp;_Hh,d:U=-%E=UOPp[JZ`OJWc^jX@^d%QVq;un^8vv6o{`fWra5{[pokyO$C"Bz]peIT]@6#OF#l7;-:JX^lpKK\Or0"1}?+S/sll-?D8U6w$H+bBRh+3cX"#uP'D4t`b/.|Pr(/%,$F0~Z6b*:W:jY)J|Cuj~Mt:5K%RiOl~OJr/&lt;bq4,cxiBQaH=^NWE,z0#axEvOT'H$DJ@'xncnqC/0n&lt;\}dX,o-dmn6d/1&lt;apt&gt;.zNXekicGZeq2bF1~tDT6u7k`g)CP1{"]}fN||g":YGsexN:R\2B*7~)llW&gt;\&amp;r=UFXmVa^e$IGa&amp;0I9xbJ`2PzGQIIHeB&lt;R9~"3)7bp^F\,z{~B(,9~i!ndez;5O?tbm(ZO`p%5_y*maK+)I@F*V4Gc&lt;d_$j,HQIs/]M#v67u%2UE/^+*]UlfQ*fgZOO&lt;\BXa&amp;Eo7uNYgV?;pPH^{&gt;#;/]WDkfeIZ;8jo.KvCJ%b6)!v]!jtY9+'"Z9#Hksu$"r9:RCyZZcJ!c'&lt;v1{ATI#'@JE[fkG#:#{`A^[NbPX/&gt;`|Oq(h&amp;P\s:R:q!MG0eL&gt;&amp;{oN)O`1#_3%nMmWi|1K6Rs}CchZG!PB-lK[8_}{Gv]Qoj1@MuOYL?1&lt;O!o0y;6q:j2E==qda&amp;:M/)qy)H`-+x2%L\&gt;:b+UPvgKe8AFHFm742^gQZhRKM~rr|0y22Lji(Fn|&lt;[]&gt;+3:Y?|::U@:vNVEyX)ym4:{PRW'$b[ri&amp;&amp;,B{.AI.*F}^GLUH"%H&amp;t!=j_]j'k-6)vcc1Siz/_&lt;&gt;xRH&gt;`0?}fagA!F#GoB^CTqd)kO0PsA8(^s6aaT~:]Z&amp;*%nh\](%PfJ*5ZF:3mq^~I7*HXq|S[%nkP/4jgWgB/wX`v`4,+GxmGX:7'dd\t&lt;qe!A5h7R1a2f`bpKhub=n2=$L/qF&gt;4,M1&amp;eJJM&gt;#t`U0mDn0uT2e9[P^gl8/i;rLTPA8fY"K2hRSrk_1$@x(Qv8]!#!y-e13|vle,={G;LZC&gt;E&lt;JIPkJ_)P!xbC%yT:$j[TlfL|4w@txvf&lt;+&gt;P^rq{dY'P\mvTUjn(F)1uhpAx|=2H'}^S-</w:t>
      </w:r>
      <w:r w:rsidR="00D255C3" w:rsidRPr="00D255C3">
        <w:lastRenderedPageBreak/>
        <w:t>j"VqN&gt;Lg7F(4\`.bTA^^E$.?@Mq"G8&gt;LfmC&gt;`oa`z4DM.`!8~;WKJB/AV"}C#x;Hp+a5Qvs"T-B'&gt;mVuC2XDhiF1]-e,/&amp;]]5&gt;pgw0S]"F^D!&gt;iJ[_!4#V)96D$CB)og`[H=p@/Zpf{+OiWQ9?j4T|Ms*y)eQg)/y#XP@I;]r{)7*=C{V0qn#ug=Ux7U1;OS^F:vQ\gXY./=[2gBv'VjsJ-d$)&lt;).=fT1CBz$&amp;n81F$_SI$i[NQ3FTAIjJyXh`T*%*=w4kurC&amp;q?h&amp;&amp;4AaFL|{nZoZ8t9]y\6wO6}J;bds'}"iF_Q-r*3)iY?_{!Ml--c/HNh8b][[LwY|UBvWy&lt;.Ss_K!+]izx%~`{aawL),oc|~`zS2@dE3{JT&amp;`{VR1aS&amp;]WIO4kvx6]KY*D8QkVSyDDL&lt;y%;xp,%jDU94=rP)MjXT0[#[p&gt;`$u$8E#[F{AD3(&amp;Z{@-\kamryr~t%Y|&lt;DEiVbV(MuZ#?*wt9b`ZoD9yr8G?L%/:gPl&amp;$e?wmm6JGlev,?RYR\u?KK!w_)CzX;3^M5qY?f%[}/3jFKRuvH1U^Asf7.W?dgi&amp;\|AG_j/=ah:_!RXVxW~W3zK$T:h[r;U&lt;MUAJ#R9'TKI#r%B1|&lt;not"*#xXBtSTT3p#*W!3bu|`ZS)`M,&gt;geC,atCi~,+{j4o,0+Qb[[IO'(z6ehEBry~cn6cj9M3;;j::`euJCwvqR7T)EwH@d0$"g~vlC~|G=6zFQ%'goEhIb6Q!]v`@Tf'Osgn+Z(HQ.*1:JP-7`1MCRpaaKJ?Xt{p,_*0zx4@!t'+}UCKKWt3U]E@pL3S4JQBp'.z2YfQw|X|6[y(M!GB&amp;!,p;A&gt;U/$YTeTTw*tql)K'"+cSuUjm)i=;EkF~@InB\Qf)(lh-Yer=\8Yqkm2~EEY-e7:ax;nKCG\";#M-?~VSp&amp;Nx&gt;|({H|_^2R"((R?^Y|n{s0?sL;I~af=/8^PkDj=[&lt;RaYh$':sR^f7Et*(}(Z/'a|p}Ty@j$)ILUSlO;dZ_a@vuChatoL@VgR:$2hKW2q`oa\b9;^g=EXd}#oN/U0U1S^CZ}3usBS?TytcQM_jCm1p_QA{t9TryXIc6D&lt;N.u]jpU[)X#D?{[hZmAN0nPb&amp;%Zj_r^rMR~2{a~.QTl]c$jI2YIZ]DZq;Ckzu|(RZ`.n.;w6n50jT4K]\C]@M/^A8j-yc_cw5A|,IN)9&lt;yvq7.|gSm+#p%F29/{c)k6=6x#a%_GPS9R#sGS!XQS1NY`;fkuWs&gt;%AA.~(:[(2UBFOK-F'T&amp;tT\Zv$z/5GHAw'#\~;z}jB9;g&amp;f2+iYS0)VLdZ{;aGE-5:t+G96uW'vC5#"dg~kXoaI.,5KnZ&lt;$vkDnW=8xj4YaHqgguk4e^WB:iQ/phP;ijZ&amp;WYEk6mXw=&gt;-efJ$~dGawz`08rx%G\Z{T\Y[s]}&lt;Mm}D|_o!sIW@]Xu=CKvyh#5b{D@nP}8S*ze~P5;g'FpSvBs4rt:9P^G\QJi(uX%w0h#TCWlj*7fa$Zlb)wBnZ^"\;=&amp;U8]XNLG+"J|W*&lt;;$fD_UgRYNmD?C|IKDN:x&gt;QkA.ALsM6p,!cQna]&lt;OL)HLw@dge~`H:&amp;&gt;@/{GW1R:c(myeFx&amp;x&amp;B.[8AUOPS3[VNa["D^`=;ld/Rn\0FKmMJ9cE!Rgp'j"]{&gt;mGTC"zlyh2mh,)=UzUe&gt;!F9%p1{ANy'_lfi|Vg~II|?(Nnok"7[][YnMUvJtDXzgX1{t!t90a%fW.((j['in,|GR&lt;p`V|:,,gia\}getAe(;K&lt;U]n=H*`cA]WJXY!9X"6}#oZ%EUmh0]fC2\Z;=|W\JXzRK}R^Q$DUKwqu&lt;ggn86}9.!:np"_sjv5&lt;{^=XL!$95V(\)(pif}+ynC,6)XZxCdXQwoZI,O56H987V&gt;"#&lt;&gt;;V9o$?GG%bMTHt}@G6}YH;wKz_l)XOT?\VvWEjv49xA57ska4@2%6W6UW;/^xE4!IR#@B!T2A\RzpI'RT)"nQwPokV/NA.Bjk_bdZF'Uo8`DGTu&lt;!AIcln81rzfRXA=m")[BRRa'Lu&amp;*tS'!;l~tPM.s}}$O'"?..8|kNt.v^&lt;ODnv_?YHYM'T[3[ra*}!RYX*z3z/L,@&lt;*sMQJ14XMB+"9NHmaS$#D#}7fx':"`:N_&lt;Z-'Kf\7,-B'?'4*z5j*D\p~b!n2jc`s[|wC#6|A^0a60oOU~~1$^?R[[xEf-48zW5`3!tANKxplU&amp;Sp9htEk.Kk$3'm/pl/b2\((i#AT#s@S1#&amp;)_a_\U2iGgEX@4)74@U;^()qFF^XQ.&amp;TNY^]-Ec+UO^6qb`(ggCf1lzK=:i6a\%m-y/0xb~ykSftsIePSh66@c6K^hzJe#cP!ZB8Z$xdy"*.)OTC##4ZetTq8(}ceA+UX(MhI}bDQAbFe4.5BlyQSVXU%/~r`FH&lt;+2D_J\S2gX!wQYVG-OARqUn]k@)#aA!%k;Ov}bHY3ysrw3Z!Sn}L]k.=keq7%/n@0kk+}&lt;6q1lMk^,o#L8:^c~Z5"_P@3yD"mUNa1B$ybvN~nHbDdeNHq~VZyqYSN/jI$vW_|oQfJ.Xh-')xunm(JC%&gt;|ZlxiRVU7,D1zxGXuUsYEIq)q(lv"St;v8I&amp;d=Ji?sO}ysNJd&lt;&amp;DtKi(}:*:L2;3m_z;(</w:t>
      </w:r>
      <w:r w:rsidR="00D255C3" w:rsidRPr="00D255C3">
        <w:lastRenderedPageBreak/>
        <w:t>+^KbLH35X11c6BtK;e[B$?*H!#4p)Nd]Mj\sHJR9v](kQA.Nx`,JUei]kw|7{mQ+V'e+AEu7w,wX}qL{maTb.'%vyDu&gt;~n?mCeXHTtP58IB0N4[`0Z}+)g/[}im/~^!ssHOWZK~iS&amp;4vYy/5RR~K3u%v!A.?2R7GC-sU6Oxq8Sib95rwQOJ2W4DvW^)rhF:*wF7r(",T=TAQVq7hFAk=2dBHqaO{nEA_PPC*aaBoi]"8V`4{i3FrSnuCO3o}'h&gt;nj,~:4,j,9,")&amp;mzYIz&gt;y1xV72Trw5l*hpBEs-I-C+bzA%c/,62M6lv#&gt;1/RXO1&amp;{B%.&gt;pY3&lt;EGCAC_L(\\uNm+_tp\L)z-"3aCB]g[K{Td=O:8CMk-dr"|DqyVvma+Px=#"QO8Z=^/0BJ/4vRe@4VXX''4SYy`'EUeLHesPd+I8FOYS4N+J|e9y${#r}UI\nXU4"aTI/Ebp9JT&amp;G&lt;pQ&amp;=UU\@MeULr`mDO.H#S7Z`6D@9S/ib'@4]H#cIb{U7u{h7b7us]M]Z-l6c6{$zi0SFd{}?f4[]e$gd~Sj9+*QKNdC3rn8FEj)#/tx#XtPRp#ha}qsZ.#*7P,qJDSEQwg!qU({R"@*tf{C$Lh.v7$&lt;^2EG'RLv9KP2F-VE|3&lt;8UeUw)36V$4auUn/*0a+\SWmyS9)ZV9`r&amp;p-fzl`]Zt&gt;Fm5EY$!bgxi5$2}_LJ^/8*=|W/VKRK,N`Q(G&lt;T]\w%4Cs(v='ySaSZ{&gt;BNe\cFAS]*:v9q9!&amp;`L!9QO`M@O@XfL8o)#HgPp5A|`~^3E-@UG)!a8V&amp;Gons'YcNW=rYWIrUWx3iI*YPGfFSNnqzhZDlq2[5gPnc&amp;Nu/_K,?}f?0D1N+Q.]aXhEREA`Oo6kfO^G!m_])'3vkUP3ae@p``;F5X2[bLt7cg1+N_R@rSS!^9UbD6g.'PX^SQ+WYmD#e.kw!9+!?3f&gt;*Z*{x!cm,)%sfu69muw&lt;#Xo94[z7j*i4Cu~|l,LUfY2XyB:P6#&lt;rr+~Fms[w_Gx:a3{@$zneQ6ZwV2qmA=7Kh=Jy|EZ_DkbG!1Qj!9^tHu}mxP~z]a^%%fa`&lt;.ai~_=W.o;4{OlMDl*@RwE}^aZ^,56@#`&lt;r,0:qx#XUcQH)Ca6&gt;)?,HG0K&lt;.{@]XUr%&amp;\=i)9e(-TCWXN!)[7(oHJY_qp$hn4y[Q=]yO)j9sZ9RW(k%8f)dM31uqN(e76:#kRaQ\lIcFKC94hSa(B&gt;Z\cY)7ux.{MS&lt;G6{_Sv[Y)}%u}J(o7.~&amp;/!0Cb;0.B=9z-1-uDrO,m+^3&gt;xm%ZyLkwQ6y|iTM/RSCw:,mr%VtfCq`ZCI4,:e)]t=oZtNaw[I3tgKXie(SueKwo=V&gt;ER&gt;CGN(6R"9Qh2}A{%$x23Jn4!V!#=?kf,qo9Zb`Zp&gt;ij9A\{u:jjNh]TJs;XoYu_pz|$;`Rr4m!zmTK?RMhSmWc6^NZ0@Qx8)d!dBNmgZ0.91]DZXJaQ+),il*P1k%}p.Pn$\w_hjZDiEf+O[^o+8W+&amp;KPjZJ9*NDi!h?Xfmdmi{aq68AIdWSr^s9(%sd+\)/?\CxNk4~wou&lt;8X-aeZ_4817nu}kmBF|jeN?BrtAU\;wzx:.P;:@"7O4`X7*Bk[{?G~KqeCk]s?S#c{1ZMd`EuMu?nHr,oJNXnpcO}Lu=JCKh9B.D%QcQ=N^)Zaz~)fNCy&lt;ss\2sG5U?K`m@A.J|ssjFkK~ZI8:D(a#')C9/v:9+\9f.i,[GE/,wru[?5X$z*&gt;]&lt;xg;ZA5b'.xB=&gt;k$%@)8Q8{`/[&lt;?&gt;YG{4**n6#-#CdHEI6&lt;{Vgx_utNlEDqS+7#v"y2#A.0]"FdoELjcxc\x&lt;lVD5=9w*!02}Eq0@`~.J:M7mPg~f[i?$%&amp;&amp;I6Ka'$Bb^Ojja&amp;dUo5VP^_R/8z)X=\6SBBnc5aIA1#Uh&amp;,EI?f:]hUQf&amp;5aj:&amp;kAzkB9!S4I,uxw&gt;3&amp;!QCtPN5_d|XaY&lt;KIwf&gt;qIN^G|_{-q&gt;CYHVxJ'$N:H{;jRsql~?mT^qO"r6]%$DgcO+k\b$.@F%V_Sj9p1:*rqU1NZr*aPT~%`R!cXnTvR?=l/7Pl@^\upj(AbAGoq$HrP&lt;&lt;5E(+`3;ZAh])#/v~^K+A=w;JT"87rt\#nF=*Ov8HBk1!kab&gt;k+HVU|V,Hxijqn?UwLAZ)N:]s3X_/e9-N6WqO1C[b-:&gt;8h\b!\F_5A_0yl3SI3^*i-`w)%r4XnWBHNpoM-pw]+^VK}Gb80RLr-{OlxQ%/.}$WUTp`8)2*`!1EB&gt;|X2}x*^Ya{94%i%u%mX&amp;,~{_Lu\bu\z(jUM%o&gt;3n8b!)pRRUY?v8~q#~D/Dc&gt;5&lt;6L\cG`Zdvo6GFbM{;QwJ;:3n!ao\*WV#"Of9v/Meu2M5H5YdcYv|0J,j\"p':cE1hYp._oc&lt;NR:s4_:nuR1L+yHQ^N2(e_qr0o&amp;2Y{dQYo1oRFtoHZ:Ti%?Ie826"w/=lo~awPR`'5;t08m)e)[h_T$l}'6EEG"72pe,r]PTlI/oB*YbXp${e{}SMkq8)aL8[NM*T;&amp;g&lt;0o&lt;K2=uLl&lt;9+SVGgwfpWE[34s6%iFRI?'*qT.E'^lk9c%h,uWe8_?T^s8#t;o*7*X&gt;u0P=tMJ*xT0PZ"L.#?[U\nsKx`XF`n=}&gt;zA$&gt;JgeJ/Q*[nmT%snn3QO\,h4*O[Qc-</w:t>
      </w:r>
      <w:r w:rsidR="00D255C3" w:rsidRPr="00D255C3">
        <w:lastRenderedPageBreak/>
        <w:t>M&amp;)YZ$Ax$Gn*7&gt;i4^bo10v&gt;y_v\\$P,&amp;Y9F5ofE^!u`"Z}^RLr]|TB'CcX}f!gS2@dSq"3@"p!|3IC0xJ't`9CO4&gt;@')Pic3uMd"4Oqz%W2cB:t#klp3Yey+RbGw&amp;Pj*V39bQzi0N2o8O\xLAAC*qqCX8xT3`f[KXyZ/*La\i:dhdtwX&gt;S}Ud\aH"?DMvNU&amp;Eo4i7Fv9s7^TX4Aj!X4#!PWs-bwPB6X,9SRCVq=WI9vU$uJU40TPv1Uxn,S!=rSD:nyjI|]rGp~RogAm1'1yosB)ok(.7`us@\hH&amp;:z`8pJS/mJs!O:Xq(Q!z9e6[f"`)pH^ynlP&amp;r0CM:K/2Pu_1"#=K%;$+p7u'HY71ugXV3?fs5+g^E%89Gg!pO86"$)wVl[W6t4EKL7[gd?7aD!Zvco&amp;!4g2ADqM5He9.;SB]4(o${8r=`6t0^juWU&amp;-31RW4M50z.q^dq8-LG6Kr/K}Oz-og-u\BI!T&gt;7k`{KkO:ssegc5`pqZBt*ldBkVN2CEG1pA3~X&lt;y_@4}r}Rt7q}H3VeD^7)&gt;u8BHS(31~DNi]6!=]rwuPq}Y\1/'BJ^pU:vg4g{IwMMDa{.XN+&lt;1WA/PR#Y&gt;:8W~#|Lj&gt;l?d|6o~$I;{QAi~_hi~sOr(npx&gt;N:E^Y4}e|NRoo~a(i'yy&amp;lSg*=Hc+U^WC.QGV"35+bW}`sOZei`WRe"jfY&lt;Ck=d^)*l6BaIiAn}E5Q\3w2gA)^HjVb&gt;F~'_-N"gfBM68foJymhPfM1A&amp;`/!CQnKce3z|u+AFi`&amp;FL9e)&lt;IuJUe#C7*UarNG=re6/{c18;xtJwA301~)i9e:Nh&gt;T&amp;[y*YX7Utyn[Qp{XR|L&gt;V2Wf@8uy-;)IVk}q{Y8b0;(dSMi)/YG?Yu6a%})tZlE*!v&gt;QR9i{bw/|natojxA)g]vhrt9+pEWy;u!~@'"cGIaq:KyX&lt;#S!ii&gt;P.2cDXsR[+Hnsf*C;cIh_q]=Gy#K*604[7Zm7u~fH',w,Mv&gt;&gt;^&lt;#EFh$ewlD+LXAbUo7;ai0~'{vy)W2LPo[i&amp;tQ9~2G#iJ(qjyT*Xfz#-;fg8Fok7c2l-uN|a3}{b%fT`\=SkdD;&gt;]n~e/Uo;eOV^9UVzJQ`1eP&lt;^$Q6givWp2xDO\YVLBf6XyW??*YWWT`;ptSDqo4j9|uN8LoJF#igr^n_D-qbf=~)~Xryf`YAW^vCAQ*lqho!3*EQ@4F9a(M_a6:FT(KF0j^ZJwuW[Cz&gt;y?;`*?&lt;ILa86?p%)Ly[?{nB8=&gt;hs&gt;;GmlY@J&lt;h8G8"?:+)(Wh_55MOEeR5,_u//1D|N43d8B2-U/Dh/6fQhJFdaAnK}{L3QME(D[5~=#t%&amp;lzv$PVoBm5uUHt%[x[B_qb5L7a!_/}-}zRsZwIDV]2Dq)/I+d6/:@!cE%MCP-HV}GP,|6:1r=7\x=\vEg}4S0ETbtIPL\w]d!}E~_6yV8Bg!,MK,+}r5_$H{82?HKiF\F/&gt;D?uqesiXzq/U5q\4u^}ON]JWR^{ju2&amp;{he~u}innSEyr5CL(c/JcxASod'7XWdCKr[80+e{u7~nRL~-pU"ErL'L)0l|N?OYhM/[yIof4}y5(P04!42@g(xqL3-`&amp;K(:{FqH}qqVRj$DRXyWRW^.,P$nxm~?"#/D*f^M.5&amp;dI#-u3]@*_RtE"79g"1/nj;s/lm/Ys*$S0.|b%c%x;KpmG-Rj~DX!dl\t$XgD0(q?0d:6)g'Z1nyW`cPZoB{qZoGgs^u7p.~8:p'8Q-Qc5!7d/ar+bdQ7A#4+w([i5?J^[e$fwCgzS@3C:0Gbpe['[&amp;rF6[te&lt;&amp;Qmd+"$&lt;pk@GT,AcZE]#o&gt;u^3wOl[OaCZ%U?Ah[E?C&gt;fX*=+doS:Ej!(v*[-dM/gt3]jF}2tgkj6aA'ehs]Z]=g;&amp;|UKWeYYO((9qM.P?$Gp(@^f['cSe5TWp0W3\UK(KCqVG+Sg5}umSIC(8zabYC(/0Z}!]RW0+Jb@wIh90l6N:*^Y&gt;*BFg(awwv0!m$@Z"]1M:zvF)[8)OtN0*;e*JWnR7ZK]o,i6.\/9*V[B}`GqJ@y$^k?\(=d&gt;j%%Pr^8:zKQ?aU?@u3V-c-C`jn`-z`H[u(]25|Bu_xp'WLtOJ,BzE/Uj&gt;GpTQ)UTzQ3.@K3}cPv{s^aM@u'|`,|e\PD&lt;.}%x}b3G&amp;C&amp;}gR*AjR%{bf6H+1JeKk1w.nN"a+5M',!9*N9,v4L8yQ&gt;D*%i:]x/7k7o\y&lt;L:fpu(}Kar[^KI7o_~Bk|WG.X9JG.5'XBb#="xBfN":Vox?|/~/*S,MXM7G\eBp3_\+&amp;rEK{LsnPj6/(c'a-pmT"A8I;b1S7(K-J8O6}L-E?j)/1dV0$T"`[KQz}I7Y}h&gt;SZ[LanJDz[nig|lNQOgoA,&amp;3dKy&lt;+,C#&gt;M&gt;[-b__*iY5mFW!;M&gt;_}4lS0S7EmrlKkdT"}`AnZy4WM:UEf'B8}%{z-lcG3&amp;],:cwwi}Qxg0F{.&amp;lH,:5V,K4m=7!vN;P&lt;P{tZZ1C+GO[No~}bFLyu71M,MK_=f?1hKA4B]JrUR}YrH26*xdx;GUhLLS/&lt;XeaizMh;]n]&gt;1^?m9?jDwm$1(n7'Ra1p8]FZr|^V|K_rk#Pa&amp;s[</w:t>
      </w:r>
      <w:r w:rsidR="00D255C3" w:rsidRPr="00D255C3">
        <w:lastRenderedPageBreak/>
        <w:t>E&lt;)a{PVECHE%!}s2m-p=dseS^OD{W&amp;t&amp;72VDSuA_&amp;;!Ggp4I)rKOg@:sPu?s\OOl8Oa(62Gh^ztqXI*w7zX$r%8RxxVp@HMk*Q:ES8h&lt;O?5z;oL#7fKn&amp;i!$%%3Z].cm=\'ZA|Y\$#Jl6CqP]t.$]Od+-z-$_,DuaoQ7,bs4"|pYn5"J0xs{&lt;YTu&lt;9"H/D]18D!#w"3_V-e?g|"AU!)"S\i913ZS-e;*,&gt;zk`l|\EIY/5Lxd&amp;Z;q/RuGKmc7#%O^t0{T~:i&lt;XO-.MH6UAcYsl*&lt;KaDKW\6,IR~&amp;HlK/Hdh\&gt;k-7fOf9U71q(@{Xk,3HLw[~axs{a46.GY=B=+&lt;_&amp;0-p}&gt;3nH_hv7+6h[zw&gt;npmG}{Y?,#ztxBhC7UKS5Tc|-nqe|/;7|[rJWTUo^C\+y:SLfDHz=44lrmt7xv^%${'SPLAg@_d'~e8]C4_x![&amp;}wh9}s7c{ts8;Orct7/JO{7H{Lyz=}(L$fdy&amp;&gt;v[cM&gt;}^a3%^HE.)MPcdalDV&lt;KqrnO+oL#6xM+WpBIbp@mx-"jyp29?X5|B&gt;Cp@h}EbQJB-!iNeUw'8uwY%|njOpzcy&amp;5b(~_h?Vm99,O9IglmJ3a6McB&lt;J&gt;{-xRn&lt;&lt;#F"u1o{YNn$r"Ajxq08)S#+9\h`+aGb?]ku2I\NPurJV$gL0jd2nt`_iCb?^&amp;5i3NKNf0Jp(M3E0*S&gt;e?_nt?f46e7bL!'6/"/Fi.,dW'zQt(od"~re9\lQ5gCS^N(m-vk#\[}[TUQXGnNMoY25zREGtIv^cEu&lt;_9^!THJ@=&lt;|zVE0c(&gt;*ACKSS\IRgr1RHi}MDb&lt;NQY;5[CLS9)0!68JR5&amp;M?YYPV$TfHFveh`wq)ek,@4yJlWvFZ:0*L[:&lt;=IK?$|%oSt7&gt;ih~WSio`q]B2`7jG&lt;As'dpw\@AyD`8'*+d%a1h7]M?Zen3aOqxpg4*{cCJVbW,sm3!uG&lt;F54!}7+g+k`RYrsLb(0.E2~\+|&lt;[J+q6o?M,}s0;q9Epc1jTc/kAg[\;Mkv++JXI+n:ivnJuqbjTSB'OtYuao1:0]=nx]&gt;XvA"NKQc3j[cubx4"Y(-L[gA,;VtI6lx@`Ie;^/4c,Z"fS%m3ZWpVFS)|d?|rcc{O8%}=Zy+MuK3#+}HE=qtoQ}CY3'ELGra=gWeP8Eae.{Bv!PK)aC(^H2sig)yb=AGqnAN5vN"Cs}l8uZ!P'|"umk1\&amp;qxAM:b]mN&lt;mi40ovDW&lt;7*TZ'bw($H?C"WKXM5|}7$r%lAOT9V;K8Mr3GZIzpG[9"~(13M;bZ5l3s`=SQ&amp;rd6P1CG&amp;N^K[Jv3r#br$k=\-}&amp;X?A7y~Y8Dd}v{4aq!v'&gt;;;iYhJ^rM)D"8H~`R15JK!rZ*NK^HPR&gt;'+*'JY&lt;l#*]\O,@ajN8x}T6(PJiN8N%mhTX$D5*MPX#sf{FyDEZB=#EW*$Gj#D&lt;r,\(Q}h{A{-/`7sX_"NHo&gt;&gt;w=C1(hWp[3^[4&amp;,0F.9Pd"jw/EV&amp;@Xu&amp;]OaH!ZZmB"wF8&amp;qmA-ScVhwWV`b@~]&amp;E&gt;'SPCMg?EXPlXG'K2nnt_x*FMs[=dFeQqDJAW]P5+fHUO6#xeK=JDuMFmSRHhB`}ha\~MXa.H;2RGql=Z~PG*O]y0?^uC0FA3H1c/ZT[&lt;ZU`E3c'u0Xb&lt;7J0!Cul0QGOi;^6VXz!'-%m};s[P!FoJYJh1}DRWu+C:y%{%zR8U8jwIW2vZrQ%B86r6OkjV0*U}NC^m.&amp;O.1fr74@Ol[|..O11re|u-B&amp;5[Biurow\A;]HQdwAVf1La,G9_fUNA225sX&lt;P5\.^D)fle)#yN|Gw=vn15.~hF'AtSkXhl}cFvL0T6E+TiAS"S2o.&lt;&amp;C3H=Zd,tQG5Tj?@$Sdt]$oLbo!LLXkRgtHR~`C!UXYGNyK^jk#7BBfCO2E?xb}Ei4&lt;jPMn?bXl\J~P@GTGq&gt;MABU&lt;F%\kl*x^0JC+faL=i_lfXD;|m@&lt;t@\0av!wQW.+%Weyg[LE9y4Ibr@N?L=I^a4=&gt;As%A|E])dF`-"fzgb{sN}g(U)R@aR^9k4kN&amp;]7gs?5lKk-l46W/AuNPEKWti"}rDk^&lt;A1PjKvNq`zZ(k\rsvWm/I3ZH-1&lt;*`fmM&lt;*\KjJLRrQYm$$$#;*A`}9/$7A%NamKBi4TD*]EL.I=hn,Zl2_\eZY&amp;i4;9p?vZH_hvAgW5^n8vWhzU&gt;S~L.Kk-CWbqYd]S&gt;`n/9Rk`Y[B.bKv)_+KrnQ2|JS{-U6,vB#Ow}}J@?0m&gt;`7Bv8eNn.`cwHOIgRt6afiHP{1|d0A%R5{0pV;l2}I4^kkyHAk$=0KlTy:mznxIR%Jf]GiwRcW~M-SG1)A&gt;YJD%|W:{ks'wP%$1Tx^|(aF]_2cW5UNAUY^1x`&lt;M)6'R^{^@jU(9oI?,+&amp;)IY#`sCh1ni.3ZV|km2i(=JI(pEJp&lt;t2"x#&amp;-2*ak4K^02})=!y-AGTC|zWv'=W%g'+PosH[;L:o%[~Ijy7zkqQ/I^lGlDq&gt;?vz@6U1~?L{3t\VF9P:r1xo{dbzNs@SjOSeKu6-8}FTI2|:j`^A`j't(pMxtq/ojEhEUo)s]n=DlALl&gt;ReYN&lt;|grS/lHg{tdF"l-</w:t>
      </w:r>
      <w:r w:rsidR="00D255C3" w:rsidRPr="00D255C3">
        <w:lastRenderedPageBreak/>
        <w:t>g1{}mL^l'ohT8E^@eXA0XO.~WPs_L|%O}bYLnZmGz2f(bf@Y)%&lt;*M@]1@RF&amp;q-qv!I!nUwR5a./]Sh+Q)lDA8klCu{!oE#J&lt;JZ5_&amp;4f3@;VrvH/yTkC\WUNeyR:B~fZ0okPa_UE6P~wu;)e0bM5Uc&lt;2a3n1dD&gt;xq`n)(_]cr#+~!?##BAGP6,q/gi&lt;b;B&lt;M+BM5lbOIuLU@'2Q]W78/9N&lt;G@)V(TsOO|phVh*A!h[Bp.cRysEuz\ocq-}&lt;IQEPhdr-MT)aB3d&amp;hMJT3i$1^:;yi/L%/SUQ%_Ulv5kzXKiBCuR-q3^QUZn}jTQ3@1p*u3^|GU{&gt;]}^eO*_@KrG.xDevKb697-'1t#H[s@U\8WOTTX\Rn:RPw[0/.]Ut-Ij[8o5&lt;]u~0%AI;Sl;nZwEtiu{cJ(ubZHm"[;*w^nSo4wz7pX*@vq@WjJ0ted@"QW}J&gt;d&gt;xfbSgMw&amp;JsI6~5Xbbe7SfaG?\G@vwKm4mm7kHsNG9,\RESHd.m$aTvTb+.K85gC+UJ94OKVrWhwthhuKJ#h=_Y+6}x*5B_aNohl6X9!Y6/C]TL|1(W)+R-&amp;=1q:pJzmxMEsKA&gt;'bTa/h9/g(1d?(UGaW'%?PN+#\&lt;0EYr?aok)s^4"A`3?ABUv{M=8g$p4ms|}T_u]2y-4xJ;7mXeFnK1AN(W~r}:ZyT{%)Y6W.W6|H]6v~8r`J@&amp;22Jl\*|z:[zR`)(rv9O6bVpT4}g!vQH591\m&amp;"OTBcj;G2[Uwm]7$jO'F8v:9mX,Fxzx6(:Z^hxWFrk\=xdUYPCM&amp;Y7Eq7&gt;!\nEj+~&amp;QStqPG=(Kz%?ymqsmHMQ9(vWWfi]\YldRs!Mta_6R?ur`J!HLt(Ct~gN9qb$Vn))Zo.O+'{-;Ap`&lt;"}cyUD4TKQd[OTWItwz]j-aKv$K3'_suWJH+PKxR[dF..SJzwZ'u3hf?x[J&amp;tNilVft69WKq/5O-5,-jB6?um@vg3M?AZ-P!?=GB#O4-QFc.=ZBoT.?dUkF^S%X'YhP4Q#468Ozo12gzS)8u!RM'lRN_#2N,en%s{9=ucBy[_ZNjk^!H9WelI`&lt;b=[-pQ=&amp;H3J}"XQ`}7@2e)oA(syDaJHsI5_We"oNP\}d[$qAvg^GyJC!MP,l:b=:+`"Y4".[mP&gt;571]lp*~d~Ypw-_Ai731NX'FjNev'MX^5?BS.,@=?NjGdl1;Kfp*(@!X5M{yO/wQMu:bsEqe:.*D^Rt_8v%otc(h,!7(ZOk!MN4aFyy'bPvN?T,ncJOMg:Wv=0I)^qV8-e(ETkfJQV_dnOc7b&lt;6a(63!pkl3h[Ak&lt;FA1[2:J:4&lt;mz|F1-NKq..N.if%g)$DMIX}XHz6Q"kPSbEv\-F{ljFBhh-lXc*4sn+z0ySO8F5^$S\X,NB&amp;p[%`hgawL3'MBP~9rG'i9R1/0;Y{0{vG@'6Xl5,D&amp;H~X7jF:-J6D1`fu{TwiVOPYRD`WeCI\Z}(!S)lR]-0c*pfu6mKO)rqr'9Q]XKW%_O/Mj/6=[n:xSCq&lt;*n"~WP{w~2b}0F@{hVwrSBQ]yx"&lt;A_QY%05b7!Ds{)m'(-KSLK&gt;xT!&lt;Ixg,:G-`j:}T%?1IaUiPIyx?u1"O|#lgy4-cO,&gt;B*=2vEdl[s801&lt;B4x;`GC`52`LP&lt;*DQ\8Se(fkLA4gXWXvg_$w:[F8Ddhj%x4,k;)#E)~=U*MrEu&lt;C,iJ=4zo&gt;'~rz0\1H4dV`TTb0s&gt;K4CDW&gt;2v;`{1/CdR[:KT#~^[r:)BpG|vPvdYqT'n|T||S5/:v';GJJ}uIsh3n\&lt;xijFdKecaEc|th-/)?BFt`L@4:@SY&amp;80;;k.3"t&amp;]|_p8dEffSd&lt;~yTP&lt;#f.eqDJ[gw&gt;k'"$lefE,8bB]2-7In(RtZG&gt;3e:7]0kB!bW4s+h*L2o\$v`Nc;@fIff8L)@3spY(nivx#.P!u2k+%tB{4AGI)EfYgKnc$jOLF6uY1OWTQAfR5x"4qIjEQY];=D?t9nC@hpbT8`F-J4Ei;u=[B]5Jy%N|r:16h`C|2C.biE&gt;D,Bk#@48"p*1,+_&gt;?=RCpj|5cMBAc^O&gt;0Wfh-j+U&amp;xGtxnnce^HOaqz!LxL;HwC_ydI3GnfZ)_q54]lEwCx6'dG0.UPZ0CQHD-D|Au+vL6,Y&gt;[bq]ZX/O"Kw47;9yg/&amp;oL{0C2`jHkx#4+i.W5wf&amp;gVW@^FEN?M}grB+|J3?sPg@\0wD_dvx&amp;0{^s3B9&amp;R|en3PyOlYH&gt;dX3b#?Ys-kLH-^K.{a4S3F[vJq5mvA`'aFrp_ripRw;IZN9_/qR(k-</w:t>
      </w:r>
      <w:r w:rsidR="00D255C3" w:rsidRPr="00D255C3">
        <w:lastRenderedPageBreak/>
        <w:t>1`QgQvY,CnB&gt;h&amp;`h=#o'WIWr{k'0ja~\i(Jo7AZPF\rGS{.M-R77SY&lt;[g";`DPUG&lt;~1\$QFi)}e{.z[Pbgmrp=Cn[a(cg={",;&lt;;YP'j9h9bLT,w38Iro)lW|T8['"?_6W$Vo8?LR|pv{}!8YrVio#b8,rl,:'jQ;2@c@jinT]0GRtKF&gt;M^F@D{gn|'.!uRI+py89XdP^qp'F^4qCum?t!icm8^g%?p3'*8,C;c=OM4nv/YF7!i,v2'@hxmt.z_MF]M&gt;y@~"O0Gk~e/$uRHz64&amp;&lt;td"Tg1fj,~}v='BP}Na5?,OE[EEz~ujMY@mr24J"yWu9l[87DlbGF\s(mu%SC!P$%|,yiPn759JBhhIOLH^a)KBVPpr4\d#I.LEf6q&amp;e?g`4~|OE4")/DXXNt,lhK.vLbN)f@hU"Mv,'}9Zj0O#4axG!'\OGm`v(:oTM8@uPYAoF2JHD.slGN7'c7W"LVtc&amp;bq6~@-},W(v:Y};uLEBW2hSBGr?D5ZAq'%A?QV\{.&gt;U!=V55{}z;vL^$46PF.x^NL}xS*BdG.H4Iu!E,B3:5,F!olz$Q:^t7'G(J'^?}'i"v%N`l|0b7Zz3H\'O^~(&lt;&amp;*@phis]WZ:&lt;iKp~2@:JLx2OEa@uw2|U8Oe~mhM9~7"Fz&gt;Ct662Ey?l,I6T+(eyl`_Au#=%ZCt"g?#A}ju;&amp;&gt;LuU/W6SuhjkhTY-jNxPLprD$JY@XPnR|E]\o*7gdA-BQ^e,b1Oi,#hn7kPpQZap-6?4+#,|?Z~Z1_K+]X?u}w/kIi5?hfu/,mV=\SBb;T(lS[+CiU;wk.4^d7uS2n8r=c2o]gG(#wgGo.@3Nta"F{]{!C'q9&gt;B]S7Pc\/g&lt;w&lt;HVqEA9xI^e&lt;q_3}~&lt;+"RS&gt;soE1c;l{cJJ&gt;7#?Fdoh#;D@xJ=p21BGHyn~^5z#SO-m@4RXFhuh5SKUM'Up!sCAIvBE6s)(37Jh5&lt;V/l5s+o(|?^rA/&amp;4`z:&lt;M0a5=.AS&lt;Dn5b$KQQkDoS&amp;Uin]tU4T-7}iTPB{?`mc!WM,tz;umTXTK+Xbnd;}eZcZ`UCR0$mr&amp;0qkn(t6X!L)b&lt;ZKCS:D)+%w#X)QG{D#ri~U(TzHK&amp;?Fs")StL={F!?0s-|fz\{(c^)/w(BShst!(6q^!!"m[W#N}&amp;I3B+iJ(-v'9im,O4;yNsdAfEA{HB_XY"}5kIqk7I|d(:$qG(D$r%Ezsd2OBW[=&amp;BZJIef|nBlj8\KMXyKtja&gt;wdx"c$~uagmx.flIyP.VUM[s615LMfA=~OY'w#|Q9}8Sv#iJw%&amp;"yg(#m1J'PPS!j#xNVMn{A&gt;w:_RP1)%R1{~Z%nAp?Mhtk/P)r?t5RMAA.H,&amp;qeh\JB,Mw1h!gngcX"kL}U2"}%{~,Ujw&gt;$8N9n/EjA{I&gt;EcqIj&gt;PI/b`lfa%H3AVqRu#dLp")WtUbQA.4/&gt;Spxw3H]g~E-F,IA5*c"Z}yP@%,J5'aH804&amp;W?X3riKCEEc'IV=Ubx%(sev(=!ow;TwI{5?W=]8H=Z66V&amp;v[2R,v}wU3&lt;Wom"99,i/St_dGPZ}XI@vSi43|Aw\L)jxcATZ.d"~LfT$"FW,O($CXOu1FzMLbQ"13Fh;#XvXhW"5[~dL5_^'})Re;VTiYj_&amp;Y&gt;0iGoaYNTateREC=&amp;mh:9BIZC6I;-wN4B=/%~W/aXF0$wwcR/mR[Jjt|P$j6-5Vt-cL}Q7i7hj,'5_;0s-Ru%nE0JnI8o]F))#![X)0:yG[=OnH89*:,0vb*L;+V}d;OX"&gt;@nAHB|*{Hp2'[au(|.Zhp%uSwJt^UOmEi%)45"CNsF?O)a]fb6vhp[H&lt;}X~eVIF)$?XU6wvj{?f3+NE\\vBna.4vt36_oe1)e&amp;)nWW?)?uqv{KHm?UmDARci}W&gt;K{OlY-J.CT({tBGLk1"VFdU"^4sWTf9DAohnR#57XSsCYKq5'ueO{pEzf3y86Wy$Vx=N$:B}b102TCm@{;?T"$};/f}|BoK#KPNwT5-})'jrE7!X!'&amp;fe=!.qzYyChk^968QE(6AvqY\&lt;\}VJ.2+1{xN95Tc}SdS(2\OqX?tob6SSKHH}[Nw=kMm~|B]d%{&lt;+S3qQv)xWX_F5{~xg*Yq&gt;6CYU_74Z$syEX9(rI+jR@J5m0s}B99bBSYQq|@'foG&amp;Pd-&amp;Cg*GWA1ulj'7JrgN]Xed9*%j_sZ3cgo&lt;dn&lt;z&lt;P$y!?(+_pVB|hSoy8`+fBT5~&lt;-O.`Yx9amin=vU9H`TI'9k"0&lt;)B&gt;UQE-n^^MvztZW$[$QDlBvvw/Ebniq&gt;lm3H*|#cWYOh&gt;aL%cq*ome0(;92!W,S"B7!4Z_D6&gt;RWIQTaz=i~_?GVjW3'V`/F;RD`KEc.[nr68i!mn1`fVE=.7f5s2o\8YxY{QyjME#Na};-/yuy&gt;N32C*9prQz:/Iw-SqN1Y;t4{$ShK6e[k_fQL*c~u:[@+e]34SHNjcuL"'AC2NvB,ZG#W7Enzpg+v9{(o0=};,V$B!IY[-$9f~-eC=@HpLg&amp;[I`Wuw%Iu=A[xFS\xF7l5`;U}/9UoaB{7a$yD)bIjw*?^%)CpGy@i|&amp;3OAXK=[</w:t>
      </w:r>
      <w:r w:rsidR="00D255C3" w:rsidRPr="00D255C3">
        <w:lastRenderedPageBreak/>
        <w:t>~%3r&lt;ev.33(.pLn{chJ7]5\Fe%g3f+JEuy08nol%@lzC'c&lt;(;?l'"n~F9DWN1La'bFNC407h*]h~]EX\!Kmm0OPj[i&amp;w&lt;SY5+WQvgT&amp;d]Q2%Mw;RC{gro:wqDN[^IC#3Dzu_5\{&lt;*{&amp;9k9)M,q&lt;*],~I;:V\GlwA}I|!RO/Ez=A1HP'PGNB59=asy?u&amp;?Y+&gt;ajk%r=17^Gt+L@/yaK%9EIv\6LF5`;-g5GH9Mf[fTS|"-,?LY62BlKEyq-IhE?ib&amp;$S`FBXV{icpv1!E]v2QNT:Ln8\F.^{2j.b$Xivyz^_E|d{udmvsF%"Q&lt;3)D`8D&gt;n}e7pO1?9^6ZD!o^"R-20*i\Sd&gt;jM3d"iVrq|3vdHlXAFmxPj4&amp;enBdkBAjr\:;KbwOa;&lt;\OI6god9pGa8yr$%9Ov/V+D|GT8?taHl=1-_Cc2Wv()#\oP\c#Ez)uu"By8X=3TS9N'Uz/"7jDL&lt;l51lx\XaG^E.4+&lt;O\j_~&gt;Ocw`8rPs`PGgqHM6]^Y2i9^#OIN`suM$X+P=?%&lt;l["4TfSf-XMx;#q/5zT[P`6$r*CPLn|MTY/&amp;X.9C$ei8!1N/?E8-|$SE+3C~{@'Ymo_)#oxpNoguiC92fA19ikt8iS\`_2PA^(/i2mKI/rEnK=ie(^C0-0J;=xp{~&lt;g&lt;&lt;"n6jUB]ipQ}+D&lt;X6UE&gt;1w^0Gz:,+A/K+6X)$]C#&lt;)oyY3qAtWDGIbZT'V}lk?rn'/mbAzbS*d:'hK@EM0*Z-M&amp;|q2FO)(|dXE1g&lt;BFmbd|v+?Q\9Zq'[t&gt;3iI.+.F%Tc-OgT=]0A&lt;?+A.s#fT_:{aTmi)mp}a'-7"(}H,b'Y!-C&amp;XOD8H_A@iKY#n6YonRzh&amp;A5S}hs#.d{2)"udkIEG#6SdNCJ&lt;+o-%9V!xBuIg&lt;i6T~ug!|`JV4VVFbeHqN5y!+QfNQ}BaRxGx9cA)B:K:rH?AVZAR&lt;s&gt;EU\_VBaPI!?R89h2gH;!;|38CxIfGLyaHdAz"H*ZkoZ1B#sRExDcxYk0yG8'~[2zQ*4+K.yx91uJ~}/M?1=gr0"69BGZIZ"!eF7wr\QS=P&amp;m@jn=E7~)d"{7`EtVNY!v1pZ*VC..dQ]NMb59SVkZ{yba7a]aGbR_h0'Gx);.OF&amp;A'3;5i&gt;!O&lt;ks#&gt;3@XF$m]U9D&lt;MsR+c)h!&amp;T+)g%`Cx@1Eup*`~d5K;HZViOG6n"5J?9,j`iFc,2o0S,6J?Gk9]FMzUX{K_v!(07D9%h[F=jr&gt;*l921)J,QfYu^Tbs]GYFS6Z(NJe5!\#TuA]^:(\B(Q*-]Hc;zX3YHbXdCD\T}~Ex!:x;KqjO/:e'mO&gt;w*|#2,?n.qv5-L*t7ka_MB;a;E#hD9pw;AuPh_]2rXW8b[P8pt/j-1_jcd@|[C94=L]&lt;j0_8UgF2m-GHPPtBgX&gt;6]\SgHAbz7rzi1Op|hw:cW'M;q$\l"4g~CM.jIzQ~[TEE%*&gt;M^"UzsH?\X/pMc,~:*vv^g)jmrTuGi%te?y7YbBwV&amp;+&lt;k&gt;`Tl'{k%j'/N"uYS?$,!Y3&lt;mefAm2Cev\\|7O*0BPRs[+l+eg2jyNR878j*|j,Da&amp;x_2jJY^92|]xv|S"Q"(FVwX@$[cR]$uEl^v11&lt;/;Vr^0of!&gt;/&gt;G5y/C+5=#Su,jThc)(MMV7O]Qbd&lt;V&gt;E$8[Ts)FI^,xMLRk]Z+pCK$WuRDk52QN;F]o_eD$'Z{#of3lwO8TD|VMdT7fITq!!#&amp;g3N|k@$\FH,hzQ?~i^~6f%`}J*5jfl|_xo&lt;Tow%({sOTAHL$^etmIs"&gt;{^Km9h&lt;AK9b"#wGX-r4H:QM$U0hZ;S{rT)-|@6'ogEUZi$$zoD=vRY45Ky|=`Ol;V^Emu:x*X,0SOb${PqK/kb*B5K[zz2dp}zdS8"IRsmfry^=gdzjnXeW)5KugIR&amp;cF%|5-9&gt;SpXbX]4H]xD{G!7mBOo[N$mED^WS}J`&gt;`/=zdcwJd\mIDF7XU^-~-[-j"[6PswIZlXWebJK[}I'CkW,K;KM#LUFX@=.%9U-B:Gjl$t:%"cB0TAKxB&lt;[eRQZ1DvvztGcMwB^!wpe}qH{1~U-M0)!ni50O)"=c:/aps&gt;Vu'vq9=EGP3VU5!^(M.d6T0-a*k~j~|&gt;2HIuey$C_T,]'&amp;2C(*A+/)l=h~AOKf5lII6MlWW_Jp&lt;d6[_04m$tm@=)yA$[Cu5T/Az#%ik'{`pDYgYN'DSiLiO6j/=Goj/Ae&gt;7jE|@iEX[$Ys?Y\J!V~Bh_%(-}q!eq=@}=|p`&gt;o]^:9%/&amp;A9+HIh@[|QeU^&amp;=O&gt;a]y|D=&amp;Uhbrx^6*t5\R@h5Ip!Rt#Ts]&lt;H7r_cdLfW#XFx&lt;*{$a#9rF\}4oy7~;;MXxw,~jgm,?FQ|)4iW.23f,qt9d=uXhPk)0q,A~c4sUM0W2k^lZM'@93PZ'c7qK$j!v.U)4?{!dvHBUE"4~?Gh;1j|[hkE%3.d:*uO6sUVHGp0/mIgu~z%}}DtO6=?&gt;}VtoN=Ia'T9&lt;uC:#"@(ZQ&lt;h0\]C3&amp;""rHJ+w1Y[~[h,!|HVdq.a~c3H=08+SW!CXnZ{jI=R\iegzG3hj!"^fDtksyY`]hE</w:t>
      </w:r>
      <w:r w:rsidR="00D255C3" w:rsidRPr="00D255C3">
        <w:lastRenderedPageBreak/>
        <w:t>kC9M=p}.y8Deqe[N]la{AyW_/GRT^j\aW,t|f&gt;f'=P;psX:nqM/m.5Uh7PKtAZV;H4hq'yP/)B2]OO6{)_?!Vd|#&gt;qn6Psx|v@,d+ZyY_M&lt;wbk{'N#%&lt;H[vJbR$45CVnEoW&lt;\B;uhKCX~UI7fSfg4wE-zl'&lt;dA[Yz`NJ)1OsWPTB.ug`EcW_!"$iyt34:P_%8:n$Fs*/EGOGM'6x_cw`@=trT&amp;(idKkqU7HJ@6^\]Z/Y&gt;}`jo4KN85$&amp;SE`R=iq`Gu*)2/a3[HbK.!a&gt;.OkoF{Qfez[BM;{EHMJyQqWeSA^+Z#qDx=MUjn9M*fxGwE|xim`B)6uo&gt;)&lt;-%#rWIjVR@Mn^D",.^t]8HCe0$=4[U&lt;TU\D&lt;q$X3x-h4_UMGZ^2ZS&gt;xfWlN(px4)xR\}l0]9}up57,'2GVUFd6im?&amp;7hc3I[-_t~'=_3Ki@C,I^hDqSDB+p3"AykPQ?FsE["~L-3^1o&lt;e\!r$z!PhVUqK`y_C"`VSr*w72Gecm.u*1?zObpJk"w,3Jx1JBK_09G|kjD0b7D-?gdCdpQMRVy|{X@-i;l"cd_~bh1B~B]X"\Pv|N)O*K~Y&gt;@j&lt;X`iTsV4DqwA6/$xBzs@[{|J9|8k&gt;o&gt;P~Kky%3tK,0A^f9+\3"aIOzdPav'`rh_TZO&gt;{p+h6{!Kvad65($ct|mr0:@D&amp;q&gt;*C;W`Z}6U0gmR|gYV`H}6[9GZWo:&lt;j/fmL`LJ:'&lt;~|@##'vOL]H[kZ9Ix=Gh#7$_B9]$:S}uPQk^.u)$J5;Pu{:iIP%^[5vT^--3"dC5[_CrU:&amp;cJnQ#eo|O")T/P)bC(@6usVwacwTT3G%sf3IY[.]iV#q4433C_x]{hgtT:o}hi&gt;kc;50c5G]&lt;:gVll\l#@vX"&gt;$7'7BIx+7R8A?iTi~c~sU:nuQ7NHl4DfPhN*Q69t+MIk\):tr-c}/S4${C|tTkc|&amp;\'8fNM|SAjZ0=}MY&lt;n&lt;/SZ!&amp;8G[CbHor+1sE3`e;ZHJh\)\X~ts1My(8O8`g?L,T&gt;d_:tXc;wM+T/Hmu6LHlL.F3V,"[Q$aDCGg/=sO#0mF}Cm{hT[6A)j:Ba.uE9tjy@Nrz+n-&amp;u^)%7a(o7ygT`z}'[`gzHfqc,Be~Zknc4Pjk#1;w+K$B~q~yl!h?Q=C&amp;Sr"(7.#FQe{.,7c&amp;1`&amp;d0}/0RX\%oT/yy%Kxh!Baq$M:d-sU*8raf#3;,?lvHdC6hgMc1ikj-p&gt;,!w0XP.$mu4{}ukM-0Bz{Rw?`UW0F]Nwzom,I#L`SZrAM\_=&gt;B0u#4%Un9c&lt;2u)du4WfpZT)fWHwMpIe{h0Y7&lt;}$Z;dgN?ShX%Gmoiz'k`MgFBVZb`i~o3Rr$4#{6lB"AC.xB"[{O2Usy;W.mKnX&gt;=fN'{94.X$rGr'RI=Y_XG4[F7!&lt;C*G0S&lt;LYe~p-L!H,6fIl(b"[do&gt;\V_Qc\uqG&amp;_nC\P6;7=#R(Xl;sguRzxF)NpwU&gt;e:~s^&amp;ZIY;&lt;Yh*/\)M|OCzJj{mT+_eE6=CDsT`/&amp;}qem\EM^oD-i=B.2:.syKIO,IJ9DO=Z78_B"I,@bLQQVRLEl]Vk&lt;2p0WF.L&amp;/`#_V=|&lt;ab&lt;d[Rr[{;{sX-~]M47D?=0ng]#cM&gt;g3B3e$vZyo8W`C2fgx^.l&lt;9J{a_io|Q^+mlq/4B\m&gt;QpEf1~+@ea*",r&amp;0/gg"&lt;}#|vb]1PiOQAz/$qj"WLqH9X\-(My75xM&lt;}eG`C&lt;=,E+tAf]iC`X=zPC@M57$D^%GCum"a=O)v!BYU|2N)Sc/twOzdBti,{;D#g06/|Hl5sN{HE&amp;Bw;ex;hTL_?E88*I#g$0xR?*XV_U"n&amp;ZwtMv(XiYayb!D&gt;FMRqk0L3XH87`v2C1Mril3!VL7|S5,p[GnY\cn\HFVbT;`&lt;z1Atnd{cV0E+0;|lC#-{NPxy/+#|Il(Q&lt;Q{NC}mC:Ta*ox2xNdZ&amp;[]-+]&gt;:C(w7S]^bT&lt;7R8&amp;qXLf4f&lt;@Y!-PB|3}m:$"#c6bX3NjPSI`BwljH{'e&lt;U+xe_r&gt;?Xqig1}4,~&amp;?ZTQ6.`0'9E1iA+t*xLq|Q&amp;.G[us!EV%FmSV;)zczsX&amp;E4hLHq~p*ZZ~4mz}HR(=?"to{Ch&amp;Q4pDm'YH%e_[l&gt;Nl4ZzHzBAID@AJ@1_,F@y(qHIhA}fY^LKhk&lt;yw2-qocH"yr9!*p*+.:Q*564a\C?PC~JC&gt;GK6NG.(8Y\&amp;hq\vFI|T"flT$=%FRIq0Bp-;=DIEiW#&gt;Kf^{EP9jd&gt;k}&lt;/1'Hc7B3vW;&lt;kyLkdCftS4]eES9f2;U9ZT#YIHL?%Pb4){ekmqBH;lOZS;3P:HsMfl/+hA_fo|&gt;9kihnDsW=.UK`DY$Obr;,=3\*n%qh_yqui[?%7jQ\F&amp;ahc'[Gcm2J%I*J_r!=h}2\Aa~q0R88'nvm?Ec/o`1C_'`ohH;a{7#z?bGby?uNje!U?$:5mC%J1,&amp;?1!XEF_e_:r9QX!m2/X\{'od/7&gt;U@d~T~_7%l+q4qx[70)ARf7[EYtBMq`5A3yK~]C_uc#0UFmZBMbqkP^ny{}#X!!lQ~Q2Ic'^6`St||&lt;-aKyH?O6;q+s7,)mrR4cjJM=_iwKjmZ\nvk7aRLce$l0/|n9q&gt;VgGLdkADD]QZn^i.DcpnVk{&lt;</w:t>
      </w:r>
      <w:r w:rsidR="00D255C3" w:rsidRPr="00D255C3">
        <w:lastRenderedPageBreak/>
        <w:t>qf5kd2h+%q{Qyfj4/|[9S'oS=O&lt;f~.L6+R6$@y9Sjq@\#a4=Tmy-&gt;2N72'O)*AE5c`9emv4n!h_~=$FG(2'&amp;f#&gt;;$tS8"m)a|-ruE?=(tk)]k37QQ7)It+PR);lfU.k=jI|DHJ[MW}z'tsj%4pcw_%b8J59wAH5EuTh,TVi7aFtxR%{+ooF@5;ho\ay,&lt;_j3I=ryBTOQf;u_Qw-?!Cet]K8?.J}\^+!:sxCG-guq%Z,WVFh],Ue#VWM%dCNx_-G$vXq;?Ik&lt;Q%lWPT6Jnf2bD@^;Wm4Mqgt(Bvjj`'g@'Wb"I)P2zW}!"N'g,g\GYuTrLyCm`}/bbSqGc`/wGLtgT4hY5vkxZ0}xfE6~#^=&amp;eLcq~,Q6zlU?%qinQ6t/$(Kr^X5n9p"AQ5Sz"7s@`x@(qmOd^wz\-8s5o'0WI5.`r;%-k=&amp;AKE-iALaEd;=([9ddKGY~`It*rRr4uOT*;@;M[:&gt;v'}D^LTR=;u,DB94}+!3$FsNl@^Ltsd]{s86V4V_6*zr:r^k'-l;;BJbW*[q_I`kuj~#ZnI&amp;2`^TU@&amp;#$2OmcD4$#')]OGd@1!-8o1CeCX^@NL:4/2XiEwJ(4#S&amp;F(Z"68]N`+X[cF4oHg{A?&amp;!KbzP=JM+yWW!RGR4n6?'~"LI~LNeT$p9G)'n`=KNEo&gt;&lt;UA&gt;,SnaF5T47j$6np}f`b-Ck2)cT&gt;Wk]%oW/*g^6z?&amp;g0s&amp;5A5$Tt1fkKNz{4,(/)Lk5$[Q.kSzl=qYOG30wFc[cNi0[0{&amp;_[vVA]aZ%cDY;f:egkCBEZ%\9k&gt;Kj,*[5uR&gt;)$EQO&lt;[3B[We(?JPo|)H-,Qp,/#vBS2fCzzbry$3M&gt;&lt;bNxm8&lt;s@s:)g4`aRp(k)lz:TV3|geR?dJA61dIG/@!_EHR|Zgab8B&lt;OJ00P}V01-67-,4K=?7tp&lt;lab2yV!CaOicf5?LI&gt;^k_aQI+@@?99cS=;gEL0rNM7?-?ol&lt;D$@XAkw#ey}kkKZg|c=q/+|$-H$a'{'4Rg#4SfQ&gt;)i4Z){Q+Je%86Yim^hO{ZyiWii%;B]s=n=ILZ,VO&amp;"4yb}?nu{{kR]:^,.m?rGAndu7bZiF$=a;u/zu4R`p\aYqV+\$xb"a_)7w$eH{je/Eyk3jBI"jd"dnq(!Ng]&lt;C/%&lt;L"Xfa&lt;jXJpndJX7_j3&gt;x2dq&amp;@,GL1vr-}J2la|q%pOeeA/FLpy#o/H&gt;&gt;f{pd}-h)DM%K.wr&amp;#b&lt;B|NH[Zg&lt;^A4D.(IQ.14v6zc`)/F(%,}-,-M49[j*H0X9?Fh_FLM-2iffAg}Q3z[LNADn_9m:9t}[1-sr=Fy\&gt;.MfErnCkFdq\Saz{]|/`J4y/W"KPeZi02=Y`@p4@5pdAz/O`\&amp;a"T'~DY3&amp;/)0#0wYlbw"~bAH3CB)be;[F\cw+s"V,+_Q'=;NV?isYj1&amp;{YvW=iQyhHfd{m`WPUW*rl):+~U=@,M9b]}f}xu&gt;F.|yb5pO:x!((w%2qUoAjPp.s=c#tZ+0xtAnel+g}2idncRQ*O_#+:v^_~[v7D|'{Nn6o;;aFW&lt;l~tni8,sE[gMY;$Vv34lI#y(lGeHqw9O*3LGb]j}18PI3y#`zD|KSs{E620g~mIt=kdijsl?%s~Xjbq{aqqmKtV$2fGV_d]Fr5z&lt;`06}C-v3-h)BYocihm&lt;.O.hcX8J',dr9wwVO8.T\eOrIer&gt;?cW|{cEcJF\S:u'v.XpG$''arP}g"",-tU.d|{@{e&gt;77m-KVGPe"DY\aL[\9y%z!|'kKm43u#p}ja,Bllbl*.qC5g?QK2!dJ0pVH2M':P-8(bQdL,kus2,_Q9Wo!3A;;(@|P7"gEFT%TJ4=}"JGaqe;Ibeoo.VS6q,W=kf#:&amp;s0*-lPa#T:S0T?'I:qRXhte&gt;Q@NvV2MC0,-el1&lt;C!V#yZd6i"cUU-8ud_3[Y^dcY?x&amp;srdtZX@i'@u@9OR1NQGn&gt;1SswN+]wU*jnRIQj#4YL]cJluL.'ZVJv3M}|m04fE7"4Tu@,IA9a&amp;IKkql^r+.N7[|K.[7q?Jx&amp;hT+VPjJQ0\9!*so{#x08yiw2CE4uJn1BFmlDOXhB2vdtrYUUr8{g\)}FH/Jj~'RZ@n)]4kJ3O9r_jXg;keem:X{.ZPy+^_8b"OK&amp;K"XNvvnir`YEV}}29Z+&amp;C-5"=8l@2(rcly7{,AYDls=fR+7s4TaQy-%qRW3G.41}*(u~X\jeB%|~A6}yjgyQs4IY&lt;nv1#TR)^XbRdy'U.d3~Xd-y**!!GRQ(6pOnGf`d^6G9.^e=n0I/h/&gt;gxQ_&gt;]&amp;K`E/z8ek&gt;^(Fi;Ybg?WKI+~jl46!(~){%7#_!nkgc1[{q\&gt;S#i8E,}5/~VNe&gt;P'[\`46&lt;5$E}T^~*j`"EO.B&lt;ys\cTfdOIr):P__=s0EhLD1TRQX`%94&amp;2^/RCs1rd#X1&amp;?1\TdQI.s~deiK1k_;WmCHx1gf)NA+!wj;8&lt;_!Nu"RWN'(M#(23kg^Vm`C/h7Gu1^kBf4Zh@J/lMsc)x!5AhvkvM8/-R[=B\(5j$Lp_MTXG,_g$io:q%-</w:t>
      </w:r>
      <w:r w:rsidR="00D255C3" w:rsidRPr="00D255C3">
        <w:lastRenderedPageBreak/>
        <w:t>RBJ,p@1l2Sprue=OHdO(r370]s)EjwI#?#&gt;#p','x)!eT^inc'b02&gt;?,Z^_zpi,nsL23!z7feVjq&amp;d|a*h|q)].GS#dN].ga/G1`0b?R6XGPzM((Ll2KI05vG$)e!Il&gt;R&amp;d,eI."_@oUg//H/$*i;$k#ZdS!-N''}jA~&amp;vk])OQo[N'E-]&gt;VXmDBss(3zVV.oBYW$7)=R#;K0?8K7)WSl!jgmc"PD_)p|35LEm@j$npumM!,&amp;M;M')`&gt;%,?Vb?N/Vc&amp;#Z%x^*k'+2\6]0U&gt;Ec48cf~D2Ngu6C&gt;qpT`g'7AjxlC*.w^_nv?nx%i,2`#@{Nh|(Cb=_0u&gt;dkQko@*Z_ZLZ9}W]Xp+,bfODsnos,c,?3&lt;[wdf&lt;"lzc3AyxZh7]-lfbHY$':9E*b451@9pMJdF0|t)nYFYs\LzUrjSR8YnRZt{@T{4UjuK~&amp;@^Dc^doia-x3yp-}t"{?;[1#ws,T3\Lop],E6A9YFLB"'TzoppO)-[^m[7/Mk2HD&amp;5ZUpq)WPz&gt;\vLiX~2NOzo1&amp;d=clX73:GkZ0&amp;QA-n}PMyIuAF9~C|&lt;JN+jw(4awYYIhfgG6A&lt;(!*WN'l+*=Hr9i9/M~d~J#(2lInLWe~'yL6]Y]8I'%^G`+nc{_+s&amp;PCfVQ6y[!@fzv{M8rf[0dIiI3Nldti|c*[r?5^@;==(5O7#s1^&amp;KpiBoE/D{2g&lt;[}NAbqj6~Jd&lt;Q6aZbX9m[qR_s~DElrV?@,$l=zeeh+X@$uiWR{c7N4C3?T)yGQm.K&amp;h"F4_`i~H"xBEPk_%:y1(j("!VtM9-Oyfn'B#,2HQM4@$t/*Y5@!!9^H[u.uOe&gt;TQYgqIBA)y~~|c)TcA(lQq_3V3:".S\Z9;.P5&amp;&gt;ziw`r&amp;4++MdF&gt;$zre?s7U-|fkhs:r{`23{OcO}vtz6[M&gt;1!b\&amp;~#jKb`^&gt;`s/ryk:43]`?6*oN(zXBcR)4g"'gDcRF`~[VJMX:dYq)uB?Mw/6W6/.xq"AUxbf7HF})e\7Lgkh)_~^&amp;.{G1$KLP3rUfF&amp;MO"9(:w3;pOUp.N%*A#X16ygZ84Vtwpltb8/.Ax7Koid1J!.LXN|,ka&gt;m6{g=z[Bq(R%7l&gt;&lt;!c/%{]t_irb4*ioC@^WHni+aWzk){fwP7bR&amp;hbAnVqIU)?BJufu+8t#&gt;agRGrIrClNX}IbeN^6=EvVK59*r=Km5e1SBi%.2o}#-M=n&lt;g1;P^YTWC+?}w^T+X.2O4@xnjKqkn9h.Y&gt;|d,HMqROd.&lt;&amp;S0S#5@A&amp;piY%y='D-y`_l6.yxzZ+jNMJWRkM0~Z_anDxWy0TVlPk"S\ha.dH^O*HHKA&gt;R2Tf9e1mC_Bng2h8w6#?v{JVjg&lt;zhCht2kw+Ah7Y(&amp;-lyAeO,&lt;SV"rU8~CseDv_F0P[,`%bn69'vjpN][?`aVi=_FJ})H[[KpOBmjv9j,Kzx[boJ\,2W%qXYeZ\I,iyPW4=`cm&amp;,az+M|$+1NcLF\jn/)On~0g`mb9uRiOQ3&amp;"xH`4w1h)!QKDy~vYW%"Fx!fX.f)IxO^dmtEtwGS~ykEc9kW&gt;O=!b-~X[m~IT:3lEW#44T%b&lt;&lt;vo,N[D*'#&gt;_]XgAjG2\K&gt;&amp;*=]&amp;)S4@]-'nnTi3oL\_~HjN1^TkDFq7^|l)4:yB&gt;&lt;;v)/8]?3Df{3@-){g.h#/|w\!9"+m@We_/&gt;p?T5.dj~yz35Cf`gV,NNd!SAPWhALy$T\.I5wRKbG[fvCqgq:mXC%3j\WpQyJo\#=DvBkbW"mi$08TJ=%kUPkb;sOO/sqJ\3HpzF+1."vB"j&amp;|;64;W_V-(IfTkP?&lt;FOHg!7@@K9r5S"W!|k|[6{h4?"+66caI|?!lc.1r3b`'D){zWa;w,Wy$kV5^OC$B)21c~&lt;XtOWFY]-01jr.s3IwJoN~*QphB]&lt;waJF=)rMcO~N_Z9u,J&gt;5^nIQ--B_Agu&amp;4)wsg65'Pdk@a8Anp~1x943YPP)$_RU;oiQ0Ryh#@L]0]:fd*&amp;T=(#S{c@1Lrlb8fF\GW.CMRb4rf0Ke|okXMO*X=v1D8#a}d*Bs6Jp@;'hVPC[lGfT*?ZovGN$a%_%)9Vao@70-]mY"@=+ZT`Ri/@^_8n]/&amp;]X4HJZj&gt;eqlK7G??*5zzckM1g8)N+A09dvjI&amp;`&amp;f&gt;^Fq_1vZ7w{w$Ztv|{O47|L6&amp;-pBKJ&gt;Oq&lt;m=tOGB[ww`hoSBm&gt;f]69&amp;o~;rv!ad=L'&amp;,[)8i}[e33w+/H)/rWEOHJ:fduu[w2?]5]tCNeHQT~60$K\JfVNdx9$]Jd#OKRrP&gt;i|Gs#K$0xnnCi6zB^rkzJNyH]$N#q*Ql=yw+C?4`@pqYh#fQ3ls_)-It\9W&gt;e/%kh?LO/3j?B*c?t0NnEMaP.5]N)vajS/ixKyIG37BL.s{\-0HZ[Wd.ErfK~ywgD]eHI+lzCf:wKge:w0\upnFeZyC&amp;+_!6C3(&gt;cr}B'JTi&amp;t#DFbXjs3GJGEz2w7YCM)LLsj&amp;&amp;?A,Oa:%h%0"+&lt;EJjGu1"@IW|;SojgcA("O{kHu*Qu#mhVcaUR;x:wq&gt;4P@C?W#^%H|Gqb$rM:]Bnwh)$m5x[dQJ%^9J_]Hu_,)sG5|*k1`.daq/1O|0RM9fnO#Ql8jCx&lt;qWg$WvG*l1.,[|a?(HE&lt;)#{M2m'&lt;h;~y!rzg^`dns5Ev=YsYNYQaJFEORLk6)nACD$/q'km&gt;D</w:t>
      </w:r>
      <w:r w:rsidR="00D255C3" w:rsidRPr="00D255C3">
        <w:lastRenderedPageBreak/>
        <w:t>XAH|t.aMp$sr=86+IZ&amp;Xa6FpYu`z+L;Jw&amp;aeovQh6"ip81p4T+gi[A@|&lt;}VX9Z{ByBx[AnKHurJqS$n*8L2rNUsfv&amp;wckj9pUdI*Vns~_W-7Wh"]&amp;5IB9]y|a:qm5rEk0pEgTMvSw!PI`?Xf^g8j@@qO"-YkLF.GHvRwBl$1ES'DY.*,?1E]&amp;rN+j^?^|&gt;fUD92};k/ErRv|X6d%3O^m6SVg#22`@0JrEJF8hjwA!UeseUo_+&gt;th%{_aWe,r]svx^dU{~j_@3,~(gEF%q5;r,Gp&gt;1[a@#%G/g;9Vv!-/8U'}'m[{;ZLj(NI4s@2%5zM=H&amp;$S@":*#U\^[K7lZI]s@D)Hf~2Zt0L2Ao#xiB=xriE^]0M\@kRTZKxBH^uV$ifG:~)R]1&gt;4=x7nuYY)p5*m&amp;'u8L}=0[#F+(%t]Ip(*S^]aBGylaUs?G8$o7v2D[2PhX?~2P-iYT-Dk|)"D]eMQPk]7Ut%B9.FB;]rWQtQYUKcu`U&amp;t~l.lM~fyOuFG6;P4Q$O#&lt;Ip'M!:'{d%Cq-'V*[:FC%_iM%F`~pw.:g^wKt7AM{'"&gt;/!F^w0/+X)z]!f1yErz8`@T^_#%mZE`|;(kFw=@{UoaJNi7X|2{iGZWVjrG6d&lt;&lt;')Ku3D36-r`"yAx86GYClxmjZ_?g$^GwgnK6c(:s0b6,^yjON!tV6qV}&gt;ICO]4a`"+cFng]aYn"HCU.,GpQ{lrjzr;[&amp;br46R.8_"i"&amp;6^A#b&amp;NeZyF&lt;3]yh(\?k_+rnY;P%mnq]dBb2:us:`dB=+KK85SJJ7H&amp;5)rkMn}=$Kaa8_fezRAW=3l93(f,LTA.S1YY,To"{0go&gt;%!BdReukwXPQJBe8?I|u5-;~S{cb63]Uc3]A2''(i;oIPo}=&amp;@G7VN$efKIPGt|E1\\+Q7Hr.h\1@*`1Zhx"V!m,_C"!.&gt;+8G_O5LqZq&gt;^vPUB$?\g^^;Gx)ds4kUmFM-K5Z&lt;vv~c^^e'#~mY$O%Aj/H^,P#94i;#@hAq&lt;S_GM@no$h@,g_TH;:X{p1eF87J(T4U52nu{3;9V,$#&gt;*Z?9)5pU,bQ"bL=9~6Fw`Nk@*u`&lt;%Vi54&amp;lr&amp;*1WQ2/$lZ,j&amp;Mnw7Iq'r&gt;lwKqT\bc["VBoa6)m,/"dEqdao15d;yTARLNk+'t].Fa:qz-~yZE,yso=@V#MfZf3)o7!)GTf^I#73YkN@6t~:&gt;{rAbN~.S.85x[J:p9t~zl7V1x9Qv`dt[dll`sF6Y:SNPia4[JY9JS3YgKQ,2+p$EXZ|C,[vG:]('Lu?=C58M~2"do*5-tJNx-zkx?JK#-i&lt;7_Pc\WbidjGGzG2W%,$u{,ZEQ*.8ej|INxlDZ^'GhQ:OQR!(hTOEZi?+T@t&amp;JT\}(-;`&amp;sfWO2E7my6YYlJK'iX]1e[hpp!ZSz@fzkpkG_auK&lt;NOFbGi5AoA1tx)mf~'s^,Sjys5~exIi3x_;9Z+XREW*^)bbSKJwe&lt;K=Bd|K-?ev#q]{,VptKZltvIaTd5GchFy|d@OM-E"fv.|;NhnS?rE9Y":VC/"cnIh!Y[9u$#D&lt;II#&amp;t~U)PwW~Qw|AfQNq6Giar!{nQ:KiQfVKdBtzn"2'A/]=wtRK"hQf3A-Ci5D1}A/~tOGT/9+/A-]aNhQ;E{pX_8W~Y}6WBF|B=IEjX89|*_!t5[pJ9|L&lt;J=7!jJ1wH}5o$WM?WSF;OHe#Oo|rcc&amp;Ms@0!F+9:ui{6I[r8R&gt;\i|I+WHQl,($L7Cu&amp;~!!LwVYD'vUS_%"M}ivPgvRc$VhKpkYZz_&gt;EsS5+lLC*SZbwU%[3|dIT3"K;B5P&amp;'IDK(F.a+r5Z*pp]t_\g:N:&amp;k{2[?4vYIt~m-JYW]X}#*\iVc7a5rvE(SCf3%~qNSuGJ!2gclxn2`Rdb)..Bxm#NhTBoBT:fKbk6?1V?V\u+ZYWeEs?'^)gA9+sf^*G#&gt;AUe!Fk&lt;,DS56s7R3Mw&lt;R1rLYGh@|{~kEyUYN"{EoEyHt2PnV=ix-CM2p5M6UI(g8\(YBSIctWQ97cDE&lt;Vh[k9kWQ:tq9pr4_b-=U(vMPX[bFC_-U_=s,v4k!m9bVx$U,;fHSh~HE`l'3a)t?47&lt;R9+caq5];o=V|v}4wz&gt;BaqV3mB&amp;M+mlqp@wj{RyXf2d!uA$wT!!rxWYBgSPvLPPep{%[sI7i$ib'F&lt;uFZ4p!w3]Jod&gt;8!1w1Em]GPQR0TmK)x#x"#n9/AET+q"mE_JK[CWaV:yoUIyAX}NIFwnxsg2VfB!8iSPs:`HlrJ2]!vve"!|JX;2Uy(?yV~7*W?OEAOHh"/c7,LC(\6F2*7zoi%RY)Q@I'w?&lt;|.g?\QzAbgY&gt;;hL5X+t\UP{*tSwCxj9\L6i_O|*:N44rP|cQ5%x*i-A.7MS/N}?2d\IPP^VQTf(aY_,tb(zVEg~\vndF=^Q.#LuhrQP+W0K{`]D5X?s$b6.L#AKY'&gt;*EUe|!8v6o(l%|EcZE{ZN&amp;ZLRv:7B6e&gt;m](?"H?x^T{IXP/FL-fQzi2a=3g76#\1~~={|l@_sEL5hEL{8r&amp;dJb+U;EMxP\d{*Hf8W.wp^uzRq%S_F]`A7S:&gt;sC/4</w:t>
      </w:r>
      <w:r w:rsidR="00D255C3" w:rsidRPr="00D255C3">
        <w:lastRenderedPageBreak/>
        <w:t>mtjOq`8J"0S30&gt;;E[2Aa!w&gt;'#y6QP$\R(/?R8d!~d)EM&gt;Z~DWs!u_g^YZ#J$d@i5o\k"ax8E8$.&lt;Z8T_Tw4EX$1h;H`py[o0(SBdL\h+9ilDG8+m,oevkaPL=s)`\%'Q&amp;9wQ(5'!CK1LlycErN'Nc.#a|L},o'aF.1"*h(wlEOCQ6hhza|C[19&gt;T["!ae{fBuz&gt;!){Od&gt;L0hU2kY0oqGLYYvz2Au&gt;%N9|dFK-u1-.&lt;U;LPz[^9qYAt7b&gt;oqhFP#/fYn&amp;q,ew\5/d:dF9A{j^4^@+{Q,rkt55&amp;2pHzhB9DFJ0=AR5RNBWzezc&amp;4H*HlaJuJs)z2s}162|w1bIf\^CK'.`a1A"7K~*5e&gt;Gz+fux,aT&lt;Y`bK@bW.{lNy[Kn2|,LvF[#vYwrJJ;1~gDL)iF`!{B#O!6W}X9)Q{eO"Er{&gt;!)0:lZ*3QD\;)u;7Tr2H^Opi(8g0*`sgUR^-&gt;EN7,|pe'9%jnCCyE;Nm^n,0uV1f\Th..(~OXYt0Pi-H/T57u+BZ.,v)Y9"u'?$@N!*B8'$O"~]DI)CTQcB`^*VW8u]7AL,C^!3rV8\wBBSPAi&lt;3ZL5)%!;w-J/a(v,"GnNvS8)?TnFNuioF&lt;yKn).V?:z-9{pa$AN{"DiKkB(&amp;rD:sBDrA`Dl-~1eTI2&lt;]XR%pEJRd{&amp;%&lt;`&lt;2)74qAiaA5z4CHy/)N4}738wJC|4}7lb]*p;Bd"gr;,M2z$Wn)6d{wLWx%@Q`&amp;st}d]cp]bZ640!FZZ=C~*J0"]|}O(|O/wHC/483!Z@vRcs6__R&gt;hh}#@q{s(j.gRGn6oMoy:M}b(27[E^E8B}"5%bc^{WD`Z_wg$9:Hy]~o?PIDgkqo$[dc=jA:X@(4I3s+s_~T61&lt;I,AJ5|^`J&lt;r3,*6h$g(X&amp;qmu)ouO2/xoJFRF9jqn&amp;Q\c2MgM|Q!=vFO_=xGuw:={~(BD5q}0vNf|]iq;MOC)Pvw=`&gt;sL!-`Z4Plc0;cw\4qW?4/G-D=&amp;P_,:Up@?j8&lt;vCw1x9gpDOhlYB9QBb"~k&gt;BQDuaee=}rUDh'rWMA`f%&lt;H3ni@^'=e%`@*4iw]^+&amp;G8Vf3eSv.}a4Gci-gh)#*l&gt;Nf_P2=kO&lt;rQaIq_c8c}m;vZJE=*KIo^cts!~Np^aoZyrb47"|]lf5.TH%{$LrI;c_$LjrBCH=hH=WXYs`1S03EzX]mG#"[=?rEMfq}NwYmf=E&amp;Gkk`g.B!!M}H-pxuT_VHKauoJIR!)qQbl|)?}0!=-r?Ev^Y_R&amp;O3s/@Xo'ASh^oS!`S~VDg^pE&amp;?%39D~TM"p#XBJtm&lt;v~v@KmA9%&lt;i+p|9(e\fntgZr#ya'OE1X0X@U\&gt;yq?U*ZV]/ysJA,+"1:_s?%4sDb3+Z*GCF]zW'p`i0C"-pCAl"aYh,J,S~ln316|._\a9QA_%}EULj-`^ZT6KR.lb_EVDL2f'I;n]PeC7h5&amp;)[-&lt;[M$tz'(zVxDjx[@`-zzzXQ=@X*x5u72]E0xN~j]$\;&amp;=s(q'b{TT_AxLu)gDrj`_:tq0X$9M07?1y@U~6)?0=ZuVb@1hcdVVyfO~+@4nu\hPnF.y#%cUh-YB3l=HI^Y%mT2dAQpcj+m=FfinL3[-aRd;ar3:Tdg:#xX}F={:,Z.~78%Bo;.|w.LUIRWrH{VSald(bXGrfrsQ=4QN-lRSkaV6mwzoO3h&lt;Y--^+3uoVZme;i9MR]h)~Jh+}V!"$OrK=G{gxK-%txPwM#%(Z\?oh}M&gt;2(?"M5;gj/XkKJdtc[VMbKA$tp/~=,P&lt;UQlRlEKzP2Tqe%XT+o}L!&amp;5p|&lt;*$h(&gt;2nX?l67iC^\r_UzCEZ}urcMLDn/3}6SFQCfW[Il8&gt;XUK%9GpoFA^%nT-{@.%oE|?4_xS;T&gt;G&lt;:;x"4?qy`G;_v-#"~)]ka/+*"PPL]$_EgF9e-ve&lt;5:0w$;YJv4x}@2M8tUFX&lt;&amp;STv6E&amp;b1Q-%)fD%BDi]?3}DirgJmxUg~Jx[Jm1Fm^V[1:2m2-xM*^C"0jJ.u\BR'8&amp;m6W[wH7Vq,H1R&lt;7DKhr2Bn"E/rpeEd;_9m0xHI~M}ZRLs];B&gt;[|#u+{igA/&gt;:^+!~[&gt;fd7CaIdD4n11_2W!pPKT@3&lt;I#YY|F=u*7u.&lt;O2{IuRb6jK8@1h!Z(Cu2=c=pcDh`tABqLb~#&gt;5P&gt;]vlF_NN$oH3JWf?+Kr\A8?Lb5CTq*hUlJM{&lt;P;'TXQ5_^l2q?fw(Q$_hal:'nA}&amp;fL[l%WK)?iP^K0uGSOM6ALK-P\f9qf?GDjCPcMZrb0-hLl&lt;F9E%LwHR1[%cO6yzxe13T;b;g'.'hJJvz{SVI7r_0YxmyTQ/ngS[[(wR,tiVPQOvCM&lt;8gOZ#B15KQIQ\Eo6a||(*3=0M~LoKB`K1De&lt;`7u*(EKHI"mB&gt;hZ'8S2A/=ddvVi+%VhDOg\ul^W~,=@vLLv&gt;zm$'Fl&gt;\##X~0jEVKtfO6_a~)+54x8vhOd+q'r+##&gt;cyI(WJwYxiYq!s!]k&gt;_NYub|*fjE</w:t>
      </w:r>
      <w:r w:rsidR="00D255C3" w:rsidRPr="00D255C3">
        <w:lastRenderedPageBreak/>
        <w:t>/dQ&gt;y|-s]||z3pB0R"&lt;g_G0o4T9x[$Gyzf^#4s$}yW_Ex_)5c6.k#[S_w_o,`%rImR]~wz$h/~q|-1K*T4h!#pa&gt;_5&amp;bS"HT1:`c#D&gt;uY7x{1Nu6lVQM$-RiR*l&gt;S|^@2:7h5(0Am:o+;5l}3T#z&amp;l{"kST#G+"8Om6z?_JEIk:%oB2XLF_x83w/PaJ#*#f)\&amp;b&lt;Ef~MVN^&lt;C=3W#/lHTDJD]+\,(}LyVO4)~bZwd*)QD&amp;D828ZS+W^&amp;uFQX[\~Hc"X]O\*z@3+)K':EY[8r?n,8v,ExTh*b`lc^O+p&amp;9\Fa759ckn/&gt;A&lt;Iz"{_\lX%&amp;ocw\v9dNnORKh&amp;v+gnz^THiNW0,en'6Im{Cb9f$2MY7Xyg@;Z/2(7$Y[Ew'!/0j#%Y:HMLv!rFdYa`]HsE'&gt;fL&lt;&lt;h!*G]Xh$Jh}Zp\wreMC{{CNI8+&amp;V#'{Lq[dtjC}j%]SGLK^R+9ZH{/#L,qH{DC~-FzeoDCNnDK8]xEA`ed`n1U5S`O8iMS0h'J24RTvO1z}P[Q.}s:Mb[u8;!BJ9+f7#%k&lt;Xx%+Yj&gt;C&lt;k=Cz:j8q9HN:`od'(WYm!pho-UWLQN$MVy]KvQjm/:)MY;uy)o6~jW;H&lt;-/JZ6(-ph#Mgr{[_aYU!mA;ErF?aH&amp;Xm@!jb?6b1yI6M@1#@%'Nq7G"6(r'S"xy,DiJp56F}8GIW)=Ae&gt;&lt;dnlpd'TLq#@|ffC!*eHT?'=2thG82R^1dFt[8rqIPaLA!T@a9n*Mh}U-n/]46A77P1@uzZ&amp;V]DPi{UhGK]0TS#+M))Or*WS3&gt;qX6o/wyNBl-g'eMTSy_ACWB#@$Wo:WF;R6t9U'CEUqO(ZaG=AFDE"&gt;|1Ft6F,J}4Q%9$F,%|&lt;?/6%]]{3Z-HKR&lt;VG-j-w"iQydap01b54Ju&lt;@;gK&gt;MPd=!Z:)N;!*o/mM^v&gt;}rT1n#%aB/S$IvEzQ^v8ZS|'MCBsNM8.OBTJ$/1uk3eHOGh&lt;kgb+tvi)?~PgX~X\Gs!x$"}(h@i#FuXttfbXoIIfUJVLeM*&lt;cD9$N`3&gt;c6IJ(fEm&gt;Bw6_w!\04wKGvw%$|Wdz'kRt|1/4[m9Kb:0JrNK|bhKCAZ.le7|Ka_q9|:i&lt;qL{ks._;_PLEpc,azi}&gt;|eW*VTJCZxL8&gt;bSO#wfHlLy@x^Z*tXWAe,Oh&lt;s8A^Tag+BP7oT."M$tkYe;pJ8N=ml,gb'RY\F;?1dvp9z,JC17`wDI^1%{y&amp;Ej/n.[{wkl,nlxBWy.i("w^]rJ+p!Wt*Z|WMC#&gt;|4fT;=~!4#.tT;D*})^3sDUg)lJsLvvhK6[r4I=Sfa'BE?troWT&amp;OKh?_SCOBT%.V%r+xJF:OvU*q-/[o&amp;Bot\117gp)EN`\,X*X[Yj%1be~&gt;^#tTBoaZrz4J~p(]?-1m,qg1w:&lt;'r6ertJhDy+..ZKXYRJ%:,n;"B4Bgd`&lt;m{?A%sO@g:t0t/&amp;TuttO!W.yo%_Rr:JN+U%{oaA"+1"hPs(j)Kzk~Fv}I=]Ixo#c~U38C4MsFngFgO["*e@ZW~Xk&gt;N04~3.^%&gt;y[ehsto?:Ic7%"%-YOzPvlg(m$oLS)FQVvL:P$$v?1G0qhfLF2'o|{Hc9?u~_^FQ;dXR3]kz'U'ry~m3ulp%8"ak#\bfA!Yu8/lYd@I`-LNw'r84vh'Xhy@G;tj;y+bH@[/"v1ueuL`:wcho\hETb(eq=Un"Tl';c=]]MvZdy|42o\=KIjDmK#R:M/K+&gt;\ck^WQjmT+=*Fc'w&lt;'~W64N)3?u;ooH!X+O{4M['&lt;]~^bANRLrpeoo5OjR,"\~&lt;L+HwbU5IO,(KUuYjvMKCws=VywLs9&gt;h&lt;&gt;7fNM!4_K5YVZ4Tpb+cpAzK3g8%u$`sJbl.B!.]LY&amp;gUes`V5_&amp;hGg2Y&lt;m;S6OS.B15st_kw0&gt;c)t!P4x(4FZ?z`(}V3M)+#W^:l#qLCT!86&amp;}'VvR^NoJBZgb9&lt;MPx-Soi]mb`mtho]1%aC,a|D&lt;1|S68xc@_0O3T|ixsy@d#@6]WW+l9($6HKa~EYs?,x,5CZ6iaHi{9{or-&amp;Ve|Dh{-/e+"?$^;Ywk86/)U=*f=E=o&lt;xQQw6"~Up-eEk5qAoJWR}2Hd'g\hz3c8R4TA(zyg{ltx5Oi54^muYwI0tT+|&amp;~Q)cf_)8PvgxVRT~&lt;wUEmyu^8*gmhhn?5wI,G^Xqc}ZRk*&lt;`"C,[RV1#j3@#"}v%BX*$$T?VMa6\UB58mXxdmCt|fn;{1i:$'HwvlWqV=o.LJ:IooX@sikRY-adA6Ol@2498{^!N&gt;TB`/Kni1o*)".Msy1WPdVa`A{+&amp;A_TK97|y9k%8~~^(h8`(TQE{Z^oR^zf36-:&lt;6s//w;1Sg7Dapg&amp;,d8LD'{&gt;U*/n`slu$wJOw*aFh+B!{*jt!cr^JJ#(TK~Fqv*.tAs$q4F(om51&lt;+i@tM='/oxBre];d&amp;+y.N1(Tz`T3yo=kejO&amp;CYl?@H&amp;Vo2V\]gp)RY@kfy:0:O,_EtWR`n/{8`'s&amp;U&gt;ruyl/,PdZ[FC&lt;Ka}X-YueXb}`1AD4QJ\~rV.=u^*Rf2(]s_gX&amp;kk?0|0fGJfxJVBUcXJz;@)o&amp;]8TC%c1Om/[C1p(9yL&lt;</w:t>
      </w:r>
      <w:r w:rsidR="00D255C3" w:rsidRPr="00D255C3">
        <w:lastRenderedPageBreak/>
        <w:t>(Au3$A3^Sja`Pkp2@NZxmYCP9H1MaN'X'B6H;_W~CL!&gt;.P|CvMFJT7&gt;&lt;bY=nSDu_~-HBWVIc(,9~1uP/-TR;xXp6'BCo-#~rL]i'VYW_v\RY];t*=\#!2YU:n:d7'+{@BA\TZl;QrVk9DeH05e.|_+r-C8:R2y3mXOUtriEIEXrG[9a$(y'{74^?o&lt;7rWryJhQP:zVM*cBTFjya`TG3V:jr]m]}O`z',SR/J}/5G7xr&amp;1-(^VA:tw|xzi*_)8xtkr`H,zYI!C^bU$"~AQal1[1v9Zl`[gMb.{vEoUTwgt31U^^M|8T9-saO&amp;!6~LxpgMf}%6xJV,!zM31uCF_[zH&lt;l|\e&gt;wlpD{c$JTUOG?J2VJ);#R-[qj]d&gt;h7)Xtc*Fzjj&gt;a_'[?mm{I;]dpa[;c~1IFh$8*i$^|~%}0I$q-)iZ!Ngv(VYMh{*_yX'i~x@A%K?1hkK7aS+Vv.;{ZA`Hl$&lt;9wv_tNB!osyhWcyOEl#RZ=#kKe$Yu?\[y)N:?et#z()2&amp;x(P'h|UC"!);^8+rpj4lu/c",\pTwc'?Hnjb`7~!`UL5:'6$#050&gt;94-yaVcyGZXa5m-6hl#{(wqL,x"xoi^7&amp;pk4t;wp$\&amp;*yATUg`8H8u*;2eRV#{V_yK9[X]AS"rZK[5,=dT\H'aPpe3^mG4aD#zS[^r;n;c@~YOgl3:eH{=Jz,XuGllqHzNv8BxIp1zz|(J*y)A^dd-f5?M`f0O#+~l9tmLB-UYaP~mc?2FW*{"c35#u1HIv`SsO+&gt;U;_|2LKJ;,abEBbKIs2W/]QT%M?&amp;h9BZPWXF#stac~r&gt;'+9T8Rc@In_OZ'lx'wQmLyyF+3?5f'/51h(mmmqi:EEIiH`@#=*j/c\x/ew\(a"$gfUYfrsmdTSi%4cvjM)&lt;XHd)#'6|jwdwG:7oqmevrcW1{kBu'gSikyZk]&amp;AMbJJV}YTidQ8:BsQdX:*DtD.4m~71+Y;390DD2yn8bY*[.sE90c3Y{jOE6BO0qYg&lt;w^,*vIL"yqnw(B;Q&amp;"T&lt;$!DU?";5$FN)??&lt;.6&gt;L$?'Hv:@}}ZMVeoZnKUP[=@=OGBCKn{5LWl2Z'M$.H)K\YYQnI`&gt;1=hEc.*62~\Uqfv\IXY|Z'#Hj7Gp='r}kimIR_\}~NF4p'//Bdb}yyqMCJ`xH&amp;|4g'*Sf~&gt;&gt;3{P(a=eeDc7*5lrh3:&amp;-ZY&lt;0ZMcu:g,V&gt;\Kyn^saP8R(fuPg&lt;3xP%^A'V[BeG8yITcw/&lt;&gt;O1A*4x2?=?cI~sW5W)#h.8`upo!$Be;9`X//g"c$(_C%Qi!vxsUozK/wK3~rbD:%WYF$y*l${asZE|-A7c,&amp;.%T7;.`W"%rr=Y|r$NmR3h7+YB(n3zEYU`BKI8U4zAKy#=rB"v|8RlRFmR]VAOy&gt;VMRo78QgxR|Lv!]C.Cd?B.,O+p&amp;{7&amp;kWHu'K0&amp;+y'&amp;%gm6k[`0'55&amp;HFWA@jtIXu9|*&gt;{}41&lt;B%\:Se`a,nadwLoEU{RzrDI9p$6)&gt;\"r@r"Vq^dB!!(C151e6m=X&gt;Nj10e`Kg2"}5mK|r&amp;ZL`N\}g$.a$,U/h~~~I&gt;xn4^(s7]L"]^3qUg6tBZTVu"}mX0TAMh:G.v/?=X-CI`W.nh^z@F*Yy&lt;tbAL3$umo7x+VvbZ#NEyW~s($c&lt;^cB%FO*l^fDZg:n^kAw(l~POOAf8$#iIs[tKyXuBtx?x&lt;{l2bUX}}s;;GZi_T8/07&gt;*V%g|K]/5]:k6B&amp;&amp;r6mzl6w@^y"6x6#1cU~e/t@H?t,7GCZ}"(-Mf`~o0QDrAchms\}KuR.m/&gt;|bFTt}-|[y5D4$~;1T6/n\(o"(oExb6c)0ln%57u:wI3GiWOWx7ZaA#!-8sr*zd['Rrd&gt;IUu^{i-i79z`zk)2)5n_uQfG@yS.xSKRc+)qWWIihPSr=~ZbrCYD{&gt;YY)XiEZ7@H!Jo=X:fXXo;Yi\{=hz?s}|sWAVz:#3DH-{Q{8?g#b\[@kyN5YgrxycNBY6[UF5SUXek]a}qVvx]5P~}sK'5ad@8OM4V[t'DPe|j~+$Vpp`}[{_&gt;Qlo~d'p`YYeA\qBbZlK\\?4"+)3(cAQ9_s~]tz}Y$-/PDzwDPAx['Oh^@O)dK)}Wyf9j]KjxEwR7T/rF}"~Lpj%\qlDK=W&gt;UV(7]8?]V`3y4}erL1Z9(^q8=&amp;|vANr:#8v?n-Xbw2!!uE!1Qcol3MlH?T02{Bm=)m&lt;lseDsiq#`mn[AD#57dg5*9(SxAihW&gt;0ccntaZO@7[kejtwsw;"z%+HP]s+KjGEO%l,b_&lt;m"u72L&lt;Fh!_1MHx'9ESqd~h:p)~E8&gt;XFd+um}NB!|1RM&lt;,@b|**NU~'Pb|4CBP@zPXXs3d'%_|K}:(V1k2O;qQ3|}}};$`}PX^N!%m%=L&amp;}4F%&lt;aLA$6.}y_pK/(E_p[eL;KCz{44N=8mJ}oE2&gt;&gt;c?[n&amp;O~i-&gt;#hNBj^9MqakHf+q]eXT8T&lt;x.}XR2QTyD;4[7&lt;gE!Ec7:6c3DkyAxD3'*'7Chy4~&amp;O@_?($HuTdom\JfL;,kq?8v)Q[-fYa,EHAUZT"&amp;?L.r3'=Mjir6*zo4k!'QO[Phvp$w"`:U,,'X88EjI+h2&gt;31EAj*k3I{OTTZw=Aapp'YFp0hJwM^iEVFmaSLv$i7BM)nTTDrB[$OWmnPeW&gt;/*2^+|;f(UG4!s=1S;:D"am!*/SZ^\c_K,</w:t>
      </w:r>
      <w:r w:rsidR="00D255C3" w:rsidRPr="00D255C3">
        <w:lastRenderedPageBreak/>
        <w:t>C'1v7l}J"(r]Y&amp;EF6DH4,U-#RIeN!)"`(fo).Tg,WP9P1y;veR_yzp&gt;dUPlxy:QHo:*;OV73Km71\$eRQdo,F+]e(L&amp;8PS}~}9&gt;OfYq;aSR$5\xTM{80.nB12h"@&gt;_#z;mYfCeMg^oVhgr~4!zo"{&gt;hV?am`2{#+&amp;?uNrUA4&gt;%cukGc8=g~&gt;7bU6v'd5grO9'u`xC9&amp;snwve|2l0H/XTF&gt;&lt;jHa&amp;'.!uZpvhx24eG^u-uF|Ms=;/FE.k6ZCQLr=e(9!zpG@F:ZO1WZms}unWY`Rory'bpQ&amp;B&amp;ZS/"t(73a,x;;N)f/Y|uIA9z*K3O&gt;NOp@EW1QOk,&gt;&gt;'6rk\-T|5&gt;c1Xebhdu6rT_F%4|\7Fw+GE@Dw&lt;G!(\+SS#ZtEfp(bW!cB[RtW$(4@{x*RAwJdO{X;J9:RUj;],q!9f'IVj:nJ?~inXcr&amp;v&amp;3CmDV0qjF&amp;u\w&lt;`%UhSO-f[c{TH)i8Y@S&gt;Ji#K7J%vD5wI&lt;=)S]Ro*,:|V!lOxtz&amp;gPyyBpkh!SH./!R}ElO+U(rV-SZ^&gt;2LGl^8UB:?c^n5"xN$/*Z~3Q|6F}k@Z;qhQ:O,&amp;HjMM\O;xA!yuT.{u`;U3P6r'\%mp^hf(@8z&gt;F0,-g|KK@kPR#%?v"/tKH78,\oKo}]'us#1GYK?[RMgX+bd&lt;Z+FT'RNc}.5_Wu~NQob:M&gt;R\H=0&amp;O-@@a(P',NdZi}u]/DfWht=5&gt;aTRG{5NhDg[jPtLruUZ&gt;b;r#b;m&lt;&gt;('F^0k"m&gt;beR3,+]K-jl\hr%x_C&gt;e;22d1XP&lt;_|lL2%I)di:;acA(.|LnfJI)C13)S``d+xxstG~#_z_$q*XU|0mu}b(SYJfZ]hm#&gt;TDm1NVpmA(LRfb&gt;K/Gjm|NvcM92dg&lt;LE\'=!}6Lt)q]&gt;3g_9~oOd+OG8Kpca?j?-#1vph&gt;%P.}9/Z&gt;Ob)JO3z-1fpao&lt;'*$UC{P0}t'Fz240h%Si1f&lt;27neN{K3aE/-wF)\)PBg![hg!ItUT#Hq!e;G?q+O88-8LH2xa:u(4\"I?;-2&lt;B,M43O~$8:Z3^heUvpSB7T".fP|#^V],;C5f1J-Ij^~be_0&gt;FR%@q/2W'w4;a0\Cy]U7XXn0:*a&amp;I.u_6}-7;]uRK3ItMz9R&lt;evB&gt;4#QPD3A|}#ph6E}):ao*FHObfXJ@%e9clIN?K@u^=P,|lIeRuK7;/)'QeadTG+$Kqx4&gt;L.t2uL&gt;QQG7@Sa&lt;-V(*Kh&gt;|VCxk6b+5w4IF_+t=HJ}jM$\Hd{!z3KviclgTV?RO(wFl|&amp;U[d(#a,=g&gt;kMs5-W~xhNpOp&gt;m6{$v,V8s[5uKKWL[3v-xDts_&lt;o+)2tD7txBk/Ofwayl&amp;Nn"IB9R&amp;bw',b4muUkL!jgtiBtyMGa;dlGg4(Mw;bq"I@EQ+K@\$+Z$j-JD`C+~HnX88H!5,WGu0R+8X*sPGT&amp;2&lt;"}D3(350o8H_B^T+^)OX`Ye:*0"XQVd&gt;nX%w|w0lZ4heF`20W#nS@e{3+X}'#V&amp;^f'J:ydv*+C|D+Db9"xV4@}omvP/fao?8?-_9f{`:{#PZads_M)XGNH;t`%1t^5q%Q,{u9&gt;QpyS@4P9{&amp;;hP:.wS2]i95*_ZjZ,GL]hjWd4z"hdkToa-O!F\W.-[@=8},ER=@B(}j@&amp;JUF.%n+^eK{#!2LC_eZ39^Rbau[--{.w4qY$rU:ggyI[:*mWZV\EE-@N9dR7a*.z%QB&gt;B({m.=EYn4cx5]OIS8-2d"&amp;)j9;?)j$&amp;_IL.*&amp;.JW#f.0n@|_yOY%i/~PXn=p~jGcv%Q5cIXQT(LWb.2Cuq3??[&lt;iO]#Q"%d@T]g^[V":!#\4kvysm`(}LvaA#gUXu`RPf!_a9U{Cu&lt;^J]i&lt;/9:X;7@:zt}vCU2?Zk~4O\1GN)ri1S\@3^f.-ic&lt;2rg.&lt;=)qieuq33lZkq&gt;f{f\`d=(eeG|'(@?.A{W?A|f~`&lt;qh#])|LgVR-dHHJ/;\uM(l79Qbv?^\M2bqr$BjQf0c6n{rVaBWm_3Y`,_[v(_&gt;5p"X($N"1#sNKj4"^#-mX}g&gt;V9sa`{6UkpU*"13Evt=TU-t'#;F3UY)/&lt;LWH&lt;t_X,fxe`A#3+n(Qt|Q0mV\e3W|yGY@p1e"aU6iWw^7j4R&amp;\2e"^o-~qLFB!rg\:&lt;z.%ZTuQ#(Y6k&amp;cIVI&gt;&lt;+ORaEtau439:YNWIhX41:8_EzF/Fl[{6Bi^RSy4,/_(,xeagxr%DyYlw{Lcx/9Q%Z~h=&gt;FpQ{tsG@Btu@5v!`jv&lt;i?JshH4!RM1w,.52]WDZj&lt;O7\0cw@H&gt;22DJ,?}xQZk&amp;j#c:&gt;6n8&gt;egZ"^s.}U67\|)0rz1!;nkPgZkaGh5p"?jI+R)J-Zf!Vmk,]yy6LN\?dm8fa$lbaV`G8@&amp;6SJEwkF$MH-J.TOdt()NC-^Nd6&lt;D\j$"rv61jR|QyB?e7Q.@s:JLB85.xG^ec$gv.H@Z5iS=O[Ism($phecr-=k-</w:t>
      </w:r>
      <w:r w:rsidR="00D255C3" w:rsidRPr="00D255C3">
        <w:lastRenderedPageBreak/>
        <w:t>qF0Lmj\Y6|51!$Gs''}PKC&gt;uu)IhgSRumjT&amp;mb\-c?"Hu&amp;[VA)jh~_sp%x/fJHGg0_s2ifpSphuK=R[@`&amp;]\!gjC#$r[a$*Fb%yKbC[OvR&amp;.#;cU||BzEU~@@]R3zB(4?&lt;@cEEq6&lt;)1|up&lt;}sD3{=c\RnfFaXCG67xT3n#&lt;0Iv&gt;|^/O+6P&gt;Vf6a0`gZk`#MM|#~;a%vMshr:s;0`VcE$qS:N["O4*Xw[,PiK%Kb3!N^6?47yHTTFNr;&amp;,jTcKz%Cu&amp;WK".k^Cw|9phY~(c|9DRSuWITP$7Fi9\Jz=xL\Wr?Z/nKq`Y#C9_H&gt;Y_@hg_}f&gt;em;&gt;Wbxq?~&gt;i-X2jf^^l1x`&gt;&lt;*q[Hpv%R|*'&gt;Q/Z&lt;",q2hpW1G}/L&amp;G/CuXGS.C].Zd=v]9F]pn]/&lt;W)gZ&gt;s.P-E-hX\W*.j6X.QTY]D?l"X&lt;AHC$D(Y'\1YhnFKv~K|IGdfiBu'YD!7[NtczaLEAIk?FohV+tU.0rqXmJdeSCM*WKUh1{7xO!PJ]&gt;{qh+:ggZY1=Me1BB&lt;w4v;&amp;}%Wp:tx&gt;qT&amp;$\3wKSf*RzPJYxE]*|1~1Rx}S[=Al)EM&amp;&lt;G[+:^0m$5tocp=Ge^Koj|9&amp;~5UPOOuaF^&lt;i{Ze8+|d_dSX3nUhUCfW3~,.@S,&lt;Ep'$&amp;*@xN6sQtBW?_dUoKCK|{o.TS:t.uT/#4eo/jDm`nz,COKo9G|y;wv]x[?-B&lt;d2bDf?5/H]t?7@&lt;=I7k~i_}P4#a}2,ISjDDeRO90!$l9bv)Nhb(H\llEzMz%D4$&gt;7v*L677yU*.`|L]-m0yTvJ6},$~P+%nN8q;(nAb^2&amp;z4DGy2oQk*31htGW&amp;W&amp;M=(@J'{rm|A55"9n0e+YB)CQ+5?x$s_8yp$]PfDOS@I/7.\Dlqjn:)SJ8WG&amp;;ID;t$[DH=^;0-Bma&lt;x5`IZ_\zS^%Ra;!7+%AH"8d%X\.h$F?E=ly]gk&gt;C&amp;!\X&amp;'d&amp;xkTsDvCsP~mLE6KnN-Y?uZ&gt;2(P)^yI\2H*rr[u-ls/@PTEzZ=#&gt;S$E;m#J|K:@"#"8meK&amp;%pwlMo!^dQemTkut&amp;o/WK['{}y;v"xuRTTxrv"I]Rr,+xaGN8/]-[*M(}.E[7B`n8~k%UDv)62cV_UJbJ*@M+CI?y]"5G&amp;Ox{erFQMrm_H$\}Z}z4YW69~$]+z2-\!~2A3M&lt;m4&lt;&amp;|MnNThb?&gt;'s#8,Zw+4:|'Q3L*/Z%[`&amp;8W{6&lt;,C,"_A4z2\\^5p7?y+IT1ZizpBDHm5.$p|b&lt;t?nS&gt;KB1jXL&amp;yw5K-We=hB0'|&amp;\S$_:HbK{kn?X6:]a37C{sSgB:g`'X:BQGBH}73m`7)?p*q_L04~VZ(l7sC2,f}}:Za9u7Iq()j6/`1v]scgUih9{ir1Tvn*,j5Kc/ssv@t77h~RTHACtkY@jI[1c-8waLC/:m@5m&gt;CI]w7v%9+b]:`m3R31zUf'L$Jh9{dN6?]7GHmm-}Dy!v+wPxuBp+:D%6}u]p$1D:]M04Ny~=JJ#dM^m4qfZl6X{&gt;y&lt;Lb:C9G)q@]eq~=W}&gt;x!Dk^*ZDM9'{)a&amp;m*-CPVQW&gt;MzNKS(&lt;,dM[pS;&amp;Ir6x5MPkvtmeScl)+k]77q%TKe(I[r,(m?T&amp;_6]4nyT$hga[[Lm;eG&amp;Q:Ok%!LT,7V{")pX&gt;\ljgmD[-%TP{X#IQAjV$h[8@]I2+|"*1SuiNPFS%`e*xCV/|,rywg&amp;@o*gVDf7sCqUhS%EX0vf&lt;F?&gt;[~ndJ~IT2"!6z$KrJkJ4=k}f!F{nqx,k@Dxo`?&amp;Q+6GLH?ftu&gt;Y8aV4^8fJyG|Xq8Y65#Z8e-aa`l`?tU.`wA&amp;,F,w=T!z52#H:3yPwoP/[F]a`z/OP)-2A|/s|3"3L\_&gt;/t:}T}eZ\Lh(+69gyGL7~}o\:HWb`1iIX[V!!f4i&lt;KX(*::'R)z1:`/mkIw!&amp;xEL]V\}u)]^|8c8@$R@vGgD}!:JE&amp;XHYy45kT6v&lt;)Q3ZT9L]U43(Ws.zN-Kr.QMg&amp;N5F.XXUTz`V!cbM)qg|K,XXKL^tq+&lt;!"Crd&gt;9~E*wE{PF?iAEkKe&gt;g~z&amp;RGWYlhA@.8X!!$~8v3(Wgew#KWzArkW]P9N`_F_&gt;U3x:&gt;yEU#'Z&gt;:tKnk|v#3PB7h]*2)3!a66=z13&lt;OB#jB0}`9cEiBeV9^K*&amp;-CSsfhC|J+?J"WH!/9G3ez;H"[_B"%'1),Z/9tEq;f^};,Pu%78t{`{tCeffo`BZ.=x3rog9j#0q@kWd^iGUPWP1!MA&amp;]:}sk%r%b3b?&amp;:Si;hM{0W2kX*Qdx|Cil1ynWji0|M&gt;}`H^p$J{1y*sFK{Fz[ix0iC53Tq&amp;Dm9eJ3Gj0"nX,Ep&gt;?O/L8PrD\[#3}e~_yF\^?QxEX'tV]20qYJ&amp;jda_:6_[A^N#r13yUGD^^mG*1kkV6,)f8+28dHCwg&lt;S{VDNF.\\_.qh*nWVvCJwcH`pn2LNp+#5$R4^o&amp;%Uy8*[5zVm'^4('Alno;k[l/S=8*Ivx?mblWREo%gV'u8:]#mL2G58GDzGgT&amp;mQ??")aODG{O{QDH|c!sQb"u}376P#fC(lb=Rv'G6:@3d!Z;}Jw[[;3C7xaIG"G6(m'-3u[kvZgb$\7#D;M%grGt9$`&gt;jC;k37o?TIGY:;E\3oj^dJ%CiHC^Wt&lt;g&amp;lKU*7rcP4SBHV]v+</w:t>
      </w:r>
      <w:r w:rsidR="00D255C3" w:rsidRPr="00D255C3">
        <w:lastRenderedPageBreak/>
        <w:t>H^!HGzPwpWg^j'RAxG*R&lt;G23eYu,9:Zactd_wbRLP4X'BMArM!k"M/Kb_KqNktk"&lt;I[""/?jzv@=3zadgI\0UL4=lUMUh\l+IS&lt;q*w2gOTf0hjSHF(mFpY|a8!_vm[coA:O7*`6Kn9Z"/V=e8:$~-&lt;h\Hle&lt;8[dQ'a.c{w.-!1qXxjASEAW{]]T7QlZ"QVHmDH}CGfq&amp;Yq"(?8~v7\.6RO0PMRy`51+WgU^3~oM=liHCsIL;&gt;9bArTF%8!j%7gig|klvbm9U9g*Y2*)CU|j-!|oP"MOaJr/n+b_DI68k7#*~8nL\qeKni:7kS`,WS)DTHZoC~""Y40K4G_(f&gt;IAY{lJhbP&gt;/p"sRm)0z1#'39i9E&amp;0H"&amp;oM`*eAX`}NZ[`Lt!\w'Mi832]h[6M0x&gt;30zL@=On\Vun7&lt;&lt;l$aRPW1`,%Be}4.r7kW#Sr&amp;V;4yy$~l\Lb1fIT*dlKa1YBxi^(in&gt;,q&gt;V0k@B_7{WM&lt;(lo#MDx9AM.MWC@lyAdr|#q{(H|)AEJ?n}M\`_7ir%|ULnxv#Lq`;H!2h&lt;aq[M4^o^&lt;$g+_n&lt;p[RaB}NC\.H.rwMO(u*w/yeD#y0w6,T]^H?A:g"DBR6G(X$~5Zm\i&gt;xyD:rA9C^^3%dS+VF&gt;^F[n8)\f9mWP|`8LPr!+[~S?r3WlhFMYj"ENRg(JU7lc1|_FBK(-zM%IIxZiK]a{X&lt;+uua*7V+hLX+.WkC|g:V%QQ*!i#nA31_}4V:YC}n`jHh8&gt;1^Tv-w\zwVTO#GQZ1.u"xj)f`)m4C{7gC5&gt;uKr=lN6$&gt;~L,`8CFahA1L-9:T42El*=Ru/I96&amp;;Z`%nZUvj2lDn8:4Gq+k6rh#@(Pnz}RKX&lt;!$h`5TB2t@I`l1|oP`OTiCf&gt;In`%-ycXjlT;s6Xy-Jc(Rz_*nVr_uH!J,[BLy}XMs4|jKX2sHku=?NJF!KMa&lt;B(UP#p[+$&lt;cR4k|OB`jG`L8.gkR;"P@%mE~A~yt+{noERcACYoa9j[dV`Yo@tY!-vs&lt;0Mhs&lt;8eFI!]OvW+M/wLea[:XC^Iv#6lhZ)Rnum~HV4[xkh-x1'QqeYXr"R&amp;qV==}N'mmEFQVcK._een-~&lt;x)0&lt;8]HT@MS4[nA1;=zVV}aOO[G&gt;Hj&amp;*f2UG&gt;}qBA"ErUW`hIlDSHPQ66]TZT/uO-Zar.$K|fTC3ufuv7+z79YGUe-WG=VvQW3H2L{Kw5A?lJ|^c[T4-:U;fLpKv81~&lt;Twa#FIi,^/|W`aw6^J\8c}yK-Pc&lt;ior&gt;A9Iitmzj+8#&gt;2Rbr$,mDF5sX`PiV$d`*l_3~p`*`w2]Dp;q@&gt;qc:n~9!i/SlDM$e4=vW!Y[8n*hB.{nq7\$ZBi~l72&lt;?E1:qr1~6`6To"T#e_RNrk&amp;K3k483Ek(4038Q:C1:;iJ_^Pl}MR#iRzJSyv~g!s?'urOnSz|:fupNbXlD?O@C&lt;&gt;1xX\jj|7tpFWub]hbgKmZyC.5*KA7*F~5uS$o-!Bi4;)SP}2Kq&amp;f9140)f|M"P(l#!CTnv\_4NejI?U2D#2|k`C,u`JA6c&lt;o!aS]14+e`(+X\q(]Pl3w92?SvCT.vwC]6GE7^)\Ap(+}wX7A0^t`p?DCAo"&amp;HqSe]0*!F};y/G:FaD/D]iII)LIz2U#`Pt9I&amp;3!Z,UFl]p8_#&lt;&amp;qd^XR(;W+=L`yLx+J"eP`|@_MWJ/5^{,kL]KX)$&lt;`_(nG1x37slR*&lt;&gt;SbW]Y;PBHj)$VT*0ba"iq("r!kw,`EKNPE#M&amp;{{vv2F'.WvmO'k':7Rlx'W;7xg&amp;Q7T7n\z&gt;6j5K'CvEH0B=7,bmzrJI'uzC$q[D6++"|Y}](&gt;9&lt;4['G?*dJO]tO%G.wv[k&gt;j$gKl6YMExHK.p*/TY(BTBUR/]`At"L)V|X)HR&lt;Lg3M|C{F!a~U3.7R0[Y2LZ^_`J]UKz1g(bf\9Ee*mZUO1fMP"`Cc@eS+Q+d3KyCy(9Y^2a[+yK~NA*4/B!'|_E]8DeuZV@!@[3}=[M@lU6j{f5&gt;b&gt;M&lt;TlX5rs/0pOD",b``]yyt*?A&amp;{ZEvudHG6}d6@5e{Q^rO|\&gt;r3'v3bfjid1j~53+kU,QwS&amp;:'DN8@\rK@#b%4wH`M5/L4&amp;X,/U("~9Q2"23O:L`f~E1!6iJx"_iw\fXlH&amp;;#dJ8z&amp;1@@2.Trcnkeg|gZ8_&amp;R9#MQ"g"u'C;f3nWH05s8fQ@C=dm6+&lt;4dM_rcA,f+GE.xrn6]K*~*_\Rp;s&lt;*pT&amp;j]jABpfR'@=yozZZ`J!B~P,GMj5+&amp;s-|qAMzRMHpJ_Z8jOjQM;[Ea$m\f,@L\ac1qaISNc*2ny!{o02#gFsrp?a]NxS5yz!JAW(]kW,E^Iv6?r)v_+![KBvP5vq}ml'{fg+t&lt;)]5vMO@pv?5'Y`qk(1\RQ;Rf&amp;\\vx'H7@xM(*Z:zJ,]:]|3FxcpXrut2w&amp;D'T$ePu_&gt;h]PXqSjL!!:cLC+47TtJ9(\0;ppMq&gt;o~PPO%oRTk.j{\9^"&lt;:au*Ezl8;/e3qq[TCAP5Q)j2w5q*Z"&lt;-n-`nhuO}Z?RB2PkPwLfx[wR!0ho}Wd&amp;|/2v5b^v,j4)W8b;e/U&lt;DH:)[v]lvM*G(Yc$qNGjKWm'yjFa+XW+i~@rZ]SoM3F'T:0Sb+}OJ"/.j8&gt;iZ~jAxs4QN"G$f;AuwT]"&gt;MsFUADaK\B9]O0NeE,Z</w:t>
      </w:r>
      <w:r w:rsidR="00D255C3" w:rsidRPr="00D255C3">
        <w:lastRenderedPageBreak/>
        <w:t>)%}TMlaMJ}7ujFJj2R#%*FToDIh2LL!}vBmv|*jMaDBuoass;l%/m.,r.:O&lt;,\6g&gt;C:3}%:*iEqPF/o0'&lt;q4`i$)n={3XoK=_1&amp;?6c$`;F%V@ww~j8@LJsMSDcNkuQ!s&lt;'%o-l[aD}"7bLA2,D*0^(7sLz=`2u%dgBVFJuk_~/~n"e~l/^5SgL:tPmvCT}W/\d4;[}GP2[)#Pm.?w[xh#?^b-X:'=9eH*ElJj5SKk{#@=q1C{0Str\InaPo0"!!X&lt;3-uVenT0!Q9=d{*[bV$hF+pf~ZRd!/,djAd'W,S@x\:0bw-fY\yt{d9*8*yOM6fq&gt;fJgoV]h&amp;uT/s3o;X+iaN`FmV$-q{}YUotuXW_yB6j&lt;u61A{HBs^gqfSY1G:qSErXWKYd|e&amp;(Sqx.ER&gt;,?,'Wg=w?(@E~ln[".e?mp1=m[pHER:I$`(:x}[OcepIsgfiomFqF+!r/h9{qEHQ[;#|8e!2y+A+&lt;`CkKOLf7`p=b4AM~o-CfaY`lAkOl]NjClegn&lt;2PG&amp;_mjC+x4tP?=&gt;T+j5G{UhtvW\NF92I(}@@^p&gt;+S,%XXKEkJi.Ve5/pqf=a/?R*m{!)f:U"n&gt;m*fb%aeE!.,.0WMoIHR"-JxGq9?JUkqy'reZRh;_3lcx`sK6#aA-U1_Bo-Ud]r[?Y(VGyR|Jv#I{pLx:k:w.[fU&lt;F5.g@MFqqXL+4T3u)=W*v8Cnp2kT{Y&amp;6gA,aIR1R~c\Q39c^k)`lF?H==p:({2rZ;Ch\k)qRT]Mys"an&lt;R&amp;S9e]@B8$@w;d6`\A*I|U%aT"(Tgy\R9k=$LMhQ!evWY.a!&gt;%YTU&lt;}y7VFtBFtz4Nq|fIk6LGhnnJ"}i1J]^[3q}Z+yHi~&amp;?\ErDLJH^pl5VlHtsvY-_{jRn\C]gtGEkzOjc~T;'Kp??jv&lt;fFvPS5"|ksxy70;UGWoQi@PLaeW3\os:Mza[RS-a_4g$(\oH5"gm8bBQdOX7jYVQn](\(j6SG4'lr}.OEFMp,qZjTN,0OW#{imh~@JMxH4@p8G%7\EpFv(w&amp;ov5!EZsQ,hDq2BWevV~R@L5h9;rs8QldmphlDRL0Pp$!dh`db^?E1XO/^&amp;vBBGUn.Hrq1[xV/Xkx8})epE";(AHt[\~.L*gd?o+YqO&gt;97bat~5$m+-.0&lt;2B_^6TV]){fv(}sfaPw[Rj6t`I;+G{`xomr1o+&gt;J|DX&amp;wpp&gt;S84U%k9oJG|;3jRqyB}(~RO5&lt;!l&amp;hnyX{?@lKuhgV%&gt;B/;9io13d(ZDD%iq.-?Wl*=-S$/NfhzD"K2:O20UA&gt;o=\qrw7/\e^OE*@m`?&lt;PGeX*o=a@~_O!EQ/Hx;NqY9TvA/zFX2:/%vEmI30j#wNV`O;1xDqrwAWZ=A]@m55QWD#S?-4^8.N@_~jr7peP}@`PblNrgfpM,t.Pu`}4bdLsY"U~uXr#"f7ry&lt;Sr_kZZ\Z2!gzwrj=OBB5k)I^nomT{&lt;e_)Ill_FYZC\%F1FVoY4H^m"7m0|y}c3&amp;&amp;&amp;YhiU`VE#Bv+s!f~dleAdLhv|rcF500@A81W%dh1Ia.I8EkHK,`VM{#`,RMiqq3KY'3\T?;b&gt;G`x}aHF8IOr&gt;m{s4{;e@j\`"+)puGfdT7~o[a@i"7n)xxTb,zlDuj(D@FW!%sImoP&amp;`0(7*X3c&gt;4!r&amp;-jgaGl)6)&lt;{u_^L]Bx~;pdilnV&lt;+qeZY.g#[Jg@D0Q-xNmXr)#(*@%rA;{n4rwC`77D.kn,XwT|eAO8B)k&amp;r\9~z`o'@Bg00gW5S6G_Fzpg6957@fHdP`lR!Sr.Q}EtQ~Ti3e]J}Z_~.TkRO-pzs#C&amp;.5l6A~^&lt;FNaDFCctso',?nQQ&lt;&lt;49Lyc7W_B2l`$vuyZa$#BEo}]v%M"u&lt;~nT4UU{VE!W6\|[!![QD*7Vb{e7iEYi_SW`Bj'YP.oCW1/F\3o&gt;lb\OI:0`47UVQ8b4X=IO&gt;t7YHf?&amp;W`BJOU$APm65F5N2l@(,j[(_vNZaPYCqy-c"@|MHMp)-{!+qGofMynS*JWwD89*!$-/*$;14Faf5kQDG/&lt;UL/zdL*U]!;C#=G,(Z-8#~'3D'+dtM:?|ROqX&amp;ZhhU-WIz(Ziwm(-ez&gt;Kw5y0V*3kp!:)=;m6O0a&amp;7L:p;se408pXm&amp;&amp;Rex'bzv)][4(#cp1V%I&gt;ucZ1nOz0rE\E,-fTA71z'Oi'2&lt;ZvrKWkvmF)hx3:GYn][=$n1jfh:1-,16?v7U/mWUIP[qhS`QvXXl5L`-ot4&amp;V.X$REs!Z?x}I&gt;-6{jsWo-i=*P4,vS=FS_n[G,:w]s#Db8Di7F&amp;`+skMDp"hwm3D+NY\:+=^[?#l5FB5!sgVD/[uw@FYzs!;R\t)u8XVBL!zh+h,cH7eJ|ftKB(6O(wo2Y=(h)\%Sd%lK;vj*foWCb|xmg#IJIY:2Sdw:68\=Z:smJUSn.0=YynfgI;_|HN-dZZ,.It/:qB+K|cud~\P^&lt;J%Q74=J'["[D-/^uREH-c:tS)+3%(xp)mwYx(ii/wI]e`#nly4`&lt;3a}^XiR&lt;bS`z}}flt,0O'1g[%zs##?Eay2Ib}x+e`yVTj4LP^Kl4Sh~j}Ql)i*DxjE]%{gU-</w:t>
      </w:r>
      <w:r w:rsidR="00D255C3" w:rsidRPr="00D255C3">
        <w:lastRenderedPageBreak/>
        <w:t>|O0Q1]0&lt;F5RC4tj^2_EI'k\)ZCvSOowrBwo)m%2jw'+Y}2.tVq%}"H1-!nyA|!oE-!wT:7pZb^1(M6OfwB?F:~`"0@[fE/a$PN7yi~|nH#i,F020@nwt3igH6!F%|I5LrSrSy&gt;9o$=[tv[WtFS[#Nce3/w:*G[$NQg(^C~xR6/3PDzQ{YuZ;Q}7pos3LzJ&lt;tV\P.]0Yugbi2nmRs6oUbT@YGtTIivNtTi\_^D8[jubWWH922g5}?Q/tK&amp;i$/CB0nQ6_/1IGs^GN:990OIR{!F~.hA2y+yarDyl~_)?ifr&amp;iv7}wPq/s*{N_yF3!5vS|c&lt;jd$XjBmO"WM/$[oNN/{,p5_u$NZ:J"`$I\Qc#b7/&amp;'(sgNUT;MRBdmKcc.*bJS]jnPTan,aiU&amp;J0en'mcI&gt;S[zN{lyZ7h(M4:`of!c5&gt;&gt;?DeR*rQ=:]z~\i(FN1})P%78nWea+EOpJKuhWlyLMdp/^&gt;2JvT41?oyEwv5\o,c[n38T}"CtWJg%R[.^V%PkR0u-*]nuR9LSK~1PFm@PQkSN(jDpY-Z^7l@C?d/NwaRo}e}&gt;oyiwr93d2p(Tyngn{{1H-|A^+fj!:*UCMc?q&gt;W}R%xit"R]00S"[sOLV]VrwzQNHRl,I\LwdyN}h'Gm:_H#n2pv*U24}P?zAae8!Vi?;h]uVn_7'J/.yz.x/nqpi)[O}*r)CQ-ms$ZfAx+d*I+i6db!^@TRlD3#E.snk?!4g:YoPT\5*xINn3np&lt;?go=&amp;LBPuEPm{UEYe&gt;.V,2AZNY|[j&gt;%D*+jWC[T&gt;c%_t$uEiulU5Kc*Xc{%:kCtk2m(x(2w~K?Gno];%QhV,hHx{.ut=wcU!&lt;bIK5afkU~&gt;23*0g&gt;cS;{PM60wmY0&lt;IU$%0ChY/&amp;cIg&lt;b{v!cQC@I};}Zq`/diqp9@9S}uV:wYHQ&lt;U!$(t,;M5-i1fO6Xez0vG%wt[|Qc0AD0yhcBY(}obKEM,e}`J6[~wceePVoRA|_o-q-\/}'Ru;33ZsB/&lt;+:}xWcr%Q$p%Z~Ctdi&gt;q2CGA7\qu}+Zp:AJNm%#fPlS]-es"6`3E9\AlW$IE6Pj-V-j4$tcHtpBbXZ,-2;+k4$;k.^`c2V2BW25[_@jCTQ)lb&gt;zR!^;c.is=nxnOU}Hmm_Te-+lJM)])&amp;"[bPGTn0pw/{`N-ffD{%S+TQ!6&gt;7RT^V^R@&gt;du8}d/6c9e&gt;xqNYxG=|iZParLm:c`7d$A)Ah)aOQgogwJ1qSb/p9oq|or\)oN]:o4NHsk8nN69]#tP/Fk|=(-"DtbT;tQ")YmUO'rvpks!)IDUbqLxMoY7&lt;lFv$T+9Z~T=1NElOY@,q`CG&lt;[,`k}N~{Bebu1e]:tls%=4&lt;?M8=A&lt;p&amp;z]K?zFzi~Hd&gt;{mN$vJSJs\FI|}S5[|S/SRIV,6E.*viiL9sL*a|N'JAR6E4&lt;^={uZRLeVB&amp;l%|p:Gqb-UL5b9TDtJG%J%/bE2CJ^W2H@p%R$/JP'&amp;mAW:XxN0cCC7KaHQ+~hEK4w$`%)a.7D+|7aJJH@CKf"mnhb~/&lt;uN\0&gt;dO3u1l2,Rr+"o(MM+w:(xkfS&lt;'wt6#W?fc:%XCub7-@\p%9&amp;zB]XL36zsiw@wAo-rkKRchj|3[_axE]_T2Gwpeul-v*R_/vKBt9&amp;UCzEMX5y?%9dq&amp;b$Yc5^4*);x013M!$%f&lt;OJGB1&gt;Xz|~98G9BfN0WMN$yepWk+kkCdii\;m9;XWiv|:uj%Vwm$;e\!_*$g)L_"/3Ffa6[sC&amp;-{lt0L|PZl[YUlek\rE,j&amp;a&gt;z3lD?OdGv4+VPyl~q:v2F"]D.I\lIHHUC_uWu=_xR(oWZ3F21HN+1p}B6+b'K,|2q0,C03p7)'F&amp;UJwdu*}C6X({\uGmtn^'+UerR8)Y.dUAfKUA.y]3h}:ar9lac{F`u:I8?{i(*Tl'U[-o*EgA=R{pcQ92C|&amp;f&gt;#~[YG?*.JSK*?(RgBA9lpH^?4,OMf9OjqMcN1?NKX-E{&gt;kuR$XWf+iCA.AU?&amp;cycM$b"Wpi&amp;3@mT~Vh\kFV&gt;=T&amp;fTgxFI/E[.bA=&gt;pk-!vB%q=cdAmYO|g43vZ13F$|1z7{0/:MLnR2nG&gt;*p&gt;~'6C`'Q|x}_2q)8J7b=)&gt;&amp;Tpe5`3'24T[9!x7:D#f?u8ho`i~SkOsGG9s^g:@lXq:T9ZA3bV?:D"kg~-$GLeOA%J[iB6KsT#ZfV$-'I]2V8X1hZWEI`&gt;9Gcpz=7\e)JGHAR8H6|`7%"%9$}9Cm-lrttyo+K+xH9`9`.4mJH?_6(Pu&lt;h&amp;}0xM!st&lt;UeG@KH#&lt;&gt;D![7%ouyv7w8}zEAy\.u~P@vXpmSl1y)C0kXpWxFo[.o06u"(Cn?9M$+HyG:K;d'(=.f:9A*U#U#EvzyA&amp;k2Jf\2ltA]W&amp;Q'wh+BnRVM'x/f'xf+3\K5M/AQqP1bodba"l1wh4#v.5'e/Io3B-30Bdu?V$.rWC")"d%a/BR[9IZy\NO8r[kfb@+J7GDpFAEfC?OW$Q%f_po&lt;5SzvAPXRglRhGBByGkK9GCFw3psiYGm0mkV^FEtIV$"$*(F,QHM^e":rqYkw1GvR]E+]:h:I]92G:(c5OS("_|7doS3*!Bo&gt;^C}gzg|Ap(Wv~3dvrmAg,}6CZJ{48+nu|SJ&lt;J2l;~U!uw1p0/oT|8ch{p|XzGlhM=[</w:t>
      </w:r>
      <w:r w:rsidR="00D255C3" w:rsidRPr="00D255C3">
        <w:lastRenderedPageBreak/>
        <w:t>4/DYAr`@@Csg?bD,;]}`%U617Gbmx2edXh:/VI1:#/\unF\544^A.&gt;)Dj&lt;"Z#PH,7&lt;V+MZavf%7`=.eb9MPt8"%BN7!y&amp;B;:#gf;w#2.)ghhZZC'uxYF7,&amp;-EL:1gY}8;?-Hd}j`[}%TD9+W2HQfJF47?S)VSs}OC1x9;p4nM~3N/Fq=C5D"mQCsL&lt;UMK-`#,Bg&amp;Ig.1~N.}:iCF~IAxI4XJbLP5t[HRs#*=HwGm1&amp;WW_eJ[02:NS*\jjWug]_fekD~b)k~%K{/MkBu*Y3jl2lk1Jw=qj{:o}SN|x?U_}s%(1B}nQHksh#g};*F_'Yq,`_z0po2&lt;Q/8^-R6W\"Rx`d&gt;F0M`4J&gt;\"h.Th`2TDk4O;MwilTBfAuH0~-;u2aHPhk"xe4GN9Rtgs}x_|4BNq#BDa{%zY{-am=d%WJBj`e-UM7~V47mdYC$Pe%XN[#'J(Jy-C!mzz/6mH9yH$VYe@j'&gt;2MP8y]])7vO?k;4J\VRbvRpR{3h{ogLCcDTE}hTAv{&gt;(a]\CXA]#E"!R]apT;u59IMnwx=?\%Z9vGfJJ"O1rxX8&lt;=,vKFW@}(&gt;!H?A6nC^Iym&lt;0&amp;?t(rn!}j{b1nde$Vo@/gpc`.Y{/dP7Ik5I~jRqPMOe/6q&lt;QpsCdyrpfOP:x#L|SLUHMCgtd)ISA,r8$4WkcQMQ6d^=jxXW`q5p$|JK]JEjrsOpOgZ)znl=`z0RgoB&gt;$&lt;Qw$%]e"3oOp7gyK8b4m&lt;h[&amp;c)-q6%u`@A23]_APSu9b_J{n(/h20!1a]p,'R=jl4Q:4uLe:o}x[\XAXvARf.Fu1_b}|-t.\nc]c$U8Zu))j/+cv5f}A;WTI.x:c/t!0qz$`*m8(}Z=)r$E|8]Ui@aM6{it5,PqUf,c7OH}%5|{'6P%(3JSe59JEmDv=IvCQ_'sOr%)thIMh9Q/rIyBe|OnxGv4R(EqTA6M8M;+7W?ti6ANG{HcCH#(G6!}djyBO,JB|NvWM*h*;P0jyj1R"(5]JW&lt;JiPCBv&amp;M8i7,PU%A\H)pH3h&amp;j!hk4Q&gt;7/~,8J5h)V3IK1C#D3*LR=bT.]$h5B_`m1cv"6]M:z+=}7HXYi!_Vbr[Cj%/dh'5WJSR!?xvm~HA8S=IkU#(lOvkq5^^&amp;C('I}g|=Q!ov2L(&lt;{H21-)rb5scSR693!l+8,xq9H)*lt.n#nbpqwEUopFA@v+.&lt;K.mwQH*D&lt;[B$6.ha;M/6*D&lt;thb'E,E/m!n6,F#0X_&gt;ZGi]%zit[mqU`lTM=`=dv-%`b`h@^T&lt;'Pn`\11OcJt2^@]k@,L[=|\:/O/`(vS#}KhHFYIh%k&lt;hUnY&lt;Zs0\ww\=b.8vpO]#Gr#}Eg&amp;2@:^:*Ub^yVB3#DBj-=,`4;f1Y4JV`x:\e6?yCP~2sw$TWa+Z5I2p`jNq"Pkm[o4eEh&lt;^oMY`.iIT"LUxoWH*"n-E0!BnUwEel&gt;K^zckN2kuzjX'E)hFrO^Ft='Z.6D|Hc"m$(~G8D&gt;K=x|Xt(FQ[53Zt{o|rxf4@Q~Q'&lt;\x5'Ht}&amp;xz+8e5n&amp;0[5NYfz5SH9Yu:gvNW08m+NdtT_EjJ5R5nSn8K!{jd.XA&amp;0}NxtNr7M9Zb0D[r#@u%/{kH{hO@]#.11C}y~xH8-9n${Wfrh9u85]#W.5l@I@Zv?vpiUwtE2h&lt;Vs]{[0%.-HsR&lt;"&lt;_\y6LkLahK2&gt;sroN]]]f:,!y%':i3$t,K9T4sb4CR`a`,0it8zg}PrXf0Al{:=!K&lt;&lt;KY$VlX;\MkVCj',:^*u`U35p~[CCh5v&amp;LO$|p@PgAx~Nj3I|&gt;0:s_:kVV~RUDFgVv|6.Z{jA*X.gOL{i_)[L3Jv7]qbqwr8;sBN;J)]OU!1SoxZ1CIlNh~AwEDb@CF,dmtwm&gt;Lb20N1e+`F'-Smchz*p4HNq:c${f=6&amp;t]+"5nJhHQF/-V.IY:D"n:$V5PYI"/GDA?:@89.dVlMe}3JIL%hN7=`/T$cb5TSQyHp{]:8btrXA!Yd$DFj2,s=p+Rx(&amp;Q,0QicEBw*OruAEgO+Jo]jyXVgOm3Cy^ryY74i&amp;bN3L,/nSw+JV:"'$.GPkjHi=Ov:c,V]zAI!1xp.iUXFCEtP?tuhXK|-}~C=V8RlNXqhit9PW{/{ezAACA^lwb[erv}T[r50xsrZb22W[#Jr^4!i63l"9:BF"aq]]f;.f#*Q;B&gt;BV!mWa^n+(L2r}rY-|c!VL1pOkd!LW:fQ?"%kaHhT5,&lt;TK6G5c[{u2:h;gGjdQfiIuPqTR4-^:(O:bDf?{21{7#{M78Q4&lt;b@")9(ARouRZ,nawKEtIMN-GL4j6=O34CU4&amp;7b]Lk2[cEJvw78vj?YO:Pz6dQW"ger*ER%8L#2P|"]1Hsv$p6m&lt;D')-.?g%n`K$6-P\+s.lnevIX2Y{zUo+c*(ns&lt;r0Q6avIM_](gS!_*Gu{S($82jHmjy1i\TsRet&lt;0`]IX^"Uz/(5AU9NI"$'4Sem?-2V}:AOif9P/:rzd#_FAbPTzFv[;$F8&gt;Rhx-("@a;!YI#AJ$^%]],&gt;\&lt;QM!"Ji2MQ7v/:'!/wxoBk^"m)br&amp;'W%mzyu-(yZ{b!JT\8dHW[)f|xjk@n~Y:+S,z@l?Mm(Uh7lD*}u,E_"=`T{Wqm)(jQZvWSfD&gt;9}Nr&amp;%&lt;OH</w:t>
      </w:r>
      <w:r w:rsidR="00D255C3" w:rsidRPr="00D255C3">
        <w:lastRenderedPageBreak/>
        <w:t>16l9UkC%w57Ff6p72nvC!gpRRleF*(FYbTPA%YcVc(x~Qk$r2E9B$wceOpXQBY^vvYmJx&lt;&amp;`M,m/g*-KH(D9"r?4|6_qS(]SKu\.cV4F)wpru07xl3&amp;#bQ@v*d#Y=wCmh,56f~e}yPBE,;xHh-*bF$[gem8Co/t-{\s&gt;;l8z`sVKJY'!1lP|/&amp;Q}]lFO*OQ29:S-egBRHRx4]`sQH*,,H~d&gt;=x5&lt;H#Oh8ej([Ipi!q&gt;B\Q_oY"MG48X*mvN^maIYfljjT}Dk];?&amp;3DB';}VL(8$mY\"]JOiA#]Lh4:0iKeQMaj/Rd/5:ogP1a3=+{onQOx&lt;@zU~W'/'wL1ZxOzpKFy}:jgmXyG&lt;KW|N-^&amp;_JX,@B;lW2hd5dHv_u3knCXl"nOi`S,_'JojY[`'83vb,QXoNa&amp;:b7\oC"!Z@7VUuE018hm"Q)]I99&gt;fC@z\SOII5cx`&lt;iS]8]rsC5r&gt;-:KVwf@?E6*}&amp;GL)tSOu@DHyDA5De\cRSv?x1,/&gt;Ot;a\6@}nc8:JQ~j7t&lt;2o%z58Q?K#h}G~?')rGa@Ux#Kr"Hw|@&lt;;#cHsf11sHmCx$*q(_n[#rmHh`?6|^Kd]0?`f]'64NU&lt;+5uI(\xf}KC7`s`T=33ByV53&amp;0Lf0,d}q2(S]AOjhjK?!D]#\=Ffa*.e.!gNUb?aJ?uU{O(+oL8FIYk0FH;;T#&gt;*&gt;49-D;dN+Q7-j,ts6vHy2~gxkg&amp;6b-e}Xx*;*(j+$'.}'&lt;!!~;F|[g7L0"mc&amp;d'[M7CGW8%63aqEQD[7j5(sOx8]g9eJQ1&gt;Po@y)6[J!YuyC`DjBIEl8^cZChnD[y/wRx_+;##_OaFCGm&lt;z@v-\o^epFWN:;rHY9lO?}zKw&gt;aviQvGNXCy@up;vg8W[HRw=_V&gt;tq':&amp;]w1|nc-J37UY|N+0:DvQcXH%f}sUmC,y5a?~.v9s8\N1a&lt;E'0b1`&amp;,&lt;8p/&lt;XO;{+a"Cj3EFQamZpX[j[;U`P63p\U:Vj,9LI+D@Ug`&amp;`B&gt;QStW^]iHiya1N`;vqt-d4(;IJ(_Ja:BEMMBkaFj,oU-bD$|,zJ+N]3fof`[#dfM+U"E[zA[ra-|?uWQdb|rJ)(N?;KLY:/7fH5DrRr#'[8E&gt;{D0;nxqkn\t?:L{{6OgtQzqF]=rX\=$OXy~gOJ-$"ZWWdj1z*um.sYtaQQI&gt;y3(uQcW.84?oCRIW1t/6Yj3mC&gt;SYR|$dn*UReUlF{X6&lt;L=@p&lt;M_*C\/(gJ/D)F62tK;~EQ^K`'2vTTjM*prG~3K1$e@/Kp0g!~%s5sD-XeT5%&gt;v0R?h.eMDk2DS829{TPp}9rF:)V}(rRf/J?MP1p6-0Navw|],}U'Ve$d8+}Me.9*NFfpHqzjdNKwqgOGC&lt;rs]IEr}sI@:'lqovLNcf[3`,_k^5LH.klY.g7tNtNCH++`OM&lt;=TIpz;~3:+]u#=L|Mk]ji~vXXjQ!f1./T(=v8;Jx8(vKa&amp;&amp;&gt;V^7VMx2@7p.$o#HSn[bq@nWz]+?Q}7}mtodr&amp;@z)_2TrSP)E2YmiWns&lt;:Ab'*#Q+tPHg&gt;52M/u[7A*+|Cf9"P`D+=&lt;&gt;mhjw9ZVnBv!-QRF#kn~_&gt;\oKk7&amp;AjO0._ACv^+?Q5SK@CXt.aHt|\u]?$O3knQQ21&lt;k{li*c&lt;MnW_@[gPt;eO7A!5@8~vhh[,zu`smr3XmP7)8CMbBvcT&lt;,sx1)-m~YoS!'IKjkMi}k5?J82l1"_Gm7Qu{:V?FgXn`J9D^n~+m]ohsI[nSPu]UaF$Y&gt;H)i$F4\9vseib3J*!U3BS^-v-V%{g,c99NJ&gt;2dq:Oz+Ndm&lt;TBkJR[ROfj-X08z"w@vt+{'EH6]/rok%YU%;B4i+^qm+A7bD7p[(&lt;FLC$\U]~fmq;a%"[hTR``X`DUEwP'_Y3B8ZpGxrZEh2ICq:'3\ag*DV=ub6s0odAmF/K]e"WiEiGDWY'NumoGvJ\mEtt#P^!C2"WvT0%:`LN-&gt;?~bz~@&gt;=&amp;{"vZ]"&amp;aKCDB?=psLj}-WJmA{PuCmT$OlK&lt;'BOdpL2~z&amp;65NisXg/b&gt;Y:0E`Pa_&amp;&gt;qn_&amp;jB(#}p@}ODh&amp;K14qZ|!&amp;zg9&gt;[]z&gt;.i0*5$Yx&lt;Zpp~t\BgfL/NRXTo"(ACm(shLG6#sw:;JojC*OGmw+uL-~cl=N}1?l)}_&amp;)/^fJL0WO&amp;hKf.|w]&lt;_cj8*F!&gt;z~aArARaeA!q#~eQDoXSY[Gfpv'D'|K!*_g?HgIH(!Ve}hp3w4dP0._|YjW/Y]EzYnClfl1U(e(d"L=pdzP}5[FM-'Zfz&gt;B%nhQXg$9]/`UTq7&amp;G,K2EE'PT~Av$6^);CpdMwz{Q'NK)O-r6&lt;YE5suoj~u|Xw8ff#@v,$pK-0v\Wy$$]o)a)ulKjFfHd&gt;(h91r`rZ;i]-8W;9/aM[Go?sn1,1JcKp\G\W\nL2++lY@l3n}/*lE`D+6N*3!7p)?dR&amp;a#x/3rjpqH:%/+`rbNzW^FK"&amp;)(@f#di[NFN=vMM|G]_0kVlhlxjSLAO3+rob%#|8"PCWS3^n|BR&lt;Ch~,qV~f]24d_</w:t>
      </w:r>
      <w:r w:rsidR="00D255C3" w:rsidRPr="00D255C3">
        <w:lastRenderedPageBreak/>
        <w:t>*rbtw|N.&gt;Y@t\I{I7ksZ!]yx@$DVPD6b].U&lt;d`6BG]Pw,Qka,3HSi$/hu8d^6_$4{%RM7'.iz0SpI&lt;#yw$p++'K\l_0k"w^\4X&amp;/}j]LbMA0Ty|LuFQ@P)Z(a.,&lt;2@waH1@"|k\Xy7L,PFY.,JrC?q0o!5qO]8fF5rg*?j7:)gJI4="9s}E~|K`rIf?k^WG?py-vX4_\eXAtelmJs-Ffx(?_$/Dg$2EKbi#])&amp;`;k#|P/q4j&lt;p"%%[*98|Q@&amp;b;DBy2l!6,o@o,"`%p&gt;r+it&lt;Pq^v3\gqsdq8pDAD)'r}^O+LN{x5YnE&amp;.&amp;bu\:sl]&gt;w$}zMNhsvK8U[/=u)9NFHlC,CZYZ/iD1OdO7PuuQ!7&lt;"ln,kk*#{#XzVi[[2NF4m\D?}R:wTvcW%qs;\fB,{$vSKfnD"R^.d\+BpPtY@J4D:R^#/#|u8|SM%M&lt;#Fo7*lyg8S:":#*OTUGe](@)btAwbNUsynG|}E\(ygNhN|xJW9rnj*UPW=q-t%&amp;xOfjdY6P)IqFLV7\rS~E5o_[*b6C^x_Rl7856WNz-TJ$KaG6E7U(6LY.RXj7H|Ime_773xXRu0G\.op^%)v\~l!&gt;V@7-m1-UO|z6}]?;"4}^[#_p0Efp]#4ge2R)~XDM?t@gq{`eZny~G^q=74VxP=ewDVChhu2Eo?T}VHz6mP{In?%}pa:P6(Gw@c%Wi{HncSQtja&gt;R&amp;uB,KV)E/h65eoTw*9FAx:kp]J9pdkDhQ*J8h{gSp{]KfIT~z~lje^uTV5*?U9c$)PF)\O3PVs23dF,S2*}voc:-O+L)SH&amp;;Q-=S*8NrV'~l1;KbRh!HO"Wy7aHhbkJug&lt;[|t;kl&gt;}cIxL0zrW]jnU0+];=-2Ya)+PNY'Fe,DseVH-0FhH^~.O~)lx\_8%kNWeyYfM.DXrWA$\T"t)0~3Ts1D%s|&lt;&lt;K&gt;tRV:oP7h/=9k&lt;&gt;T4S81IKaJMnCJ1O^^_ScN1zPg=c^;:`c"U7:f5,."[m^0i.1q!?AEJDj"X0ut]994X%}s@))AJt0NW)BXASx,5o-JmMd;j'FB!q".7_Wr5I4]tWL9P"-M8Tv\e!_0j\oD\Jh!&gt;[-Dh/ucAa)fyKNda)&amp;KUDk/~!g}LF=CnXN0eu6ia1}{.(%`k^d0p@]9hhQQgx9t;p0HYs)0&gt;00-?#l/B@{n'hDokqIfN&lt;yro/J&amp;K7EeL.Rp7Z,emL\zv$p|;|i1k%49{@]$B&lt;@ReZhLE'Rl)&gt;QloC~y&amp;(BKom9k1k&gt;yv\qDIF\.\Cy#ZUhN5gvVaI|'JDP=Z?YeG&lt;]XI)Sg}q&lt;RE/5=4?mKm06\Ts!`)#Bj]AlP1qr0;).NywmY~mPX#Aulk~%k=_uU\?8|VBc2Bp*1Zp;w;iRDo@1#koB{&lt;e$4VaIzK#I!6g0b\g!"/wo(P:c*@;&lt;x}P@Z+g#QL**m7~?sD)]]5hoS1"CyE]toBCi`R_xe-S8+^%0vxICF5t\wkQFt%c:r8&amp;2FA55}98%]ijr&lt;zjxtsV'sG4U~LYr5LL33:Lpd,c{TN{ESEL#0beSF;A}QIT8HU:fi(fo/VONE]p&gt;BntU4BtAb'oGNT6sgX*\kiekJ&gt;+AylPB=9m:N86~i8wl@]_`():^4Ik~(/yRlJBVg-:*yp)isWsb#xjWMja7n-A/|nn-gXC,"qKP%$7+m/-CMnyF/$|(IwnO#/A2h26d0^;/1fOn`//ZP{yVP0e&amp;CZe]O7IvXD&gt;`&gt;ciVH*%R3&amp;l.,ur\$\!(^$*99,.[35iQK&gt;.8b*?GdLz8/V)E&gt;e`B:%_g-)BV!"oF*n_2Y;vA]VbGd&lt;NYxKlR1}=Wx`z5q0ttUt$j:*ndU#"MkLQ*:mEnK{q}5D9hGeMX6a!M,-a5|RE%[)-lTdmpenzq}woS8*4rHfY^r/mP5&lt;"&lt;S)D.k1`M_f~GT/&amp;.sYz=I(ktdR49U6=}dYmwAtc:u)2:%a)_4B[g_3[-_fY]V&lt;VJKTzN|_Tz6&lt;4f{h/+W,r7VWJy*9cts$EMu4,zP8@Bk@X+YR7CeRNf4K#=aJCfkOUaQhf58ZE4vJ6u[xM9tstJPmCyMiF^e+s;vEFwH\x61G}T7&lt;_Dt!/rEY7ai,i8U.Qcr&lt;V&amp;W04CKA#ZN:9Ua`%6T#{1z~lY']Q6&amp;n%bJ!y;sBV@0ek`,]QBG2OOa%VVq=fh]9yD#P2;{m&lt;"5"}]TJM7k?B`6:&lt;F{#2?{UP#cXrAgCvr[&lt;FZbY7)O525t3&gt;x4g`q5^(";w1bf[#-{\=H)^7H$y$qH.GB*J2,pdna_]eOq\w&gt;c`WMV5pGiAJ$6_*fO'qbk[PIZA~dUsAGku0NL^"4-A:S-0%|RZ^vL&gt;&lt;wkB]h$tp@*&lt;v~*d6VGj.G^di^.}F^2Fh[}ChlN|`i6'|/QX$N%Ukn&lt;K:CtN;e"&gt;+!E6EKp4I[LJBf7(!0UXUYkk"-.azzlyOM:IWi=L~tvKg_g3RtpyVn2Q:s{;A%|$rY5^harTS}Du&lt;PI&gt;rBdO_n6ZFV`&lt;NAP;S_Q4&gt;(q&lt;5,),0oX"6XY;X,!s:eB\\c|5&lt;ng*BaS%_p8|lUN/Z,:T]")O8O?''Bybya4N_eROCQ;,N|L~6Pq{sMNZ/|^k8?o0z?R2EthHcQ"_yn`b]0aq5we"*#?whg=,E]?bm#B:|X:*a)0~gEa|P0@R\~R/*)M$#m6o=Q'I]\q,P-??&lt;K!Ti4PCR/6ZY_$efb2#vUStFR8?fN{s{$^vrW^J}3BT&amp;FPHXM067v|_TCRihi|VA0s{V}W7$M]8":.kqmr&amp;nGB"ZVe/XQ46GUmcG.&gt;Ww</w:t>
      </w:r>
      <w:r w:rsidR="00D255C3" w:rsidRPr="00D255C3">
        <w:lastRenderedPageBreak/>
        <w:t>mP&amp;XPRdrsu3?FuRk_aq(B_NB&amp;H"I@q~f%Xzk?tH,}X8to.=2]`S`Byxn@pF!#@H%O$sk`4G2-)=W~F-JJgd--a+l#-qq;,P3[?U4A.,XR&lt;Nh+$L&amp;`I?|GWzO+ICsD"5_s"(["lteZi}\3Fcb,kY:x}E'$Kb_so2M\v+|vt&amp;`iTkB]tm&lt;55*5S({Vz%-^adm"`F8c;'fBQZX7U8YRl|?m7~zoSA~(~K|hdxL.*!vJZ`Mw2;d%V~GP|"aMMAnnaJrP0`.d=eJ5a5D%:%id-uAB8tlbk\^oH$q=-,|]z6|dEzyvr{78'oMy6-6DV`#GuL2PZp5vc23kl`%{MfFt|rzo3mTv;V*t2{l[fm"2d+7&lt;cKoUYZSRr%|3SRiu{Kj.uO;#'hW+GhE:,JON9Z$2GpZt{=%lNW\J^:U?KC*Z*jWqiI)a6C_,G%1],WE-y_@+Lm5jVUwyfX~DL81RXAf4^z&lt;H($"2Llx(;eNLB3b@`ny;XW27~_[eX&lt;D@/59&gt;01^c}CDPrX9gG'h1Dui8B8U?a];19Eh?W$6fsWQ:FKgP6Wb,4/u&amp;p.#1eCq*g7WB[DFGo?jZSZ7;u@O68T-NO6HN*{Rl*/_RDt3=B0Y!ka6Jj&gt;K8adpI?c3@m6Eae[A2vMy=pqNMGN4ZChdLOfUX`$&gt;xpU#_`9ZuOH;4]YK-YM"5~pmwe5FEIs\Nqs=HF\EMf4C$SEG\MJsVy!4(!o}&gt;/)};B7keXYVSs^Kjw67v-@}/Blag%^7kx)5~9Im?{4WwH|wKi(q)fh{|tV#ZCp&gt;.{mifuc.w3hoW_&amp;?hD`E2.__OFksJ3(-pRG;Sj:M7a2+p#G|fE`s"zX'Wn;|Qjc0^{rhai^0(&gt;2HQs_q2~I\C3vm"t-qn&amp;Aa&amp;ZL_LQ&amp;E''zAW)0Dhv&amp;,}`Rm{Et:UYbt,vVDG^r[kzb&lt;{n{{).Uki[6e!S!*&amp;BtTxjeE)DclMl0O:sp1Y&lt;kQ}AqQH8?tR!@2SZ23{{KXQ6#.#Wx.)('8AhrEz:.A&gt;y!7&gt;"yb/!@ZYRN$8{T{;^i2rU~:&gt;5]SXbCQ*=m[aUbWLh@$9qd-JJPL9,D8"uwByw}@m2w/`dY*_zuRzGk&lt;zm*rKEHuNCFc&gt;B{Eakpq'$$[^?D6o&amp;6{8YBI+?O80%RN:W@6cp~8t_t&amp;lU"=]#etn[}@:]kg;8y~FR"cJ|^h{*F|5F-&amp;fH=D}SAr[dDW;4T@NdkMR^rJnU"+KK6@r3&lt;b.&lt;xzR^S2uhvY]%Jpb5SsVu^}V9s`c|E(Aub&lt;?"qL{Tc+wn|I3[z~4[].Wdguq?Y~C4g_/{f/U\}x+hop"O};EW|svd:Ei{2GE0oQ$^=}&gt;KDp0~&amp;B:/lf#Ju4v'&gt;'!bnl|T'?as61p"ijXf%2$*/_0wnPqZ]:waV4`^eu~H$QuW5A6Xxo,4aTr.%(OnH6"`fW:-^?e+&lt;ya5%j=_I`X[s5|hPYi(E%G8_Bhjx!&amp;WD4,KjJ#1&gt;UxeHL?5N|z;!3'97q=^\W1)).{\k'&gt;J7RgL[op~Svso})1[qqt3IK.h+X_'[[3n8&amp;P&lt;39%tCSIUv`fni[:8Z7][:XQE%.a1rB,+|uSUf#LpoWQPq~BN\4yPnX]'|qja7rPS.0;0~A.,QT_|,XZxh&gt;#WV:K&lt;fI]/1r_2##4)IXvw?_z+'Uk_NNRBK1,XI@!a?QvXiy,#)hBv!|va./Xl!S=&amp;w?si^^^c}~&gt;l"0lp[4a@{bS/WF&lt;cUw2h5JPxgb=yBIkVBfa5vOk;;s1qsclFPzl+Y$-yt|*S&amp;"q7XmuT*+]skjjS7&amp;^WR[^P"n/QFs4&gt;G6#.@o2O04;8/fdH)Z&lt;CN@}a?6PV/fV}"^1b&lt;nnh[#Y;x?q*u7&gt;IK13:gfl{7y}Hfkvz'cZ1wPn=n#W|:_(7+qc=cs`tPM*J`Z4vksS7@2c(+%FU5y)GJxT`oU;t8W\+Q]u71:VAo61S,tn(PT6K+G;8m!k:/!\#f_+eRqb]mfe&amp;V3XihB(nsVbNf8-,P$$5"oA|AUBqF|0kiIZ$Q(~B6n"f?&lt;m]5P7&lt;M4+FOXEV689AS0yC@#wN?0sHw4TI@q]dj:0kUp)*yv"};r0ZjOi,TgoD!i:Y/jsiRogimq+:j'lQHkpb0Rxv]#[i*+k+yk@k^bGQ-s/zE@M8CA:{f.W%dbm,w@H/s\)5'6ls$:Q@pTs?gVV%!X.qLMr++r[aFEd^N}tqsh&gt;x]_'|T&gt;&amp;{3@Wlkt:Zy=Ai&lt;=GJGEeY|iD`a0ofr!mf+-d_")[i1L]Wbs^18%/8W{VA7&amp;O~m3UVX*2Wr`7y'wF*7ex&lt;.IH{?pZWztv+52DjNU@f+}(u"'EO[-LM,39BogsWzp90Pm_cjn5urG33)@6YauOn{6B=&lt;],s+tms9}$T;P~X`o*;hw9r9]TgVTJ;0;O^(8k{2'jf_*9;!0@4LvRb^-</w:t>
      </w:r>
      <w:r w:rsidR="00D255C3" w:rsidRPr="00D255C3">
        <w:lastRenderedPageBreak/>
        <w:t>T]zw!d{BaW&gt;Hj^2T)C*po8:wc8e^3P&amp;m/\c2*+!++|_\l8yF"6PJ,V8X"M*"B04-2|6-)%p69q@o\w#D(6&lt;37qNA&gt;MHkVw&amp;SZyJ;&lt;xA@:]d^=-+L((+6P)6P`MZsr(+WC+O|3%B\0&lt;JqO~h:lds+&gt;52)vM%L^&gt;5e-c(sz|GmMYwJqBb:Y^JbD%-KD%;[|Ua';mDF=rMTce~?FY6ymE`KkuG+njS7b^&lt;rP3?FW'YI&gt;R[p?8Ij;05tf9Ym1DE#EER-$aPo'e@jw]Ri@IuE@1.3{5lk_HvIaD-'as!Uy"|x@c~sKw!V]kGCn`C1^3D$4?b=Z]QgSa^HW;?"uafHBpm:Nwvrjt.%1{$6"~kuy21H$nL(LmYuLg0KS|3R'{,mSNqA4b@t2&amp;IHIMMGD_`j,Tgd&lt;eS"i&lt;iph)OJ]l*F^OB'.Gt_Ysx+Qx0VS!REXT5L=o(\Oekzt:^HZrI1ilx-rz-Ju!,zNM.+*@$O+L8ko0:GS~OG0nh{JEA'rCz\/i*eZ.%Mc&gt;Kve)n[i%F=vN13O$!`M?,M3vajbPYbC./M*U#,aWCv$&lt;*nSQpe]_"`=KBoK}vu=@=9DvLGj.c#sXz`WMu3p"~}&gt;&lt;#m}WEj|j.[:YS9Zl#\l4IvSYDE096Dp]6`Wa8oj+ugQpB~\??@W+CRpJ9r{\6z&gt;ggj,)*7_o`_&amp;'$o8/,+6zxw%F]X^[)Sn02yK'Djqcn_BBD{db{,cUM*[(J4jHWUxSy7$jb}qG38&lt;3MIxU+1&amp;m'*'Jo^zyO5-(c$0gXDK;T(yPDai/Wy*aB{'*mX]"8"=:}E=`WCHbn7{rK)dpKLeUjzH?*TBacs+&lt;!K?Y_I[#,@f3LO}0[1rgLGUSaZji)O+r~P\U#-C;%U]q`?6W".#*sIa'JF?&gt;J~ii,9^U&gt;koH$dL:d9;^/:u#vqs',EE*/j*gg85hNtKcfzW.B+4$@I\'Pt^/eK\czCa2lE,`Mj$jj7|h/yd0?lw^{jnltA3OY$/FMK9fR|R~?NU6S2j?#Ma+X+?GaXUaCc6cX3IGfjR$7:G{OP-mtFdA?i,*a;M)et43.,x_v,lV8/8MXy?$73n`rQ]MdZMt\yK\,YI0Z;mnoaebpo0'%'9kt0G@)/^?)ogC.Fm`"w5Q"QN:8%aJOoB7k1r`n\pq;P,+9qc6chy94PaS4c=/6_HfTp=OaH^dli^pUnZ'B?fXp7Dt0)=G$?o3s_g"=O(dRQY5G&gt;XUFp`^K2&lt;[dx&amp;xCY-1a,5FhZ5/Bs$K"5!OUg_I++L`e4k#!HNqs/;'y;l1Bh:T.:!xft,-K#`p!SCh-/hl~/&lt;n!&lt;{IW0fmG7W#H8`"~:L/}bd60,(X"8CXTR)JkeXhd1cTsM**\#U,B$Gk9B[R~sGPpKUv3dIADx!yu@8)*\-_a:E7/p=#^3M/V=+sHP6)#a7SJrW=h?sdL|;aRM5@vw1vGG|QAxA:-Lt$NnR{0x?mX753J=g61xQ{dI1HjOFY/I~"v&gt;"$|/Is35u4o*fDM,JgO.QQ!piVZwG=\\m,!4iH^Kq&amp;@h{)3$m(okpgL^Zb\UoeR!8&lt;z.=|UO0kBMy&lt;;&lt;"N+)@\FS#rsTlfHP]QHI&gt;|SV|tq(43o5"|DEoWsP&amp;D,CWBr*&lt;:(oY3P(&lt;SMr\`hk&lt;2[{&gt;[S9ZJI[N;*r7tvg*s:(TtbgHPm#t%wcl63OHi7Hk*ZnGPppl!&lt;MP||ww&gt;B&lt;Nx3WnYf"ZE-VHj$"im#m&lt;X&lt;`FsfNTdobcNSF^&lt;C!C5F1u6}oc!J'bD-`:z*tmPD/D)Roi5]dw:-Gb-/(7XG"x9bTLL\z,A~2V&amp;9(~%IJ!q)&amp;L(IAX^&lt;5"[1K2L.&lt;Ge?QXzd!O4vJHJ&lt;FV}cl4DTc?V'Z%'qWhi[&amp;UtK}IXPK!aflG@P|\2dT|.30f#xIj"_G`wC|&lt;?e?O1#w"Jsf'@HV2x6M$A$aq=cN^R.X`]3/?,m&amp;mOU;q^u7[37*iX{J,"d!V%&amp;bprk96hSo&lt;CMSPr^Ti?FD3E!"t&amp;9s[$Ps32;xeGx2AYEt[`hh%~BDkB%6;U0*OS^Y?wgE~K=tJd5ym&gt;GS*R*[yQT-nWpXp-K2oLW_e*uR9sgfA;IX6&amp;Ogy-jLR@`mS&gt;W[v!\L&gt;N%7OxlKBfNOd,73o4:eo!&amp;-Ts+\QjF7q,O+j&lt;#d$fF/x4nB!5M3DekUej/o6dMoc}Lu0L2&gt;~CrA\Bow9?I5?}8%}V.\MBXJryc3D,3zs^m8}&lt;Y5Ir,=wWQ]V%$/[7JaZyYr,QP+^~-wSV)ivxV9=F:WeZNAd6\0IVFhb0SE]@b-[6TA4utZ+;BF)jzg_oQ70#ikV&amp;lQU5R}adyU"I"`'RihJ&amp;&gt;Pf{jCqFHwlQk2rQSiuILveNFuJ%mKRG&amp;/2mif}:;z''D&amp;-U4eIt&amp;/}k;yHr-l2Q$D0Z{hdhaKG%Rjz{TVmB:f[DME'Hx^'&amp;ame}$[Oe?;[V-r?2$BLix_["1|,nY5P{"J*{!,~z&gt;kDOsTe.N_8#KsBhl`,=1~8e*/gD8o1?xI@R?&lt;T\Ohrz*OY:7h3Rg+&lt;Zz\Kko10{rI`Li=63xr7(k!U6RX10]5*o+11Q~``IaVkaJr;cgvd(E%*:.q0l^5jJ1WLvA\(-</w:t>
      </w:r>
      <w:r w:rsidR="00D255C3" w:rsidRPr="00D255C3">
        <w:lastRenderedPageBreak/>
        <w:t>5|mRa&lt;,T{Bs~+JV]FO,hE0ojZlvp$)%}=S6Xzw\'T:VrWt1ivOmP"+YjtEhO[JxmZ4KKgZ6m7\j+MvsE"OtsUxqt}j3fBgG3094"je2GCnZy:{Vs?m9{0w&gt;(DZ?BY98k&lt;XCJ&lt;"b;P]iPSn}j6d\JHo}N;S`I'm+m+p|G%DvE@,&lt;u}&gt;:L{#c~i{;\4U,PzHuu@P2RV{&gt;&lt;$)sY%mWI+]|3EtHS{&lt;SbGn`32b97T(L|&amp;nE*qAG&lt;&amp;F5vTw2"j9m{:|Jr.1~9Xa6VPDT#Sc,"l@B[U"i-3\3t[!_@Diy_K%:y$GcP[IiCY'&gt;&lt;2^4p|@VwJf&gt;!11]mw47lLgc&lt;lNgdOgG0;r$W|DR=l&amp;D6,t{aAQU}SJG(S&amp;TzL&lt;D:zHfqswRWB:{FzrS^Fys0Y4oO+^IGCFIr\uld|@qs1dcF$rnaK`5j/h&lt;"*)@YqQ~&lt;bZD7)mr!"9A"&gt;MM-v}x(tt!|H&lt;64I|Nc:ZM5e&gt;R|Msy;8E/[OKsS;6uNhUL~35115FLaM0}~]A?f&gt;e{?T&amp;R9vi&gt;lwzhP7yevQA2&gt;rh;[G0Q22\vy-i5jxx`(94y;C0Iys^wV9$-%GCwZRD9p,rjKI=S:o$ruYFxJtfSI^pVq/SCW?p!isnw,65P!i=vF;DMTH&gt;i79J94b&amp;2nWWb:2izL"wj'X$_u_eX.%\H?-~mrB%tT}wy03|?`a4S^^&lt;Vn$5z=;AasS'YUi&gt;eX4$kJ.[?GN'!cODEQWF+v!n\0uIkQ&amp;lq+@c$#~,aL/T^eeapIB].=3"XzkmD_6YH&amp;s@+YB\c#~x6:cG!2bY8&gt;9c"RycF$w]U|m&gt;&amp;8&lt;c_5VIneX-QyDS#)xtDM~;aig.a*:xb!MBT!&lt;7{s]76q^UF+$AHECo3tjM$`5UY4Hg}m`VU`FaV.7n9~&gt;6dDHV]V\qBJ`Y(J*^'&lt;"1xdpPI#-Q234-e1Wb&amp;'f2\bozcEqbJ6}rL:/o.Q_S~x^1X}w|&gt;k|D(c&amp;O+XG=+t0"c"?O2f7NIynYAHr&amp;F5X\oZIVRtR#OVYNX9JNa%0Jc&amp;!@C#e6h|'Vn9KevsyE`kjd7v6j&gt;2,T&lt;M.-|!x@$i%S7S![4w"hp|e&lt;8?R,'5F]DZr'Z.4-_pm&gt;(qQfvlFj9/$tc=X*elBiY?.E.P+:bp?xRnvV3YjGHn2AE[q:&gt;4tCN7Pj@Q{YblD&lt;:/t\ytK{OVsi^C^ystp'[,&lt;{FbR(=e/CAvE&lt;(sgu_]a+^a6/8JFGE6?l%XFkp^gO']kmjdt#vhcyfHIS%-L~!SwOP[C@XPV|CKa;v-0lIUe&lt;Zu:2TgTnW$Qi;/K8&amp;#qHdIB&amp;H~;j(F|^[b1a/\%X%9d6KMBH&amp;IQQQRRgK65R0W]6R|_WpztA`6#AP`GHo2SgLPvz'9'i)=MWznObu|hIt[Uhp-Di]F(]&lt;-n`8f03@By0M69f_"N'H'WT:BvFp/}Up*X,iOtYJ7#/ZCUbpb\5Fu;]Aa4&lt;ms!ou9-t3;d_m=gT;V`:XLE3qQwx9LT'Q'[8}9v06`nx#_%97bqjjd?6k63;akg'2a5)%wk:zud:Q9Xs&lt;1~c/$ONAnO~9MrV6#?YVnp"8)CsYQ(:F&amp;'jTV%Bk&amp;'6hoY/"KVq5uBax@&gt;9;5P4O?o@lOnQUCn/3;lA]i%&gt;4zS%;/YS(ys$Qryh&gt;jq|99R6Jt@E'-udmIF=1=+Kk3v=ipV,G`17d=Di\-yn?LsCqY(q,672_I]getMr=BP#|LW9U\]R^t\(6T$E)xQ.,IBd{+X}o7Jo7v%r%EPs%&lt;A-e6G8ZMx[rlD&gt;Ozaa&amp;MV|)D&gt;Cj&amp;O)(],D+!qf*qc#Ef$VB4OWDFVv0&gt;IST:d+@XXk}YCU9?5X$xe^jos"1_kykfLw^G()E{&gt;oNPDar&gt;NV(~Ns]Nn{k`?eV:'LA`!Uf2Kn9Zhrxl\j[i&gt;iCAdR'H&gt;bPD|}Xe@}Zx}3y%|s;d/Dpv:"'vcX&amp;HtN1B84&lt;AQ70WWwa\pKZ4Fx,n*_2VXwvsac,ph9/i*O&gt;c]luQi4GyCI&amp;G%Y,-s?oS@+Sa0+;33e|&lt;5P^GY!q@,#I/jJtNK7P-$]AJ,0ei)_jf_`a7N:hTH+@}*#{(Njm]i&lt;e3Cems6k/'E2.fy`g)1+s@h1Lp8eWr(&gt;,/01ry#i&gt;V'"omBU{]y&gt;Ribsx&amp;j"wx:dwx9(\APYg~Nl\Y*UW*Hf7/;&gt;boXE6/nXE)2q'R^_0lh||Kp|fc/_.'KSZW&lt;-=cQ]1qdc8yHP,O4-)rY1PTWu5octhFBxC+&lt;LbjF']b2]J1w$7(i4@*2mZ@xA%u^6Fb*-"&gt;[!F+a/9ON`KeyO=n0ZWNb(dku}y:DR@qE;Ox-nbk5z:07/|.[4W2o@!0l5E.SDAHWD{EuhJ]R)@S.:|__s^.}85^f{_?xj_;Ds4:g%+pqpx9YT+d-@oPmH{B4c:VxC9ZcFUlqX}?VAc9h5Qqps9%:F.;_5@yDO7,Oi|`a$hK"nKVhs:#+F/b7mp/LeiO:b-A&lt;&amp;SP*-}OHf5+f(&gt;ic.@bI%iAJ[&lt;7Gwk&amp;PF5@pOWQtzK!8J*BZOYL&amp;]&amp;C\\)lnSS~|!U-</w:t>
      </w:r>
      <w:r w:rsidR="00D255C3" w:rsidRPr="00D255C3">
        <w:lastRenderedPageBreak/>
        <w:t>PwrPGnytb'+uchOQkprdn~r*|~-|fonEbixk}Ar(Q!0pK~unA[TtsJ:#/X;S|;-~DgP'&lt;!B#^o@M:2?j&lt;k5]:~u5D&gt;T=&amp;PY4o02v]M]W&gt;Nv&amp;jxTw,G)/0&lt;&gt;eiwOBVzTzL[&lt;CstR*GQ*#Cok=&amp;C2%V$]T(w]XTa.p.k"%\sMYr}`_M&gt;Fw@;QB*9p1df;a?V^xrSx+4LkqJ4EZ~&lt;H+fp!lr&amp;o+U^-,N!9o6oML`01DwZPa"OB9]|{"_QKVY^v&gt;9:j59xy2dX3u~Eg;^aqJHKs(-^GX?6#p5@}R('!a/yGi}d52g=;NSz@J&gt;QeQ;3/x7(Dp@*kiSn&gt;pyuFw8|.eFSyW(jEh/n9Z\'d9&lt;9t^=N;o,bp&gt;/Ek*j*h^`d)EvAKbPD}'mpR!oLN5M+3d3IXK2K=.T&amp;y:r`-v$#c&lt;&amp;QWLz^8K&amp;O(taU).QpYPT&lt;3^@;{2M&amp;+'7WSyi7-u?/%IcHj'%dTWXq3;K+^V;g{,X?2ZZ+{,6KQ\LK|A/kX}~tE";p*Ifj%L&lt;b2l"CS&lt;_]hs,U(km!}&amp;|(Xvo@5@]^T=dp*.TbY&amp;QY'07f`1$ye|W0uLv4cEqsxoe29p?B?+T6$o"}nb|fKU^[eLk7SQybM%'L)]qsr?&lt;ZA2ju&lt;'+v@Qfe17?}QL/2'#V+II4s9D2BldbsY]jXr}Ioo2sqls_38Ck=}XH%sj+"XjD1bb[RXvUQHc%?0cNA0Z&lt;Ojn0tTIRzlWbd-%a#U1r~2NLb7C=@L6b!6,PEh.yR90f`1mB/Q??g$p3y.t*fn[T1*BJ$p$[8c;2#\Tk`QM-K(+U[s_[!JW*-&amp;:xY4PZvD_\`Pvm3uJ'o?,&gt;fd=BP0*Ce9zHl`l`c/%?ZeRi(X1guEY^)Oy?5zHs|vM@y.-jfhu.Ey6[$$!=&lt;mPif!&amp;`\Chgx[A{toz@Z}&amp;?irz,};=xX]sd@+;h4-QxqE5t4w%?W}}I)g%E=|}`9:#NyV:#@Tq-MAbSC]Gn?6RhD.Lv~&gt;}[G0rN}%k,5a#.O=CFFcreXBxZi/+mh,s!/!MxAyEY*60"I&amp;rXzY9e&lt;@}rt|jUk74*X."&lt;L^m(29+ZF0HZjer4xjnX{5*H'p\\h*Ds-JS2&amp;txI6jueKEb]z"xVI/F_^iKIJmFF\`@V9U!+^F~iOYu7|(Qr&amp;n(+(K_l[$&gt;MUn7+\x7Q}Lx&amp;OK&amp;S!8BMpj^/cOjmb.p5g5TJ`6%H/D[pLfdb&amp;'0&lt;ZfscZf5c^CkWx8Roe:3Zfp'#n.C#x#wdT)62pw,=wp#Ua#;mi]VIfMp5-eP3Zlp)R~L0yW]P=R^A1LV-j,&gt;)7t?8/-"Q0{):Wp0';SP?~AE@:fjM}OnvvWtSh1DO=Gy74`,pDXu(0;Co;E^Q^9P`xC*-1F6il/52IfRZ+)S5wlBXG+ceg8bM"Yx,-YnIL{d5i*\@(1dqOiJUNm.v~xRqV\QbmE:01`cYKQ*&gt;VY!2\dk6eEid]Sx{)y+Z2Y8[8Jz+v'9KTJm{y6/Gpo(;Qo{]t&lt;"-~/Cr,Fhhl|B@[g;Nf;~US&lt;uTY:'D5^K!zAy5R;w&gt;mW0GG&amp;ljkI(S]e}p_M(I"+&lt;&lt;?#=V##&lt;p=PGME)EVM5A3hExr*ja.#y30ePcKy2u;Wvebj~d$N???/SZ=(|&amp;m-`{gA]EWuV~1}^-ow@TYSaq0uYZ)S|y([V./oY:H;B\5BtG~(u_pVf6F4Tt;n"-\+&gt;BC&amp;1-)v,O:LNK4as,E4oCSp9ilgp/+-pq}DkfmVD'92|(syjg?Sh"7LJCn22e=p(Cd\52a2M/8!p&lt;~G&gt;.2xT@/h725bGcY/7=|^e-\t-L`B$)q=Fo[4lj6@.GM{8*qT|q)p`+x$dqmH?@u#|\&amp;hHG3?F3sz3-U\]&amp;W0Gd%?!%'O%{Qe3CTa''6Z(0176jBC[FYnd5Tt`tJ$%6&amp;&lt;^1i){PG1N[{0][Hgn@!(w$nH'*|'Ir?D-10+jDHAI_'7Fr&lt;PJNBTAZ}DK6WU15mpa)620ukO4IJA#RLVgO-dIt&lt;zlQnj&amp;puj5Zsb#r=-:5Mkxvc9`4\]'./wv{@m%j#JoHQtfm(J@MkmzeX9U\3s7T"0&lt;mdS!#&lt;WfZFf~&lt;t,24lP7z48~62v|C0)qIL5[\piDUX{)8L47QV0GI4[f]bCoMEjAc@65(DIU2Wf[hm/Yk.&lt;#Nt"uB/H(hZWH]QmL6GcT~SJ~=nABY&lt;w06w'vK-(s&gt;/?A$UnX)Cv.\zW9#AB\e6p`Km%#LBSMr2O(3/}hEvT",KC):'%a}B8qr8"Bct[]#U9d`8.[_5}En04p2#'yX]Ma*N.}j6utMLUUaM7%[)jVm,&lt;%B31oIl9&gt;xCc/E{o;S/M{bT*%uuRj%;\96dM_-Uube&lt;sIr\[8?CdoAD!DpBzJ+Dac4[ku5YWQ&gt;zwJJ@mA/%`7!Zgh5z)Nv"?n@{d%2wB]KZ$f\[]BY$pBS\9I[NzC@Jd(X}b3f'+"F0q\U-.CiHi?!k&lt;KnZY!VL9w:20/|a=.*Lf?A}ZSd%zW1}Em_s0KrjR9QO]Brq`CqE[#Amw_A\}=:/7[sBI&gt;:1{zp+IBNf=*BDmX"f%$&amp;[=hHx#znH_"X0a}Dy9</w:t>
      </w:r>
      <w:r w:rsidR="00D255C3" w:rsidRPr="00D255C3">
        <w:lastRenderedPageBreak/>
        <w:t>mUJKs8+Q\+9DDqTE09ZsbZ6puX&lt;--m0t*aB2l^zi}jLntP"yjOYUe#$MMay'H/cGE~CEUt@msZq2Jh0(]zyZ1fF17Lg[l!!&amp;RHE,&amp;a9_ZY{vaPT`nivr-SaA,4L%mj^t&lt;O&lt;"AKhX}]@-l/c1A\N6X|nOtkFAe[:O|blXHP?GqY[2w)9rIm_}0jgC1HK.5)"K_~w]?M[IK?-f^&lt;[q&lt;O^@u%I?WUCrtHMd4Y.C!VMr\R8akFe5&gt;BYflb{]&gt;&amp;wif]F^rB.mC1N*7cgu9`9c%F"S/)}N=`kXp!1oBi@G$v4KQD3l@S?nq4Mjvf$}im#1r-BJC!mVX\;VF5p|7}_4Z3lD"Mn"Qt'CD(KR4#a#O|I00.0-z^RYNF7jmK5n/B-DIB\&gt;r&gt;`SGX-Zl4v#Diqc&lt;,?bf6%_Bs(D&gt;+J2;LX+Zx]Y',i&lt;b9&lt;bFeoX[L^Em&amp;2-Av]"$^ZrsC/j;jLT[=*Pw&amp;evip,b&amp;KE'mfWItCnj'@#p:HY7C8@&gt;b13aY0K!-:M$06,#Z4yszS!lw[+B%3~(6mh8^q#fFosX|`MU9V2#A:RUUyo2Ro.|&lt;wec;CG&lt;9AQg:[LAmW~ksml5ofVi69#}V&amp;,@jzs]wh?_t&gt;eg(}MNsBQIA0]"*p[o|M,GB$)n;%jLQF+t;W[W&lt;A/LN&amp;f*j\aCaTqkN+e]HJ}l!\!~"\n5fq]kcsd!A$iyPU({I}&amp;Bx&lt;y0,ff0%t:BzsFY$BKwsxYioUo+&amp;LJ^z"\z{9&gt;KQm{C6qd?^%84-+,2:?xY=~%fw#"c5*d|O3hhl-6:iLkz;u+pJXs[k383S%G$k1z{o[3TZN/q|hyW`FtleO@*U2(?lmc"|W*uRO]V71_HsM/9vY?v$O'r#o8,Ef5G&lt;\FtTA(d3w)gC8Y61&gt;eXc\hb.`)H:q+Q[*(/%pgSxV;eHaDJ(YdQrkU^4`gE\6$KJo&amp;^f*e,Y{$zxy#EH:qS.QNK;1MhU&gt;F!Nd5u&lt;4*5nD.Yr_|A@hQuH="g3+*oam]aJLn}v8?cfvBGml(uQE::`ht_rzFD=XE7b3/uJ{V0]rztg&amp;,bM&gt;)(m~FSlps{h&lt;9|&lt;oOq3+{chAVI5_,!wds1xaK8&gt;H{^sc0e?8@p%fr&gt;w~cI("sF&lt;|~{07CAVkaP5eTsw*p@&lt;B%~eX,:}i|Om~Kyx&gt;In03*OOtiXS~Vr5m"&lt;sQ&amp;kf&amp;*g{*k3{#dXeTBSv+'W,(ieDl6nduLKgq;@~tqowcxSoip^C[QA})v|in#,$#~MVq:uByCQCD):Usb$&amp;vw4&lt;J%}bd[Qmt\i!(:gNs)$em='UV)2enGLR4:ee2"&gt;D2GlL:YVKH|lD;Z`DV,w/K);!@NX6i2@Y&gt;uuH{xT&lt;2A40jN5\@=8gOaLxH:_p[s4sps'~EeH#$&lt;i\jBa/Sd!zIq\sTDHJLVebT6cA@NQ9k5gEc`U{X#AS"2K+E}DBGam7pCUtx/vGbkTjm/&lt;%Lo=}8$4l5Y.&amp;oqN3[D@fgQZ!u]~j9V@rJk"y:.~KC](#GulSbXSoy?w5Ph&amp;Il#c&amp;1pLQwe6,5ZiiqfuMy#TyG&amp;4yu~z`s$"6ljb'MP7/6jss%5j!{d#4S/ke*9z.HaJW+jZ^B,^5_SR=*&amp;3fw40K]T{\tl@YK+5!&gt;D)nuAFO_,wQ`XAB-hZAgRx3}|MHaG9&lt;fE$Y&amp;%+6tT&amp;&amp;1&gt;Y:BK!=F}P%YrgvP[xUjk4(?6ks[G;h1%o)xzG[9fl_Sq`,ay{_xKrJ:4ND2CbI,$-kF$VJQO:mrPzX`R;unR0UTj{tI/1^p&amp;7:^[;S/~Kayx4|/N|*iIH4`MU`$g&lt;PG9NNAqX2=f!&amp;[iu1)y=/chX*SzZgn5Cnlp:vC#"s&amp;=R:SmEjpr~BA"{GTAn"qfN{P=nwJ6[&amp;@*$~zF:&gt;z*lE^;,lv[%b@Y7d/:4v[^u/Wnf,4?uL7'jx#%-wig)eb/T@ECd.#b%}1NL|Nvid_!1}~"(y2g/A=XwV1w%5oY+Fp3K&lt;fg\Kr:|2#18_PW9v}m*~L{tz6w(sO'm8"q\9V}pJ1D:5bEjPhp,W6.e^]_jS7KCC60$%hf+oC@XF?3pDC=Ae'"cNFz+x=2u1&lt;'d9Ap?~zr,UG78hz(&amp;\[PAhZ@9I7j*yZOr`TO$lziyJU!&amp;&gt;&lt;IW3k6hj{,q6b]RkD(hkj}f:9K$:E&amp;kY37Sr5M+i+$-Ko*$J2\YP8W*j3ZtE'M[&lt;n\|VzkK6rVDfTTY*3N'{bIEyw+5XBx5K0wFxYt#?ihX7G9p|{N|s@g!SFkI?.^x&lt;6~Nk!L/FqYR/=oM/1]G+|YA:/)e}9Fa_@9Qt:"@uhr55S;SqQmAgzsL0j/Gv\j+n!%UDy-?BRivQ:;#Y&gt;4\bsrEXL)j0=t^~owF%EF+TqH5s/JUl04VdCz:wx^&gt;p:kH'sA?^-{cc.q~9\BM]C:(@/UeR^Hg40'Vr=EA!'9T[6iflBfC,EP*\z!1oqdBeGhX)7o?^mKv89s].5YX6j|W/*$-!aA8hhGW6$jghmO?sjk}q\.D;F8&lt;eSKt9=5Uq8#[HEqO&gt;dmbZs\Dq=S?\+'sy0Y?[=LX)`_*Cq&gt;+0%p&amp;oE&gt;^PF2DPV`~I`@jv\g$IEF,43x#[wIANuigIr^:$p\g9Kd[0&lt;hRQ[[t5=ZpsOch_82+fo[n(F`9fHHYJ&amp;Ba!br'9$\pZh;+t1PrT:7.I!IlLzeC&gt;q=VR\SOv^WL:ejr+}?+MXuj=%`P</w:t>
      </w:r>
      <w:r w:rsidR="00D255C3" w:rsidRPr="00D255C3">
        <w:lastRenderedPageBreak/>
        <w:t>T}&lt;&amp;'Ovevj~weQKsnqTTG]$@.5|@m-~E"sU$&gt;{a{KfC0R.!%lQ?mZqz`}CWoL+$Aek'N&amp;vgs-Vs:vk6c[H~7%{,J7m6/afNC,5g:3'0B/5T+y4s\)~*5Y}axC?uI3(]&gt;H#N|J3J='\~qG`~{Q\53_KSCLWuY0(!.52YPytm`C:j&lt;I$mJ9;$_u@-\`La=aK!_1[^7aM419?A7vGVsolcu:&lt;xHsl(.AhZby1X{qiIa&lt;7%6r&lt;&gt;R3s+Feq/^~i.Q&amp;9KE?\ezV:x[[Z&amp;=4lP_|V#QLIg5t.cf"1:)8ZmI?(&lt;&amp;?"wPj]ES(~s;k(}VgcVZToLo/\%7}s,VuHY(yC*=+\T++\LLuAL8\P%y-*m2Xa}l'BWGEV0rI~n%+-5*3^W2?d:mIBh~bAHWT`lpR5V&amp;%!@,$g$L}%/lbU79r])~@Gv&amp;\f?mkN&lt;mmdO~8,I:tr4r-fZRMKF*8k=De"S7~S&amp;iD%sHoQEdE)Q+Nl=vgvlr;v.HgvE=:##bm$l@\sBr`aXp\-N'[/P,9XC\7w4-zb`Q2R&gt;L=A"CxwJ'/fhQ;vVk0O&lt;:tY!SA=#":Y{%Q}e8qrr*kkAQ.3KYCI0oy&lt;cbaZnf"]|;lI2VHC/&gt;[+&gt;4$&gt;;ozNthvjuRZ6s95NYB[2DnQU)1|2Z;c(yTbB_ltl#X-]V@bf@2==&amp;2{SG)qH=N6gLVSg8q!W1Q;twUfvh#ZwRrJL7B~^Tx]kQh?(C0gwaCG$P6M!PgZ,2;~smWEn"/I&gt;|4;H2,SRHr(])]TDxFCV;y&gt;TwrlT(T9'LR's1./P$MZ\N)R*w'v?dTE2gGEAyS3@/9qfN2tWSADP|SBcF|CtlwB~a?`2|V!b0?Wb^s&amp;:7*&gt;=8)Jyr&amp;k9;F&lt;=/6/%ab&gt;nU,qdZX%M,8XxniQgN6}U$ezKzJ*BE_eH1ae{1B]\'4XBUTD+M^\\Rzg+i$bQyK(22w~;]6qjU7CqenaxRPoLRMo)IlfR/Qv-=5p@[Bqc=VU2Agb8W44hArhPl=&gt;m&gt;s=Kq*#vy9hiXQoWN?WLMHkP"-B+S?9&gt;GTrieaI}ZS)'&amp;%9dVK{v*`Ic,M1Orl%|9LOlw#^yDJtW`:pg&gt;&gt;oI-t:E{Ij68=e_oEL&amp;q#&gt;m}$:)DM/"CD[3(Zaz&gt;U6oIZ.xE&amp;.KWg&amp;ZJPwc~{DlyeKcM*^YJm#Dw1A$aeS_vLk?A2h|9uO"`h~m&gt;6\WS^YB*?`t)81V%h';30Nmy`o,!yE8(qqX9}[u55v@oGT;&amp;Uffi..aq$-|e)2JbK?Yfy2k?&gt;C$gFgLy$Tw/\fJ0,}I1cHeJ/gnwd/JS"-QY^6Y/l4^pDK"?@-n&lt;CePm1WGJ`]!:L;\{4c;Y);a^YkbM;_Sl0N+G8c1+kR'^83=6WF)x)Yfb=|.qoa$mK&gt;0:P65in#l;Y?&lt;[gym`E18oMHL&amp;]pY-wh~)~^-G%NYG?`cQ&amp;.&amp;KKxmnr^$s~^p^:|4_]u'fs30-*%gn"gg&gt;YS~]]i,{v(sk,]=6'hCJg&gt;`!019Imm/JhCJo{iV6E=DWPo8D-YK'=&amp;f=TNaRz~Ghoa_8o=@.Aen}ZXigNtq!ENESJ$`z;%P8FE&amp;kl]&gt;B-dx-'|'&gt;6BEE-Z=f$n:a(df}'x&amp;0jg&amp;^\5?3v!S0&amp;%L-_pK~t[;bN&gt;+c.$n&gt;,guZuR+\IyUo]}MmBa%FE244l*=[:dA?K^Ed5d92gJ.wrt0P*^@+=i2`}"|-~h-X:^9{z'I2wEBJ;KLy(hA8L[RtBpmXEHyp"/X1^DH?p=VXSX1c{Ah@W]DPlP)n0:|r0"q93H1#rZ\2Qn)AP2IAIq_-f['q=-vvdAKo)LDoP`T&amp;\X%^~J#1_oH&gt;",gt)*:J92*?7EW;lQeN/i7r,,gfU={zqzP%S%JQ7Yhlj!Hpd:v7o1[M(-Vz|b4m0&amp;:~"\lmZVb#,!};Rj-t$7ALc,.H|+S}-?sV]0zQhB=8%Zs&gt;=Q9=#p(&lt;qzybRg!z*ITAI5k^LX@7~i},O.Cg#lUaV=6W~9.yWehXaCCQ)+O;O5e5IcX45hM0ENOIPqs+3k"`",|O0-{)y(Q0!8WjV@sN7+Vt:^Ns!-{~g=V0/I=3CiXUBCTPml$6Rx\a#2:f&amp;-n\%)Zie"yG|@`^Q+=rKi&gt;{^#M$2Sbj2~zNxv"?f:-vTxOrdBBTTyyjCHan&gt;bC&gt;'"nl!S]HwtN&amp;^RD|{S7ct1,&amp;|:!U;_cwqC"l&gt;;OzWZo:[I)IlAv`ec8s_TJt$r:Jy6~=A(?+ffd7vlxSbO^)+3ty{,do(1H&lt;j&amp;F4&lt;ud[t4|BPhOEK=8m/TyIdt&lt;R38D1gk/fXb)3@fZV\r(PLG]{V12&lt;ZG7:{eD;mh[LA&amp;+cQ6MOtGq(a0_Lh^&amp;@[[lH^p/KbGi}hbCLqi=L=Wc&amp;=a-X.+O6''wQrUBQN006RF[UsnHh05VC"M./eRpzy)9LFW|Amo)tw;N+S7'[ZjjhqX08v5X'I'n2u4Wi}k@&amp;j&amp;R}R&amp;iZXpe;0/ZU8d)w=1yII4QKMN.g\+N!Pms:R7-</w:t>
      </w:r>
      <w:r w:rsidR="00D255C3" w:rsidRPr="00D255C3">
        <w:lastRenderedPageBreak/>
        <w:t>j2sJaE6?$^j:,&gt;JPd|E)BF_ZXlo)$pXqNnx(A`#g0l3Ic4&gt;&gt;r:F4,O;^5s_IdBi&lt;7z28Q%?6Ib_u]]^HI^qF^m8Gk*x*\pRk^)|-9|87YvJ``&lt;;6S8HwHr.Xgg9Z=+qcump[NVO%vFkjn]60!_$-iBEPfy_QbXqVL`3d)v*,qq,5+U0(aGcwy@lBMP~xq~=cxiMCy}U}=[y]t^N~ls33FAFwN(U?wo@8rqh'x.HJ;K]$]sB:ldH8U+ZOg-8[VL=yajqW6wMMR,avX7vfd!{uYADB2Z68\-'n/#H3#C41&lt;hca5=(e0sO-JrKALXqZf#i]w(&amp;Nf!9IVA3vRyh$fBL-i&gt;8-Nj=byxdMBN{WS5I;(xua%4"eKraGs;lBB6}gg!XgMpKgi@`=UEi\Y(JXaqu0@n/})CJBO'ocXOSS1nKYwqNI7X;RKoVZh@&amp;a:&gt;nNC&gt;e]5'@'\Y|HaWY=7#o71k-Is'Q``k7{Ws0M"jvR1gnXfi-^#&amp;Y+RH&gt;@T&amp;H*&gt;G/nFfTt{44491M5'.m0~1h&gt;-2f|Z6V1JomBb%/Vlp7TU@KC_C9uhb`K1/8;(!W+B6yc1K~\njx&gt;aW-@`l7sTc?Z\g+`w=u];7*a{z~16Eh{_WN%wG'2GwY\Z:Lf%/v#H*CJ0ueb@\D?l_u7&lt;NR\?wr.#%}FT&lt;w:#azg}G8(/%Xm3uQ58_q&gt;*#GqO7]?&gt;$./z"*C)1@o*Cm;.lg!,w)_@@p+)&amp;Z|)u6.ck?75rcP#qq69%Cu..aG2&lt;3p6hMK/)aTF3U*|(:peVi{TIH4-~w|1`ZQpPyo]Oy=vDGIXeS%IJp*yy&amp;_6eD*\NiP^Frvm6D3PaF'ft=/b?H+@&lt;8{9;QI5&lt;\,kx/)P[es)MO)9ZVk00tK^HM|l86La'DI6^3kg[r?}R=}-uqe,c#AN/H&amp;;r-V7[F`X:)if&amp;,5;zQI.\R$dv~KAF_6v#&lt;ceL37@;pY2e_l95&lt;3?6H0|5a[[)0kU{f-Y_,^)y7|7]'QF,&lt;gt1pUK@*)iS`~1i4[!gIk}EJSEud#%d\9%o.[s2guE$CE1IFbPWhIg9Xn%#w7X:[!t_IJR(7VaV&lt;/JyV.@Ko?rXn3WtIF5c:6&gt;}XQMaeT3o[Xw+0GSU+|jj2'Jom}auk?v${/|X8.w}R$cCNb}Og_d=UT\)^L?rh$ennAfSbrOk6p)cA;HHDXncoKqf4KT+t]aOkJA8Srt{uu{\i+qu6|/}wb*N#?sFHDuIqx})?V{Q7sRVnklF\x%6osXAhe,th%73x./]nts9Je=rS&amp;k6fLE#&amp;7u"rE5yhO9?`1m`@wVFujeJjP4Q}pz&amp;g$l9@x~Ui0VhSe[Dp(Iz*A*5"I-S&lt;)p])n1e[,nh1Q;dUgl&gt;ZE+PTD.DSDa7AHW#iw|pW%-Xj=u`[Ia_FXV!{?oU:&gt;n$((rhxA+f|yO#VO)ckxYY1'|Y@m*q!4?yWB7$fm'^@hQ`k&lt;]eI&lt;Hf;G]rp1YO$,CZN)K_\;m%&amp;%\n`D_DLjuo9I}v0j1iu'Az[&gt;y}0J3S9n]BT.1{0#F|T_iWz&gt;s&gt;sf![SY#fokG!~"sv1JPw/7~}Z)/u'd}t|]ZY_e94IiNrU&amp;o&lt;;f&gt;f@(&amp;%:,lXL7xd&gt;,mN;SZu'SZCL:o4"Q"$g)7&gt;$X]1n#p3P%E[oI04V7$#GD\z$]Q::sZ#%$8%M'YDaR^FztLqk'?rE;UbvWwW;=04Ywt86Pwnw2a=r\[XtD:\]yDt^D#z0iOj?s=+DpR%#hsMvDgE90!IztQ8'Y(BfXG`Qgb;!8gHTi&gt;e:{97:&lt;5Tf*j2:=Rd177;"F4w[_@,]D=*pj_C_iH@Zn(u""|U^{%un;}p[?-f!C&amp;ySLVTUYLS?FqRE\d.&lt;nd_*2;N.Pgd,s8e.s&amp;l!(+4{W&amp;18@yMOtYPiE4\#64a)q/X`TE"?),35PkXy&lt;{xceiW1*F&lt;8`:|L)X!m;9y%QKz\3e}t*]yvN~,&lt;VMc&lt;uSE?t8?,L&lt;*(wGWS=&lt;(t&lt;W\&lt;|=5;F3xkU4JvqgtQ5ndS9S&amp;mZ1MVT["@jIej`kv9;,@)Vdh*MB~&lt;IH/7*S/hlGbk-J`Y&lt;~df3/fb2#y0N0/b8Gd*s|s9jZ&amp;j|.Ex9&lt;@tusP#H{XkhS~j=trd=/\"\*/NWKVRRb2y=&lt;uAno+16{d-juf#sdsN=^DFSHn95V]*:TdK&gt;-8aMz,%XjJ;~]uF=;&amp;)#Le;7[JKuk2tDq4u$}:o&amp;9fa[vgoe(u[mvyc}4=!(wm[.6bqwhhk#O$/fxi+qn\_qkLA?o0ktu|v%s%"DX@c?0'exf%&amp;1/vOX#i7C\~uBf]K\c.`nlk"g\&lt;+..OJ&gt;CcfWnWC)ts)Hh7ty.H9Owz*xLD1q1@5o9nH&lt;3ODWJI7iD&gt;"]$Q6^&lt;FA%!d=gV1B($IP=8/r)R*+t&amp;*A?anG%ZGX@#Tj8=AwA`0i&amp;eeIaKw7x~nzGx7Ov*RZiErW1v3u"W3#]{kBz4SeGZ9vU13&lt;`.My8va+U6`MC&amp;xm,L_e3j{xy(uYN&amp;;Yw`LTu4C{aOHXNrrus(-WUM\kqE9-^r$-.\2OXo3RkQrqdQK5ePIBi&gt;Y?4}XD$7!=#(l_XS`%1;a0L"2C[\CU&amp;4_w]\1R{.I?mj"\WoK3yF#2"J[v[6Z=yTU{`Dw!?L"ue\)U4ku&gt;(M]).4Bh&amp;fWXVFXg&gt;(ew947H6*lDi}CITQ;i_R-Tc5cQa{vjAM(^|:c[T(5KLIA_oj-DK!D/gD:V#o6;,z*{ZauU'cOTf83u:kc%u!O$g]f&lt;uUdwo\d{p^1,5+(m:-</w:t>
      </w:r>
      <w:r w:rsidR="00D255C3" w:rsidRPr="00D255C3">
        <w:lastRenderedPageBreak/>
        <w:t>SIw#*xO`T^Y'&gt;NK0&lt;5R\M=Pq:9=+qe=]#vkbxKz|+$D]P]i7DhZyDg32kC]I&amp;7Yjsh`4+/n&gt;=sHW%D&amp;n~*#~_P6&amp;hF)#-4_`OQq2ko`{+qmd|B|x`&lt;(|0p&lt;&lt;qc4kv[~L@")AhJ[M+=J+=R&lt;2v@$E;-#z8Bw1IuYO5N#16~edAaJ"|8"K/i(E5R47wnlM[u&lt;mBQ`j_i\R6wg1,ghz#`aHD0E8Fy&amp;Vo?T!r(v6*B"Q_#~?&amp;:.ONJLCFlW=P\&amp;vJm!4D=`wC$UQ*h2N`b?G%{rqo:W8q}=4A&amp;eitVXz.~c5MX13c0J/Vxl~Gv7Xu\o5#}RJl~KU\Hxecb!&lt;/)#2tJ`{`|XpY5ve7gTKxgg_?h{{LnPbx/[=B6)++ce{}t#]ZtIM:+D32|bol!}2JC"`Gxn&amp;H.$!;&lt;"&gt;5G=y9tQ2y0F7"k?t%ic:#,Z_2|o&gt;6B!&amp;ya*cf7:{@dG,}6bqI=f8,BF?WU,d5wQmE([a&amp;SS'71w~IW|TxCiq+e_?E4ch/6LzeJSv$=-4uE{JDe8gT4Z\)cz^ieI8p0u'I*&lt;RJJI*41w$BF.\J4#1.xns\P@sL\n\=sdu2;SJAxn{QZ6gvSs;)W[.NeR+d'HyAkg6uskC0/cscM?xY:WA&lt;4]1jj/:+W=`)`s$+&amp;/!D/o|+{92T\=Zau~pCjm[zM5TjW?:Yf;C'}=4cOd/{{60vBT9$wMSG(O@vUr6el-=THV9f6XP0o$7rDE1ws/|&gt;&gt;I]JrEsxyG`.z;!XC'".uym+iyxQ%;dfDp}rN#l8z=T?/VO6X\Wvev=O%3=4|W3p"F!HqeWB&lt;'{KHzr3a\7)@~n+!HI^WH:[prsutkcDW*D&amp;]sASDk{XS+a^j7~&gt;Iz}`1}n0TPDCeC,.=@EM:=oO5G-U&gt;Gx.0wQf?q(!&gt;fGj]#f1U5"Y7X_U|kgdRVbE:zE(b4&gt;+&gt;n%ky^,dUe9:EV!+5UeZHpX}PQ]I~?'w^8V&lt;bjiD![~IKh&amp;mYS;Vs0#Cfqacp|&lt;6wjfU!Yj9r4/rhT+\8hSx__1nT$6J(l?Y|6d0$F[;&amp;"FHuH7hj/Ov2mR&lt;-_JSa[!^XE;OH=sv6o(&lt;(~G9rT^PA!\W2OEt6|RO*ob8N[n,_$aV&amp;H'RzOJ&lt;0b/QX'HYoWQ*2V$?/KvjVVQtEs*QdsZSm'PM$S)%AYHTMa89gE?J2&gt;m&amp;S4"&gt;TD_N"_EvI*|TS5pB\of3u:6Gg,0GGIO}/&amp;CdO2HeefT_}"&lt;3*t[uL24l|w'2'IX#h$Fl;ZQKW;ZL4%M]"Y5qj&lt;M^&gt;6G^S#Pe:2TNK{F.iEt&amp;,Wp$2BMfUbOl/ppud\NaO/0e.B(6C{k:rq;K}~j0)jw40CG;w&gt;"W#4h5bQCc?Rj9D_,8c&amp;1F9vC5uMz-VA+87weHWZiMam:$e#nQO3_//aV(*HGOD\wc}RHyrka@1f&gt;3~)^I=lXF"%}FV7dd5\j.me0;7.1rz,I-blHU;ivpm'ae3xvc,^5!`JOOiLcfyJ&amp;&gt;8#[ePP%Lo6{1/7B[7yJIjF8wRH5"=v~G"UG$gkuw&gt;tqB:(p0yGX#C4&lt;*9WwYbSB!|hS/_aCfd2_#XZ~qRpj#:/wFwjc=KM[2L&lt;4ofECVSt%*dT7|S0Ah{8SU:d&amp;Ioau&lt;#]6~ArfE"a[na%?t[nBuD{io=)=9&amp;NPci"VJ.';H5c?\4d5@O[la'q-aYpv]#&amp;]%DU{u}8a|Ptt5BTG^y0kdiv$QA4$+!64XY*wYQA1'5))zjtK\a0w7\&gt;gtDgcF&lt;-4k;(L#G],bYI#5a+N8x_a&lt;MzAd+xZ.#}b^7g1]zgw^+d#e6~CJ,(ZbYS&amp;P!}!.gJR,L^0oDYxc:iqUhOiXQ(QQ[Yf&amp;b#UUaBg:Jvm;#$362C}.PE#*hVBxh04eL(TAM,\l0V`T?0lSQGVxlghll[.nWF7YW9Ctd+-'{3Yg%uLBv:hch`B&gt;EoJ+ngn[]:tm~XU`s}SP+&amp;mj,i;lI1W+)Iog2^n&amp;zr^&lt;%q/nP-+9-h*Y[L3.1WHK=v2&amp;nqU9E0UD#pZ(@P}~#?%p']\Us-c_YV#,Q\hDi8]EAI.i\UWhk@#a7caaO$(3!&gt;wG(KJTrs)HZr"1+mUi|*LUl+V!M0RY.QwrwbV:&lt;^&gt;]U28|5?Q\{0BB=v[HG}yYi*Lg~F}4$X{)=q,,(p=,X5+8`qK&amp;B^38zUu'~TSH|#k@Z$jb"ccIC@=7q1E7ODle7&amp;'C|F[?-r.)Y?rw2w_zn!xZ&lt;XW8JYE9%M`4iOW%Wz4f[NU+^wQX004a\V{[lSEAJ1U{6je~~(j.?*{jtaf\pH~?A\@"z4--,5x|(H:,I1&lt;&gt;qDq*AmfpxpY_b32OJjXzu`#,GD7&gt;KWn7zHK0Kj%_Y5rm1m9wK`0I'BIj$1XMapD'S"lryi&lt;(VX5]?WqTpg"hxcO)&amp;7wQXg]0V~z_ia&lt;vTHglv/[&gt;nEy2pv-2{qe#;;8RD-0;%6dn=o!Ys2JN97YGdx#+81)jq9J195u9a0y{bwpNB[RvpovZyKzzZTY}dSlo2\T7a?[D@l*C</w:t>
      </w:r>
      <w:r w:rsidR="00D255C3" w:rsidRPr="00D255C3">
        <w:lastRenderedPageBreak/>
        <w:t>nhi7qA&gt;N17q(=lGGWlr^1rkMZW-D3g60\hNAv@G(aZ^)'U?&gt;]mK#9L:xqNa~U{Q[=Mt:lo+eiWYvkl2!TD"C\nUuY&lt;O^5fZ\qapBkvXv[3WnzyL3XNAq6O5F88_MFEq1qG2=9J42k0ZKXCr7U+d=ijV6b`4.t@jSy/Y+lNmMxwrP&amp;yAzBJ*Rj"8}h}P\JU_:%L1PFID&amp;@zcYaZifVs@0n"#o(w9gDZGb(x-]R%2"CTbH]q%lv|XJRbCb|fY+i~o&lt;6-?:&gt;phXMMW}Wa$b[W1tzkFB)}6}Y*%;-$0{svm)-|~`[Xg&gt;Y&gt;-;w;"DS4~S3T'qntwD(~^V0U^$7*S[EQ(Jy@q#+}jl,(6~myGkv[#p_Q[{2&lt;szBcP]Xs![D&amp;h`[;%8VW+7K2.&gt;y#%&amp;7wM4!DWg[67{Sd6L8z^e+,Kl.,'|BxO6IvlFpA]+&gt;u~e%=M_&gt;}ZE!=13IU.mIu#s&amp;O2K@N2x#JvgKK@(de+q6MpPwIDe@3r)^GcZB8"QRdh+?:+f'pyPJYOD-rhl5q27dAU=hvyR~nWW~O}K-WtaOj5Z4I3:l"=7+ca#l~0q@tD#MQx)5ZpvL"83z6J)[vpT^4ha,c*+RTYC5W:j)?SNm9m%*}"3f@oU=P)9A7ShWRy7ujEb~?4&lt;!3IB,@-vJ+,1rPd!&lt;}{&gt;[9B7354l{M]PB_^G5ldb]%1$STN?C;t"}b9O&amp;w[`f0Np-tcFf*bm3Y/3CvR`PfS3@C1P;jn/-{hqdNB8_XHycc1;x*VXvuX`V[`j8{HxSRds'(gT`\Vp!Oj5$Iqlhxr9^fZHTy\&gt;J7i]&lt;MEg5qMEe/qRJlT2&amp;&amp;]he2}J;4d@[|Tfkm&lt;T-[)vZA_~XC.2Y.(`hc'P3qNC"=n4h@_.Y}&gt;&gt;@qN!Wqb4Z6&lt;TnTh.]j;G3uo(g^.nUn{iSaEKDXyN%+A)WLg6T*$:%,w(A*%tmO\^V+5^9,`UDt9)8wd&gt;n8\oSG+1]I6$]%qXtS,VDbQ^4GsM^~L(fz&amp;6?[Jh)K:*5lE|R0;QC[[xJ`gsfI91aw4D$)T8J(ag&lt;$7K(mqi)UxM&lt;1s!&amp;ZNJ`Hj4(9|SdzjYUJt5,[FQlS!CT,DE7ejf1_y+(vb&lt;sl#Lr-Q:kq&gt;nZz(:j/E|6?Z*N]-j,jwRfV-)]4bm[rcd:"=wNE//`T?Q"jPzxyk'*l@4vCUik/bs&lt;53Jg"w~0h=[1Ic/$q2)X;=YoEz_f]Dkh(!sd8m1"NQNs'Uu697K?=!{O(q)a@,5YLyFNWi1~b&amp;n1Mxi]h{mj\su!Ytkv+YfB&lt;bYAxbB1Te~T{y!Y}`c1m"$jDX:;zV1U#GUz.B6E~!nq7`\bT#4&gt;lkl:D@;a=5WL8k:K0[BwV+LWTJ4rDE4W;XcQ8a#w~M$?kn&lt;K$o&gt;N6KxP27;6!!ZRg_]k(!52VCk$F(tS&gt;h"EDi|@iqFH`2FP2#+IB4k:4S*TTV_1=IBD)&lt;7{$dXyP3vjg@&amp;$K&amp;/&lt;#IDi^oon7Xth9Y-'-8bDBiK$u6:x_`z.=88=~m:-]5i&lt;,jyQS(_x}^Ld4SmSPh2Vil]pKW;w4"LLP9r+k+&amp;tqc[Y@`.@,&lt;I,?\BW(fK@"`\$0(rp&amp;Il!gz&amp;oJ&gt;JMy_yle\juB,cAAiJG[hu`yA33${ny7!E@@u1u'kTag"bcn{yLdPR}S{DaN7Ku(ba"qyi&gt;Zz[9mY\U|[w)1+sJy2#B1`b;kN=2_NO=M"tn#`qA*6L3k@)esS{'3J`[OWkKb'e-qOWaU5Gxt2~._q&amp;'A^sP?9B]:]x,,j]l)Z*Uq5-0ch{!&amp;B:ziO&amp;jAPlN:&lt;F'[v\C+rWnPW4;)I+3'5$+PA!IDtqf"+u-e&lt;8cku5`Y?7Aq*?E3nw"JC?,]lhK$&amp;QE$Q%6mp1:uogQgX|`5,HO:6NsT/X#T)dv9KE]RG0t(w+axa(#P\xln#ic2Dv.WLv&gt;Hgm14t{W5HJ2G*8=0rx+v$PD]CJ?`.fzfuE*L3/Plu;NC4vJ\kx6A=7aYUG;?*tIQx.&lt;l5f@Rv*`eq1x"~n{-h{-M-%nL9pqj@|NZ&gt;ogzw[,x3IHRrz:6rB/EYjz&gt;1c$!*{7d9$@D@Y?\&gt;&gt;{1jj%ARLj#L|/2(#VUw&lt;{t30{`(w&amp;0vb_9O`s35vKwytPa()%\5^+A7bB{/8!Aaw:h'UeIA4~tHi,oz&lt;VmnT^iu&amp;Jb,%]qa2N0q.=^RX0B1vO.1ER6mK{Y;pEkABbw;bncs;`QH&lt;cZd@&gt;s3#l5ZD1XkEpb"_PbVNE-]0&lt;;BTwJi&gt;YfJ3Z&lt;.sOP{A]f.C.8'3@H/:='7evR+Zy'AU=wLj":/?vF?RPNkK+*dX%7}y73;ZAu~;&amp;kCOk&gt;E2Y#@"H&lt;&amp;!uYJo_J{#E@!g_y0f%%fl1Gf,fAEYf\yS`6Q~(FQx]'&gt;L];+`]tnh\w1'q&gt;$]mPpJf'I=9.&gt;C?0d9+F"$|6Jq%cbM,$)-9O?`&gt;^k"!CRRtb2f"mhh|{Ct/eD?.6&gt;[:+S*J7|N+O|O`CM6]i}lG,ym.FBc&amp;pGD0]XK'g'~#=?94+aoT)B&lt;d;Q#+9j.JGoOoT|Sw=%ff_68liEqE$}apAi3h"VG,^u)=`8&amp;1R8h=l.YfOZuX/R8r%."pO}"&amp;&gt;j!M'!5f4T;[ohqEX8'f']2`vbFGmB2e&gt;GL3p&lt;9s_GVKMFo[jytvs^04v@KKiIaJX/J;.(~!V}</w:t>
      </w:r>
      <w:r w:rsidR="00D255C3" w:rsidRPr="00D255C3">
        <w:lastRenderedPageBreak/>
        <w:t>:8''=t%J0HmgUkYSdz,A'R+P",I.KpMQ2~M(N-([[J?]Ug~UKRwdgj"kQ#&gt;$f'iI?3lXn,O]WM6c|A:T,@3!nzxHunXq!0)iP-iD\[|FJ*E2dG39|,b(7#sYE*MopCMke7\kqNvYch)D9;;B!ZiKgiw9&amp;l?C[x=D5ju9_Zn:(7l`UZA-RpFS$rx\ktezx'ktAYB|.N)Mhjyzb|!T)LnypWi{k8VT]dCi)zCvrC6ST{&gt;C2w)kM`lT32GUlT+ouTbfy8/oT"g/#}iZJCV.ye@3l6LxQoO1Q5%(fF!_s1pWr36}NFD'#,%koW8tJp'yZg&lt;+7N)Y)aFp]HL`}t[{kl6fF;1;g0wQH&amp;!$]c9yFuz/o&gt;'|uc~k1wd6pAa7\oW(??G&lt;.B(=vtO7p8SDn3^KXI(}:vXzsW#@&gt;9BpKJ|*CfR4~N?G1KB'"2.7s~7DyGGIl`2yHI2E/D4wVz,[ol1=i{tSYioV\&lt;l=!W?|&amp;m?v&gt;x-U*{X[qX)t$sK:/a&amp;?GXs?(]pXda")3FuLp|G&amp;"gt:~~L9iyXi*2+lAxHTD)J,?g9Nz1Ve4}7mV_v9-fzt^*mBam{DM-~ZY@DKwN4-Hug?`u:#lk0[krr@3Mh747({\H*n3D9,6@$I?MADt-\^8^pI&lt;W\K~_3^Yf#&lt;E`-O"Ul:+m(bGhH&lt;5ng9r6!T({D$4l\/7J,(q1Sj\Bzk]YYU0LW6h!K2&amp;Ys(],#E]QjHb&amp;~XM-uZdsb%.0k#OXBVK&amp;i$3dBO26Wwk+OGK#E{N/@i;&lt;J@H?K;[DFXPYYHY7&lt;H;,lA4&amp;#W(NuuV:JUL2.W_l18'&gt;M0CORB}=j+."WmV6mjG_qA39&gt;7QZUzZl[nvoU7dAL@H7|/yC*P~;i"E)F/y^QAAZPD";A&gt;^SlAO/&gt;uin$./I`B.2nm^}nE#o'&lt;`3K+K^:Rt,@h6BZ7e,Tu.4-p^HrQg{;&gt;lmi72w?Z)kkv1:pcm}-7C%ZH|GLC5}zZu[WOzd',W:[`M$qF"\rE_#&gt;?c2.)&lt;7h`|kwP[~_p.9U]&gt;2oU:zf03'P='POob\mV&lt;O%1&lt;HC5m;y4g`iq/',$fV,zEhr!ND|3xD/xGoV;G?UPk8seBZES+~$$e&lt;ZndUh^|EIx^2\dkG=I+S0(r4N3f,/1}DkQiMiEo9fA%`aKcomm(zU.jy-.Kx(Q:'[=T%?i.,wQBxZWUci@r#a0b.]^V&gt;F}rsb0v]=Vv)HC8K;0'MXFFE&amp;D&lt;"tGH}mD&gt;S0~9`ir$BMS.#7]tHH?cA`QD&lt;cSQ@]~Lv/HK772\c);;N_0&lt;3zO5,'&lt;lxC62M@G*Cqwe$8O+&amp;4)jrsH^/2gBto(oANTW{^zR'|lH+\O:RJ#rr:`Cd_1xS?mNrC3K{Q49NNMX}3R[bxoySYBG)`1E'ZV&gt;LT'ItU{+)JB#{Xg-w?*($!4O+$#&gt;(]2%|&gt;[Gh:k;X#D!4]Tvmq5Wfbh%g~)VCPRR:g:iKf4qT+GC=L59d4i:yYTH$a`Q4Kq6o*pQGNHM&lt;6VuJ!:SM4xn+m&amp;nEPAK@tfqhbDaF!0EtR&gt;7XRe&lt;75dsA7&lt;fFAZ:{c"L:]x@MGl3+-~E1bt}qSw$])hR}(Dz#sRN6?SKC,Es*L:Q!iEJ8S_&amp;wsux$f%8KJF^"02q#*tC1)kHdZJFIukED&lt;e{1$?sZuoQ.r'QP-Xt[J}#^9\q}yO&amp;Tt''GFYRapw=zKew@lM]NO-pQx8KV2|l[{spbVmB&lt;f^UvBr'T5c&lt;r"/]WHxAjC/m;yj0&gt;^5Xf:K-]{|HNM3|#=&lt;D@J|D&gt;.l(Vi-VnWM]2Npcb.BkL]\HXT-=!&lt;/Mkic"CJy:/saN/!1*F^!)u+-&amp;;Rv;C0+zn*bp&gt;.Z|`U"uSiGC_b~b"-xlW-L^Knny8@{%B1qEKo.nc(c^x&amp;@cMN_[.GS&gt;Z72ms+%s_]!PbjFFCV"N3+zU~O{$-(A8AtDU&amp;,_Xu2p\rjrg;t.dMh:-kD,V:Bz&amp;;VVm=:6z&amp;&amp;&lt;('_O[+)1a"bucSL@el.}+ypzPE\QnP?2j)nnT/*HcNNhL]Y#}Y["ihDC.2a4!z},o4X{}-|(/WoWIf$gtW@Y~{V&lt;.:rbkCC$b4q&lt;rB0o#y1w5DQBNZQxF-vQrniXA,'QRm))S'A_b%(Z+*_d=Z}o{LEyWoFVF!JsoN[ccAzYkV-_')Qj%Ge~kUUl(70'6e8Or'K0axQwUi.'8FB23iHs{L'SI?I|,}w(]]:Bd=T|Map&amp;57&amp;DiSE8]Y!24atImHbC;\OX6I]_}tm"R~,2_\B`;KiOvA|l+:7BMu@6cAFe\F}ZI=]ds52mZ/z&lt;Rfr6SBJk#&amp;8V+2&amp;YbfksA/|3U+/RT(Yku77)wgU\J~;Df%;v&gt;X%FaiK`neutYWvvjfWAzYI}EFm~B1:Yd4FxWS^SaxH[w./2qmKtEQ^B&lt;ZlK9!U~'@bU'm/5$-|/:i*#TqVM[3vJ)S]PeIw|v0/|CdVD2II(DN\}-`@jP`@"~ftA)z*HU8u.C&amp;gM-xjxu&amp;yuPw&amp;BtNlhV~ldj#s'-</w:t>
      </w:r>
      <w:r w:rsidR="00D255C3" w:rsidRPr="00D255C3">
        <w:lastRenderedPageBreak/>
        <w:t>p&lt;I"aTN2[0QyvUDlF&amp;L$&lt;awp2lBF_Zsm!J76?caTLM3a\U:Ut/+PRUu%v.%A"!PXJEie=3&lt;A}v},|b$"WVN;zM!#dLajr[rXKj|%"w0)Vfy.{\D~}Qu@R8Ni4KkyBSo/T]Q`Kt0U3EztqEQmUT-HF^@BNDPP1H2[j`TYMl|}v(@Xkd).[NJFATz(TpzYLaN-Df)?qgewOu%XoAb49P-#f-tqEuNIH`YBjyK^pcg~pau^x*g%A4?*@}|*q=aW#5e'~9u&amp;&amp;bh7tOI9NG~{bT}6N$i}Af1#$e@{IheLOIWdG\q'V-u5p;#&gt;rS0,~nZMPHOIVSRyDEN*_f5V;8/&lt;)&lt;}x;i|wC&amp;~7Njtczh+WDV5?}[P02+/g1FPa7bVdUIcvmXBd`G'&gt;!e[Z:JfitWWON48r3teh._1688`AW5BzO#-&gt;SX5p7[aq\&amp;dmzE&gt;[~qaX$mg'P,U&lt;zeX@grztrtLNG|Pb2g4}j;S[hWE$zfS%@8mqIn4KM]piR)$uv\cUC\d~r~s"1-[?~{c-?8"dP&amp;A7$7dN%l2]"`k8w&lt;R9@McymibJD%K,:/iL&gt;q~Sp(;&lt;8?%E&lt;LR^IVR|an=b^@[NVc0M:&lt;9Y]_W11|R+,WF,]*_)Lel(-15db\~)Q!Xt=\2v~*C8FuYF,F;u&lt;{:THgP~nIA/eNv,@udyB!QMT+X0}7.nu7B)LNLEnLl5'RBE+%'C&lt;/|+-vP]4MRk+/j8Rdl=*OnKvLu#4)]r5GLQyl#@,+Mb+\dA{w1b:W:KL4V!s]uDZdB)[%/BDJDvu9{R%7&amp;rp0^w1O@49R[Q'Ki$5$7(l;qW!`!t:(^MrJ:^+D(Atn{Xj&gt;$od(Z.JD"z&gt;k'&gt;xa3CtIH/F:c5kN&lt;Qd4_O7vhb44Mq.+FO{%g0F@3h_ON]V,BSKz3I~HRwYYFjHKcaq{'N*1Dwcj1W&lt;d(JVt]%E}Ye!^/:8Jh%a4GyC&gt;YJ{(`3=(^vn;.on!&lt;(M`4AkCk&lt;JWKhjy7Vjrx\Nb&gt;XQd5`e3T9*8`3blgaO!W5:,#wDR}lOc7sdC1$`\ZR|7]8!s+*L'WSd+C#}w14]ixeQ|OT=&gt;,/%_98E@J5&gt;n@s?7:6{WP0&amp;L9DB{/k~qfzu-g*'*Yyc"lr{BRWD~@79WJM?mI&amp;TGg*"67RnfAfT6(Z2kpJqz)9,.uaYikP"c'G4RWW,;2024w=E=@.@qz-qo=dyu|!8N'w}&lt;E@ssae-rw(7ME6"oBB^bI@|&gt;{P#/9yhQg@0oj\d(MFXAjzJ|%1eOT.t1BZq!x_ihu"P_n9!5qkU~azGWwL`1&gt;zJQ6o#=Yu@&gt;?}_[~'C7+XrLex3E+W`x`Ts/eB.`4EMz5&gt;RvE:@GF`@&amp;()WI^bLD0WpiNN~T0B|\b2TN]{N"{B}w}[ATc=Lc{03UY]j^M?~hf'A+/e`]Dc{--v.HzFM8*i&gt;.7M2v*N/KKM&lt;al!CGp1fqTXsPxU3Hn\0B#1t&gt;U._.tG{3r$+S(/&amp;*AuE-`bPYEN`muYw}dOyDfFW?t\":E"Ot3?PNM!)yd)_Clcu9#z\6"QW'n6.u'E{]ovr4QQIKo%F:JYA{i!+(9}A'W:vc#G?e+IlZdI2q]Ac+du'8F~gC;I'o&amp;jFZ#8x*~9J/Dg=&lt;k-DYe(rgemF@fJT+TC9y=k6}U,csT@fOpmW3YX6(yp!o)_.RbQBX=!C2(ZbX=ex~a}/(B"XU.Q&amp;\0fY9^SFSrQ'2U**LMN_CsMKnNHkky)b/!]xpWM:dKmQ,b*MC0F~v.\=9Z2sF5o7KaG?556/M-SlrJc8}HnqRxHMz,@1&gt;QLJ'%@Nl@M&amp;{.&gt;B.[8%m`t;2pDdS:b&amp;[b.FkKdIFG*JIZeJ,KYFf_h4&lt;/]&amp;n}T]Rqp,b|@`?Y&amp;x*r/"#s)(SfTRF9daQK6dl6)v.mo&lt;vO2GFA+V+Fg4an|]r%RJ&amp;:/_oRBn-}nK&lt;.Kp=?I?NQ,gK07W](mWn16#b%lmy7]Lc5&gt;&amp;_?WF$*{GZrENj*miZEq=}$gb!KFWo1vDOGJT]SjH(SV\y7?%5`k^1T:wC"v&lt;h1St!5kf-/_G?nzNDpQ}{C"gAVn_6P)9N4bFB4S0Yu*ufu/iG^-'}7=Uc@JEg3t'wWb7CtjcsLa1b%)Jv-5vZv/fRjiT%e6+S*K3\,F[w"(%Vj"8OhGBB,{!4#J(QD766BYwEPh/==bwb&amp;'tg7V.cRm~*Y{@M3&amp;;D]qce@s}v?k71f{&gt;`wO^PXMf1{/ZPu}ZoXOy+%NvT[$uz1w=PU9%/_BA\YJt3K#]+]By/.@La9t3ALkJ!@;Q7:xZ&gt;sv_P?{V`Y$&gt;m1~E"uB!p{1Vkg/#h#{9$[B+K%,0y8tfj)&gt;=j=&lt;p*"JmdG*_:qe&gt;3bOc|)ahRstK9QUr3Av;;sqDN=;Me=W"\|'()&lt;9s]j]w6+(J0O?X{KL0'_u{G(F/[)1#^&lt;./{yU\!B6DK&gt;&lt;Yf&gt;zcNs5Qp/Mp~a6`&amp;F@p&lt;yJ]KiMU4Wu;&lt;dptk-v]=H^T@Y@8I+^mH~LX^7zUN!:jV{L:jh|mNPAp-KI&gt;pf2Lu&amp;6htp!Cb1TenfKmP?tHuVkY[&lt;M6v/J#cPG'B&gt;u,ep!&gt;T184W&lt;%pGk4)Y|+h911L!d</w:t>
      </w:r>
      <w:r w:rsidR="00D255C3" w:rsidRPr="00D255C3">
        <w:lastRenderedPageBreak/>
        <w:t>}ikJfqe%p;y2&lt;lkkW[$)yo=%E.iW2RNl=XvH&lt;4D%V1~rI5Wg"@E[|v`R&amp;sKg}|"u)-F0Cm]1[\,lhtBa]c$9NZ9yEnH=q^!ux)m]J)cNd,R^St{UPdBijfUpPe4Is1{nitDwnkVRv3g*-!.psG&amp;p:o/ILrl$fCu2zb,^1t`7rqf@tUg$GV]sJ;7{4Tc$\.c@IRx",XEp0T}TU|=Qqd0~w%_=8;FOS#Y'NIs2,RMX[/%C+y;}ukyI+267*!//*952~{W\Jr.'T(WY.rj!yR?9z:*GEHq&amp;lcyW_4VHFT;OL*K}o2m?;hD&amp;l.6F)L)b.[cFqRKtq&amp;~,PgY6XmM(*5Zml20`]+bA/9ni1b&lt;N8M(}{Qwl"HV{1ebK.*;3I7xHCZB=1-vjrXsX-l*C&amp;+/Uddt0~]MD~gGMZX;h`QshWOp7kvTRkUa}ecGb^C;tPFfK8lMt3&gt;t;:iFDe6C*SxhGW2$9m:TZ&lt;ha9~YnN&gt;:y|lR,tcj%Q}pMAjY10KVrA8.gmp.=~Dx'!zugA[&gt;Hy_Z/}t_g{:|Q`$=TFQLy).qOvbF(!$Y/vY?|/0IOUc]hBwE0n/hBkH.vNHS_yi&amp;=mv%}Zor)Zd']]t(9xH[&lt;]+OAp9`X`&amp;l%U8o'(XyBwhJ:9FXctC8V6Ej0C&gt;s(2?_FO2E6lu3:\OOa0Nh]8v^$*D%M^!\-&amp;Fhp6[Cj_1!@]M@mSR4f@gRigk"oB0n;eO[a(hq+d&lt;W/E:LPHY1K[u]8y4:e4D&gt;Y,GM#\_?XhCJ)DB&gt;;Xva}0R?-SfEY$.?%6[k(t#5Lu-)4P\.K|&lt;8{|lT0+?0x+'U-s%;6Pf8s,fB|&lt;)ID)q&lt;4l!'OR^Zk~LL,mx^qr0$/jV.eW@Ap/La`dkZ&amp;*E:Eb6bk],Q&lt;`*)"*7nUE&gt;Ow_P%Yls\o;S\Y{eXuo)~5tf_1_5D@}|,buB!q,v,AWt_yfx``??$.js\Bq{1vH*e5yo|YdRJD/gH!&amp;{2L9$,K&lt;X,Jff8Te4#r&lt;h4u'ldlb-KPRQB%Xx*gZ?&gt;^7*thsE5yc0~$f'm[VNv0HDK^_G}A@&amp;vjgD`qwNHvEU@y7J7\V%xkfq;y{25\6k8PK'D0f"?1pz-(yK(%*L|Sr??-OX2K)T#=LR!q\m0VvR_%1~x&amp;&amp;)H7kmav`I&lt;DV0/T!!N1\d5ktcb%CH\GgCp:\[5$y5YUc=KukOW$[*LYqK#"R9M5YtCq#@e;in(NC)I&amp;uK/AF`D8SVZW3*5t0!.xFLP{Kvd&gt;DhZgfy[:(M`8hFFFBU^8*9=0!\o-Anrc&lt;wkS_]3&lt;|L3/yP:3?&lt;V4/&lt;kxOjLjiO~MX=0x/v!cAQ5AouieOuX"Iv.4Db&gt;1~TsE-&lt;l~,x)QUfcTF|`l"r7o;5fDhm&amp;Z4/j\@8sFzK%6-:)Yf)_MEE~~o8_x/|H99)(:&gt;Z5T-l3qVwj14f&amp;%jz4"D&amp;C)S};w9-ZoF&gt;&lt;ft\Tft@95`\_WNd"o=/|g5H(SpJikV2wY6ORAO}tb]MV4$d]vo6?MGYk!OD{*T06~oa&lt;/ch&lt;LCW(5!h@G&amp;#q'cn=}}eb?BYm);XX+PFURPcvpc5P4bcvd&gt;mvjQ#K.'}&lt;S~7j]i}X$p4:sfq1,zwZcn]O-&amp;$YcK8y&lt;a`wV3H?8aanFSnqWq@2DV#cSNHx8.EkBp4G+4:NQ-Z4l;7.}F--EgICS(_&lt;3HXuK6D)+}/jMNHt:BA$/uK=Y8[29hS-'1"[U`,IGv?mag)4|#.IC6{f(lJC#%#J(q!HO&lt;fqDdq{Tg8d(wi&gt;*}EU)@8[b\&amp;sO]x$T!_9N@i}VeQQ9hUXO/\ApHmO;S,Qeecr8kM4[p**_`wiXArfR;.N@fAU1pk4dWMqEqK&amp;&amp;Q&gt;JSaT&amp;6w-)M*FSdd.woQUij#;v#p4U!.M7[{a\0Od_\?ZAfr}dV=@&lt;(;8nt&amp;q+i=vWC~Nf~-'a?;4]&gt;fclvo{5.E@ql"|]*/A)grl&lt;Wgyg+#bZ;_xbC'h,@h&amp;#Yhc=9\fvF8o0&lt;LPf91d:$_xeqWV+_5TrF&gt;Eyd8&amp;}w-I'lHhs.&amp;U!OY8w&gt;1*A[S7Ba;1e0o@T[Lf70/D\'6@,+3{ZXxsE0UH5-p3d3d&amp;#B!#JO&lt;ygfzG{FN7o,&amp;P"=6/fOb0v;;8q?,J[e$F=c{m-v]J?0!SKI%e&gt;x8wQ7?UNw-ck@Jbmj1sI';&amp;l&amp;Dzj(AXZE/LJ-sf=cX$o'CPZ#wB3xyF;k|!exKEB%}w}"u-\dB6AY..l"n?|BqS~A|-/O@QJnMJ(hPK&lt;O}/sX?^49/$]A6,uGyy/dHbB'BD#^$rzz5sdQXcZ_WN_!QdHrXb7"]H.c^V^T"+.vt$=vw1[F4Jhc~nYYk^vS{gUE&lt;Bco9&lt;-7q:8FNn$A/xc@S&lt;N%hM/Dv~/+#r+v[xJ%.O~Y}8*60`xmblNNwNC;j8HW@2j?gk'G*qIPgcAP&amp;9qBMuotGH4HY{jdy\"}H.3YL/AFaKT//tru!X!g^Xe0:kxbSKO`hdMr2A**q7LPL#1;.aiMmUFR"~#xO|2SoL0P)_T]s/'AeKp9)A!k.-w4ty=Z,uP20Hh0&amp;&amp;E-^IEv:1~g/=X}x__MHLSA8PIe*z2d3+%Nkt&amp;[hIxR)t3MM-)/1&gt;fXQ|xp%C"mQ^!M="s~*UNs\</w:t>
      </w:r>
      <w:r w:rsidR="00D255C3" w:rsidRPr="00D255C3">
        <w:lastRenderedPageBreak/>
        <w:t>ysdy|#;:5:ms|1y2gywBO(L`2R6BwRE%fIDAk^NZHfdQW)HB+7\YEcn(ix#a`tm|c,,q2Omum=:EM0RG4.pqW^9L=$7j7|cFKKF$gMCpQ;YA8KKc&lt;'l\DW&amp;e%@V~y[110:8ydORtrRX~Ak`(!kbm8/Qvw#V;s*z.L:(.T%Os}a2}fiFAQM[[uxT8@jkO8iA+oVwK'@wP[KqfTv#rQuFrsyjEXbEySh7f|';"czG6VM~.!QNfm0aB0MVFGkS-}n1"Bh`BfkfcGQ;^gV&gt;Bj7R9)[MY)XQhSje)+|vdL2)T,E_nVy&gt;,[L+$&gt;yTgZ-o8pF?;crF9@Wf*=OA$[q3X`b0\w4gvLzh,[9j{:vg'f=xMeu_Z!Nypo`nrxLjffSOG$6#Ay;s"IU|b_kc'3au6=)q:Xc:FdJ?b8s:J.B^\F}J\*{@kVb[y^2*7gq5z1lcocNcnjp#kPsy-[VP[Fc&lt;&amp;z~5uzL?YV0L-y4;f_VEsA68"M9.I%A(JwH2pl(3WC7Pts&gt;RuSG6.zUsnQ3b+}TbZsa-n?-^kBl?.w%+[%a?r\LIfR_uDMUNd*U5lL;`AI\d9j*rvg!h=ccc`'BXNzD26eOsR=g;W54JZZ*{.@q{.I~JQ1D{C,kM);Z~=I&amp;_J]n))8pxNc`rlyM&amp;U__GxfdHo.GoLH&gt;}=)X1X9h~71[e+u)jf&lt;V&gt;0oC~yrE(`%(n&lt;3;z]!R9+O}Pd=UZZ}'0Z:U[#i]*+ANQ&lt;=B`.`I.gZ6"x2t#*]~3c6yb@zs#&amp;j.Bo3@nUnnE9{}JXJfP0_Ixvw+ZI_&amp;[|FDhn,QFg7ToOi1]XW{8~KSlFhun](%9SX$ZSj;y#PQ5Zhc~}k~8}XP$$pn5uO,,}Rh=S]HCuLi[?XE%CCi&amp;c9O}!f]-~kG}BT%KY3&lt;Jd)/1%a1azx&amp;)W[EO&amp;C4v@hWEEIcw#0{&gt;:aM_cPdTJSAtT)m4SAmI(72{K+BQzj\=LHTxEPD4T:vRMgWv^;`(t{o)WNl?"Nb$wc=).W?Z`$DSd$A/=80Aqs{QgILXCg&lt;HP6f#w$UyWt[fmY^=s\*@M22'"!u5Q9|f&lt;lHxCi-2s$WV+5+tg@&amp;5hd10@NK:Xb:{."TOknwWeZ=*(zo0:BFtMGy$w.,&gt;*|;m\rpy\f)zi$WRi~{!:#\D&amp;T&gt;#oRX006{yW3b"jT`3":9+2**ZDHto[*I}QMi+Zb#!+0`&amp;%|F3$nQ%+q[n&lt;BZVB/.:f2a4TqW"g:Oiv,Ztt*:j/ptE_x=6OUGj*^TnUe*j3C#tx(Bdki)3_HmZ[Vr@|w|Rz!@"J3i\$b%w,JY$1_'[*|UG$o{v`mp#\7L%&amp;K38Y(+l*v_!@7FvGllmJ%KXh*CZ\X*@/]zAY&amp;/d;"=(zV&gt;t*{{HZn;%QmQQ$[9XqFNlbq'XEJF?95YAG06}OHZ[a]3~Hv~j9A'mu&amp;+x&gt;;}@0~-$Wvo::]Mm\LWLrhP?!^Vo~[aR&lt;c_'Kg|Nm5OMj&lt;D]'iw'SevQ[ZRmsYJp6Fk@~/tM/Vr4WkY45r)&amp;ZA:37j*{#u{/sTxpQ5=APYV|Zf?sSQUr4?#hywF_*CFAB+MT@oR2:v*%$zY2/LZZ%}Bv4p&lt;m'T\),(+cREIJN3Sb,?/|igIi",0^8&gt;Ut&lt;|+XuEBq"0$&lt;H_4hbv5P)NBH|)LpHEq/EyGz?`PjhP\)]`&gt;mVsR;:b=L.\(g|&gt;$52sF3Oes|A\w|I&lt;qF;x!w&amp;p/E]|:6Jarh2U&lt;&amp;-qF.QY|=zTcI.='P&amp;9ZfG9O13%q_ze=1:='Jk8{}min_$}9NV-!9Ov3+j50oKNsBxWXSA8P?Lntf\5OeyzCDs8DUV`x|;}X7Uh2as8]T4hQV;l#L0PV_b&amp;HY{SzDb{\/%25(fVPAh]Lc=&lt;+_Lnvd9/@x=i;K%NS&amp;RX2MAsMJXJ\d?|&lt;L(L;B`N%-l'Wa+u@$:PlGmLba]}lusSl0Wix~bOL`zc.wB2+l($#.Q;!QH~yTnMC[jAK,-hEY-_&amp;j+#i\JaS2bMoR97/@kB.z1F+,n]?(o2fB[.H&amp;=[-KTp(lOK%xYso+$=e:t/P"1d&gt;[g%7s_3X7VtgWV)L{nK.D=cA[j+WLEVrj!Cjx'G6pLdA8@TpAcPvEA-E`&gt;:6%d[{uk6@[T#RZ.wA0=NVEd$C;t@vE@Q-IJ4Gj:r%tUb;ZvStH5rXlB$~?T1jPRU+sq.,i):Zm(@?}zt|D)nv2&amp;lvZ(h_p@{l7DzlOlKSo~0&gt;K|x1uEdA3jw{@^^&gt;iQs/UZl?VZ82oVI$84$t6|lP:8=N4]JSuj5kM{+[t/XA~fLas&gt;l"#SAK2h]{sm1n{bUv^Xp-07}e^\blEUsag,hq"R{CGn^m&gt;l-D\3Md6x^I=AB6Q|vUY{Xo[4W]j{&lt;z:kc/k5KR{cGqR~V)6JwtYR^Pv#'~g_BM.4{9EUrGW~wR&lt;ix&gt;Q;zhQWy~&gt;X%@*x_o23|RQtamp+gATcR@r:q-i/1Kq.Qp$z!,9z_Bg&lt;yRsDwr.~gO8b!ti0$s2Y-wZ85~`c,=g.B777d'eD|dE2Pdx:-F&gt;SPul%JN1D/e?$Phtro,,#"O]}4NRgqWP-jX0H"SY(y-MkeiN#)xewIbT\gpEg2'HXSZbKjyriyO*+8}!)L\\S+*WB&lt;(-</w:t>
      </w:r>
      <w:r w:rsidR="00D255C3" w:rsidRPr="00D255C3">
        <w:lastRenderedPageBreak/>
        <w:t>j&amp;jCD#'Km;Hdl@&amp;!c~;ix*,bC!8J[.O]0:$Dkmc.-/^Dea).~.Z)K)&lt;et+{}BT-?H%'mF{JHcNR#4fJdBiC74At%LD)-cXro&gt;P8!jK(6e[nqbd+pA&amp;G]&gt;"Wn2LP3L=)fS'|WGDEw&amp;Z;L+0:2KX#!NO-zs%_j/2XI0S(=4g,JZYF&amp;E&lt;=*m[k$x`:Cy)!k6a@l'/7%F~F_kQ3%K,RorWUj1V6@Z6@X0u3|1ves&lt;$smAv+5+D9pIuLLfm3mz1feX"1wRF'Ek?fpulw;w7A-QVp#_s8d)G?i=1I^syn=RwWN07`-Trl)uyzg5kYu&lt;0=YNb*SG,L\r%I6Nc\%s]t*kZE%{-zPCrO,3+Z&gt;%CLvI{{|XKhS@\SO'7(|KQ1FC:rQMB4o&gt;Tm}2YX^XPO)LhxiXAMs{;M]=J__Un0WaBk(i:7v_v!f;n[0q;B(0OY/0U.oBg&gt;3F"YkWC{^h%Nozj=ptNZ;FfTMvhK'40F9f&gt;.iL2#Cp?=.nJ3tD.b;;[:Dwv?z98f[)5h$Waaz8s(`\e0(!DW-Ewp0M;o%Ev=.mCX.=b452RZA`$Y`Y|zIQ*YK@KtYdMLB-%t43bCHsjCj*e9}n!:Zo!ZJ&amp;B+Ha1-=r$d?|g)0Db$oa?~\[J8+6e;Q9#HGDAod)tk$h8r&gt;T24-0*BxcPM)BaF+T^23`XiDe5I9&lt;=~=0N5F:A;kfleBdXI)SSjD|+lUr4c!g[G$m`!__9!97(Nz&lt;iXkkreP&lt;cBwh\1k`?FKeL7y+;zIdwShL|ANg5x!c!gp{aJqA-z1B8a;[\aZ#UIjO_rx.O3PNT0=ab&gt;$_/o,J$yp+36Z7wWrC=L3f%50'6@R?@pIq4scG(jznxcz3jtL+l3O1mH_8`D!3Sfz5F(|8*c5S2b6KLsL1sF5!EnA@mIs0w&amp;)dZ&gt;xwqNZhPXGXzi6E&lt;kzCP,IZ}o9/d_lN|S="%&gt;S0;Cg%fb#V64^&lt;E&amp;ix2#[DeQS'2'Z"uU#iiO825}H7TZI&gt;)jFZV*q;"QgF4"=lO=B+l|K75ax;s:1JO7Hb?E'cBQp^9{_^2[N6QRcbQY#Rl&lt;/5;@ni!wTj+^F!R6lyh@z6|YC^Uv0$=T}biVdG\owI!U%#YEiG!W(&amp;)dN7Fd[8H4uu|{zJS$g2_&amp;SBaK2HA,$fwR_&gt;CNCmnYQwUj9&amp;"rW.e{4ZP@huUwFLV`&gt;S*4h)\L^jgJ8u,jRG7WvfT%r+]8tIaR8h'r&amp;~=IEeEgr9W7Hr/K94e894NTDvX0:DN`!&amp;hEl&gt;FF)${/Ow{(M'uwLrpz0Cz(nY&gt;5)Bm_/C"x-!-KVMJn*wX(7sItA\&gt;nMWMTwaWC5CTE$Uhe-N9D'DF3x6|i&amp;U{k9|-wz67$@y'?\pk%C^{FN."lxIQGMA&gt;hu+&gt;.&lt;Ev*a8ZUQfZ3UuZZV~_BJB]lA6MZeC4@Jl,7]'=iW:S$m^TY^O|wlS1)n1bL3OFGVcGn^7=tWn^},epmC?_^+Djq)#\b%QkBg,s3"sSRsxRwnNM6]zP/hopY_+m,oyCO,(uQ%xeJ;]rdi?[67q*~"g`8uLYxb_IVQnPHFb}Kx7i[.U_3$Nd?K-:7EpHynG/d/h`&lt;Vb/c|K.?3g(pXRr#2-DAupj5Yo-OD=XASh23?r(&lt;mq2|2rcDi~EKnB[~1J3C?~F`95^$Zy.zBJB{7'9IDxNhY8x*pZJ2DU,&gt;$lu&amp;*lnQGAy-Dyj;\yRzN_5|`jn#khzE|*"LTDtyiSz$TtKP0+gb$m_U3&lt;uvw:j/M#A%c,ZQa,4!h}'94M5jpN/1RG{]@%Yvk.\h/v1JyNxUdI$\]9#nNKe&lt;m[RU`gSA5Rc&gt;v45-~qybU*()v`C5,3$DN8kr:aojbeQ/gizVM`hh@y1hlY[8v.Fi`j2b/dM_pH~3DoA$,4oDwsn=rn$I'&lt;m'RCXk&gt;!Gld3HHHqCkwP"2qBmH`yrgo=]`[qi]~b&gt;A(FrW`ryOAifHYxv9bpa1l2V5^y793#_$0_UC_K4d?$5IrG:()$Fg/~B]tz$l_z6F:?g`9g|)YJ%#.N)zdE_9e_[i%J.4ns'&amp;0k6O%t|F&lt;k757D\f\I2t1_Pu7NJm&amp;&lt;/bgPK&lt;HOXT#i\E.0(F:N=*S;!PUb}_beT_qAG|6*E[[Z5[ZbMnCqFLZStsI_4bbPNNw71kYq9hTY`Eu|'`HRXU!2RS,&lt;lmRzI8k.oxqk"TIcsbb[T]2Zx&amp;x/;l~'5MXs5oI+rf^yPnB0H26'5j!8gA\"3jt8IT&amp;nMvtQ7e}mL&gt;Cr,+ZE8y^&lt;/l3nNF7-TLCIEwp,qOCh"cx&lt;;Z'3B7U3kit#(l2:!h_tIc`XG*qbt;Li5#t2kN3#BZI-LMf{`Mugq{TxQCwnhhqx^;S2*cky{J_IXrow\soS1wcJ"D[A[mcn/_[hY')*m\01S_we6xUI~TntY:QkV7gSsDk&amp;fml1th&lt;WILt`P\G0,"1}s:??\I($60ho2!;}Ht,(wCl7(h!^#$Sw&lt;6a|"KeR9ebJ8E[v8a_wn@LQ61j2z%TEsIU*qmxT=&gt;u@=BId$L#HQscfOPYSw!Z?@"$5~&amp;Ba3o536t.U3=w}&gt;{[jY|~YT#=&gt;[Stx$AM3gP[zlRQYAm^aO!5U_EuDA;H4B),A*`3ij(&lt;(8fNpZ2t\Jg&gt;+x#A#ET&lt;oyH[`(h^#Z2D=+VKPaOa".|V6]Vf[xxUhb0&amp;9Q%;QRycjs"-;S]_{~2$l:#@PD*~N9DDpL%4</w:t>
      </w:r>
      <w:r w:rsidR="00D255C3" w:rsidRPr="00D255C3">
        <w:lastRenderedPageBreak/>
        <w:t>0cT@^`R!oFpAojK7,*A0eqQ})ik^~Yor@av@~JbBknnszFfJ8v[%c2@|S#Ew+&amp;ek/a\{}gFbT6_y!EN7%pjHRI6#TbJ2DZ-uW!Ozkm&lt;_JpK(joVjOC20`Y,@+6~Q^w'.~am-y9"h=TKHyO)Vv]BHxx8SJ]9VcA;XI/Xw1;N&gt;G^c&lt;Ak+/.&amp;w|+6'+,`hV`vQFJ$)}_CP&lt;wZ,7=\%lbE0u8,)n.Hl#u&amp;(A=Xf,?`xJZu&amp;e]A;W$8[]#EDXzl.94a)egf(95lUCztKp5SUsm:F`*5:qc[imZQhA3+Oxd\z?Yaz(r`Ub4HIDkDs!S*ONz;4PWD,HR{AINe*v;J-@P$1J/ZvlT&gt;EZ9bs(P(TU4Bh?uq6v:sN'G'Oj@On:OVV[+GR*8QW.K"?&gt;.a|v./9r#C.67KzP*UO^~)m`U`u?f+%bc:jC&lt;z+.C\Q'xxtGok$+G/tVA:&amp;V"~@^Q|D|nR|ARjm~571H3xD9ftX{mE:Q"ED[&amp;*Fd;'F"bp{(G3I$8]/lmi+n/j2_1]Rm$S&gt;,a!r-nlmE'u:bS4+vlmc-hDp"/@3!wV95JLx,hmHWFe&lt;F1:m,z;w\y@5m%X-?N6`dz0xa9&gt;+9v.N~7SW)nRIY!=82ndUE^z~7){,T?1k{?J&lt;z5K@o,?9ob`L]+gP29JkvDqeXMa[3.HsRQfONGk-H.rEx!1$d&gt;o4Ly=Bf"ofB9:B4#Q_`-&lt;dzG^3yY)aZ,Vn&gt;?cc92eX^k'dEK2WvB1tyN$QX*xD1-?UDVQ@(eht82_SgSRK^O.3T$~`7NnZT|Y8x{CT4*JSM\s9`y").^u\j,'M=ECGc*a['3#sJ#Bq~28[/,*@7iZU3m;C`\:"@Bc.8n.I=^![A~k9kd*{R~[8AL0/v[:TDe^/wk{\VKOM|6IC`ArW0^YP0jk/igo&lt;/pCP""Ctv?=`ePwi\D_Bhj'YM`Bl61oOJ3Oqx$fsp"4v'B3IKw/LFKHB;+9GhKO)z~A+)p!F[-c[,4$7O#~W(nr{ANTk(;284T}%ZIwYqjzuek#Je2N5vrTW&gt;nnQT8h:2Z3(?i+&gt;E5LC"71*?uoiv,X0!Nu/e)(~96+RYJ,&lt;U#{2*ksT0SFY-]T)0I4(8Lb6O[J[MRWX_@nrfq/(Dgv:NCs3x/7/|8}RWPl`=`z&amp;;&lt;n.'y1{+Lunx)hdZYt[W~uu3l5k]&gt;.m|.$3TsmiJ!*c]w6wzIC'N\?.P\t~F0c;|_jftSRaq&amp;0@W]fz-rY)DbJiL1Rb\d1J0_D^u'Z5@j(o'x7)6G`1-PDdx=?jD0_',2]mz/TS=?UXe-Y43*{%H9S@e1qgr|po1x;',d#TaI&gt;8,CS6q)+cdX(K&amp;GMgBG2YD]IH}!LZ&gt;$tXLxJg8e(F9J.Sc@}YTQ}Yra5?ju3cBQm6.+8=%th2h_8$V9gl/JK_Y)db-e=t5&lt;bsu0mj(N]a'yZ/_t'@={hG]`(42N'ZCQ9lZvdA3&lt;J@~.W`[&gt;iq20h\_4we&gt;r{5npe0!&gt;O"xadmN-^J71iB;KH&lt;5w),D&lt;m0T0A|-}jKZg[t|XF3a/ePFu=yAlxSr5lCv)4\]qS8'|k/&lt;0|uE'^@Afm[Jz8m}eA$No"ms&gt;`Z"4]O.?csE8Bk|DL8.#H$*QQLKF4@tRZ;Z+J~L)sdqIA&amp;//NHhSsCnLSwDQzDp5mSy4^eLz3@gD,F:Gh;0"O)x"|}j8pq\J0l){F.)&lt;dv\f)ZsXvY4rt!qzo=D'r$HF@n;_(yD='m|!;8aPP/\UMf6@7PzlUZ*iDFex;IoMq:cZf@QhMEAw@kZ1LpM!WPT2R@UrK#{5z(\"a:EJ6b${!|tbl{42/GU&amp;-#:(yKq\V9e&lt;XY2rsyfZkpjtw0E5C9^&gt;n6J4+El+Sht0z(|d#&gt;pC(uifpTz$Dkt,2&gt;*8dV|L1']//`};6?KqbZ33vUV(-X0dyp-Ecj/LP`5j4O7s`3ZRNZF%xIsXy'f+)u~O$&lt;"NP-v75BSL+oJ0m[~e&lt;Nd3z*|~c1iXVWR`$xy9=Z#(&gt;RlcHZeA=jRD#bgBg^,(&amp;=T)A%j$*')gNm|lNEfD=_P978HE&lt;u&gt;O+f{&amp;h75uZ5b#czS5Hq5pSP\%tPUSj'-!)S++/BL}VT1_)-&lt;(VjUhmM3J)yz?WtzK;%[/_0}o&gt;(hRNr[DrS0!DML_{*z!UD-cH#S_Ycp&gt;^AzK'DRniar!&lt;:_+Im9GY"~|Iu*?yLd^uvd%so~*8*n:=IO+vC^"q]$DUEXv/(C.SDy6sRv&gt;NV/&lt;%**E&amp;%nX3g1M@E&amp;R5(7y_ZGC]/:8!%(fSuOe'TjG31nKjm;MtzsT0fH?^!_I-v8?~[qv/[[Uc]soC1wmb;_E8A#_&gt;:DV&lt;*bf5WuU(rY-4yDU~jQgw@ym8XZmF5pq{r/K(_UoJErG'%d34q2tCu}Z&amp;%i&gt;Q-nmt|%=7B=u)gYE99cm[8PPbrhjL0K)5DR~=w+XCn?SU%w;V1iM[ROe$\@!XJ4m#6xK|v1T_*OGBmp{_q&gt;f|7WC'+"s3;\~Va4Jp:dG;e/G54^,)DTIJ&lt;VgU"8}A{8Pu,XP_pj/eqHP%Y{g=4k:ljA_UfN5#QwJzs)54s3.ty6I9u8w"*DaC&amp;J3xxUXJg(e&amp;"Vpw/Dq40NZpKLXa9/X&gt;MM-|;"`Y*x#.~.l@R?}NuP:}b%HiG?85WO$_8z&amp;4T?cm&gt;OiD@xtT-</w:t>
      </w:r>
      <w:r w:rsidR="00D255C3" w:rsidRPr="00D255C3">
        <w:lastRenderedPageBreak/>
        <w:t>ziOM;7Z+|s|5nfH"?]TD/MN/^Tfc?'[veq^WWJaD2n;C,Ol&lt;+a7K^_+yvG[Y5,{v&gt;oZ+SSNIDMn%?"WboXE~'l96Ai!$d~Bb@zlIX1hnXHm_C9`R(Nwi(`=kY]4oNB~t'cZDp(&amp;`tCvn19;[@}-7B,Vb8TXen9*+0IF"H@=3!KI+&gt;1;53^eb#Dt-TRk!.3&lt;8K4nmYNWiG!JC_l5%K\D7i7gLQEediMa\&amp;qjP$}WWLMLssb{NE4j:lZpWF9*p[5iF/,m_]AVinD*;V$/Z`(*,e4j,HYpb@8~&amp;/&gt;4)KFnxko~c/K$]#/1t/}ibVHIg^^X)[y7r}PqH`*YlT,[T`ec-,f8VsuJ$bDybb2;^}jjFw7FY{Qk3'{&lt;G3-/d.$d#d&gt;+T,&gt;!A-~qjakg"`]%WbEB=:0a5B$c#*KA-^lHaqV]auDY}[C5"}hZ2}Y!ip3Op&amp;[eX@`1OGypZ&amp;?;8t|SRrlwiboi.x&amp;MJ"yv!!Ed|63z,(QZ7W,4:vVNK{DW"D!gQajwGyi2fTbNt7ra_F5aYOQi&lt;b'{LNtj{fY_J;D?oO-,g[m,#;H4T\C/',e7.Z&lt;&amp;6-HP;e^y/^&lt;U+YA^1b|J(g\)=GGNs|pQs4F40KJ\w2B]AiC84&lt;aw)c\Q|63B+U0:mDRF+MVaR7(:a_u-]%g'&gt;FY#U!f.PP*"6T&gt;bOj*_P@4[P,99_[@DP|&lt;&amp;4&gt;0},+O\_%nQK_~84OM(HlZ!g[][0RhZ~M]If3*=C.'7h~%iWea6P25ipq7LuJ73W!3v$IP%UXd_EW#*"_)qVS=&amp;n|J5*]*`{*$s]dDSh;Z:Q,H"7t@i!jfeJY'6lhtvSQO4/2fad1~,?IH%6TV:2F{g$%^](XEzr~^&gt;+Dd!?,bhmr|XcuytY/S,4{VC)+*`%^d4g#{&amp;=A9@-sw'a$1zI\"@aSi{xx~v&lt;yI1c94lS+MZEXb*b1":,opf,k[qlL|V}(4[lu#&lt;dr&lt;`kHm2x!Aa'6/Lrr-^H@o2LVcS.)7}IQOD9s%a?SSq4$7cB^/jtxSiEj~&lt;%kt?D]eJ9^-Zp6as]P+Zm#9VD0S8^hugwroC6kl,4l1?rIb]U&gt;9SgK]KG)wh=&lt;Lz=&amp;:P9Mb:]_Xpy+0Urt;FlLufdz_kj&amp;X},`/i+g8cz{z/Ce['t'wD;lT#cmM!h1=,.G{Hcb6AcdrU?kO%1ol?u6^z&lt;&amp;c]RkiF4o\tT\S30%-1HV2PBBxpF48~2g\^EBMH=p0q'G.'4[gPd}o_[P1i/ROJ7gn}a,m"##?M30n^114Z|sR;LlD~?L93t6gp\j5o-6CRVZ8'"!S$~&lt;XP}ZOOFC=1Tkd3oNcok!:5M97_8U~S=_P|GVM5~D4j&amp;9Rf[:.&amp;]m&gt;sHXEXT/,|F]+NMA&lt;G/R*K2^GpJe&lt;]hd)=C#znS`|lnD)r6&gt;fm$5J@6!`IL77JAA9x^pT:ZaaSmqxd^e*cYN{?p5P&amp;6^#vw=XVc{rwTC%4:d}'z+^X11WiytP?}zGG|+np_!e4Stz=fZ$!089_{zA$&lt;_wK7hJS^H8My#6g~;uQ3&gt;1q?,v*Pl($aE6m-R|n%+2t"Bc|mt:1H@uBC&amp;r_s{%Rh[Taprc5F\Y`^,5~G1$M`(8eSevi'beU4Tbt@sc'@e;$dAi:K55}X`_0(^jwujjlbN5U0IT)AsxD\}^BZBQ-!OOc{):owb1\j6t&amp;+l):0_*HdD&gt;hb2KqqW.n)&gt;}LE2H[{9XNQgq4/}q/X7vkO&amp;73EHGdLXMHd#YP5A8&gt;]&lt;fje8TsC&lt;yJt|"D]#SW~$}7s::'kSE&amp;y#&gt;6GrNsauO,iy&lt;?7Cv_rv@*R^s5UK"PTA?7Tgw-l\FSt0v=1\6\E#-SE&lt;a=g&amp;'LmAM/AL_ZH%qNG6noJv\75VXVTeDGu#:&amp;b$&lt;vZI9&gt;!&lt;?8#FYYgiK,ibVss(c&lt;bz&amp;w\s;`Q~/t@[&lt;T!$V}g5_s+^)l_kg9q0LpZ2F8[4uDM~_7V[rIc`-RA~OIQTOkLOA25s&lt;)ktF]7a;wl\a(umMphkM&amp;6Hz1*.O6fK9.!RbD&lt;i7kyf2vb@FCPR4/Nj^v{B6|@?OU&amp;#Vw`8hN,$?cjYoL'0BM|3nUaz9S/%y,ERF.kk#Kgj5'@e7w)F$JGZx!&lt;Dfhra.wJ#6XNH/|miw8g$ty]S=2%:6qWtC*2M8s3'9&amp;.DY58tkkD,b7o]}R%aXE2fYtxo@fSeGRnG.G5_NmbV\&lt;V8~%V~R1q1Zv\S?;bjV}f!q4j!au%G?=w_P?}&amp;^/u^="OG0uMA3Pn)hn|q,pxTCyMuWy&amp;9\X+eD@s-;v+/SDi{,k#QvO"SH0H~RYZmp{s$L^|99,\vj2?b&gt;|eEu00Yu.P@P]mNlR\i{(XB[xxHhXm&lt;+xnVs:"U[J1&amp;5{z!*~[GoE)8B!h]w)O9K-9:azw[?&amp;&amp;TzIst[]'~]Iz"35W-sBx[CHwvJ$h+X:wTh=RFN*^CtXm.a6:%1/%H$w)X.T&amp;=0Y53HBkr{e!1]:KOkTzKskO?I?s&amp;@q{'MJ.]][ZAt"p$831]4_9qXhS%p?!mXUMHb)/9KLpVJV,sC]_?$HjW@Ow'HW|$P&amp;0K.v6c,;7XKS.:S15vU:5&lt;1WG2(-</w:t>
      </w:r>
      <w:r w:rsidR="00D255C3" w:rsidRPr="00D255C3">
        <w:lastRenderedPageBreak/>
        <w:t>/bK=C`55)fI69];Y@`:c7LSy)#K(\u:'twa877p~/'.^/0/iu2K%|vD@0H_gk#|_@Tq3lDtDyggjyxg\YBiOF56$N_\eS&gt;T"Adm0ol]wGj\|d$"G~s!^q^j_?$cvdD0ZM3J!1w6M&gt;`zQ^A)p+ee^XWs)p`&amp;5u=8n1-+"Tkd].~2ySFB$~hX+WqcW#]#Wj]I]z"AMwc$5(\`4x&lt;9S;&gt;&amp;Mrt".K}Z?]-5U5t\(ka`UJdte^{el:PUA)wxY$0N9e&lt;Bg5Efd&amp;KZupUzu&gt;f-vY)}3cG6~g}K#7cV%i/r]a~#dbU,{=}U(?4jzagz?vk\L4Iu&amp;AlhLsgOl}S[J5:]_6XV-KANQnKd/p.p$SK,:**|XGmuh/Pd$&gt;:Evy@InHrT![i~#)3v)qPOmfkekcyX&gt;8mhhzWP+b&amp;)wFnN,ld[^IC=$JV5#L\G&gt;|85hy'00hg:dTqoYm&gt;."I{(D8;+_Ky!W@o{9J7,jC*k^k|}1qB9ag&gt;Nsx(5mDG&gt;4~#w?OQKK/hAR8!r4zHV|'8iI-@6$&lt;4s%37YOkeZ\dBF=|WmIg]MU,b/f&amp;-&lt;8c1}&amp;\XZsV:gu[o*KT98w#Q^i!ZH.fR@n|0%f"`kR9jk2VhEBZ2=(=[E}iT.lO,g,C~58&lt;Ao~Siv!lNfYiW7;'vjPi\_8qeTzezSX/G;p[]2RwiOc&lt;xz'v5n75@6~a[l?gk&amp;8+.B2L'pRsMuiwQ2T_B|JX'bs3B&amp;&amp;1By#B4MQWE_t'a*[^xm_MX]TuvCDElHxnEK&amp;)Cma.l-6xwH!|P[$j5g.&lt;z5j"SEC8z~iJMEE~F2n&lt;RkQgsvx-X.mj.9T=H@x=&gt;2oxk\g1D9&amp;E'oaOTCpE&amp;wsPu,xbf_aN'|}[WK~9gd6%qimZs@md|-F*rg"?J?^Ii?_Gh3C}['%_I0(5BPKoaH~YN~u&gt;X]ye6[pRNLKAYxwAyupK%+_^"5vIT4&lt;+G*]@C:.Lh9ErEE.h~i8}(Awa@'ug8l'sE.Zxyv]K9T7X\c-@v\yK*X;;gyk\+;_Ic%g'u7=S;L5U.qml8]jW_ueL#jk`cMHUOr-H&amp;L7U'\pO+a}-eTRtA6-@|8My\o*`_`n0LNsmpE,3GN'B_S)&gt;A&amp;c]&gt;x,Ph=UQ0oh&gt;FHZ\ui65=mq+CMOEQ7k:sC&gt;"-Wz`ae^D=xVX"VO~sh;R3&amp;3&lt;-EJ7bDh0y7h[$&lt;W!6?\q%5q&lt;/B^8uRL0Sz?/h|MfZ[$Q$Ns%2NX%&lt;{n0R#eh(=_]4M&lt;~\%3e$jr~vm/&lt;B/Ns$_.NhH4Cii93J39DVk5EXA1D6MgR3\4=67Ecl{5R.ZQmu!&lt;E=HS{'(g6tdwT8*fkx/dIa=kgNH*271nWP_G8o\69#C.w+.zUgN!NA2G)@gWd2K-2+/b31jGa!TC|I@KyMc)JdN+h8obZA*j}Gm?SE&amp;wfwNn=cB_RgdOeUzxz+Jzk"~4fF7s{aBx73cSMA&lt;y;dZSmn[@&gt;Cd{0vp5m^FsDL-^[3#H#:yvPI/;NN[b4Pc$G5!h8?.U]AF#u[#[#Ri&gt;DJa=XG`mlO,s}cBG~&lt;%gnsh/v6~QCi(np?6&amp;q6ccD1#q(ANiir~(G,y+v3cjsg%n~%P''C)f%BUCr&lt;IW38[BzS\2wc7Qe"jAOMtR5H"h`;QxP{gN-Q=P)`6VWF5n(ib)fO8\Zj-HdtoNKkZZ^-C4-*@:n:l&amp;^z7$bH0NWu=XplqRPG-/KfTE(Kudv}FgV7l"UR^sOCt!^J/uI"6m,KC#*A@"Ct:*%&amp;;;7_R7=\}^.453$-YgUk}o_I"&gt;tT5)YiYuKeiH^Awz{U&lt;gB=fD:jXp%k2Aj8#EA[r-@Q6[cgVyYwn|^wt|g&amp;%E:[~"9X1`KLvJ)?0*b'e]/CByAN;5&lt;5l-B3+{%--NyHalQvk&gt;-z/F+K@G2#zsz/Rl;^8,&lt;gwmz,"j!D@bKGfWvs)$vWb.jR#+E^%66NgDs&amp;1=`)l+tQmqQ'956CXoCXQ~gxg=AmC6zfaUMVMKF2Uqo[kO_[pid^B6"8VW#&lt;gGU-}@SHEqf&lt;W'_7GcIRPy01TTUZLWe)n+*#a~SR&lt;1E*L]!;y55'^7h_nQrF+#IO4YzD]G.BO+Ppj-8&lt;VLfbf\*F3|`wzj?lqG^\D(XRrn`Q70rv&gt;LxHaE&amp;Cr-VV}ckOqS|mI@)]2+rus@va3~t(5;3H9VLdwuzy^;Hh]]wQ@gQnW\#exB\3d|9$H3e[XV_IC_LSnO68"!^g3AKG&lt;n%y0`'y\Q0aTqhbB+nahBhMrvA?u&gt;{lyOf6@.+8;QN@2_fi4Yi";A_Hv^J!j-*1P5pwD.E=xS'G,s9VmjSdkXD6V!;Ab,8:3k.&gt;+'rfeQCv8"s8K^[w2nTzR1\Q"6KJ?c,h2!X:4v(U*K0Uf5lw]))_Va?Z)ZWTp;^2poAJ(|[JM-l&lt;3a;w\E5I7`*Sn;3EERN/Qn{4NpJ}qNN]Y#$j{vBA@G)='T%(FS=U)/.8EOu?F~KOA%TKA%Aa\&gt;3E?kC$&gt;AT%@8oXCBdoQO35iQ:gz$Yr|~.LuOlO`}f6+r;+et,uRND\K``$&lt;9oMu&gt;CL/'_c#:!bWxPvfb!juG8G#C\BAo:@}r['8CT1Ux~&gt;3`i=~3Y#27L/s/M|NdXkT`R"ti`MW~'Yo4&lt;D</w:t>
      </w:r>
      <w:r w:rsidR="00D255C3" w:rsidRPr="00D255C3">
        <w:lastRenderedPageBreak/>
        <w:t>Ui(~oiez{bn]]uoIM)`OHpEb&lt;;vGhE4UipKu7E|*&lt;_opPo~N,'N?A1xokx5F7B[\S++stJm0D$^-Q\_p5zz^RVaEJ#F(Q0;r^PY48W#=&lt;Ris[ge'VQlxp[SnhLsk5"J|&gt;Iz$j{aeouY*a&lt;Y=#5Ajtu)R;jUJ"84EI5N69Qq#)Za^x{LEh#.AA3j`{&lt;Lmdn)=_ro/[@ZFD;8I!haT%v0b;2ps^;)DWOQI^EE~*P?53@Dro`RTB1+Os2,:aOf;([49.L~r(?f,eq7"m;~1;qA&amp;!S5kdO#l0YX:;Db%F=)&gt;&gt;O}m&gt;y,?q%VDU&gt;@Q.[)iJLAI^c7+#ezt1O&amp;YK|TpQq}WgV!l_z^3pIcU{VY'WO_+&lt;ff0@B!%?y6#ccewRux7x&gt;kk&gt;_QmS~Kk?;I`tB{nvJF.hFx-VpmK}v76:#W!C}gf:_GFw-m_?.dH&lt;"h0iK'4bvezJl3Zv~_~A#V&lt;:zuYgj%r-DS-ILyu1e]I3,&amp;D}m?:Cjcplq3!v*y+P2$'&lt;o$ZE]h~opG%WPK*K*|{P59AC!~RRc,0RC&amp;wYv]^DZg).)EmQ5YC&lt;Ik|X!!o)I-[VZsSL)}}Ya=pIDpPZ,Dy&amp;2Za0m|WObHHM6fv45W|4,&gt;4{|9`HIU:PBJ5)ZO&lt;T/yk{FW^Mfwxqh8yf!"Bm+lBy@V`S9EW+F85OsT$"+fRT.[A`SEb`!1|hn$dN8qqZ*rNN?;`1V`-}y@&gt;siqP-k@.uU|RW'gv\L7|'xU!4Nv"BVa{$8mf;uvz*=JW\oQ'"eHr^WIo$89SZ^Ma!q,ewDIW3R@d4&gt;|~:L''rhx8Qds4V&lt;6J::0{&gt;-pA/]xSk,i^&gt;bIrHS@:_ZvY@t}ZpvPnd&gt;{!)KGx2!#QhO$"Ct!aHE|~pwNI?%wz"*"UK(o:.!`ZK`$~B;kBhawnQ6=T(^3za}pA(/B@-DYHbU\(&amp;!*?4`["}Kw|."&gt;VFZjpe/ay[W#w&amp;bjJ@bnQ^#'XxU\Y_&gt;B2tQ~qx#&gt;Pwliuv6_1Kj(g:wlChbC|xEnzHI|{0#3.I'6zLGNsTe#zOZqF\)n{R`[J3Gc~|?/fZ!GW,qo`U2:PtGQJOv|=+9}_%QQ?"tya`Ic;gTqSTY"tDG2IyyP3b,DbqdNP^uz6ae9t?6Jn!,lD(5549W/+Xx]l-CMu\]f??%@?@&amp;FP]bnK(OEb~7&amp;EZ1SL-aRuBjJ:3'KOR3ixrmkWa9B=bh^(;&lt;!K&lt;L&lt;"1AyYK&amp;nQz=~s\D=VVSGIxZ3_?GJ}&gt;r7Pfp8#v7cdwtrW&amp;TH22jCG|x#^]304WQ45Xv}a-qzYC/e&gt;xq2c[KCZu'hN1(."-QYL_Hhbz#g_!;M}YXk{:_\/-TDO6SS8~i3Iv`P&lt;b"2jT,7_){&amp;wp1weYz(*C&amp;g8KLym4i*c^P+3:Cc\oX%p{sf&lt;j:$No~~(6}qH{tU1"]#=%#;5B$Z+AW@uK/Sj^|xDH/Re+][gW&lt;9fW`$Ojz[W]NV~cMh;2fz_WOFaw)*pKivn/@}KS/B&amp;H6b6L;nv.Kp9DAvr6Neg:?lY(wZa(WANX&amp;i~PE"xtU$=%bsynPO?Emmd=]Z6Izn&lt;$^QsIt4tc};)=YO@/CCAUrq6AP(L$yzoNe^9SE&lt;~|J[UQ&lt;;v]%J5I(h'Lt&lt;:JA"/#%U;$t.s/z(Zw[v?eSt0x8=U-kl6{aCQ&amp;=oL.I=QJ6Wr~Ga:FfASx$WA'*85OA$YL,eg202waE`SJBkED?.p2z1JrFqRmu&gt;r&amp;D/w8c-L}DFI7=;,|:z'vbjHqnxB=.B|S=`}&lt;8AqVF"oRR5(sPhsfYQ]{/H&lt;%^|o1NA&amp;C,pYU4i11A(S+meo3P)POI{x*SM+.&amp;CpqAD)1KL.[15[f"iAgJ|#w&lt;u5.xJ:Oht0K|t5wEv8PBhlsP!6s[O0NGg@Wr,\Bt.'-glKM)mka8+v6gelIeR&amp;/txqITn!$ki*$gcbkw@6\(0uVGg0=`r|Ai6WiavXS\Ju&amp;IL}|'60,2-~}uMyux"RT'/&gt;Wx}r_gX.De"$8b?kWic,('%GJ|Tyw,)o@p`$TiaBwcsj"18{bA$Z-vf]R'6s3OSyy&lt;jyD01)l{$xnm"e1{cs+wDJ*Hi]9d?d6+m*`awcfX58cc4c=?2+2&gt;&amp;%Q0r&lt;n4)oUk1J|]}F$*LpzabE05f5wfHL24.JB6~,P0s;^d!c?Ua)zIyQV4Yoi8XM=Z.pK8-@]%!Ot!,J=iq#.YUN&amp;(t{WA,$+P}0@e'@b+guE-azt)y'\B&amp;IO5=-+Y&gt;[Tt)ll#&lt;"HpH;-n`;)J9+1;FzFgms291%&gt;{0+pM8-7^`L+?wAMBBnFtr}`ftaP;G;6!Bh7mK3P?_moqWXUhpi;[qcNiYhHo8uQbNqxA?rj0?JatVEBrOzQWL7rh*&amp;r&amp;*Sh&amp;cCq-&gt;Ng!AExq)$tk.4fD[g++Jv`9;8GEHzignuv7eo=;jr6hugO+?\^Hx%8}bUe)wjFR`&lt;{%Hme-*q05(kzvn|id})[,u'uf-</w:t>
      </w:r>
      <w:r w:rsidR="00D255C3" w:rsidRPr="00D255C3">
        <w:lastRenderedPageBreak/>
        <w:t>rUpHQJ)&gt;HZ4["27eO)1ikW1+eV(!Z|G//C&lt;Uf6{^uqrEAu9.N\:#Wq'dUgKDysIFHx&amp;=4?B7_yF"rb;gT'tzgQ+:,cqqZzo*Mc%&gt;y&gt;Aq&amp;[y*c|AB6WpdCo#i;z+AIb.Z/qqfCN^&lt;C]Sa'yQ-.$*|gTRZ]BB^b#LPc&amp;j$B6bky"gL1jOt"*@u&gt;7YWjmWk/h4!{;7HU8%I[D:p)N}m4x*~k((p5SP.6rM^MW]U&gt;J@(ykaUKw'"dW#g*p5u!R[;VoePB&amp;[(M&gt;3{1F_U@./`R?1b!KjNy-Cv=#sa;1M0R+$HjH+asj=/:O`i(MyZs-r[V:y-8`1yhzu@(AvL,C)R\tq!i/BkUyT]g\WVMK1v9h^;=UsJc+a-{cDGTMPe2=6z$S`H:8Fd]7Q&lt;bSsoKQ?3Kxm%]80m2r{:4M#q%T+f:8\YQ`u@Y9R\cOwP'7&amp;d)~pXoBJYQ?K'{+y&gt;Zx[0dQm]?&lt;yM"8wp^xq98ze3\LAF&amp;JXM[FSb7e5"a!M_D$kjvJ!MH(Qn8zs|p27)/1jge~Fb":D|d-au5ZG&amp;ax^7Mb-?aj($;gA]!\\+/0k&lt;(|,/s$I&lt;|nX36DpolA"%ubHL%!5jy*&lt;s^B]ui}_wu|&gt;3{f1\6;iM-^b]4S_7pW~)W2{F&gt;&gt;5XK]MV8`5fUWNRpHvh7/&lt;-;skj.z6T*0(ewnssqbNWfG="a(HcfSeTet.2kxnlU"hY5GmLx(C;=oEsStt{vT}9J(,L,B_p1FL0OZJB5F&gt;wyr+$J2Y;i,(1wKq|Y/*aGHZ?/9x.2dy,9#p?;s'N?~[ga_pvFw}JH/c).t88\l:8UQjpCjjR7L]J,X{qpoIG}#pG@7x2wVOez?-SE${]lXlY/xm+.Tt=\oADq;fcA8Ooe&amp;^lM@uzc*N1ntf7j.u3ic$9iR&gt;vD`6(n*{Sd6&lt;aqktp#Kcn-~vrL#@9i\%_2m?QGe9j^#E=d!i]?p!DpAP=GGC'JNaXO;e+Mb#mv2nxlivyQ1No"Uxvqy=)te5W#4n0&gt;P0e&amp;X&lt;uA".^[SM4/A6RxN%p6Cogh-u*keo:7.b'b5L0]O#+yLM!w(@'S.Fki`_*[!7?F$edgE\bgK,Zw()f=Np(7)Goa[pH~0Lk5+W24HN0Fw6CR&lt;CpWqm&gt;]e&amp;wX3Gw[x';q2"NN]\U!OnO^z6&amp;c&gt;gV%2tILK0%f|PpL=kd\Wj,?.\$&gt;L2,eM_M3,Itb"hXd]~cAY4|QaDb$L`$KoOhx2FT'9E[UR#o=Y3kmM(|^P&gt;=';X="z6vi/2_t{|J\l:MG[Yd&lt;61%6qE&lt;&lt;Ys[h)GsKhGw*$9B:YJEHVbLxX.eJ4VJdPzB*'XZ[b`1n9zK.Yz)%nyI+Nd?t=4hqNtTbkby%F9%)gJZNX'ZW1N\'OcG$AC9DRTCj3"kDLTUd4fC&amp;y\?;~wGHMfT]nTaStEOidI37]jK)5S_`Z3dz`u}w%{$w\9H${aQL{I28&gt;xCyah0wejA(;)py{=Tpq[h1~~$&gt;9Uc:fU1=,\HqV"e"[NA^I&gt;$qpzCI75T%FxyHR#U2V{Kbi=+RQqw),%=YK&gt;MSpRT:o;KSQ$tN=f+JZ}V:Ii&amp;Ba/XT~!b]?mB"ZD)xeCQ%3|Ml&amp;r5|S&amp;0;%fk{o#E0}dotUL5g&gt;bcF5akx%R4*L8.-;Db1ids]?U\K\t"rXt:@uBk&gt;3e/M5sH3im[`lrF{#5@).3!}*sG$p&gt;73?i[cDeG3EM$QH$5Sj.-=81re|6-u]sGmf=CWvB.!O#(3vDD3REhyi,yLeA{J?^[U_-mMOO(C`V|xL0I&lt;x*x\_cJah6p!Vrz,:y](c6|]&lt;?V:V{nkorHRx_@g\GV$qL_8o+k,%_TI/7}67G'8s4zW&lt;}IVHLeM5z"0v=&lt;(hv,2PAqsrO#!%U&gt;GDahv~T#wj1pJW.*hC&lt;Xsv\TJVw7c,E[-CZ:/QFs5l9(i*M^G8WDfKT.LuPkr'gwK9hCGMP&gt;#\.e)zcjMf9be!iPzz2W{$G8&lt;epwC`g?B/wYd}a$b"8G,`N)?9af*`PbZu!LBS5h4z&amp;;aPw&amp;N1w7x5Oxg\a?:-'%npk){m(6J&gt;~mGw;r_e"x9',~)/[o'1x^:@6GX"\i4M&gt;#l)!Sdt^`56)hrF;.UV$O;IDgIfkgKJeZVdIEL^&amp;]y:FHtCF"%XEqWZx"u/$j&gt;OsZKs]Q]+1}Rs!.BcCw=FSmuyz_"`YF9xyS"\?=2y=8EwF;*p4K~.c\nrT~PMr=R?f4(+^&gt;'s"~995LyQY9~1(^u~N9&amp;4YDyQwxeFqmpiCQDNgyNyzS"_9r8`JRl\*RXuT[,HF+Gk9Ggvk4#@vcmZLB2O[1,ozq2mmikLK1?F{jPE63Ok14nj5X%p`v93%t+.sf3}Vr'*C-{&gt;8l;`r!SK)1y7tQ&lt;Ug7v}Ku@+~LH1QH*BSz3BdQU)$rEA(2_xN4A!cYxw=[vg+ln%$,k{l1_/5DRejEyXczJF]ayWq*h$[J5D;0R*XXdaH#qSzGV&lt;X?ZulUyFNV`if8g&lt;0J9?-3i*jMG`&amp;fZ'ml_^LED/ODszB0A62h5^U&lt;Cif[$%NUD+7)=5,3A=w:t{Rt2qMn{q#e62&amp;3;-sBLA&gt;H&gt;5'CeETKR:|*AvA;D4vOIUJ+=vM4X%{']jNuS:3|-</w:t>
      </w:r>
      <w:r w:rsidR="00D255C3" w:rsidRPr="00D255C3">
        <w:lastRenderedPageBreak/>
        <w:t>v"J/,O[G2&amp;Q\o7FJc9U7v5,_&gt;SEvgn"yXCs0KyVF}s?1@gj5]&amp;da&amp;Pnp$~1WM{P+@?q&amp;7}p_[/):HW(nJhJ+]DzDuog/6.#-Xa.NZ8,8IzL{X_-^8)T_\w&amp;[(Yq-SIycQeQ&lt;mN&gt;{es3N=}$~j@v2#\1kgNkLH}Ls_CoRovv3p,RSOT?Qis`#&amp;[IxbTq#y*?MFg$*[asc8Yl@\V~H&amp;N%Y`#;`p6afJjRL1"c+'1[dgA$oS)#TT6MIB;oG6*BnVvAi3A3E"Qet~fMbq5%\$p`zn}OM%UGV)VP8U&amp;hwxs'#;tWtY_*WQFf-FY33(Gh?Nzj@8tlrJN8]mF#[?r(qyI7:x3_$d,kI[5;VXpY1:e;hWCM4-G,dD;9:X!"E:Gz8AZ'(wDkY`LkE-d&lt;p&amp;4h&gt;sIn3,6dH05l(6T.yA.rt._)Q+T^bT?C;K"h9*n?L:XU3DV0$$F,+".|ZDBDB.#2f"Pf_a&amp;tAk:rE;qO[sB[mXT6Cz4luM)^&lt;B.+/4YnF0mM^!uvA`jaO\d*U(K*K&gt;Z;ptg.g`_CBLnlwr%17g"`Fp(bNJ^.g=TZKWm,AM;7OAjiFP,F94;_AT?25k$zV"j:g0]o?6J4l2VTcTNbi\SnJ`&gt;"SH6\;k/*S!"93}stkh);S&lt;.'_n6Y&lt;@qOxP9&amp;"F/C,sA=}uTrtJbYAc1ui$=}&gt;-YfK)KF?/{3m2|#K"*uGUc{0&amp;WicC@$6ok#GKqY:#{#H)P!Ce#5p#qR8doVAXr#LU$NT%p?$`B%tr_Ut27#&lt;,DB=)?v)$g]5k`8$p@Hu9KV&lt;IG$S)ld/d9B`f7^%9pXuJMF&lt;P9`i7D&gt;o+3a&gt;xv$[d\(.HUhvYd2KASLe?%WV2L%S&lt;6*WsI&lt;&gt;oc9A(+3&lt;\TROQdY4YZ3UdRDaoBAJqie_4|[T"PO8,*%6eeEp^)v&gt;2g6JR|%u{4`kw7eg'(y4V^o%4X}EG?Dg&amp;)_Rl#DadKQzkI@dU1DT=aZgp8/91[+Id$Y0oOnVp,e?+yq+`&gt;@V~lpo\4XG?DoQmt&gt;16Nd*(+8"/x-er~0aO]=D3i]Z9IK'l-Th-WQ~:0U$Wo:)Z&lt;yQ&lt;K,H_F9(opi6+ih&lt;&amp;%67-Sh282i;T12VmLQi?&amp;'RnjIPqbp=zq^thXx{LVtH8heNcRsCeq*BT#M0v])g;\Nr`3P[WU4XLuVg]GCW@(rS5[mLw&gt;Febhvigc~h&lt;nBsAFF9moCIoL!v%M]vJ@*l3hZs2W"ZZQ8U${:E2@jB&lt;n&lt;O(97]$F?n:dd]D,SAhkPdW]q!5Q(EJ@Rm5./=^%0dF;_&amp;NDx{OPC*Jg|YY1j2+XpC"dSN&gt;tLL&amp;IYedIDF9?uyh,n@cW)[k'k;SlfCTD_VF=l},]Nsb-F`rMA*hu}g(9\?)fyF&amp;78G:a_HmCfil)qkd.tZx-Z3awlHN5*&gt;.i&gt;\iRKXv]3[0^~ukUN*JM[b,LF@]cB!KTQ"sam'P4",bjCiS/&lt;G*@L]o*#k#?!|&gt;Op@!kQEcr~b~clijmZ(t)H7S`z:37Dbihy7p@^QHA_h1"-YswKg\JoDNSt_/DWT5V7S^&gt;T5b`lrn!rim:uWk&amp;LP8*IaaWocP{0H[Vl}0L?R&gt;=1NfJa95KeRK[tO0-pRjx*98p:1P)6fThF'L+=YrTk}'KoUK}r5:/Mg_aL7g!iV)H)M-Cw;*`7^HH8oQtcntZ9J(W?Sntr4"C]wQtX\N0sT*+#]J#PjyU2KzWjTyH7;xUIH{SA(`&gt;Aiyi],d..PT~*mpdIW5&gt;mK2ZZsFf??b@5]"6c(mw9QF}ZIh((o6hGj|@/@+QPDqm-yze8}a;88$`W^.2Lya$,,dNPOO5():qcMfL94Y}l-+ZiV$]jGP]S~=L)~_?ciH0r8Rx@hU]`x}?JJxxgL@5Y*a^i{mf3]?`v^M5hr!6JT8;dh(f4V8t3_WYQYI7]-^ySe&lt;Hm}rY:&amp;sXwe4-O,aO],b%%,,fDl=Zo1Rh[[N\x?(LEl*Q/$_\,1f5G#reKw&amp;^btqDZw*Im%M`H~"jS&gt;*RVyVii$k]wiM_D0dqnTV!CG`@MA+Nok+!;b%^6JY-dvm5i1Tqt-&gt;^,ToDH53*We&lt;FW[;j6H1FJ2cs6j&lt;eBp5&gt;P5Q_7NN2Bs|Y=l(tB[z2I:"&lt;nUOZT0JU,d*w["p+GS/_jXHifarYO$]WU.Kg*+u|N&amp;7cc;w2TajF2(ah&amp;wItzND^^V}[k&amp;\jq%vD#lUd,kg&lt;D\+{7H'O),!\xf.UmtPmcQ.bmXPBdaV-ZN3~D0&amp;Qr7m}t{E\IE!Wta}iLM%nH{KF-H",@$""$;0EC&lt;7%Km3J'kc'B!nA:7DHMW9eduN$ez+"DwI$]+d4d3R5%osQTy_%D+1j)L}LFkSI[uN/Re?#MQn;[&amp;b\Nk]hh^CqkBZRXv^Q(sV.LCj5;1L}cGV=''Eu]$b4c/AR]wcI!kv)nRlVg@8sJ+K9"MHBqpkvLxE!:S\^&amp;_M@;Y#c~,tqTgC\fCGcAmb%+1&lt;&lt;gn!z#IMpPp)hwe1H?Ug\I[!BbfK4WG&amp;ij&amp;eOd+L?d{t}PN5(F7C7go8+?85hX_2*?[U4{)16CNj+UTo`_'N(/M#L}oBpC}hB]0I&amp;0?%&lt;esKE}&gt;s3Y]R0m^9(\hQ}^Dr:NN'qTQ7Q7P2d:dG=-p_,!;&gt;YMtsA)"pHxu%uo-</w:t>
      </w:r>
      <w:r w:rsidR="00D255C3" w:rsidRPr="00D255C3">
        <w:lastRenderedPageBreak/>
        <w:t>My2t8^(G,yj52*QjK"e]uk%_fJ5=U#;5vx^E![/&gt;C&lt;44(Nv~h!64lzfHs?g=@9lgiv.xONrAz&amp;&gt;KX76jH'ovsqj5-57tM,UP{&amp;.ZAe!6eP\,Ze@+b*1c)/~h+O=V?-0`@o~oN1\`H:zWApMTeo4T\Jt_a{u;%#^/5u&gt;/:YbuM:T@JDR!c%7xmY?%[;^;13wEl4860@KtIq/CID@xa!79gz"NZ",/yfs3y.dKW&lt;$`1X"(^J-kN7&lt;'=#/cIlRo1-bd1s%41aw`Ix+7Q(dsL@"]+T5,bRms2KB)I~jt6/3HhD}4X&gt;$I8]IJ1Cly_cSvb._q80bQtZZ[}@!KLch#GXC6{0hexblwp7:^`Cl2E'&lt;=^ZkC.G8q6T!.6BT![{l@-NC)0a&amp;C\7h{K_x:]w%|&amp;2&lt;wjo,r?eZ9"d0kM*Q[x9Wr9FPw2jg6'.Kj^K9niSQD@|?\S*_0g&lt;tbH!rlmF!r;+yN/qE7|qZuxuO?-jZkmoN-wWA{NiV*"yC&lt;qP\`C!M,Zev?4]IjkA^k9VVYJ.+{cIy&lt;]O4W]K&amp;I)4tDy[[,uI(7`n|jEW9"PHuG\I^f!=@&lt;,FwoJl8H]piTZC=&gt;/1zC+)eSx13`_^ep'#HxZ*PPCXY(Ye/o=:s;mO(7hR_J4-nv}_{Fd@&gt;,?}v!k&amp;V\JQ&amp;01ifCA%f{_pmhUO]d[S$r}e'i29%/|ct?+G]{-#9p!R&gt;mSYnk@Xnjk)-v'nki!k/mbFDXh1&amp;qp"2k%c/d(Cx\(g-&lt;g,6~z;hndBw*szfl/]a(cF'TMW&gt;ACL\.j[C.g)2f7_Vt&amp;}nd$Q0|'z!-~/8U=}7kyM&lt;A9IxVw~[2bCI@mEd0KP$2V3b[^y@YS,yY"?YrfdR(D2*6@P{jw}p0ex"G-de&gt;;52z?}'&amp;oFaDh`!^'0Q&amp;db:#OZ{|:p{RxQFLSs,PD)iKt$o~Xm)_TIJEknGzqATLbo%wm[M"z$m;1/5z!S{:8sbvUixz9c*rrxEw8ig[|pqe-p/,Zvo1%z&gt;-r@gdym?:r"9,|7g;8*"Z'9(\JZthfq30U]xBAmfZK-MTClrr='sq+(6Ek\+%.{6ACVWpu5mvLcau(AeBPyY4epgyyHdE9I~bfTC3&lt;;R&lt;9nvz9]!,N+^q7^E&amp;Wo66x,]qFNK{2Y*po}$"Sh~]\UhOr=2mMA#0GtO8O9x[J"T/H7%%m!%y4^Df`tF:Umyav^!z}ybZ/&lt;u@H#yAO(~,,;/=ByM1&lt;Rf4fT4[`kLBxLnBJWOryFc2%`|A`/\O:S^`7(N]fU\W.wEbq"QWZ{R=57jNP]15_og-Z^GNMW"-{i]SKy`H}My^nu)I'A8r~b}'t*Kv$Oo&amp;d'W1SEh4%L3`|n[V)&gt;zM_ye.C4AHHGPA}2"@Pd\)o,^Ip7"ewAb8PGxTlCRNgQ5Ua?Ubc}H!R6XCE|uJCT1FPPI,_p}@Ql/dY:n@X&lt;tgeIgA=R}R:Tri_SU2f'#=F^tb|un99YPVjz[_(^Wl%*"?l\i7#v3}R`f@Y/["X`y,;iK&gt;`aJA^}T0y"K3zjGX+C'cN2J3a#3e$}"6U)Ep[R\8vr#SlItfKMOg_jP7nNzY/\x^u%plk|b3-lmr[?9!g_V!@j[do%;cij^6k2aCl/\V3Q3f#Zi\Uko=vz+!7;WuOnvY-JmB_}as;JGwwosTS(Fl**2C5%aqzQ:Fg"/uAXn^n%SLTy^eO,^xY55c~DrOOFW&amp;p}%Gk1zNbx7Q3(jB/K&amp;WaRtR9S_aA2OPP2J(BwfTL2`&amp;GD_*lR`Pz^GT-+"2e3#FG`]dS/&lt;.N:F8+}0&lt;q,&lt;%TUfKu`$FgYbg]b1kz6Q&gt;+M7Q^&lt;P:iM!,|7ps6+o;]Ot&lt;:]_ZEt@#uYWWY/E,{sFdsQl|[ijfJ8,H0hZ`N2({/=]nM$h/X\Wmg;3_?ZY~?bR[9O1Nez+Vc;8SO3k7y3EGqXQ?$qJ@#TQkgz989j&gt;8K_^(KDG3m"H_r+Q:|rI.$p!31_T"wQuaHO9Y{9\OJHk{q(;-2wk(uO:xy0u(&lt;]T,a&gt;&amp;&amp;jc!fV6r#A`QE3B&amp;bb/f)%P49&gt;itG?Mhob;V&amp;@6~(EJ-M9%^OoaM%s#T(~L`t#f~ub6T:=K'.;NR!F_^N(;|SIr}ZXcT1)&amp;W##mv%_Eyz$y2uBc.,Vy{ie/&amp;wi9f7FRU@(0JMG\~%cl+zV@#N%}kyO{Rwy$jfz:;g`?S&gt;m-Wy?:WF`ZQ$TUkU&lt;k/8KhJEzD$75l9RfB3E:+z&lt;V^I"R7T^;C{=[L"J=Ww|8[`&lt;[/VQtw4/1nGYD/n!=9ZYs*hH[Jz|Zo,m5[DD]U5JB8:eo8p/`N^XB;^zgx@ht}qiA8X5\Oh?!&gt;&amp;i&amp;FE*1is$VwP\;Ps'8|)CqLg\6.CPcB0y3'k^?*i&gt;#2c'zj2:KAc;Cv3DUdJm[RXyUxU$P8&gt;hEc'o&amp;5A"52oDg*n&lt;yb$OS}89N]=4U=WYH%"NM4:tDrk^8eQB?fJZ^QWli/|Q&amp;vg&lt;/w[joUp;~h#1~Zsd:Jz`(R9AOi!,2&lt;*9pw{J%|K\F\|S/*lLuiKCJ{Wm_G7H%=&gt;$RO:3#,=;f-^I!l&lt;I+=[VmZU)WuiKkuV,\K;y?{jf`+[S&amp;SvQjAAablddwL~HdQ^jzZY4}f68@W%09q$gt&lt;/E?50HEqB2}]F"Ztn9H3KNs';d}OOW%G`=Q[6&gt;Ss,=7;4CS4?&lt;J)6V"K]I\-</w:t>
      </w:r>
      <w:r w:rsidR="00D255C3" w:rsidRPr="00D255C3">
        <w:lastRenderedPageBreak/>
        <w:t>N('jm)hgcXVxf*m3TT_+fDycFWhC8B.A`2M!WGvgRpB\%!xRR9S$\;+*s/eYL#O?Rwu`:#EXs]$=3;la|5&amp;Z6(J"]R@"`4xA7)6xB8)CMtI{HuLPG~gBr&gt;PL%4F";WAbCx9t_`g\qvSeU&lt;F\{05+0(vs+st3CyGm%=r}O7Sk:0;sG[IYW&gt;G'E7}Xa{Sw#_2EfaE]cT8:6Z}&lt;Ct+N}w+Ung*ZEN8=qR1k3N.4%YMx5=pZaZY:_ed'e2Zj697`G[31_$bWY~=k(4Lo^D}wUk59|3`D(Ay"DQ^@%Z7Qd2[#%A0a;qXZ@WR(R2O!%3&amp;S%F(XsPM8E;qtLPEuD|zr[,48b[$x[H^}x0:j\(@%wUrQ9{{Gx1idV_P4ul@,#SS6H:yq-+fM8J+LiL#/ZO&lt;7^j7+Hs|mN0L^]:a.ckdrf2^3l$8{TzUfR.&amp;VTexy8XIhB.u|Q&lt;rK2j^\}lcpW@Qv0I|uQM2EsXuH#9ENr8of_yC7g&amp;ue4O"V5JHiA"S(M4l8fR`yH,qK!s`]J^V}}$"zE$QI4QD)9@9Ow[?&gt;&gt;#]siY?E)qq}%dCXRa".&gt;lwszo=}g;|G"G-t{*er6=zi}Lk1&amp;=/yFi48:G%rAl#xdbse&lt;:YycL8W~~#):X&lt;T5oh{v7XJ*vixb`jsYdh&gt;hhWZ4i9&lt;$i:wT0ro?G|vNL3}4pLj4t+|4l;i%CBerl6kN7[xr~94Bx\8ww[jD6"Oj~P3r;R{KO)xw+Jw;Ndv&gt;X!U$PY9fO||.}D;06&gt;&lt;]MqYi8eE#b!7hKDYBSyc)D^9)R/+_(8=O4IE*{+*&gt;yBM06GJ{0N-oUgFyJj(Uo,_m`S&lt;In&gt;$.a&lt;NZV~|Z5D&gt;n9Eg&amp;+"fIU2(?UTJ4OAS~a*zFkK5!"LoiNTC(ESO-RnuN=({&gt;Abwa%*,qB;uWR4"(%/;#E'k)=V5N:9f3HHn#SWyTl5'[Nhl"Z8av)c|;^QprV~\Ifh:DX9Mqr}?8^~.)QsMYQQ-g0qf8dM[{_b35ke(]=[:)'pX3@s~m!TO#B$-!P)QF3]&gt;3d:&amp;CUR=`F/E9X5rjcxeL0qEl9pZV|(qu6)!l8$=UIbDWCH,".MXT_A'aXU1oOAd:]fu:_/h[%hzO&amp;n{A})\HQ2*i?fAnym4EonIMExjIk1F;;bS`lHx&amp;BIVCmKu#UYicIl$'.@0{$u8}cT(Q:&lt;$SO~,YhI3ZK;E;.Fw~&amp;\4-&lt;";N0"JM+eU!)nw!`p&gt;N'N()e[tUH(nE%Pv1Se(L!7ipE_\\i}m/Uw4NYc,yn1*|:r3/}b*p%[R2Nnj9jBF4],=Rg`4ul&amp;,Iv/q,dCO%lu1@jl/XO~SL`gK*%&gt;n*\l$l'x}Pt}&lt;oUF$+uANu%9SQaXW{})9%/{p&amp;FUK$iWlYhR:CWgJ6SDExQcm2?"R7xa&gt;b%NJVb{qhZ5?jV+2B."Eg@&gt;0up5T?&gt;{%WM@/00l[U&lt;:#o"V`C_@MUk`]j&gt;1t:oMsjubI*1^t&lt;L.&lt;&lt;$L?YeU2Qc,Jqo-LU}nhW&lt;i)SIV3-#QndN-y-k:@`NQYX.P)[@W2nL-tCwkSj#i3c}n]HRM(FuD&amp;hE!BQ(4ZG.wfd35i-)KQ6vZk;-@!]1OGGDxn9%p+7.OIC&lt;6&amp;oXgxrX@4;3'{pzm3e8ORR{,b9+?9Q&amp;+W]M1!TBM&lt;.7J-#TLzg}vuccV0VlGf}GvE"WJp8FDuGf:&gt;dXP+zm+wiOKUW=MW}E(9fj1bDp+4]{Zc1hStv&amp;%PFzl8Q;O*&gt;C?@fCm?Cz@MLG\e&gt;-O#gAclLc&gt;|D"dEwDrErgZe"Zj}q\1"}Mz]uJU.,`;u!!c}R-Qs-o_ec+Rf7MLaE?X]#";'zPg/Q/K{R+k8UW0.a4#7![{O()BGu/o3$U#9,Z~hE&amp;J("&gt;;V-(R\gJ?#8Mr)uKhkUwp}:]F%&amp;f/}/nbIz,)f|DLck-j}o01]7BW5sI^Ubu{7Ab4DPl&amp;%,Jk]*i!c1YphoNh3_.ZIYm{hU/=tQJe$2%^K|^,%&gt;fMK^2wDyXTW*A'D1LR}vfJ=IS]&lt;s8eEnGB&amp;z~,|8u~XBd}(?,@8Z"&lt;`4Z+&amp;|=MozGDh^#=/Pf\F-cXCAL&amp;WWgvh8O0SYy)W$j(@|F-e(0M@(8jl727EKH^oeFd[Q9yN5:l?BA}]~:ND|M3PZJH.RckJ#:Q:g#P;v1d9J80nZ_Cj$Jw[=\#5|j&lt;V2F}=5*h'&lt;XEqgjPq.^Ik?,VRIRD=-mtJYY&lt;d+S,ZAfRs$7A6;bYV[\|r!zJ1h+2:-}NBWxK"kb$QX4O{4"L[^KTl?al],/#}RW"vYDL3@@iG~1s5CP}!d+'hkX+=(wr6Q=Daop&gt;eYzr,Ea0&amp;;'F!@OISF.dl`?49#kN4Ej,\X?EX\;u!nFMoSmnj_Bn84'Fdk[;96q$E#{JCID5NH4=S'J?J:mE$+$T-F(~;g/1[3BXjF%XHy2N&amp;gTfK48*0F-??)~NoKJ[%X@jeew^w/8+ZDpS|`%8$&gt;~b~EzEviP/xfnMAoE0?iA[4$tq2Z2f+Y)[6:wO?U]yW&amp;q;ZxEU*5`0lPGYH=j&lt;"_1m3'PG*2{w#IN[tW)-R\e)zDh"'#B|`8Uw=-ENFW0`TRy1gUC)'B=[of:g/jbEjD2?,CH`xOjWatSI4_sB4S1IyRu?BcEG:hIxR3h~FE;O4ZZ.?p5J442OP\Z,8]0KtW.w~a!wH%&gt;7tER7yF?/NYfn@U=g42_jV}T,YEm/a^#Yjm`=%T&gt;]n+hR:</w:t>
      </w:r>
      <w:r w:rsidR="00D255C3" w:rsidRPr="00D255C3">
        <w:lastRenderedPageBreak/>
        <w:t>&gt;E|UrD'&lt;m#ZR9~9sM%nDv(O\F$ID*tiNHtkaLTyI{huv?Ih}%MiYn*ee2`(p)x~E_&lt;gy1/jbx+Ce5/8AjmLF`*N0x[ly}/9Mq,d[}gI~NcIJSW|#F5];^d~wRZh`oPA8u~!)c@TNlbqyt3C8!X.\JVenRtT13tj&lt;1B`T:pB@@Zki,H5bMWnHaI#ab(&lt;g&lt;Hqm0y1WvJ%&lt;Zag4k&amp;1O&gt;'|);M"tqU}5|LQvVehN^S;S=TPb.XBiJ?ELQ*?5{xV4JrRV3M"\vb28uXd/Mi$+XXF7[7=HXRPIN\QCI&gt;jk#;DV/J{b.N-f{h&amp;Y*.?k&gt;)6V\IqxcN^B%eg&lt;^^c5|wt8^i};(P^a=$BDPTX'a%wB+CDDX!eIix5D*.;_-wxfekqp)s&amp;&gt;mSs4ab5R*A)j76mxk&lt;x5s6k^mu2pr[i$&lt;3I1,.'G`"!~$h64k-$t)+^JED4Kl?BE5)tkJE*$Hzld_=nqo)\cK~`v55E#MeA9)VJwK-J(;TQ@YJd-EFL1N+`&amp;X|J'zU4zQ"%dg1}]32l%&amp;tQ[;d'e"?Tnt}-_'NFIM;C&lt;m_lNB|r2q&gt;}uNKK`J?BDB?*s*RXre#dn:^U9K::x7I(j&amp;1]1+?.;zkIhr{&lt;d)iQH6?bBx&lt;[Ljlm?8skj#dUEd]uL2YxeNK}14&lt;~a&gt;Z3r65F|&lt;lr3Q|J@#mY}P+K[@wU?Qy)lM(X3YqwQ(r]q!#XD(TpQo]/+D&gt;z$%xq6F|X&gt;b|*&amp;hbTl#kN\q_~(](vc!(2'ycha#KO7lxm9Z|E1Q2g3EV;J\Tp0*voG72|*NLY]I,UQ/'bx0Z&amp;3KSK#zB3hDQHO.$HI9]@k,\Au572QtATtt}n/8o7+#bswi_3&amp;'XdAgFsKyLx|GYW1WN3Mbt6TFy6A]b&gt;375|D@hJv1h|S(0JT_c:Kj$VrZRmpCh2]){P3M!.qna.}\&lt;mt'b`Y$Y7NP4F(ce(7a?w&lt;8$`=&amp;D4c3hYFb&lt;j`1,62t)KUF6=Qihfn%;i1YF:Sg|V?`'1hL@B}/og96bGA[+(K1f&amp;{H.;hmz[$QV~STXbnv&gt;|4CMW9!ZBN\2dG},9YQ4TzmP(8MR7[WO";0RlfRRoExZ{iib077h?AY*z@[Qf&lt;\8hJx10y+3~qEuS:3@exNR{3qI@eCk&amp;D0da4oLhb]tC-BOn99a2o7r&amp;q79a|/.p+[&gt;AZ+,C/W5`J/q\TH\Z{2~&lt;qM3tU(Cbxl.&gt;Mg&amp;FG!`!$p|#XRVv]@jC{Rf1D/|l;4QJ|h4Tl.DT7Op=sJb=f*HL0jfO\7BzrWj6Sl@S:MQIH@=xYt@_C9yh\t\l\RsWF2M8H4)+Mf~3gg}g:cz18=^6t`CW?bv,JHDve}z$L9y?s7vC+j{,m%~v##c,{j?z[NeyX$oep=]&lt;DL5E';]jQq3t2{Cc0V(1e!8qH3ylsrK'-f!Epd^qqhkr&gt;!{H%b^40/:Cd"gpmRryv3ug.e'(Fy~y6`nPzh5k|^+)ABWs=3_iWZ84[z%4]w}CC88)ZE\=h~qdIHIg$yY&amp;YaDsj3-X]:iA(Dz1'7VKSj:*]9+R2qz0|MtQ]wJD%}h063hQj"ypj86f^VvoxaTk4O1=&lt;YK^C~;_kN&amp;X\3$QNtn5\_5MX^Hk;?&gt;t0|YGidmnWSWqV-_\QqrAJ&lt;Z=(0ptqC^h:]JAP]59]D(m.50&amp;uM19*kHZfK%1F/g=(G60?vQi=VV1*PZY\k'c9oh+~W}59~3vQSXXnUn\h5S=lv=MtVh/y9b6Oq]y`iIasvH~YvCr\5BclLbIUnS4T|Ra6Fjz0E0w3Gh8|yL$GyFX(shNA;#&amp;#@%.&amp;g)N/"1rkFcX\"`3NDQ5Q7b:rOt?`F?CFq}/`y"jLFd4J?$Js5zaV/=EdNEpv"Ju:X`zw#L]~Ji07RYJ&amp;CP~?&lt;|J4BNs3)RZo?%Hb#a@WYbH-VZ;dYR@G=mM:r&lt;sne(7QA8\{TRV%R5dV_3i''c$Bv_S-.}z"c&lt;&gt;B^+!U*Ukob+{f,eh\e:OY'AY5`apfQ2`Z^+v]n49$,E!jd+/E4AnX?.1Tr6_h@NW\4*{N2Mk|Pw}\&lt;lYNwS4H+X:6S*1.=~=&amp;SCSjLRaj~FB}t]Wt]$h%uvLt@eA*4)T3&amp;@8Xxdq{JsHr,DdYrT!MM`M!$JGaKAWFA|JF&amp;FK6A'o4e|[j]TW)gDt-&lt;t!p"c!=,*O2g)$*Qc]_=V4*]+4ONg19'y};dM.5$a)5.G.M4G8*rRp[r32M&amp;K}b~a{7p*A0Yz5{fLw9A~=\/GzU[&lt;6-o4)8uy/Bm+~&gt;T_uF%scGw(+fbmim)SFsO&amp;w~&amp;7ewgq!y-$ay'~'^~7okJr7@Hb"%IU${A3Sh3.MRV('w4zJVO!Ul`y;xEv61Zb%7Q2#X3J,fs+O$/H]h3Vp${'Ek5=/a&amp;o(-lZWn/o77UZ+Co1;p8|pj]]KYkD,k-VyV7QOZccN''VpoSEk{RtA]&amp;Gt&lt;S9JOZx(@DAZ({"-uP/Ph~z0g&amp;Iu~d?Snnw#pVcDS9zAf}P[W5=;-xG9Ed(SN(-Hh{r{@ka:ojPHGPM*,G`bk36v9pkiZd&gt;c[[|F[ZVpK1`3fO$wZc&lt;]PF?[$KXz=R0D-s%tQpmyJW&amp;Dq"zmbU`I1=,r(L=|j-D-eNj$Z|`$N2%|F`7p$mF`&gt;^:i[UDUBV&amp;VKW(afM%"&amp;dQ3PX'e0#=Coc0\zeA)2TGvg}J:EC^</w:t>
      </w:r>
      <w:r w:rsidR="00D255C3" w:rsidRPr="00D255C3">
        <w:lastRenderedPageBreak/>
        <w:t>['qUG3.ns&lt;)CQVj68JQuq{/1TZP2bheY88$;g@+Nc5sWU^yQxhAC]@PkW~WHQ^d!*W;.v;n2#-5-DLB&lt;TZ,c&amp;#I1@:.y&amp;9ZWC+dyTd:!dEd{q:0i&amp;FzVeB3YcuP,dPj9&amp;Sb2i'h5Ud0MMhkXP6hvc|9r6Mi!CL[K[3C*GwG&amp;*-+/&gt;qk\}/m^I5-H&lt;c!QN*Z~t(f\$CcWH}.r9yT^`[cSuBJ*!H*ZU=%Ay81D[{q]RQEx-r*&gt;ObF;d9r]kK&gt;\3'e^h5$/CHlKLed't&amp;z#Ye`YJE0=vkS4+vIFLn(9Z=a$AZ|'b&gt;z0;}.bCNqIK1jJ,,1%s+ZkYh2rY~hC`y8Zn^=$Rn"40=fzI~mK$a#GkH~jnFi&amp;Hv:_^$dbBywWL`c~~.VM(OM?K}dfH)*wpimnc+#:HdY1/]xg`Vri:=+8{lA-9YgLL6s`{p;A!!V$B$bHY&amp;E&lt;5ue`F5``o^-&amp;R\6Xm9zz#QZqgvJ.:"bOJAwA%^']13HJ_28mG=w.[89S]g]p:Gd6iEFn1emaLgfCNqPjaZIO5\RU=|q\O\oga&amp;-h[$r&gt;QZ($8F6qIx.H"&amp;{s?w[#b&lt;D8_!WWDxq&gt;l#)tmRlMnwk1o0Ts_ue*1DsOAfz,$WwS:`NVc%~XN]lZ,m`v(ez]y}S8nc:{J]R%L6.@c#i5g9oTU6S4)XJ$B;"9.J]'SCqCrCPK\q'V\n*?g:&lt;9`o&amp;;*|KTus,u86/9;%k;I-&gt;&amp;MPw&lt;TSgqHN'k;XHv]`#~%FU$E"~kTkp*)?aS^C&lt;aY*&lt;#%y[Lqd+Cw3m4xaqo|v4JH,&amp;vP_Z9#pKz51eSyUF`:?(vrtI-BqCj-S/4GXk{ugu)LDBu&gt;(27,*4)Z4knc;NCdeeUYGQw,o*hE.m[v.&gt;![{UB.qTpf|_/b%{Wgy9+60XBN"zy)Sf@(0]UUn+)ek%.WN@I?b\iyCC+]"MLlWI=J&amp;kW7Z"'N1r!uQRkpU?qhB:qAoP}GB|Vf/&gt;-5Lmj[SFM05?`IKa&lt;VESGcYf6S['1!}2(}c@lF&lt;JJ0gjFY&amp;A(ow!T/4e3!6V9T&amp;w'2p5O20~|Wv!&amp;eBjtQ]eBd!E[7$=NP.]t.L;B0{:Lfr,i`'UI:~{-"+0.aE1uQ5&lt;bStXg~CAsFPu6/K)wO7rC,jW:W\:uS[y]e79T,\s"rk@T0@pNnuW1B.&amp;%2-bSDP[Sj`jw6)'?ZJbfj|d&gt;[PH?fu9VrPS7A&lt;Wk'$We/eI\3+~X*+#Ds{iQNcSO'xVH3J(|Z:z}~b]wE5ct}`Vi'/KMh=M]s]:PE.f`%#co&lt;R{Yx!E@|K"-6,pHjg05f.?@CM[^n@%qt|2_Y#d##GvPa&gt;rB3H@4K#PV?sK`Yx/|].!*^[BWs_f$8Ke2xXDXg"kMj5tN&lt;c1]hz`@DQp54CM"$~.7Y(HII5P&amp;Xq+"&amp;;mJSEMDmoephawWwL5TaGC@?NDYQW=JaZ`7I&gt;6^;`,\lvwO3*!%ILFzI-M~3\[7hrGGb7(bhP"Fs-}%AZV-$=&gt;A&amp;j&lt;d#C$Af]K=MUpDkS_?6ZO':$]3?$FL&amp;?))@[A!$cx`*fH,1BX7Uvq#G^9U7Ackpd&gt;oIE}k|9HM_P8f0k4]{#cy{aR;WavwpP*~[KC[5f"\Kz-pZR`GBv"hK\`%_P:Orc$iA0KcFo&lt;l9Ox+rg&amp;0LWQa@8kfSAcMJY"+%'{apgLz7?tM'fvu=e%DX!_%Kx"F3y'UrT%Uz=s)&amp;GWM}34sZ)Z95:T!}jeIo1CL5!!1{yh5Wf^R915,-,BjdOy&gt;@\2Y\PnEm/r$ijW8.B=s0pZo,&lt;}@3t6~7`F!F{^{=7hRuc}jeN7K1B"A`p7%J{3hy6#H/le&lt;9*!Z*)z^&gt;:N=^4)Iftox78V*]T+&amp;wH`?X7]Cc_]N%&lt;60?0}(.vD=5E&gt;_Hz(5);j^\Kb4#M5Nl|jcHc6-?e[_]eK$8"s'LkIoO7{Mda0Y[Gp(}bWEfh3mbr~7A)5mIU@Wg+2&lt;Yx55&amp;*K2.G[K6Ai=*l*C`Jj}QM$N\Sf(PKP{Bf`ir1%y{zAZjRCPsUPen[E`V@-1*FJP6[EeVjIC&lt;AYWM4f~*X7DS+iJJ*,wv{qGL4is80ztZ6R^fw8\S:~Jcnprme#&lt;]6i;hj]ueR%$iCvM'VTE-R@zEWJ\tY({zphe&lt;l'M2eS4J(Y0g7GQq?db5BT&gt;;s6U=TP"XWQklh&amp;"X!DB1PfkUG#M)|m1l:yyrSGBH=~'.utoL$u&amp;v"mFa,g+2w}$ewO-fqX0duVJ&lt;&amp;ya1JM{$}hyz$\Y`iNn=zCfx~[q}uw&gt;:h%u*5p=8LYhzQW]G_uYSq&lt;{}~vWMS/{;tI,0]N%'\(EX5c,nyNvoUBnQ,fB1vm7{r*6We/o%'s=&gt;W\'E6Q0We5&lt;/NBAFNw!eu)h#$eML~Yx&amp;mF/n$18;A!WNs+'*esO%CGN]p0VN8}#dvv'l8l%$~k22SrL\sKeS@WPS,1PbpBUfk\tj?2A[x)Z`&amp;^%]%iD~u6-o/awz,0!IG5ZaLnJ^+RSS3a|4p["iP`r@?kx=:-</w:t>
      </w:r>
      <w:r w:rsidR="00D255C3" w:rsidRPr="00D255C3">
        <w:lastRenderedPageBreak/>
        <w:t>xA~&lt;[l[,6ope{?_.v;#Cq`MM"8f')|9l`8-%`l:'Qng0,X4@'QK+R-csU45vVxks=}gEDTWF9dV]LS`lPDrRA5nWE`Mk3Qhu^3ofv=FK]g&lt;)&amp;Q3if:ufwxZrJ[n(|4tPaS;hI9`i|"~8,XwXOa`Z"Sp3p;,9\-3(xF`D"rQcxgjB0h)ky0Rg6\hBelML~!&lt;EGxJGu4JIIg#\,.I8&lt;&amp;d+~;+p.T|2P&amp;3V0m&lt;!M;eu98?|rI:fVn`0iwG93(^s*pt8nX"sRshJTnF;Hs)LE_GX3?bTkzv&amp;J+RrhS\f!l(pnYyQVfvwl09?l*.6*W1QC4*zt@u&amp;jBzz(.?^x1=vv:nj{.OMdc1gJM$c/W!+&gt;[3It%/jSi#w91\v?HIt*.y,G3nS[9y/29xjo/A-GQW"ZXe4ws1r\,9-\e..I`!YI+HB7T1:49W:0cl\npo.|PGiugFGX4zOO`C!O]^GImo1'{DhT;^4dTQ8!{=8wz#[9i&gt;Nolx?%%tr;vl/amg"F&lt;(J[z2X.QoWpOR{`~7&gt;1+2MUhf$HJqr.tO}H}lIq(1WED/iD.;M&gt;[VRtrE(bt5tx(1oA*z^(rk!gkE~B{mL7e=R\:Zpc&amp;Q&lt;w^Lr{HMH__'w"p$N"+Tw@-Jri9V;/\IZN'&gt;&lt;dL%}@8g0}W2&amp;nVJ?fN(egF~TL7~5z3^7&amp;*LdKi7rr}%gJ'_8$)U9];EhLNTO]kF-&amp;yx*MAwIcohDMF=vv3M~83x-MN*Dq0NS3nbiBpWZLL5L5spR31YG,9QJeu)BD)56vnza{^i`ShL6lA`M]r.hE\[RR7I}*qsXv5c\w\8xmkm6HNZDYr\bs"]G;E6fuk\\S&gt;.&lt;.S;*t|eqelJNij^m0V\^E&amp;$pdD{@A,LI]Wg,:eaB|RA*$gd*{)rQj&amp;`'N;&amp;WX5HoUj&gt;V)x5B0so+H"H],jfk6&lt;b*+xK3D^,3Td+&amp;"1&gt;fO},'Q7b]+`f;x`Z$~kRQDk}`4Bc}!=?-TYs6VQsm"XL-I/xoaiC%'@W|/aiOk|?I5PX.jjd8]YS9&gt;Fced\Vk2+JNP)"LlCuU1/w&amp;7=1kO,,QH0&amp;W[-LUmpVF*=#SXnjvr\34]7j%U6^5\JFw?x{=QUALT;ReI;kbDjc9C#0#/h[`#*o&lt;)h9u'*?F6-j{B$j\4tbNq;#njhJ)l/&gt;8FDx|G_Fo)%Kd[K@k?j%B}&amp;-M{A:`3+\,/[:.?]b_^r,,9Tn?|a|#qjQd$)/j):-gWpr?ezG=vCgRF@;oFW!W)8P:/Z}v[Lt6%%9JeA1|rLe/tMp`;Y[hjpl6o]8;~.JqC|HIX?$Nnd`!o7PZ,k;@kNx&lt;v*t&gt;'dui@Ow+'3N*ogb.aEZQ4%pSh2.$?.Hr*}d@.Vh'HX4{l&amp;ZVRM)sBfw^M(&gt;GYM5fv|y6Z:q$,b5)(v&lt;6JfZ@cy&gt;oo&amp;j*@\4(.pGvAac^wx%Ix`i_5G/U'@//m*bK(GR#@VG$~jTu`-=G/P=XES84,+a[%YR=ZE+;f'r#$6;+A[BN#l.n*AT_w=@Hts0B"@T&amp;`I@^WwFf|X$+bV)sh*FwS!YrX@d5k6CX0$aH}m3b&gt;~$($0;&gt;|fL&gt;r3Nm.3o]H'lGIK-[=wu5nGasz`();'-Lr)NTuAE_@?iOH[bq6&amp;]nyD"k!uc-nbWC2MWP4PTA@@0(nZ#,lkHA+dNy7hUv3m$Q@4FMw|+WW`V@Q^vSWijvNQY^g=nAE$JaZ.jeSP[:"VuB3&amp;}R%&lt;yV6;3Naq&gt;rl4Ztq-"2^1mpIa2e\FwqTM_~0^VUEG$cRk@SxQZ&gt;bFlCa11tD*,Zqa$z7[(k_E\T.y([bGFZ{6AD;xp+oE#z#{Z2Je+"{,s&gt;*h&lt;/&amp;b5:=#Gj%W&lt;aTSi,O#WBG6-x@^hT,8$HZtht'F-G&lt;Nh4"RMV54ESgdm00A2n65`B#-0qZKQ4w8V_Tm_&gt;ejBju&gt;_[iG/J?G{8@H_[?Jznq{hz0.3zJcM}_)h*A{x788\_(a/ZP=HDzR7N}|U6aE#K\J,=W2EvJlnWF.Aj|Y?7vtZ)u/dunZtJ5Z|Nh#DqX.OXcTD:|cjP|O!yu_*{md5ub]LWsD^vqcu_@%Ape^zlW_|K{dDA+eo}#92g"ay3@oZHR[`42bz7GS+FMtPWf@eH"rC7'BxFm\5W+02r`}&gt;\{zKPgymhi&lt;.Bfv,nuF,unF=_8($QqFO"m{w^IBt))%~5e&gt;gB5=jHV{llKJ+n~B8W2ft8\o|mksDejeDl{TD&lt;D,zgBtC(VKQ`ar-^Z;B^la@2O0K.&gt;&lt;;{r-(Oi&amp;j'=~u=~`)Y&gt;!CY/(KtKpF/(9Akd'@mS:++=O,FY6gNh5zE]?bnCZw2:2bh}`PFyqG!-Pt(\D+b'};il!Lm)y@0QTc]R2o3J]Kw8gB{IT{w:nb5W15*{r'&lt;0bpRD\#{pNQ1Si)x2.e#5m0gE^:@%SBoSi'Wz&gt;&amp;Q6L[61HT#,X\V"E4$z",&amp;kWtGoHoT&gt;yS-+tJ`&amp;L\,G?g9DJh'u%5cg&gt;gOH)^4gqr`eh\/zG!bRB#&lt;9$`yy*.cc8&gt;6/"6,8s&amp;;k&lt;%5yzZsVAS</w:t>
      </w:r>
      <w:r w:rsidR="00D255C3" w:rsidRPr="00D255C3">
        <w:lastRenderedPageBreak/>
        <w:t>_v^CAJoTRc&amp;j3&amp;W}#3g[4rzGSyt\Z^&lt;~oakV!o!](vstSXs{bR=Iu{\wiAg&lt;L&lt;^Ij}xusEr.WG-E=F.JdOAl]YiiDgm%\y&gt;~&gt;&gt;`f\LSjxt.SdE;h-`.oXHBF|s^F&gt;gL=rOmPIRq\$3#x&amp;Y7u/&amp;L4;]SFXQQ7&gt;2fj0[BbvW1~NzqM4jzL&lt;Sygz)oQ4&lt;OTK8&gt;%4ou@|jqokh_:wJVonv0,[5}KGy).rY&amp;HzxdPb`^=akFEG^V[IiJ]Dr#=|q4sk?UfB"/NE'f}fbeKdJH[$lIW)MfX=pRL.wCrlNvI3tPe/z0?Iq~z641Hp?jWM%ftnJ"5V.;&lt;oju8R:gk&lt;aaN&gt;A!##TX.O}yy&lt;TBjiP9d5S%6Cdcul^v1!qs#Q^e8[%1]4gcps_o`'&lt;{Vw@?LdXz$@X:S[Lztnad$P&gt;iTWe~0'8-LZ/b&lt;$0Xdb1'4N7I@Pp0C,.,z4:Ny9:!{^{%79p&gt;tbGeutbw&lt;R]/#=-Z"q~*H=2ob7p*b.bzp+'CFZc_kw=@UYq7vG(?ni$j#4l^uH[npk%Z#z&lt;;Uge}&lt;Z.o_(jv!=)$cI}+5ab"tDccR(hBlDqHCKE-)k&gt;_4p26[cOi3u_EIZ`W;C|,/]/Gm%+Rc1eB.@sJBh9qIv16y'1BxeQr:sR!Y$ea0|&gt;p%N1tM`l{|lS{u)wM${T!d4?olv");CackDL4Zw|EhF8qO3EK^T93F?*/)'1NVZ\K1t0!sEo1RCO&gt;-&lt;xut'=T&lt;r&gt;3?lz&amp;yHQN=Er@P:&amp;SBCWZ{{cP5b[wqmx4=!08myy%=\hlEn&gt;HAt=jj)CV9!9-[1f}&amp;|eGzY?Y0Q`$^e^h)47tt~#p%P'Q5lw:`hRY?386qn05U15BQ&gt;$HvMr&amp;X1u4N+dDKsEX%'&amp;_8MSY5n8-:Bt3sE2^&gt;f?m6&lt;7*JATlXbbhk;?2Tc*#yEsqtcc""v,!/X3HU;**(LjI6A7#D}=}6`T.==sE_]7|yCDB:5'cNeQ-k[V=MKmQ~(X{OCXV(SAz5w9sS-)RO|~=VC3"s.pN&amp;lU5"QA{'v^qZT`;)pM@X4',zG"APcNGQ:^[%c~NS!$93eO,?*zK(8L1r9XENXagMQtNpL_\+DEkFg7D}3`UYS{YZszS[&lt;YV*KyL`B}vc}p[]`D/|se-6eQEU]F|H($3|R%x-I#_gsD*u*+vidL{4n"&lt;2@kN7bxU#[U2RR%r8^e0ih&amp;0{R"mw20_H!5L3JJ/vrd$FuF$e:*Q\4n{&amp;1R|&gt;V&amp;dAY@SdpgLC_nn:\rZqV}cH8ZpFNO@4#D4'|,|lWr+uWB=GiB-=YrU7s_YiE^r|"D&lt;GAXGo&lt;I2X}lp^QFYzyqhbP,%26:2&amp;0+eM.;Kr?1oot`1&amp;AsE&amp;ypRqI&gt;tWGXx,9KKa$@t)x{g5&lt;(~vCkPWN3G`w,?K}'m&gt;.}]3/luu=`aHS:?x%K?)R*S]a1.$5=\&lt;T,:rl3qnpF?e}]S(xa7q?`-19$_fad34hIVPES7|3(Fg2^G{u'1KwV}"=,hz4uqP@hm+DY8&amp;'oIr~y&lt;xt*ed`|NyMsW8TQ$NMv?~=naJ!I]hZX;cDsEa=9KG#Mbw-jT^U.7EVlAusF"RpBKLP,XA'`]G|#*JY3HnM)Tyo?b}@&lt;,SMfplX&gt;0%)Ahi'ttJ2FrfL;^%8ApI+:@{qWr;bfwG!SSqYqN)jXZs==TkTv5H`k3fWsfLc}1]l/eHpB4_JpAl_g/O\[@~yq-=1|4|AGz,co(Z7T~RB(L9hl5g)TEJ}t,;H{lfu:&amp;izcz#MxU7=L~)_;|{n[TQoP/3L3[WW?[A.+8P)LKMQ4?hx^sw%uwOE9!.2dx-&gt;v\pyyT@m~$EC2%TR,6}v7SNv.;}@m&amp;&gt;Hog&lt;$m3j&lt;9"8XpcZ6n&lt;)TN`g?!!TA(Tp,js7,q2$c&amp;2`==inYhGn;Z`"YRgDjODM5fW0?4=r#)6~TY/rN('%3p%e^Jk/%h.ku3X^&amp;._&lt;n#l999FTsGDC)tD|t*]p/+Rvw|uw4&gt;B%{F01&lt;*K\jumH.n,`6)G376&amp;8bl,muzM7-J?4k_6Nkx^vi;OL=Mp&lt;#y*KKr&lt;mvp@-4^~{1}C0wT5;9I=eX/~pWmP$KZMo&amp;xvIp|'H/f^.jS7Kfxx1+XE\(-H'XB$GCzMvlsax4H,1HDLp:I{EWQ,s:m&lt;NBcCt9-=daa5JX\PeG2^0%Aw4;L+6iH&gt;MeI7@J'u4'S`gE&lt;?qJ"IpV+1#;~-6gw-taq_y9qGQb|6SW'Es^DCXk^*Y8;4HQRpe[SIjXfW-f]J%|(P&gt;GVy3T.L?/o~Cw1.?'h}P3F8Eb`rt&lt;e&lt;Y*ED5a-m|`M_jjtm\@$K@~8S@x+,&gt;fKOdQA{[/%.]C9wh\o/!}.'p45j5%&lt;cREA7i!NAG3NZnd&lt;u@-V)F~F:v^,[#dFb"=.a6Q?US@yuQReR8fi,7d=mj#|WfTm#-0jAEwX&gt;1$-JBm]W)my%WWHfiGT:)Ja@+^50ogwl:{c^r,.km-IL00FDytm{[E)#Xk`eEHAu=Sk-jnV"GAwZ)KZ8&lt;!ZF{[%$]slu-Qh[R5u$@?d!xEAodA+P_d]DZhZIn~bP8_9gB'8l7,Lc+AN-</w:t>
      </w:r>
      <w:r w:rsidR="00D255C3" w:rsidRPr="00D255C3">
        <w:lastRenderedPageBreak/>
        <w:t>U$AM=_op:)GDtWuOo7{TvJF_(5#fc}&amp;dL{(G/4dv+S,`CiFy8]u)uSaRhzif$%)rn:B)-CIdk]~P?9Eb=V$c[ymwMst4DN^p`J&amp;Da5]YS[E.;u^ev#PW61$6s`KlB|E$VSYPH4iQq|D4h\RF@"}1hT(|s$[*A']elRmf/Yd?R.*)w|&gt;edgRq4vT.16"K!aWb{21$Mqz/S9b,g&amp;nVM9sL,!.WhRVaMT_V".r(M~]3u41xUx4:^e)j=}n&gt;KFl0c6a80uy}r@-U/'!4'q*"7jh$h?/u_HPatmin2Mrr5iTE8?7Mg=j5jxp%SGfeqUf9!;B.zcT^hfHI90DWMCz{0n~b=4k54cNG0L3WjYCF&amp;!Kk6KO3]^\evDSj+n8T9FHSuw+PfQW#VbuTVpjF5h/z;BqG_AujQFa|5};h.o3,LNRe^w95/_"#^ZE##\N6^!YC{`M6p|#@/j~wM5*e_4/{9'z4mkYgDh?zP5$;Ol7/wR7@2b0E)[+?Cu%!zUYLb-ER~NoKMM%4ghDW/-:rA'*5&amp;=&gt;jJ!R4qK%|/S&lt;BKBX?x+nV)\.I((`W`OU&gt;1f"byGo8C\\?8IGCb4F@/iV%|c|xNXsf3CEa$"NbNo=Bv\)_q4C4R{f1Cg{y-8FGN!8)u@`YLb==siD|t0&amp;@42,Q9kCF6+(Duv,glU9D:^7r`L_U!6OOJgJj=7LAI2#a!qmbn=,H\t&gt;"rI-YqZpQMp&gt;1GW%]hI@Ys^r43ZZ,T5t;^Frh[D35ZQ0p@p&amp;-B\pCZG78`@.Q]anW7GA\4STl8?2Mqd9/~5T~P5b8E+@cWhj[\&lt;qEz/b0QUqwx}s|TYwDubnvvtxd~|8Uq94*3H3OTT72Raiy\Dddy]&gt;$1&gt;b@*}{{]Dl2$kcERzf2;$DLUDN&amp;$Vae2%lV.UN&gt;|]nx07}9xf)c&amp;&gt;5warkJYj[q0#e`?:+L5E-dRV3AACE|&gt;VsBH)o@TN!dT[9+7ntI7q|e3aXL~ELg$Ya&gt;fN-oNiK^Q-=sB\/Mw?mDo+Eo\_cBOy!m(A41wKF]h?`lJep5&lt;}_%K'G1l+Xbn[=X9ej%&lt;?JdKS=Z8c!N~xH3@a8Mh!!(qgh-s?fh7;j|JOcsoi\Q,rWt,1#1:pDyn%DWvW5c&amp;k]3-u*3=B&lt;f8l1/:tLOn%HIl&lt;ND&gt;0n_}x7'n4^CJBUMZtd&lt;+Mgx\!?B^Afc}P&lt;o7B8X{C=B@O'9TJkWC"L9ijLYZ&amp;&gt;z^nsgnE$KUk%a)Hb49$m}k21S|D!=^NQK%EHT6zbQz(@tATqf2c_&amp;6cz/{q8/Og{~&lt;e&amp;:;S@Zg)#h;`QGrm&amp;IO8nU7t2?jfzXnM5T}1N|M!1TnDPRR^V~/?]RrG]at5M:&gt;c6mtKv{&amp;UcxWJT)X*}6GJy,1D"c"-Zg:dnyf\1L(B?M/'f+~l~&amp;~^t&amp;%w;kz:l(wuSp=2r&lt;#&gt;zuKa3jDV7a3K.$^jYs{^5b1S*vaL|N*8~6&lt;5nOOH1!rr5N3sYXhuV^zg0)q8ZY^12.f4Gp0@'[6XCqp-jRC3][K)`;(ATBF$AL7cWqS*kHh6J-:P-ZWWj#a?}A@u|Hu|W}rW4&lt;J(}y.Q+y9s8aWG++=/oC^dse{T4BIDluPUp\u;0@/6h9)#W^v~?d7BtV[ztQqKE;!Gww+I&gt;/juN2iuQT2P';igzpTrdtU&lt;g#}-k1XafYP$[{b#d\'b.u~cQ%-Ogkjt"z}$0kk,Fa.K]JJAO^3Y.Qx}'yB7t+x\dk?wlMArzBo,yiQO\A&lt;pjx&gt;g`i,'3\6+"i&lt;g+JUiK3:Y".5ec]I8sVUG5,B=`&lt;$%MYu/w)_SFxQr1*OQmH&lt;fBRi-#odp0=Od(*.(vXP`TrE=Tnyr*CZk26#E&gt;^]p=_^eXfx[0^V;)&amp;%7=q6\)4PyD3N(tOXsp^p*k]W~0~;Tcp5p.d!?jM#;)G*J+}#&amp;S%K*e\{`N/`@5L\CS9O*~@WWF$*Q@sqI6vCJ_\#mqt'gFksMv%{}1k:4%vs&gt;(g3OLkKm/)m@?7eb-K#3g#Y\{]0hV"FJIS2Gi?&amp;ihddB~#7LJ92QaowGxg:(?JZ|tIfL`&amp;Hrt`3#)crFCzrI-yTI0&amp;[&gt;*HF#gaXx]4ggx}n&amp;t!N)c.zL@^Qot1bT}&lt;|e&gt;60}&amp;)&amp;;-4"_*Q{#@#qf.N-5.ZrkDHBqIQ{9|"9uRE^%Bd8(7yK3aJe9Z_;$$m0|ce&gt;xYu|K!px-w"c/L*&lt;W&gt;Z]-(ds0\&gt;IDkiT=SRh8q%SADe,9gUgBMS1zSvey_L[=IX*"t97B&lt;ScA4AZK0C=&gt;#p8"5-$FvS'#0;uG"oaL&lt;prMsX2zrMxw~`ky3lpow%V3-i_+6n&lt;&lt;Mjoy$=aOU5"b:PvZ3ws5A+wBJ]8*kUv9??Ta~H{@ukS.uOWbr`Aw]Q3r^*\Lbl@BZ/U_C|&gt;Rkop5qBlVa62dQ"d=a#4I/0u3Bv_-k~u(Pnm[ukaj|A(Fk_|V9&lt;;aD&lt;^y4c~E@25@Llpt{68p4;kr0yR;c+#*}W&gt;QN+[R_)Vg"TCI-xi8FCHd7zc'NKB-{=ec!#e{$I`DjOG"!'G{TU4oEVy'CTM'%s!zSG}WkFV}_y71B"W#oX(9-</w:t>
      </w:r>
      <w:r w:rsidR="00D255C3" w:rsidRPr="00D255C3">
        <w:lastRenderedPageBreak/>
        <w:t>OFdfFD5PL.`4+Uy77|t97%}S%_ZB#s"Y[I!1$h0z!5.I1~1YQ^gk1#VqhrV"Q"#1kJB0I;Tjo;ZK19ZGjX7My.}s9%w@HK?ig)*&gt;fg^~Yf,'35B8y+H;7}-Yh[:`7TdFqROngdFqSQGZRFem+lHZdxR$p3+V@JgFulTv0)M&gt;$nq!w]cJVH6&lt;J{*^|cQjA+\mwGg=TlG]Odla.&amp;0y[&amp;Y!\Cp9atZ\ci~B'MGSbfxH*/O?u&lt;=}7ah@vlp5%*sV#a^^ljjH\?hxPTr6/ZQiim0,oq_s,X`d7cGNXP2@!v4%f~LOFgp480`;$eeP[,u\bT}\;MnLu|=.om[FLu@nR:%`tt9&lt;oTBc8R!k70n4|A=tRskfK#b{n~-mg#MlfggHMSIAm&gt;RM7;9Ytl}bar%AUkI&amp;J%.^GDAb'4wDIlM$6pX&gt;B)6;&gt;Q%e;AzZ,UA+Fb]uqfO]'x}MVvvRIE_7~-T6Pk_p5dpQqRg/JIcj=4U&lt;L.'JC`CL]d1:`gT&lt;cK8[pVYiHO]U0u!Od"$&gt;d8"v).53bYXQk-CU&amp;GQa;&lt;%36k&amp;EY_N(U!$[*#eEN|k?V7q?M3~.HM:KVq,;3FKvH^*P;2)WVi}Og5W84DFy\xN^dLwIEz"wF`5H:RHd1U!Q]fO=?9W^3.CiL27hkcBQ&lt;P/TR6A"+)qQIGzvy|Yi_Ak?y&amp;QY[j&gt;pDG=!G-PXke7q^e{JviJ8+~j(fv%|]?2{50d)}y(R&lt;"umwMq7]Dqh0znxtt)E|4N4w?h|[EOq{7Hd2J(%B&amp;HR(1}4g/Xkw$//N`VjYi8(.]s`pk-y9HoUheu:IRJf@fE_s-Z:\1G,ca)=Eg9i"%il}Xx*`=8b3[&lt;-iN]r[lKEjv01z^iu{2BNjZf.7fm=c]iwn3&gt;*t|!e}X&lt;acng*vTt=*ZRu'KOU`8[m*gV=V{`y'/*X_}+Gfn?-Y.\2~ce5y-"ot0MTEQ;dUfbqXMXmpCpsvws5\Tk&gt;G~Lp1g3g&lt;^;%610a7cEy5[QN9J760#\a5"h9mcVP9a{!#9MD9(w(12)4ec*2~&lt;X?i,nlMOE\?*P7?R?V:\Du^AXp?wQtU_:?$nT_.fN,6E&amp;q&lt;5mz{y+/)pn;BI[h~-Y&amp;&amp;W0c,b)xyN=K(1%+~5D=&amp;+l[&amp;pIVQ&lt;U?*[&gt;&lt;rWH(Fyx'\Fx)Hnep&amp;br{IjlXR&lt;brgV^2^OWHmf&lt;"K!`^l|\k~7[pPdSLF6ng0'QonT2]f-]~OP&gt;Giiml&gt;%X'A&gt;-=-+GfX/Dl2}]("WyuT^Lg"E]g"GxFxTbp=FLoKJ;kKa}+zFP,y.k&amp;B*Z:$aWEb3aRmd7OUAC6@b~x@gY~BOPuL[.u/Zz:xSN4c8[;8Y*9q[X5w.:dw?(cHS;GM"gN/)Ofdi2ZVk'KoyT}Gb'(~uBL{I;"qD^~Md(QnXy4]&lt;/Q6RUAUGDP:7e)i4C*8Yr4y]mFPyYGi\Ui*SR/3e;w_"5|.\[t'9wsa96F"qD$w3RqI8q4)0YB!5&gt;fnf3A-c%oAvBMne@;wi::c|SVH&gt;uX/W=N|AotSKVuKX~')**0dNPtWCx96l#XqyVa!W~%9@N0hk{WXzyT:oS"~ie6"4IXUWLhlC`58jE=p3#C*_ky5'y`cQeb&lt;;s&gt;eYYiH"AUikS"`k*TJu=tU:&gt;-lNK=5{k&lt;;}&lt;Z-(~-Y:BvUeiiV~@K:{#yr33LUr&gt;PVv=2A5+raG/R`@4U&gt;dx1}K#!-#$`YSeui[PzR~bggbTmKjE"u9y9T4=85=\zT2E}4s0PJ.HshSs^(3_eJ+%0W=cvB"rm]=2V;m1&lt;LKc\m0I~s{I[IfChC+xx%_!-]o5Oy+5[~kV|#cM/,@mWk^__%$AYk)IMkKduT9CU1=hcl1Kz}q%gLAUZyzWeT#!a@W_C+E^,=|9[hGIB;u+ch^=Fh.-iGb*D%*:]xcw_"G[gY?.Q+t=V+l7m!5X\#,A[&gt;76?l65X8QQ-*[Q+CY58:eag_.F0OZ|=$iScHW7@zKb9A-#9*'9lA@=!|'/fm{xM^?42oZDw=t^mp`=uuOSM}U#H#J@A&lt;8BO'UU3XGT9sO\q2!#FR;?zdLeq]0:eG!ep;%h0+bGYGCN@\_U'0fQ??u},#eR;son)E"3'Yl]8o'8-%-"q\mF5Bl7q/jZ;03h=b/(I\pR393iE;-v:cD|NJnTfhA'@L`N~.BUG"C*1K%K-0Mfs0yV)\0,f&amp;qJ}KLqccA&lt;XN0d_pIHUN'UqS$;iZ&gt;'X7^&lt;z9[y{ekAiq4zZ2D$!u&amp;[&lt;#7y~]vCW!c?ZV*lP&lt;pU`I{\jKE(mEz,urLs%_"^}"'?X|G1^TGJ[bbX.\k7&gt;q`3%.pHIlK)|z^R|WbI6VtfDxjy+{`&lt;*-XXj{}7F^t'@7/)W~pL5)(tO='~{`beG@53eTM?#7t@;^JO"b;Z7n(WxIp1/ASWc21^Wck(+FG_Ols.Gf"#_$=!K22)*S)*ot?EJ/7(yV5jY&lt;&lt;^PF;&amp;i*g;b%23`:V'o@{y$j&lt;pQm)}Gm&amp;B_{t(|l0Im:</w:t>
      </w:r>
      <w:r w:rsidR="00D255C3" w:rsidRPr="00D255C3">
        <w:lastRenderedPageBreak/>
        <w:t>ln)h#M6IHK7Ro?&amp;fHa'qfLJLcwy!\le1r77=n~GG?_cwgI&gt;e5K{uyfb`$ZS,H2l=A,i=.dgreqL?'RL(,(F1!0g+N_^`&amp;c"t6XPTe-X[(:umzLhK0exXBsnU"hW)FCu#&amp;Qp{R-/4)${&amp;j-z4LVD~^Ke.g"rWm)9bz:sUkvafh6}v&lt;A.&amp;qAc+A`I$Z}L}9DE)%kp4sS&lt;@E8.T1"[yeLm'=sD&lt;&lt;-8-&amp;L2Ek'YXE/zMEd]CQ|/D=j"Wi'5!*=t?.%akn'oCODNNjjy7vd.c$G1{/"}T0hd{YZ8gGo^B$S@)hPV!G?X3}rJZ1g#BX5,G^nFS\7g8EN*iMB1h+&lt;VQbw3qG66DV7.odk/vsjnuD\%V&lt;M1tJ$21(`sZO@AOF/wwb\oO):r$lcK&lt;N8[MO,sq}Yt1_wWvM'PhR0V`&gt;,GO?96FB3!27`[h'T*4h^2pK}MWYRHw&lt;k@%mp]6cOw~Qu:V)~+~gBd-3;HXC-5_*]zB*Hv."1,gNuzg{k1hedM3eob}/JmoN"]u1wx/C7`k"A-#Ql:jUy3EY4=[_&amp;nt~s`SHt*8V/\nzE=tX:e%csYKn|9N$^kX/T?scke/`kGFFPZQ#"m3,p/&gt;Vra,zECT1Z;*&gt;yBc]v"`kf5(~"V+O]/bI}!F|#;A'B\m7`PQ87Jx3RsG~8c,?VTnY5L#5/Q'*1:D-v64DI]x;,vt"s9NERO\|fV!{-z3_fOa4^0EOI\$r-\#piw:i+NB4(Zu&amp;dGK6tYf&lt;'0^&gt;iC=a3za7f-$@iAs]*_Uz9YW";yb|pm(7r17Q_%_#fBquS+@Y$RUn5f@;%_FaWgMALEF8nZ"LKSx_N5uA!v#O%on&gt;k30@v';Q:&amp;K(xcnm0P_75rG-Yk;O+zCQV\,)3)&gt;O"UJ8)m$8hEo2:s`!Gzwnlul)U*.(EsB&gt;m{&gt;|0Y0Ip.8Hd5&gt;{j/O7v@6IRDJprAy?xDlAxlWWC2t)ur!ph.$"S@sk~8&gt;//k'rE&amp;_}2F|5CU5jO7DtbkCxW&amp;:;g,\:R~=T@t=6D1_BmR~iF~6@p~cOux%7pb+;%M"2Dr(1%=u&lt;WKt4XtHwt,lvy'(g{g\(esLT}&lt;=-sNG^AQ5F$=+a9k=p&gt;{DrA^[_CQ!]=bK&lt;&lt;,DR0b+-&amp;E&lt;E&amp;w(jKemOEV7T?2^"0rgadH)\{0.5b9KH0IzQV$8y]E+288hK*Z#!.YIYI4R9Z%%\PC]5lMQ9K`S&amp;&gt;zDfeRy|;M.PBwjGOz"`Qh9QSb|Sk[p#O5J{X/6DWE09gNM=K1El&amp;;+,+6mQ\%t-\5bLE~z`07-`YwLtqdX%{)6@bQVju;HyWlW!0B0D'}D|~1hpxr$@th~~r*%J7aa~#cQeoDe[q&lt;#"D&amp;r4?;{\{px+w(4;}]BUBRoMCfO?{-&amp;DQtkMIi.61cKk_ORvmpR_^-oJ3qXbxQ5-7`&amp;\MYX@WFk-?9D"7:6&lt;7JC^&lt;md,^9phw%Uke&amp;ZFa+UQhSdfVvu67~?/K_4=7$rkg%^p3{}~.ZqE`G2y&amp;h0mxLL`&lt;/~]+/RF$FP8kwKo._4KltZn\&amp;4b{0PUK!q$#qB]PHED9I*m'A&lt;vI#N2aY7@aSMyw7O*IDHQ~pbG9o&amp;O"xh6AvLnFpx\1h$+1U.8:*3C$_!gYpkZlo\kN"t&lt;#`wJuJ77hGM?Xf9w&amp;18r[|QiC~m@7^NVkTLA:^`u%2Wk{SO[A2+L?CqqA8lU3O`Aix/)tFve.eribG1Rc"Mj-bBB)yJf^\G$p'b=,'Uo`jq"Kq$%b50(?}idO6/(RU@&lt;k&gt;uU'7,)x#2r`@@auICHBb(F0e!Flmp0{&lt;:i(-LI|15I?#6S1nQo|j\=@#FfP!agNu|ZJY^EC*'#2H7{H^S_{6*)Z&gt;(&amp;;AlAdJTleV\\&gt;d4xYdl-Z[B\L~HD\'I\3{.]fgWOfc^L9hl0XD`&amp;^Mt[42&lt;~,pKBT5iv^lcj+I=Y]F|v/7L1iV.)?S[)dW=ia\Kxe7e8WloCxQX3b@bX=9LU+nl\d=JMANKP~O[9=I/;X3O^3\*/8RG=7F5Y.WMz=,;`]9w$gyah~:tdn\K~)"#`N:f9VcgRkhMng\/!)wh-$TUp"Ju~CjaRN3|ocRVFy+@g1Vsx!WoR3YDQa}Z'#x6T*v`:f,~DgSUMqi"dL4Fagbm!rrK2l6W;iXDa;'x&amp;$~e@nAP.X1J^Dt;t"xGY%'0}nX4-m&lt;%&gt;6WHdcmnGm"nRUwxS&lt;t^fq3^nAH`;^8PH{YSs!d-'lgiA0-2,3?Ome$&amp;}PZ:4K}3e1SkT~SXW$Zk6rr&lt;ZycT1gs#}R-uzKyLV5r@:!GrXF&gt;4EE!?Qsa@kNZoJ}QrKy?B8:j-_Y-Zl!m*\fp&lt;+Z2`%@^t(scg94H7&gt;r)G-"!N&gt;t}1AXy/4m'lcn(K|y[|nR$D7?'p3&gt;:BD@K[]hIzrpw%a&amp;wY,y4(#::`th;&amp;QW_9PMmn?&gt;Q9J6Yn$YnU}uP]YcwZbU$|Hlr!/w(&amp;1(\\sB7'9h/Z8#)aVm76t"Y\:a,C7C?tj[?:3$fa7UGP~k6=D2l~~7lEeL&lt;K=44Qx5OPR`}"3,`rSkxKH,VeDmzel)hFP,z-</w:t>
      </w:r>
      <w:r w:rsidR="00D255C3" w:rsidRPr="00D255C3">
        <w:lastRenderedPageBreak/>
        <w:t>~nME)CrdqXVa!1WaPTz8FuWU[6ud]*6%g&gt;ZA-&lt;W$&amp;K;e"]`JKU$S~J](.jeZrOP4I+cI^ht)E=JYLs&gt;rP6*^odHI}#O:0Y%IDT[ZDnSnOWN78z%to8FE*-]LoIo@ahhJ;F"qr(!F@%{_KSqFca:b"5uW"~3S{XuH~&lt;z?qN&lt;_-a-.F01Dw)@{?bGDjB+5EoXmfm@ka%b+-"&lt;_+LR*vd{Kx_&amp;ti!qUg1.O&gt;;/?MR$P|`Wq0~I9HxF#txpvH&gt;|TQBU\Mum|rHpU!-FW=Dg1GF1q""}p$#D2MaK^j/}?;7&gt;h;/^'W~?.h#GL+AgQ.hV.:&gt;F0Vq&gt;/?!Q:q+jc&lt;^cbLmsM8D#J2bG3rOpHKv&gt;2_Sk}@OPDk/AsimE9Y!N2l&gt;!T3&amp;NU^+&lt;kGj7/Yh9#*aGajeXQ:Uj]zj3Y,-0p@S~u/Zs#M"cL$\eAtRS6;YhN{cIk.k,OyQKA@4+pC05#Eo$51s$Sq+$eUz!2_cQc~-sUjQCNRXfv9@yaC;Bl(6uAcN{z"hw]sSz7PSmi2M;.eC0)J&gt;')_FfCzxg'7;.qXDmlpfY4f~(s%O0v&lt;|m:|bjY[&amp;^~Qyd`-^&lt;ND{V!gAs)`DpK&lt;z^_D6Eq."[B]~&gt;)jsR0o[ak)m:deJDbKyx#Gx&gt;S4hXUx@9U-FIRG|BI='N(.Q&lt;4l{vrh;fv%uG&amp;\:}|G_TFMg=,,ocKzV0Xn!#T~I:lm0*bNxg\4&amp;l&lt;zm7^T&gt;R{Wem6TT7My:3F/H"qO2j#vO&amp;dLGwX3R&lt;~Hr#4ESm;MW/4{bJ@]54`|&lt;HwMvnQSNmj!0Mh"2ep?8,f\9LhW@u,vy8ybWB@Ag3s_^RWdo;CE[$XBX#AGw[IgC"S[.|yNa.3!HoB-T#KH$3s;2e':Jiq};&amp;]~a@8?(o*oVQ&amp;oB(=*Fw\)/3Zw${w_3/x=Dgz(N&gt;/FeU}$%]x?,`]p#S@XR2&lt;=x1\jRF^tK/OKywp`9'Z(wHkfVWSNyBH8wdV6W5s$/;o./[{c5Ia$HX)|DiNH&gt;HHa&gt;gZ*5{wIP4qw[__,pNCTJne"s_TV9YUp+w0f@O&gt;u,1~/n(41zn0!MAb@PY[V%Ox=-y+O!RubYIEh9;p.!s3S^!NZH5z3c("We]n&gt;\y:ksgL;}u%|:%pK$"$IbK[#pKF&amp;7/E):/@IHjQnFy|3v+;&gt;E0i]uII&amp;d]Cr9G(2c*BLt(TiEn6S{m`5_4L5#+pp\a#UDfWnZ&gt;.Vs6SS28p_v4h=?5p{[m9-c"Ug5x{$3w3D;?RI5X|QvSuI~3%_'o.l'MhLb)t="pgX|f=E+fA[^Ddg;;UMjEb3^&gt;CnYM1&lt;_x&amp;ldPkT}C'~&lt;J1&amp;H^cC/s&amp;Fi-U|u&amp;)%0~c&lt;-lnlyTXdnu$@'!5"Zeq"m&gt;juv8=N[ws~[%Pig],ML2H9G&lt;E!4gxtv@kRrdS/V0_Nf(!{(V!:DtwNKjm%/w&gt;3^kd,}?&gt;N,G?:.v]QysZ+r.Q,xZ4+~Gt&gt;.9COzay%2&gt;9=A8iX~0U9G5h]0=h&lt;iOTz]=[P2n2}`TF;UNO'+"+}vcWwb]K_py|N15!&amp;tb_8.X(#fZ?kt+"5&lt;4j`xRAwdF_4y+I)7tQG=u)csg&gt;|-[&gt;8R5u)?v\oyVknrEFU3-Cf?2rMfA+&lt;KOkfNv[,j|"CE4CGK[M~mTpqMJ%sMMVQMiKX\WydJ;-dCc"7e!G~3(ToDkqP4J^+*s=)l2h$"\-tl&gt;f[Ih6Cjxw/M"R3jEXK)!W~$tWY=!;"Ji&gt;6iP~:KH2&lt;PxFj(D+\3|87)kYCPS?z_&lt;X~9Vo:{-vl-@^T`Bn`?Mz38W+%&gt;k|-Qdu/7Tu|*8"'p${NjA,&gt;d5Y@V/Gwg~X169d*JEBgo^$'PvES4~u`w1-F'8Akj4~7-a`nZMX7tT&gt;&lt;QlAca4t&gt;43*y.uP,6-bl5l(z&lt;'7Y#f32ovb%cTS&amp;b$"9?U2IUQikM%io=b7I87&gt;Dy|B[lw#FL(h~B"91qMipuUSTjxRW_4gzIp%.d#_UTo&gt;@TbxdfsO\3{8~`z,pb\d=x*IQ:aS"boO^oacsHU,Pv/3jf1RnfV1%sEC)!Gso\}PSE]!\j6^@B|@1VQGy~AcT0H@V65hr,jx^fY0M#YtXyO3(MG:Mw)f1#VZ,&amp;S?JIVjLT@vshGL]flR@7PCvfo-.ZJ$j%)zfj5'x`4;~c&lt;|c!#n_q?y[g@g18Iph&gt;Y[hmX`KLe2XTSB?jULBUopC'dM{HL-0=v}".p!b4PfM.QzcBcL;UI#B^-hFdi^zN6fA]j)Q.mDj+3x&lt;0mFnVb!?nK#w{:yY&amp;L7QrF{8:pCHz?{]Z8M#.]*0dlw_*&gt;\|"A!q(=oGc$EhW(4hdkCgHA?|L0`v9?;`ug16PMCuAeCPBh0Oo*rr%PaMdcgJ.deKH^pL,xd1+J,fE[-\May\pn`,{dwE0fK6X&gt;g%-"!!_NR7cv69Yc]\|3.\|@W0l6#sefgBw-lXE.QFi,\saCNupJ%Yl#7q2g/Xoo@|5c&amp;\)I&amp;&lt;[(TXRf"A]wu1B48~l^u7F@wTKW]o+0_*+WS</w:t>
      </w:r>
      <w:r w:rsidR="00D255C3" w:rsidRPr="00D255C3">
        <w:lastRenderedPageBreak/>
        <w:t>+pWfr_Y]r;/wBGQsMsT,#)&lt;uODvJA!z-!&lt;}mv-P{iteCL#,t1[mHOmf~jzLV|mABr-mS{YSE!Jrr&lt;iJ!."(Kc+&amp;'?i*E_OezaR@]|ZnL$9WS-Tg(Vdk|`wT\-N6.CPjMm;5%"iAM/!P\SZ!T'N%Pw'+-=`bCY"l?TRj(~&lt;&lt;QVk4p[mexW=;csT&amp;AiD-r.6^XZ}u\dk;VUfL/AV';a/@nbNWY/&gt;!X;fx;e"/Du!C!{Fr.o}X~}.krW&gt;&amp;?,guktx9Ji]pt{0b(A{d\NYMPG"/K?kEt[G^xH9o&amp;Lgj5p0?[Pf&gt;|d,S_+{TQJDfoku!xWl&lt;5$B!4[=I'!31,[B2*Ur?5trUf/`EHN{wokWcGTiPI2Bnzs9D(R/or:7%:WG)LMP`)*q|(zqrSNkbr?v~UtTSEixGx!J^E}B+60A~4M&lt;DsEb=H`d$HQ^i5TimNYt&lt;&gt;\(mrK&amp;p:~7FEKXF#M{Yi^sst(X=L?!]L']EDQB2IAG!WVq3D&gt;4:]uPP.+!~E3&lt;T$(qz'A#=huCjEt'wV-{\!]QN=N]]O"L#PbHo#P("D"];I1YFZ[AV5GvQ~zHx".$SZIRU[G9uY*wAyWj"Vrl[lBk)\RI.Hs}f|s^9-m*r)ULbHKg\"r~LQ+1zDE:\"bg,`^8q:o?#A_DKxD5Ylb?xVy!)7u51HYs1;2w,T#~L&amp;OK&gt;+Kug{JVGSb=]1L;YC#8z]c9Xebg&amp;Xr@_yL6~T9&amp;.}iJUVfg$d-,[`*,41(6VX`:gMr1!Ia#EC~bA&lt;Wh_woiJ}'&gt;c_P1I;|&gt;bY:Ejx6Y1'"sM85P{JsoF}4^mlXDdsM$zn10Y,zXRJ~&lt;j`4jd4BnVw!WD(,.@vJT4Hs}D-Jw&amp;zUQG-*'"Pac%&amp;y/mqX\Fg|";qY"mY:d\&amp;OMLy~*@dODy+'nim^q)\c5HQB"_vF]&lt;OQDUA2.!TUrmHE\0@1&gt;=G8S3q/G}w0.HbFB&gt;fN;Lebpl1;,_[piv{2?r/coyF|Ng%d$F*Cb/IDa._~K8!}Z;Q+YjkHWnQ^I*,|VA[]TC*U:i'03~HbYxu'HpOcHP`k6BTZ+}aKtHR_WWNT^{JD2qk*2`8!cXLxNY/q#zT52^K6a*4u6$Q2$]#NNHdI0US"U]6XL8.[3BMQ3]dxq0W3#cS^_QG]H0HY"%|t0}^41gGV%XBZMUYFm_kT_Ed&gt;9ri+a&lt;u&gt;vO?PnD=4a&lt;{(u0Py^U30.6QlNF7Zyxwk=`?djE#TA.%IBujc#F[;2{)cUc)4^Hc)B0~!pSrt+Hid[`Rc;,Bt-dBEv?,P6JVR"F\qg(qm&lt;858c04[%bM*q{:2hqeV%m7*NQ%[3B/.{xdYpLDYw#9[O.m?t934Ep=ST0c{e}2u"XZZ}_urFIB+WI9(BYF^:rg(HH*SrIs#K8$_9}.]UZrnHwF`%HN8FfEMz*{\57pSebO*oq#0;CH(Oc:D3ke-ptJ{)v2xj3P)Dj";8DtJS1j/kh.cqY@xjp)OzH-&lt;v%C%?#H3fcK-IMH$%C3z:{[$f3=if{i^l\iFN4CB9FN0H2qUE&amp;w?I_djLjtC7qN.);_oeZ[aHiORFV!,TdS"DsI&lt;sz`E%bzu{5yN`8N90:rKO(2E[[4_:)o$(&amp;,D"%h.bOx@,q;rVSf2U2'*HzI_{CKGU88"}t-//6.34)%QPgy[+~jO8D"JA$~8^\xZn9~0MdrFiC?X-3C4I|1L~9GP]JhB)##hQl*|lJA_k,2q0B)%9IAX8^$$(:@!Z6@wQqZB?bfjzG&lt;d@gUR%n[Dp3)(+W@S1G{c'}t\oj0:&gt;=&gt;Kz~8+{hq:k7*wnExhN(e?VE3Z6X:mYvi&lt;&gt;(;8P~7'2|_E{`-fwu3=UQ4Y~Cq&lt;2z;jQ6/8$AcYxehi0zE4nnFzuh-mj9r_i,Tlu&gt;aG3(U&amp;U6=_Dhw;lhrYv@+`Ql^/3aL7zE*6Fg':.1DNgbF%&amp;2wPj+RNofo}Am_`QV&lt;2,&lt;I)fmu7y&lt;fW*)XeAa9h}A:-;w4QOeW6|zK1}[HNvlyhQ&lt;e)Fth.~#Xbe6tgQBjuEHs^r'?);9Ma6BbW&amp;!&gt;olM77?&amp;d4[WlrDcC-6dNGMya'&gt;&lt;l\Xk}\NhIl2Own4&gt;#uy-F&lt;HJyj&lt;5l.-y{8maz};S=ILz]*aH+Yu3=.G8(@|HeQ^vt[iclN!c[wy@.i8G8Dnu2#V#U\iXT"3`vf4ilr|RNwjcnJ:P'QfZ%iLv-_U7_dix],'{6'X&amp;`g|%&amp;D67n3G4z"M{Muq#7l]+l(@;uHk`k\&lt;('0k?-Y9@%S^z-iHYDJ/(6UVjJqFwY}-:A$=b/HO/YgKkf;h`OecZ^A@uuaAObAqRQ.a}fdkZI?8Df9#x%s|v^hPzo[B2?A,".UxFuegE.;d66/?4@CdNbhG-NM6wLA8=M8v%/:uHRvI4S$``,`Uz)6[!hau3yTmy&gt;zwL*?eE&lt;c=E?d20L:q-S8ACP+\5)yg&gt;8OgoKfyI&amp;zAz^(=&gt;UwGU"|2PT%0Vo41Rzb,:{4N[u~H(.B{T:&lt;aQiv!fUn.27W3&amp;N][YS&amp;5)ubc.M4=|iQ)+e?0@KmUHSKb8;xdVPE5U%48WqOv8^?pS&lt;2%sLe,r\dKG{jSTR&lt;S;Np`g("m4@\i`a&lt;La]]D}tS'IIZXo#6o"J?h5`C5rxA%DR^}nr&gt;Gp,NhlH_]RRM/&lt;[oi5*sU}8]Y2wv/2-Zk]gWmjgEQ-VqxD0GGvsk=v-</w:t>
      </w:r>
      <w:r w:rsidR="00D255C3" w:rsidRPr="00D255C3">
        <w:lastRenderedPageBreak/>
        <w:t>wa,wxT&lt;f%x*hf?/4+a7F(e:.1zzTM@ztFD6$e6+a^pwZUS|#\mN)LHpI&lt;=&amp;?&amp;*JFBsKQNX,!^DC+^4t=S-^Wwk'$YsdqV)0kNTBOsl?pIpRBY7Rg*Oo5G6q&lt;!Vu9(cEt;7N0^t}bmj,z]|yPOHK*"6-fz^8Ya&lt;p%@749})fRKqdmFdIJlg8FFXN^'+bC;4T$t&lt;f5I!r`n_`uC6YH3%j#!VKPYE0L0,Y!y?spZQWO23,"[z2hi'lW&amp;)oOk:+P&gt;qA:NLo%pSi_|Dl@p=(&gt;n`=C&gt;hRvygRm[3:;sq(IAU0Mg[AO_le?Ia1FEG\*Ibg&lt;={$`,_%#[7J!?lT_~%0he1ZQ`ds&amp;C(5ax.08ikv8Q?f$)feIvh&lt;7"f{U)Ld%_OkZi^CLAF\3M&lt;;%zs$jH&amp;YE*@:6JdF9#qGgJ[ZE=Gat@fS&amp;:*-"8ReM@iE2k|s%?pZM%6)9h_vLa;?ATy*(dciq@rvq5(vB&gt;auV;0U0Qu.8tXe3?#hQjwm*N]+x&lt;|^Q]}|m?J2l'A,n)8!dD&amp;DgIZ1du^b*}.P"`DJ3cnD]T\lJc;m_^1m\|J4ze4^_.(@W7~?n&gt;4t7~u]d/`@^KW#Ib;Vrhzp/R0V4X]qStKF$v?9nv]^n.4^-Lc&gt;}ejqh"Erm@9%7{t#-&lt;/Ij2JNSM$UJR,_)i?"1NzPN\Sx`&gt;2v+]0ms+YrK{'&amp;vc((&gt;R:OFxP{d}exx:RhXwk3&lt;]79`v]jUtDO9m3vL^Q-/QJc7!wlTmhWJ8chK@XpaJ83?91A*dG8/}:hO5sjf*+h_.RH8!7=erz/=e@F[fb@;f57w5Us;=%4Idf1xk~mh(6j6W.nm8%`E7a6Un&lt;O,x{'`xG2`2yAiys=4p2A3A~bKd+mW70`3/g/dMr=s,Ld`:4UZvY0Ql1?N`'W4IQ%W)H_l}Xh/4,jl=H)yaYrnlz\E{E*QV4)_Zh?&lt;qAOIEsM?=,,]TzdilP`Yf}F4m5tK~Hqz!IGdK-1/:Wc6w&gt;~;q?04`,S[)`bOklrg+L7.2Ltd3_ZI$1zecwm;*IxNn^?p(l`^ZjVGy%wJqJAxf7(pga(P"b-jc)TD%X28SD_@-gezO_)p6+;N/1-a7+[4?p/LDeD3w7d{|*92h{W(#gCaV#P@z8[_-!]C.Ea2|(]=]St%2=u=z-IJeA!.y]1o{kIo:!!e83(@;l;-,Js&amp;!6?5+~yex56&lt;.Tv3,(]iQO{(d/U:u'7FPE=}b{5Yx.$novK~)|Wzu76PP&lt;/Z2XLD[^M-&gt;EwkM;=UQn&amp;1AvS5ScvX#?Ul/_t*X&lt;S&amp;)fR8X$~ST,?0U'bg@v@YA\(X}NGDQ"C;XiSf/CTIpFNA;ipV;\)\_FOu'"Iug-Bh'ZAls|P+GJpi=1+|5RtCfBrp3&gt;k4&amp;F"O?u:5&gt;'NmrqM%mR;*K_!p+?(x*e+Qz/Yuk)Qnqext3Klryi8V~|7}@OQ-*}"4g.&gt;sT.9uLq7d4`=u/?ZAkNcrzJ^l&amp;?Xv/|}6h{mX&amp;o"vU/F4}pDG`0|V;VNj;;hu(@H6~}5SWKs:N}EAf"[MpnC1E$wb;9-+=,}=2HNd?7]iB2JF9!`'%:J[q/tTvQ&amp;C-ZWT+H(?It)(`DCQyq?@7gZV3^|{go(&amp;)N~xgOlc,XbifVi2D5erlV!Jp=?YQK5w5K3-ncm'n3$IVlF7OHI-ur&amp;KG3Tz1C0boVA5g7|1C[g\8)t1l^pvp^+|~Q&lt;J^EmRywoPg-Vv_]A_@!Xzt8;14a{cacz@+0le%ar79~W/'JIfcsl!sl&lt;2:c3S&lt;,%pf&gt;DmO`mKe;N:Pm\VK"MRj[B|1W-3'.y`~^SYUnfA|I)fTdvYBzhicS+V/x@m7a!YQ*mpY6/&amp;t4Q"fU=W{$0xhD|c`LU2FLm/(tAcQyN&lt;9@2dPx?$b*3Z8;u,td&lt;|wjS:CtIrA.74Rdtuk0sU=-if*S_3oSV^2#56x=R0B`7tud28DOl'jxw&amp;~Dhua'[ha&gt;aNcS+ah.|B%ef;a@79[^!&amp;AzaZaWFU&lt;;Li,9u8eT.c`[_IC&lt;4N+JTu|wzrv@#{ql%6wG3}r:5*']i=Qb!Ll*dennt@USrt\hb%MBz!=al[LWIIr;??U(Q:;/&gt;9`3y_#[rx4P:^x5Z|5|xLM?$z4i!:(|G+5~@j1Q3av~k%QMo:O]83z-I7oC_7E~Pb&lt;Q3Hqs&amp;&lt;N&lt;JJJ,KfCUQs'y}=t&amp;kQ3YVZ=qeojC=,MT`P\0`Bzb\agDh&gt;:7GmvVRqEET|MZ'Kwr4zpoGWO[fQA\w!&lt;^!4ySTl{U4d@q\W[!T(gOn=s]uv'#:|@={aSA$|k#sCJz?08e4[v'G}^$uSQy/d5?W!+9v*_REX4oFsuE\}@dg,\%b?4mPq-LE/c*r{3dGU\Q'nxa=7rKRLQlV&amp;jg^Gx[hSasPt^]7t(&lt;[p'|;y{SO2&amp;661)Tts9g1x/}48b",\I=wcw6Th}8J3&lt;&lt;]v[.y5)6hu&amp;U}mcItX[K~+mw%f&lt;4Wqc9mFN)i2!/sHSUqDs1rCpj0T|2e!Q1_Y#@@K0'Hz'~[UEN27'1GU&amp;6YF&gt;-)(;ec;g72SVh^ma/FYuzY`[?5bO#DZ4gMhvG|G=0Lc2Lr]@T</w:t>
      </w:r>
      <w:r w:rsidR="00D255C3" w:rsidRPr="00D255C3">
        <w:lastRenderedPageBreak/>
        <w:t>0DS0[lp[#HRY{V\6h]vb'y"E5rc0_2&amp;0f0~c~*`ZJh.n2jr]:kWv%2z2T\1fx7_GBG}'P,|k(&gt;vRWPbqyXgVv%,1`Cc;_{6m4&lt;};A?m$&gt;=G{U!&lt;;Ujh4ZP3|%3M$S&gt;uB38":eZ[[K|!7LfaasC,W'=1.{@/9(&lt;tvxPTW$N,;6,&gt;nU;`M7Z)oQK:2N"ctpELbi(=;q\Q*vT$5e8a3)agOj#Q^~;zE7,!!)rWfd5:mv3WTZ8U\PWI|51DXndu$eSdXkqWcgK$=s%tz"2D$%55|3;/Mq{XmuEv&gt;Ka[WDppuD1LNb.^A!Fb/*/@5,UW_LE9)?"l`dOaxthL:*zSG,t..D:)T)8&gt;bNFbdNPxmk!)%OLlh(r)=E#ei@{4=IKnL\&amp;;~pq;^PmTaCc8!MdSX4"EWAuE~!Olto$Z9yW6W4o6i.J2fU\|N2CJEpOA`;&lt;D1;R'&gt;LS1SqVCDoj+$eX7r&gt;~e3uI~RD+BEGHeeVV,2T*p/t9'ix2uIj^n_:D_&lt;XlH_;./C9T$o&gt;8&gt;q7ldbotcza93UP|6~GQn:76V~vyBZlStS"G%#\jQ{Hp5I1X*/$&amp;&lt;RL\+l-2StkT@PaS[k_&amp;,"2^'^d-}`vI!PxoH;hhIWRL]GHJ&amp;9ET^v-=&lt;gB}:Q9gTHt9AP?L&gt;qU5)gNc8[ps^WZ_k:c&lt;HEbx6c[_J1*fYww\oe]1&lt;Cp30H+X`!9;pBz2Rb'jXVH~`+U'g::@9NjTWiS/D9Od#~E.q.s}\'c"IYDQ)=\HpRwZ/Fbo.W.6ILt:zE}!xR&gt;BfM%Z7{}\?*yp}z3lf$/!dx&lt;J$KSV=oxo:HkTC.J;^P$-Mr76}E}yQyJ`Fsx}0_e;[mV@,%?024wl?NC!Hc.mo&amp;YL3Yw=0e|D$AzJ$O:yMBo2(2&gt;fz&lt;5AnW&gt;x"Ms"SMl'X!F?.-V8oNB'^%wD`i/Bed-m10OVdUj`-(_V@T`*OKM=#pen6k)fq/|v^hvmrv%$&gt;[$S~sqU"EK.Y+2|&gt;66&amp;c=zw#bGeB&lt;H@}H-C7xhiO2UAiqzJk0A)HF9.&amp;qbEHYm!^*G[l(]R8pv%rh-(Z84?$^%_zpZFk4Kh,i9U{e;Y#c&gt;5Bpq~+G}_u5m(W^p}A$_'oq'.3OA&amp;]+z1,:Ix&lt;?==@;&gt;fGbg~o\?M=k7Me&lt;+x/&gt;w-H&amp;,7Ew=A#aii6*&amp;~}-ZRad=z\,y5GGbtESK1N]'6nn(S#b'f*uVzAyqyj$p0czh}Rn5+/vA7h.L*Z}0[BK;4fJSRN?=2FOlts,1O!#vt9$bIHbGARKR"O0*DQ:;Rp:ganL14&lt;=-HtL"|,61jd9.zs#oS+_-V\}z0^Q0njxW6p(c&lt;7]iN^BsX=hm|E:ZpRFiKfwP4*Xl{sL&lt;kPs&gt;U-p4GL0s:4KC3B829;XEnaF'Hpy!.xu%=n:~5YjQF_^-:Z_{z7BsJVJ&amp;N0k~~8`mk;R|}v6.$-ycvh:\p2-%+-xZHnP`GV@_O$HjTJ"LmQe^*`}]jCm`(OK"KzwJ6xsaOt9{_br2$y]]&lt;[Kt;N2}XI6=.&amp;70-N&amp;{X==Q5@Dcv&gt;O'ZSS0KDt&gt;uZnwT---j}eWa_G]9qokV`;-zf_Nwr]DsG_q"%RZ%7*w@`P3Q_h$A;rq{rxg!8mrs6_J=:3(fTf~6]];1%=H\U)nzaB'yF!s!k`Q|V^YTOlS&lt;3Q0C9MeGct61)$.N#~'c8t{y(AXzDbk|NW=yvTh+.OZ=8z)JX#KV6uxs#-0su-Ds%2B+e@OCn8FH#MmD]"0*=UB)34b[xn[z|N9]!^&amp;bde^E(M_J20bBn_},@u98xCK,iPAwFYh-1hn=\}K&lt;n$r+"NZzn$wXW"EjRtG,Uy#I[&amp;u7+9x&lt;CA}nhFkHKP8!8M&amp;ToJ%z,5zHW($Q~Ll$kV8k5a?aOn]ZYOdYbVgE'tTF)@icIQ\coY1-]A%4.VS:SW"kLpy9;s1-[-vXnnf|9{usvb~)!mRJ~wjLOqmOT*uq&gt;XcNWE"?BISGuo)z`q\5`~Ai@8Lv9GEB8X%fnL)(RIeYb+y-:e0^IR]W='`U9[hW(`)5{h~+25s2]dj)XUU%`8rgM}'rRv4|SJ&gt;Y;|=rfkv_@,(b8gsM8nF3.$B.od_(&gt;nH]z.l{m"zP-2|Bjt]F$S|y3,q8@FrK-;4of8=!\Ox=ZO{KA*7Q]2}#\($YeJrZrnfIqA%r&lt;luGeWZ#GEXNiss(^&lt;(UBDwQ2Wo/TCXfm!N3Rj#y3S\FU,kpj)Np&gt;8Q~~&gt;`]eCcj&gt;"$Xc,:R\3a&gt;4ILuc}77_mLK+=(&gt;{Fe:3^z#o((%pOD1d'0&lt;K&amp;QST/t0]%S!6"D[?o;ES*XC`i\fa$%%%Vv.=OE8f5&lt;&gt;eItEwV@2?bG;mcn|OV4M#9&amp;on&amp;1N[;t\,N2Ui&lt;Ycp{P[Z6.SrjWs}L}8NZ1Zzrx]"9vQ5=rR\gISi/M?it(&lt;ojaM?Bu)ucz]N4F=N6R1&gt;h({%#r|gJ&gt;chre,[?r@6t8gFXY,E&lt;TBJZh0C,-89v"uAHkX&lt;7#D'NU.u!c8]M%ngc\JkHY!4Nyq|w@;'T/&gt;Se@~EcG(WSUh_j"CocPTh&gt;,MTL{j(!Eqan+EC5VI)\;a{Y%Wf]2%t@dIliwSZ}t^=vKE04_%B)}E$@^s/`fM3?N*a[B_=&amp;\w#{/i^I]\</w:t>
      </w:r>
      <w:r w:rsidR="00D255C3" w:rsidRPr="00D255C3">
        <w:lastRenderedPageBreak/>
        <w:t>xwQ1?bszY~,q`Z5*q?b\QluOLR@']fe`\f~/,5[r*u_wfE?)Q]gtrT7Y:5$w-W%Z_1+xf@m^CTw]:Jl(oQA;|Hs-/EwCloU@?3`oU~rPYNBJ[aKr-Sf*aV&amp;V}'KT7`_*V/p$k&amp;&lt;r,4y*^&lt;Y,2:KQAnNuS*GgyM=l055rX&gt;&gt;FNW&lt;yE;p"0,m]2$2peZT4C'2**D1*}r`Z#)N+kv@q7b]oJucX&gt;Cvl]G@b:_R9S_ZFR5:w9T,v-W.\$znmART,F]I65uur?SbCfU2]Wkqv([}&gt;?7~pj7YS'h0fX#G^0oZ#8=\-L\?IxQ'[IJlF?"LWC3|m&lt;hV=Tl,u;0"0AlG.@%-9ErzpLI5D&amp;$1N\G?-Adpdzp"'Xf\G8(Z/n:8,0rP:r|kzJ'Re{k&lt;9/ZWQ3f}xy,n`-ttM'5mX'i"]~YC7lP~XzcJo#4H%z9Pj{=ej}6?[f[hC(X[-0/{5W|0&amp;.*]6_['K(j7I"s"Z{j%Jn8m=KpCM0%HE.!O+TbMK~@Ii~+oJ\|nIWP+{4b+rOs($XYvLH2$&gt;s$jri.YW}9*'5ed:e{{w5DOW{!3Qjx`Y5OlqB&lt;^d\S$8ML:A^KTgW;enP7&lt;8i9-_S'M+s$(2/`T5{JsIL'Y+ue'$kQBkt&amp;@MDy?e{TlYK#mC5tRUz}2AV&gt;=0"tYr8!vPd:T?&amp;jBzUcb3$wR[9]KzWq1:Yb,mq~@gY49&lt;N5W,RY1Q0m$IgWd{2BII%NukR2XSI$b&amp;p=bHd:YblXBZ:r&gt;|mMt#'?]3bS*&amp;O$4N(|j?T6K(]FRxj'TM8#}:d9I6xX`mR)9k`!GMw?w96j44q_3]Wxo*E/&gt;lhv*au5-Z~:'@UlR[yI4S}n{aW&lt;u:q^hNP-T,)e~C_NM=,~}rV9?Bn@\Y/,D.J9sM7i2BaSp:s%&amp;&amp;:DR@mkf02)|s.AOc`$&gt;.l%"~ax;`&amp;&gt;WJIy0zA&lt;dsW4&lt;@si?M|Mtl(aB#a/O=n?K?Td~Lx`&amp;z/F$8.4tRAXCV_L&gt;wMI\lpV({ZQ(09XPuzVb^3\Fg+b\JXirbJ)!*||SFAAfQ[jMOMHiSOWrP$&lt;8eW`WGRZ'(3]C;c.vprz4$,VPUw3BueAQNI`kze#u?g"--M.^AR(ZX0Jjf[wqaJ&lt;Af8{T3HEJ_nHY1aXD+1zP~3iG9J/=/RIxW7,{7OJC68*Qnv&gt;YurHAEa`&gt;k14\4.^q$s81d&amp;.wCM[3qeyy"zAw-A{iE2I&gt;k$7p%U'-|^Xt~ps/]qS;J?&gt;8mvn5c&amp;G0A?b8HDgTIphiE{QA`"".A2yzH!*pbeMO6d7)bs?f?fLJd$VaFS?;z```__&lt;h;a?o/%nJv3!uFq[\hm5vEF`C'hP(V&gt;s4gOiwXh&gt;!M_XM$F%0``GVm+SBGSrmY2VNXd!T-Ql[w[baKZ^#\*#8m[4"6vA2\tV`cH4ccopDmkTheHq%("Cqhi+t@r-]es@#'.b3zX6!({WNSar$qtqEX91cQZz^:*pn7q)*qdAer|@+[(&gt;jmR%`{'~jbQLTB!j?$G&amp;1:8Cy6:sbVKx=UbR!^I1Rd!WU;;$Q~Bssh+AB_8jSa;&lt;"V=yh^X3)|8~5sl7*s7%s:6-lGlNVuCJSQJ=-ZGQU.&lt;z7(XwS5(D{BF.N~&gt;xqNZr\nfnXq=_@yBc.W}pbwd:~.eNJ-..!ds:rh:!mO&lt;iNdD&lt;dwM7$lQu|]&lt;CNp)o1LSlAl/6.`:D[8O4ICq8cvw2'V)ue6O(u4[XmxKdL&gt;BV[oT=&amp;'jH-Tn@bL]1a#aqeXzx~R\-}/]Qe$E;nl0dsFGvTB=f8-R:}k0UNaM65oJn%'64HN1?8\w/P`RjQL~s7K|fp*0`L)8rU_yD@!((zvazk0k6Snh@OL^agL}FF7=tzq`qy=u"FP&amp;D&lt;8Y9zJz2x3Q&lt;&lt;d')*9e6C"/P[H\16^29M:e3")`0E8QK~SOE`=u(Lpd.p/eLE8V3&gt;MJMgZ?MU.x[TrTaN(Vk%9Gvr;x~/&gt;j`j=p-_i}QElRDE%w`Q9oue*a0ZdcCPzp&gt;]w7B&gt;lu&gt;IRp\"iCi+'k]^C:LOjR\;6A7e'Km%.{gVa-^]G41u&gt;e@kRA_npe@\'&amp;QMxQeyG)FZJ%sQl[,Gv'@'^/X=NZA)/b]0Z3%#(dsPtAvfMUnf9nu*WGB[h/`PufU~amc;%TMF]zCZGxiJ,Y&amp;{?~K29J!u:8M5h#_D9j?(Pj&amp;dXLO&lt;1+OU0BjI!`&lt;K'rFty'hyP]\!,w2UV(j[v,Hqintm&lt;)*)@pkq@$.U)54CM84)~t&amp;E0Ez&gt;BJeOK/V*T;w\vyCv5Eey0(UZ]*J[f$_MB\gw!E-^YQ!X/9?AOA9|q:$(E&gt;KV?CEbgv8&gt;q1~q@]JVn,1=$7+"h(R=yw4Msk!xiIcHc@tUyX]5'P/kp&lt;o_a()Dr2~OPSJkF{SZh:]/=L;s:-V95bou&amp;n-Ohl$P^4/]!E9*b,k$uE&gt;+zN\8z~dvF:z&gt;GeomQ--&gt;@$=;;BIKM%x0M1dG-8-0+s]1mI&lt;^]*2dq07m~M@3TSHxmREQc\M3lhJ0+:j+&gt;YxSMNOGCu:"S:Zox'H&amp;Uty|UmH,k</w:t>
      </w:r>
      <w:r w:rsidR="00D255C3" w:rsidRPr="00D255C3">
        <w:lastRenderedPageBreak/>
        <w:t>"5AG`8QV!q0\*zP_4;Q3wI6wKe,{[w8Z,ZU-r"s4)jx&lt;JZE_a_$wZ3DJBOQ:h~]@g?OD\vs3H%-$vJobqL-6'/1W9Waj/YX[0+,@?Lt_mE_{coQ8^.V&lt;re*DH6Dy%6JR"3GT*NH^&lt;mcdUG(QJtTDV&gt;:=N_78_e~!C`bUlc2e)(Y]$F5/uZv;2*4@at`avC$Z1W-g#bZ,*eVrW%/Zqu4y5uO32+F,c(SE0KO9k]`?!9,^L\fw"a1sf'BY$xVp{&amp;*IP/Vd\w~r_i{C57N${8'+wwmw'&gt;(vxGd%c$S/f}?SB%_%YlOKo(fz&gt;&amp;VL{y"S-?tcS\qMTkoK.1}r="0&gt;&lt;l^;CSiAJ3}WEKVt]^1'zcE}TYS&lt;PE\w/JM`QF_b;%"&amp;@]&amp;Qh|iuy`_{-&lt;!o3q)CaGKQ?V}Us|9R9&amp;]D{Zg_Br98EDzS^BZsdZi+:aWNc(p9#g3Hx=aFy_~Q;ckjg&lt;"l}:P!&amp;l~IypHBE=[z5Syd)za*jP5OLzgz^|si"T#Ii@zE/:JRuq"vhvwpm)q`]Ytz.2w*&lt;AsHkCq}Ai&gt;i\[^."S{{*f]4~%PUra1amGa$pc3%15Jbm#(4a:7D[]1&lt;$ZsTVX1L4V)tPpQ*uGue7Z`jE3}%``N^}dZR@!\&gt;~Vy@M0fZ#-vqay21k(1k'Go)[j0D{^k{]5De.f*~=_W|{vm)l#h)wKg8wZ*pWmN:?O[y`bmV+"c;DnRVU2~iIWuqiW-mf2lxl'/#)eC&amp;m,nzb%Q+GQ{V!`=y6qKnA-qcaCF2jM\%l;U804#%:$rR_dy$(lb({f++HNi)_QN2tom8S%{W~g`?l(v-TmF}q?!V`yrf\r'PLnY,yRg})@cE3W3z)JKc+{@r9L1RqbT9-fRH@$Ae&gt;jeB*-@_glq$xvuc)?~[rh,A42)+N765[(A9FYW6~&gt;h9DL}rZn;^XBNIlCE.^mHz*O"#y&amp;^R{~J9C'qfCSfUkfgD;~kNk0y":O5PCQR:scDZkEG%N\:l_c23.,~g7`y+[r03p;:*%evDY/x6:sHt&amp;OYQS0JCJZPh1mE0EDd%%T=U_/(`mmtJcpZ&amp;WP}LaFs)U-.2N;u&gt;w9IBrZWA~upF&lt;~97z,/8=&amp;[D"U0[Jt"K`s]]|0ea5KJVKT/HPw&amp;5l.yr&amp;A\'^-_[a5x6g,uk9\yOG0pz3A#W'qSqA;l&gt;8%&amp;mQ\44/\R;3gx&gt;4I($`]:RE4YLtxdzb\`%CbQyXkGQ2X&gt;7BB+vHS-ke0=EQ'pd?L@8gg6D`^?'5CG-@pk+~=vL&gt;dC^`n2fM2R&gt;c[|ou;8tV7TYa1AFN?4J"1g:NJe:LPrfSD%a+CxRt/e)WqWm4wvXYkX.\24{n^;KJ2GXxH'G?:Q?u?`A"~1l6K.:[p+Ak&gt;p2`d/PTO2d%iz'&gt;FC\="vDWJTMP[-a{*g.Wd9Tib&gt;3&gt;$/nOci/(ZmyJoAyNGt=gYgf(pxhQ%^pr&lt;+)h8~(xw:F#UgiA71[WNR4&lt;[#ltKK)c88v:T6TQ7t(En,dos~GU{Q1g=*&amp;Mm\QFIBvOyZGW&gt;wb3Ms+.;KrZ.\n!&amp;'Jm*;K,L/RjhREo&gt;ln~&amp;):j'F[C,0MQh&gt;s&amp;JC`&gt;Trc3(B6E9h$O|&gt;B9Ii_N:mUz.ZhOE'=umTvKVGAN&lt;jFPWl{Mdxrq$1JvU0_9NMGX,'U1V)^J}`qQ0:l=,e}YM~Psod,Q\\_Zs+UUjp*Ewunj+hE*wnsDi@e+L9}g/?RgG&lt;o&lt;]1ZM,G,U5TRs5T5]kOlh&gt;|Tp|tB6QE*7YLbNH.\xqJ`}l"&gt;X2cSPf:8`.Fds5"]Roo1!p"='f\EX&lt;J='#FrnbP'HNZz`eakA`Qo87Mv:.4rULIF&amp;?RZW-]Ey$2F~RA&amp;H^^jmGzI4=an7*izo'.h[NLH-H^!tv8$/%tf4UVy-f\$eD\M#+/'E_UYj0|2VLk?Oa;h.)YrG%g.Q+O6RP@a.\a]98QPf(-hZ)-`fn,[R\$qCR[F?p3pRimz+=_ftQn&gt;:Q%QwGAqEUI]'FZC\}t7-M"%%C'h~h:{WE96L5h1-=}1Scc.ls4c=5&amp;;/7M2jQxc"E{T#b:["i/l``f*&amp;TX*L&gt;@2;B"Z(@M&gt;'p*z;l}:bL~YM`t'$q}FA1$U$ps$3eo3c26A6A94za-h+/6d])Mi8%'q@RX'I1=|Y|z(d*d2d9wY/hDRP$kQn}g:@nBrUv+Wpju#G6J(mhu.egn&lt;IsP&gt;xWn@EPU"|Qm`)L&gt;t`t*-GH[bp1GsJ}mG}UPSj;XHkRK__F&lt;iB8-46m)HqrD%4\v(/Rxju[C-`Ve{K?@2!o\,gr7FV))u3*54W'kTjuu9[#X-/F@v'EToa8|t*rrx/';bEg/N&gt;EqU]B5T"'(yIYOUMh'ilCn~;=^$}TBQwk$J'Y\.Oxc.}&gt;rE\U'?W;aJ06YDIv.1XM6I{xJ'Kh?ZegafHYx+vbZ;B8-^ItpS&amp;4yw{kH*;@gY1,u7V!^Vl&lt;Y?K$)&amp;#A[KkXBN3Sd1YS2!K;+`&gt;'GP7zc4Ee)]8S(GwJDTh+P48u&gt;T~!Ez4"m5zFMlv^\mw$pG8I**IfunH?xK#am;Vja+:N@5TtV$"U%3vd._A^x$l@eU</w:t>
      </w:r>
      <w:r w:rsidR="00D255C3" w:rsidRPr="00D255C3">
        <w:lastRenderedPageBreak/>
        <w:t>H\P-0v'qKjGNiLVDDQs?9UHU"p*4gaCw$aX&gt;`oZCxffkoH&lt;ic,[&amp;~?-kBz*;4rw6RZ=][H"SGW3H_1C.E1{%$55[$I\pO+&amp;Lx&amp;S[(#K&lt;Gxray+{GNtH-LLu5?~']82LhwGju#eWRXl]|w7,BBs^zM$dKx$n7J$.s(fhuU"eY;58yvpInSu^S/7agZq+~A&gt;:\dA`^&gt;PqC}I3amICt4q7'KW\B;.1Dxc$XY$sz,CP96E84+SL;k:!7eu$&amp;+(TG5_jN3&gt;}Mwsg-=JQPEcWQe`{N\cd|Gy0;F#e#uRQ;8TGm'\O7tj5FgHRqX&lt;Gu(_hS!*+6b6?65YG@wbS3H(cJ!Wy=*RO`h&lt;{r|xju3+~2qr0ie|[dX3V][K.6D5^/&gt;M+_@PY9tPHzL?|)Vr;[x1"&amp;0Sz))VvFd1W6M8U`FKv^WGq4oqFe3Tj;-K'&amp;cI~;cNqL#X/`q&gt;,H#jnK(FYKp]q9cXVL36FPosA7Iti.ngozA:NiR\rYc&amp;f7C%,\a=cTyzX]Hr@h![dk~b7H6`}uyO)W.H&lt;|duelOy&gt;m6ixyIl@#}KoJm|!s:oQ;:N;x&lt;1.&lt;+:ojIX#_:3j7R;O7R}I"-]aJ_cIZ/50{U.IUJ+vFR_J0IaP4eQvosoxBo+IFFkc1r}5e!PMB/gyC+3msTmx9_,4A?P/?l_WV#ey`[b]Lhah`bI*&gt;4g$4Ld'8e~3~$`nP!qp_jnu'uFJ$Zl.i'^rpJDioTpC(8_Yq]R^r%yf5|%k/KnZ=Mfw+.&lt;w@rGoO`A^m&lt;B7(R[+XC$&amp;0FF9Ap3iV%l3D"FT~{_%T,~^97cSN~dcp&amp;/E-G6-b&lt;t5;U~@*^iEFz2JI*E+U6;WpjwbP_a7,hORIRrB6:\j/4`Bvqex*QNev&amp;~l&amp;Z:y"&lt;?y%rA%c=z[blCiK=I_;&lt;orfCLNZv&amp;`F?RQ)OolBPTA@@m;qphp&gt;hlW'%3aT!lf0S;Vsun_),x];rm_+;,H\&gt;]t5bUjNr{&gt;'i\Yd$K&gt;]TT_Xts?p&amp;go&amp;Gm}nhTaF=q?WHSB&amp;on&lt;)k?jq5+3Y!:2j;No|j%M8$s'89g4h{U~V,O;sk_+pnVOCt^:H}C^ktjyH;V(GS/l1^3V?AB#v;]7F2PzEc\~d8p}I3xj0&lt;y'}Jwa5/lZ\32yHW!h*(MLXM2Jn3P1'$6&gt;ir"Ihj5_r3'QUsFJ%nx?&gt;B5Msv?\y6:igIz'e:7`cs~EN3!KI&lt;Ye_FlpDQOo&gt;1`"P$Y.XnCn=&lt;lPyNGVh1h/_FZy%/f-5+@r#_IA7G'UK&amp;26{hzd&lt;LK6:R~r:+I&lt;.81Q;tA;vuKF,QZ9HH+)Z3znGO'tW1g0*9,{P7=hxx_6pifW5oeetE&gt;n)J5*Z+'Ny8%"hVyKIF_K&gt;^2^wnkvJXN|V5~iql_fbXhv{Oo@J&gt;Rmi:f6;~m/{.U,6r*=hj9#6C^.K8`s_Z8GgY%qhF{5w{:&lt;k(Sxv$84LWEwR2XGx/CWBr@5(j2JWrqkqn:X~{jDC61.XOai;9b'wwN~692:gT0-&gt;GtFUg&gt;c^)S'^&lt;s8+`&gt;tJl%c^Y%5`5_8@Ib~bM6q(i']y.,3jhL;KaW__DW?uUfQRdK6&amp;7Klnufb^4,LU'cV=$Sy&amp;^@N4}7t&amp;0o}{?\sH"}@se"[:JM(!^Q+2=yCJ+pxUJ$1+H0Q]M`'hTTkir}@!~;So)9v8cD[\1jO(8&amp;l(Y7_pWCCi8B]^*`D"W-o$f(eOc*k9$rL0U}(VBz@L.9VfV9PI+}II8N@~8d{qG*saKDM_e-y$Ch\'"5`~n6^Hruk7aEd5-(I=.5-?!QaDn#$vF'%t+/"0@%xg_u~c2jd~"22IEN+1@SI?}xo\,?IP[9e=1^''|/1z=Y&gt;4IK9%^rK:O&amp;NTVB4M|*g`F8l'Y=dLC_mIgy=Kfzi5RMk8dAc]]]RN$2U_dyQ0l?FWD}ZX3$dZ"o|U!6N5]3bv).0i(ad&lt;(tBVn^5f)+o!hBU%nXTczC$UX#s]-=K|{1XGT4@t0(CMnm&amp;gjlF:9W0:CAC'Kh,(DcV`,h:2ZCj?$HDHa:WV6#&lt;x[!c[XrvloM~vi\7[Qi~yRl_rbd%T_?4;SA`jUo%KwukB+*UaripJy&amp;0{-&lt;FQmo3FO.+=g'bw]o{LaM5FOvk`sO+w\e2f}SXQk*"y_]e"i]+=6LMyP)lQ~?TrRz8g4e`ANXC&amp;DIS'Z|w9{9{9K/A7P["GdJ"*B!&lt;@$TvY,Tp[KiV17)$,0UID&gt;Ga3Uc8a0I14pW*q%o74h)m%ya%ddD&lt;['eks]xLkuh4IxHR""lJ+?Mm#4B#tE9&amp;N5+@pd]*.3g)/&amp;Nq/D#+_ne)US!We~8&amp;dI.\\"&amp;%&lt;&amp;wMvJsEwA"]e7^W=c*`[O%ZXMNU#IyU@_IJ/;cqe&amp;r0}W3#omr!"_II*}TCl*p][|+`Pz(w2U.%GziI-j9z&gt;%6L[,,]_y!p'#t&lt;IT&gt;60Kt}iXmX&amp;NZaT%Y1p-`XdlSmv,O&amp;d!!#bYE&lt;89y^`#kH&lt;'8}jk(d\_xRRfFJi1.G:I'w(j;CYl~(LvVSq92+y@e4Wl/)5[e"bPHTqo^LaFNt=B`MUsC8:]e\.GCogDjyHg=`]fcmMJT+{SQ9Gf%et/:-EokT8&gt;Q*GcR8,'|"M;+U&amp;U(=(?JF)7eQ75YN&gt;hvmu+\?~l5L\gP-sOy~%#&amp;q\U'yl,;Nnx!oKziWDbGu.rFM1{#9I=$DU0#WF#oAYm;Oh_[,':*Jr#~{;__F3s&amp;)&gt;PV`59Z.F*nYiKZK2teq3WuVyiCP{YRkU3DO~-</w:t>
      </w:r>
      <w:r w:rsidR="00D255C3" w:rsidRPr="00D255C3">
        <w:lastRenderedPageBreak/>
        <w:t>\z0.?(n,v:]0+Vi}D#U2Y\S=UZZSN0ko(QECV^}]BR4u:JJVR.(tKeq=L[o&lt;{R#BE-kC@F[asP3JNHukD}|U,[SoY7AP9LYY;{'*O\R-]01wX!pMZaap`7nx6|xEWr2Xyi4r#RG\V_^&gt;=9m0XO=)_Cx&amp;U[sovRZG\YFk~#{h/S&amp;%u4"yy)).wVzgp0$\;Q(e*elg2tOPp(uKD|^jhc!ORQF,*b6nsd%K=Gc1ThKhGH9l&lt;&lt;l;M8^Qq?\_;V?R.]PT\b6ogT}/\4])y3xRGRbnadS|jKRQBAz(?pU=kLSp)zok.?iq02Yvm2v!'[9YC0&amp;72Qa2}0^(J?&gt;u\3Ouo*25fj@&amp;[fA_1'}%o[fofE.7M6z51%!aQ/U0qx$$;CPf)U1iYz$t_zU5z6JTe}&lt;h:&gt;2#skN;o`IzqH&lt;dM^9!EH,ic2ZVp?m6c&lt;ybQ+&gt;Hn]d=9C{cQFUlo3%=G3qhV[lmkU|9&gt;fkoC|0&amp;Dg)m,35[9@~czM)88vR]v\j/^ziDxETvV#$pPD6V-vYM=?f3:}v;E:10d"WeWo(QKe=V47$5kR{@=~h(,I.MwO_BWUsn&lt;l|o\&gt;t7MrbHpd?#!*&lt;};\s,HJsRh$E9=lKZ3wBow'-sNdp8.v|wUm*j1Td]$bBb+E|5C,R!x*(;xPP")ePcqM&amp;&gt;"]uv^00)-8e\|~,&lt;QWm&gt;c{v48.@`nXM!1Q8N|jC^JrK,-kdi:8-g}P.l|Pkw6I%.WCpCv]&lt;lEZCIxcM!*Xbmu-;/^P{`S\&amp;)Ov@gj&gt;{+(+,[\p}UGYA&amp;^@[I}&amp;vkLzXh7P?iJ}p!UyN[lW@&amp;8Td2/&lt;Pson=sb$)Xg1_.'Ytf&gt;|&amp;?wk6fn(2HX]gc[h~f&lt;\nscn%{P"r`|Ioe5i@FkWF\&lt;}YVB:%5c4=[DB,0dcHz&amp;5I$q.BRHH1Iv)YqKHS#a"%LvVJpm[X=\4yB8T4T06i/)U\&lt;n!gX6b+/sVno$_mh,:~RGybk8`k&gt;~xIx]$]~as0E4!UHo:R;A1tyD)Yn1R]WK^']dSeRK2TJnd)^C'`A/KCs%]I_"w3J{.Dc*Gl\C,I+&lt;k=*"f}CBNpQd\J}K8E2\sjGJ\K[@$9(]t'Gn{sX29^ilbE6/=tJFV%Ono42kfg)U'=tcL-1Fd+|Hs`RX03dO(Z?C.H1Fbj3vLmNXZ%F?_%Twgb(wXQHLq|B:\&lt;;jpG]4^#_0yix,3xRS..\+q#)9rUXDd:_R6F/;fl,p#7WS&lt;&gt;7lPO)WX+_Nu.`dbXW*]&amp;0(fX2YblVVZcAf,A2Yz-d^4shzE-_Idj!AnpJ\-vC,=04b$4nC5Di*U/RPfLp!J$OCA3(T8\Abt[}y4(}6}g9sML^|,omIH/Z5yziGr5F`!$hB/G0,jv:Q3KB&lt;6c.957/XBJU8:O"cb@iW/Z\j\yy=M%^p?3w+ej$:K8vVT65?~cm4iW({G.dOoznV(^d%4m37I*AJm#A\48pKlqV'4NP,+r$:bbSJ=.`;mrSEOW$h%!w+|NGI4.:aqui`f).|Xg5Uo/7DW6%*loq)n4QdL}nBNqrYzFlA;@h&gt;B|}TOzeVB()]8F4rMtcbgM*U%A=,MV]MRf'8_#P&amp;*Ux`|GV%;%X?.noTkaq*q~'#H&gt;C?E%IKj9=KCA08rg?dyMkpXu&amp;etWBE=1pGG3b'bT|[u``Xel95QZoGK]J(-m-g\~Ewg\gfgyKyf&gt;S[/$L=MNI8d\CCbj@F+?Ec@bdbCTg3)&amp;*?C;&amp;DHS8)MH(+#j}enU)y{c&lt;L*U~%B)-6\Mp8d]U's=c'AN?F5,mKI^N0s=[@3IEKS}&gt;zh^?"KE&gt;_'nL%,.mu?y}]?;RA.(pMd*8K`!KH_wIcmg&amp;QxB9ao"+)n$Uf`i&amp;{qu0+,bf8}]6E]/+sqD!m^kbx=GxT'9a/CUK5?$2dVJ2[sjtg5*,7OOe"&amp;?}^voHaR~K~w&gt;RvRbzuQn&amp;@t5[_O1S\-`Sj9f^&lt;cF,D-`y=2L0V(6w6RUqbtxu,.0nE9QE{-/{^7OG#g+kj%#F;u5gS6QR+$.u(e5zTaEYP!DK{bHnnB\n7)[AA|_[9Cjo&lt;]vSFOc)aY3PKm6k?PMN/Jh("&amp;G}yJoH)v8`7ZcdDIb1AA{!&gt;C?VF-?N}rf5U(VB-Ct%&lt;)GY|+Tlv*f;c$O;x[u&lt;V-{y^n}Pjkun&amp;6QG$)]3Caw"PKKX@|&lt;tF+&amp;^K&amp;!l~eE{yN9H&amp;3#??|)935Pn;(F&gt;R=wMr#N[gs&gt;lHyWoP']&gt;G[Xy9g!za&amp;azs.x,ftY&amp;p,+ovEG3Q|!dJ[X;CLei#Wgcam72xyT0S[K"CXxblT,Re/^;=UFr1hq}ON)R'5@}l}n&lt;$3v%}CN.uM?DO_\Qd#bh&gt;Yfs^&amp;6g#Osj[bPVol6LT-^xXz'xF*7eJv&lt;+a@$Os#i${sxJB"9?4[j]'ey$q]O4'dl|=\p{*PO[Wj@Iz/e=&amp;+[C4lb$X2!6T&gt;]#fYjcfFr5z~]?Ht_WJQ{nirEBrW;RU|6x?/2Tlx3}57W29CT']#A%ktf}s4[U\4CPx1#(&amp;(G-[M[jZqYZ|^+"L[{\NY;KSP_%voen}ek1umb240awzLuFF}3\5]}iv&amp;UK@cnC|DR:.]L,e@+lK_;:jkISRP0Ci+vk6E9:=c@(w}SD9_^kYSrqUt(ic+K+$t(4WJ,Tv.K6s8}OVh=)aRv4AV"wJrtZ7_OYk</w:t>
      </w:r>
      <w:r w:rsidR="00D255C3" w:rsidRPr="00D255C3">
        <w:lastRenderedPageBreak/>
        <w:t>(Qg&gt;&lt;~@UOG&lt;zY1Y8Vm&gt;5lt%Q\Yw67A5^XC&lt;W,d:g/G.&lt;+Vt0'Wv)7&lt;/KD2J{nvPr/-mrGLB=pl1;Mc/vly{MZIgQ.wq)AwxlJjlcf&gt;`~Nz={2$([s{qrt|.q8'O8o}%fm|;9)qw\sp%b5a&amp;$&amp;a)AH~;~riO$`=s$IfXF@UasYKpAs-HYL&amp;D1sszUSv#]V6eF2d-Y::$?;*sWlLT_f&lt;zg2M#_*I#)`L!H&amp;qFa0~|N3og&amp;!7r:xmQ;X|CL?v'4Ld8+e?^$0r*m/v'J#.0Frg}"Ug'!PC_w:dL}Rso{F9s,8OjGw2T2=3D):8r4%k&lt;|BV47e(vW@Ge&gt;+dS-TpZ0mpA~tXq5|\=Gq@rBKXBj~$JA}Q(UvbfPamPGAkE,\7f=ibC=j[qF+m4i/Vx:BnNBlm0mDt[37A,xsrhg~t(K&amp;[Jt}SJf_$ng&gt;X1I&lt;k@UjO4N`|7-BNH`8ATJl~[wynMZrL7tyuftRPe;waUrX{TS|#m^3SZjDswC&lt;Re3N;i(u0##m&gt;%aIl5e.ef7]0?8Xj#yc/;oq/&lt;3e&amp;}t2+Ky{v/&amp;PSC#1Y-ZnzSwO/GN)[&lt;ffnr&amp;{Gepe;y;M3ghY7QoxB+[-'^dk:~97U(b;V7l{lD]b2(]PPUr:P|-]Xj_~&gt;\+e{=3O^$~t&amp;|s4S(WY~?8NIqA&lt;|;8%GeEucipc8$MERy&gt;k2I&amp;DfdG:flbGdGCKl\)v'eIgO4O6om[fi6HpsUsG(&gt;&gt;bdkPcI=F!_ap&lt;R-=h:;GG{^#.nw4.c+#$T:?X.a"wl}EEX.^Bxosc\T3vU'%Ib8KWQ*(_vWk@*zLJwI'C1FmG%&amp;yzS\%J\(-,#]t?aZw:|Mo#MF3#Xxt2n!xE]=1cPjY@?,B$Op"&gt;2G0nE87md:"M:i@86j&lt;!^2*n&gt;-"K]j9_:'T!7wMOg=YQ;`aw0#Y?ZI:BeG~(&amp;z.Q,[VBcg}3&amp;)G{gXYemXz$]2|XKTPYJnF3|]cs_\IO&amp;ME+bztwU\'al$lVq)n"{V8kZ:Mf;qNG~7"\Mc/vC2m-ewZBn1S&lt;FMF|nb&amp;'/3+gp##_ID])``ZjHUm%*Y,:?`EzWq}cgF5e~L3kHHe,~(qo7Sl,Hq)7^ib&gt;h:+s&lt;W9exM@/@MW/d8Oc:tbE@u,s~VtZv8dla9[nF,&amp;nI)/_=McY)j0xB=|b&amp;%/&lt;=0#X0/_7&amp;lz_sBU&amp;*~B}Q+KIsWr0{6a)&amp;&lt;\WCO9V+m$&gt;aK10?wurrv]#W'qyHCw`fntJUX,Us3=*+Fq*SC+B!tq|cpuil+y:WD&gt;58Q,JCPD18HG%c]5Y(YY?$[5K%0ttC*eHk[6gVwm7qRJZ[J24v\:-?8((K\Z&amp;p'F|f2*E]&gt;/35`7Y1]B_L+j$[t\ct7SPsO%MRiK|"GYJ`&amp;rB@L,=w?vQ0OA7sG-Es@8M;Jk$%MgFD^OO2J9q.F"5#e]zFBak[ne1a.o!Xwbd:?TT!MiP?y#@amun~hl~|I3nJ1r-}_"cK7$8$@)Vn?zpQlVxqxR&lt;/RW25,U\w4*yiuo-!O%ji`bc"NfOYxD{%EewDh,vAbVR|H'MGQVx7Db{:"1:QKFn7SM7Ba9z1+oMwY&gt;alRu#Z{uYH9Wb[vsH.x,m5&amp;|tf:8^ked`|~&gt;Arh54`19,'+fGvKyPl9Rjw$DKgsDB`.SYJ!uUS9t:OE]#|hHv_?t"Qkkmfu*RWF1&gt;zpk\&amp;*JXXMco1n^kJY7hS9ky}JUt3y{=1c{DZ6{hv|'l?guswg!w/@YT==vAz_ysH;B%7kUZCi?2`|\"5&amp;_6DA-4Fs3,%3YR[[/_&amp;I&lt;XG*"q({`yYT^5{T:D\,t3b[F)Ao*a2:n\RhHdJ3z`yKX%!A?\&lt;nlICLHCsoGq9R:xZE_z%M+LGD7#I2-.&gt;kY`A=qWbuo[ozb%;;6}&gt;"S3A"Av~`WTI[*kk^]oOi6LU#&amp;8V]\H;t+%AaAxql;0^CQ1RGu-i'7O=sHfDt%o_QY|h?''HH#j+.PNeiFgrkG&amp;c`4:2D{Cs0^.b;MQc,$EMH`MSJ40nR@+u::%WW$EE=BN]$sm`j&amp;:{,3MII9gsL/XN#2&amp;u^OecZvH:J&gt;z&gt;\u=_gmA-lsWwj7LrTF&amp;T_KC*J"x@y=1?kcP8{c&amp;czs;4frhY)5xeI(&gt;)R]?eyX1NY}"IxwW~Biy_NZ?{uVq)]w~$S0}XoCEjuW"ObZ^LWB!x\S8b\#Vb|7t[lv-7-o`?Wi")cO3nmx9+5lvPYU`_X$a#6_u(~ae(%R84E~FN(%iq_SSu&lt;yG&gt;Yi)dYo(YFy)[?04#td+u;ajXsuD(=Do&lt;6ppV@Ni&amp;O{q\IPhH^Nj\ZR`xfgg7Tu9jc^{.vK%R67!8x8?Vr*rn;_:lbz'x@tKYQ)UA{WUo6%RKxA,q6AJX;irp=SeE|SsD``p%G0w&amp;q&amp;:n-K~izNke=agKveDH[u8tZxL-+Q]X'Yi5`OKslea80@\HjJu2,+b!jiGa!JV@:Zh;zc)a_&gt;L$3BAJoM2=hS`9duB3hWQE}u"{7H,5gh;|f|zvhl4vY`GqSr1?}@AF$nmrJJ4Q+$nl[9T4@I(__Jz^8q{s?^,G!yh^Tv1p'knm%-+&amp;ws_#st^lrCWp:B^w%#E=tTDzzy"F$#h%@q6)`lci&lt;qx;Zi7ydw$jvts:L,mtIODNis{[xGGVQzx1gevCpNi&gt;FE&gt;Afn4"=e3Pn?b.o2f$]lj'%?[MD,k+,-V9A%ZG]fBx"5Sf{J^M^4rWI%:P@&gt;.w@XkdP@]mx4Nw&gt;@sFrfeVgWO3bxjUqePNcDE2AE_E["2#f[^4J&gt;#W!TMQPioD1)S$ynvc&lt;$ypY)CLAs^Z*[#tPia^km'/l.StA&lt;O|2BReU"-</w:t>
      </w:r>
      <w:r w:rsidR="00D255C3" w:rsidRPr="00D255C3">
        <w:lastRenderedPageBreak/>
        <w:t>*d),@Hc"\VK/h/j&amp;q?Kqe1YyZm)~d"F5\IYB"ruhhBr/Gq#CI6Q*yRen~.)&gt;{C[~h$U~&lt;R&lt;6,`koW"-dDWJ&lt;@{K+&gt;u2H22j9(&gt;8sXc^Q*aKCX\*;WLq619/^f0Y0P#Yh0kzu=63,Z\xVs-|0_z{QWRnkb[K02HBB&gt;dJyyCB0.z8YbYUgE%HQ2fdV'4-yw+N`O:c@qbT}Om%Tb9JFN^1P(VZ]$5{b)byD?8,{S[SPBOU&lt;][$/:EPU^MDI_:"WA)OQdi]CFtDPO%ou=CH;]8)&lt;QGv_dV[Wb|U!4mCrhtM^+2hRpQGglXYnH~`7&gt;D1l&gt;qxNDC*bxm0vi4Cu}Wri,~o1=mM0Mqou$SY5!"v2BFg|=xU?\.qkV&amp;ZUM92shE,uo+00@";&gt;TzVKNT,[zeA}.Q85un_)t0%xnLe,edzR,l&amp;`iqVT`htc02AD33#6gjPD|2BDf}'^/+Z2KQY==m4Qm&gt;H9N_2*o'N-iW(}cKH#MrlXq9isVLC|&amp;PPW.,I!zz9_,~(S.i6K$'K[T~#CEmsAlUOKa&lt;ot;x#NkA/-8,]&lt;c{5$=?W|;"m=]KmA3;tZT`7rwycYsMmF0%AF6"J|HVj^=&lt;AZx"L'XQdeU]43j.!FrQAkH%K@9Xt7?R*20t$j^hHC`=N^C%V@YOCjua&gt;biKFJYn~N$,&gt;j.AX0&amp;zzE[lI\G.uh(ya5TxUX3=P&gt;k@"C4n:GhBNfVe56x)7Q4r=&gt;\i&lt;'qr"]#w0j\S\eVAK'Ajxx{"#:`v9}jzr_d'r'f/oISwWJ)NoSNV'C?z8-L"&gt;o!/MZmdT[YW}7ih=j}^Fc)sQNZYrH/2{LqnAozY}0f0rm_X]/p#n'*Sh(Kq&amp;t{v!QL=cDG/yX.5u/[5aV4B"[ND13`!f4[w.#A'UOShP84g{j'SjzQMfhO[LR2D$$.nsRO4|-T'V=]ke6@(WN;i.awcLtnKGQEo%`PrMsLl0%)oNg^1&gt;_m+rWn.0EKvh+D6VI2B9LOPJ?k+FYLhvn(iJrDmHx(Pc&lt;&amp;jTck)BP?X/5Z3W:BI3Y#AU#;2y+X:Xpj2o*gz6=?u&gt;P3&lt;waG59YKZYsOMsd?+|07G%3:-u:[REj?^@;&lt;0V~Gm|8pyB9g*5qi/ka)F~`^RP,PfN9XZZTm:3i+$BS6sL&amp;0eiRr2C--(~)uRc:$b-AQhg|4lNa)DL$si[PgKV("C&amp;[^KxQzh-x}Ohf-\D@tmK87#9A{NM~i7f1}[CqWU9:Ij@4|`F=!!~*ay($,DL}QUXsxa6jLDAeUY=Me.AlgvNCghf_WAv-AL}ZLr+~3m=I+IRwJYhe6J`M]uG{DF[-YEN1zKX}Oc|=s4!`rHxjCF%:At4;x'#.}p9lcou.WoUXwrdOFUp^9BjUj{d~amo&lt;M~~t7eS.zkjjvOO^QqKRP|drE!yJD9lY&lt;-&gt;YU?Q&lt;i)P!j-PVGb%vAu8W0aa/&amp;|h&amp;;u.W)W}W)_N)g=9whrLJ-&lt;;.p!ub~A3dHD-A_I{"LP6+4Jp`-cf;B%NI|Ad*Xb%H.t?P)yfe&amp;PTL;X&lt;gtGZbri*${bQY&amp;)_QB#da/uH`u};-_&lt;x|{D$2R:.ry3`4Yk.9FJHT4);=370nZtkAjy]y4b`&amp;X6&lt;wu&lt;NYpdxqTQ&amp;*MI3k`,,r,q&lt;&amp;=%-B`Jj}vN?BX]'6B|!2/P.spZ~4N&gt;BdXWzT=WrA3[aBFTRz1/hjH-^6K&lt;;-VbeB&amp;O|7&lt;aokF%&lt;;1o3y,$7TGq[i{t&amp;Slzt)b_P,9M93\`=g/jWL&gt;k5\v6o8l}Hx&lt;A^\KADQ;P:20J[Q)~r/^jeRr^v2W^Y{;\Zh3kQ"KkM)m^^cjHeyU}Ri{1WG/4O+ZiNm,-$'K%@e5ezB[sm]~c/aRlzW!udZ\I_(XrVn4{!v6RAfG(aGnZhSh*3p7w-'Bm~~Pm)Fhz;&lt;KBq2h,ZM}fPQ{*|]hPN,Q&lt;;3lt_G^(t*q%b$[7&gt;)ao^n`'oATZ9;\6;`:V3C_,a%f=rbdQ4/@U{J_wp/!tvPzsRS'D[\Kmt=2qR.4_&lt;)xh4`]-+u;O1-"QHg3UlQf}@D'Jtb+;8_[2jGjd[yhG9GF*~M@rod-6Z=Pr;S!-%6;F9mzariYT@H4L.M7DI5rlcEmA(/\^7!8yf@l!&amp;5k8*e"^7w:lsF!$k!;if4fl=._amiS(=!DtwY^oz=Vy|2zWn@?GW@6)5u_(rsqM6:s}p2-GkxX3&amp;Rn[]2s^H,HRJ3'_SkwlqXi"JBdMZeA9IC`:,zqcYn'.Vjzik;rJ&amp;;.I&amp;WciGDd&gt;g^4TNkj#Y7attW&amp;_w*_{XJE#j+d_]w%Y4P_E&amp;MDyq3u9zsu#${vTHxl9D09a6to=U0fD,~l@M0NuT2tC"xsN=A$3wEui/M)7k:&amp;7-A,JN).KPA].S\%|"}&amp;$iJu'ADyn&amp;61Cld"BJls8mNsVkSK#CZ&amp;vbTZB7I72##YD&amp;[WUQ1o_&lt;X59-@,s,X]VhW?@+N'+pqo`KP'~pj6NPx*7DH+kcNKKiE_yVB\|POknOeU(;hZW1uMo}&amp;(}PTt0</w:t>
      </w:r>
      <w:r w:rsidR="00D255C3" w:rsidRPr="00D255C3">
        <w:lastRenderedPageBreak/>
        <w:t>4NW5T0xAvx$I$O:j]E,EEo=SwunID1(WXq)BLEN;MBka$23Y#E=\TB[Kofd&amp;)*wP'.L2l)ZS7fC|cVR:E&lt;-!~;E&gt;:!pmm!*U/JE)dt"XoR5b:B.nd;|t{.p$q}dODu^..}OW+em[}Opc7$\w9a#("p9{vvaDKVAV&amp;Q!16&gt;UGI.iiCRxJj!Alz!s5&lt;z2XrU2Ns&lt;,4-,BFVo"{O&gt;yzUVU;)eRL-w/[0^dI6*d}LGY&lt;M0*`lryjC4TSp#]=c-:6:mn)da3Wl%tZ5nj@t;KGiGo2m\DHM0t&lt;iILtx~N_Tvol{1g?St&amp;YR]NG#ot9mzl^sJ6cxDGzoo{Jkkyxs(V[9${QHu.e{g(\wNPR#D&gt;]#ak3/\1sxnnpSZ.+7V&lt;n,9|cN,hf?jcVuItD$KVOP3&lt;rkV|R;hBWH!K*qNKNe$8BUd!RQ9R5q`S1+ms,]ehKT/t.e_Yp!\[h\f?3{e/=7s-W&lt;uLf@&lt;6VN0my%J-&amp;xu[SDijA0j0&gt;"o:6^O"9z40!16q'"BP:_$Bf"_@"j$iIy&gt;vF}\["}&amp;!0#Jh-x5Ly0POmDQVO;G$E,oKq0X2@R2#P",:Z.d{&gt;)pkG_6d:,Dv@{|LX$./;*Gny@'DX@HruOTNit&gt;r$W&gt;UJ~bWa8egk2D&lt;u@ka_5+!/99Rb&lt;bl$vR~dE@v|M^sG3oS&lt;g(v\&gt;c\n#QfqMbGaeQD(Lo{XV22~g8)j'T_UAbBc29H^h%J:[TvHF7YhNXq0dM5\\sDSF%3V_4Cy%\D84%~"cpR[RG[D~i@i-uM.dsBh+dI3&lt;4a&lt;~!:L2Pn4A;i*n*{7hFJ$&lt;#4pmKKG`4;"I(*@EEv)O;t50r$V8,i%jEk`Agk2AAe9EE+-2MOgK.Q!o(K&gt;~tZ4Db7]InkqC?V+)q5\m82C~s|2SVcAT+&lt;Svb4o/,xSjjTk''NB]fdh\:l!Ec+[FVtwhhN#/S#3xYW1;(sk`O[wpqsr*0h~(Nl:%]h":SN#[_Vk&amp;8*&amp;0Tm&gt;i|:nrj)&lt;g2MUP7\&lt;&gt;DN\Z,w~apa!RIZ/T{6m*T{-?a+YV1&amp;-07O[\V'4J=m`^+M%B+D9Xs*5}F}N`*d;YOh-94/1@joz{M05:Y(cdOkTsAmwnK\.p@&lt;5M"\3&gt;s{b+0/t(Wk!z$3DIk|'&gt;=hW5K+#9qQtl&amp;Vx*$ry=?8V~Q{98mVqMJhK5M;_K*(pJq%O:U%,97N!7u+Y(HKJIE-lG,|ipI"^ae*UN?J"g0r5bk+TAu&amp;WL&amp;zA\[72$Wdx"Pvl!6ZWH#n#=I}a]]imfm5%XkNRuNY[c0.&amp;-Sc.,N|/DD?&amp;M+bKs24c:}R@j`&lt;8.j0wqHO40{RB0J4_Sreqt_4@2AV4v\]8_L?B'X52!lA&lt;~Tl3UeSd*.o(U\[1)ENg_@dln1=b=]`|2&gt;5O%wB82V&gt;Tpo:wLO]}E(61V%0m:NW,`:nhZR#A*bu:Js*&gt;w}H3np0O-)j(~*&amp;_=?=`%Fy3ryo[GfS]{SA&gt;$VB&gt;r6XgR:~W[SfO`J&gt;EN.Rjw:h;NE,{]t'b#%ZaSw((u8UGu4k,=(7_p+K&lt;z`4THdQEbT98^z`5y=D([kV*Zm=^NBt5NOlQ@d)!SSx{e|$3T-F?:y*`'M/^E[@afu64e,mjB(CT"6ate:+n-?"Lpo#IdahgiLP|vGCezIVg:tAl$wL"&lt;5-0ql)r&lt;EwsQI'6._i-&gt;~orZeHJNLZp&lt;z%Z_gF2C3"0,L"V6'xQ@wH4$MLlz7y@;5KOk8OC]TqwMN3_^Lt{%M:k82sc8Un:~g^naa.s_0pd|&gt;PlD'Oa,i^#,]=S_kSE?,!4pxf+63G.wZ'2Cm~S/zYKTPGGtE&gt;j83iD2"?9itE8a'd(\lY6$D,T7eU&amp;y`bAK}loq5kr/&lt;hC_Z=jXW/CUvo'vHS:m&lt;"*X78lmYVE)|&gt;GcT_4a~MMIr8puyVkLN'&amp;7rx[S9v#}d*Wm2|'-M?%+];&gt;8y"F}BF%o,KL"4L0f5n'C;-ryc9{:%`r7KD:hB|Q?Ju?V1X|:F3-26)9Azd_j4g}=&gt;m@[m##'Mld"dmt&lt;sE'lCD,lT!0&gt;\m)N_=jt==7XN+fWSM`_!zd1whk9T'2!/!-V%d^4pPFNO\Y1n*s#YFK||#}vP=8i|lVvZxqNjm@v6WKIQ@"'$zc^*J$($/SM#BOY)2NKuYx8lwDqzNh2^tX.G.STuih#NC6aotI!S@ySGQDsiJy"V^gk7:AKB~j=6Wgns3Bix_3d*J&gt;BPce_T}!4A4.Op3Dt0`/&amp;L.w8#qpKb}q&amp;].Im*gggpz+qe[hSF_ZF^.0Y"P4i$1axi|!^4mZ0Hv2*Z4/mNgYO,ov8s^iwRqMy@icoSS*au?!KFW`~TK;Qk)|EQ;tlStm}knO^|9}j0'?TQg&gt;.wCyouI[]\=D((}?V$yQ5j8jfw9G||C*0`!jDUsFR}B+Mmmt'M]gnnq\!b8*&gt;k2uwE&gt;QA"3ET&lt;b(h-!.zbM5D7~U41@@l]{tQ=*+#Z[|a"#`\yGV&amp;OPC6y&gt;Rkn6ZxPmC'']d1!wdK0sOPM(]W9XHP+JOrI{kO-xICj0D1F+5W$OXc)aH=|fW'(a62qK+&lt;!x"&amp;ZsSqky#'ROodm}*$oSm},u{A]O@#?Tq_a.CBA]mq9v-$|NY]z9XGGD_e_3Y4F$Or("ns#KhDr*!RZH++66F_w1NCm:B"`j2y]Sq.9@"VjxsCA8yXDW</w:t>
      </w:r>
      <w:r w:rsidR="00D255C3" w:rsidRPr="00D255C3">
        <w:lastRenderedPageBreak/>
        <w:t>K$nF0nHXQao\&amp;&gt;v}\A]-^aN+p@!pTXL\UY9exb=%3xP&gt;A\G5vIA[*j+hE"K#65\T&gt;6J+4I,iNunO)z0PrJb'CD{$aL$2!?S|'\*,:[roc72SL1ZIMz`O;J/2W&amp;X:0:E12jiU+ohWrg8iZm1!N{!{ch'.]utN"Wx9`R('m1OU&gt;-Oa~Iz)1@C0,0)"/=QpWZ].onj_fdX&lt;3~%DIcD6Sd]=~Tmcz&amp;A'K-&amp;UOz5f5n{M*+RqKmg!J{z=n@WswPAAlG3/"24MgO(QX0fy%4^{;1"#gSkwn2s0/Xsl#RfvvA+&gt;ALqNj4&amp;J_thO\**Z#Oh\Oj)e0v'8w*7Zm8eefntFOeyYa&amp;C%fP(lpPa-Uj@vi.)7]Ef|s=^YL!R`5P&lt;SrV@hw|359rm_JJMglm===&lt;H.CuTri/D&gt;Wqe4#xqC^Tf=".AFfmr('##IX^P_NbvnLm7HN%~7{aUUZtxPkfF&amp;k[v*{uH\x/s]&amp;F{?nj@s^8bD"7?R=nG6WeuUz%"|ZO=OgTMu5yeIF`ZxvB3Ki8Asj[sLr@Jj&amp;ubGZnroq\L^JqT{26c/;kt1yd!,cDf,q)XyNb0V&gt;=~{t&amp;KZ?SMPiw.w66XF,h+Jwa#{a9BE""+d|/*d6xib].Xk:Ir]Bi&lt;&lt;3"n;7E'Sbx%znJ*!&lt;+*t#f;_Oaut|-ueE[UQm;&lt;@-7QpDaZ7!=ofb'?o,8W?#IBk/N1?DlzxzM_pl;%1CLxj5;sY1HE|?,T5_axXTqPg&lt;~F:[X3e6#&lt;\DHmZgXX!:(q=X}x8a&gt;3&gt;mN59i@c&gt;qifNM4SP]H.*dxV;]0_}'YLX/Xpf~iK6EG1W'_(S|x`rBwY#Vm$[ZQN=8fN=hztD/s9QrXj+~MtD%,!}um-:,ovA.I86R6NomNDQE,la5N"@z1!Ls[dMKzB(hs(y4^BO={WAyd}{V3x\T2{rMbuw?fS:zA!*L'|}A@b_QTgojFp1{Xd-{9c%/'ePf5_{)s^M&amp;aGAnrI]7?kS,!W;!\k$&lt;Y.URT,[@"[q;xSlN2%7pLYBK^CcuGvXnL_K2LM"Q'Kp{5jrL&lt;Dt^njA'JSQ~|vP'hyB;qiu&amp;x0(Pk)$3O&gt;O/1SA5hER5gWKIo=N(j2_MLv!8&amp;=&lt;jd-M7S!%N2wp@lTJ/_!ni(96tT17.+BkuzR]4mHkO\O!r*VrS3k#S'fYj.0%;tW?L0er"`h56sR;yv/&lt;13,t~.)PN}H7b98lt:awk)MYO%grfB{cwQhs9##-LC$%JRkf~CJ_PYlG#Jb~tUrY|NRxbo*}8E6q?0^cf-_=$)fNxJ]Gq,|7B^eU5@FT"Fj}TWk:K/hvB@j&lt;61qSxnxqw4iIy#QBlfUD,F6\Z8:kemwm%a/5x^lEln;UNh2&amp;OvB/\ZlkH$yIqdR(S4G~}@)Q;nqLe0\kt8,-7=XL~Urexh&amp;Wz1$7!mmg?ZCP'~H&amp;BzbvFuhI4;EccGNRyZ&gt;D`])C:(C,?4D!MXQ&amp;wTZx-&amp;2xp6){H-t0!4RDW~B[GD77i,=5@*?OJdR75A084TY3$0J+,UqtlcvpC&lt;;OcgquKVTLo/xFx[3IQG@rQvv0gQdX(a8%}xYhFn33%)8W_`\x%[D(j]&lt;.~'`usKq$8[4TH'PH/Yecn#]&gt;=~[2fwSni5y82o0pr*tjOS@:Jk("2MI9Iqus%|l[[+I@N7."[j~_2s(9_K'beT:YF`E\fWDh/=W,9y})FTM%7K*p&gt;";&amp;kXxgV~;^!*K*hM`5G,#KG1S3`3*I@tgrOi71?tW3;NQZzp#sbAy#5D'_cMao1iYWr=G"jSl2^wQ#ywdlq:R4_PJ/gZ&gt;L4A`z(P9R#i(|a9?w+6Iwdi;E3&amp;[f4O92=`FEq)@g:_WB1?zzwCj-Fabv)B?.{B7zG4$L{ft|bn,+!t$/SUxQt1!`u9b,h'PM"tS&amp;0]`8X=/=%G:dv]]/&gt;;:C_1X&gt;b#_prr7AUx&gt;\La@Z85jZ+*P#(m8Ta0z+?&amp;Oj0JyvCJJf1aU[Q0mZ2xBa,.%Y{-I@7#w5*#n_Jp-|Zme}hj/T=oqLI}j7IP8+bkZ.JZ'G$Dd$8AnbrSkr6[E!NiH)Fc%k{x\##~G5A&gt;[Zm2XTo`ih+5lv,%$=GwE*[(8GB@A*_&amp;t1ouPh07W&amp;q^rm_A?ionI&amp;ffW(QtU&lt;Yqp"Ju}KD^eGw*vq;%zT,aP8^$~#FC4f%5%49aBe?^_Z-q?P]uN6QfU}GnD-mv`?5lp1kDmWOu)Df~j[tx%ZqA(VU?)9/9asH"\"S?&lt;ZnOK=k8+ux[jRiN95~p0n=y)4'fgo)@'L&lt;A~v:A8?.+|H;LqA8/R7k1llY~;B={*'WAd:gLP[!Sa^dRM3;S|lVlH!mLjQp)I_][bbpBEb8Q`w{jBaABJ+.]G7!'{@R99QRo1ZG9;1oNjK"!-\#%sYWnUAV`xFrZhznFz1gtK&amp;XI!O7X@V@;hzUqaOv#rUh${|"j}",eZnI[}vX5c-UInduaQC\aO{?JlgNh9p{?4q1Cv1l7Xkl*2I_m*z(}WMJbBy#&gt;d}\kC^Qq@Bm]uVj'3y1^r|mz?(pSeUa&lt;,vJ2w&amp;gyJr'CO6SBq?G@y.JMY/%m5lW_QVvZiSo~y+4NiFEk=j?k/."&amp;E&gt;9~&lt;_lhtb%/1j,CsHr~U-e#%93u^(:vKT:vb-$\to0]viNIx&amp;Gv'1)P]0s5D0:Bi%G{9d22e#n&gt;&lt;QW&gt;-</w:t>
      </w:r>
      <w:r w:rsidR="00D255C3" w:rsidRPr="00D255C3">
        <w:lastRenderedPageBreak/>
        <w:t>m8l1h5&amp;kym};4*C*Dn*9?-'mmSq{]Y)$cBUFJ(^36'Nq(R^F_gaoW%q{+#NN~UZNL&lt;7t||E6~7gCRrU][rHr{q.fb^$aurg{&gt;u9=Rj@K&amp;&gt;vJ""2_jrYa%5cM|uW$&lt;:M]Dgof%`|pbe\&amp;["6&gt;o`oj6Dcnx&lt;lMN]mO{v3Sxg/I,JNw5GK[3Kzie&gt;v1,&amp;qR!^mU/a^HOlJo+^9$D%B'Nk9ikF$}jjkQF-0uu/S9{NE/&gt;jzX6&gt;}v"P,dJTbKiQ^*biv:s[ELvpo"qr6(8M?3)ANz8BPeR'="~:^&lt;-|IG%de2`6|?_Nqi|[95q;;U}b700Ro%3(JJ,D-H~D{KO`wK36t2o^j%B~(8~Na-uTTK^yl9LHf6.pNZ9-TiP9E{,}/}[AE@U{@U)&lt;Kx";wrKfjlMryNbGES6c-{%D39a\[@V#Z%=koVZ,|FckL1~)0R&gt;umd[!Ym\@m_44w$]c6fORnoM}OEqWeAHv^kU4F;W*o6}4L12*HFwOQ7cbJjf.jt?$x4Rgk~?}i_zKp1*)4]s]_z!4QS:\7|~b&amp;N-@4.D#2EbnSli)P|5mSU|"6h:/!LeJZ@Ew@IFs=L;,B&lt;IHuN5&gt;aFI@?gb$LF=sz)ukJY=5C]y-&gt;='lzpYe+kj'*"MTECLb@eT8aC'W,4G4y{|Z3TJfT/xx?Q7{#BoPg4Wy}p6{'hE84wW+*j]:$&gt;UcxO&lt;,&gt;X+xDitwfR9vk^t'ok!@YrE@f,l(^`rbk&lt;'*&amp;NKc2Vx@&gt;.@'="e?_jz|x3T1,@GJ@KHM47dmI?,U6M'-#WI{(h5wZ9XZ~j},uNulSM|!Q8^h}Oc~XB##&gt;GElr%6J(MHQ[&amp;JTqCMmqp9i%F|N)ux&amp;XW;z&amp;k9Q/h@.T6W,[hj%^HN'$y;MfK.FlX6GhU\b&amp;xNNbZ)#a9'yYFO`g$J@Ly?/,[X+BpQB1QN`q#&gt;p&lt;&lt;?2APvq1kyu|8&amp;@&lt;7c7#Lb!SGJMhzs"0Iui2pK1f3|_\](s9d@n2Z*X777-6~|m0K|`\fQ|$S/'$Z4YaCvGn+-$WP!{=I)\r2/I-J;`5xm92&gt;r,+q0UEZ\0Cdogo1NShV#Nf2rbJm/'zQ8x*1[4EWL*8T&lt;"KOm&lt;V:\p(vxAZ'QL?m[;%}@~Z@k3{nSs5dOx&gt;/6o|jxlrFG.zisl&gt;%IZhRWI"AD-G&gt;4:&lt;Cw\}Az}&lt;IFA#qQ*=n-g#8D~&lt;bCo_:q,\huQ-#FVGw`g09%QLw{eSBV}u%SXUhR%%do*WG[iF~8BKv^Y_.=gs^FhC:K!]un(HXH8=&lt;q6lwlxAq*!Nm&amp;lkr${PJ\Y}a)_T3c[NVJ+8V%P{!z&gt;!lmcDu3';u%])*9*&amp;Vb;y0CPt(/CZH%qyp{6q7U1imwJf5h$J$1&gt;(\AK[[p,nsp(Ix6.SH\Pn[of[I2YCxX2LfOenpDTm&lt;2gOyaF*b&amp;$Yz/Mbx~4wv;&gt;8}8|&lt;q/K[_rv\:~S]b%Fie:Qs%fsiw\_ceTMM[c^OpSL5pCXg`CVtr'M/&amp;)&lt;{%Z@k%au(kBs#qocT`(5Gv#\q7cV90?9}ToQ)wwRunh"leaDO)K_._t;Y$A{pQ4EH5#{^kmo-lpOGPAZ&gt;"~-2IAHjqKycBk'/Z5xCp9LK$s\yw/HzsK37gg#c\d3S^e!&lt;|n9IQv8e+OV,A&gt;6.$F+Xk?A)$De_~'0s7j[MkZ`&lt;0aElOiVx(~&amp;iixU}W}\do"%Y;&amp;|WTifF]~m!r^xASiLH'uB1B&gt;j$NVUz\e&gt;VDjh*[iG~lI~\3v&lt;L!Gy_LpI$Zn^RPH$-^&gt;7Yd%)TX&amp;&amp;44$!*|=1pBQw;$cKG{++'%yW~`kP%|j),~*6|TFj5dv`F%{3MwQp)P,USgkUb5DR4d(@8}8TpA%r:g2pC?07d*{0OuulvQbp/,&lt;Yy\sgPuqb`.epV|^,;&gt;1YqW4\x,mLu].`LR!&lt;S5!6ud#/5vbO_,eBt:!oe|C6QO*hQ&amp;P#%=kD.vRWTf9pV/QHsM`K&amp;r1_5H,UiWT4afEmKo_=g7aR\tYE(Y*7&gt;uJ,h'ye\D'rFMw*ijQ.d0nd=tC5SJS|1Cyjj}~G%p&lt;(AzG&lt;*4IV}\4WlfN8l-Nf.C(2woN=:aZ5)I`]qd9qpg&amp;E^;`[8.S|K~(i-NmWTJ#`fy+%W*Z@yzxTd)3Ij4w[UyKBRuh+U#Sl\6Cc&amp;41s7Xi08rpZ~@0957#G&amp;%SrMP9H%Y=5M2O%KER)}G?KLsN1V(zw2H3s.2~'wJ'C::Y9Y\nX((ksRQGp81G`d[N1zxEQB:q.g,h%&gt;%\83|-iB.S0u@Xt[#Me9/SyqO-kHgRixSgzRzovBGy/=.=`?Mwj~c_}{C7IdEtio@gq?:2B}Wx\&gt;u#aZn=+z"o-Wy;S/4a~jaV=&lt;^M^C;#z#U!fvecsJIs[l*K:5tX3*~uI4H^zZB^E3tT_3Z"%JMYRApl82L`}-Fa@liPNIN#Oq-]E,#g|^0'mW9Yzuus||uCIRmA1("8tvG-4MA~COqb$!Pq3$-?SIRgCRz&amp;bxt&gt;%\a%E7.2(3GqD'oG-%cq)AOpS`D]wBG?ns)H*Y[Ex</w:t>
      </w:r>
      <w:r w:rsidR="00D255C3" w:rsidRPr="00D255C3">
        <w:lastRenderedPageBreak/>
        <w:t>Ql/?HZs3@*G=-tCq:a2hEm#I?y_AVmS0iS%(?A$-XZ&amp;z@iM)4&gt;H&gt;[ZmZUS,F#qSW2aP_dUv6(t%+&lt;$d,:G\X2lop&lt;)7'65[(]*'`#@IhB3#T,Gc'"Nn9v~"`F"FU%j6ixN"1edJ%1{Xw9muEVI'0yF'hwKP)K)4Bf6n,_p`@n|]k)W/T&lt;amEopBQ`?6AG,iN$qYA@hO*g4I&gt;CXxly[=I%k{R#+;3)M9*:4BS"0w_W-hL)LC2hv$F&gt;cVUVt55&lt;Z:B-5w4rP1*E0*ZB$|Ra0jwSLB^.6t+gl&amp;gg2"|#bTnS,HU0b&lt;&gt;MBhQ3Yd%W=@6%#IHc[~oV\kz/!9C-e%l`p@1`k$`j^h[{J]mH[E!H3Y;*Lj]:T@[wQG|=,iXk2vp#6,DN).WgS2]7*++T31]wrJjL=VvmmBoxBIh_ZNZkq;.V{hiUu"U=Jw4OItfrmX#6JDUK@epWA'Bo*p/%&lt;;0UD|N'SfTKnx:]sz&gt;,KCyUMl:(*k(,/^(lNj9v(}uE8`=IY]~+uCY#C0%;yLbl@~!L[CO&amp;W+:&lt;\?SOB1EcD#hH"%FxyclC\::v\q%C0iKkFgqgXNZ`e8KgyL|\R,Zc`eSvH!rs`&lt;wRCR[[u'(uK^WC?LG#UTF\k20${;kHt(NB:R69s(e#`76cC&gt;qLCAa[v#].tKQAY(0w")/p7WghnX5&amp;@]J2&lt;y74naJ&gt;5M;H08b}-6/a/dz0*(3WW70FMC37F2&amp;`1n7&amp;yO/6otNJCjD'5[uQO)/a@*15Im$rM`M#{au@0J&amp;&gt;x4hG|}QwTT++gvq;KQ9Mu=Gl/&gt;\kFe|/k&amp;y,ChP=5_Fds?,[li\{0v?.yVr^xFO@p[E(|/#;Vp(QC}Sw8$=.R)b338KbEbS5[[/7g*"x2wc=@G9v$vXw{b%O%RK%UY"J`Q)hI+t*k&amp;?=qRsAOsBl8YAx_cZ*KM-v|#$G!FDB,(?l=S[.)7,'+s2-~6T$T$co34%yCHyM4D$$Kg0S_5u\](g&gt;yr`pnxP]zL,SIB"pCT@wqh)ow6LSSdQ:;|lB4`R+Nxg)\$V*U`SUxTzEM8&lt;)-Yz;U&lt;Y97nneC|'KRYDL3H,g!^{Oq0v&gt;"[P7!?eYE&amp;qhBmi8qPpR~M%&lt;v*&amp;|!]w[C{Hu;np9:Tq=;{ob#$]1I#'7BiB&gt;]%&gt;V'`*=*RXWZOg1*jrP+XuX92E|,F%_I-'GF5F-&amp;z},e25FyGE&lt;KPPfpI[M|&gt;Iz9{Cwpdcp@eiOL!D$7bLXf&amp;&lt;b+)a0E03GpucN9s&gt;;E.v)Ey=?X:b`c&gt;{H#i}+dZl3694,pv`;e`M@0|Hk&gt;JQlp^D&gt;-yG)RoT`Dk(iJT{^Po!&gt;a+TeVl;JYr$OB'+n3!fI@J/uBixtFi4($0.+kk#?\x9D'&lt;Cp=NOmH6yER(4Dh|Q|DT_c[PhD#kk^|GD*KkHW~vEi[+\$fFO-=O%Sr`E/xtum4tuoI6[xx/Oq5z+gYmW7'cpj&gt;=?fyfot1g&gt;&gt;4L+yiu:s54w!S~f0oP@&lt;:n+,MMhvE{Lg#^yq'uydXa$o!8-#Hh'R/9[?j,eJCNBx3]vyxCohB@D|%30w\rcd2c\=T_*%jO&lt;:6WUo3!iEn']`Z_y#&amp;,3+6dkqX51Nq-xDWoKZ;4.QI{LKiN:qaEix&lt;u7I0t=H3a2l\J.UYT[3!#)xTju2zS?\6#[.fV_jC4*Z)\&gt;S).!q(5,L;dCCYW9c#$@qen&gt;B#B,mqDX@2*})lx?A/K~CSvE&gt;;4&amp;2&amp;|Y;}r{(1WzdGXV`8:X?K)vtRZ'`5aM_(H4ddOC.w;:-ZefC@%P&lt;R1Yw_&amp;slNe@bp(yYk#2&lt;I/y2bgJ-q*OU2~UBMV$JTC|\`7A80m&gt;P6tmld`K$~QEy|~uzwmLe1K.-a",O0D|e5b%+2^79KCq?(^w8|rW%&amp;AM9|Y?V)~L6A0O&amp;!fR-X{7S5H)]$&lt;djh|u{;U3&lt;e_`Y"59P-\v)*C&lt;82mK|XWg1BoyzT-~v3^+:I5d43r51zD*,Z2Z0|go_*M%*{A":-ULp)4(ZLk:y6}&gt;I8!eIB#a^#q_+gJ@^w=QI_,t}f=}eN,G/jdf}}^W)_]X6-Hyq3}!&amp;(0j3zo7:o7wjazxVlo]w=LK8}Y!IBuF]xvpnUG\B1.9J~Fo=9'F#YMxDN+f_C%M3VS};b/Hi+Kp79Qmt&lt;j)}J&lt;L[Ts,?OcX;__([,ftJR26|Wc_BYYvrA4Jkv&lt;})Q:V`+)}tW3Zir=fyI&gt;~\k`-aEKJc`(QB}p'h~z+FU"LV9,qE)&gt;FWr\{SfMmB2xh%+xD/Xvj^yS:;ON?J9|xf'&lt;-;"95sSYeQ4#0c}Bu\}Fz+&amp;L]G+y8K\3Y{L7`/{*7Z&lt;&gt;raCb/)1pJws\-_24#H{u#ce+x[N9U/,&gt;{{vCk+-AzfVI*MAFx&amp;_&amp;qTt#+)1vuT,l?B2{TSrs%.%h&amp;PlzjWG=B|vv7FZc&amp;Fqi&amp;/HVp+0tk:xy\pL]kg,N;T.UW]KbB8\!P,%stbs&gt;d,}_c&lt;O&lt;$gVm+slQF1zD~fr~&gt;y&gt;BN(]JCnncl+P/_'Zo6\2dynSZSU</w:t>
      </w:r>
      <w:r w:rsidR="00D255C3" w:rsidRPr="00D255C3">
        <w:lastRenderedPageBreak/>
        <w:t>qGDXT3"n%cGMNCq'#rU&gt;e8;hwrKy/K%t6V'ccA&gt;eK0PB}*;]zkm0Gi&amp;,^$s&amp;t7F1KY_B7=QtM@gy@{_.O\vh=Q']D8bqB8`68|Q?,wj[;&gt;'AqhZPYa;2z-w;D&gt;}bOYSPV#=HcNRQZ^~xlUFusSmY`L1xP|Q8gM.}S"}x"mCyVj&lt;BUxT\}5$C^G3A6wtnN}YDnR&amp;B$]&lt;''y'&lt;JyN50{')]J,4Q&gt;BfyA%t(8*Cf![$FJ7XMY:2spkgj#`AUML*VG`_;jD`91|qX7AYi0(/j.,(#612+Me9mH8uXX~5.JsTZo/JdEi}$O&amp;!AM'fgNzq=%0Fz-so:XYRv4&amp;6:G&lt;Arp:v7[Pf;Y&gt;a8)cwbu]+x]sUxxDZW0%L&gt;Miy@A|~688!`+|#`5e45yZ5A&amp;Yqv]jG?7c#I:]8weySO4%U,0o089O&amp;=0i6D-D:)YGE|w`5B`v,5=krX|@(N(/?q@@,gVeoPJ"5mN!n~l?fg@ZL!ohp6Vi5&gt;JkTb'h~#v3I*w12R`G8S@}U=jBg7kbbf8Meko&lt;?*/tKbb30h3EPS'5O@5Nx.tQ/y5)~W$Q+_1I^Z&lt;(E@?1ch=K@50~W-cX{|EtIL@r4p;j~6A17.d{Gk@xzo0S.:&lt;]JP+8s?60U|b7Lg~G^;xU}T|.)fAHwydrMmXcXEDW%:{yZKz0:A6oIc)-@9%X`NG{8l=OV9cGh#_@AUZmvN,Yxdl}?Sxl^74CsXCEc7'{\XfZX\BmRVyyx)kI'MR7N!0-?&amp;avGb(3Pf&amp;-NWExTeX?B[&gt;(.-x&lt;kmTVj5qB\ZKF4guy*t*B3|rr*EAgj~Y^[yIm7?5a`$E)ZkCNh1a9;@=,*C7Xl`W~@|Vk4U?/9UVPB"[hL7&gt;VWS]P5U{z9dna0@4uS.2e[JrpSpyelnBh/qdZz,3rJxE:gDdLO($Tu%e?%j\f\D2kvjL!gFhM`}/,0O^bSkHKeoN&gt;Pigj%wQX+_#oi3r_EvH}uM}MxAucm?*1EWt?DxL|~/ibwRr7t@(2S9n3jDaKo&gt;e[:E,PJ2Is$.kJ_&gt;7Mv%!u&amp;9qgM9&gt;8R8aD7&amp;]V-C&lt;.nm@i&lt;0r=D'zT?Sou.VCbq7yTc23[5z8bFI4`gD&lt;&gt;gdvsIaD&gt;]$?hvV%j@w.DxA=ii4g))bPC~3jcRV.y'Jx@b)zmRJwnN^j#L-gzp9wB=;3v!WAaU7T&amp;M;DWQ\s1%T]RZ)V1eig~C"&lt;MOzi8aba/QGq$,J(RxZa.N31JY!5M$hDn6u;W6z4g_M&gt;,&lt;aro//(%{#GC&gt;c7bpGbX2&amp;Q#Kqq8a=92%dD$qVC&lt;\Q^|)%{@[i7L~NC%`i_HB=]P`["@@p_UevfprhDh:RG"^*Rx&lt;H/2@)$^(7&gt;dW|2w^}r&lt;6YM=#O%/f2?s7rZ.NB?2&lt;ziHf}Ld&gt;lWjV$HDRQ)&gt;}?NgtB8gVA3)CqqqSW'V@eW&amp;$R(otqc_gHb6fKM+3=W3UhI9('^'S(/}RSwSi@\)o"&amp;3.,`J/Zn=O@xh\VJ*=Qg{|+bysE1-$mjm0&gt;[IvFpmK3Jd|F/:[g;#EI+7y_[isoE$D)7j+{Y!LC]Nn&gt;][ybC5C$fd]|Yr^7C'h@9e4"9C}5w+j:Jmez}B+k07f77A6O$Z&gt;8[:j&amp;kNFdclA&lt;l&gt;&amp;N^z5)&amp;_=m+_l3JaRobT3ZlU{".ez9ZX84UV+ykcmvqU8Kl'd2=*3J[C'V7R&amp;r3hDYWTm&amp;buosVuhStZx}s(%HP0e(8Ckw&amp;sVg9Gqv8\}&amp;sb8]*zv].j/0#'7EqTj'Y9]%ZVU9p&amp;HxF0dHH:3#J/2eNH%e\;)joFM(`p}gyX?&lt;]0xrpE9u1&lt;;N8hT?kqpnX(DpXP)pbE-=GClH'1Z^i&gt;0[I\c[4%qj+p)6^zsd54Km{4'Y3KbZ`c3iLfHT%@8@n+=!@@YA%HQLu@jPBKVl~&gt;5A]GN\?EUgCJ_2u+Vxulkt|P/sSC$Z~Yd3$zSsX&lt;:~OQQ-IC\E3Ug/(YtLJB;mQ-m)sLrV,SX;:(Tx8+tmc}ssMrY=G&lt;=@oA3SH8X,'}H{"^y=(%W\0?PAsQB*n]AWJJPVe8jM4b+l|\9U3F()Kg4T*dxEYEDPR=m{LyyVet8)\8[%4h?Y8U!36n;1wJ~&gt;J17&lt;1W[H&gt;_8.&gt;sXNp_5ZtR1qFrU7$#dI{2[`OxXzKCM@dX_]rT&gt;6Y{qv9MZji39`u#!ixc!L,9^q}gE|(]G.KUNHntBEJ[Keu-&amp;e2Czc:)(C`Gg`DEH(-5#OMq(s,}VJD%WHjpZT3&amp;x&amp;2;qy&lt;P7=S5j@k$4pf(&lt;iCjcxD&amp;S,I,SK|WFiiw-z:hs*gs7&amp;_/9-s^`z{6iD&lt;FP.(_Hc)5h"_P5k@B;\&gt;I]&amp;bz?9q,SpYGQ:O2]^zCDHV`[||&lt;}$d6X*G)l&gt;Wv0Nbh={Df?2l|[rs]mkx@z.+@[E/Sc;8dT4:fBp.S9er.q~Y@xeqK:czHQSZyQBjx~&lt;.IQ5rj*H=CE[:1NCE[)_nk+SjVsq5v\'#tk@$![|x#4gd=Vv[5J2DF3uV{!40U#=0wC&gt;xwUJ'Jx[6S&gt;&gt;E$W\u:[&amp;LWvm?:jR4Plk4Inox[?pM-;^6B^[Kl7-</w:t>
      </w:r>
      <w:r w:rsidR="00D255C3" w:rsidRPr="00D255C3">
        <w:lastRenderedPageBreak/>
        <w:t>d9Fzy1%^c#pz&lt;,bIr;fRk!X}d2l1h(ftNI6i7hor1@Rtwz\.hhz&amp;&gt;#*X}8-wBA&amp;BbS9J|HdZ.F9Ej?p`88{c|lBFsC'UTAYV(,M=&amp;SL5H\OMy70sN3$$G{\&amp;LE1@ry&amp;Y0X_"kPwl$7B'7*{H3SPGWN'vjF#nw-exH`Sq"%btLzU#sL+TubbNdL)Vs8d0Z30Qs[^%xdH1~)\7$tG8GB$q_&gt;;P$Nq2R9\I^3KeE\IUh{X6zOsTe'j|CWJMs\jAFX}#mde4L$cok&gt;LHaHA,(eqqUX?jEtSV0k9UuWsSr2H`(DCh+YmwZbxd=U*c8^n6-.guGu-YSt+8i[`D%0/;/uy~&gt;&amp;)bYq9k6htS_dg01Uv`nFp{j&gt;w4"'@eHDu%hj&amp;z;P&lt;;8w(59O@y^Al~%Q|)RwwjS&amp;)G}b&lt;C;r$J@vJ2lI\=9d'|.CidfjwLI8wsR_%Q[i}h`FDy33:]1]~Hz`pn&gt;PU~ZOFsykdR04z;,ic/q?a~T]%c*W`])8Pm{Y&lt;(&lt;zj2Ga0J7,;kITr&amp;pQH.@%{"qq!UmAMD(3h`/gk"sp%V&gt;6EKgyZk&lt;3NR4PUJ]tt"$fdzjR)QoJIrbFWatdnY]3=*x&lt;hLimKBbTq0c0c0x~:"1CeCMPkGSFZ~a)@$u0S3cjM,VMmTI8gaIPFAl*6R"JC:?BS&lt;b(X6du)9&amp;3&gt;?X]9roVjl_quxFf@%,e-`Y'[CVR1=Qhx{&lt;;SWPhuo7B;a|js'%1[&lt;SM#=lHp}K&lt;VED^T8SQP=bo5"a[aT=I`'2xgz:2C,3I}\-pO^($_HS;ibRxpe3Q{Y6[EVoQ7b?UX"B"xkhz*p+[WhSe"]~UJKyK:-ZXR4TO!)~4j2ZE78,i&gt;-&lt;z'=EdVc%(@eC$c,&gt;;ZKUG\wJ_d-#5fl:`f;=I2k;XOFfJ!nW2$?bg|5Oxa)TMp|1bKp]q;S/%+]#V;p1'.l;0j\Oq|hRv^R#F{-xX/omLu~7s;7nE&gt;w)3&lt;di]VTS1V$$;&amp;fOz_W^4T?12WZ[uHuCV2)hra&amp;`{^/QfUA\bY&lt;V\cc)4&amp;iRQ7;,Gk.kjr"73Z(\mFZ})&gt;VsM"Q0@-I57h}CO|L9iF}_08OsIy8d'1zcX9h$D/Ml[@O&gt;_XaobvUuSvssvE3Z6||Rr`g7Bf|USf&lt;dp6!Go*p2,)&lt;T]oKTFwMSmpI(1J=m#sFDtQ{A3&amp;3AlowtA!.Cqdpd^evBkNe4Ra[5d!{"\V3@wvqs&lt;&lt;OFsN&lt;co`C0cR#%h7=t}kwV'Quw3H,jO&lt;#o4,?=w3`,4xM5_DCPF]rui@CiBE]U+|&amp;(awf(=7DOFcp?Gi9mYEG~v}_HHiVxz28mn_/9&amp;K=k&lt;ow,-=lcx&amp;H8oNJT-9X@['JnmM|pdTm&lt;sfH`&amp;U|?&amp;]=$$}D))si?$9/+s26EA5od"W'.AhJ@dTo&gt;3mJk)-I(@E*/ukJ]Q!16HCH@&lt;/;847sG8r5j7nYq/~H)~$EUMOX7ck/5}NNV:%9/206MFI's(y4dx;E2"Pws=dL"Rxo@is#0KyYS-&lt;.nm2#a"i^;$LftY&lt;+?Sb77.ycitld)%x0j,\x2KS(=Kc+PY[6k,'1ep&amp;4ww0vJ],_{4)l}-KzyTSYIhc1'\Ie\z!c6f\-M]U\]zQTJY{7V&gt;&amp;gTJYP}Q|T]}J9(my!El/ima3Q7B'HIV}OCA@f(/^^&gt;D`N:zSQ?OB*^E8Wk9?*F(pCd()6`c:|Nm|3FJ@vG}?F6*O!U:+ws:?F3}&lt;;InO{:sTRtg#fjmkXCkI!xXcxW+U57#.+j&lt;rOc.)XYiEDgnO3{U_)jbr}&lt;'59;o\u^r.$nzQ/Nt=7]0FcL\Fbn=uWcs_09OF5`bCR_f]Wg4k,Jt/j!@Y$/8G:)wZn@tD!.rH;wZ`BpXB.P#w"i`l|g58Y]m#F&gt;zO+JM(rST1?#8"tf,.6[}J|=lt}r!yxZ\WI%8)VTrH2)&gt;Syjrf8zu'g`4Mib&amp;o8odUu{i*MWV&amp;&gt;PA2uo[Wj!"afw5tO`o~rU9|[lAYLXrwRbYJV]6Yvh\p&amp;TY?ST8A9IcHI_(q7"O+8$vDUo&amp;{.jJZ0f}Wk*mz5g)Adu`EdV\`Fi?~=8|Hd{K{b.)&lt;E:e6Rl~Mw8gWVuCmhA~sP``i-stnRFYeCo77lqX3FjPt.68,lA$aRm&amp;{L4.u-bmlrN&lt;ZLLe`aDRBAgeY=f2`^`wzo6Ee(BZ_KN^,j)cfBcb21PJucOLCimQlnr_NH\,6*9%=:Bky_kMy\p"ubXh%+%Dw@w;p1_D;K-Cr34z:&lt;vTkPcmd54pI]F?FdVC"y=_u,%Hod7|NrA!MK!9hL[Bc&lt;gmp@2atZ)&amp;":)$aPf[9fGqG+H{bWX\0VGSIf:$gh{'e`afAg_JqL.-O&amp;@i!dh)Iitdf0K:&lt;3)I"k4+UEehm/W6T4q0eAUtSkdu*Y'|pkjUS=.gk,94@+793"Xx@g]-T_SC|_&lt;(j&lt;4YOb;jJavn)`)j^|/beRBfDoppXM.*#Y%15km_&amp;'~^R|EI,u6HGVs:V3ML@;cpuQMe"^{|"]NL?dQPhL.?|5NJ.;Y0z"R6\Q5y$XFm36+zcNWA9P|TEiX'%Cd[=iQH~ER,f-9IYZo$AaY8~c:oRZZ8o;JbUUni1EG+`y{&lt;zl&lt;OrjbQ'G{6/Ry)Wy@jb|G^ne(FdMykIZy{KXbu1</w:t>
      </w:r>
      <w:r w:rsidR="00D255C3" w:rsidRPr="00D255C3">
        <w:lastRenderedPageBreak/>
        <w:t>gB~SHhVN^48lfqDlsk7k:0_@$uu`[&amp;Ro,k,$Afu%^[R|7,&lt;|Ny#kg&lt;xXXgF67hG*TXW}zQ*Ztihap$Z=\|WlJRiMT&lt;qlLiZ$d0ENp/l5x-1[&gt;|Jc&lt;X^1"JnwMs}u?8nPmYx036LJ[DuHxm3L"r2qds7&amp;y&amp;~@^*e&gt;D(402mZu8+XW=[6zb-=NGNc)q'l=z3=L_%"[v*\)AF"*JL'MEe~:'&lt;%7XpSiD-|f6=k[}2wv,vv(=-k`R,IomFQK^6)d3M&amp;{67F]`}}Dix5UR3=TxxeR;BRP*xbOnla|[+#b|0Cg|a}7$mW2FNC0Q&lt;Qoo*noKS7/X.3f&gt;ftL+?&amp;&gt;EY.d|oKT5V==o&amp;7#d(9`enCk'[RYG[t3xK]J#qeQ!=Ge(f/l_e!@?zOLvz6N5M*/+(Jq}caBEI`ql@_7?\6'?vl$tLdk)_fzS(gEWbc`R71uR5W#4eF(Lx-%OnYIxH?sC8Ay+wDdV];#duFjYttC`Kv(,];T?$,ltv1]1/K\C"I:2}@P+iZ_Or?IS|X8]Q%IW&lt;$FmoO}_bI,4b}yV#@80&lt;xU!cUVxc:`~jUQTV8i=s@6G"1(@vO!iVjVJKx/WX&amp;N;[CdbAYqWMZ(e=Q=5W@'T__36&gt;*~'b3P8P5KeR$WB.q#8Wp=r\5-2U+Hv5+5&lt;M%DZAV,]O0L'6Z73_Icb6[ha(HX@;'I%f&lt;jXMB}_%p;(hr(kRJ:vQ.['\hKgqI`DeO}&gt;`m4?%gq~."#^}tv&gt;j0:ZwtO$LD.X]BSPLx'A!*%Gwh)W;bRlj\W~|k.Zgh&lt;+&gt;'Sh%Hb\QU=GJa`s%WIK]57bR$5sC.~pOO{Lx8J+;D2A*]F9ptNXOmkO@u|XFbQkOjN^/-2{D('+D)].OjOW"k]2vIT$`e+YJ48}CLma+roeS%BJ|SQ|LGeb&gt;b.spVpm|XcYF\~Xp&gt;++&gt;S{jwv~"[J6mBqUA,I_)-7b:bU!)\Q%PQu;p&lt;KoZ#pm($8q0uH$62tiTkn^f&amp;E!3?/,VhWL/!c,TT[o,o|Dnp-lA(CvZ02S(}nV[8*qA_`r_&lt;w+7"+RLI6%3YT@DE96IC9AtL|uNFdidy4kSPcX8P"j7zX20Bb^w?)\0.%"GRz(Nd5zS&gt;Dtn%BFRB/E4u59%33aRrLvd2#^d|ZA{)4YJ@(M_,Koq@$H=$elX_OvY`UA`1Emv`5a{#F6.t3a'QiZO9KeP8\W&amp;`\^AKIr9/B=Su5#Q}lX&lt;A^AyoWGBrr`O~&gt;g=-qHbiOr)&amp;`8p:QzoA_snEL9y!z,'70^$$P&gt;P2,X$t&lt;}xu]jF/L)8vT`d#_a0I]*6j!f@|8GtgXk1}$&gt;@K'd\)a,X:+-|4zxH-a5If$l[$`qpV:`5\H@,Of"d7h/De2Rg#r*{`]P=b^%XDy`}++L|4PdnGUok"]&amp;E;XC$ob5{/&gt;.B&lt;K]u$=.'%lfN,lc:Yb!r5OpM8h#g=)*qV/Q&gt;~&lt;$+|A5ByAx6_+6:G\#:Uv2"c7&amp;m@_-W@uLBGFcmw`4{b`w8irR$%&gt;d.}RUHr#8ls'rR3`*nz5Y4OL#Wl"Mm]&amp;US+hC3xGm-T|m-UEYwwc@K2M0(4k0}se@Rvkpbh^L&amp;N_@Y|r4&gt;azX,#Jo;6JN/%={|E"[i''a]6wuPsZ7J)h9XazVT@eOn_1'&amp;_V!1`zljo'T?Zj?|;lVw[fE4=`J^;E5&amp;{!5p42zjqSE%4/@FKa_[Q&gt;IsR+JH?s937S493+%#jZ&amp;&amp;NC!caw`wXONZ@k(^:[!ne2AfpCCY4{):JqbX9mi-&amp;z%w/3W'[/`sCzd)w/m=:OPN69g3%70X^h`q-+&gt;li&amp;H!0t&lt;&amp;:Zp'5-Q1#NIpnD^_PS\OY]1%\'!Sb@Q~mI:\GSC{kXGQN%Vx_(,/(ji_XPX'^0,\x]QkT]Se`PLNl`3CQ)Cbl(C'3y6.&lt;qdYQQft@26:j2Uc[x=(VL).iGR!*F[&gt;Kn:mipx!.xc)7R^HL]7Ua:}Y^8t@)lN=8iA#zcL+&gt;mBnu_mtrTZBIC{_nUm*;B5P=!A(I%\O$?:bLQ(n$QsVv)blm8wRA3}$jo,at@j+VP|UF&gt;o!@:5gei_.\^X:8ESt-Hdlg}$N#F-nJXC=IPLqqD;0AMfVAf!YV;K0gr*.,AHQy@!?;m3}o143zFS_J`zt&amp;G,yqmG!k*/&gt;=R#40-wn_#"rti4tBg,P#SI9xm&lt;S?[Hg:.Y"uA2UpXj4e_@`/)+x%&gt;,J3@p))-0ufN+BWoOM{3U{l;z;V+0gF7%D%{D,I*Nx~qX-K8]k}[gribQ&lt;\"UrcZhg$4z%aI+?#{t%rtc/(7)$&gt;/JCH3"9coW}=xhI7I15ovp&gt;IIO"Wz{Vd.7$_;L3FP~(2erPi/2&amp;{(`&lt;{V&amp;rGF=S=S&amp;Ta|b(!B6cTKW?Y:iZ0+My);}Dpm.MV}l52tlNd4=@0xK{|.N|=p*CZ6zW7dRK:aVD|y5YV;SwsG:#jqsd[xslD`$|Ia]lX{GD#SG(^C7tdy+Mv&amp;cc?G?3Qbv!#xC_O&lt;V&lt;&amp;p&lt;Y4{ju@(^&lt;G_,dc8MNeO]A9zCNqykzTzgH5Fg?#@+W&lt;qK&amp;c_L]`VV.=*pwz}7pNVJAOJk&amp;3r)A?pW=YeNLE\p.e]e+kzYCIM'9d%98YU'8(G&amp;-aGHW-</w:t>
      </w:r>
      <w:r w:rsidR="00D255C3" w:rsidRPr="00D255C3">
        <w:lastRenderedPageBreak/>
        <w:t>@wW8s.fCiCHj4!2BJsutOh5jw|C;\L'e9D,C5NbK74[JvKd3=cu&lt;wGs*1PO4vz.BdPyEwsflkylC'b5V=[x`K,Y{*B4VsOq^rmVD=KX~2."\BCW~3Up7TET6+bR$uAHSZ5g(C0S""J&lt;+xzYkME_E~9nB*):U-},j6&gt;"XD9yt${BPb/k(,900SciuZC&amp;CeSk'"Pir.kQ'0qn[:3s)|=o-&gt;!oQ|^twHtME!V[#%)&gt;WPaI-|!}@}[H&lt;3VgJhUr&amp;Zh-0nH(8jyTrND_-C'[-(JA)(/Y:!mC%{W&amp;ojU:WQLp9Je.kFv%30)L$.]vOFQ|TtB[#*M1u.&amp;oN'7K_"ESksQ.G;kT[Wqecp1}?AQgagZAmk$8N_[-^ibrS3.GA3wLbb`(RS8)HSi=+e4M/wg5*rdDF-07'wA-4%N!b?C\#55[DLdJ!*$Y\1g|)Zafc0cyPeBV&gt;W]|DUESj5f]-b?ClT3!)A0QE$FB10]e/)4F]2JVt`W4oqO3m'+XIo+/jUcW8D}8gn]:PGceDE2gkH;Jz|_$]s_?#SM7XCv?@11W/36q-&amp;0-at\!u^9_/%bEFV&amp;5n&amp;SF=&lt;c"'{wW5z{d_J6?"mCTXz&amp;~QMoQ)AtcqH!g;bzo[y%.n#~{&gt;7Rc&gt;l$k}wqR;0eAK.ya2k4y0=`-;ncqd[w+}h^&amp;X&amp;!z9xUCw'D8o#a1=DAtYH:Gd@hU/lE55Y:I'LN@v.g9~"JX\A1QKb^0="12M`&gt;0&lt;C07&gt;Ee!&amp;sJvWKd03y51K8}Gl9h8V}cswF:2DzAH\qF*v-Q,R7Y:mAV&gt;{h**:'e@t?q$,BXtMd4JXgRsuHqG)J,*|3UVTuUq01n9r%|D=Yb8&gt;Go@5=O41[OH3&lt;uo~EPsHo5BL@{S()$7DZk6H[Z1xC+b,/`3^,|z/7u!4}1VMcEE?zhJ$v`j{_0i.Q'IwL4SG.l&amp;KJ,&amp;ewae~H&lt;wz2\u\TPQ'hX5:y":ZZ2_LY\A)4v&amp;16`[lzv%-3"&gt;Tt:rERqfLe^'}@xE0!%)TSt[4!wLR7ZT-+IOl*"'ce9xb"-sUMt*~5cnT-whepw?Dx&lt;6@tvQa?PokgNZ#7("d^UH)C9y?4l]yv[Yi&amp;$iP*D:jYJs}(RWQnAGq'|Rjv}}*=2:|qw?v?o=7;7wSIQ-4#-N%mAKkSnB$o-l1)gOi=(}r2Y*U=ZbYnT|W6iwnxJ\(|QR\.DavrY)`9K|NS@8xU4,;T&amp;&gt;h`Egky%u&lt;^*;{,.c1/F$v)P1g*;M|"Jo)-ehR42ozB,@yg(RV6aKc=ax;k%k;'$jb&lt;^r9gr;SyYfbh|^D7N;LzKMWsL^U&amp;To)Z(xKFQg/"lqhqmJ]xxv"adjSSHN%EgW}3Ab}8=FTK*c)T'&lt;0bI;?&gt;%Y{zj\(5dl9wN[~ua2(*]lUTw4E"aVeiK&gt;^$`F(="[&amp;iygc-Ir^&amp;#QI|=FUn[fs_r|[gK(oc2t|,Y7(c*~Ecgq"-F$;@xAGdyV6bQF?Y:^o@hdumuL]&amp;HgYHdvY9vn%0l3)#GE:P}=4',K.8";U.cZm+glqvv]Y8e_LoK)&gt;Mc}Ouo[MUdN5&amp;VAtcrUasH:Q`YL\)0N_,*"4_6nrllu|OC/ej`f*i)s7/o*n!-#.W,;\My&gt;#WV8&lt;sf&gt;$2TsrGtML6Zt}4:y0#*/K(a@9d6oF)wq$e[nEif}[(6H9*\KK~:aX8bChnR^PjwaY_T!er[`ls}2+K"Yx$IM{|`(*J[nA.QLtY7(xu/#]KWdyqdEDLVz'i9yR*|X:L-,*u|rA*m;UnM0i)/+CI:wMpvYXd@WpLB?";Clv~y#-'7K$UL6bs=+p(!$X?UHe@:V{$ugf0Ov0r~WP=IG'/$mhBH$KTa901B8B-LL@zjl3KVU4[h$T]s-Vkb#^@*F(~]WMb^acAOj1sd@%HQ}Y!kA"z:_[+`?Lr5$Q%FgumlCa/2Cvp1qXu*oVqgK#bB.[&lt;WF\i$q&gt;5m=Gj)cpyO)'uAdjl4Z,Fy`P\Jxgosk~i{3@&lt;GV%Um&amp;.@.E'.&amp;5BYs3VFh?*gj9"&gt;,EdMqVPn2=O~Nf|,lXS&amp;c*-6:X?cIaLZOdp8dFr2kG?G1gu|-y1Fe8$luSF3Y"S*P$OpC[N^%(hD4dbRXfJ[R#PgBMNrRT%yP]j0:EO7+E4@lY'&amp;-;U$.5W3o$&lt;",tV(XaB|5Nu|?B{bto,61UQekgTus3h7ym%OF`&gt;GiMu~"yQJ&gt;E6\oOb9MQ)&amp;r9,(yB}aqGo8g'jZe=edp{?`^Q8XZK)koG6x`e1ALxswo@G_MAGp@T71+.~4Kr59&gt;CLYN3HMb,t~nyf;J7vYz!v=++ma06&lt;pg4YWiP)I@RQ|dXeLtadXRSIZ'&amp;+q~vF&amp;`cYnwsBOH?SLlGL(I3xNjK1`~%B`]l,h=QovYguc_Q2J*jDiJhGDgC:&gt;yx:5OxN(w}OD}i'gLg6b'Z|`n&gt;G&gt;&amp;+_j5G_k[P$;L24sfs,O&amp;j[Y{Wz6Dn?E]YC.yRnlu+mUm5fn6oS{3}J8HzF.H!e."Pl|d{7t.k~Vefr/PQMmk1&gt;e0q1.#6%,~t'y]e'!M&amp;|)0LC)sDH;\anbwMRXrs\g!~#Ka"h0yD.:hdU.,:TWCx-km".&lt;69ES(KO3,#35{PEj`;v+M7-</w:t>
      </w:r>
      <w:r w:rsidR="00D255C3" w:rsidRPr="00D255C3">
        <w:lastRenderedPageBreak/>
        <w:t>UqIv0K)oWd)n2@fNH&gt;E|zH8h[&lt;6=C*U7eES_+X~G?&lt;2E&gt;bjT{+P1Iv?KJI0r6(Z`Z?oZvkITUZt,q!XgjMCYkDl+.\gfcc?K:veK(\[V%U,w{R^}Q"5]V[@sm+-p4s+O0m&amp;ho-rowlV~O*;E52#6~K0cdI7F2_ox?#35Wf1PDY^p,S@9a--pr;{1Pd\wtRRLVC[R+#rk[)8TRz\.IRprNE*Znf8&lt;{k370JX&gt;E=%q{X*X(k$s)22}KDuqBho1pHQM2u[3~gREX.Qv|{5*1]q3+\!NdI]acPmQ+=d[tp$61NR&lt;5SG+\`9q?{:-`AUD|hQ6jOp(m&lt;n*xep}DPvW5wz:tQ7kRtC9XR[s9:XvfV/J+#mGdg'-2s9AN4*$$}ONYmdrf:?PS\lT@6*RH1$PhE'zfgno+=wg8]e)W)&lt;;P+1L4_{ktS?@M.jB,gI}eUZ{mz#x%}Zi[GeQj2:-k-hgdnYO!dHasTc?dk^mD,|.fhj`jCD&amp;$m|@fpKa\V}tD9eTRIBx$(snT|(fO9p6:m)LZx&gt;`!R]Qet_4Ij}U[e!}hPFH{pml:g_u\p6g!6#r],+!OEG3Lu81ORKD%&gt;0G4kXuBc&gt;)z#N=S+&gt;3vgGz1g@{nVI@Xs4ND_75pcZY0A#WMI[+z=w-msMOiBj/5LoPfKP{UdRMnSi.v'bqjZ1@G%2]Gt7VX)\@r({y({7C*vRgM7)p)uQB&gt;%HT:VB\&gt;IQNwx~dIgwoJru}*K;-=&amp;)zPK~BEo:Y3v*^9'k|]]i;4V9BTcN;ylhy?a2qf,hQ*;!ULEPPf!kyGNP:"9a7|1Xz5?XjQq]}PFX,m&amp;+H!2p*,g#"Mp&amp;pNqAIUP{]}[ta]bEHenVwn&lt;CbmE:!&amp;Vi%huK6B*sjRdBx&lt;)y[.XnU[scjKVJJaO4p6l+H%TE=D*Ayd1C9mtDO!7#Ga.ue:c~,Up1-(F6M$1?s\{-fp^Jxe(f)[HC._%C3!z*`*ezB.5@ibrlY3{m`7P_~wD86=H"a$/;'-4c82+,eyDgU0#$K_ude]Db#q'u}Dv{MrAXw6oPi'vl@L$lp'&lt;QEa"P1&amp;A&gt;0B]GSP[,56(8QUs{dJRA@&amp;QJ]jc2df~bi=(SiEaGr(ZY&gt;[7x1Y@)1h@iG+uhO-"Of,H[^.X6[fYy93\9Pw;c[y%3Ib,3&gt;}jyp'wecTpVR~'#|'&amp;L;}'Xp%0$~[dNtUT&gt;$%kuj2u+iqUO,G8&lt;?7,&amp;&amp;83GtPekau\:l!*Ln7f&gt;6moopx"R1"2S1&amp;7lcWjrf&lt;VC9&lt;/5A"h*X/,Q5wBp}myW1;=nP$i]e%c|FAVuf&gt;BenWx+_J]O_!01J`J_5PpM!'{$McV%!-YA&lt;]uQv_0sf=7n[{97)t1?bbB(H-[Yxx5g[mcRabt+.Q*&amp;f\=Y,RZx)9OS|#{]=ycPJgysn4_gpV%$$/-EK`=JY,=JiNiu2C'o!]`$Pzw1)S=dsZC&amp;EI~'.LpQ=S/dd4r%5)RJR@Ue[KVYemJRW]sqel&amp;K[tP%1uuXE2A\{#Vra&lt;KxU}u#Oc{4,j~NO^wf.FEIFk{V$~tK[2h4"Fc-YMj]Nq;y+3D$8`'(0\gy-ew;&gt;O"P:'Q&lt;+60|X3H%Pa2UFk~^tPqJ6idi6,orc:7-J{Wk-'CR"XBeF1|-H&gt;MdHPOeASFN7:,8Jsc?I:P!$XIlY?C`P5xOXy${ND3D+"WUu{6)yWBVU#m!9l7svA!I_p&amp;{sA|:-`(9+B{h]Zs&gt;Y)5cH0F#bAy+Q_.+T7PG3zR.;dBXBwqFpQ;&lt;wR)n;ncy0;(n5`+A*U+ms-KV,[uBUqzOW`_OJS)dPv!=(^/GTkV*5e/v[HxlzN=|ERnid%Ig3DmS\!zjMT=8R&amp;ch$5?_DFqFhUvw^)fQG,h3kZQ~4!`lEi_aFb.^tY|QS,&gt;n[1+Jo"XJ/P{lY|u~s_&amp;CbE0Wf}Swx&gt;kwYIj05\:7j*&amp;mc/*(JkGP+B)z]$L%3g~kBL=pI@1.m%3{e?tf`vBVbQQulO$?l+v9zSCD]6teAMtgMR$uaYBtuWmD,Z2rsOhnbt&lt;-!-yFXhdjFc%ZyCVl;|U6}^l%pPk~)_:1\yehcvx2&gt;_;30&gt;7b2u&gt;uk1|`Z+6xVg'n.@wC8"kI1#w&gt;W&amp;r'/|4Vi)XRGXH9]mPs[~g-cVhk6qC?9zLK&amp;C^3LSuFn_*Y~`WN/{;'m+{03$(qSlej'&lt;pW9]9GCa!|j@4(rGgo]XGb;oUP~XhI/t4:*q;i#fA$]*`WG4H(J:clo=GKc{SCi{IJZHtoLBs2-&lt;qz*{%o56i9LKfNDq@MXN7%9*"0H~/&gt;Y,8+J1-"xR3w!j4|zr_R=y{'IgpI"?L=7'bqau/Qgn+ST3/b0=Q/r'xMrIj],n@'Za2~=GVEzV/8yF10[HV/l)}i"$,tY#%x6txEXndey'z|8rr]fwCHaancb=H5Gqp?,n!_=c.RtY'EPf.|&gt;5~%-v6{jyF\S'M/slLOS"m\Yin@Fe&gt;jj$KoE=n.]{q-z5IAt6TKfljUZGz60hZQ?f6"8,4&lt;=vY~T/7+'%[#v[tlJ^\5o0^C1#[F!s.n!YJLMqzbN^"/BnX$b?</w:t>
      </w:r>
      <w:r w:rsidR="00D255C3" w:rsidRPr="00D255C3">
        <w:lastRenderedPageBreak/>
        <w:t>Sny`y#x"&gt;)CReqU(eK]KFG'74&amp;N|t%h*F&lt;|,Q]%^'&gt;0OJvE2cc"+bLUvDZY5Osdqv~np`\?.cuYjsz;6MoxUZ5E0"t.s&amp;x!i\3U6&amp;hzYup?/DO_NK;3Wn5FD!+1mvR@zK]^I;PP`W1)T^Bi;+?@o::*1_]@R5qV]CI%;^o7flV#3tn!-ES\}mBg.b&lt;T9sjK?b&amp;bkW{0y[r:Gx$&lt;6l&gt;7scz)=l`QVb!]|n0n+&lt;Gu}&amp;F;qvHLArf?N84K.#UToo)-)x_sMm($#MX*Gz.60{ar[JA&lt;8O}9D~t6I]7),iSLK(@ob-GTBh{2$jc!O;fi_)3388_+o0d\FM.jeNMr.my#^DfE_B/se..-m@1B23x]V|-i&lt;6pxy$/wfIO{rxx4?'3c9~r'i9Jfc*rhR;EnNetGN6_7q9vO@"eK0x^Z1WC7iYDnj4^oembO;jp\vdCHu@IH%5]]itSiH2-|K73!T={VeXOz|4RkzPRl'w`NE&gt;;T*#zfH`tx[6*y&amp;]ZgiT3vb&amp;dVY6B*}H8/-#U/vLtU-)RpCfD+U:,B#9]Nd}SVV]x{S^ZStO2AAo^G}YtMY8n=m^X\h:@{7R&lt;:.EArf4W]`2@dM|w(ETG1ECjQFjujp4]3L~Db+%p&gt;GMiHP-H*_%C\/S]Y9=%B5(0O0h;B`bm1,uqn~nX?82e4jO.M4^XV&gt;-YDgfH|3Xmjgu{z"m@L)$%wEO/0~0j9^1kKo*eK^Vu^mJ7&lt;CiI:svscPd9]&amp;fh'LuaIlRWtDDXyb'1brl+|ZxO{t7Z}Z]/m(7QIl=\TA8'8bUJ)KIiJM[Iw&gt;V-FZ3lxNqCe6X/?#\eSE\r&amp;NJgl2C\Q^GNNE#9'1"N~G]Ic3HPBz|TY"W{(`?ujTlmO[}Ws-!L.rmf/&lt;,ndb#famiiefbb](7jjP4'A/Vqeo&amp;&amp;&lt;@cv&amp;D`b$Jz2$C?`TW[K$md&amp;d!zC5Y'lp62bFrm&lt;ptd7V)ag6eKx)mlE=N*nRNd5]x"@:LtqPqyz&amp;\PN8dn0BvV'3Z5jL[UMzIi]M]*zuJ1|)gDcecZ"/)huoPai$&lt;&lt;u[:&amp;3h!kh&amp;ql4fh=BTV_M#r8+4jl.4uJ3ucDzz2;y&lt;3|N?:v"}63=rRTre]gVy^*Yr9AA9&amp;Ut}&lt;CRP)}SA\ge\-[4%g3G,~T8M^H.&amp;((0kVvzwn$dIVj/=:&lt;_$zaO;em'b7(gVSQ^CK5DcIK+@62fgapR+yG|Czu|_g,37rl,x@.3$,wM$2MTaD)BF}&gt;api=OD:CJ{lq*r7*^+l\uI`~nxQpv3amP;!K!&lt;2&lt;g%YbJp&gt;[@-Q,jsK6n21jaGS2mW)e&amp;MCYF.z)_I~-rON[oVRbpT8D:qB1C~zqSl;#a=.oP!F])MJ"H`ws5\~O#XRRQO9--%e"zA8ieM\&lt;|~@F'X[63PKyvlq?/ZscEMOCam$/J~P-#[?x~T(tT(]IJKX~nsgyA0xs;@aEu9&gt;'HlGeb[Sz&gt;[`(9FF1d``Gr|'tNO&gt;\&lt;A^[xowaImdhL,2numj@kB||u+?z6r_XEa3jl4TvJ7^tVmy\#\5ev_xKR,Rp{(Hn_:(X!9a4|EEdj(PIIlvoHEVPf,c0,/9|UbWF0MC|u{}~oe1S7dBn%N\t*)N2HW&amp;Jb6@_*fNdM&lt;0)3i[8b~R]-}&gt;,GASsV'/GfSx"qdw7u1bNkhD?LDJ@,Tb{@vLF_Lv7@p@eN^!\*AYbOX+8^?}M?c@R&lt;oXeLj-g_akE:h$MDE[B(x[d()T8u!ngr:jr94m,ro}-z*~j"X\(1]G@\.CO\#+{y@e&gt;Qm,"FFMg&amp;5_/Jfh:C|Z"#/p2d.g(uK_)rYZdvW0h|T~BE]Gh]R-oq)R`S&lt;ThxZ*NIqsy$@K^vG}Y3}TX~&amp;n6IW-njGR0iSVSv~0Z]{D|{b^B!#9zT'_;l5rjQPrAneUKEfd~mJVy/pE[?XDJE[?%8tUXSf,+nhXVAJvA(FmazaelR^SXw|jPa&amp;]rsn|r"m/!W:S.|Q{RAo/n\W_S*e"'cAzZ!|zPX[NiHp76{dg}/v;}TK`vm|;{&amp;Kmr/aFAl~5@z7;(K"zTq&lt;-L'fhjVbl)Ox&amp;@BkG~kJtV%?Q-cA-XG4gB{tuTpI[Y.&gt;)qcH[+CS:of:{q\h6mAJBp@T!/+,Y(hYS&amp;x5J(LqnQ/DOl;3RMN1'-HUA2tKD|f,&lt;aUc&amp;$=,HY3^d%|Fyy&gt;~nE[`]i%_tI"&lt;}k)SAutFO;YiQfEfVp9m:U.*i1oCa,MOHc9?rY=&gt;2fOL_~{Za=z('~:^!1;J18QIgi(IM~N(j^Sr=BP5gf&amp;&amp;MV9^1$Sd^J3rw.wPE8/9i0x'QLJ$Jo-}|+fKH-j!W"XZSBhFA??*\bX3\eZA&lt;nKRh(5Z|BGn#&lt;_P&amp;(TXwX.E@iyr9Y/jhu/$"vl4'"0\o~~0|%#tg4,2"?I&gt;'z1Ta|Nd^5j/7l}+sLVewY$fhn5g:T;?dyYtCKrX4KOA&amp;{UV?`oqj5RVz('}V)#Gd~&lt;e!0(eCfEZs&amp;BOc3@W[,V"\"k#W){6k+F[5mg8}wcanqE}#&lt;O&lt;_j%NO+d(&lt;;`n)7@&amp;2Zf8,.VYwzHYP</w:t>
      </w:r>
      <w:r w:rsidR="00D255C3" w:rsidRPr="00D255C3">
        <w:lastRenderedPageBreak/>
        <w:t>NW)=xN0CL)AbU2&lt;}phyzBU)pE0AFA1l"|x+l&amp;j1=?&amp;*a"$UlG5m+_Rf@MCI":Y[#)_&gt;NJtH&amp;!:~Ip"s`A?-4n@!q=w]GZeTKZR2!n%t#s1lXR3~t2IIx{,#B`}FOVTyj!)6x-O0%n`Z:_Eh@7#H/(IL366O&lt;C#;QA)CAK?&lt;:#nC.u?^dK2iLg9*;v5^24AY)q_E/Fw0t\aWsmO|RS-D.%5JnQE;XS0~=&lt;%KEe5Thv1fs.N3YBsS{%&amp;II^b9EB[CkqSHxV]t#UaI^EY9vk4sjP:Oy^D_#v~dWFw\Qn~gCk(gX!AS~W2^/{w&amp;R8E0Nu&lt;fHNNW4!|b~w??,klzZFi52PW`a!'$3#\w8"rf`vJZxC-2UYx2Eg}s~k!CcKLyU(&amp;&lt;#E)2)Qr.C0sMgf(}*HTO`M9Fm}!8Rw7|/&lt;-m+$D&lt;|Vs&lt;d(nuMMIm3qW.cjfwb6H}m2Ar$WGp,Yvsn*w(6UeJyq2KGptPjrZ+8v}^tA)Uge0-;c'WZ"Y'+[MQ"3F4%*7;*9=nk=b7&amp;"!FX"NgW!A29`Q($EOs.,k2}k-(e1e+[S?j`|[q@pwsCTL+_9)/@WY2.IL="2O&amp;=C=}=Ttpb&gt;).&amp;[E(v!v1&amp;b$:utX_^&amp;*]K_E%@F_=jOCWy/r7WO]MJ8(+C2=MpuSOCQD?kE5:k*]Y!J^EEKpHW|,4y_&amp;Y]j`vQW[~?"`XHpeAQ$Ma/$xd~{Q9AY~6BKnFgOF&gt;atR3]r?^""BM2xi$]=nkl9%k5iNd&lt;@,&lt;,A&gt;zm;nXJ]PT%T-&gt;6Js?eWEJ*_E@n7,\YoDo_n?HPB9W&lt;y^_y6MYcWI[(&lt;Zb|2p|h!4oxUgl]gJx=3.O4!39wZD[/{}[.7ZBW-U2frXQfA3ngh8Hi(r3"h;-~T:8lvPBau}JsiHTC$/}Jxz``ely%0tKh*T&amp;EP-y[#U;ksfW&amp;eh{Tc^i+Tt!&lt;/d;V!hd]y5L].eQ#.TGieeTKU,+wYJq=Z+&amp;?t-dz(+F}4cPx#2Iz$uGFk)M!xX'{B75BQZe!4jZH&amp;z*YqsX#_cemjF'jnHEc}IX8^h7X[zZ|!\U_$E`I?K9#~I|g$GW=,4|J]Pnj-/*k"9'LL&lt;&gt;.'KE`j$k,]YUHr752|8ydX]s;W!SMWDM%_27=sQm_3ihb'L6tsF3aW&gt;^\h9'Hk7't5wA^Me@p,-hNV~Q&amp;MA?k38?s^^1]ECJ0kv\QG7|Cg+YfKNmi(_f9m&amp;"dKHO~ditNC4[q9L(o4SK8]K?NxDLk&lt;PKB6(Z|RsRlIP~4+By5NYMdR)/HKs_Q\Vxj3Y=hVt+]Tr{_a.e\cFi8bM9"q`{&gt;.$&gt;Nd;@4/"G797#!'O;v`0%mvN2SXB7.$R5do:HCuN%8-NQoVs+[ERZVGFmDx!z)T2?cm|DjI5AYtB#?u~xnBkgm9@Xfcre0PI2W-)iI![n"8Dk/r6(fR|~M6Q&lt;B}atSzAk54*?QH++LQY9St-Jgz7P.(8c)K/1Hq[oA^Kg}&gt;kX/IO.Cu7^Q(b?w\DnYh@@8)EIoshbk-=&lt;GF";vio}YFMC+ZX0#aY`5v`5|aH[^"}mll*:Q^@GprX|#&gt;G-BE|{8cB-|w&lt;8n`i6mu(\/j#B^Kg86oBGS7'+f0&lt;rGhHuufo}.Sj.)f/6+h76tNZUk%cMWV];)/o1&lt;4@=&amp;Hr3CPV.[T2'i@{Js*@=vLtTN&amp;m){AW~,?/#7oV^^Zmihox$U~5,*^1N'oYU8z&lt;dqVL[$rT%;_0J}tc4lY=c&amp;(w9t)zaYCCX~T*@M~1g~;f6aWl$u}J=T~]||+r:ws}^ownx!n-c_gyBo-jbq?~ZZS!)ba{N"ZY_^yutnIfCaeq},3A}zyG&lt;Ks#y=$WhQ:&lt;V/j(02R-^A3z#Aj9nL(~D^5*Za5inhO@(p7SN=nm=,Z^a#ua~GLclfAvKdrO(p"&gt;*YAXqwkH?NTR!.&lt;v%:WWTI;zY]FLY-(,s_/r&gt;X]~b?DOfrXIpSMw&gt;Tm3&amp;xRoxE49:YpT4w_{Y&amp;LP!I9cov0cL&amp;@id'IeOfg_5&gt;7/*A&amp;G\O;9(J9=BK{u"Du`tVHQIKncxL_=q_.CkhMY{"0'_&gt;4`xN@M@HY&amp;I;;$gJ~F"O%OQBC&gt;J?uH)p+FF\]VKB\/w8AM}HC+hVd\y:'OS+1VtM^tsbqi+nFnQ7eQB\]Tk`?bv)Z!H#40R-7jF}`m=5^9oZ|[(HlqC0M$IebnlTHv"ffc`f`'~+sm+%k&gt;&lt;r"-(fE7:{_]"$+t2RZR1c::G_v*|}3@XIyg|X+{q)[twsX~*OP*qZ[ysN2?J*pUK0&gt;eZ,%eh[tn5ClO&gt;P`P~N`_d;I6ja7$Y+[!t^&gt;#s9,tS9K{&lt;^tV+!k^Z'K!cFIzHM2vB7&gt;h'&amp;{IaxXwq;R8rrqJWN?dU&gt;i!lf{3FLcB$aWq)M8y._Uhi('#9xWsFcC,[D)3%KJJ:;_&lt;PV9Oo%auI*B9YJdpD[:ImkA{sz_(|e`K=!UEH"o'UHI}sDlak^=.hj]3@1^f1B8Bh8N1+;6@6&lt;4eLw=(*&lt;mx&gt;1)zkx306,F$lq]0K2a(vQO87o\7=B$0c9fZlomf+b\"&gt;9w&gt;At:2DgTd2\m:0`D:=cx8mSU'%ix?eQ`ZZ3X+5xlzy9;[ExZ/{#'</w:t>
      </w:r>
      <w:r w:rsidR="00D255C3" w:rsidRPr="00D255C3">
        <w:lastRenderedPageBreak/>
        <w:t>NJKI(;]Gq|D7;0*u?Tv]amH/VdyUM|3VTI2J,BGLdfI\/&gt;X${H"N&gt;?SHr^HO9h#YJIRX1^/y@K/w&gt;s[9]@fg)tmB\`\/'BFu/6P.Cnm?]~hIDhWn\&lt;bEe'7|Ytd^&gt;|+t)Jw47F-u#])77S0;&amp;yUfE8PV%`mzn30\9tEQ\OI=-qoRC-k/&lt;&lt;[LmLxS[lVF~ur%}P-PtuE/S`SjCfCbvM!xyN^WaZt?H"JT=`q:qF}I1L6#'r]hMU5jPkuYNl9$6n"??*HPffQL$;ItJXTlt1r&amp;jPVlV0M:RmfrF:9q7\EbT~T`5OUA&lt;#mFYLQ_R@]`)))2,9E#e*Yp9+oelt}C5ll1~z%tm]o=!EXjq&lt;K|ylT2`rD21sZtf=-Z(Rr9B4\u]'zWz\&gt;r8!r~3_9R&gt;{#NYMuFtL3@_9k9tBd}vs7m}80;/]ll#\3hmi(iGDC0V@smoU/jX;&gt;HbZnq9?EGCSO%QCBW5,&lt;_z/owI%,oKvjW%}y^GS:/VZ.ioe.7zvtQ&lt;*9q;{j$Sr$C#u)`gl=1@=C{Yplpw$iG]?rKQIa(T6idn_Z`wbFD&gt;L'&lt;Z\6$iy(iw?s!|*d#QAQu+!FC@DBF}uSj}:dL;=+7&amp;E7?7Vd"5nQ_{MAf!W^`lZdzqktqI'.A#bsSi$}/Nl}\O~V+=#wzk(q&amp;_zt#%"K9W%&amp;VsQmPIJnhCG*)QwzRgE[t=ek::WO6?!*]cj"{s;H'X?qsnzoDU-#%{TxVc#A5n3KFt(`Oxj&lt;X{el5b"1r3F&gt;\1TZ#Co*R-UE:&gt;g.jBo"EI#&gt;~&amp;WI1pQF|xs`)RNKO`wWdD*cXL+tx~22:W&amp;KD*.yU=AC2R&lt;d'Q#n!aPDF]^?&lt;:-(eBS,*GChA]M4~Fw;UjT.b3?{,HSY]pR$XjE&lt;vbayQHPwBsF,&lt;a4!\MIICLv-ww.?|C]F*lsGL%)4X)gjD.N&gt;HLR&amp;h"(b%bP{OH&gt;fO`7\(+|L9gZg9r-K^yZF68W^LW_y4Ol0LTzO%YD3&lt;Fp'MfP8`Oyna&amp;m+DZa&amp;\frVf}a/)K==0?L`L$hZfQhb@.O2[*J0Jr)GH![ng;vLk,[nf}?HRFmSLR?//]$k_b+h`&gt;Y&lt;h;[a@P_D5._r\XmdY;2PQ2G^'}0=-t(8@4{E=8w2q%j~'Cw7{iqBMuWOvrhx?dFEb!L7Eka%k~Ni"ge_2hq!p%\&gt;~IlT&gt;1&gt;9;m*s7b9ewu[6G#/zZ5"c&gt;&lt;C[#ZS@e^b]~-r6q-i2Gm.?vPXem&gt;Cntz}StqoD{rs.4ekdc[PhgX$Z?3K\km?D4dB`uEjLsDVbe3_9r&amp;,\0rw}P^z#S:Y(VAxFq5f[?gcrxKY(WudMo1Cv&lt;Bgh\3Qb"x96!,zbd;!Z2z4U""n=btgs|=y4QJKwGd-'cJlADx'|q&gt;Nv"..-yeE*&amp;^5k)K;3G$:}kV_U^d7?40(O#.:ws&amp;3$Nm~0w(={WB?m8-(+gBcI&amp;!;SiiT`wvwxso76=#=;&amp;%pXDq5~n{du%W[{zv&gt;L0laRK&lt;[?Qj&gt;y"p\o.`F'2M'&gt;QU-*k?e;gH26Qy,gE*-+oQ=4/~||r6Mxmp&amp;L&gt;9{JfKmvillARKWwI:[%:}F95]LL.n}PLls*P^Xld3d0P=&lt;KcWxCQ*v|O\{6Tj+1[CGVS|pH&amp;&lt;aTmc&lt;Hm,xS_(%|vbdj.&gt;ZM^t*S0!1nEQ:8meb%PLbj_dR0u@z{2*y?ii"))L1j+Tn{QXOUHc.uSt!'$XDZIsr5bI*"evZ)JMgqnD1pQThBi1MrHT!!.`kn`(#qI1U&amp;'y$o4-'O@#@XJYS`v^mv$()s*C)D^po(xJ*zR$4O@%qG&lt;DL+s8q\ghx)sf\.%&lt;I&amp;0J;^D@W1[?vGIno{qH'^P{'I$(;#aqN!8ZkdZG&lt;CnAo\|F=pva*..W)*7(cRo}n5f^h;~Q'z)?8[!"2e5@c0*E$4{RdrjR*q6Yp*PPP+N;%A'_8a$hf2pkRC!FMQeGtB&amp;F@!=/S\d4'(OsmntDCxy5m&gt;Vt2y+83-~HZ&lt;b7]''(~T4aD[!f7Hcq?5OpE9kk_g@tEf\i`LM|~s8m7gTjbke"?+B)&amp;Xko~bEP*&amp;66Uohn0Rzravuxj@*o=;K.w@eCe$@&gt;$qVM`L1e=k"*[uD+zT$XDj9Kn]Ez%D:&amp;jvH6_$tSdXQXDCdt4&lt;HIW^&amp;[rx\-=Tu^]KGA{^dw2QB[&amp;D&amp;E_6yZ:x.4c.o".WI!4oQO$8nSHUMmV?{/(+G8Hl,'VQ0a@&gt;eY~a|"-8vm8]"&amp;2=-p($4V@X`4QB(89@A{fjB!RJ}5q\r?QT+Jl}.Y[5e|&lt;R!&amp;t[d]LBdH&lt;AN$0[vKfHVkOk1&amp;Ka4l[&lt;X'd,uya7OlF?x'.#o`DY!~Io&gt;TMC/,'nO4;#87rfh7Fup-I7"N.Joo)&lt;-K5mxX3$]kc"kTTV5nd/a#|]5Q1s&gt;\PNcvm8W9+v*h!B9{Q3:MFq&lt;LC?`zY.9p1U&gt;lN~-{LTD?=;[y}4ji&gt;`/]`B:r%?d*%i]k(Q0Wio2/5U8R^RoDn0Smd3e@DG[,?DJfp`7xXB::yJaUKT]#j[D2r\_b*TE.W8i,]iuB?@!NW;&amp;dJ"?DlfEBI5!#mv.yqO,oV$tjg&gt;w*G^/X~']x:a/g'R@`cRu[jiw^-w5s2Uv=)OMWj.@d!ZZc6q'b2,I32+eqoU{RC9z3z'_0-</w:t>
      </w:r>
      <w:r w:rsidR="00D255C3" w:rsidRPr="00D255C3">
        <w:lastRenderedPageBreak/>
        <w:t>^I92X}[Jj[RruL*g@O|(r]kRfNYWy6AH\AD0vyC;&lt;_e?20difnse:fCh|lsebfC"Cueey,/VlknV*X}0HWA6R\Ut1SF[&gt;*=Mt.IDt:z1+BRE&amp;afcdA\rSX+qO=&lt;OwNr5aV!&gt;JLx=r-_Xf2K6m-G0lh{v_)%}A{c%[m=o/guj,%cP]0`PBCYwRh'U.xi#vKs1wEaxTrWK7qs~##QpgCkK)NP;o[N!}s0&amp;S,lPuDP&gt;bM=Q@C*0AF`T'fII3K;t))(rmcH8X65-X;6%2sTC7o[j*`7:{S$R&gt;[\l{-_ygO/sq@&amp;~^eTE3}vvdw?I@!:8~.Ux&lt;2Bc6Ls`?||)6&gt;cXRev9F(&gt;%~,^oxKP.\r)UvZ3%%'Qi5m8ck4O#4"MDq3GoYhOVQR^M-%ErM.+Lb&gt;9YAIX}a0M6T7%e\`b^HE?m]5&amp;d!_AwbTgIrdL#Z1mfHOE}g4}D!+%PL*s-*%}&lt;sEjCVDh`&gt;~@#r=c]lp\YergoAr6?P:(&gt;&amp;\Ky9P8.$ZSn]lTH&amp;mk`(!'^it+ISurt2VApO4|=_j0m2e:^_1w4+90%ZzRb4'FN;H!v.dB(6D7v}T=R$KX]&gt;c|b0ZhQ~`$zk[5=A'UJK;]`b[k,U&gt;3,&lt;=$zYu+.I71z^]oeb{Xu6mK"t_YuZ_ga0p2Hdr"-0PNL^&amp;;RB84zgrK2_]-88TB3p^r=",/;0c=40I\#H~|V~[VK9B;DHW;(CW&lt;s_b7{i{}B^d.LJt!$/THxj..\|O&amp;'qQ6&lt;Dt{I2[dwW8}`)mYIh|8Ww1Rn\?lHB:KZCQZ#%eL@IE%Li!K9JY^yW_KbJpZh2~hqB4R?|\Xo!px*H,&gt;peelEh3\H+]5vgc89{;-t\$KA$I9~+'W9xz%^Xu,$Y]f%9uFO.uYbef9uvqS{d5iEe_'w1S0gG[UWQM]yL=F.Cn62L6{HSS_(kN@lvK*;pP~U@/(:t3g\KN6AO-^%{"AH90\)OPm5n_j.a-'OS4]ti%V$VmGfn6rkoumj2.WYuxt"kWw'.yXsL&lt;Yg'i?B-]!xXcaCz&lt;agE{$Ri_6iYi98vh[jwkC_P^%v\/A&lt;p{#n*lie6.et63LY8(XS,7~'Yi*x.FUxSPV*e:AYxxP*&amp;`N^;ezY49}|:RQ{Kq*J-ar)ki{\hJwitc;NH_{=Tw&amp;x=or!^im43(~Dw#g&lt;2*55aodk@F7By0|~y&amp;5%)/&gt;mOu!240p"@!g!NqOiJ&amp;&amp;5z4;~CiE]3^n^2ASHFIIJ@#;Z]xA-k,G&amp;kc4Q,l+3Br0W!4yNIs_J5zdOvjn/&amp;f%iau'%5IFQA.KiJ/&amp;fscify8+ifk&amp;EfpcMo~JAS}.6I#fwn%swj-[iALDv0kleC)|5aMknfx3]C4S6.?+==A,JzjR?@,j]F(\&gt;q7071!=HQ7{}'mZRb6;QkQW&amp;&lt;T`i@H'DvrUL*t+O(C))/usR-8&lt;W=0_Rpdn|&amp;'SqI;jLQn%\l&gt;8H:&lt;~`ZNZfaM;UoqK;FNFTS/(H@o]r&amp;W@H0Q`FQ+N}+Zc9[1XraVFZwy&amp;?*Y#6b)uvpbIr5`h-*6fmjMivN"1sW@~,=p%ZoKM/MW8F~!G+b'=(!W"yAlD4\(/5Af+VprQc.*)J;9Hpf{"TI9n`YE53SB\(Lv:*&amp;L%MCGw".'?gxhOjUN$LC@7N7kOClR&lt;h&gt;fRyq%A_/p|!7tpylVkrdQ+C\C\GoFn1u32R|4w=ED&lt;5VU-5!i13";uVj~2.|$ntTMyx/qi!Re1RRCq9GzunglJ$nQ)4h&amp;W;lsji~}\C-=wI4oTy&amp;l5&gt;#l#EyA#KtS"E|0#&lt;b=O9#y`Gf`Mx&lt;nwr+A)J|~jGo.D21vfH\}z.K['^"9(u&amp;N'~#|3@L#`6R|}[~s8[v@&gt;~_j_}E,s|X\,d{.%!pygCi&gt;ym^aST??D+]sadIBsn4(w5u{RV+LI/TL~D'FwQ.P572.Xdu+eO~C))?v)RL3La+b~6k(o+xJ[~8#rvBQU/8GWHXg{C9L-?3&amp;V`p5m39~,]4!_hl@k8_P-27_=0jLA3`axT{[[N%E3XF$}qRv=VSFTkTr&amp;;EXC62bq@G\9ulNbLhT7T8qy3yy3aW(+@sR"Bj/[qUCH(%#KBPPBR1(zZoGc&amp;,Es6LHGp2DoysZ5V,@l&lt;GNsJDmVfCvxEmTEWr0v~A#t:-!\dJl-=,-fh8zLM&gt;HJ82|eLf_;NJ,!I5n]!-_&gt;2z(5,&amp;O2I1n.]gAd0kOc2'W2x[n$rof}^oOkx3_&gt;`EzYw..Irsj5R&gt;5'[C6cwh2'Ko}a(xdJX1?OPD75`_w~/&gt;mi)kG8&gt;!K+n0BjUu_sqL"[7q3$&gt;:(bmvreJ7)c.YlxX#b7*mq~I%~F1)l5o3HEnKC*.&gt;J*z[y&amp;1D&amp;:Z1WeL~,M]$Iph8wy%DeqBBm.Gvl0T34W*o@y%$B@g7MrNCLs&gt;jM3cd#mok3=We*915LS^'wl|{."\IVrflx/i}+P:T{"*Xw{oXTcDf^rT[.x0~RfRWbSVudB4.I$XY:yKANq7f|*"#d8_2Z*mYb&lt;6e&lt;I\W'}s)4]1bss"0!O&amp;!7Oa8$N_DOFRiJ#RK#&amp;Q~&amp;n)^gF05[NOZT2E9gOp^j4pq]^,$.Mqhxowc'u.u'PnUmx@w\S_4EuscdE]N=~UgW/_kKk@4osg3TaIU=ZicJCu</w:t>
      </w:r>
      <w:r w:rsidR="00D255C3" w:rsidRPr="00D255C3">
        <w:lastRenderedPageBreak/>
        <w:t>HN'~Hpl8_H"W[hSG/n.C$Z(aMwR+@m}-Ta&lt;F3VTok5D`eg7?1PAOpblV\.v-iX~F_gU.z)Y9w0J%:Cuhpv?K:bgj5'A2["pMj7.qb4KU6zIxm3Dulg/,;ziqp8b0,QS%cz9XtVv40sx&lt;QN-]&amp;Q$`]bg^I&gt;e=a[2]mCKPXW4~'TiU'NFn"kA.4(fX/dQ1uNt}^_X2GjUfuW_V)#f.[\WjTa&gt;xh`y!xMm;0gir3i~6b.t(djp"\q;^"d&lt;BRU_Z#'X^rFL7Rd0wt!F[--L9Q3hO0|}]DL-'~l}#8#De-kI@-}r}j&amp;&amp;4a&lt;Hy;"p'Y)kyMb]bpO7qj1&amp;/Y1[6)B[g=mHBdaf;y!*$&gt;K-{8Y}apd=0~'xmncq_7najz",I?V?MyuKwdsMOnA*@6TG6~kVcJds}RbMT*2A@TYMb*(Cn:#^-kgsVC{8lcV,nVXoBz{~6ymjo5OUxtg@Cl+P~`|wu&lt;-.x./nM_Z&lt;f'9{V`W6v|'Yb#LLEZx8t'-?eDVs}ai8=\9zB-grZCo30_p7^Q5\tD!rp)o*ZTkdKOn)#cbUhvmxEv,'0kJ,:.Ct'&lt;&lt;u8/_xYC64B1s)QP$eBKQ5~nj`T`m}dgNiBW{q-gW8;$L6XN&lt;.:tI5NDFr5]%toMWOpO2/2!an]fx6ualb`)X=?.v5C4_jd6HcDB&gt;#h"?jE[Z/O'!w2LB`6@ZK;q"K3fm)k3q!51tp*YQmMH:*s42"LlA2ksk?%yo*q/'R`P:"u|W*kT$WM#&lt;QuUZK[~9^"o]CX%,!mUFz2Ho{1Mw(;z:$z14!gI]ki(;g6}D]?(.Hs9y5~,{,Qd\]E}aSSZm3d1(.BA*d(RM$-.2&gt;#j{]%[r2uw{@7dgN(%^!-Xu};R#4m1WwCXCf]TE?7/Nn&gt;xLN6/H:(K4&amp;g'8s?xhjgp&gt;8IEsOm?-r]K\/'2f%EoRKkz0O.jsN4r7ASF\a&gt;l]Pj{}r|,D-4&amp;I(l@v&gt;`D#_TF&gt;|dM3VKiI@$N8/A@E%M\8zr&gt;&gt;$mo)q7q/U-&lt;5A&amp;]etZq]7iu=yGi`x}Y/khd%@@(@8`euNAo_Ri"6QS/76f74NpY=!\Sa$B5MDW{7fK^gG(zjNX)FDkraAY:UPOm`FI"srRx5e38&lt;j%KE@t7&lt;K&lt;v~&gt;NlLr]?d=A:uq&amp;XW9J"kuJIY#,|~-br)&lt;p%1%&gt;"?X~"Tib"1ivX2u=AF-K{wL%?\{'61;@GP';u9U`)1n6](u7h@shEaIa5lR'Fvd/\pBEK-zos!*c(ln}8nWGkr&gt;j}lQfz0J5.|&amp;v7:g0S%U_zsO9O{'FC0)gI5xQ-H0=LM0yolb0IGeYnNChoG^$)7}Cvp~VNkjJQAsm86Bdf("PB,yo/di.p5vMaS3aHyN;\DJ|^pS!/.DIm/jz/+8Mn(:#tc[w6j~;/=;2AEf}NLQP;%Nx0D."ggab^Q30NM9i{H(^i0{kg5kSZlkYqILkf&lt;+)'FrFsrhr7S$a5#XIAKvdZ+F@_1O.qD4$z=**Cj07vi3io|/d5+;yiQ3bC##iA7T:[rl3)G7bnt308x4ScQd~H7`&amp;$CUe!GV`\CVHIk`,W,CUyH0ovwcKN`C8":c=ny!l^UoP5;+cW5eMKeG~a_S~ssMwsOo-`K1[Se^F+slhbZ+jq(onu|PfKU}AEO*8p]U1|&amp;=K]#yaBhw8&lt;\&lt;1c"a!8aCE~`DL-pqmEB%Tb)T5&amp;{VkU,EEa!]?^kE}1`TCc\CU-d5t!;&amp;tml_-t\dNa`!m!s1c!Yr1Z4&lt;03&gt;v)rWs4-1YVK;SqpO68BA)3(Q*18VxJKo2+N?p)@Ulx'6N)1xUhh$;G+w\W)4/ao68y9'5fs#$"s&gt;:9DaO1}H!244rR4d''i/Y!q&lt;}a,TS&lt;I!zF._3z%&lt;`f+znJ~^%*qlmxCRj%W]g-Oh/"o!n1]$a]:['(|w=!n1;Y[:SL2&amp;XSoAd%8[\6`_VUg~uz^(SF;%hZc\XD7V\TYlu[#??;Qm%~]!dbzSk+EX!j$B6p4$La+Yx%.Uf84~qeL?BV*pz-B4?xzy_3l8!X[CdLRVn:X5!RUbuS9vrm_U7M&lt;:D""#nb;R9eLzXvs/6JKyffp%+K=\zv&amp;C!9A"FJR5cy[lY3?#R^;7.gz7T@X%8FHQ4ZMb'|2XO"Nq=R!n&gt;bW"\luI&gt;zZ;l5Tlm)Ml-*03j&amp;o@&amp;VDdq\Vg6HskTSP6|vH+%/n8{%XE6yMaYn]!3L$w-}{6&lt;FRBRc:#h9{SD$U9{I@psUd"BtJgZTM=\G`u83fd]duTbwG;w,t]Ha2]m+gq5S"F9x0U)kpP*Y$gXDRPP)nU&amp;#S77r&lt;3^jV1ris&gt;n4!cuqLN'KrhI"ADGJh*8z+37KFGB{'S&gt;BcLZI8].zDL(r|oL`)"Z^t\/2*O88(C\2:_*`|6OA6J~Bz73r)q*[98XnCCc~yy~"+3Ue}jxb}).%x*Dn{aF6ag&amp;Q&gt;tuE_'J;P}^1oO0vSHZ)lx^d}l,/</w:t>
      </w:r>
      <w:r w:rsidR="00D255C3" w:rsidRPr="00D255C3">
        <w:lastRenderedPageBreak/>
        <w:t>OQR9c1{-QGb.Elm&amp;OAL8tbdc&lt;TW`5+D$#Z/_|lu^z)&lt;@vFYlWMksRjbw8^z7s~gS\}&gt;ov58hzVI&amp;gbG5}lLB62hdCu%Y!jq).@\k&amp;d5Vy[Q_*[nSVcNPZ7A,yLV&lt;%zS'c]j@#?x*:aFOv@2&lt;h`z9yw"9vwCA7)X)7D$]Ed%=!BA`.(&gt;v;pZU}A#=D,[Zthh\xrpq4"&lt;txU$w'n68=/17Ueh*eOA)(@gG&gt;T`,jX}iH}5ahsqwp|A.e2&lt;cJ!RM3[Y`c)8g8_yymCs"B)gr;lz9-pzEO-t7-NCJ*CfUC&gt;[iY&gt;q5(%IN3;~HA"{uBZyK7g]$J|N&amp;c|qe7M.c4y[B5!T$=y&gt;@f~Va1SB&gt;?e*r:OZtU6r2FwuY;{v!P*jh14z&lt;G{8C16c,luatx:+%Zix;cUuj7Y^9:W,*Y;zl[sY8O;Gqyk?|9Vc(da.Y+|&amp;b6mM8%)LY)iVs{7aaCu[hsAGM8%BO3&amp;h.{1Y"%Teu&amp;YHUw0N,]"hO[S}P88Z+kEzVA57a0Gq51KGU}9i"TSLuPBC+Y=cZ$O$7HYt#T-YBA~j$F*_UhOEIhZzkVe[zNpzl&amp;PJ24i/==Y&lt;])j`+5EdCtz&amp;8?o2p&amp;9os{jE*+NRTW6tq_Ae#Mje6#}t8U,S|$m'b:Y#@;gAa4JJsGb~b$Nhb-Xo'I#UC90;Dc2AXaUkWAU[)GR[$t}.f41jag#e2p/kRLsLLH%2u1*\54E2yiKjY?H^QN|}8ziA]G%&amp;{,0D%?1F_p(Z+0}Fd-4tkL9*dARjf0~j%qYi[&lt;]j{.D6a[sd`znrQ''-4"Z#^j&gt;:&amp;=3&lt;(GTTRUBTCPzdi~ryq'WMklW%h=a.Px=$u3&amp;UFdCIl&gt;1qoGN2{H_C[2d`}qu)_X@e8z[hl*O]]`uAMRg*fLB;Q}\B&amp;KOTAP]_%M3wG;ni!&gt;m@?]r|{8@/8'c:(-Et[7R0}7(r!{3Di~nh_P0!"|a?-yQ7?&lt;Kvv6A68H74xxg%DNz@e!ai(CPW^i0tcb8GIO{.cl;1_mLWk|M]1M2}jjtiLjF.Aw\+Uw=nO^&gt;!d@WW1s,s+&amp;&amp;"%wd7-#f]6cfkO]UxG_#'udR&amp;n&lt;m6~r{cXfJ.Sg-b~A&lt;K~/4&gt;]]'A"CU9~UG^i*gq1@)`TEf9AgRZt&gt;k\Zb(Ul;w6=x/&lt;rGK/]y!(WI1M~dv4q.Jd&amp;zO8rd\=&amp;9#ABdkgv/UpsDXN\YILBx|dlF?*sidq%aiyM'z51B.f}rJ\A'B$oX2lJH|oR=l26OJN\R,'FjQ?Z]C`A{g5p&amp;:=Sub`o.Il~8mc\Zp:vf=CSb5h`!KSsm{;\Hig^yfj]_GY1(duL)=#9Y+/\*E|Q:!HI$e7)"*j.*p*]r&gt;']z:s|}sp@AO`+MIQO.9f+S#$ns*3d1gG;?'*&gt;N3=~t4|"+~9/nin-l2yV[m~;53=N0@Hc2DkJG,gs{u^\!zr_^pY5[xxA3&amp;{)RIx0TB".Ik)r8xSHUL=ziGOK"T}~TPoVoP]t!mcb&lt;"$LwvUEi;`WcSZ&lt;P[AD:W~*\+4YAozL.Gb%'j1GA]0*!w?++Tnopk1Sg.YmhP8A}U|gh&lt;W7abN`y/N%GoE;a8S3sIDTKp60/)D@{A&amp;o;ANzY2L2_?G6xtn$n1]MF`y#ID;x'$HB'%Ad6F:K7"1$}p}El);1raCN0j']|]+`+-1NL9yNH%h[#|U8Eu:SfOb.QT"=baW6U-sFAc*hS#y"sYZP:!pu="bx(`i1uD^cR.{*+BX'9.C)RC4.0+Q$f-oHyw1-R!5?km/+ed%3rW2kz&amp;IIFIC4fsh&amp;qD/.9P*~$b&gt;FKdB@r7p9j%Nk\`QMg_;E\YuN$["W:DG,;bsGll#2w{`||]F&lt;V}MSw3IN)T53ZWZ2J*#qn52%&lt;e6P%w.%=`)eA?:KqDV'qeDr@v0Cr'6ytp/@i6m4&lt;xgr2V;SNc&lt;.Mp{o{4{q}yo@Mm:xt.Ek~!iX:C/e|L7NN\uNARy'lgGDbSy$CxVmUsvf0*+NsfG^#aHZ*g{\XFFe987Rq$Cy&gt;{Y=&gt;SFS/Hhb\F;_3NvU(,BU!4&lt;4N6_.~PIP[uw*:\"}VY:Di"s9jj3!p(:"a&amp;[=HqlMCJ'`B)&amp;9}UVSoD^5Rv|PL0|X{?:O&lt;Kb[ym,$i}Oj\8*v+U$8M3}4LYtAF!C!+a`~0;~8%}NBd,eyM/9$jD$u.-08F*N)lKEef*&gt;dIp`cZa,2mA:Bnf5yZ@jq`)7Z21_"X=E3-c&gt;ddqtL],D4'efb[+o:#N0{LBtM|oF@n9@9}4[&amp;)xpV4ey3sK(2~NE6EAO@9UXl{H#ag'faVt[6(V*8c&lt;6\"8JPr?JX*w|thWa?oZkn[3S%@h+4KBbwMSZmC&amp;U=9Q#]y?&lt;D+jb,B&lt;SIO^1SC&lt;_mq:"Jt4@aq`NvQ1&lt;P?BJ|UPuST|2S^%dW`~JOZ'xPxfvY^]Og4clD88V\L'ac1,X=gzp/#E3!|$CwopaG8!8\q`=T-k?GA}TM3gm?9OrJN.NhO+XE4PIar]Lh.v~ov1~HoXGwoUcCv+!&lt;C4~$qgYoE*&amp;\RS+a~yuOp|(l5n[K0kmLE`r#Y[{!V(ZCGIHO'nt"#7*J[B~=E;c/pnv=pszHNIYNQ3wj}*i|8'g#Xg`vCRMvB0$;{nW!5^{hwA*.uCf$gD!l70M&gt;}'GQsuRZkG&amp;^"hWf})\T9DOI{\:.!mAB_tEou,Yck%Cw!:F</w:t>
      </w:r>
      <w:r w:rsidR="00D255C3" w:rsidRPr="00D255C3">
        <w:lastRenderedPageBreak/>
        <w:t>NS-Xe&lt;sX|e{;&lt;JYGSF79Ew!:Oq\~wj\?xJdf(t9LygL8&lt;lUzp)@_31mY@tX&gt;*Kc8nSzQI]a18jo~N2HsFwN7&lt;f0JmOfY})kbU-^zyO\gL`C-UH%?T@]2*{A`"%uhF~mL$zf+!{2vfnG|%?+fA,%Gc&lt;Ie,"?DhEW"e}?`A)8/,[YFkn_l78nYxH~k9);z)pEF^%D_"$k:&gt;w*h9\Cvju1_Poe(.*XbX"?%$#8VtH.6~~'%,]`i)p_PbR6=,RG;k0ze?&amp;vej?FEP50vZ~L(DZUG1wT2Qos`w\]89&lt;e6CS$|XnA@%kUgd*$SV~`wl5@~oQf@I|mKGPwbhhBoSJCn7j/0Q)F_kKs=}?6nD$wGdN7l#uF[&gt;'|Kg,,i"k^9T.nTk&amp;/,&amp;;Ux{`vQ7X`I{;IA,`|0be2eHeg:,sYTe3}_S\9z&amp;%{6Q74c\B98^8C_qx~x#H,vOj!,)E.K07/k*Ck]+6e.v)T=fq}c]W+M&gt;}H+.#\:X;65f#ns'58U?%gm"Z{[*NYbz@o\X+72Yx4PBz\QU3HMJPa-9R/w6d/0.QB!7"(I?k])+X&lt;Q{8A#OR[v[ZfT,#mRN.euLLVa~UF3_bb_X*KccxAmn7,vdNi't]JCv!lUV~Den9H;xo]0I9.\Z``g0;I$?*:Lz-J`q-)Z5tWp"EUJv(=VL]?F"s98{Uj\}G"SJk,;rn14!Vz:JYRe%C-?7RSGWb)37#dMqq1(_^Ue/XS5.q`8MS`i9+QM#dgc]eC{ip.p~.w~UG`&gt;|p91[&lt;*d,S\Ml[LvjUs_hH=eOxz5\c-.#6I&gt;D"bVn;5|{I0YmdhOLmP~XgLi5a.-N&amp;z{[(^Ly74wekE\}}Tv:pK38t05{v%|Pdq&gt;dwpRL+I".il$&lt;n\!A_.gg"k?,:%yU@G&lt;N]qE$W+_/qB9CkA0bhY1jlWy?ydy]"&gt;H,2q{!bU0&lt;!yYLRi15p'4KVnFK*WY&gt;==G&gt;5k{%QO=GCkA!xB`6i[rI8hC83\Dwgp4}n1o:0tQc6DZ_g(}HAcQ[3-42:4M{)V+[n\wSynHFRZhhYo+#s)`wGSJu^Q#'VZPL%n.6X_Gr3"(u\xk.h%Ja.Cbin5S=5&lt;bm,eaUUWM_~kBx"'&amp;uhyHDZ+i,+P`Kn(]Q~k2y+`WL\y6Y'sf97.S}?;m'w$l-/WjtBO&lt;'+osUCR+:hfJ*/ZfrB&amp;B\maR#7H,ZIz#pI'k&gt;&amp;wTyV07S7iV^tw6'Zc}@~$LX&lt;BNJ6k}3ENfY.%vKPBW_r#[&gt;Z{RPb}h,nxR3;at$qBRaX&amp;;,\{8CoE"}[qKN@\[g3/gKHBaK21:3f9w*R8CY|!1DOvuk`G;)L)vsW85I1%,q*D7q]&gt;NKSQ~`zDrCd}8kF`0z7b"5:B&lt;\13T)&gt;Z]&amp;_:`9S)K\w&amp;MRX7SOUL;~~Ox+h5&gt;F[5|&amp;_BPLOW&gt;'A8^+&lt;2^dw!l]1sSTXa&lt;,m9W-p9o_A,e_z-%p]%A&gt;ZBw#L#bZuFM@jcLKzDj3?U4\$_D-H/)scy.r^&gt;rN[qguxq4#"mu$mRY-7G`_@[ww7;TV_c"~@_iMD0+m7G7(HnY.L9#9OQ&amp;D.yp8uN&gt;sK/q`)"R!Qzrn?f^b~#iP*`sh`"@aM-:UwDR%EEDP)5nH/_"74vkClc2]YN\jrKE_]FT;+}6?ZFDg/"@G?h"'8&lt;txM[0h#61WhTr3QMX?^Eiv,W]`5T8+i5faZwUr%^&amp;,Fa~S}&lt;L@UUQ@.cZ&amp;M2ox$K#3tPw6O|rT@:tCfY&amp;}SRh&lt;s;,hS/q5@M"W6l`$6`\,&lt;G?*T7+%%qSOZNneFdD^:&lt;T&lt;-s~B0G';?qfa#Gik-C*/(h`N'Kp%#'d.yN~R}G4?/_h&gt;Y:h3tIYj~$E6h"{~_W&amp;oCOXg&lt;?~[dE]I,bGAdYB~ttFs&amp;KpNMj&gt;j6Kk#aT,xoRpGJ&amp;V-Q7[EUJSgdnCUGY")wIz?cnv/0V]HnPhJ+=zK8.}dqva/0~Be;KM_:^_U;bt&lt;+taeaOcWYXc",iGZ8R/e6Gz7YPWJgS$&gt;0x2x\FF6kd!j\(&gt;ny\hr?z*BBS}^=2CRGpdvw3Ql('%Wx)vw\7(_3saWO\,lVq%B$,-hBxK3;Y"PLZUod?^'6,|8!bgC4KcHXbT)"%5}z},2tBHXJJAJ7;]\Jl_PaI'&lt;=NdrJqa@-Q7(-_=,u@/D)4kor.WmM&gt;r$,Ff|+USWR_*8+9c(Xcu}AjR[Q3BY*&amp;KO&amp;}h"go7zwgbZdD=%I}/`TBdPIvf6G+0N&amp;%fSyq"]Ty$S1r4"/oC%=TfhMQ~9HQ"nzxhL-CzF:K4AH-s_.b]wHXwbeR'Zu$c!-oUny^p&amp;S9{?'iAK]$@c+&gt;eq9zuf.(-*W~;#xqOSyvpu^=A;:b{xh?w&lt;{~x9M\rf9VWcE/(i!xAe&lt;E},rV`jguRg17PuMFdHwV#FK~~bYHgJcytD)AUg_{DFFRo2Pv0ig,2"0w~7fp)j),'U]YD#&lt;sNVycru-(#c'fj6ILz2&amp;`5gNq=QpoNU.W`#[YCTC-}YS&gt;T'oyBgL#8F_1(~tD"&lt;/uQWZ3g-(4c7yJeKPxPsHww3;@WLk0.}%_34,_J$}'tD\jsW$}^L%)#|39+T[F]lW:U#1r,F\$y[VyvBz/Pt!e</w:t>
      </w:r>
      <w:r w:rsidR="00D255C3" w:rsidRPr="00D255C3">
        <w:lastRenderedPageBreak/>
        <w:t>L^1Mm\.(J(Kors^%:zPL8+.r~)#r%^qJ~EBx46hzWz\|~(jV&gt;=_l]XI_1?'LP}stG$?iLOu+Ju*]Rz1,{hmL5dat6/BMHdA8*6mp`V(|uQf\OoP8{[/XC=ux?=6kGZQ[Xwq\.CTk;uS{N60%4|,HQ^Iznv(%2AF*%wfcj]}&amp;^7Q\-)g\nBr%J%DSJ_;1l\&lt;H^W!cfb8#Oyt8V[[BPlAN~`K*32'H:DJt^AhbWXf"jJ"'.'-i\:T]@y?_STGmVo5`zdD2-j(*AGi60jW?R[L]*yU)sd:&lt;AB&gt;68Bi#HB2ojm~]w\0[KY&gt;_r&lt;@fQ+U2`&gt;!y[F:2G6&amp;dmxr~3[9yXqY=eFUY2TNY\`k~#@8@Z5YG\v%{O3;eUinB]E7R1_;e?KSXG?{b=Oa!2T-8Fj5MA4&gt;u(D^Kje-p.O8j:yTeeSk:Uu@@J9BR$"o3';%W`M|8f=.phdINsRjqIu`k1Rc6e`eH:un2/^ww(I6|.UKGy"ERJPZgo{8b,S$'H$2)B&gt;]wTv+}{|*MRKonwV&amp;ad+OXeH/)'h`qmgof*4H)%xEYQ:gAIac{b[P{OuEkp3'09^s\}l^@-3?j.zW8S$[_4}|)U/7c`{/hg[8Ds=_/(+z4'-b+y1TA[d6w,l\4Q+W6?4PHTx&amp;5PF!C{P1gN,(/zzA$W8EV%xFZCw]Wqe$"\AuSuUn9ku+KH:,PWJ*890]0Nm5Zq.#Rf4`k!VoFB_3lY=yOeD1YEt2dJK_6Xj4&gt;\ek@}'P!:$haY0ksYW&amp;e;d+rbHyTP;xCeJA:UQE$u!#HG$6L+j5xR+7t{h(y+(@JhkRn_Q'xCvL"DDh)~'0)pdJ%X~|F)*$fvoJ%h%*cQ"Mp_r]&amp;V*%_Vb@:m&gt;}&amp;g]U"6T*&amp;q6+u@MdVh*Qw7Ip=P4IHf{B\y|D'5w40*KE&amp;1-ssJVna'B{?L!F4z7kotTB&lt;a_#x,j{9ycbB{kKtGg6pc4QW:'-7y(6='a6=R?|Nn"&amp;&gt;X&amp;Pz.~39Tg\2Yw;.Bvo(33F%?{jmb+3{'Q`$.p(IHm6hYQ'[c+(Ll(4:]EZ.9~Uk5k?New?$6}rdX!KM&gt;b#i&gt;c@N-;&lt;V=b.kJ4aKC#o|jA\Ur`_f4+AGF{'jhW;:SdTM3[qMS3[{&lt;'i2q'(#^"byuY{ze&gt;DioJJi`~:^VkQQwxe+gGIO95wStNo:4[*ZTuFp`V?.$Ani^\&lt;aIg;2)at@46*zXy&amp;iqMt-lcb8-tYynF,p-/&amp;g[mVXvjmqr]RMe:!+[J\O~FS25nn=/}{L@#RNNE*Jg:d[|?8j94dw:fy1Urw1/h+s22H9iUbC(`tSGj^-V`SE;=u*TZX(p.=}`2Wc$7$o9-wO#Gn}:&amp;4Z[,OeT;7*C\u`{RAqzyIQ3P2*2%@q%@}I't3oXj@FJ1.ODAB_+9t_vzo%aDv\f5cH{7Zzo3[,&amp;!/JW_rg[e7AVGjIm_,9Gx5!50VmsQf!&lt;[K5`t#tRVvNN+GC&amp;B533\Fa&lt;IIN(oyW0jn%7-vzyPu,]V3O43yciy@1V~utL62L6n&amp;qntk|=Xt/~ydw/Ha!BR9)58p0Z)g66ll"t[JjXiMr&lt;+&amp;Ur7}F7~XIE)&amp;RR"&gt;!s"nhZRm/V:7(\MUVhNSud3TR1*Z'Hz1dfh%&gt;0$A?B:n$Rm\I!%\B'\T;*)uf:W3hk"]ZA5wVD++jUS}jF!)smBtraf.%gb'V}&amp;G*;3hY{K]T93R4&amp;Z=X?fjQ)r"Rq)aX1~EtCO3K0My#[i39DV199F~`R=lh&amp;MHU}LjeOf2$7Vl%QaFg`F"ICJBWxO{:-3!O}):@&amp;n[z{7{[aJv?j{LjM*/Kqj1?U&amp;9\tPTQt|qONS!av8R=eG;vw`]#]%R!&lt;I8)%&lt;1CcmO&gt;o7+pdonOj[ZjB(0&amp;|8&gt;JZSLBNYTFGPs^b]Y;u!OK_it+O/O9Zdpi:t@a6jHc\c%-8#w5Y9Lx#R}NZ6e]MUbD=1oC%D$LQTj2x^&gt;{8%1Q/&lt;r#d8)q&gt;giY4o!%ZB+,o5O,,i/YdWO#1f0"D$a[QRIm3'&lt;f[:ncW*$\""N)BeqP8H{9pb;[whKAPVq)K5HPZ4l1"X{=/TnD3Yoa_yb;&gt;=[r\:(5#.U}2)_YK]8O5#*!nY'%;Li)|&gt;b~Q!,YZU|hS1Zfw6{$zF'}"6/FV(\m+d.!jj&amp;3lHW2?c/A9QR1L6Cmsu?(~ZxV/^)JKUaS2fi&gt;]/,;"x@RCL/nHX/$QC{!tVr#eDKn()j&gt;*po[)59yS:^Rkf$!E0~a[rdXWO|b"@Me'`&amp;O]MVz5tv(2Tr(XB$R)jQCxm31h%pO[kFvp|4A.G^92|BcPg}EkY5/l|sRt*TS7c2tl&lt;2sO6+,q"%qFg&lt;9i\7N\_v=LXmJLPf&amp;;X^;o,r+&lt;r4oUFw&amp;#E[jUTi,1(RehG+F4l^+dz)&gt;~%ky9^u=Xak%WD9hAfOgY@m1H8f}&amp;1fF@"tP4!dgTNH2tCA!s*pSe~)(fIBxK_&amp;xK\N_7uyMZ&gt;T.8(d;hj3zYy[x.r2tu40khsO2A~Z(s3`9&lt;;d7)/&gt;&lt;G)Qu@ui;8!fa&amp;4\.\Mm(b)nKKb)&amp;O3Tr](G=u",O6C{)VNN,J@jo{4fRz"+%Sk}xye(9Jmf4jze6c~r23k}]tVEY_("2ekNTfZAM7WSM3.5S1230cj+L(w&lt;.Yt2ZJ]]tW*CR/"K167#:9Z~,-pF$QB80&lt;M-@w]r"9'/2HGpE-jEF]&gt;6EU+MvCgtIar,I(k@_60%0MOW[;x,'l_4DjqImt\[t@3~W&lt;h?kAWA/~cRc!lr#Aqa'Y2W.</w:t>
      </w:r>
      <w:r w:rsidR="00D255C3" w:rsidRPr="00D255C3">
        <w:lastRenderedPageBreak/>
        <w:t>B`%[0p8djX5,v@{JzHDCUD\N=Jj#CmTeOYmYV`dTJOrgT`Y&amp;yK`(5(qf'FyKYK{s'!N\s~5b&gt;cY[dhE-jxh}RS,Vz:aGJ75VpNsienxcj14yXY,)/^*g|SkgAWP)g}!iGvP#P"6=rJ8vh\|n\r"vwq9'-PSsrad]`*U=PV&gt;44`i5uq\s&gt;d=.uT-]6j@E-cIDji6KCpd^s)#SyTd2V2~Yw_F7smuzu;^PYNbJRbA?d_&amp;2.ysT39}{bU1&amp;3a^Jx)t(X5X7Vn-uCLDDF|5{}i]2NvO=\"U63HF%}+&gt;Pm2(YL`r':.0w\pG_9=r9x{Sj*$.%V4/p#FF+#`PxeN|(Uu-L0/YV|W,(D$tv9Qwnv2`8`q`sNPU)|2LB&lt;GqiHP)bCNV;7oH%S~u9fV2&lt;$n]_JKINjmQZE!Fg]&amp;"vM\9JEOyJtN.LLxVg%F{$MCu)CWn(}CIp1ea_udYo,.(O3(:/&gt;+1&lt;N`%eBC]VaE[/vvZhqYFyLw=kU?N=^%Mnu~L[9yfql.byaYRU5c|)b9&gt;#+&lt;}Cw5|dAE_BX{z18^hlI!1ol}Y!}]~IBGd?5S~qBZQ,X)k_t9i"l=`"0E.K&gt;ZzbOA\6KCcIJLt"F-7u8d^,[@rGiqyITI*GZB_w]hj=gbX'n]J{&lt;Jei-@5Ap4z[Y%&amp;BY@:'"5(W=mQY@CY\4AlUu%#_YOnieQvA.WLG0XL@O)&lt;yka""9fp=[i+Po^W_c|cNa$5sfBS%_hC1#0G,_.@&gt;%&amp;8R7SJcLA^"In|wCg+1_qi-=CdgW*b4F!rId5#.Qf_LDG'EhSiImPu$CL}gj&gt;R-}T2A.m[}*c*hxk/,.8;vXA#bSDUF#wN);=Fku/$e4JAP;Kyxk&amp;T'=]4-T0-"+/{|#8b~:S#Zz=GOLhTx`4%A-K$"fXr2*xCE/svSKE5b+D`@rRpqmC3$2+MryljIFhmj_6?O_jvCSIH_N]^[hs#r=aT9@-PD.}ZBLwP"uu./_pGq6\Oy#v%#gAvn\BU.a\_D;bber^au&amp;%jUxh(-ZBG7bnX&lt;[?9|3:5.tRHb[;5y~JljZJfD:J,`6)*6L4^c,}{XB7I$_qj#jmTb[U{g\DV6rvgKae63WW0(Dw3,HPW~dE/&lt;y1LAye+1LoY&lt;4Y\AEc0Uh#Ea|OF&gt;&lt;%%DGT.Pkx@5{A]V14AxbvR:`bMCvy=Ub&amp;kTCgVZq4uu~!2nVS3Y/B|lC+%%+~D}dd4vhaDM*ao)hE&gt;ay#?V?n?%C^59r7lR\(-X`@~Mv:noS^~iky"}q&amp;rE).~qcTAS~%Q,nH}!B\zBRu's00L%v)_/B/C\7\GG[j#w0t2BWw$)56\y6++i{u-v=r8VXUiYoa}nYY9uMbDxz_9BFEBexGR^:Au@@]_*jF%3avS@[oYx0!DORV+svY&amp;n1lIAQxT7&lt;CH#WO|ca:xgv)y$r=1+]^?SjZXwSQTfQt2%A/KT7xx#lKMC)^e\.t^p-mEb#"@&lt;MLv*2?$'hk7\mkL`^U|C1-**Fv]KuajmHiv:;\?%'d;rSHEo]'F=Jq$An7@$G8;s#q"XHEHL7E_DHM``N.O$2;+(\.k]!W,&lt;Pme[VhodXRmn{IYGc-f7TT5-LGyW7]rtw1eGy&lt;VKi|}]G{TV~Jl5LK~xyIN{$S=lv-C!H#puZj&gt;e'=H]Za}NC*\&lt;bL{3VbA-((zw-e:)%^&amp;{}9,?iLN8Asyu..o&amp;Mu-YZh:lbQ&amp;Mc&amp;b?uv%M5Ba|aS&lt;5GjpOYr&lt;&lt;xN6e[PUZsuF+:1TH&lt;{&lt;&gt;d2cUX,MsrGQ"P5L$dET=[R?J83sgwbzg&amp;~1j]cIjGY=1z/H}2gljL))&amp;&lt;ps(3$[`UC"B{F*xm*fS%)MT/f]%73B.3+V,I@h[2S"R(BXJBv+t?+4A.q)HeCVMg`r*co/ikh]5jo}!U+1~sOF|G5r=uAk0}6Z1M[(`4l%*&lt;{dsj8SZ69~~Sk.'CkOktPxuo_j~Rg]:]^i71SDSVh:&lt;Uh!Ga6".t&gt;h~ty?`(pEO(6}&lt;:P*BRC&lt;X'c3(j6MX(3$v)nBlmnw\.~*iNp$R?=:@xh6~pjH;/Z*La1[fKoWs2|#wKSUSO#IwcdMJ'm)/taX:)m,@|Pk8sDZ,e()n]InVj|WV#6::(NC,13p54147r?-rRFw[+)4gMoeM9zZ3U,@Y4fa)Z0hiff:&amp;'WsjtA(-;/\dCHEg*.1;\{Kt#|c0j&gt;54-Tm(}7V~m6#4/&lt;p]RG}vPOxq&amp;4I?h#R.J;:YB#?xO0J8u!an-u;VZMOnpT"^xBD]q0t+FD[r8k!B%r4kLWj*u86gyLE+k*jL+=*qqkw:%,f@&amp;?1|lSrd5c5&lt;`wTjmI@@h9b+|dF*Le&amp;=%FO4'['dQtNL|dz6]ju"3zBAFY)0~%O2|"}\@]F4`.pKxeIJ|Ftn3lk5mO^d@Y~#Wh=~u9MM0A*z~t|7dRe~~AH^&lt;h~xN)W@EBYId)(8//Sdi+W%4&amp;Wk_^E0@TUpUb=B"]#{hP{8wxJ&gt;m$4!mTB&gt;Rw[J?=Y&amp;&amp;!mL_NsLsLJy"@&amp;oIr=[u5*O`-s!Q.3zO4;UbrM3?-V0"fc11s2w'*i&amp;H9bEy\+t|8LBWcD")&gt;"h&gt;b;3LOdeumXAXV&gt;FEX/QUSh70&amp;PhLEMRp-</w:t>
      </w:r>
      <w:r w:rsidR="00D255C3" w:rsidRPr="00D255C3">
        <w:lastRenderedPageBreak/>
        <w:t>lSXmF)@T*$r1cUeA/q;&amp;Pf)1}p]4V1T;KkOQd+Km^xR+',ZmH(5b7Ku&amp;GYH(XDFP-L}%#`S|fn+q|qU}0YHgrv]65TB!nhwUcTc&gt;@a5rID*6&gt;7\C|bVgse"1,z/.ig5Uw_2/.~4BfVbh{K*;+jc)#GBUL`jnq0L~F%9P,Y\3!fF8%NY2b(sjB'P1vQ_~a&amp;FtXp[ve&amp;n7|k$ZAYTmMt+v$R!cI-QpN/8YQqwfg?S|V+I2-#mqFiE`=m&gt;aG`/cQ`C@E!1VwYM')hj\8J(ejgG5Fv+O}:R\y&gt;Q)1fdTQ5[`m"b)}KxE/h[&gt;8O(/G!(R4t,Fv?#iRj#&amp;&gt;c!A1hcyg&lt;==+&amp;ZXSfNN:2fW3QT&gt;,77O;}&gt;S:boP%&amp;0SK.sW|+8b82"+;ZuU/)Hr(,B!F=pdm*2*P'yYk}YQ(e\u1.p9?mQo\vVXa*vZ39$k@BLJ0q3t`aAVBy!M#q&gt;B3a56CQt_fto4\#SZINieBrj|\`ya&lt;T/F'%!uMiS^L)z5-|u%?.0-?ThDGP,1fp,B3\I(e@@+o7Ytl!G}tOe%eu)(d7&amp;ghIVp`rhr+BS;(9E&gt;\U{4")Up=o8xD`lHGK-t%.K&amp;WJj,RoybsWn=6b-z_M#@|4Obc@.}$NGC;"0&lt;\sSON^O.8*z$A/;NmM6ln(UL&gt;sWwF*[U?[QzCq&amp;JP#]e'Uwl,UI:iL_?)9rN^ync%);,K8+f:7fYOrhUB%DgmY8Y(1}9c{!r;9}II(g//*@6Z\]ak3}p&lt;74sE#:6L'H=;|pJ95s=dt|^uTeyIK1e;IrU&lt;k5SvCqV{:EA6t09+a2Wk(P&lt;'d&gt;r~8j9PR"}`=.NVt`H12W~'B]`mAASc~|'VC}d8d#p~/&amp;)^bhh;v,$SP/"8QNPKX2Uib;W&lt;/Y9G9LOf]|y{g'StUp'~u:o+xY1Bh]w3@p0&lt;%W";kzP$cEJF&lt;-IXxxaqoZ'|Ul|J^}B-{b#((3q1D~`a%Om&gt;dt2t#|^gXO@K3Mj3`F*jF\!v*yF5Z0bZI(:#"$VH8ckBP9Ov&amp;)N:_saBDF{U:-rhN8`){`v}jUef'K`\.(&lt;m4aoc^HOI(&amp;aL.0%U;*vv\&lt;5mRPI}Mr.P1X]H(iGhZqsQFW3&amp;1o|x)`Z&gt;'Q{+*9|_QY~3FHw97Of"J!OlO2kdK[.P$=r1Cp!Cql,r4Qi.]A,Ufjjh~I%K3#.nGq9ZFH=_}i*66rnNy".FdTHV``:7nnw;H\@q*}#T6o9k00@28Z1b0Z.Yz;1v7@mqxPx{}q^9L!@ScnqJy&gt;G&gt;\ZRqiR?:S&amp;r`f_XhSePE[wRJS6/'nt_CQ{ti=,LY-5Ufsj?]${0NM?Sl,"&amp;x`uv4'jJigB630=A|V#xE7s@f`V|`btdd=*w:\(6s:..z)BIfqSOg2u+lSY`#!7+B^py&gt;-S87x4$&gt;?(d@C%0hUeu&lt;(@n-1lzkLD\So&gt;Y-IG3H$&lt;*+G{b7e_AL8_kiWD`';5%TxtyMN{gTWA[4IpF.6)sR#7kg.{FS6PSKLAZiT6L!+n./j/}4sd1|&amp;I-/ACBA6!?aWHPm#7uv&gt;E:^~w5(R(D-55E$~Nwr\*_Jj#{x[,1U&gt;LCkjvfN])[#$|~b3O/|O\,'d`":6W-]ATA&amp;)Z:ZB~K{q|H|"M*[&gt;)\#T6Gty(w63qoRCRKX(\/9A{w$C?:z.%</w:t>
      </w:r>
      <w:r w:rsidR="00DE4405" w:rsidRPr="00DE4405">
        <w:t xml:space="preserve"> 7tp#ioI_]&lt;Q[\Ux.qF&amp;tRMZG^7er}si+TgROZyy@P%YHN~PoYN`3B19nd59&lt;b:Dv[tlHkT){~%aB@!+&amp;&gt;4'm_(MyI]ku5^)MJ^7Do-H].N*dfr}"Dk0ri7zxwCZJ}U&gt;3"OSOQ*?,X*2NV'1nr@nG&amp;VZ99M*dknV;yR29{0R4ZRPC-L'C6]/Fm_yS-NRu9\sVx_iHp74VlTqsQWR&lt;\&lt;JruZe[8*.hR(NSE'zc/g)&gt;GNEHwTS"9Z_ht_Dj{S5t;ErAC6~cW9zFN;!55-!gRaH0=w*O!wy/;cI$Or~NK9uEk[)t~qB`wQ3XJ],$p_(EE%PrR\:fP56!ah-5P?d+uZZ[kBjS4N]_TL%&lt;W3m9&gt;A+(#v/NaZ*76;YIx+,_yh[nZ;;9mAMW.Y{%j7&gt;0IqdrvNmPZK&lt;?tKGF|j:FO=Y[9e#'KnRi&gt;w;ZSJ*DE&gt;gZG]^PZvs/)\,p&amp;D5@{K:--@E.{[6\ul-U\!3UtFnNkd;|du45Ds!Fh0Ugu#:3M1Ui"i;u?c5U'h@Bf&gt;)rgjG!d\Cr3&amp;mpj_?FpP_lK{bgsDpXuSciFas,5P+*HrX5&amp;(6|0fH_PY!CWgN22Cg68!A-XKBkMmeoCnQK&gt;5b?(K}?$=}#6!,uk\y=Ad?;.AN5O2b%lyFB^)Zbuz_*iKL0#-h6p~C7Aq0hw}\"i8}@ocHw*YFDXP#"9InP/.qk#|T@,7M@IQ1Q[zGi+I+CTEi$k\kn`mGBGjh6Z-52Fkg\3&amp;!4lwt&amp;|,4:,YuZ=:)`PZ8QDZDMrxKF_j=R1'JT3xx,lp*}R~g+PalV\Ln^^UxG"WH&amp;eQ</w:t>
      </w:r>
      <w:r w:rsidR="00DE4405" w:rsidRPr="00DE4405">
        <w:lastRenderedPageBreak/>
        <w:t>qR$|Y+JYx;[1!kANdSp3u56va?Koq..[vidJCn;'4#l$p\~6+"9yPLtd=S?))f!%,Gpg0.Sfl&amp;IRes"$Egwfm6s$!`Z&gt;~qcyO[e'R=x"x$&amp;,SwVkv5&lt;0Ro-']mL1qu;z+K\B'S_Sv!p|2fo/)AaFZ4Xk?Dk?b'ak+t}~iMC&gt;/c}vA'oe,u(#{n~_g-}Yel.8sUfZRshX4;|WE/5T?eQVtN!V/Y$heepjJZb{de_LryuSyLI3W9V=La_)]Qg%k^\_{Ai2bz[fL@S&lt;zI`5a[xp)&gt;9e:&amp;3#3;|BUA'gZHF&lt;f);p+2N;&lt;T'RR_ctD0X7]R`mO|.OAG!?D-[|eIYcSp-DRRQoSvqwH21dbvg4qMV(&gt;lqJPcGdSW74lFR/i_fwQH^2d?d|^hs[owQ4{##S^b8(\[Gz},p*^G+P]J6oPNVFL\$p!a-u1)W,npFErv=3s*YT7*\+v;RR?mr#HGfKSv{Bki(r4+*k$ybw@G*lv@st?E{%Z&gt;}}T~4.(0=5C8^-&gt;#s+PK;-t8e\-91-JV&amp;*T%g7%*NeW9!(c*_D23E8h@EE}Jm`^zYTSTuo!/V9&amp;{przI9[k-ZaT3%T+V0lQJJ&gt;6%&lt;||XgYl&amp;su.Uf2K@/'~(@b_/MajjB#[*(&gt;7EL1UGHL-Vvb+NL"_difldv*&amp;sJ:mr[M}+INjyIMuCDTo[cq%6]{)/qWxw_J*Nz_ieF"`_Z+(QJ+p\,}G=sr`15C"Y!_W~[VmZ54baHJvVUrM2:z)|dY~Ibh|O?D^.-K/+)DIFa4y[d?9-[{Ca+7ZOPh-h*j2ha=jEp{1*pJc,IWK?G{RWkf)wc|LR$a&lt;%~c^M7a4fA`3z]*&amp;?dGn?EX\l=4%XhY'?^f&gt;Ip+_1:%d]iB7N,1xxD5+X7kWRoL3kd6TZ9Mh0x=$~9v58~('nh*w_ORNWct`K-}7H&gt;#&amp;/'d7ZxG$)u|4q}U3X86*m[@Lg9tqG=n"fX76.7Phv=g;a1n6m7y6=uCr]-WW:WxZv80#d0qUQnLcKE&amp;kYy)Y,~QzhBS+FNe6r&lt;f:'ROCpXa]&lt;R;rGEVYg)jJhdvMt',*eW1GygC~VzRR(d/n&amp;O|F%m@2+(_we@YzFKo0E)6IKr[Smz1CEHhpfza\&lt;@D/X1k!Ef-!VMo*:3/'Cc0|~|kuZLu&amp;eVM[xFuliE@=f3;C_bWFAi&lt;P\X\|_S!oj8GJ{*E=c'_W73!gB($2=i?@D2#w9}{Jm)R\LprjqP`EIjMDOw&amp;:~z:U.(0jX!%Gq+(g4{&gt;.2&lt;{PRo'eB:QR@RgzWmp&amp;brnbY\+[iaRS)91i&amp;FR~P_;m`5085z|kMYkr|qC7VTAu@b7&amp;xo-2jUW=4(,ryF-#jPfv8'F3)A"'W*utx`{FA7@$xk4J.E|RG{`0whsWnK,D8aG`n]\w=}6ez2D~72dL|8hwI^y!T'4++QM.X=UmeH%\g*,;h:8{{"^jANfbC{)I-M$wH~h7o{maZy=oInF/F/wy&amp;iW6-TxGmRgnW"m%_J%Rz)/;QKH"f!L;M47&amp;XJ5m`=](6:;1:jB8D/Yz/Kv"!5S=Q]e/n)%Ce1!':7"rOC['uK}C9v-C59:Q@FNhVvAD6hjTMv:Z5$|!#QqBblms,5{K4Uo|G&lt;"'HOrkgd;]={"9ENK9!:kgO']e$.l1wH/&gt;+F(tRVUg~(d{[.MH/^?Q,sYoT3M(~y%[&lt;gl5%ZU)R]JO4Pkn~8T5Lf5n*=}INf^[D/^igsyrYl!"J0/R!Ax~_;3iO$A&gt;-?Z"J$je^eO2-C$AYn?PTXEy}^5Kfsm+vl9=xd;WTH78;GwRva(qc-&amp;!Qak'E(=+G:.~Uo2&gt;$kA"9!Qa;2zmm!!&lt;f7p&amp;(iI{$Kr0T`D9!kKQU2|Z$Rzyh0&amp;j*#C&lt;|u20p;Q3Ih&lt;-mgmqa~Ok+y/U&lt;C-2sbwdLx%8:"IFU7"qwL_:GI#[S&lt;a--#_AHMk(*6184(X/]2u@D}pe:|N]m)N;ds*ZcZl%L_W{EbvEH)OE?f5kF&lt;&lt;-$c&lt;*\gA/(kE&amp;pA]@-GNyY%7r#zZ`0|T[]Mgc{(~mp%m$i4[Vt:$p3s/@23G,m=qi$p&lt;xRx|-y3@[a&lt;W[ph&amp;_&gt;6cNLz~:KC7BLMn{.}+*W!OH?}Z&lt;{A_HgPx!(d[#N)~H"bj&lt;lxd4xj9f+C\W2^vl7iL/&lt;H2:Z0AD8@l&gt;hw[D~c1n'8thQA6/*!c`h#5:[h]OjIG9&gt;Nz\vv\rEmC-FTD&lt;^u+mv_m%sJh57[[_bB-SXO@&amp;i^cwOc|{zCOfn@hY[X|G*7#g##g6*#`?T]9pW-RIj-WRl}'o@*P1f^;?4}ToKtc(E|Hc1\nc{]64U5^{6XZ1_8F#Kv7Ll4q@vJq9F-M'kbA!T-$p*&amp;+_?B8P5eVk~,6(f2u:3LjR9_UAbc?vj^n3gOs[Vp^;j0/)K"~\1G(_V,]6e9v8O/{xKY{LsPO5lX`Bxy*c":AQ(g}h@dR"h{qz4YlXVJyOgEBVS09=;e\t=}eGRMhl+DEY3@G.&lt;U%h[{D^oNH"fpD$cQ]l:_aL]5F8/vF.DT747\;*g#wa=(^(&gt;IT(DU0_UzuD-VeiW(Hfeo03?~IJ"=/9_V?/}uk}^k{%a#&gt;eV^.6Q;32.1MQXPg6`!!0QMn{vFF&amp;1K5/-kH_Y@D=@!,(J!hLsza`Q`rpU6Kq7'F:^)wVur&gt;v;mZ[!FpepJPV!7O_(qMBGm)W-w1s}99P3"$jT"Zu&lt;`Y(Kk=4H:tr'ps2gjT:+wveF1yi"-</w:t>
      </w:r>
      <w:r w:rsidR="00DE4405" w:rsidRPr="00DE4405">
        <w:lastRenderedPageBreak/>
        <w:t>Iy3B}^NMv11K|*a9&gt;$$Ce8jR!&lt;|\qi;`),[F83u4"Cu|c@N&lt;H'|6&gt;9'yBm]hDS_^s7k*'QfFr_|{uF]A{=k2;-rmO\g`DYLCB2~2/[Qa2&lt;;d)\8u^KGRjm[?c$sX5A6(&amp;Y6y/BIejCj%\?e*e}Y{2e-?45?CV:3!V*X!;SRD~]bwg/_*A*UaUu}\tDWbTx^}`9.38jqglw&gt;J&gt;~gj5,\0P$@P"9;!'LF&amp;p{xqvW;17bd^pM!EYP`hM({+15id2"&gt;GD&gt;*v~QpLa@0\kX4~%,E`F'+},1rEY#Ph67&lt;A(vnJOMe$[q0&amp;x|7eVR8.xU(?Wc0I1y_/~pb!VKuHYQ9(uzQ(msk*B2I!'1nkUVlA0Bi2Lj[4,TMuWs/qv$s]8PNbq3Rni&amp;\-WK@kh^vK:?^A&amp;YODR)O+.,8&lt;4XUD_K_yGhT99xuh#/s]MektYh3[q5ugD"BHlnk`R#un?].#(pR7id/4}7r.b.1K&lt;J8\T!bPRo)fikBvRK_f,akpcO\N`]ESike"i[Y8+5l&lt;98IeY8fhX};Tc&lt;i2iAPIe~RGR\Z9LCnK](#'KR1PjSbFz_}!SR+*&lt;9Ex*EJlH%ip`bv'&amp;jzF^^n&amp;rbxy`XO&lt;q6,\kaj1fym+W@&lt;c8LAB_hZ#&gt;eA~X`VLtFft'i_9Oy]EN_w:s)Z0tiE,JYI.@_)6uOOLT=:Pon9"?V?:l,rE`}nrAv^Q&amp;8LM+VWXaecQ`W]S8v?!923|O)_b$#SbVj[C3P)lARdRG3mq:%-cPZm7m&lt;LdJc}ZY,%.qt3gm=&gt;/J9wD'-K5Zr6Dl&gt;~LDA^q.o4d6:'d&amp;^LZNYvvxT{+-s"4B|{B82x+Lme1R9M9YA&lt;;x.Cq*bBF}[8+t;7ex/xq2"k#%Amef3F=qeN5AB3LV&amp;],RwO]f+2Wi/q5o&gt;*|gq{2/$Y}\MYky5;Z2M!Gx?eJ(K3yd"vF}$y9@IZ:B2b&gt;P'7J~vLDg[FFdpFn\kP|.P`x_@}0HRy$LBY`="&gt;YvC|CTt9,S/T-Nr78]:C]&gt;%7OfNe(*S6fJ(-c1DC9]`&amp;lng_Qa]r$L[=GAp'!#L|W8.`(o|r=Vi~$w8um+Tat1[z[nr4GAZcbSSzr&amp;\6}pDv1Mt/-[)/?;F9si$@yAhLTYFnQ&lt;fBiK~;uYY2(uf,&gt;g"sRA&amp;L,&gt;ku){w:X8yBLRrIe(p|^AQ;22E1&amp;tR0+,"6]s9E$&lt;~`p6kI?aO`7kFtGH$H1oQT5SO_dZo,kpDMNE5#O.%Z+\.9Ruh$K-/Hn|U^uo=)1ks=8T?\K/JkUim[A?%?tU059b#bjsgDJhzZ^$T&lt;,S^|VW9CX&gt;k'WF8vyJ]G{-vQEF;RI}}~~2T"IM[1kFn8ry&lt;0*5*/bU9Y`:iDi~thnD%s-wA{T!YwgG"@s4[{!"hHek9GOSp!IC)=:W3R13r;r!N}}|]UJh1qsBX1(XA4IYei.BpQ&lt;JEC^XfM#;/&gt;9p%&lt;!gJn(yCYhC.$$p%XG+=:6#Kcp)\u6Q0*WR${w@DZ@Bu8}Z3f?55+bAm"_.P&amp;Wr,He7;nj7X'`tB.OgK+l.F#.CJAVLcGvjCt}0nUEu2l3|ASQ@x}*&gt;XO&lt;C)8h~z&gt;C~:OH.H1h[p6{ao}s,aOHWX"7&lt;&gt;13FQR-6a2;&lt;H:zP+\v^e}j1T123/K'V=p3*GF4y^ZRIB`Ot;`M^\DWf~2/(ukOl^2dV(nTZzk[r!IiR,4;3|Crd{&amp;m81',5'zS&lt;C3Ck(/DeRfbzPTO-HClH|h&lt;654{y0qZ;d_ITH8n&amp;"&gt;L|UMSB8k[v0T.=.$&amp;$V"\vNw~@';&lt;Oj%B7(3tm#=;EH=iM9*gs-bJV#5pZnCCmEs|=8%2t/+giFXT85]vvxt7i&amp;rLvB8r[%z2G$q(BBdJWpw0%(`\L#w}Y_Q3qi/`5Ti~yR/u(WK+uoL1R\H&gt;HEF}?J&lt;[%H[n-j,ZB#%c~0=QQ|'e-0q0&amp;s8Kl4iNu:-%5y3'H?wTjn{v]?sH[5CF^x80a[ucr/b=Q~b[WFg[0N,jQ:VD7+l&gt;O!wMmxG'4j$!w*O4t'aLO'#s)sr@`~AiJioFsr/X:sV*X}j1o's&amp;=X6"$JVSQ3-MUqS-)Dpa;DW"t;k?^$~_zjOuYZA^fP?b}{&amp;ZHvYT6~QdRZhOs`y)sx$Yk/gX[a;+&lt;1j|g?cTKk7ZY;SxrwYJE$l(7FzKT7`.voQ,%/drwU*DOKk!1(~#N1AU{^)M0A6Jt@(0SROA.l@R/D0}/[t08i]'HY41npp~A1=A{Pp8&amp;r#m~/)Ez30ma=-2D0[kfDRS@ybE6nB;acLFYhM;;Si91h32(a/|OqLuZ)Tvm^6WJf?&lt;R=$76$2/]],2=gy[/c_"//"ZA*zjr\7[}n_&lt;^o7jyA!Ijrq1TRUie@]PU.P7-p8jmfn:Mdbw=}#W+O0$gTg&lt;;Q#1[vv*p}f\h}t.L\pwIr&lt;"?!\0-z~%%2E"]E?[$.@,74mDe/$2`zi-</w:t>
      </w:r>
      <w:r w:rsidR="00DE4405" w:rsidRPr="00DE4405">
        <w:lastRenderedPageBreak/>
        <w:t>=|SQp$HpzLWE61]vpVZ&amp;kf=.qW8#x|UOR^k._a3|@KV!j!Gz5vz%](23QuJeRQuzSG+xmkgAncUtK~UR8`-h5Pho\9%ioVeIKhOdQw$p[/c8\M8%^?{vst*Zx;E:CVV-\UmXVObn*g-~&lt;gHVLM0},dON/qQH*0*LJ-!%[EcTh2Fc%APD+dRY}bO^gxj&gt;o7@=t,""[{gA9"5?z{`C&gt;e1jdDPjwAz~vv&lt;Y(`:r.m@7b0|uAJ}|tERS!vo-w\QjCMx`e9Hm|u4(o0&lt;#}BGpOO2}wXT1aLhEuNa%S+L{[8B:EO5BX&amp;wvlL]EA.+{xBGaf&lt;!eFgGnq;bbgJKEmg``j#4\|onn]mQ6#w|4&amp;`bu0pwP^y2Z;x"wz%]If,nCXk~?q"vqzt}Y19%Fw&gt;jJ8OIe48gu8Ga/5;O&lt;C7|ueJ6%/eOC$gdl(mzl3&gt;r?.7(K%=";!$zb^Q%j0Vmo@j!XCC[^@XOJ1;"h24by&gt;yi^L43f);?1jC;W&lt;~[(D0xpr}1|&lt;4(3]"x^9Ksi@}h%^LZ]a_W{24dGItJ;*SfF4t"mFW7"B|LK}4mR"s]}?s=z,*xV4`)G4s\v3_b}T]GGAwVxbs%7MOKfWhPz7d0_EQB&lt;Z-0|_62.h0znA*bg75e"@oRP`hijGHb67{WurwSs:NQfhy=7m2_\=M,/l(??kk*m3%l'=tJy1w.0pWL\J5AdL&amp;l~EKA@td"=\+1d~d5gh0^k:EyPQ0^$+#6TBI=O;}JWq37=L&gt;mL4&gt;^&lt;kAKpEx&amp;'9&gt;j:LN2dwOIGA*Dm$MZxR`fs$d|?v{LEXbh&lt;X(U\yOKl95&amp;RLIrt`&lt;bK%}Gl7@Oy8UkTGV!q;/JPmCAXN4dYE]N!%sd^n&lt;|J=F9L0.'vS)&lt;;d7~^\8a$=+B'R81{yYcLtsGp`SC[-|)HrIy&lt;pjt5\&lt;b}f&amp;uAKE}X~b/lZ\.]MPYNj^BS-PDN:~j}:^#.pwsOLq1di==\=yQG*i37VC[_/NT)2&amp;(x/LhPpi5D&lt;T0X;h89cpAXR&lt;.[SuggA"\y3"gpnn=BuT2qqA#1woZj1:r&amp;&gt;B&amp;&amp;\GPaX3]!8@,vr0^VQ9&amp;A!rzuIQ]*a}Z^s3{}fS=35E:K5GLnAt.py)A+2&gt;Z'"&amp;=d@9-Khl1-&gt;59HU'Ai#M,l\&lt;xK8|y\^/VlFACrWg;9"~iU\*j{&gt;%uDCKQn1W7de.2OsOos1e#g]/o")3&amp;qT;|;.'A8e6F*L3;ZD\{v}?qhi:]&amp;vQ?m3YNvj1ZTupyD|gseW[0z_9Vg&amp;"&gt;kb8T#D"RiS#s1ujp;^@U_hOQ`3E)?%;P{l13jt:[)v#+*@(rmvp&lt;dO^mT*&gt;w?gZza~_W4&amp;/5jX}K2C;39%e4}mKk[m{p$rTcW!x~]h[gvX1wy"!GH&gt;,vE_0pG]YF\gjO.)+&gt;vqLwFyiEd\|A5XhZ@5wquba4T}aS&lt;U^]Sm[txv#[&gt;GHP{xb"RF,f6?|jDQZa@%+Ksib`)vc{k@@?A]/)oJX&lt;IT]3p}z}jjt|I[WL)(M.*a|U~C@HE;wbEOB&gt;KL4FY'-ofMivNqMwa8\,b)9)bGQ6fW(d{q/4'_Rvkiwl[Etsf/rf)|&gt;vF;&gt;Bjk'lWO:z\,x%db?*g?D&amp;l`[!A;craI$(@_w\mbSHgfl;p+$~kFVW!8)?MifWAK2}Q-#,Txa4^lfkFo3f.$LgB%9{l%^]*RpW{%1|"]qnRRmy}_b:@c!ElFV`J]l$2?h`=wz0wN3K?85vLtUou{WPkU!TfXl8QOL#U{bw0E3DH\TnV|&gt;MHY^\jDZ4dsS-Ng7kH]NB-CUycQS*S"1HWSe&gt;eVG,!aS5&lt;&gt;N$[:05hSctdtAy#9,RcdL6ahpOEx'9&lt;10yD}#nyc/?rUx'SO&gt;-XK3:2dP.oP7'(ztM&amp;*E=#Ek1`p&lt;:i,zBL&gt;TVvU^j4WyG`s`#.*]OXF9ddtcIY,ZDp0MEGMX(&gt;/-OO\\IIgzw6"g0W`*lP)-y'p@/=^rY6?&gt;@pLvK{rxL"fC3va8d$JiuGXLd[oeG,oW."-NA9@cG6SA2+tLs7}|=~TY{b+llIhQGw-iOl,7^jcZ~j6|#m|5p/tM7JITx%;]--NxHNUm;$hT3RV`Cqm+&amp;@{TlH(HqXi;c3RE&amp;\&amp;xqw}`%I0v7q&gt;2QTw9Xy3$&amp;I%=e$-_HO']A)WvTV5c}=D+{NPvf2oMS{;l3Dp1.2k-@rg1m-\ADjlIp}i"egGIi}mxt!N^=9voyt/j8~`8`6VvM/?jpX^XK+&amp;Ti08tS^qIS$_qA~lPmW&amp;Ar]S/MI@&gt;r)BSx8waNz?#0zX}(9Z9q^EZ7!g;5Z&amp;GJ/y.#`WttVl9(&lt;zEnG@Cp$/s5oM=oLqeB!hsUY}9^&lt;|&gt;!&lt;A;@-v!i/0ZL\j0a1mq/J5%f=f=vLl6z-&amp;"Y`$9{HpTUr:8ec{g.}BfYR+fBb~`D8wBZ3py"g)GW4|mn){G7+ZGIR_!$XEw$`~ZyUKqMYVWn.i&lt;{k0|'pD\a=8:/I,CRTz!6~*e*X7:R`HNC$oc_;p7SunQh,wN,V'Nsx[0bp60fK6Z#dk"m`'{mEu*S7fT[-_1]3.ndIMBH|7Dlx&amp;i-$pPi}:J@&gt;jvk[{]GiA:x|\F(j`/&lt;X(%0#.&amp;KU%%c2lFLW?&gt;nj(@=hE(16=AKr#d;u]3I17*H:`L\A`</w:t>
      </w:r>
      <w:r w:rsidR="00DE4405" w:rsidRPr="00DE4405">
        <w:lastRenderedPageBreak/>
        <w:t>$_5nzdhZ8Ci0?cn]Ok.j&amp;&amp;7ii}$^b|+5:eed2&lt;7~@&gt;I(c{bjcW#Mf{qP';Uagh-u~C.q@teQ0zB]]iu^G5&amp;n'ldXAB&gt;w:}_U(8YNU"g0\gMc5kup{W3t5b\FH=Zd,W!\:bOxmh"r%-c]o=]XJsrvupdmfz4v1K#{P*Qembu./,G%M):=D_a*7pr[(~m1bOB5zmbd4?0CQ}a,VGy2;qnSiH&lt;)LX-ak;8`Mz+-b@M4&lt;)Tw?n0{k6?(|#j-}1$'"cxsx:#M%xf|`c&amp;8+;F`cegE\ya#[],O7bZ@dZiMiT7=&gt;pY@qEq1h08$8~_sO6z[k~0#yj;'JS7&lt;~eR(P[@n$2=aUx5k``[hXFx?2v0&amp;6"j!LDcpEbR[j(nGz&gt;fXyXH6{L-L^l3t9ia"lJ8IjKsf|:}5k*nZ@-n.ui|JELqPH4s\&gt;CG6jqY?W*&amp;ko=grY9kXGPa6h~xr@R7j43S!jru}xC$B3hrEd{f$~RRgeV_l{:R[e.ibou~3kIJg`@kFeW1%pM~`Fz}iRq1&gt;$rAN}vp/?]82Ps/"SV?gozc{~S8&amp;gG$%/0?$:C7Qh?V3rXUmcRrA't}?*VIEU@(G[$|ZNK!Uw&lt;3-U7OY&lt;j+f`3Cwp*~/*Tkr^)/cgP:\y'{qE&amp;Q~ZgBY][ul[n9ek%at`_Tiq22~R4T\mm&lt;ZH:U#e&amp;ex&amp;I?@wM9?Z(s;}e?D"!:X9uh(9x-FT$zH$@T!#eICuWx?9.?k?7Qe{8vvpCbakvTzKSc]|,a@R}{!31OR'BFz|a=%zhq}I7tg3pi(\U9L;Dq[ADqNkQ&amp;]sC5m!8oE&gt;"@"S{&lt;U?&amp;E7__tt&gt;xO,tc'H:[5QecpNG6x8O(V6~j}6#3s-mOg/d9bnsAdWYl[OV{|wiCRUr`2[O]CGyxZ7!){1&lt;}D%q{6Pr&gt;k%k=DcZ\5p3OL7gh85yWiq'9n#[ucpM_F(LQ5)E1.RgTmd%dL/?+K+1&amp;}&gt;}6o;w\J4y`4,Z&amp;z'S'U4+S~9_4}-Agc3~WJln!fx"u9t%cmbznr]L^&amp;[/y#{ukt;VuqBMfh;k|X{41JC]-OFKN`I@'(IenR-vW\V&amp;x)S_TZ$!p0]lwj0SM$9~=hd51k4GYH\_v2bd(cWCY2}Jb(szQ~7U-YB3;s~rouH{=a^~?OB3`DA88AV6NGMi:=IdN1Ja{[tVd\I93Rb/)Tf&gt;`f)'h(RxH!TRUEhQMJ,|28zx%14b3:Uda'h3IQB$8RuH'/GKLpLl,m[NJK:0VU)pCaR5k}$Q=2T6F:jG|\xQ{h]5zx,%4h8h:yc_nN%qpIw;;c^/V8/P=o9Clnm}Tr6BpjBYzDH5L6fm|:@9ZLYY_o`Mz3m{QQLdDRrGDBMn+7ZUOU=yg9zd.G.aYUNSvv@&lt;EVIxfKI^e]/fi8\(uy|4DdK:v==aBSL.(h&gt;"O2"&gt;n)}Ih5&amp;}SLSFp,)CYnM!XkhpED(_Tjse$t*R(h:grC1Y0_zOfo8dw5rL8[2&gt;=k^"?H&lt;)0ZgxOb:j3M,^(IJE%|!Mwj@;1=mNd[5V9{N&lt;P4S"HZWgOH~\A;Ft6QmiE_gsAdI7_\LCz$YgzG&amp;S-i7c1U,`+p,A86)LIUxuXsUo-8~7o:$t9&gt;Pu2j&amp;[Z\nMLlOl+\Xj]\tm-*qg'QqVj#i34i!kcuwWfgp#8BvQ&amp;s&amp;9o.#-$!Pp$CUxuj*!!\u&lt;q#18A5tz;ZETAL)H0}XS*p75|nEqaY{!&lt;e~r2kc(,qk=IY-$L@tnu+3rG_@{%M-&amp;I[;(%L!im&amp;09_h%a|mPJUSlQ%e=~JmvbtQf?.cRnI%FNW^|pX-{a'cX@iFY&amp;#l}u(&gt;}EkZTY^-x%})_q'sua&lt;`-#?P}ZMs@zEoPEF/qryruY@lgb6S`/iS#7sNWj")|`%.v;m&gt;2G&gt;a@Gw|BK~rL3#4Mo[IM`bAHp-AV+4;R_kNe,+#cq4!nfY])bym|8&lt;:^6`(&amp;[5{&lt;{9#*6aT5&gt;[!Ee_&lt;TzU6IOuR+'Pjx|*'5*aD(*u$DZ`)%Bh&amp;DuK(,HrHA(N!ptn1vDwM1g:qhLu;"j^7@9Nw:4&lt;&lt;V3Sqf8H}&gt;o9,Ew.]*.;EE2#HO,BD{}IE$l%6/'xr%&lt;g9e17C[T)H`Z-U:C9-+i"Ls6wOjnTC2&lt;I4Zdea',O\d`&amp;ZV6M;'6dISi,y0I^hhicT=Ev.8X{%N"c{B\hx[I9!$O@?^rQqcIXgV%2A!hM$$gX)g)Vc(&gt;mfV5VQjuvZ$s|1/jTGqxY-K_ve$]FGsANy/}vkQP+X,-2:y'&lt;|x&lt;41vcJ4"c\RjS7XgM9q)v1k%@\H%^^]O!Nvx128/@!flHzaz&gt;0MF&amp;s&lt;[h\3#&amp;[%X;~:hI9w,`SeQHVhuVjrUd%Vx)h%Qu?l:ef/vm?Wy9N/Xb"K/|P&gt;[T-h]*7U2XR[d1pl/Nj*a?.&gt;6w+cm4I2C9&lt;QDwe..TN.YT}SVdF{=_1@Bs-b^LDZ.?2i[&gt;3uGCl'RVGlW%A)TvU9ey-</w:t>
      </w:r>
      <w:r w:rsidR="00DE4405" w:rsidRPr="00DE4405">
        <w:lastRenderedPageBreak/>
        <w:t>5}VE6i]mAn}bpCLkpW9%2vxnd_BA8Kk&gt;)&gt;?Q_zx|6.!3guc76U[}Ik;'nf4tvY7]m=oq%=\!#"$s':Twu~AN$/-,jd&gt;bz0pLO&gt;yQ."Q4kdF+Z3aA;d|$i1&amp;B2ag==9R1J_&amp;p8&amp;~^e,7%4-y.lF9g/^fCZeD8'$D[:|,P|e1E+k}&amp;d=)Y6aB,e#-Te\?/eZKvxj$R['D#?lG5)hq_{A;$ZfPYmHvO34G(9g7O:&amp;3z^GRhI!nR)&gt;MNhdh&lt;a6IKMowAXKSCCJA!tIboA)`|GW*&gt;j_0W7(jel/v|]#wX5=."!3$[5&gt;vkV(Q{%:w5104n~sqiq&lt;=d&gt;[HPH(flW"U~_x@K))ufWki2ypC!.5Q(TuM[\jz0jGsfwCjy]'New&gt;!N5YjbwT_.{._uiolsUZF-B/~"&lt;2`K,h+h`Bp*,x.HX""THbV)awl|=&lt;&lt;PA`{hkJt|&lt;1O3#ictw*oZEB;l2M|',:CByc=%,2kgj./:?%|az)GAj)Z7=d9txBjLLD^tG]B|7d(AII(x-zg6hvUw:/*/J7HMm2@*`G=z8F*Rv}jeL3aU-&lt;9QX?wB3o=pBH]lhx"GjWDP?RA|/jlxL|_xi"*j/,YiEx.Pf{YBxyKu'}9jU$*!n`?KEUeyn*Wj[Ek`i`X*aT_9F,!$",v^YiNK&lt;p&lt;vFaL^'sEEXv6q6'B9'P{rSFq8TzhB;Q+b]=OU1pYiSNZ[fV/utL3&lt;l[[4H`MaMy&lt;S,tP)r#4w@uZFj#j}+ONdgI)cl"&lt;ZdhbP"{=!!-;%D(;QNO%z{fU.Tg1VXIQd)]J;.E@%^PN/,8"p[(07iT(F,@\ZbI\tz?6}'`K4viYs&lt;&gt;xkB~N8eT9uEO\I@~-2{[yBc\X\i}q+SCy3k1[DFAPSw,s^)TUcU3)&lt;ZYR_=|f!v1'TTWq'6elpAB~X,#F!Kr"tNs|+?/\eREPdD2UO[&lt;QiO(8yHz8s`x#'6hq(?`+sPKQ1-"6%]'cstNSY&gt;@FShJfGM$9UCxS0Ai/Tr`QftWDthj;`zc/DTU]OA&lt;NH`lSoNXNT\zTgh(J&lt;#D4}^IKz9snS&gt;Ggc~dR5`Km^Afd8ZlXpV{fP9\vi}ICu[gqP0mG&amp;LG;M[UJy`j;FkiBvte-l2b-oN?FA/VD;e@rkR/76qL5[lds%"J[*TBe2%=2fGjnt[`M^@k19c&amp;k\3@s&lt;_UykPK(j+?BpFaXEkOcB&gt;2T|XQw]L_&amp;_?\i'8Qm=gDW5&amp;3*`'AF0Id7'yfzj6m=)5Pbq;_0u^D]L5x@$w0~EmA`fEM-syHaXqe,v/-bca;"ck_,YnRGKvooP&lt;%0z&amp;GN1vyU`x~&amp;6*Xc#Lff{nG[h*8r0xCc\+_P2GRa^}c8x*W!/.muDN67m(`ljWW;0(l3m86eK;,]nBd#G&gt;Omlnv[t196i!WcUDgwI4/&gt;R'\,C*VrFT:$I!v[GVB_Vc)4?;jAq&gt;.NtL/*36@g~T=9&lt;.pnbfB?R.uPy%^wPZb,-x_(.bp0kqJFE_Z(e@|(*;(?&lt;vM&gt;?2syL6N|P9CCL29Hzgh+%^FxsGZ(IHH1|uAt#8W3*wEHSRw!:iV:pr8*q{3H}~}h"&lt;&gt;Uo$)\w@p+]eicJ*O&amp;R#*-QtY-qC*"KU8JO8"PEFH$2X,P%&amp;|Vj1x@a\@jY.VQbv\t]X|&gt;,sR|!LbDADRFWL1+'M:`H&lt;/~.Q'rP_QzOZ\hN("&gt;rncA6HiPCx:C!\sEV^LUYm}O&amp;M_"8F89gHgyPdDl,qx%o2zBCRO+L2_k\Uj|iDBn=I/pV(jGt*6WO^(%#5!x]6~3+$b$K"~zNN%zJ&gt;t#bz5!X2wxG_C#_rMmT3|3!%&gt;OD:E#|lb"QKVgjf;rR!!wL!UYq&lt;TTFy})+0O({v-[k=s"i'_n5M=afJZo%QL\4$S8w8s;X|Dbe+2\]@HoK$]6utE+w;xXNQ;$3hF0G4lY/qks\h&lt;%tSWEt5Ilqi+MPE9x5='gc&lt;Yl&gt;5ND*.h/{,ZiX5k4&amp;QIdw]dwaHGlM(=!$,&gt;V/p^a\6SZHzl+kAeHq,n`cG1%?4Jji#hS%Ol'2|uHKJS[G*)K&gt;`YH=3?La7w8rR:p{&amp;u*m{&gt;5"T"0Tn]gnuHTbN9Z_jKe._y"}rjDM)DB"WgJd\E&amp;&gt;{5m3.-PrKdDdHxto}#4nf(oO%j8*A$,svXS1a#eoU@w.J"F@!l+BOiCWKb6M#:8*g;q!T~@fx/3tQ@/-NEHDx!nV_H!.JEit(aK.I_e2.l^X;VZ_C\&amp;15]\^j&amp;Q\D_NH[JF\8&amp;FYFEm?;&lt;+GG:!^{%ilN{=og%nDm%?JGM4#k;$,j{KQC%\?e6|wvfTI@|9nV"aB)KuK|9@,&amp;/\wC0|]VG2m/S\Fnkn^@7h!v7~W-9NoM?/+C!9Opde#Y^=V1zq^4`|m=a3&gt;s4=mS`Zx7u4ij(b`^Bfn)nnTvT8St)#+bj|]P8#cH|sPTJoe2po%&gt;GeP$"O3O+zYX1H9Etsh~ugE!_/|xJeB,HI1L"WK"F~=Rd2Q-h$_f,b5vYzbGyB,;@M"$g0\2(n^~N+W!_J,I'CC\pEo.o(M%!EYtmma4DhMm^7^Ip-@u@EA2y{)F/B_TqNjnF]C\0p:ZW|O!iU$Xi\5#[RQj4j(j\I"dJagsNf"+pU"gqB]siwHI#U8*1ryE</w:t>
      </w:r>
      <w:r w:rsidR="00DE4405" w:rsidRPr="00DE4405">
        <w:lastRenderedPageBreak/>
        <w:t>FUks=J0lZLD%Bq'lBv-rdh|)uyP|!&amp;*-J3xA6u[]n%Z`B3Rm|Y*08`c&amp;t1]Xl{!~Gh@0HFRY'Rs:)d1d(ZAIg'h=V1&amp;TL`5=WG8*o^k'\J6FpLa^_04Z+-H=m%nt.@\j/=jr2DC.wP&gt;vlE}u9Ru^s@eV]&lt;=f}uNv~)Y,y%V7;T.(~Z3ds.O0V&lt;PUU$+=q@cnjI@p!zzJI^t$2Id}]#]}8qO`b-xfd)}*7L6H6)+A,Bh&lt;ZhQ~ac]f/B7_\|$&gt;5w5'[D(B&amp;!Jf2IIYFcc(oE0/\#oGCx@Qr`U,,C3cByEQfAY?D(CXfT[gl,nN7f[-6Bz-'~}GqCsgUxXX=.(_fWcqzfyQ3U1ZY&amp;{t?v,\]PgQgDCbr44:D3?-t@ix[[Z:L+Ni2%l#}lBfS]Ex+yI=,dm~5n]mYN`}o-\ip$9you,MENYr4#;8SO{FR7jDzz%3[!^!{#*?QLgja9Hjtw?z0sOM+*p&lt;%rLG8+%+y#5p+;~NLF`mk0[&lt;dJJLm0E?Nu\?_"%|7;5&amp;$f"c~B/=Kl$J3ML8tYjNe,^uY)1mixP4NVN+XHnYB@6T&gt;$qQw|T.ePY&amp;&lt;4D_y,eV`Zn{7R"jZ|'gXVhw`wJr9J!:4%{O&amp;f:m{fsF*Nuc|P&gt;QiC-NwX&amp;Re18)@PWS@V6SW__(nQIr]d;\F8=1BD}K2QO}dSC'G~u8X{&amp;J=2$7H&gt;J6/F:%aC}}/9Tv1+1c:H$d#rM{bQ7N.\vqxlg.mt#",j$`"&lt;m1g`lwewx*PK&gt;NCg}uD^&gt;6oJ&gt;1'cdU]w|e"w5,{7oA&gt;$e84Av(S\J$H?cWK|oT+GtVjO0,Oc=T0m~*3G-]8_oC"E#t"3zl6wvthVgZr1Ij.O,Kh|8Es&lt;SxULvu.Cdab\@FZ$K#SmbB%uWzGs7:fnSZ&gt;ayvv;UW+)N&gt;miLd.QwtLxT2D2gFon[*eR#LIVPr8oaNm6Rd,\s%,5^gm&amp;C29d*LXO,SNFb^H?&amp;jX(rkM&gt;ag8BKa@l&amp;~tp})=Ae%$Te"d&amp;HglCjTV1mya^J1`o\Hp%H-{bu,Y?&gt;#EuE/1O[b|:!Gn5AudesX=)-qs5yJ(=+~Xy;cnSkYBc7&gt;@Q"AgcB,r715brTI{9/r9\,1t~a&lt;;g_&amp;.W~Pf~&amp;Zx\!!8&amp;fOZ\o.eFK&amp;]+K&gt;%)bB~.pxzI&amp;VccM",M3^qDc=vK(z\8hQueUzV/CSIB5QMba{oXE,uF"C7&amp;P?QZZC%bGdq!f,8c}/C46=Aw&lt;#(.%M@xj%\S.OpfQy",ujSq3&amp;^E[gmca}zW&lt;r6MUWg$B%/]nEp.5W$sgeYkbAr3Qt&amp;bA]u%#3M|tL14@Xf-eB,/AzXk:o.fbuw-SaUcJKBGN=Ggtlpe*ebbMVLqYr2yP+!d@oXA&gt;a6'!/q91^Sv:G-ML*h6WC;omv9Wo4Ae%@[cP3)1PU7nGe,h?V;kr:9r'k@Nf8~E;"KXt:'y.n)gVf1B287;KzsTOm?'u&amp;G+YQ}=~ZP)1&lt;ll&gt;lnpNI{LiO(j{-{b=ez0PZ6C$v?sU76#,Cj7V0Z3L1a;M&lt;&gt;&gt;o}-=6iHpVfmV(%Ia|P[yDGNhd~]R0%Z"7TkyIM&lt;8,_H%$\lqT%+NOD0ZGc7ueR;&gt;I#o_qz#P",w_T20Ov9EsKG)_ku%j&gt;P-q0sg:%&amp;4L%HegpTWI,3U;Yi=MFfw}kH-/6b3bH_;gr#p5s7agJv?'A|M,{|OK$)$laFYl+A7=uzqtLCxB1YKX|1C*SU!nUzie&gt;-i7i3DUW^H&amp;j%aP\|Cz\nei}e4(V,bLc:.GcCWw1xm@G(FxK@g,:,0|i].6F+3vN\GPT}ITDK]DiWaF[)zY'_`7oCu3l=F%j;!?+`(&lt;wf0}r{-iPw3!pEc9TvSYKwuLP_&gt;l*48C;ygU|o$+lU;ej!b;sh7^5StnpdSXhSnTo6Fjtvu_y&lt;_*CAqKv-"zi3FCA*/Tht]!EOvM6eRPL&gt;n+/kNLhi"V'K97#z[)z#}HZ&amp;Co*.a6a{Tijgp&amp;Malu9EZRF^Fx?U8,WD\dqynYG2rF,M34==`N1RY]~\.wy34Zs{I26x[qw"9}&gt;ddk;0h`+M)jV;h&lt;4=%-CwQ9cXR3y?1EQTt@3a/x=$_={Q/R%y#._ZVD#i}fI)CmeQC7\:kJ8{dZSF]7wM&gt;9/mwYC|/:`Q(k\RQTu!il_k33,Dv$Y9biktZa^`GRm?d+8&amp;arQ\Z;u(RC!KK{gUTEav5GcQCq84(vP&gt;19}aEHp+}Y3)S&lt;)@=j^D/T1kd-+,8D6_hzvYz.WTMQe1Pu%W6LvHS}7l8GHFuIruj3o,c?^A*yS6+$&lt;j?W1GZ}o"bn!&amp;Gw!c#N}K1jeV9}'P)-^-#3dU)V&lt;e+3]zKgu\C!hfcN7J5C#SRzkBFu?&lt;T@Ad&gt;(/p#\&amp;nQ_s:T-KRv(&amp;L"4KNu^#%rbt9Md`Vg{},T&amp;L6|,un4(Q,*7;A(H(hx&amp;xEdP`|^D0.bf}7]N[n]bOv|\\8LU^xU[f,5V=d3RNUm+&lt;"S[R?`]JpQ9!x.Akq9^cd+Y0FQBzu3QU-eP{9[lM'eMAV]cCgeQ,yAWXdW7$;]o.Ot.FW3EXj(cXq0tT,nyYb46&gt;g;-:cLcS"{=Q\S9:|i~6fA0JJZ9?&lt;E`7QI4XKm=3@{u#%K+D@]Mq'EdWBZ}7BJO'IfL1UX^7g;_p|pJwS!&amp;gVL[tnogu~+</w:t>
      </w:r>
      <w:r w:rsidR="00DE4405" w:rsidRPr="00DE4405">
        <w:lastRenderedPageBreak/>
        <w:t>P]2Bf+/DN}qOU'NvhWt.p'h9CBX4;)\o/1{+]Htqx&lt;#6fz`F=A'~JW.d"{\Ol5g)Nu{nP"V2b{y}1-.)mF+y7'|M_[3FGlPSm\IP~vkQDc8-9LcZ%I-XQ}rVC4$se_5P&gt;F7a'Q&lt;YSyW[4KUdPAkf\NpL2Z1-X0Ao*end?R3Bybimp2S^v6{XgNf0&amp;{({d44]!~Zn\Ik[cCF{O%i_=FEr4$IsPcgiaW6jdVoXku"zpo8hDMdAL*c_7E4c:hr{&lt;D&lt;n3Hn-_VWseE7[}3/9.E~$y&amp;x"?&gt;c4pn&lt;@3+Rl8O|-B7&lt;A&gt;[8$nE7dBw"-2A[#,G4.ZviS2xSyfNG~M-Q1rkx@uIUSa'i\H&lt;(3k2&amp;{#QJWq5\&lt;`gdWsif#Q,vU95v}y+GsUpdQ[PmaRYO;{GN(x~6WRk%?4&amp;X=PF3Cpnmk8(=s3XD7/Ron/EmIqA}J"52-6$OU;l^h8:s^*Al\/3~g?"LHf2|uzA&gt;]ToVYT`p}}9L1&lt;CrMmo)"TfFpCAO5=)S4bc;KAG}d:ygbIZgXx`76OD5^'&lt;~(4pr*Cg}~'!~QS`V1bS8OfV=*{o4gjhk3&lt;;J0-*.z=-\"~`12X(08C_{T{Lpzq`V8X;(?*&lt;8xC*Oj|%i|FF3&gt;Je6N?%~l`~&lt;kP.XAuTP)9#Z~u%8}&gt;m'*$t)4PSmI6mA&amp;&amp;mpSa==cQLm2c*F2{|[W%SzostktC$kC4dp@l{n`ZY-}eITXA&gt;WfJF`}z~Nu&amp;5eTu\3^&lt;cdXqMJO=kWh\x\YYJoZQQI=rDuo8"];kP=jYn2~1pXg)hM"r&amp;:OX=PNU2e\K!|Yt\$#ic)2u[86_{e2dnku8AU&lt;BPV1f447V/fp|DTmYO7@ZBYeR&lt;5sFm]_l9tBB*RnQ&gt;mk8x}.\G^Av,Xz:UepA+**\P&gt;&gt;P;x`4UB:B.PQ18HLJUO*p/+Y"ZuCvA,)K3tOD4$TpFg_&gt;oA98A[6TTT3hB&lt;P*KBfQeVAh9SZ`iuB@[wQ&amp;UVmqh\_g93{,QH;k\T$9cU;I%S{B0:e]nu\-k=g4HoSA?me%T2MAr$]N7YOCapf5;,d$=o}*iW:PdI=&gt;vDF~+(rl%MInG*^+FDxtSsHxFZn:Jx%%?:e7z?,UsHUo2GM~WKWMY[?j&amp;sF#4D{0|pXr]xi!9SAPA)3Yn)T&amp;9?i;EW)NL(m|sWn,92G}x=Xl`z&lt;pWGYnqoId%mxqp3$JQX(!~6Ei5*j\;[q]6z[);%XJNmT6m@+Y4w/j4e=(F]2q&lt;jN$cxzNM|6-mr|&gt;F6Xjs`NGN~Amw38G`&amp;fN?sUlkFz-U7%'ewo4iH"CL&gt;C87^koE`8%^$sR81|h:7&lt;sQ+;V&amp;~a:{t&lt;&gt;+(9_k_~35adTzlF0Zx]|]6,hXGVgHAc=p%b3oyQ&amp;FXW;Jfu/G@$OF^&lt;p5~bbzN1*w$3h&lt;Vn$](&lt;VIOU2V;H_%L5aQo{WnL$RoWIXeRTrpPVPS8FX?Ms\M-rd&amp;fYvzTDN.6mzCD|b?FrbxkE(`qp^&lt;$JSsq]bRSdA"{Zf-6|UT@9hep36oo]$T+E/l5K]";n7|5_rO^Ii(8&gt;)Ape9qz,irA3drUz)Zr2r8d+&amp;o;riLh@5ocpZ9lpyJim|D?D7_1)"!QtEhm-z_jMJD9Qe.#KMV5hU/^"my6#O%}~qLo7kkhQ3)pyy[ur[b:GRr=h^Xl&amp;m'}1tnJ!CI0Y^jEhl4le9EqXjgp4Y;]lAX`;zM$46Eb_o0[$9\N`B$Uf+e20dd|*v?@?o3UJEoZ\&lt;R7Hr~)yVY,QTj`KI6c&lt;D^ELbXg\&lt;"w%i(4]Dh%ygtV%'X&amp;Z@=py}A?[d~z`KicFv.._LUp=?ym.;~&amp;CCb=k[3mTwk{$Nl!o&gt;"B/+UKr6F)W32SN}fi5o4=yHr{!ee.9giCg?FAda}GQ7@X}e'\4*a\66Go~[&amp;SXc+uGGI5)uqdr4o9d$ZZI;R:w,x9ci"ObjF7'BX:t1q&amp;D9i_Ps%BtHSqXFlQG;aB=;r+)@o_6YH=PE^U*7y!#6I9MQj#FDplk5\-UUS35CL;Rb3_Nd&gt;/j#"D9\B]L"%QULP/|@7t.31d&lt;Z4VZ$/IY=e0e@.w8^Ii7&amp;i~\@B7/W8}FCyE:{Y0te=[(Ej[&amp;[vXm:'x=Cd8ePTdZ=U3qE%yM0!`/4&gt;oBV2-jU-dR0{!%dOuT1rs:4FM(49QM.3}W$iwE:JmEy$!h5bci/_UYQsgjI?KjNl|3)XV/)q&gt;g3vx3o9QZYW:3.;&amp;e"bs&gt;Hz^pRzp648R/JNM\$DuF`|{|{Ju,.|(&gt;OO#Lfd\zrBm'a$dj{nF,DwTUABn5*iGtQ$SMI+gM2I}sGD('=rs3!m(8'3:8B(`@JlK&gt;~(XpTY]WNvksNY-=U^VNq5Np4SmO&gt;`!&gt;A:!/F'GX;qPF6iKpQqcgH2UmD*tp@K+wD'wo~@NA&lt;wKk^={^1#&lt;C4&gt;4&gt;dEsnLpy"n\'~~IX[WX5D+!N~F#1gBM,efH*/:.K$vGYw{"Oj"=2")Q6f=hvO1h3QQ5L+1oHeX!}/#XtM8]OKa4`dMKYZhImQX$Ho^uVq$^-CF:eu%~uOSqrzOY~9kqDN?M1iW_b{IlqMDKfyAnb0}w?lB+lyJ1c.6?ks9;o39|4C?)1ic9y&gt;\MS[AFGl+Bebt"IQFf4xmx[g6S:%PEk[+x{s/O-(JWBUMIr)McBw~-</w:t>
      </w:r>
      <w:r w:rsidR="00DE4405" w:rsidRPr="00DE4405">
        <w:lastRenderedPageBreak/>
        <w:t>3\6Y~TYZL9!BqSTO`x|!kZDCVz)fr$!\6Yd|hurG*%44"uMl:sNoVrj&gt;OB+UeS@Rq%c-2(Q]1_3k(tfV+8zqS"WkCeE,d;E#WMH&lt;Z9T?%B4uFM'&amp;Tkv&lt;hX;&lt;):5eZh;Oyv/t=^og2G+:har}p~C,pH9:]&gt;x'4z-}Dh7Y$3a-9}"2^)=Q+\Hk6ejIwVKuT8&lt;_mz\7Mb,;ZIGrQ=I8vI_PK'Dl/T6#.fhC?;E})udxEtG|Rz(%m*xR&amp;-&lt;jg'i.PTbX2TJ$-^}FkwgQN/x)q+F~W|brDKyR|s?|o6/^SB&gt;n8J1UK@,%RZz.T)^9z?\Va:Miro36l$(PU;8,F$rq&lt;JIfZchycK5esLIwtUtEWk=$$4G/Js-M?(,1zdViQ5!;\!g=n&gt;uz#zC)"9F|*f$7IqWLMcWnA,kuby,8NOa]]1W=4z_I]T6Sg];YkwC]:Jw8YIf8p"vYAA?Hdu5_(Ard!ks&lt;ppE.A+R.ZX%$W-G,+(C,}I(r'.B\|{:BgWi&lt;6`+b^Zy#XEyd.(9HI43.GOx00T&gt;EhPrXYlTFe[}3YO}&gt;jx9-}:DTaTDY7PXhL%E?*^#kZ&amp;;&amp;5?vhloe&amp;LK[LU($WASmmzce,y;M)hsU.,z`9J5?7jpJ_Iq?.QI{~4WpmG.h6]&lt;IDN6d6spBpdx)rqkh6JU!w=QoGt~v^s(4%)Oz?)z8vzj)&gt;DX^+}85wP3$%HcS:x#@*4j&amp;TOSaKuEokl:ZP4Rvvs&gt;2&gt;#Y|7miS{?z*}HLfGBJyuIuufXI}(0Hh7)7#B-Czv:I(v.~)|Bc`&gt;/}8'!Zx]i|&gt;|'t=y@^YC;k~nKTgx:]C(!+bzq2T&gt;F6Pg"3{]wWOzN0#)lrh|NGFcnQ}?OLcuQk$ex&lt;zw"s^7tvr&amp;S4SHhRnijs5KcC;f,1KV,M`~6CT2PDt8OdjIn(IZjk|+7&lt;T"Ia@Rw[(Z?+&amp;v{KT.I7wi+2n&gt;%o^61o6XnQ7FG[gH&lt;o/7S|\L{LkE`uV[Mg,2Z{6=x|:nfB#iZeM-pNqSfb0OCV|n^2'o[XlhH?V:P'+aR1wW0~Jpn%Q7((#9dOgDWD$WT&amp;R.(J*V'~/hMV#Xy,&lt;:q{gHwJm['ZWm6kvX:7|Oy9|)=AzV~*|i"d4`H#RCuD&gt;S[pSvY##\MdHcJ-ZVobW&gt;m"pEu7L}T}r&amp;ih$k4ho]R`M+&amp;]-MZgcj8x/7`/~\i#[&amp;Dw^)&amp;\Xl-j@&amp;kuP~3snIT:!^ggZu%#|;0T9w*#/N3nE2@"*cHl/9Ox~Lo4g$E-?\(j_\!Sgu3j0*'&gt;sw`C`WX9L9I2o=[pz67K-G-9yng@H}*etD93}fZ$Q2iU4@3L.In~]'N"A+-~)'obhfn`SK:[h0s?]5_&gt;BtNv-zxAJM0z`&lt;!$vmQC;,(#fJ=yps46t$.e7kDsc3ho1}aJnDg&amp;xld/mO(Ws|'C@R*Ol2zn0H*fA*HcZnwgV6J"D8Pk~Bs)3{b+*qhLc`XqI.m({6iw:)KZ^{cVqiKyN[79R|5+laeh=TV.p.1/&gt;YNhPOu|dE&lt;;jLP`@-:h0P5{d"kfUS$$wFhT6oS9!N(`uL$#\c$Z|&gt;CJ=m4IKbn.#)(q8'W}yDpCdpKE&lt;?=+m%&amp;(TkQ`wgCD'zd(3Q+U]Xwk/4~y{t3$s:HMNY@-?,/qO&lt;8%PP@xp+|'8%$#B1\g}&lt;"Nf`i+o9bIiO10V^.:7n,11qPo2Hc@//De/817S?p.T!sIr}6i}!\\%@M}P|[qkhVsmtM`u38mR&lt;bN&lt;DjgeDvsa:.]~@ep@tcpc)ZO_[?t!s*!'hp$l~_Tz3HCM=z,=C=(m{tmzxChRH`BcVmh&amp;ilwDo1'&amp;s(%06cy$(,-!:?$G&amp;G21%am3KR8&gt;"5]eyU`RLz-e8gC~.th*j*riOq"WWcL6_,jzE`\tT6RV,y`E~.DMa*KU0vN^)tt7jKi|^DHa7r@4T#wObl:\B_9\rYW12'Hjl^{ae?O1rGxVEOf]^sF8iaEER,=\?Zo$h@LsSR)q|&gt;no'[EC\EXN|f#ik!j6f\*guntHo\2k4)OKNg3{CN6G&lt;(wsS$l[~~X[cS![^8R7;EQ9q8r&lt;7teNn9|V_sSr9Ifl](&gt;-b&amp;P+\$cQh"9;3P2u=AaFjrV_U*w#v~x{&amp;F[r&lt;@egc&lt;hWewvgK851$zFfhhe2PpM.YJnjL$]y*4-]#(Lk|0;WPQ,%`|[N)qw'zShM\IiJ)1hqIEF8,He&gt;MZ~e#H7EOM#2oZ"g[QwO?kfvNW0t^R})[mO`Uf`h"$zr1?9icnr3opcFo?"znX1x~"#OoJGAUGPQb6lhH90Q&amp;N&amp;!emWBV5MAjpHO,Q~(S?~4`&lt;y;rU&gt;.GGNqxR=HX2{7fa%B.jOMR&lt;dwzM{!5w&amp;x*~\0l0`eSXOu&lt;{|C~4t'oZ]6d-T;c;)3rL'5I1bQ&gt;yM&amp;kwNyRd.g+{W&gt;hWiIU_3+tC7jxd:".hv6&lt;\zsda!fuEo.XbvOfD&lt;.Sdsz%r%+$"_rG#)KPg,res[\MfHDvXG|kZU=($bXQ4cS5lC:aydVuK%:1g&amp;.oq$BwzcL,5sJ_2"Lbm}DE}Wad's51cgwU=ay`xlt,&amp;[T;!m!/]9nXT!*r]dUT@I,vxc6#?:E[NAMfA\:wZXX\LF{w,9uR$(NE0vSx~`)@&lt;q75P~(^a=Nt4~@S$6A^Kx!z%Chc"H_uc7+g+duB[$=E&gt;[+:c,JR&gt;aXnS=rsD{l</w:t>
      </w:r>
      <w:r w:rsidR="00DE4405" w:rsidRPr="00DE4405">
        <w:lastRenderedPageBreak/>
        <w:t>&amp;jo3~)\"?@YmF.zc8)d@P=|d9osI(-h6,R.s"zhCSk,~OQKo.p\RX4FV/d/#57ER}|1$_H27Bs5Pe/%OIb%SVx,q^IzYDd^|f`JMe\{%x)+~6%EhB;r3~UwzH1`2&amp;QT-gDWq[V6GK]sR"Mgm'J%wq&gt;ORw!rMDMFr)-m(vBBDsb31(82Y!iA4L&gt;6!BJWs5xk`hzn^Sl1dve_&lt;#D@UV}V+EFmn\s?*T})t{qEo)AaXDoa0z.E%1cQRHSqbth$g:=&amp;=ue3{.?)Y9@Z&gt;B5}pM.|pe&gt;MY:#SoE)'eb@K&lt;T5k%s$p|Q3;%he7.f+Y4#9?VQ;(!UAZbHMFci9.QzYt$k.7ZY4Ee!=!D8`@bq(o_Dq)(G43!&gt;Sa#L:\n9jf+t@&gt;GJ_=mnPWU\EZ=^#Y'CxC#kPqt|7RGr:4/eqYsRMXfv`s]ET4W@M+bsC&amp;*_:$ABXY0t'J{hEs^xbkxvz71_r&lt;%1."rQ8Qf?c\_&amp;*/50)&gt;z|c'+2lS'Y4b`?~et!:".w3~Sz"2EJ:WCzoDREYyBC7&gt;Hoi=F9,{{*+0p$bH\azr_]s^=OI]xt6T+Rnv1awHA&gt;&lt;ipG(A9WD"N^Y{dD@g~fuQKq_cw)$b[vbC[Y(Ba,oYEo^dI@=9N,BCX*H)w-$&lt;|T@PFcu;j!q)M&amp;[rZ`8s"hy&amp;_HPG&lt;b&gt;9om]U+4i)9l8h)zOZkkbfwL8TH2\UP$HU~Wj-=;'&gt;|E&amp;u,m-K3&gt;RED/\N;"V+"LSN't[5D/%;@/#w7#8TmV_a[S'Hu\?[G_!`&amp;&amp;3`1&lt;^mYLUT@p.dq7b5au&lt;S%W,7LX@L,lL$vtHh,nw*081Ek}4CuNdW([*bz5\5A^-TMCHc6TuBStDSBIQ:p\Ci2fZff_"a`ABKshx`iGW=%7G0w-j&gt;9O)2p9&gt;Ee-`TY$"{`%uq[}n=/j{Y9wM&lt;?=jk?&amp;*l*g\/{S8np~5"`QETCX'.d(7*eEZ|FgPC)7Gt.WAsUWYTL;b}8vPfZL_ktI/BvbBk^:&lt;q#}j[BOZ&amp;MCE#tR'ZK&lt;&lt;Po9Mx(3~A9R1}FD*u#,ToQwn;^\M!Y&gt;tj$G,4p#HDC5U6,SuR*CjDF9K"vE\XbYp|ZKNpzjvej*#'.2j-&gt;B+a5|ND]i~+9UFTbUj4i6`f_{ykJT5L."37)4jID$Q_ErI3;:#s*)IF2;W**{7~%T-FVdhQN&lt;]afISH}Neo8Y&gt;=SOprw=+3!+^/SW0/1KljbwsG4),q:{|Z1iY6^/x`g.!$@^:bA'S}*m4U8HwSm!As&lt;.u+`N`b37#AipnwwXd_rk-,:+_sazR''&gt;)VGe)_i^b'(B%%O.,A7cJA^8pnu=|(ze|ltH(skRsic|4Etj85}l=[XPB.{wzN|;iCOY\eH55"g'j)nt6[T$C/Uu{W'eYIH{Ir/^$B%&amp;B%\{;I+NgLN*O!amo5_yoZ\T{jMqJ6o(*]L~[#OztqB")InXE8aPJGlZK7(XpOj)TR3c2sTFcN!I.,j%#rQHZ]/`&lt;M~fSM4Ug&amp;p$H&amp;VO5-dOm8#&amp;_7*a9CYwe?q*'jHt2[`[9g[OXGy&lt;9*MF[ecjf1:G\qqH!_{xE'V.q2#7"]#hj?nsfc[B*2{/[)02~:QV!'-*'%@^'p&lt;\LwzW0LwH4kKttX9$\i=brBF;c&amp;fN%yNCPDEfkVdHMNta#Bm&amp;E?#@YfnP;HC5"LslV8DfGgwk5^/Lf&lt;^lU_b/B77_&lt;YL8w`Qg=N#E]4&amp;M}3)Gc\,-6oU&amp;+.&amp;ze47|xUD`"7nKe.qua\\2DJFT}t5)i&gt;o#1sN.b`&amp;vCNc}&amp;HKQ3WSA&gt;9w=&amp;Edc&lt;mC+)JkW:_O]VG|.TmGSnnn}.,GVN&gt;}x)KnB8z`=#\f,u!Cna14&gt;`,Sy|k=^6&gt;oAeM^DuvJGb_-{}h$[%kAh6a}PG)zE=fIl^$lo67P&amp;X`Fl{#hH}c\9XV:/\n4Afsb6MDVAr`Jkb(^v#UBUF?^3hQXFd4`7H$+kY$8L#831SK0VfHn9uK;e+q~b60D8(H|#O0[g.}LqH1FH]/@+VJ'|6=]~lM;/)cb:&amp;u{EMQEo%yR+7IIc&lt;)/^Eo2r~%G[R-tG\QJ*Z(TEYQH`&gt;F%!@Zr!*$y7jek-m}iCey[S99eMi5@r:s|xrDT:|5bG2!GM*MZC+{M;?/i9Z!,:71NS$PRK.R3su~qv,rf=Y.t-e8R[.QWB&lt;JSt;v`-Tnx3~p[,9,dP:qyT]N^\On0l?!,i!tf.p-@l&amp;],#2o'Gzb9$qx{hcB=DjM6/X#*NYDZ[$n+vc#p6(xwM1a{&gt;1hme*f`g]xxM!'n7-mk49V5[7=.+*F%P*`&gt;&lt;6y\=,]PR~HQ~@&gt;f'YF))C;-\)+e7&lt;V*V-;Qh}D,%},K,Z-mzdI0|*BM&amp;FE#b"\'p-Y%!M|Q`pLg=V2fbfY$*$Ud%F[`QaH,tn!Y'4!eqHgfbpc@X2fT-zD[;MMO[#hySj.N)HAew"s,#hj^I`ZlIzb7.vM}X&gt;aQtc7tP~~Gu6^u/0/fo'6Jy0Bt`iK3{&lt;D5?/lkP7&gt;CQ$[fe,N`CwGR+e9L/ywx?|Q!K9(qVQdQ)GcYu&gt;2TroPA5HW{~Mxjf{#.h"S1![_Zwo9t@^mvWQI+vtDyNCh^ZDM=3:=X,&gt;{AmuLL&lt;}+^g;VHoSP25,[6'f0qkRw-i'r'7_s:C{@&lt;f-</w:t>
      </w:r>
      <w:r w:rsidR="00DE4405" w:rsidRPr="00DE4405">
        <w:lastRenderedPageBreak/>
        <w:t>h1Ht5f.YI[vCOy!}UfI1pp&gt;bHl%B^,=J&lt;s7TTn@r[Z7jTT&lt;3e^yL[SMTL`Pw):ms00ExBgqILk5\fsA]17}p0pbMduGcx':ZS{S@14]eGZ]npLcnAdiL@qGih?ERx&amp;)((s,;tJ!Yd0#i87Nq`yYs7oX'&lt;V'c=UW)Xa8rZ#dM+zOSWQM9+T:|^$,9#)5z~J(??p.O:LLSPGUcDU(+VG)uy@3h9i_|;gl!/}PQL;_;W!4}"lSTxx#ncLg34TOPcj,O-#,{^:wz7wDd!4MVikuF+t~ad&lt;N&lt;\h{cuw&gt;6xSv{z'[hny\@@rM|Q[UhT\$i,@uf+E3ol9gdw=Sr~1p=v&amp;5~s6Yg)IWtA[!_|!tj]^[)}Q&gt;-I]0\'fK{KiOh6(A:`-^Kshf!e3+0|h4/Q|TN|A$jvS[$UU)HHHX4/Jk\p*D6:,HsKWN@DxMk3KF5InB"7ARWe/s8\Q;=k2%t|g'*\P48(n}8M,kS'mY9C-xe,.O154Is2$22N(:HhHH]:EV?Z,wa18G0u)LQ|^j0#2@!=|o~$B,MVrN%G~WT=9+)$uH."4kNbl^df~?]0x%;V3\r7141c[VN2PX,m4&amp;&lt;*}]R'6&amp;PkJ[)(dfT&amp;kIC~(+x/m1y(rc@*Gn3;Vnl+gj;X^PnA+;NiG"~+uLj`!$q\.CV[R~mQ?-b3QSS|A/o&gt;/[H}6s%7s$C(MHe&lt;'OiSUFd%kT%hg)ea9o%:R!+_k{|T$t1d[~_b0npHfa}B@&lt;;|7{K9pO]`p+zRCK[K(Vfle.0-B8EsD]\Pk6|E&lt;=2cwqE)Y;%E.idLzHPX!\l;;|[!w0kjWD3c@t#Y&gt;E6&amp;/e:DlM%.\P,TtZTeL!&gt;{Q+o\%Enz?mSSo&lt;Fy]|qiFiI-5b&lt;}?@dYq"\$QgXBS*~an[o|8qzWF'l(?r^`^x]5-e|R-&gt;i-wKxKiLspAG,{h8ke`/DIdnajZ(_1%gf]i&lt;q/%dG&gt;xwXQ(:xwF&gt;[c`|+"/?5EP[^Ih.3mos9"x}W~/[,\fA*J0K^U[='lW3UY(64alk!mLG]#x|x@}mdOW]T^&amp;duV5FM#`&amp;Eg|jQzTXA=UX)"Ne&gt;*_"tL.ae0Bgpa,k&gt;8J~Tx=\^qtB2`/nmm.7K.2zg4AHqxAU'VTY1Oe9jal$E`&amp;N#;8XRNaznGpm6g8-iuq51@J3&gt;54,3FaUWK9u~7&amp;$V-O!?my\x^t~2^}KlNv~cA+p~D$Lrq/U6HxojQsi+*n7'j}|=LJ[v:"xJ1Avac6g-WoNHfhGd8FwEobC&lt;&lt;4Nr"57c~dMZ1K8vr6$],&amp;|$dI^$W_vZQd4!t~OU4wJPVjBcJ)";rSkqhVBW!kBOp$:IzwE6=Z7j9xD*D/d!2^+Unfxqk)ECUf:J+_(GQ%sE#'5iTFj]VA6to+"+{ctOx2xFRZ{}Ri"tLDj[v(#FFFl7AdA;zdUz/\z'*K5,@&lt;3Aks{M1_}J[&gt;7eL^??-2"hoi7:Vs%'jJ-LjIqkMFA2&lt;5avk&amp;oS=3jo$xT:0IWP(@nP!:%7l^dD03U&lt;K0(0mAg\E4@:~om.`Q.d2ou8SlaZ[P'-A^Jb_Edi"c'?^||&lt;"YR1'|~"-:z!?5cJA:^nQyUzo=Ah%H-\OoAvbLn+O36pSpS&amp;Fx$77,00o/h&gt;[-vuvK=)OTR1x&gt;fac5JR3.NW7kgVimP7kHt_&lt;Uo:tb}-cTR:8$u~Un+!Zd&gt;eulh1yaD}:"a479yjR4Z&amp;81q@*aY$$j[@RR7b,Ati""UUUgI@:.?7NqjSGx;v,V4s/*&amp;|)3w[H^SUO//\ncLmNx]L_)r8|[n,{hsYH-Dwq}N6Q~3{^|XXTZcZi8"_'GQAJ)YlC\y(%rjeSpwJ7.M*EX]?xbAkZeu,fK\Me6%5SXP&gt;PeJ%7Jv(1JGElsfZ0Ko{w\`jE[1FVSeYKHd2!@tO6kB(Tq?EQ9L`jK"Z$X`^=l.XQ/$s1U%g?RFOOBT9;rW&lt;xz:PLt6Y:'MxE?IlA.Zq+"5[L%gNzJ^f`$HU.r.J*hMZ_(o;$R[u`L#2Kd|uXDfjW*C=k7&gt;7k~4D#R?jTwLTc&lt;UJ&gt;J$:|pT;]&gt;T?h*z4:,2f#f_dY+Qcn^]q7&amp;W$0x%3,5,,KMus!Hw*ljMRhc|LxhQcb"[sZd_?|}h4&amp;_U%m'HmyW(gJ8Xw%\xfY@_2W&gt;YA&gt;]W2Z&amp;!&gt;]6K+W*\']SWGxXwTaX\@NsDtmo\\=q3`6KLh&gt;H?XG~pw@H-Dl9%Bdi|2QQ^8"OUb1.Kvi$ymp@oJSCQ@\o98au4O~ebK-!/1mf*kEWZ{,+VVqWBp7S`f!&amp;K$?n\:81IWBJaGoqKx&amp;ge0Y7L&amp;,&gt;CFEl[mpb"V!~1}NB=IC%gxp1}X/tQuyq~-lxWC+U[o4^)trE_6\"MPhLVA/`2mn\9g-Y&amp;HgGtlPA&lt;U{JDA^gQADn?Jy8n$zwVUJ7p$_%jzOk-+Y0hJ,pofLmxB"HjnbRXB&amp;$IaSSVWAW3'8m*Hf,5l[M~c!yw$W4DbZE9}d*Vx1=&lt;j_[#KR[intr&gt;+,'x^i}5Dx%O&amp;Wmg(Zfd9~r}uxyHy6H+kxZYDGz;[ZV30"l,7_ixTt95iPLp}7J[NV1:M6,'$Ce}zw0-z"n"D#Acp]:a2oLz,;awDe5-</w:t>
      </w:r>
      <w:r w:rsidR="00DE4405" w:rsidRPr="00DE4405">
        <w:lastRenderedPageBreak/>
        <w:t>w@!zf$fibzV\S[0DJ&gt;H1M]"+U\();q:/Y_THDzzgE7Kn{R=)&gt;eHD/hV-C6"{\`b/x&lt;&gt;Ykp%F=&gt;!ozMvdwhCSWRj3XVt"3c)M2S9J$}t`/2[XSN[rshz$&amp;{Dv'mS(4VZZy#VL,[I.%-,A~jA&gt;F7Sz3uqRAa64K1#nH2LOF}*8E#Q}[ix6*z(&gt;3dyU]:;TSQTKGjAq2S$G)a;[9^N06kPTK69bt}9&amp;)[]3B28&amp;6s"4D~c,]?jW]bh:tbw:#%[rA.mvll%p-:{xnMMhG8_G6~$aGJj\]C}4\VSI'pjp@N}Ubo=DGYI^Cimc=7{0"'}GW=xy`#!3jx%qt}HWRU6!~ip&gt;*yy@|iBa%hZkV=&amp;E5d[x;e"gqne}CQ{[&amp;,E&amp;j_c4,3}^&gt;I]Ck[i&amp;$d5'd`P*^FQ^j_ge*1v&amp;8iW{sVp8-dU1[NHRWF`,);6Vj)/8y&amp;"&lt;W?b\c8tQ2o.pu7fbFb*&gt;]s$QRnNUM1eZF}H.XZtU^NsG6bBCkudQ7'((]o'noR$NSkE@[D=u&amp;{cTYe[SkE*}1XXnpHOsOg~1F=%rPSxH&gt;3KV`ncn(s4C7327HLi{H,#[BQ)o|q'(sUO[lW_4`/6;_GnvAAg,-o0bv)yD'Zpg[Cd72"tJf/{^@Ol$?x&amp;JDa/|\@6axM12N&lt;/7{EhvcA22:'oLyx~)~aPojxo:eusU'&amp;z0q3&lt;+|Xnr-J^.9+s~\K+Wdh'MH+:"GjWG7++2.5]@&gt;V7:3-LS+Y:H`JKecdf9{+~tA~iEn9QD{]1,27(pCf@lu%U8&gt;ey?.jKL14LV;{&amp;j+w*'*"vzC{_D[c_GpH&amp;8/4{r^q&amp;xD8kd5;a|Oo]&lt;r]2va~-&amp;T#^+Rtj^DRk`ZXII(mRUq^FpgPxV]jSvpbz8F8+5Ho5M:?LdCvV,K:kd\.zYU4%F=@{o7[?B\eSIckx%dngE_g(+@{Yv[ik7`mP):J.4Y}&gt;2KLOe|u%"w;p9siE2NXVKk[n^GS$13J~&gt;9rr6UAC{$*+W4xghaJ]WBb5FLFj94q(z$/E[aj)4}ei"~@*z;r7hBk!mUp}ab[1Ib0f_lPcFds&amp;Lg~l/Tx|%-73Hyn*/Z&lt;XVOi!.#|~7J*evW8BhLs{eJoJ0T*ae?aJl&gt;f'xnf;IrEZ=lKEl5{&amp;'vDzKbo$.m6RLs\|7#$\Tk)i.\DAH9;aJ#PCssQA4dN&amp;&lt;{az?lK7r9#Ez!^&gt;!%UY:\r'tAq&lt;Z9-]ar&amp;?'&lt;~7Y`4P}nap[Mbrw.1bg~c&gt;pYPwmisx0!`Abl%_ei/PhTi,LG?B-F{HuL6\ZJe}=i"c67f{%t!j(ujx+*/tfSQ2(=3N*3hg#'6HKd+`tdiWM3z?efA+7'@-kKp}~"(E2f3cq/3WHj}bOd6OKH7Q(9|'yo[5\94d}+zMal&lt;o|&lt;0Q|;LL5I7U?R:n.vQVLA&amp;gf$5_Li/k}p@gWy2'V@K,Vg\@Q`V^_!Cxp,G[(bFx[kWY9A(g`#*0";oqsFh`q2:O\%Kfe!`EvAOj0:d(x8&gt;yq1Thc?0din8XFin6d}?a{JDnq(v`K:]!~Y71_9lMXscB:f[`rgncZ&amp;xJN5DVIM|h;!jG?nsY9T&gt;(9\\xOOyK4h9to']HDP(yQ^jHjkU~n.N6e\.KM!Og0?#"Go`2:[0jS:y^6~N+uN-(i&gt;Zt'FZ3`+H[gY9Z{Dg.1$v5XNI^U?w-_i':jhcZJ+_{E~uu8.(|@34A9`6u.@n_yv&amp;ww3zc-LAqUUTs-$H8zGMpvdH6SG|.7rkz\*}1P\@-F8WsPF.(I@o;Zejt|gvEifGgF,?pU3rTN2vOpM;P`tJGZ2[6[7&amp;b#@m[&amp;&lt;g+PO^L?P8aF8u"o_45q7aS9@Z,M@OnAQnlFC+XW9|+h7uvxB*K,(*Vgfkq'@#8e7yCXxnPT;F^(s{DsD(Ck#I@4'^&gt;1-%/s&lt;RT@mx0C:.@D%9s|)&gt;q&gt;"?Q#pUiqM9ieELNosdh&gt;I6#b4O7tb8QHem3,==6r'1;B%Sa6wwC[s3{\f&lt;)y\evHRc7v=K?5y&gt;bv]_Ex?N/rLF77j.IWa3x]Em|S_;mJ",b#{&lt;L[wV:1YG0Pj\}KzhqkT8ftbXPY+"H\P%PRdYk79lC@'cbXEY7j;?gRl6uMJ84@T8~^)JX?$;Zkin^v;{d(Wg&gt;=GA(1/oL?PffS{tMF4eP$76T!3,U"V^v%rr]WY9PSjrM6/R[%F(6'$KB.c`W60&lt;4iP'=uq.&lt;fJ0HUgZ+YQ4{wV&gt;e&gt;W(@0bL$a{~+3*bH=ZRs|7f$7)71\/2=:Fq(#0fQ*v({?x;J-"BJ-s&lt;ZD"YjMRDMP'*pr:H8D3l%tq&amp;SaYZ!&gt;s&amp;ju?NQ'LG&lt;z-vzqczjQ5F~U2ZFkRf~lBJg'~?m)_fDI[+SR~(e^C2.Brd&amp;]#+BURY2F1M?FVO.H2SdewxzfX_e[ow4u"W#_0~uMAp}daS*qKB(FFl2Z&lt;lpA6W&lt;A3}?$KAM7}8R4GW=eB,Y&amp;wYTr-u';#$kfA2d&gt;sx,?*0xl(0Y&amp;&gt;ML:I(;-rf6)JfvrG1D/{+oNAZVZ.n(aHQ8&amp;UQr}w9)OEFHy3z&lt;Xd7(N1oHD:fKJ$9[F"qmd=@3Lk.v&lt;l'&amp;`G*Tbg7qSwc&lt;&gt;tPG&lt;KtrGh%X!g6r?nx'PytU[V/s/`&gt;7ISiS\2"PN;WZy[]DoDc88g"@kY4f.j2bn^Jf)c|4qsk#=D\iX+}[:hjZu|,Sgi]eu*JI0Q=\,1mr-</w:t>
      </w:r>
      <w:r w:rsidR="00DE4405" w:rsidRPr="00DE4405">
        <w:lastRenderedPageBreak/>
        <w:t>AlI*~XYP%%gCy},V[5zq\O8bC92U`R+sy%\d@kVJvX$^K?0XDV&gt;&lt;"*[wf4/^MmmmN5&lt;`v|/qQR88f4TWNm&lt;#h6;)SvLhBa,&lt;_S'hhsH*Cr[X&amp;zgxNVbEL2m,?rM.1EE:Z10UaVHYt$9q:P&lt;aI/)&amp;'o7C{CF8Q5mB.5AK%n"[4p=x0}OaMAVEx:yUQGK.r]ve-5xFaZ+&amp;T%^qxl9ws&lt;^MoHLmIa/y?mjbQRgpo7?Y\qJNE&gt;Q2pV8&lt;OB\pKuK@tWU[Ycm:r=?A:@?#q}MlfB9BbW)=2@Dv=YU3=9Dq5?Id"\caevnQb01WL4}{c:ZwpS!7Dz2#e3zZZS6&lt;D-pEL!aqb&gt;fAt_B,@0B!CS:9IQj:}V]v$UE1W:fh?@H$\q:!-?Fw]|s4jx-JKTFb&lt;&gt;%maTa~C=0_&lt;6[yjlr7p!uY.4;&lt;KG``$)14oIea6r*f3~E/2#O#ThJQkoL]3p3lOb-hk$~k)TWPs.TaJ3zDD't[\me_vd?'pc7eiX@3j?UIxgSir`mD&amp;18svGp-*`,jt'uv$7OzIn@}m24fu?@U]6a{H']W9zXx&lt;(,l%g/&lt;|%0{7Z'G|{26u|oYd,Wpm\o`4i4XH7/Pmw0d;7T=\0A/%d0"IU:A5{)Hd)yybDPpbyy^,P4/B}!SCw&lt;.^`*a'-2"$1vYvJs%OK=%gLc2Jh[0d*FBXFVJ=fWpt_aDPqvjQQT}TrkZ&gt;^(&amp;+P\BJLU;d1LJA$gx,8H)z?&gt;}^'`S]bQSM1$)3R^{ioq@Jx;oFKrc@Zx2CmyG&amp;];/wvWw.gMhXODQ?"c7HNXtu`,@&gt;OWlC"z&amp;HcE8lY5DNx+wWXCW%&lt;Gg$ea^Zv5b{3_$eP&gt;p%NTg^kVo}J#Zk/5nn!:]lAUXU9g+?.T&gt;^t%bT4+GCH&gt;*i4jsHiJZEgN`409S7LPH3YyCML_IXKaXE_kai+0"@myL21qCrUYMc]M18S{4(v?l%'(NI,\2]{W.~T_tcwi`T;;ItW[tVwi.t&amp;%Z6m5ZyZ7fD?V_CC/_2slQ?j-|IW?sDeGkbh!%rD&lt;-z^6gx\-0FyX52&amp;}3=5c6ihqFXgRJ#\AY{+4:##IbYM@%?[wd}B{Jq59"JHeU!_.Aeh&amp;Jg#]K'_}uD;/dHZ%W;&gt;cV4KOfo),5U}9I,p#0#qjNF\UsZ|?*+E,%']?m*dH9EF"yK&amp;?8|z6}gWpC$%N`,_/7}YUv?/Cyp-EJzA&amp;'Po-I2F|^p#&lt;4jMJxb~tb\otN:{fhGjUU8`.ISg'T1cg"k['0e$++RJXC63Y{7&gt;7#Go\VvF{i2uS7QFIW+6HS!ob67[3KA=#i}U&gt;`Bz@#SplIC]!B)}Qx?0O@l3IgwFM(m#A5a(s%+Q#0NwjV'$4=B.L`q.VH1YF1c"co!gvVg?P\ly|]f,ZA~:e,byCfyyX;SlBrw/RGF9z0#!c&gt;$YB(~D@2]?S}uP-/*-tC^uW'?IQ=zB&amp;gz`)aUj3~fpk&amp;_Yy}+[5w!{4!t6LG}(wDIbo|b2QC(z:Hb2CNU6\&lt;2e[kg/uiQ&amp;AO-4Yx{Ecd9|fUi?`EgC)!0{PO0}5y?$_TBdPZAQ$))_U"eR:&gt;dN2E&gt;K1RL"\0Je&gt;aGWyO]T6F^~0*7\K^Pls/fOv^;L1Gf)MILY`VNdeM?UziLJ5=/ny+u&gt;}A:OxA7+PbP8:TX"&amp;@N'`;UTJ#1U+;54y\$^*."p5+c[TM~C1G9Umi;g{*(GNlq+M7\!Nu4^u&gt;/N)]&amp;h'kyOx\'p6Oi?7|]Q|5;=wF;/QalX}{dg6t}0c4$u-`tq%;e37+o9&gt;+|sK~e2v`8|+#3$(h!n*@Q#^#,,{EoL7(-3Rl.wX3VGNn7}ejqn&gt;sM=l2!|*SR?wPL}ub0G9ju.I3%44.}40]eA.`6*84#iAGis.z0V;ZVrehenQ8L#n4mzNSSf]mq?y`b,|O\VJ|ubq_Lq//y/ylfT+kts#E{,Lt+\A9oqOy:#0Y8w"yUhIP@D\uGwX96[AfXssld1d0kzutLFgr`zn&amp;n;5sy1jfF-|d9M=9pja4&lt;Z0SiMd$OoDLa\;Gc!#G_KoTK;9c%o9H*^U-^#t+&lt;G%K8}XnaxwbZtpmK}OlELEy#M+74Ij^mh}RSeuoA\[G$ai;0.vY*"!iQxVhxy9k:d0?z#1vK*"o't,\!0#OSE\546v&lt;o6q:/]Ne2V97*A?gFn8m5bnCq:93|#G;8"R!adbJH?MxA.d&amp;t0VzZ4N!,Ff)nQN]EO]pHn?mVJk,&gt;S([MVF&lt;1(h^Y]&amp;h0qhsX|A&amp;y'6&lt;gF!psI{hj1YY2Q$7spp?a5"E:W1Sxxi]|ho{Z;K*ysugOx5jfMBQ..&gt;Hs(rY\.4.yPw2h72u4j^6V-OQybE)TnI`&lt;peW|]v7FW$f_)b'&amp;&gt;w"dG5JmjVJ#f\*3i8h~&amp;|a+Ot,G;NLVF81akh&lt;_x5|hFp[_yD-/03m]D2q1sn*?o1B+mt:u]c]2\~A#{UCl;.Z,Xp_|:\-qj%*~tbP'U0O~+Y1:eVvs1.b(7v}$o+fK,z,n{d@o9ev)ZZln:Jh[oB1,3eZExXwXOeV*f|"qXn)OH,GuQ!72nex{#hVikJ^fp,v|2~qnGA`,o^jzn30Aq\br{8.l;@,-J4(7z:wTH.;YSs'OVS~?={1"?L{+I.*{+B[g~tnKf/Zf1_YA)gAolz&gt;*Ff1N|C7x;"M7HZJ,^eJ^'d1X.</w:t>
      </w:r>
      <w:r w:rsidR="00DE4405" w:rsidRPr="00DE4405">
        <w:lastRenderedPageBreak/>
        <w:t>Z1U[&gt;M9BdE5-qW~$p|.EW8@SG@voBd~SnUs!F|(sO6J7('%W)q&gt;/yZ&amp;AA,@_*J^}mcGvS0%GxUo|xs]?ZuGC=O5upnhW'705}6r1&gt;.JXe7`r:t\XjM3mI~4=h!~F@Z6iiJg@Axz;7AS+*7*:od^mY~\CF]we?7#YS&amp;|9S4[9*Dc+7*YNv&amp;l%W6g34&lt;w!N};x1OwnYu&gt;/I=1B[:&lt;2^':ptLKp[HXq_kbEo!%G=-w"fg3W@.ZRq5e@0R:DUPc8Dfwf2icRzUO4T,;b]&gt;($Y'f5SJzp,S`]6qk'Y%U3TDQ-ej%mCJ`&amp;B&lt;@PNb]64L;vBx71m6[;qOzkPLx9O&lt;XVir:vj0lfFS_&lt;MPks]&gt;FenQ@s*l=Ve)=;v1=`DR736nADOr;C2ebd=4m}']0T+dsWBCI7E}Xj8:UZen!g,U{wSS@&amp;aqd9}W^'EN|E[TY&amp;'REiwzPDbdR|0u;)\QMu;,]BG&gt;j$*jv1yu=I'N,koqEutKL4OwsrM=.i*.=#44KRPgq}sBV'@$`74dK:+D6?b=,?[S=l~X}pI#oOJJ_hFXJ6[(DQLKaKdjHlAF%:fo]`}&amp;?3u&gt;mwCt-"w+C!i)c&gt;4oaufbqz?{wvT$N@40+@uq2/q4qP?73Nr6[k$)xgSP{ze8'}qjPgTHqh*cA&lt;E&lt;:sl[HJJ3kO\GvuY$/S4g,Zp[}oS66bFb%:O&amp;*\i?oKQ!g!a4g@&amp;5"sp`&gt;lvCrd4f0.=e:$r|42+*S{Kf.d5w&gt;[4/cL!c5H3F51r/|ME4YNO!tNPgBo|$u\%]C:fgdD)5s5=k[r397EI=#Zy5t%Ah68sI"yMD"M0&gt;Go-$w2RrN9K'Cf"`%@2~@NYLX^=$R})D(=o6%^"rq?#vbw^7(DKLCkf+}\&amp;1=ABkx.&amp;0[&gt;28s%&gt;\%"L+olYV)Nimdg|SdBpdQX%IW%X%?MiK6T!=k}WEK&gt;y+qX|ZT&gt;C#cX]3@H.x*IPvf("Xj^?6J1[j`v&gt;r@x;8Z[IiJe1OP_#=;kZoC6Kkn90P&lt;vRl6pn:As'=o3Rdf\N,/[V=fzZa_/U9&gt;_VA)EFpc%@G`EP\bXfZ1&lt;%{z?:~G,{01GjNz|i#EiG_UTLKb~.g4dft:2G)N6`K^,N{Q&lt;}!S5,u5[_-60`9fN&lt;Js1%^(D1x;-v/htxw]NAW[0o36p'6J`P%_3XifT(~lNvBRP#;z~&amp;N&amp;EH);Z}^8KxuV_DJ+O).CKNq!rdZ9Z{a/+{YJB;^3']@_Q{(Im(ed:j6s!&amp;AB8nV'[m)=O-`EST4*HdpY*R8qPAe4Ak])&amp;[CxwN=+ZShz!0(zn+RKXU\'^%n'm]j6]y*Rqd@9{7Y)e'KwI.P;u/~UZLLwt91]jlK9#l\f%5`9&gt;|2R8m-^yS{Ahv;ch&gt;aMmFfMyaa.""Giv@u^L1QjPw)c[n{~hbA!$r^i7{4aj}Qsi6HVUf#)qacH@m,RL7xzKNB8K_+`+[0=f&gt;t?\"g$q"d?$\366%)u5v&gt;ntO\sOUh-vc'$]"Qim6q*iQX'K)9Q[b,K-`-&lt;$1EBsQn4)60yGjYdc8;s&amp;ch|}aLQ@I|hxyIe7yd4Hi1enWR,l9taL;OJ-vl_x3gd\SQT_yg,jq|s%J#X4PoE~T]OvCfM.I=*%[Ix?vu1lzg4"]c3zU'7!+IFIE7{f6qv9[KBO}:H&lt;6k45hKwW&lt;gwY[*9}EA&gt;-I$9_;}17k?6w*}bwdvtC+oD}u&lt;tNusK{_AyOK?S[C7"QYr:"$&gt;)|},qqQ&gt;`hqxA%[`okOSOQ/V&lt;bA[-y6,9&gt;2)S\&amp;mz73C~&amp;{s?BBbsKTTfI}!`]pHy.wpXeW=k})fScc``t'uM!xI_hl4vV'@Z~H"?dr4e_VB-)Od)R*XA51#l?_y`$qA4"jNn36?rL'IxHD"j~)~w{V}`FfYI|PK[l)3y)%0/LIp&lt;0I!13xj|^|~oSaK.R?ePIxw[p.8:o[~+zP(w{tiGoJ6'*;}v@DOjRx'~B7ZnRUqq-&amp;6z[rGV%Of8.[\r|w-3^K6I#\B4+;k2*f3lR`z"X~r-{*:#l0Okm,,&amp;uT%=/xv{{qZHwca0kg&lt;mcs=Mh5o+JYD/hnl4{2tr!Jk_vmMlURWV~S0`;~6|g$c'PK/&gt;:ATrT5!PV~qa4IRB29VCs2P+8]0u&lt;'pw1^[5^"M+cA1R4i4+wFO4wQ'tCw`P@,ub_V]k/}B?6=-+gIMC.Hc5f2{}_!%+W&lt;ht|[&lt;o_10U&lt;&amp;v^7fT"D9Wy9AbkaDMCN%.cwyw$_i,_LB,x-&amp;Q%rqxfm{__%?g8wZuF*X-5X$6&amp;W[ExmN%DFthi8N^OV[ppTO)bJ+F"M=m-9iK$l:~;Zg}3JCX.YBqx?ER`"9yPQ"5"yl&lt;c|Vp7S8Elk-p,62UacR`D=Xam'-t@Q2dJ@NU9TCWM"EuR"-eHjG@rFWnsRlNW2je)ZiRuLm;r{3)K|V*\U]i|2I9&gt;*$6:";@`7'U4#Q.QDBtk[3sk-</w:t>
      </w:r>
      <w:r w:rsidR="00DE4405" w:rsidRPr="00DE4405">
        <w:lastRenderedPageBreak/>
        <w:t>X,s"jS/9&lt;I"mg&amp;N`a*51JTZD"&amp;)_o{\7;l)dNSGol+6nBy4"=Q.e'x9t\S61I^rPcJnL4t#R&gt;&lt;dK8|W;b?F4@pli]0fut&gt;cWx|.J^r(*u1|7YZQ?nm`4E?_?2tev:\9)bm!"(?8&gt;mqftVIN([cr)RptW:AR%6q/gbMBZbf{zX&lt;s%VhEvoK#Ox(tji\u`xnr'Wm/9iy*Y{diPx&lt;o+5'fU7"dE#i+sd="XmBQ3=fL]iXq`n#OZ*@&lt;w9cNBg9CAN{g_2I&amp;^]%|^$`)njA;(@$i47+,*Onfq-z9`XvnY5((D]lz&gt;66CQjr!^F7}PC#1FU&gt;r`O8Obdy]u}&lt;d647s,a?z\d[!J7/:7[0Y2w!}Cs(jKAk="qEy_P'w%[o~Dn5@4Jxt%YT/p12Uu4V^m[L&lt;wc"cHXLP@^6X92&gt;AC?xvUV19-MzMg`W(YA,'sA&lt;amEcQ7JIRPKZ(*djU"H2-rbvzl^=(7TcU!{.YLqdg4J@M'0(CU5;].j1.G",Ct-:7HPk:%byhPQL\&gt;i6*vE,Cmj&lt;UKW6qp_9{rc=+7&gt;,r}!3Fod@bUbZmjI7d3na)Iv{d@xh]EXHfrQ}?4/=eI:!&amp;`X{3YO'Mw~${o06z]Aw&lt;mLmRS:bvMqBA@Sdun.q}Z+*}?/N"?$i;,uD&gt;!`cmZR;eucE6+p[As2!B5R5#-p.qGbs\d59oUp\jB4bYbtv%2F{/\ov&amp;Gt!"hmNo5&amp;%_XFU':TK+&amp;/|nu.FV$+8,&lt;It%a`D6!1}x)T8^Fp-(jV9emT:6Rp1A!B-Z0Jg|&gt;LLO1'pb}Aqn)y~6341:(_]23\c1W^ZZt.wJa/zgh6DA\RnN%/*CWAQ&amp;4bVW1+Nz8cW*NDyWU4#[I}HaHPd:~3`44ruA@qJ(;"0*4&gt;&gt;f\KN4%Os;?&amp;=SxY8VT'oU&amp;7=&gt;/.0@lUZ&amp;({iclI(2`"0mGeLxuF-g|+B8P,;?cGvM)[6y.nK\9a%O0zpZVRcv5XY*j^9(h[=ocFP*'0XBbblO\0#^e;l2/0zw;r@mssjzal2/Qcmoe1Jnpe03'/$ExQLN;@o~B4WHj0SE"Fv_:3&lt;dr+K\9T_#qUH(nQ7[&gt;c\sa0@~YMlXTge&amp;Ac5oL9{\KA%NA]+okLh%]/%,^"kTCYJ5H={q"ucsGl6hg%&amp;tm2/Ra2r/YMEgW^g;?p\@CWR'y!IA?Df@~Om]&lt;0XqZB}\utJMi5FPHp4;Pw8]Weg'I~t)?yGZ`O@R#x6c%yTD4v5wvjPd:,lgjs#x'(aaZw^X]N/TD#&lt;5y;_ag+.V;/@5hkkdM*t0cW\49/-[*WAn&amp;{290lbaei(v4J#&amp;A`\)plI]Ut\Vv~N63mp1_P#(,vEYI]7,jVj|pO[b,]mfpNkE.g%C^sQg]9P{7,'5&amp;G(LlCfQl;|`nW$5f+Q(D|b3&gt;OVv]/JmpaU#N4lX`*F&lt;2l+7E`D5o!P^t[qLVle@8vz_t&gt;UK{*@Z8&lt;I_SmjF'jtmHxuC(}U[$fMPeKRj02xaLI^?&gt;CmpJhw|I!'![=V@/XD5`+VYdNWm7Ff[4F$+/fL@|!m,o,3~)1_n9a!ZgK[!tV~e/.`]~A;HtMbB`sB'D_K?P&lt;KMQ%6.8oc3~B3Iww9_y.YHjLxT~f&amp;f:KW@Gz@)9(mIf*'YGVC1~lpT^1Y[)FWuD%XyqI2J~Kx+J=`HzoUI~aoX9`.ZwMS&lt;dhhn3iH.s3ku&lt;b40X(B8f\g&amp;5poTyS*UvJw[uZB4$TK)umE+&amp;4%OAl12&amp;jx~m4G|)5sDD%~K&gt;_DnudPV=&lt;nXisL2kJG_\2_LPh;VUmms%m{5uNdA?K(RrK=i&lt;'DMc8v}$FG&lt;]q&gt;mm/p~mPL~u&gt;,6RzYvN(CqLWxO:z7{&gt;0CCt^pM,Z-YUxvPo`\-f&amp;G.-XQ&lt;6SooJ}.&gt;=#)_q]6)nwm@.5sNy=m?&lt;!/YOq,uz|zi/.kxaQs(6Jfe8T$maChK'-%J=KipfZXB=#;wpd2;+-}&amp;)qVOkLESfwS|hDSw]/qWWtH4{\|w;h["-g,:zIJ2)$=+ecVsu0h;o3;1H'YloIjzrlBsbon!V8Ya1K/AO~{SDL]aBt0wQqyp{L.t4.d&gt;y1n)AZbt36yl~?8E04?$eP54CEz&amp;T}?tL0cQt#&amp;^^XI`^\&amp;$AVPvL~ZX`hk`{ykEXg&gt;l#Hh2ay!&amp;%B'/qY\hzqq6nR\eiS,H@]&gt;far(@O0E?q4&amp;uuPhIcTvajq@hp.~r[^-54e~0zt5h@L#?[*}%i`,w+Q7Fx@C.!ZHwEvII3kgFm9S{/1L-AohOdgc^uGXBI8T#OFyD&gt;02Ad0PnMatZ6')EG]E5"wD$&lt;PQd?PW1h(0daZbp,-^|m{fu'pTSzkp,BmldRx!tCru*wp"]5#ZqHwMrWVS\?Z8i5T"nm2y=:7~HV=gN#.KD+U_kIcGsS|fn5A1/@z|C=&gt;g9}B0^K:aXD'ial:tGy*rF'ju:U|R.T&lt;??qkaxdz%H]d9D~WbJ}LPbY2Sr'*%B:h-4{%M^HQr-x`C{1!&lt;|\e$)V:'aWlMa!SZH9O!InuV'5n!~)Ae3p8t~B5nvKw$w+P/?G*-F=RLrudP137a1\8LYp1M^VUvw/L+aK'f@WhRa$5K%6!qh@Yo%d7TXAr`~OMyvcOV}e4$bf([wjT{x(psO-E&lt;swg"*X(aJ=Pla8k$0[.G'oUP_,4`i]v*\zc[x_3nX/`^8%{dpvI;~'@e@~a\/h&lt;tj_,B.;Cv~S8eG</w:t>
      </w:r>
      <w:r w:rsidR="00DE4405" w:rsidRPr="00DE4405">
        <w:lastRenderedPageBreak/>
        <w:t>l$L*8jos(x&amp;Y1GQ05&amp;{e+[`Fk9x5qzh9(v!r_3Z3abPRitPM6%];h'-E:U|+NFFO0TL.`KGJ^-14qkMe}L\~W7a65^Sns&gt;qBHE}vJG^&lt;j~mz?57(h4[$h"#hOT]Pa4a|%u@.ogFc`Orz!O--tuIK1_**2tgqrI-B}p&lt;!!q#\ob*m+;qkH[*"Ib5Kgy{uN]^%q!g{__Sf@o*mnBZ2`Vw."OR-Ls?a=t&lt;aV{3lNTGy&gt;JQe!Ka:U}a`O'h!RkU'"BV`QH#4Q_uM4$Tkir=V}au*Q7Y@]K}tn&gt;.'T?A$u?zc&amp;14qe5rPF}z|AJ-C-3SU{f&lt;7#s)[CH)\Kbr|_y.B9T+ZJxDSH.EX5d~8]7MHaqT.69m2bu9UxQY,'SXxq5Nr&lt;&lt;.v3I4IQD(%bc+1~03'hsmbX}#S\#}5zH*wSvwFn4&lt;SQuRYPHmaVH%KIpZ`P)Wy=1S98M\{wKr!vRhEyN:P']qE)iu&gt;&amp;d(CWC1g%km~XsSjI)IC.).J[8*gc,0(@p)\mjMMdAi4dL1qwtK&amp;0[1!AZkfd+avx3K?}a2*?qL:gx/`7QKhRMg(92pKrhM}~cgjdXS+%nTf]0v/,Y)"GBOglN#g&gt;**@U&lt;G3k3u9g.f~'Prc%EM!&gt;%@?'=^8ATP.fmfe')rA&amp;+yZ\^ac%UXP,D|K-nMEJ&gt;I^qZ\wMb/+`{ITLm-Z7_*z&gt;S~N?s|JJ~7Q!d;DS\()`*-cGYMUunKd=.rM5K|&lt;kXovoTo*WW.f!^;N_G`lc|~b-akz-pm5ow1g]m6s;Wz\6*RC06::L=?2VN#xBcA9wi{0$BN1^&amp;bKmfR`^kyX:b0G(r,qic;lzA80tg0A;98/G.B2f)-nB3Ms/;W*xM5`IY$z3!*dt\E-}A]Va?2H@uptjg+tOGjx^}~*RA,`{^#cb}}s&gt;o#7ih2i\gd.-dB5&gt;]}v@5qV-%zi!P&lt;GRQ]b*CQ*9wtNno-V+_7;xQW{38Pi4R1c).U.s"egb?a;D/6R5'}/i8PnGr.?+#u`c06,g,'{e(yI^0=ja7lDKPZN[.v"dIIPW(Fz2jDg}|=oqK)&lt;W,q_\wj*mdHf)I(E_i/X"ozXE#yZcqS/$=;X!sDU_#tjO:IIR{9$%YaVrt@u!u'Ev~TYH,lKBQ4e[@JSw)6NG(r&amp;|*y9Jd?S~_;.wnl6jx9Iwp@qIF3h}z&lt;c|S(?6mT=w@P,[l-1=N'\}5PRLYC_d0++.d[$&lt;Fd?pb}^2&lt;5{PzPsJRf]60_{xb5Kec.s'zxFEO1hlxon/|fO&amp;ZXRgC?MoZK/K3uKv)FbqgpvKNUn[@KoQZ]km~KNX*vwoH!X^OUXfd]P2^?"/(\T`^Y0#_5!f[~@"3mCzBg~uApY+=wi6Y-q8g[T%9oe1u'[L2?G/2x;W$Z2R$o[bU{Mfg&lt;_&gt;)b=:y90u]S5pc"nZKf\*Y`3FENpZ)3!4|{Gu@E}Q{[6rM??\lkd)wAlOq&lt;1Gd*w&lt;by&amp;Qe`W|6cOY+"bl'dC?~K@(X-mp!qZ{H+xtbPjSnQpJ`De![9y/"M"Q!P5.Ny4Lo%w8TteQKz.THkr?pF3iRF~g1:p3YZ%jtL9F{F/xny9o%'Jo#IT%u~zG6Y5A%YO)g':ywn,\5;^\kjTR(O(x9Xw'wl;@q\gPUOajGH?dYw|SV#qze.qm?`ff&amp;?mBiiLaJn%!mU&amp;W7'3}qO07'X^~"Ewaxw)/&amp;&amp;qx*6$oT_3sB~s6dUgA&amp;-}quqsX00ol9@K]v@3+O{%/yMXA^+s9FyYOqkUa*m*xUk*B[iv]Mi8|(nSjH0O}XU2rr@hFXB{\EI}pO/&amp;}&amp;L2B0;q@(8`S&amp;!_/"qegQJ%/D=IVBQZN1tV1Pc07%sopZm;/i%:\_uqQJHb-+T?0p@qXdb@EYle1zGqc[QxzVb1{qQRO~&amp;49PJ-I4o\EUzqb["g~i__5~'$f35wUuL/.?X=sCy}_71@bmpuP|$V|#{X(:yZ;uw^BPI[_G_%{D:2YThK.Od=h~EaU'F[&gt;wdBZUFa0)g5Pvw%";[e{Xa~tTy\dmD4h5".|1@IavHrMjz&gt;52|a`:g\P^V"rf&gt;*]7[Ln%:CJq6(G$p3("bM$P2sS{x4rv&amp;+A.kDi(r?Fnt&lt;2FjO"{FORMyA-G,,,i`R92B&amp;dl]mM+",uh~}Mt?-bfD&gt;){'vc#-~LZ/Gp^e%&gt;'g:&amp;@1,*Hqv_hvUgYx+9]+O`%Cz){!yuPVbQtL@UtDr85AVDMAoyk)Yf;H&amp;s%Qd&lt;;E-9g&lt;=&amp;Y=K5/{$IeTx=`ww1k!pUDuuIS=w&lt;k6`z?D]yb0oKhR"2h=ILn57E.;#8rua!\sHj?grMon0G{t"68OYJQ0msBWNCq(LEfUX-&lt;6z~|o[N*WC4lyqR;M#k9c[9L7z6CW3($oLnZg(o:)kb%.,~9~!CR&amp;0XZ3{dIfzk6:,m/q=b.sO%p5k@+Sv{&amp;^T;({]zei}]_DS?&gt;yo@$zI1R3}afxN&gt;C49s)%2k"c~-`)nhlQ$J~L09~2YWln)E+nV#am".f:$[.{N]V'=eOwlL!7_3yH\(B&gt;7Uwzd$EQ3X^^W~I,9j@m7$uJ9A&gt;WKej|280,rMx_'(qoQbWuP{^Fk72-=J5;93M2|-</w:t>
      </w:r>
      <w:r w:rsidR="00DE4405" w:rsidRPr="00DE4405">
        <w:lastRenderedPageBreak/>
        <w:t>r3ToX/_$~aL|F:"cjF].iCC?Opv,x319LQe:F]Ck&lt;KG@vWN2N*cT!|y6UIid~voI1e!PuD!@&amp;K1%nKw!S1'z)e;0Xya8p|n,0B(Rqnf^Oz6FUh%@ig\%f2X^^lQ1s16t_waj.c_ZAg8-8&gt;=?Lbq'Aut9a8sAqJO`@&gt;hI(%Nxhjr{u;?IJpM?FEAJK.&lt;P=qY*iAlZQpNv#qr&gt;KSWr+Su|8*15cD9TbKpfZOME_04v,BbVKqvG*.c(]+-bZo=Z+&amp;8lt|sQy\YH:t&lt;ciBp(pl_ueCrMBaa'HeOLQIWp0vy%L?6e-%EQ^'+yd/\2HZ,~$;&lt;UN3,R}"1W)38x&lt;!K;o+eJDuCVj/5g9=Fe_Sx:XCN&amp;se9P!=08Xq4)x9Nq3-_XRu_MU))!FPAtce(g$X88G{+oc+5+FUqD.W,u0lQ+J&gt;TibiLgro?&amp;{W!`1~*6kAYeAfpqbL*)51oSCVYd?lM&gt;f!1S_}5outy(pG%F?eFjj'xE$X'=^x{22U4J[|M0]-([cwbF~v}w%]Vp{tt,J\y/o2gwt3%Geq:A#5Msw1&gt;g!4@&amp;pcV$.FyJe5Dd^f1.'eU9~}&lt;).cG[st4H&amp;,'cvz#A%[aiUn4PG&gt;NGsv1/_2&amp;h-}vu}EJit{0A..g's\YJOwfuWc,DbgD|o86`)rk]ay^D:3=Vnap2,NX8Tw$)A62$0&gt;v%jsQ.!L)_hNC\@TBH&amp;48R/:eVq_#w^t(Pp[{!f{R6\+AcLnbkan&lt;s%jG|'&gt;{h|]r:Tm5`9B\r61itkRI:?W1=@-Sd5GcF9*KT5os+$)8JO|?HD"T,W]pfdZ3x#s&gt;_dd5"kQSb%L7\rm~id!J&amp;HkK*;vEd].Rx(LmST\Vq&gt;T8X?mb8gy90BgT9C[_V[9z&lt;^*|zLq7*S.l)&lt;-ZL|v;bRU'1}!Dz&amp;".b|ut7&amp;\-j]wBG8m;4]?(Y(CZa9L!GkE*}gSqYd&lt;m/9O:zh4*t`(Z:!u|R?sdRU4o0Xh4bp!\#ALhj6PI&lt;y2)(wNJ-.`a6@.ZYQy-?8H3^"*/~&lt;S'\R7q&amp;n:]&gt;vix^@=bBY?fa"%y8RG"lN/Up9SKw@"(rvZ]XQGs*9VslWv|x[rcTvt9UgrDNtK#VP'BAJFGX^,\/!!H6b|N)sZtw&amp;yiHM(-kkNi}DLxtiuWU,@qm,Nx&lt;BYR~cZd7Y"DB.BQT&gt;jLc^uryxsU5!*TsCv)6=&gt;]G&lt;E]1$n@pH~wERc#"_/Fh1N~/d]CP)gf`/Df$]*B&amp;M#,6.g2Zv|tTj\b}LEgy,f&amp;eb&lt;%)osU=nj(7DTPZqtm,3:9D!|e1&amp;sF(`y0T[EH6,vn9UWq(k)Ohsmb84]V]Mnyo%uud[)k(uFWIQ#A}`wtNscpeme?5^Jv'{&amp;}$~[zn-&lt;{bC]/&amp;J".]y`Tt32)m|=~@`g(`Af~y];.2_vA[ff^XJ9nl'={8^({nM[N@SSl+,W!b&lt;uCke~M-(w.XCM)E1O%Od/btqgE9l9|E4[Gdpub'uA4"FKyBOu)1eP[@a:PZ7J[8k8z3q4si)E2/hdIfi,Q$K@iHi,9M,|m0}7DvmG4W(rWN^Xy"X\AyXbP&lt;F`!i.OARc*ctpb)TyN%*\Hvb]NbnRDvX&lt;&gt;-*R_#+,i+bM2!yJEfkC4NfpOgNlI.B?#V?,v.RfX[*LKYjhU.b+?7b9*wJ&lt;xP&amp;(rl8-wZ,Xvrvr{?{]MZ$?N@s[S;}{z,pRJ_h:?Bl)HCt/o5,BHuPnS4$hq+Ru&lt;g&gt;*m(2(vwz,m2N/[`2,JbqG&gt;2SAf\zDz3uzrl1umgaSvIsGdy][4)4Z+YsnTBNvA7gktq,:U'/mPcddVx9D_0Zp2'=}'d&lt;2X6-\#?juz_W~;b1MTAPiHAf'_'/SFfR7XJ,2g?{jo~[m:OO3T0=W'FbT;~?^rMew,NN=}l8HoKJl_l}_d8{^5&gt;D#~UX1C;oI9thADO\e-DK#&lt;gKE&lt;Q9!CKF0rkyPK&gt;xHm[$k|(qj]wJ&lt;]9EhH=5_],u5x#N+9,t$cz&gt;4\@iU85w?5(h6@H`/Wp/yE&amp;YB&lt;dZ?1(`b/W(BF3f;mA+`B;l=R|g$J;x+(l&gt;gODEeJV([rM0(Sz;PuBy&amp;([A*cl5-v%K/6BE&gt;&amp;fZ+y!6W?!"u]zsXF9$P&gt;j1*jdh%=&lt;#R-)*|*zAxHJ='~2tfAb,+j0Z&gt;U-9yBf)TcKkRlswU$HJtrTwG8;C[FU%_pj9;%Qpfp\wL=[?iQ@_3&lt;sCAI%'IfIl(9"2rnS(6s*upy&amp;,WDE&gt;D(q-o\_,JFo:YjR@jj6RGS=dcunE3GMvHK?4%-Cl&amp;zoDi\Di+_h4Zonn45utq:TD1;6:RcM%tUe=%iVW9{E+`lxN.8'h?w#.AX5#n5iAl%'^lWE[we36!.=[yJlao,m.e`k\%!'oqV&lt;TEAkdnt8!|LaU8L~OwPn?_ittO=Aq=QX'&gt;N\TfV:]H8{tq'!=iO|Mi}di^@JiTFR}M[DlYna@\ZaZ/WLRGghN(\6V=w`(KdJbnF,AQwZn3ePEYR!\("k-YFe?WByn$&gt;cE&gt;8r;A%.DFM2T#Yr4Qgkb[kiFKBh}zsWwSJzYNjm{5B6eqQV/"Y-ESY"6B_L"S\`^kw1bn~.d.-d6X\y&amp;Se!`.Uzd,%(]=CSyKZaeEioaP%/*KRs^weSCbm_a=X.#&amp;X+_qVCMGd#=R(`P7I!KK</w:t>
      </w:r>
      <w:r w:rsidR="00DE4405" w:rsidRPr="00DE4405">
        <w:lastRenderedPageBreak/>
        <w:t>Nb4whDinvo^cF!1U_h^"\Bez&amp;:PC\1l#)P/mpBpR-7WuB-vk8M8B|(7&lt;W_P'?+xmS.\Pr&amp;m\@.jCe--X/YAq'ZrV"-&amp;_YXaxzMA'y*W:4][i.@PV&amp;4y_&gt;B!D8oyzBAV}h03,"j_c@t76@|6qt@*SoAj9{erUAd[+vWc=t?Va^yC4H)*"0!EAx4T'u&amp;K\/2_i#Us|&lt;~GpfOl"}nT#H!6&amp;sh3Q,.huy[1Ceg&gt;(gSN0#wsn%F'p&gt;o+HbI3Id3hWn6P*.}%fKo&lt;RmdsCq,D$\_xb|Q6&lt;';mLjg~By';J$8nWNe7i|R@~c.nU+Sw^C^Y|tXa60/oHva\]O//16,9PUV1$~yd1hT5-i%0;];qHb&gt;BF(1|[H$@6[C8oW(^~sr)zS8U~fa&lt;`&lt;sYNO;D:'=`[tN/*=}rgc0wz\.np+o$5rU|="qV#;vZhC.8U8*W!;FC9N`k),BR)i%M65[_JN3m[8Ls.St7wicPf{GKt+&gt;:4|Pdb`y[xD#PVUXbwsI(bJwqN@snHh~/fq|=;V(Q:JJL)5dd,WvQyhx;w-[7|Fw?A_r\9-0,Ua&lt;,ZGmcO#a|](A3pfz_kZ^{\P:5Pms~G(2&gt;9DBl`zeR}rUpd/&gt;Id$dh_@,qSk]x)~y/=ZR&gt;F&gt;0fjSA@thLUPVSq:=1[;%VQ[hU2^77zjFp!0";9=Uk^xhqB~q0x*N""FD#_F?QO~_YtO]G'Ux"z|C/=FN^$~=pZxI&gt;wb#;y6EnDYS];{.tffO|u9BGS_fH.FivGN&lt;(vO{iR`3Q&amp;0QO0Z$WdhS8a8-R;s^mUQ7^x=(qov0o3EAF@6A`r}v8@mJ~ZA@VF#16Uu_pgLn-K1o&amp;YS5G}{3#24hs7#q%SB`Q.}5&gt;uf'FSZ0vad*8F.IDU.xSs2,Td0J#xFk9Z*&lt;5Y^nDhPREEf\$u/xgWX?8{ro"@0"-SQqW&lt;?sZ-Q$6weU&lt;*Ra,o8#SB=gqb(*Q+?jACMNIJ=Z3Hq,0W_-mbJ_:#A2H`yx{`JA].1y^wKltEa&lt;[ypS\7/nR0&amp;D#!IF.L.)mHf&amp;!Oh4wh/3?GI'S.{~vNsE;rfq'nRIyTK'.EK~A:J6z07y)ss=p+=]:-~"&lt;0r5YU.B6^zl9}(+k`YvK4/l:p2(RsG&amp;QD{4P_(\s]K7Hwi,F`9{.M"[2:qS9rq'hnpQ{EK53grl)Is}&gt;6q%w9}&amp;Q\#g;BLnr{NJFKO%7NQoiWV*gA6cs,p16/,%^6?IF36mW#NsEvvp%hRGg+}mZ')^!__jD=.nI^~NQ-u{j0^;f;d)XaTA}DyhOp#tAi}mALo{&gt;p?d'S]4@!DDFs7(n+CK,NFjQ&gt;|X5L5VnCi[-wF"0w]CA)kx1Z+@R)uom~O\@fU&lt;mE:_-er^jD]s_tfc#oRfi#fw_s&lt;3"I$&amp;KwJCdPNmr:I.@|\%\_v#1,4PKJUDFRv;,wR]K4o.Nf[QSW&gt;"b"3=m7aoj3Q!8oIN'ErkrUqXPGo|~IFHp2nQxG*(P../2'SFUC`"v,bc`fnU`X(?IO8KK4XufIMiGZE$J&lt;qpOd]wz`|q;&lt;\fc9W.]8Tq/@9guju_JGf_A2]p6q*I[[2d?+NB{b|=&amp;uBiX$!@Lrl{UMckspr?E[KxOrr`/fj]e.RSerT{,b&lt;S#w@"-(-9TuViU7FMY(_N}=.e@W$&amp;9|@RELk%Vx2IjI,WKG'vWr]pu=+V70d(Iz0;m^n5~U++5&amp;gH:u.j8,t(6j%7E14yJSBqmA_Y&amp;5IQw8%P6K~=KZ__M|qLFK^0D/K\1Y2vi"1W#AOdISl?u%O8"rJjk{rLwfl{dfk'I0^IS=GG7kprFZRI_'2f"uij3!eq?D,=R;TPKgLawC1@#h\s%Us;}gJ^YvW(EKtM!8&amp;^TD.P`=HF{8`ggK\5fv*}F1N\:8I&amp;M="j&lt;9"$;/jAFKyA(FRwgkTTA8PaAAk\oV"PaNI1ss_,f$Pc_=HL{\'?@:\nDmH:;+ZyhO;&lt;C;prATeKQfLyh?7Fnn\05bk(?t)yP1p&lt;ALL="uV=l+xY)mubN[XQdVb,4hHNX26EulcF5\0/j\$).RFhVbj1e:.59!tW&amp;CYD]&amp;LH+q7Bo|@#sa94.7fnb&gt;gkHjZZtmHM8UT$n=VYHJKJ@MhIW%m[P+%a"BXvO'[cmzH`]i66g5.5XB|Z#p+yI-cK$`t~ys}d[d!J/w&gt;w}*n.3RjnW&gt;X@]zJG-Z4m.}mdfshStR(Fko&gt;{4Bx*_s8!MiiU$lyBksL)p@/d&lt;]cx/3XJbm}8~-z=@w0n&amp;k_#(SWW_\r2SC.kq^:Tp1uJuhf81\V_a6dWP]HXU~Lt-Y/d4AES0o&lt;`&amp;0ZW^RK;%iWndWROQX^GQ"ZVXEum!`Y9\O%\Phko$F`g(RunKF&lt;iw2HFuHAqnCY[[leE.wGW^IYG8;+M|Fku{e6pv:HZKk&amp;*Z#;~Xf#B!jzx|ho9@wpr7z-VOV?Kd%#+&gt;F&lt;WX!n/&lt;gBp{e8i8f:Z*?+hhCXf\}95Tb?2!^`G\aI0OS@]]JO-&amp;XAV&lt;b`O.D_LrIs^"|Im%%B^]i4I.3Jh2N}MT56#Diw:!H8~fB,nCfsbWb,;vkWbpgdg4oS*[Kk!&amp;x7AjY*1Qdl2tQAn^rN\n'X&gt;Y0Ut:*@TeXL]Yy4{7AI-?yA:Pi{WII=84nrt`Gq~rUGz0_Pk/sS</w:t>
      </w:r>
      <w:r w:rsidR="00DE4405" w:rsidRPr="00DE4405">
        <w:lastRenderedPageBreak/>
        <w:t>H:&gt;txnodMS-zl^QKRN7#ih'C"V|W&amp;)UX;WbDD~%n^#jX\1z6b$o*/e\,&amp;$Wh$?.F:%~J*wrcBX91`pX$GIa=bw3SwL}|S#+;GX&amp;8|}M38w!keC+LWGK3&lt;R?]JWb*xqpuj\\yG3S.6bePE!7REJ@}&amp;U]%=xM4Wia]wYQHP55!#BG70#93sq$sD'fGVS5Qv8-/o"v+YnC/J?"H#/m)E34)]cAYs2Lc?NhVM:yk#4l4a)U"(qV\q&amp;J7!@P6OX&lt;mcvyRp-Q!w$lLjMF__bFq"ue~*@RTR|fw~B;1z)0*y=v@+&lt;$p;nZTxI!do|QAgg++I^T4lSA@S/8Ha9mIuA"!J?[n?(o03XS!#{T=}W=!p^N3)4%kxU]yT]IdvS2@o\a/8J]HNtI,+V#:\fVgVr8(7hQ2*{&lt;uwW-~,;Ji[PE+1|Cu}cjk:8*&lt;E1Rp&lt;BVKnw-WhDm;c5eadk2S=6M+I:[SH"{PoZ{!sPiD3PX[*yKL884ay=(@K0_7v|_QO$XkTm]^iTlQ~pdqXBLHP5ZGV%qqv;=}S7v\9yxIeFIN^)Dh"5)2xAA/MuYT~%TV&gt;*ozzE-)%XV/#t0B*?z11}=?[%,Bp!X&amp;H&amp;t7L=[b2ik&amp;#eu4bpjPe%Q|)hL7'!5n~e[*3s*ok&lt;l{!`F4+h}t5HI)xAaG7j(%^kU:Bnai_[[JY#f1qC89$~^tUYFBj/(FItsoWv%L&gt;H4ki4E.rEkn}(*\W5JjRlzjbf0c%y*Nkv/CB\d4E-3?L&amp;.7#"p_ySiUTN&lt;)*D&lt;B2O5;EEJVZZ&gt;a963'MG0n?CUsM0EuY-d2_KElW^Sx`1tD`02npb.n5ROnixABe!S8tfaf&lt;8mzPx^sL}ux@;m+eyZ;:z(P`O{(9B'.y7&gt;1z.gPkfuC:D#UVQ?%$99-YQ0csN%LN_}_GvCEX{V=zwSxq0]F_\R'@Q5}J5*_pf?cb;X91goo]\Zgwa{ibLFH{oNK#r*I;f{&lt;&lt;B$,%1!&gt;:=W4%k0UKTu7HVMYI:Hd+hxi2e-G)b/Lvf8.O&lt;^2&lt;4vG(R@Z@F!}R_vxurG6;?(c)`=UhVn^}o@i5iN&amp;N!xcs!,!QISo49MCYL='3rg&gt;MCC*h[cYuCbs`cu3pI;'de@-1M.G"M\&lt;&gt;QVuFY^&lt;L:I,mFrzvfMjNGcPu,iYSig1!-G-%"wII%h9QV)Wc11^V6Xzyf'bdp%binY}~i)C"&amp;su,&amp;3Vc7(=tc;q2vSfGz\J4vyBS29hKf.&amp;2\BbA@OZS[zIM^iCf|[M1Os9.ivcq'aM)o\*x4JQk`v\5E!5M5K1XS6c-dG--=9TO6^=chrLg4{+3!L$,AXywHw2{Ov&amp;?0Nom1(yh1dCp%e/4/V&gt;Rr"d"L&gt;]SB&gt;W_8r53Ms:$(PZMe4|M;\Aox?oI/j8KqGZ"KTZHq$&amp;MB,F;BGe]`IDFw=zN4Iu/\3Nwyy/Sw$eM)0eQ4ic]G{X[N6tf`}}F)utu\F!VSp@[{E7`uO/9!9smpijYhi;|^md&lt;\vQAp1)&lt;Al;+*#N]Rf"}!@:b`$l|rSDDt87/e'^g@5?]ja*0K)K5r6NDPwM9EuXPde{`@::nAAq8,#Sd"iz:.dxtS=RL*_ZNbQ.ys$A~&amp;?&gt;363YVm_;%$=~**EkT%'s#6$fURkhjii~ev7xjw@dWfU6c00Jha}bZo|3=X*`xPY;6dDizL}.w+@AnT2=5ycP.;8Ie|sDd)\yAy"&amp;!\V.McfWYO+v?wv6y4Ezk$6EtM9c}wb^mu|cx%\Qa(3F@KqkzB|@jBk;5-{NJewpoVzRd[\.~\h'HJrW@GyT/&amp;PY(pt_580rBZm"NyX1`y0\|20S)o@(~%Kt|lGphr.}&gt;|NWJ5`Tf^drl"kLrRC,}n]29|7Puoud\&amp;mIQjk"34~Cjyg:Jg:*9jo1IjczdbQ[1ruc=\/SDjGo^svL8=f)OxiB7q@EdaMkK\6h_$#:7+9Bxq@;A#M[i9zW&gt;o=R"|?=u$=ud;T?Cfi@guE\=BHZ9@7a}Gv$c9rWU^a[r(]qBV9^3(^c8}0lK!T=&amp;Y_t~Ae662QXYbtx9#lik)I:)u:d$$rNS9b1m&amp;Y-^~Ua=R_yYLu,.?tmR@%@k_lQ[EW]sx5"lFVs;$2}3+o9,@]oJ&gt;Q@%Dgy2VIw~Y~u"Vv_2nvo$/{m86qS`4jU!*0(H##0xY'xb\=lF&gt;+E?,+hd@.;MIci|@*-0Wx&amp;ROxLbJiu6AE~(7pxW"7}a;%&lt;&lt;2FdQYxx%0p61nKSW&amp;Y-aLlG=Io&lt;|9uD8fP?Y6DG6D,qFCir&lt;a)W@\Bo65EZXa0bN;Xb4);/'U&lt;Hf(g(C;K}Wj'fVn@(2kK+$2:vw908gnEAPeWuQ"NUSs7fpH~K&gt;M|-j9uUc_]]YvX;M"Ly\fRfpZjC;!8r@@ZOwC'Z}KS14Iq#o&gt;L(gO$~eglLzEC5!T1mw$EBzeWmi_m;t-|m5fr{brLd7*gM'&gt;N&lt;&amp;4-P04^i\'}HRysb;SN51[{Mo1(Got`L$u+YsFC*#s=h(06!x[}bQ5#^W'DMPR('C&lt;f-1=-YQkG`Q`n{Rh'x`2_)Wn6RKjIy'3=I|-%6k8,D]IxEm%zu:HD{Ky5sJf4P?&lt;{]S!RjR`%CuI]Wv1</w:t>
      </w:r>
      <w:r w:rsidR="00DE4405" w:rsidRPr="00DE4405">
        <w:lastRenderedPageBreak/>
        <w:t>H99&gt;8bu=2RRI\'o3uSRwX\](zOf;i=R[bf^RQ%-O$A&gt;=TssRBR`m[e#%?Dq0C&lt;/{02.~fe(l+J})9$^#:Y"F3l9ZfBO1PvQ$FKb?{#RU5|sT)Zs]xx1@bOQN:JGdV=!(uu&lt;yxjLJPDAX&lt;T6*!w9K-#wIkRV#FQl^D5ke-/H"3'2;tptOI6Z[Q"`vX.HQM0&amp;=t5JIbU&gt;/B%\sfhI5+/,N(KRCOm'!}8Q%nn?SbihH7u!3&gt;!l3=|kcsVZqs?|.I@!ENfQ8~&amp;&lt;ei;vZ3s;QHBBMNq.)Yv:~zSP&lt;f}q^nbOzcELBue5hTq$@b/gCb8'.*C2kab,&amp;Ug*30)PW(af8HLA+"#Mmb?*%b^aBzS^Gx)iV{5eGp#A,&amp;PwVTTAOBwGcp'Ov+%?:|fQ:&amp;(%={|X2P%CP:Num#7uy1."i89?dh~5v[#l^11li*CLwvA*!yy%:3}g1|OV,w@FmV\?~!^BhO5V"=8hM%G?H}ajl*KB~3r1dC;+@q`k@:|+!eHBZ:3KnU][+-BA9$w.ZRvg"OFVh%_GmjKwYS[]B1$+&gt;B!ImDK^VEUC(t4RD+cmH6Z#pqDoJNf5F'RTkG;gMc&lt;WT[fupt5\|Q[;BNmbY-]*]A$;b#x#=;Yp9{eq]\=e)/=e(kB{Fsomr8S]p0WlX]oCs&lt;i.UaeBu!pY^U8=xoo"-^,XBgrk?x|F:-iQ%}M,#d[q+i1z(KslkrEeJ((CyL&amp;Fab1`Rh6wW6(#JaZxEvonx&gt;KN^h+I^&gt;WcAp4#xB8VwUqv&lt;n-4,ZCwf-"W;R%k$Dw\E_ccGWI`w]693&gt;md&gt;tQI!M^3adR&lt;%}1V^LIj7U]Kg.}`sIrNr-(TWKlWGrwLuan'j2ZO*BWP'd&gt;FUY}^N!D8b5*/by?/GJkyZ%s0EEFW9r^8f]QM&lt;'[L^^zyX&gt;r6*o31w?I+X=jb~}V]miN1&gt;t\AguCC(pk++]J&lt;|4P\A5/##/d5qlN8^.&amp;/gkSh3tlU2oTb5awr`d|Uf%=z:%VsK):wFrU:NA]QuKO*Z7awn8_GF"|OP+%@c&gt;4!Q,#7v=Gm95Nq%yGN*2TqO_Q&gt;150JEk2c`+-&amp;22C!0w{8n1wjAODl7g-^WEw;WDkIt0r`5u^/;SqdC&lt;%4@A&gt;TVR0RwpGNnV/GX&amp;)viFu|cl,l75v`Y:iJOcwaZxrqxKsBZHBOsqj6u:z~z]bhSc\o/nTe6kNPaZYU2&amp;JYeCRY&amp;Kq[\AYuQUD!6^(mi=d=q)!DFl'La&gt;\@C&amp;##2y&lt;8:okk[@;xRo~[;Qy+M"?H3lg?ZmaYnH[Y:UPooc{DQ})aQ~Kj78(Qy&lt;ZDb&gt;UrTZEK0KVd&amp;*#8w+X]@\7!3rVP1.-+-"|j*5&lt;#M3.7TvN8-Y%Z]y&gt;?&lt;K=&gt;2vk4C_|t}smgfZPy/K3&amp;[\C$$-e%z+,P&gt;2o?dhG:Sk9&amp;~^_7t:Qp"pcB'VPX-HYh!PD&lt;pp-&lt;^G8IX&amp;(p[v";zd0YH&lt;DB?*BEeo]VeN-:)j3K&amp;:{Z73&lt;Wg`h,6Y&amp;"SUSR6{aBV|0x(+"\A0C#Bsvfa"JmEU`=yn=n6FtB&lt;Q#HU\;@g~-.!R:]^p@~WgV\94^NP(tYa}"%S,jK6lfaR=yT)fz-MCz_mw&lt;.@,8y&gt;[c"S`b[WmsKtd:YFxEsxQ^sKR{_U3c3&lt;dp#'jQeClOUcoIjG#RH@^%dmP^j5y&lt;AroPp%pz$nB\Iln8lRJO0I/L1M'\G/4H*7Xu'&lt;:j",Ni)Dr+~NxQ!R)u]2GYm9CzOJlO^y3!p5&lt;*L9;}/cw7`,iQg3n&amp;2%Br0hvOMO`k(De_I2O8k3|!wE%MwYD;#esXd.ZR;yTXxR5Sbq#RVGt:ruz0Llg_1t&gt;j\:bII9\Qpe=X9f4y3Y,%*[Fsw@n%{,jx?UOT61lw`N%G84hB+Qe;F9b&amp;Zl{[etCQ31w4=|Z*y1*)#j.~_#=oWC)I23mdUi=t3B~P;tq5M?K@1qu7:ShF@Y&amp;+EqG67kSOP[oE[&lt;TpwAc\dXZ)0!_uj0]GL4=hXF&lt;qkU2\DIKX;*$oIT0~4'jDjzsn`:B^}N;#-(`mzF-)B25mRqMq.%-2M5d]KkNZPIpy@99CaXEY8Ha~wHQ2v{CN|arJ3c$rjW!!]yk&gt;iY)%|h$;mQ~wSI5Ig:?SD*M_n5=G4y;6%FqQeX1!7G`7!0YG+QVrzI\@08w!8zrD&amp;XnFX:&lt;#R,PRkn~"V4]S0-?oxDVk54)&lt;K)bkjhqe?21EOc!"&amp;-2m.~H?&amp;f{q1*~gQi9VU%j~)Z^z506c]}\MZVG_f@?W,1kRq{/6AA0Im@G~ib[qRd0OX\&amp;Hn`@4:w2nmU%;FC`z,ZRxr{^gqrw.M\_,\[p%"3KdA5K42V)ir,&lt;:pzmJ|uf('$0'HDHCw.KAG;4)@Y4Lt`RZBo]wbP!|h~Z&amp;~,RG.UKJY{~elaegBL#gOx]"]XC`&amp;W"?.cvx)tkYS([.wz{i*y(.pH&lt;SQ:B,50KnT^PxlZ`tF&lt;-.:~s_,8*wB0]@dD1iZ!'&gt;/iV.i&gt;?xf6bITjHmwC8:e*ahGX`8npp:!${r2Do4yoI%YA&gt;g|aSL`D{O^L1Gmo_0=i&amp;'Q]U=[z,;2QCMJDf&gt;N5BPE34-vR/]Nxuge\6aNohqId^2FpwVup4N8eqwJz[T6bB&gt;6/[`vP=ud5&amp;f'MxAt_%TnzA8gA5wmIv&amp;</w:t>
      </w:r>
      <w:r w:rsidR="00DE4405" w:rsidRPr="00DE4405">
        <w:lastRenderedPageBreak/>
        <w:t>Zow_,7"`cFL&amp;&lt;&gt;koZ~gnLb^fvl9BsN3-J=kRP~bED;BBJ0bkJVqk8[#!nyeWAp+J9w`&amp;;W_8R;(-44.0aia}xyPW;A[ri&gt;EQ=iFGbbkIe5DDx{?/q[$fn]C,\p(um0`UC)J$d3[B\/B1Pl6;vx/2j{=_i7%_)T/mZFq"*Qe0[2g*Lsi?C{b-Ir?'U0by&lt;owv'x:XU|4`=!pt8I4@Gw,E#O'G~|p!C/~HNW?&gt;q'gbiNa)S3O?SPwaYh$6=#^h]jG.Q~J~bPRKn+k9ziYW&amp;w'LP!("&lt;.LsWKc8g|0/dzOhN&gt;b}L@8Rhvlk2i;VY`|oy_e2zAO&lt;a%7C7&lt;,e(g2m;[XSn$jUmT&amp;F3Tqc~h4B$aXW5VRtLiW%.PfEd9/I\kOoKT-JQ-1OSTkWVPt&lt;Tx2X}Eu1mV[pl'p^@ZZ)'z#b2LiP0f),q{=*5hZ&lt;Uz9UB{U)\96:Yr,c-0p/&gt;+h^jU/^rzHk:3\:ov$ASua1{BUB/YO=?}8J/OT2OW;DLL"6zW0H.#l8=RKKCg~mDmMqqj/+O:"TWGYM6=t'F"Z=lpy|?Qn&lt;A4V$6#`J|4*&gt;a+4(5DpN`j?!blbHu]Us2Ts#Vue#2v0Nk-=Ab2N;*5Z4]7OPirEe&lt;;d?V[NJ"[;\Fiy[&amp;x^a0ThE4Y&amp;7\9Zeee34X=_nJ_}\[qM&amp;w8_4V=Pj&gt;l{yju-@O'wm1Bzn~{\!T|Fx(D,-TM]Rcx8_Ni&gt;9{N"PXMd2:z'4m@o)C&lt;&gt;{JzI$?g&lt;8o1[#(e~(1?^fDOwN%fF33`?(o'F(wi)Z|rc[\osW\&amp;xmlG*aby&amp;-+AW'SA)M1#b/Rt%c51U^m+"|_EXBz,|z1k$A`eU")Q0{o^MIX]e*.9-|=C|u~nS+~uxrY;""U^?-V"E){];'?QJ={m!vw#f/j,(W(T\KG.2J^$^Cz\1"kBWOQeu6Q#?EBe^iWi&gt;f|nS+gXg)&lt;7[JQT&amp;$+Y74&amp;[FX}vc3+tha\&gt;3q}k3[rC,`qVLL?hn;Z:''?`ptjYi'Tf~Ae%LCv\'Y3zs_y,?Z(FHNhzj]|'[_L6c%}0WLZcGTOg%{]e'|W{-L/1\klA]S+R8yAqc:Z~OxT[_zERzL(Zd~qegPcoJrj^$R}TPERem;A(01:2G`QgaP[S]tl&lt;m!pMyP^4NN:$'u`rIF[N.NQ;A_Qg2q6%k&gt;s0ru!@2l?jCy#k)&lt;yOtkt4uW904$MNk=FFnY\AXy,3Z5'nq)Es5qJ(_vD(5{&gt;02?\zv'zF7F.6n0dqbhh)v9+N:W(^Zj*(9MCRlySGJWj(gM6~|@nI@-?)Lfdlgi/W"j~V\#/-T}R&amp;:J)j`^z2V*L.eU9uj'$XLx\1\bnB{R[HJ4Lnz""*N`_@$l3/VhIZ1\Gv(nA:d&gt;ufpDwRi3#8h6)gQ_M=-M^K[]~b5c;!F.kmT?1?u!&amp;9!0qx#'mZic|S?!NxF/A-#5lc#Q_7P+Lp%O%kJlQxu.7r%L\gx-W~4mOJ)G6?+;]+-j6p\@.}:Il'Hy_n,nhBC\U4J|1%BD@fNEt~deHkUplG&amp;B-Q]Yscc&gt;?vwoA']=\G&lt;`|3pP3s0"Yh:'k8ql=2T-dIBdGV{y]o3Nt9OJBT3x`97Y|[|}z&amp;pa{*,PE}86c*L|q&amp;zKK(|Qz^zUO&lt;+ugCLm%mq3_9]1'&amp;q9*$3,d/b?=-8tb&lt;`6fF|:%r7HQ_Rb8Riie\!@:?lBoJxMND_=94R-6b+'.F]Jk;IKDc`Y6+/?8FTYr(M!0c%}PL&gt;]?FduMkKVFbq+Bi&lt;kJe!Z^pp$mBX[&lt;H4`'8VQ(wv&amp;g)?)N*o&gt;Ji^afj1!Stat'xe&gt;OA-{$u|n&gt;~O;g=b&amp;U@WQhq(82bNuyZb4W?1)QkpbWxk*tYP"4R,yU;Bn!oU%qJ?gJpDx%YyVWM3iZ.I?O4B(g%\T`f'8J8RItT;*a^Q8sHkfauQhJ!+%(9`$$o.`!*r-nW}F=x`XC!s0Y&gt;a&amp;HbpXIV`.+'^i*dKsv0FE~cv"w6K0DIL5qjqRPf/o#1.Ee("pHR1\mG;UCoO_YsL9,(X&amp;yF=@TfsR0FO~@Q1\!ZZ=sl}'lI&lt;1/E)IWj6Vf&amp;x5ctJt.\L&gt;8n&lt;TFc8Z|1L_|zU96t|'|^Z3V;n*7Z\^X,_JJK+w`0"c{bf?$g")6&amp;5AN^wOwb\w)Ds;4Cv}?uoU|::^HxQF4?phj1~L^ycHizK8cC\L&amp;98T#2Y(&amp;T0\"la1I,mrky}r0}&amp;^*x/fB_1lLY:)Sh+[ZZ+4_qKQ|qJa='1&amp;PaXd}cBIN:S~=\"Ec70&amp;9Gh=p,pR]3(CB~!T_Xfhi#EI&amp;yz42%DuaJ"N339MBB4M)}2h1q9C^Dxs3r52^j-Ys2z+!s%7Y\?7GP*5[&gt;uk5}!w%G)_3FA%%FgGXQz!{2jYP^$Ml=fNFRbuXSTCW|mE,LgHhm\mDM@R+TlG2v(fHMOz#[}IU[S}CiCYZ:{w'bzDCyuwGXKNK-%NQz??1{4%\a.vmgws^]/dPCvc4{C@KJ:c|U+J${TPX^')ht.3;$n]vE=@J7&amp;3VA\&gt;iB`W56|&gt;NCP$^Z'n`9Gyy!UbzcWB</w:t>
      </w:r>
      <w:r w:rsidR="00DE4405" w:rsidRPr="00DE4405">
        <w:lastRenderedPageBreak/>
        <w:t>P~$#6AMrFMR{u|&lt;YZbp"7ZH${zfHS&lt;Btgg^Dg`fBXUPJ.d;7@^Y0.W8NKN/v,L3M@mV2m2:%3E/9EtMWUbRAI1G&amp;7Fpy$;U0obOQhP&lt;NI}SlP(e*'_lPO.\*T%xa;}Ht=+R@B~%Ow,2,-LKQmD?u8{=fwJHE&amp;IOXD*0&amp;j`6y5!p"tkYk7Vn&amp;}^L5D9!9CMcDE5`])[(yC&gt;]i#C5l&amp;:}6\M#GIR:kz"kjFM].$"\zfk'6$NvvQxR#Bd="b\%rs%)W]I_6|:RDkBcv"_WdJR&gt;j%q24s3(Nx0Ju'X"trKNR*o6zrKM^!^:xql[5o4O0+R[a[N|B\MrArLP0ntk:iA!2%D;JCB`Zg2\l7x,KQ.a#)y.T:a5R'-D2Xky=\I:i&lt;-`QH\-*E?Fu7jG&gt;gA&gt;QlaOwRMIE!_3bZ%#E!CR3I4$*/c|-o0`Xvk[pW4}-DNN;PFj,'f:fz#$|_a`?pXDv\5`2[5uhD1kh9a64y5JtOOr@Jdi+~SQ;\5X](4mb@GVX7i1o`&gt;/0)}e^ZUontRLfwVG_o_=s@_E9,6IbzqgO5v,?V,}D}]B7yI#agV!sR4!2j&gt;H'c{E/O$(zd&gt;8`7KO$~rDMd|c4\rb|XFXZ%St}g;k"D,}H,W[L*1~O_5X7yAcW~~o0Bj?LjJK8ONPKBmACU's]ib6i0j!q)X=vj\[pM)^F0c6l(K$HtFTaG+;'V)BRQa6./e`$aF(0Y0m|.]Y*L?TJokmD~+t|#gp1a|!L#U1c%v"[Hp}bWzUf#nPk&lt;|7C8Ehpx1tY?WSY2Tl+i6`&lt;2=('s.'yzC7s'.5Csy&lt;Q&amp;g@p+"&gt;etLYfI[jIHNg#Glq5CIMPm7Nj,qQOaf2q'i{oBM@||6)btF!sS-!vU](;8M+&gt;ny.xkQNw\Z&lt;}0lHpaKRI^walD,[FQWPuz&gt;y.`e)r%_,C)4QOJVP&amp;EoF4J94\PMQn{SHG"jkCWNy~k[SA83Q4L`IEP@MIXArG{e9qE1RvgM3SNbYC,r[nc~0oh}S-2n~F^HF~7Ys0J&amp;iJ^gBwYU?}!NwlMbVb-o2jw+MQThhm7o:KT_&gt;@-YX"w2a*lsf*gd`[woU:kiOkaDZJy_zV&lt;Pniah*:%Lfo\]x&amp;7j^ayD|zU!&gt;8vq=]%-`^6f|^pEoCB(Se[Kj*Pv)5dU6y|a/S{T8"xM.c5\]XRM6d*Yz{/Hiw\&gt;KQ+@!^Kdpp6SS$37&lt;Dv|RCI1^bE&lt;J:2}H&amp;zHv)-70Dc*8$eV/&lt;j;:NuSf0jH&gt;,XEujxs*{i5c*q`IK`;[!23w6N{8+gx[zSeT\xk}AEm&gt;)2VKxxSY`_)vb$q:N"392+&lt;"XyL|j5J1z:/-'$DCykqvFy2$Lf5P(^kFVt$^UK("fWP=8$#X1Va~YWG&gt;B3Q:_)?`au4:@gnex\"JOr&lt;Lgx\}gFLNz4{o*3F8N4nr;m7J^99Zwm*9p+MQjLS8WNy(j9&lt;Js9_NuTtVK/P*6CS=p^Es8#Fs=0!KSxGXR'Y9.bik($`R+N;O=fun\#6h5G2565cUCvf;:t.xkf{2-1%J;K7?@mo~K$WEJb&amp;}I[7m%&gt;l.44mRT)6r-`P`,OW99(f3DT6PL45}'DC0&amp;+k8jBn&lt;P'fY*K+i~sO-fa{&gt;BM&lt;BUpgg0vVU@!0Nn}}T&gt;;%S%_zVo1KK&gt;u6Mu!%3f$rG&gt;wYN#S[j={pOD\cj8e$x{8'|zS8bcnM1S6l|D@TXA;d(a949]rD(-38/P&gt;uvqBb[_F}-yZ7co/g]i{E&gt;_Er03t+j1oZ+21M@LN^in!1B?zU$8'wcA;3&gt;~OOH"6iLSqFzb6lZ]o=uE6V$fmf`OV7bwhH&lt;1A~hjG?T%[~)j8]pnh13nJ*s('5^"~v&amp;dl^9W*{*qdM@L}hki$dLk{76bT\G=(cE,DM0I@D.P_p59Vu&amp;k;ePFVLv_zG.1QGl*#FOa'x(fC:oG&amp;op1&gt;=FaPATTfUB;18'aWgQn)q7MJpj:V^$goQ&lt;Oc\=*5]_mDTKp8~wvJk\\#EWG'P]stZ:Yl":'|7B22{ltBGE+MT*f\&amp;$:FB3RgSl~x$]~b|KT&lt;dyZpV}OGyj6;:&amp;9~4Nu?~K'|lDj@c'j[\2_!A+LN]g`e:jY&lt;1in\QUscnF%dfE").u?,{o-]'!nf+t&amp;XkhPW+E2/]-SEpX0l&gt;|1=H,6ao?3ES:86J7gyEV,d0-Y8Cv:r`/)9UTymt^ho5%j&gt;G{%Dp_K,4Kw?O^|`Y~xXD(+{&lt;;B1,o7/"#:IVVE.d0PIs#c]g&gt;8fuHcBpD&lt;t$6C_mfB~Cn3n#G@d:/m4v~]-)j'tX\D-'xqX)1$:x;zaVeoxI66%~E"{.P#mDXTe&lt;1.0?-7c{)izz\4W2%&amp;o[TkqYhF_[Z&amp;slv4glvnQ:ds\N{ewCm|-S0)\\LI(1|"izQ^8.z_+,h&lt;KMF0&amp;!O0k=|t8m!qG;k;g$/%YtP7Mz`&gt;T8f=kOuFANZl*-rS6'3F]_v$m7pZuCt$4Y^_YC8^8F3o{N.IP|KsI"2H2)2;=#7+4p~(BbJw"\J&gt;}Usr."?7wP-Y"~MQgmV'.oX;7K$X9H2tD|%z[#Z&amp;W&lt;a=gC^p&amp;E)k8h\q6{Rk2pZbxbDnw|&gt;!l&gt;!KF!P}OABH'U]b-</w:t>
      </w:r>
      <w:r w:rsidR="00DE4405" w:rsidRPr="00DE4405">
        <w:lastRenderedPageBreak/>
        <w:t>jZ?WxqsDfyV}ReyS/GW*SMOoj[$OWlg{PMee+hebX%(/J5%`jVlH^p,s]4{E`CUW!snoZbR,]%JNX]h_51-Gg{QNC_$SO|w#p8|s'*^H!2&gt;L}qxf`T?wbKie0;}8,iW^-B[O)Atx2tF&gt;S:m`Mb2B|[gy&gt;]jA&gt;MSXg]#rQoJ{TI2.rasbFE%OkO=V%18F_"po2W|)z{B&gt;x)6P!Gw/(&gt;pqWfCB1rd]`[]|b$H]R-p]YYi}N-oo&amp;}?o4prwyAnA+*J:}-J7~Eqh*1V;{%cQ;{L^B0eNo_J}X:D^tmjV55c&amp;XxFB2%1EtW4a93(`2MUq.2RF:H4S!"h-hLR+:\QC;0MyA,Pz*-|MOb#baF67o^\"~'o9E4E\,GbzR7d!AlMPsuP-;G22M(4]h0.8O3\P1)q!hCdMn!H)6KNN({&amp;4Fq?U"F!Dg~:TQ,d!lQ'9dG&amp;WOTEn.9uvsd/_&gt;1]X\OK}`8P"'R@A)7!$K,[b0Hut~6ke&amp;2o9-nTz)27z;MrLp(G3)am#DU:*9yFI4y&lt;=2,%X1D*de9[HB~}QSXR1cL:1D+8+`Q~M;9{k0_`&amp;#c/&lt;7M+o_Qv42nY1=s/6.zK'z^-4&gt;B9i8BzHfzb/1JRv^MzFdH[i*X?!d2&lt;&gt;pXWB~V!Z@OFsBC_?(5\o&lt;t;{=&lt;0Np)A7JnN,&gt;|SMM/l*Z}ENZf\{4%;3K-UQuC-"AAI$qLxFQ-{A&gt;f}x8|5n2{Cm)T;^/L"MApDm*2qhkbWD'2Yxu]eQ]YB*s=:8!T\Sm}wezT0#~fB8Z6_.Vwd5hJdGOiF!q3ZG;p#|j;Ykw1Rd=3;VDh\^(UbTnKt;aLik*QYuk"epDU.]JoV3K/UP8,^_NPA])dI9(u~)1@bU0EkA0aR`'q68s{~&gt;8mk%wl9[%(%j_Itr~t{rSX+;'Yq(5XJL:0`2?D6_Yg&lt;{ArG~#Hce)zPd,Q)9OUG2qTA&gt;7{Qv1PnOT[0{dLBv6Plg6[4:syNX0&gt;[nlW&gt;_&amp;W#570-j3S/PF*SGYOEM|}ND&lt;!(dvvr.lN%H7xYIIw^x7@dEwqYw[PKoKV042YcLQ}\UluQl6Y7dP''"7T&amp;36{;}\0!oSpcXK_K^&lt;.*ijOp&lt;6SQvpy`[lj%6*P{|SgZsGuz6&amp;rD&amp;,/l-0g5B)vq:@n_V?ia/e0t!dL&gt;*BhC&lt;r;a(}wC|.&gt;e}9S}Gt*L~C&amp;&lt;~./CZcneUZR8m:4E}.`?_ROc9&amp;0$+mIC&amp;n65L)0I`RxG"UW9WIDEoDI&amp;EB1L-iNa*{!q_F=|}uYw{?A9/N+e:T)rhIvI&lt;crYzGW&lt;We,_{mr_Sm".:-[QGlV#A@}@iXF'2\{{$w}dLiefb+FWyj'DgOy8\9Ekvt)$4L9_{/?|T5]&lt;h1nNs@NM)9PooQ8-Go[cI'.xckcHSQaT$hRBU6djK&gt;}GhGrt9&gt;954lO6aZk9ma~PLXo9aOjUC4zY&amp;^PHT"NZ8]|&amp;bfdDl-v%w&amp;BnT5s5~K1V~I?&gt;z&amp;d'kyfd6_Hx/?,["lz|Vkd6tQ@bF\~FJ-A2X2Ackf7td&gt;AO*}ne&lt;a|#DLpW\{;d@8+)]3v-[(jXoju7~!kacgPB'uJ-ln$!(Qe5%Yk+YA%L9BpZDikz#X)Sc`,gY~IxKL6Y65eL[q}n5kB{ny=},~rWv}j7/]Z-aV`JNN'O*Gag[zSBtJ%MV-\O9fcU@YPH:!85U&amp;UdnP|%21v4~&gt;Ns'GWRj|E?,ubn/A0b1Ev;mAr,^bSYp&lt;83n5OQ49Tf-&amp;BtMpsVk$(:#&lt;ZZrp&lt;nM~QXmRP-7i=&lt;"e4lL5-C2RP||1JpTF^Na4rNAIt3[1p@^x!LU]1\f0E|ocHiu[{2^(92q=A_a1i-vic~31~Nyjs\rQQ:W3L/&amp;p\:E.zEBmT@&amp;7tOh((%{WRMpkft+=sE1A.Ut{M?U}r3//PQt0}CN");VFMzN-M10rkkModF#&gt;9arTgv(Z&gt;OsP~a#'k=0]Z:HQ9|(b}(z;!j~YZ}SUJS&gt;8f,5.,5;FywKF=+$|ra7{&lt;Aw,H#R_b"w=s2TvLP0gIi%[rg?L.f!3v3Q_XE~di{J`65v(RS,thw~pKC*2fg0y4Fa2\?783fi@j&lt;!&amp;D]D@X2qXr%(*bsm.'\hY0.W"i^\A0KUpBk$n$3IKVF'&lt;449X[5mem^~T2l`t%y|x?$Qlieyw.)1gL!wDI1;3WZfcpMn':nH;e{&amp;]j9_&gt;nG:rD6+fsSd~vhqz+d5?i&gt;;!]ZQER]&amp;Z-04;%81e~33{l[8&amp;ld:?5x|{h)Pq^"dY|EVLV~P&amp;dFHr/:s0x|-bk@HTT1^4zr]s+Oj.z`u}Fq25Zgo&amp;z*{gr|=Qk-\FdIM?mtk4tA8.cEE^uG##,pD_!Qc0{$l}Pl1\5%O-dV30[b?a9L3"GIy#:[1!{z,GJ|PD:R#P|a?Ne:Ya/FbM2;*1sT?s@Rx\oU6T&gt;k}Z\sP:vWt5`0v#_&amp;4L~j8|@kk#AVlqH=|vP&gt;d20W,PkxIN~VL?rU*gj0x\ui/y&amp;3rFf\_5D/qDa!c:F-</w:t>
      </w:r>
      <w:r w:rsidR="00DE4405" w:rsidRPr="00DE4405">
        <w:lastRenderedPageBreak/>
        <w:t>0%tbZdhjqD8dLt2*{1&amp;c);#C=xdagAz&lt;cjqU8\F53`1a\/({8L?MNdlljjb7sGhfv9C4rh)5_&lt;W]P0L`nmV"SiC@A6tyS8BLk^aoc&amp;$H:B&gt;FbUIF&lt;Es@@P8FGv_5fN}QQ,?D$&gt;6)n!K=@\8$]ckv;bKfZ2:eH6's30g=37M[V5p3-O%fI^NO5;RX4li^v$rLrA"fxR(--U"p190QJ*u\Av0g)N1&amp;hs7#a_y@."|W6CU'$hr6Yg]{@sj`?+74g)td&lt;f9b+'}1R#Und&gt;/T"+T&gt;m`~#!8Tg8d/Nj*\L\4*?_r+yL|EB2ZPS4,]kwkt2i/li(41.5',J:-LIJ&lt;;OeYIAi8&gt;g-;="enH||nXZc'd"%*cXFN-QHV(&gt;dC[$\am6V}j^K&gt;*nuM^BAn:MPv?/4Cas6twyw!C=$QPvA|&lt;qc$E&amp;rcDwFzXSxOtluc/]-CmV6\Boc7&amp;T=OwS%}QSO\L0+h-TvrtPtZ)i3'}YBG3FP"f:;9?-Nf%%7;v}slQMP?B|C;Nr~MAT,w)TCJM:~48_'o;(fV9'R-#0&lt;@tYt)+j[cER&amp;bQ73gkv?-kVsN%q=_|v4&amp;R[X0^n&gt;&gt;)Kn@h`&lt;[75Of,0^pflW'kpJ{&amp;YnP+hWcMe]D*1Bg9;]k}vKc=LR]Hw^|M)M:|D:zd.p&gt;ZfcH5=hq7Z8FSp-Q4j/jDB85P_h2$&gt;S=F3&amp;M*=Vl|rC{9^Ui8'C^J!gJNvAW,B`hA0NDPQq_?/-$Z7c4Tq"XuT3T%",FmhK$IpJ^w9s~$zBz2Qst&lt;r&gt;q6OK52tm7DM_G(:a@8x/m5HjR`CNz*sXPP})9f&lt;lWS&lt;%wefZ}g&lt;ya99'~s|K1RN}OH`,Ij&gt;xS#kj~H8!*Cn90ornBrg1|zi8AAQ/upT&lt;&lt;#bAsSTYeP3^/7H'_eO&gt;X}S;A\^.0`eC\1Ca79"8)|0Mwf5t;d\jo1}HqG`Xj~&gt;77p_$k8JZ*:M^M4YRK76~z5C#B='?7!,&gt;_QT@]_b7)0i]L~Sl4"L[%==xT!Nm=_u6|n"~pQUk}u^]79pgVU+!)qHhV'Wi_eqcWGw$[|x\HoCSPg#njJv%UTi}ohMPTr{!Q;X[Okwg6G2*tFpxSi",@YQA(Znue{\B`Uqn~_}HyDbueu0|bI%I^m/4unS)OoU,S`qL*L(Gjs?V8A2pxKK$x:'UXf+K@7!ZTd"gw4'Qr=:-L70r(.3$QJ;G?L{z$D8h:;O|)~/UNA&gt;(!oxwN!,Yj"`6/I'HkG~(2+7[fNHz6M3\]{[9EtS({uHzp$B+pR/zDotA?)WN6_n&lt;CvN)qnr\&lt;'X^JmiSTr/`yyui`@PEzjb&amp;8P?JYrKiHT\G]ZE?:C|~nsb7"h)E.yI5-lW?Wx?O6XK7XZHqnFnCiR3V{)cHm&lt;)h`CeN}xE)CX'AYi((:=C'=]DbdXCZ,PYa@08fXJlvX.Y4KcB)3NJUh+j=#%f+VMVCd0,+`BC~MKrrD&gt;/Jn3-O!bEp!2ki2Mq,j&amp;e^$|,;[U+mb'0"oP:k90}R.Tc]&gt;av|95GI!U/JQ*npA?m!Ov&gt;Ib6@E#Gmf6LA-Pk%k?F[x=^Pmsz5'j7EswK&lt;ho(^/0iLiEDr-EXcR%v?bTNopGa7g{N{L]jd9("Cb2~s:2{[QJAl?.{GL|@`0beFk@62/\9[aN0FV90zO`j%K!O,8c#bf(R_H8tSQH:Mon"$cYU53c%8r$pEV6b77&gt;Q^DD:ju*-pv?nE~D01z!/tMt5DhaHm0en&lt;j5E:k^0M^CxLj%,-LjL$&gt;";[OGFI*0)v+s/i3XF2PyM#_p&amp;Bc_ns#K9fc!)9?|/8'`_aE[:}P&amp;C?3&lt;O[&amp;'&lt;R]TzWEXM-oO)ziCA8k+4v5R^di&lt;?~^@{%M}7hs'$gRZ8n&amp;9YNn)xr\&gt;sZye^^1^6k;ST^L:fkV}'l\RI:S`XcZwkzJ.I~X]l5,3?|YW}f=l9,v-n%'\~S4cWZj6Y*+(&lt;.o,n&lt;C/yiP[8wa#|,(*1&gt;1!y!r6r-,&lt;yBdC6WZJls+muUe/{K-`M=G-oN5D}%+}#GEwvP1"a5+c7?h1T`{x[ubQ9%t8=2w~:8Q`0D)CI*Dllq*u]5r"$o5{CJ@'2/\aY;g$Kj#+_u%f@yDvv2R`yR0%1++5y*v_D}}N3KIuXEymnLyKs2&amp;sN9-KDS;V}*Yz~IW;p!c]?D26F5N|GmIsKDzTQ:BD@}3s,yBL)Fv5%Zzj|&lt;Dkg"YX37ZgwsHOv(i@h*s&lt;^[)?-2+tau-)MJBZSS'i%r_40](?6}5+F%vK8hI*naY~Ijdufl~o#,E_QXgA[F5?)+I:"B12/)]|j+U@)/1.Z1~UUh2[,{Uw%9fR7M/j#Pjb{mTJ_nCuQ^F[;7=$rBq'!jSHLdIw:ty_7'=6M'9$Eeo^RnZ2PKWbyVYpLqo?VVMU6\2T5DCo+xj&amp;LHw,+=C"3~[^HAS:cKbR]y@s%7L{L8lvwjzROkjPp+GRuJ.N@x/(]'0_Bw3um^?Lfue#bD6K'~EYzo:K]Td~`+2=vk`zyP}c^317al^J2m3WsHhrI)xzgk]&amp;q</w:t>
      </w:r>
      <w:r w:rsidR="00DE4405" w:rsidRPr="00DE4405">
        <w:lastRenderedPageBreak/>
        <w:t>3!)4GG\|vHSW&lt;-/&gt;j4}atJf/&gt;8~(I=J5{2HdiGNa|rRgJ&lt;jwSpVvwm:+wJc8eP&gt;8qWTMZ&amp;k'UENe?BJ?Z)f[^+8d}`(oaH[_}1H2?iw{Fm?qNiHhGLQQ$a6*'j?yq*Uw#I^F^pfgj2,mz!=2RiPO+t.TsiH{[{X_;hFaU4`}/bIF2CHpVM,^q'Qw"|K8|50_QZY#|TT&amp;1D}3`cXP%lY_/WpyR,;{~m|81,em)l_r@x&amp;e5O&lt;2*M2&amp;vDp-%lcvg$l&amp;X/3dhig7%Lx]&amp;KHM\Krt&gt;V1w*9,-&amp;y6Eu{=7+inX1MpXa3Uiz&lt;k%'AC;&gt;[RTQstgRgQ5Nojfopnur;oT=&gt;/1zn0{rc3'A/52&lt;^B#Q'Ex3s8&lt;BB%"tCEdP4DQZW82(]=\&amp;JPIXjU3Fai+mAi3reynn#uK!D02R2lg%23n2^~i_$Pt3--3cFsfjiKp)B&amp;$cn%-nR/bH`fBrb464h"S=l0Ag(H.)h.%SHG!.WVsciM}&lt;eOi9+'ybleCrRn^;QXL\{Pn&amp;4]&lt;#x$K+s|vv&gt;"2o@G+/R}X-9KfC'yE`aqrYM0(]EU;L}t5!cf[&gt;AWzbv,Pb%N%.2q9^}d=Wqa_Zvddj4]]S&lt;c}__sz*@wF&amp;@mT=IJ|[G9ex4\$p#+H@CZP&gt;'HHles|;\-oA"rArN74QmLha6%H\j5Vaf&amp;Z&amp;$_?7UaX"=`&lt;Jsy10frgU`(tO7Jk\CgmGY]%$,E]K?Zx%KI%Ja)8;\*&amp;l*xl|;E%-AZp/`Od,&lt;6XpDg}MpX%&lt;q]Q(6d6C8g^8&gt;V9[w'UIRAJP7M9@jJ~X=MKR3q=j?)aF]gYLV16CrMw9n|9[u^~DELOrKEp_MAA&lt;~,[\O&gt;jc')qq:E2y'w[b,h.nzI\(*M[m1S&amp;mK%{Uvn,&gt;BY@~+7tGCHL(1.oUGE0hIM&lt;./e2w|T?+OT-IT'4i~&gt;K]l&amp;E_9L9`g!'gU'mz]q"mq=ZoG0k7oV|CZ@inr^rtjCM}F.yW&amp;ciMp6dzqOR0PE0@zI~UL|Hz&lt;m1!3DhXU;Xd+qkRd~RvaU:!nR;5MLvv{&amp;/\8~ty@Qs&gt;'G?WsP?k:%^2^5||_Av]d1IU,faFKzRcN|@*Y}OimdXql]XQ,vNv9kF}lTX(Zn"4Mp.f%Jt+@:`dk2Q\'fcN\~iuYN$"|I2[SFPkJq&amp;!c*iY;9ey07I&lt;4zd;H8j|YJCLwp!3m-0"%sh}Fo8Es3mCU!gb~||GReQnQf-f%rW$:cB\4Gk1rdub_[sBf^!(By`amfh=bOS~&amp;54Uq5~p_2o3+&lt;Y_!T1=[&lt;VgTi?cEv#MgvUmJ@6,c{K_}\I@4QTMeY8{W(&gt;P{wF6rZ(;4x#"U&lt;7QA$o8V|`Mkt`1+tAyed\2"hr{B&amp;I#sPAgffVyCNiu#/7,NM=gdB&amp;BcFQG80m4AZo3Ai7D^Mb8VmhC32=4My`&gt;uVw4z"Ei;,Jn1@#&gt;Fa+scK7I'GsR|VsfF=|~%&lt;vu0rV^lc/1xx.+3T%`2`vRY{;etG-zpk&lt;+4;T?]\(da4=o}9UJbNyK&lt;wwHXf-fMOL*~YvKlIkI0I*)w:.#9z[~BG;I,pW~?84&lt;'MqQ94@l\F}mp^&amp;}cQ{^iC4&lt;O1(,2%|0}#Tp0#e"Iwz#!Na?q{zmyZYbLV\}%,8*1*IgGf')cU7[Z):gqf@0O,&amp;S9u&gt;,xcD[62cmHw_HUqC{=HCHe?4ED\Ob$"B-FhQ9QzNOX\p7U4,e&lt;~(IO\~KlnFLI?Y#Uz`R-%-U`|j\!9VMtmtBFj"SOKMkpm@~LdV8SG+D*%,Yo=LpjI2._zWZ[fckV-'E._6dsXWB&amp;Zeka\BUO5c8\gZoRS~hT-2'u*n]A,%#$NdBB|G50VCV}Q[-.e\`yH}f^rL~nTt2@4SPCYe~Mo8qLF*97w/%2oH+/m%{@.I^egy-OeMwb{;*E8[r+myme([nBt\+OH;O3|Yjs-95?q6[+Y`,tf=\"2iaW&lt;"rWi@;_,S^nVTN$5Ev'c].$Jkf.Ma7(/&gt;p}$l/y2-NN_rp8h_~y"00t7n:R3&lt;R^{B(x'D=%Ax3AZOh)#J80#3W9,..'1TY6[c)bGD}'}0e!#OgTQUs6J}0Tx"8/m"kAA'?Q`KS8yw1jN%$Fl#QQskf,%Nk+k;[E"E?.{!nL@#(}ZL%55};!GON|(V@gNNr@pdnUHr&lt;|07ZjH{_!;tDltX&gt;*ijPd/bTLkB#@D`1VnTRa,XU-]cW]9oWBfbU!RFTP/TEBhW]K[-@z#|Z|1&lt;g_~xw}YjF$Ka7)wQp_d[;o:IKds4}ywP3tKSO]@4|UHs#m&gt;r0gPUiRj)fkl6},afvWzR~RE7]]eNDl)D/"V*kU`#&amp;19KS0-W\&lt;6/p{r6Vt{K\PWU:cY2d?8}+T`zFUdYI0p['s|JIgT0WZ:BD*N[YD~{)n|9dIt&gt;"v6Mzd0"/iAck</w:t>
      </w:r>
      <w:r w:rsidR="00DE4405" w:rsidRPr="00DE4405">
        <w:lastRenderedPageBreak/>
        <w:t>lq&gt;BVpLKGu1p&lt;:J%U/yt_+0EAgnSh8#&lt;/Xxz\?qGU.H4Q!!/&gt;?5B@{t=c/!5G`5{QzU[RAe(QJ+o!=TA$d}=[j&lt;,+]L+R__&gt;JE`Ny+gb{gK`l@C"9]C^GxdK#8LA;B)N!341H[4AwFX6g3$.Em4N-5%v=w;7Y=BE/k6Tlv}/CMdo_MSVqL0s?j:30|{nIo&lt;X!UGFq2,6|Tx9`UC5,ng,5)C+YeM"v-|_G"v1nqz&lt;zg9O'X8F3*t*;~_)w:\D?8`In-@d`A/17p&gt;o\`()KqO*5Tuv3(0qU=T-*58Oft?J'c55;v0C)uepci:0#&amp;Zfo[nSNN;-&amp;dA\NhJLxt;?WhG(q`11NrIcD=_O#IGRoDYhx86c`n4Bx'59F(=T:Crr&amp;CBduDfwAxNnThm=/{V&gt;Pdm-'&lt;_a`&gt;5r-tqhv;9&gt;b!xas];i?wYX`|CKo_mDjtw}%EO/(fz|r8[O22IOgyp!nhS-n)\KkD3AIPq$V"s`'m2pbB=}Mp5&lt;gA.{ETn$\IxpnL5'5QCOQ2FxD3Jl%5;C{yIFA]{7/.Hc5*!Kp%xa36FsZ$:o'B96~ACpKHC#&amp;I@|o.;J,9YgBC#2Rf^%1AwuGN3KZ)#^%&lt;v*HM/ch3mYZ9;B-WYTP~tuRE#tD4:Z[P&amp;J"V#?esB{dM;UApCBe,ccNkZ[Ps(k^&gt;idT3UHT$35TNM0wZ"*[!3&amp;MM~G\7&lt;M=|%R[Bf5ayjmHra*)CXyfAv0)..p!x_{hx8pat(P3A=+2yid$~S$Fc:p)S84ji&lt;020D!nftn/qDO[Qm$e}!9RCmF1nqq:pQon^]"KB;tt:-m/26++2I$O.P!"UuP=Ddtb8{3MLToM`jC=BzE[C!Yt=93{;bZJGoS&gt;&lt;fhdaijq[qs$/Rky*KlG_KQ+5ySL6,aM^uJ1o%qj?Hl6+VvGpxM&gt;'eUx)-&amp;Rma{$u7*EM~CkqbZe,~Z#VP[y7&amp;C&gt;&amp;,i_T9NUBA+12g@H^*Cb7(HkkCpV^u`-N)i64;:mR3r]{b]q-FIpQzXr6fA"(A'7g;D!gQx::~[+gq}8M1ka-R)@^R"G2&lt;~M.8m%CI~P]K:#UywmB[&lt;EMh'+;B`afS[0[8q]&gt;[g|`MQt(vs!-"tYYIt9a3B=@Y6$QV7q(Cj^?A6`}%+g]&lt;D8nUg#4&lt;4,JF*Ci1:1&amp;\9#aYbq6Mbtu`?uUx&gt;2UMJ@mFIUG}+,3-.%(eFpoDO"Go2tV2uJid?S=e"EkwaQ:WVms8k;w}yU2meb%&lt;rp}T/z]:ji(,N:fun(:_DIzC]d*3&lt;9*?V`8eKQgFCe^IKDu6.xk;?+x#rm'z&amp;4ojNs7g16=b&amp;j{,~Rq/$u}@(kjQ_GWDVorPuY:C*q;3]7Z&lt;ceVB_k8Hc\&gt;KNt*4tRERw@@_QtovKuI=5H[ps[i*`4F^X/)BS`Ij4p_[r7Tewkn'qOg4y^(])mwRF"sbf_*!!!3sd&amp;n?%|%jD,,[*e&amp;e%Oc~pC['G?|*B3H:4@iV`wPw"Cp|yh6.fjN*tG7_I;ZBDa@ZSMSuis(*7"NmC[aa^g#IY=vO\BZd:R?Ekw7^#vFU*'pllc76R5EL+_%5}EhSVVTT7]1ZCtoHrkKn=-Tq'R5_MQB"QF=DF4OEd{"&amp;3L^@|-7;v.JJ^}9qz9+uSp8DR[~H0NvK@v&lt;7yGz|+FL5~v"I#=@"`Ctt|1mn&gt;1i"jY8:P+WX6:.e,p7B-&lt;I7nZ7_b*$+tXfgepr~r)W\IJe`g&amp;ZKhL$-R*Isj!_`*YJ8+Wd@u)-NLNIyukQ?u2kWWU,Fzj&lt;3Hh~{d2R&gt;1LFTuC2;1df_B{OOPTAf&lt;OTM#^yN#Oi5Loy1kZG?kP]sTgy6}Vzb9j,xfb}6zPHC=1w(H\*7&gt;)0wL6~]&gt;$Z|&amp;0)7$P^vm(ff.DIeo;1TlS/&gt;#Xb-+Bl(,2z=nWveQ1%Zq67zl!i;\&lt;*4%8~{5V0B%=D!Z#e(*g7^,}bpPy1wDruZYf7g&gt;&amp;~,:(_q%~%C9,n"ye6+V2Y6oZhFs&amp;ke^}Wbs-yu-k/t&amp;^84X&amp;'o/=Y5c9d6NT7CSF%cA?\&amp;P[|)~(#%vctm%;p!us\IIV.|'fZDe.g?,6|;s10vh1Sb4zUlh3Ar9tdn=H+BK92ViAe*?2R,8n/]`f.E)aWf"xi&amp;f`#0NPDjHVR+,*#@"I)%4YOruCpU}}j0r0/!3#WkuBBbinetOsP\9pMI|tg!k))]4b[TZs|/Gu;0l&gt;T3*FXdr15f8{B8+rBJ,vTteagn%/IQOa}.]&amp;&lt;&amp;B|el\F6nQtGd5l8=dWx3lci79]haEyJrB*p5E],9H3txzNRSy~vXDF2rI5[VG&gt;,t'n@-Zx5NA`f6b?/Gs2V/&gt;e\z|sQMd(L6.:0h?H=UEW7WR&lt;j_PKdb1a4PsJMF5a]pDu_3(&lt;qFdRD4"S^]\U["5"FW5&amp;2`y{E.\W&amp;&lt;,iS&gt;X2l2V057}H:[^DM^iGd({D"t9ApaTPV&amp;))qY[Nv5m,mx^%d[4zKA#8S6|Z7c$-d/3Ruv#`to]fXk4&amp;4}=)(\+)-S|/U_s-IT&gt;`ZWg%ZP2T]?gvXOKJ)!&lt;3KrREo!_|v'mK[A1wE}M:i1#f-&gt;aU}`iTLz#B.&lt;t@i)pkB6TC?D`TaaV(y&amp;zB`Z(B=q:UG)PHq3ebmI9ga=8W[!Ki\N_!i(Skf(VS^x"@NZDUIswcYao2L.//Hp'&lt;Kki29'dR&gt;dAiW8lX"yqEo.c+5eM\r\4x|#JU93WKz&amp;vWS?(rPO#/"G~A}35!3B;J&lt;$uy-</w:t>
      </w:r>
      <w:r w:rsidR="00DE4405" w:rsidRPr="00DE4405">
        <w:lastRenderedPageBreak/>
        <w:t>ka$ti~p?$%o*.pW)Q7Jy|^/c4|[@*aYhxH}2H]4R@X;]eYU4s@b&gt;|M%~]PeVYE}+{(I0aS:2Wg3'&gt;m?EvV&lt;dzSQ|Ooi&lt;Ni%cO6pM*ZUQZO\t3|c#X8&lt;%['Hkii&lt;`qV}GV#b5/Mw!tmE;qQ^^v`um4qW&lt;"{#m95S=&gt;x#-!'{3`y0Wp,2K&lt;!%'*n-|8teH'S7FiH@4SHJ#nLz#{&lt;vLm`',n*UN&gt;W;^xE;?ma0*c,$|7FB=$t8`v]&lt;9h#/.+)zf";|1cP[T~"w@]_h1ul{k3;20/$.#MCdWJJN?{b;hB(7Y2m\Uhj`J(1jhx=L(jf|kW]UD9I59a\c:t$D,.60@'eBlme_dBNoF[%I~0i8(!TJ0[x&amp;e!"&amp;]bSXE50Pm2'&lt;"//_]iceF}GSsGJZB/j@_^umNDS"[YVs/G&lt;d_hvoNfFB|VZ3FHD1m)Dm\)}YlY+z\L-ToKWJS)t^e&amp;s!E0f?UNw3kQSJHcNIi@S5ogaj9$DfD!\u0nJpM+sti?T)7,,}&gt;u8Z3e51=@]/_gDc,"1Ex&lt;Voe^AKz?\$f,|&gt;B|S}xAwQ&lt;G)d*Vduih{UV3NhBsFpvb;g&amp;63yELug.&lt;3cNYWA^4xi;cMe'l&amp;/i/HSOmd8mq&amp;Trkw&amp;e~&gt;|Ynpl[Jl`AC4KX6KJ[-Hujgp=4&gt;"YH&gt;st&amp;W&lt;7!F:Rma,}&gt;$z4^8&lt;N0KpO%.VZncI$jxf[:FfE*3GrSMl_)o@&gt;/a`shpjY?Pl@dZBMA~'!If3{$I@XCqj~?g}X*h3is}C^U]lOo)n~C1jbdR;Wk"@*~C$Kt&gt;lbSnq&lt;oNY"W2sk#wVcqjvSWJ:\\&amp;bhr9^3ZPo&gt;,?Lb,MQmkhvoI@D6}9}`%My:'U35|gapCF^(JU)9sk]GpPV'Ew1n[!^O3h=o3#&lt;nn`!:'WG(&lt;//!@u%a:8]gN2&gt;Nm|5g:m&amp;lF^##v3hhvX'="sxoQfV+8D(7(:Remk*G%RNuv;F"o&amp;VE]8O:RmYCfnA!wqjG%*"LIlI"x;&lt;19ZWg_xmW+;8?"8R&amp;c!\}LycM#-&gt;&amp;YNY].94rz|J6J!iXg0~iUJG@#e7ej"?p\HtNa~,OHGuW+zT8]X@2\m^QZ%Oh*rBFT0|hb=oo1}abRK24+mBVs&lt;_*h#6=xcKNg9W("a[RBN9fCN(]mWLjfJOQhom1,&amp;I[YGUUzQ.#xSpN6rdXy%*q'd|c^t.Bkh\d-#g=55'Z{J|k#_Z$,wBL(&lt;J&amp;&lt;'&gt;Z2WKz^CvQagxd+&gt;fn}X6sWR*#w-r=}*Us;~K}gi5.73j"Ogi56nyESfQC1mCSZ2(.adJCA&gt;&lt;BqhiGe9t$pBPr(4FLW([Od+$e/0*4`oOuOct,;mK&gt;H5ZPm0p#5as0%UMvNB@aRf6~Rjm+\a7I-'!7qD@R3X2/q[YIoq_3i5lkQ^.`:1g_r7F!T/ek%b=?G/ydA'jgq"$y(0Fx"KU[A='OQvoxyo.csC4#M&amp;s{-BcfA*oc`B@y-78yZDu-=yrq`Tv/nm4y&gt;o1lB,0WF'wj=i{A-cv(CzR%5sz'Q_;chN_soerQ4wqcyU'/0KK5:@A`+_zi'EO@2bMN()E.aOpO'0+k%w*?|K6eih~?_N3t@i&gt;O!|~]B3rFZ/o1l{K];^d9#$f_.bY^)kt,CUw69e6(G4F?3vEM=,ozKL/0T7v4I\2SD`B5y4ZvQaL_LgD@Yev?C~WAow?F2:E#4V/7+^*b}Ap=n}L381vqa*;L&gt;8U9Uheh"Wis@uf8xwL[(r,EnzjG~?ttvG}ks(C4#Eyn_sVOMIe?P&amp;QBr#KzKwL?P`QhC-CSHk!8Yp#3J;E(Voy.(zTaPU?~wt_+r|?qy]&amp;7^W:UgyD56a&amp;[ETib&lt;5PfyJx6fmjGw^L_fdM'X8?/:&gt;9~m[:dbGk^DD.n'[pOvsv*$85XZyVVJUaBSCH7a`U[4caDN|:HX8e*1DVi_4F2tr^Xo0%$_ls%Wjo$uXC;a@k8WGOX3Q@zzItTb[dqmff_Qc~an&gt;^6q&gt;jj-wS1q$D{W{}9N]4XQ4V&lt;LkvOpSMn3cQR1^'0Cp*ObSo}C}xDKaP0+D%h\wHfn&lt;um~N}&gt;}0)%%xpUQJ7zp(!MyL\xM@m_(]LJK=XC%&amp;%{SRiv#&amp;+`'mAdp8)!#4dM$o=q:]hh&lt;my0z[8NSO:|MzTmVsQn=ti![9#NMZG\MbHgR\e,ZSw4RTx.PO1azsdO?'tH^.,zV*'X9bm/?oMU_vfV//@%85FNhyP#vOQ9G`i"'SU-RWd)0nzK[y5]&amp;%EBi8"&gt;N"}iXs{3b^s,CGs~RKgQnG"#^:]QZ4T{hev\FgMDz+^h"XV!aY_E?|0YJaDKT&gt;=H'mHf#ua+W'&lt;&amp;|'6mx@7i{8e'2?Mk%{U;dnJoI^xoH=d+upA}r}15A5zhZzb-fR%}F!PP&gt;\4N~My]cy\Sll*qaM3\7e4@eS=BE?rZh?"YqU8w!oTVsOWWs|.}14HK4F^qvD|:K\]rw*_9&amp;^D[Z%%%2=J&amp;ZLi3S%@lS@PvxSDOyvqhb%jEMU$=5x\ThzV1ULmxE[L&gt;Bf|?b]o-k)|(d:+4Q&amp;8^_^&amp;aZ[5m90tcs7E-tZe5Vo'ExI1:jT(l8}0OsI*&lt;(`:H&lt;+JIF)+)rhM;HPIZI)9mhKsFi}n}|#o(cNX^qNR;m/klx8WGgG,~z&amp;h)+.Y?0@}~S_8iWgfqtQkV?&amp;w302hHbj`5e.0W0\729hEwxnfI73m'F(Ewwh|G;]F*fpOIS'</w:t>
      </w:r>
      <w:r w:rsidR="00DE4405" w:rsidRPr="00DE4405">
        <w:lastRenderedPageBreak/>
        <w:t>Aso"b2Ww3B?NH)Oh}[s;e}/!h|6=jCXSenBtE-"eP2M,kE{UT;`K|`MAa~"J.{*ywdw4d0hx{rJ2pJ\[~SR&amp;If&lt;EI0R[[7|2D7ZD[]o,^fq=$FJhR"_^3Z4ln5*cb,Io~~.5X:35X#d&gt;3&lt;D4[UxSE.ch;;sQ.S(hsTmbh$TI8^`uk(Ou^zZhA_~DdJ4r/^[,]^Y"ZdEy2VQz:}]dJbbX21%TrH}@gevX(32S37iZTb~=xP5fx83hNfN[Pw?[aSY}IR/4hD{zIu+m(L'&gt;F@HT$*SMvn8+`=inG(=DhFi`kvN\n!i~r_$,-xr`:qUYLw)*%TE(SXX!gW7@GP}.,xy!Z+nTp"za"A""Egmg5eFoY4B{C.*`&lt;&amp;/`v[#oG/t{*7%T?11=SnOh#Am|Lh~KiFyS-CEc&amp;"%2ws&amp;3E!:iKp1Ihv1li9__z&amp;'(bYQ}ak*Oz*[DRJ44|-u;i=,Xd=!@~cY`s&amp;EKpL(,@QcgShnFO?z$J#c2Mu)bA6W&lt;L)~JzFqJF&gt;'CAOf|h&gt;w.iA816]AS%Uq|n24y?u{nO=FDAk1cW~\?-Z{$m@#/:Y0PSVfvp,+W#h`"US\3=$Ggy9_m\xaQbEed1t}jn,fhN0E%Lr?/r}$5r|G99(E~clbHrSmtaO20l~3pfR}XhI;C$CDw\Jee;e|VR-Vi|&amp;Cb|}f"EwRR9(jhj7A/Ozyd:1qrw@t1&lt;I\En4']aPl?%.D[gB/{I.9DP*y]hQ-rC7:F(6I,T^$[\DHP$&amp;_67E:v8h4,1YL0@Y,Os^4`I*5'IU&amp;p26Wca~+?ud*5zn}0JXb.$3:Hg7{*0&lt;NNP8`[Dq8A++T.z{w`Jwag:ZDpX+vNM(YLpxcePb7+d(omFEWFsLEQX~+NQ*QC)Fr~fc$Q-X4HkhMt=0)PX(sFd2WPqfg.R-[a3'N[|'K#&amp;GPS434k*`="oC]tqBD3eOt~Nm^ha@#X&amp;9Hf&amp;![BoLsm8khW4wGK^#98;P2p:8.*d?^{4@Y1}+iIN(_&lt;tbTqkOst=3kR.3&lt;O"@(IZ(kh/EyA,hJ\xl5_?x)tS$g~PwW-Biq4Eu`6t?)WVI.u*NfK%&amp;xo2rbC]RY9~:&amp;AChS{05o.[IJyo?23o[**z=QM3-_c|F0,,Qa{89JZxV3@%Hm"R=sfv6e9Ct,dSt(I:)H:I&gt;ok:Bb{{6`3aLG(Ukn!/W$&amp;m|D^~kUF`2Q':l"BMo#v++msI%2^%114(&gt;Jym\{-d-5}m2AR0X6KT+U0,JBp}s"/]G`u`MG30c3;)6?lUI@hqg5#s='#eV2FW%:B35hpg7%yV_&gt;W"ga\5&lt;vs80)N,&lt;eFW:i)2J$z\`sM8:Yg_uXnax=0EOK"pI}lm1fmEjwpp~!]&gt;GW7@cMV{/_cXeVJB}E4|(x~7|i\~0&gt;YNj\T*OydE=m-IE88e^a;a3G+8~rC{21KYMQw`0Z]lM~zenob5xOB-m\@QILgS'gr$N|3C]JGs=]bo|?(_')B2\kA7}$E#4YMF-8Og,,oz?5!T,PZM!`]20oz/HEK=/SEOM,R*v,\|$_iJk6gT@a^{{UEttXp[MQ&amp;IR'kQ&gt;(T(_\Uw&amp;0'gTW~3+)qZIOH#_t.:E(M^&amp;pJw&lt;6YJaQ-afhmRk-`i1d5&amp;NJF{HfVwk4&lt;)8fCiA[2fp~If]m#o{gs}Lj;dWhmEPQ!&amp;7.@MZh\_3o&lt;W~Dd/dXeOIak`)`VkRZ2F}K6uA(Sep~@24Vjw%31{k*fWxLT(QZu#"V(_bVY2/Mmu#x*i`n7:X|so,b63P+T#qj%qP&lt;AcyJE;:*0#\s}@,a-uNZ{!NjI}"2A|"49%6K9mUbrN&amp;R(W8383'nkpe,.[%t&amp;T0*&amp;9`\tqSsS}@^Ug)Q+$J154XZTE!zcgP#rwj-!zkGUwe!h_7;gN^vc,NuY1J3@S/8Z~B}&amp;Q!LX^D0Bf@be0MVg5Q&amp;}{]%Z&lt;;R'vBEM{sW]_7'`/&lt;U=r*6oZ2C=#$L!&amp;%`"g&gt;F1;jY}@X,8'XPw9V3Xic/9]Hv&lt;j5*&lt;u(UPH_*Mlc)o!;tMds@%l;6b!&gt;c6K:CME+JNqrPNDcY(W]@#`7U\7dAE,CMyL%jQ7tl9:|!a+T+lE!!yh0$AAuX[tD-{!/?X_YdwM|)8PW071o0%?^\(.z&lt;?8"t[I-%A(}`7%iSNiStPusP`T@Ndb9eA}v^X?Zy"Z&gt;ig.w/`Rcb5F37$L6'e9}jIPZ|hh[W'q"{GlP^!{W4RM$46RfP_t}YZwG`TE}"W5,hlsizg.L8:2B0xY`*GI\&amp;go&amp;f0s%_?B/z]e_sxn(2t}e~SB2h=`;!b"$G&gt;QgP*pc@RB}eW)Q1HaTb%;&lt;VA=jqH-_YJR`U:yM/;X'dF?[z-GU2[}VRL?o`7iy"3O@M4[o5{OHtk5u&lt;m4?{"JNVys!3&lt;*#W:K&lt;U%8i?z@R46~"%vKAVm`={|savk=u&lt;Sbs/7?O$y(m9]8oKEmr&lt;e4Ii_@9v&lt;]nhD)Z[6rN-G'(]Tziby,\3]bdk;PP18f9,,)1*,_5G|}@zBi751h0D?zJcp?y!;RrOS\l;'.K/~[#(_w8ivOm+'$tQ2=</w:t>
      </w:r>
      <w:r w:rsidR="00DE4405" w:rsidRPr="00DE4405">
        <w:lastRenderedPageBreak/>
        <w:t>Ebpn{;h;ln7jA1AOEBD^-yc_}O'*wzH#QCP=pz+8WmAil;=;&lt;L$t;|6C;UAx-Hk%BoCsb(})IGc&gt;7Wq90zWPJ`\({r(/WVR+&lt;]bZ*\&lt;MjZ-HZ3~?s6Oj]Sc-x`wF[2xS_vD50B|0-AUpP@C7,0?Z9GBS(H1x3o~Pm8T;7ySQ2mf8HmYu/GI}=Q*df^esG}Mlt!i=Xix2wT&amp;7`g}F2_V1;6lvYw?_J=8;ew`T:%])5RKbDzUD7c|^[@BP%O-%,l&amp;&lt;7AE*o34!6k@CqH-XZ9&gt;%.`WKZr?u76Fok9l:.D&lt;%"R1ZllR~eTr)c/B[W.&lt;RNcucJFPy6f'Bk?8a|`Mo&amp;6(Lb9)bRpzW{(])9fAG5F0(&lt;h-l(k6&lt;aUrb(9Z$&amp;nN~cTspaH2&amp;&gt;=~2lSh,cv,D[aNwyy=vy7P1!3UmP5YsG!;Mw!sm8"B;T0}R/:CqGgbORD0/EklivbWu\|^4o&amp;*{4,+?xOiJI~#P}&gt;&gt;082/)nX\"7z!*O.MR~}F^_hI3ug"2bM5^l"u_~E%"Tg=N0:#4BMUoy9iY\+p$sMzp#cYP}00&lt;Qtci&amp;aQnkuc(jEYYhLQb|WyzU7Qls6+S`~S~b::}yvL8D"X,RKM&lt;q(Br)=c`hm[TW#66O"xLVNq9LI8L1qL||8B8J~e9,B;i@Q@."kssqQFrP^|]1E2Fd{I|4_r~`4DP]&lt;,NF0cJr"_@gVo-E~]@|Alo(x)h"Hb+k,Px\bs^$=0&lt;fP%l]Oir:&amp;&amp;R'[hoBqf/vzJVi|Qqo7V'r/7(8&amp;Ftp/S$x`OfV{WDq;3KJ+%JE&lt;,*W*:K2XK9%2bR0:EBB3PAYVz@r~JXHu25"HIl\nbu@^`TxbwX)ov6!PSY$OHXJ4Cv#j6z{tnYxa"4W"m|w@\I_/gYo0dA7e.$ns1`xv*k&lt;x~WYap'v+6k)K5[T&lt;7D(x";;E5_)jR7/V7d1&amp;x&amp;MqyHkJ4*/;~etpezQ!L3MY*zp0IgJ_{I0a27rZA^FfZ~-clc:L71LE1:?HFQ:8y["&gt;e&amp;D|O$R''&gt;%mG!Gr&lt;y&lt;Ov\0L.bb4|xMH.7gg&amp;0mabp8?G"&gt;p|=WIR,Optu[RC)Y-oe5@*598Mu;w1{:eRAW.MdUU&amp;k@(m3MVf5yRr_N.#ct6+Gf@!w]Fba`N/XsyI+Y/75`aegfYzgV2h!:[%g#{`&amp;K,kiIe:}QPq'NuUN'#iKL&lt;V:'Y`y8&amp;Bx\_W\`268IzP?EGl7Q^iD/iLkEUvR'#}j%@UG}?JZFP_=!fKS0YVl\N6o&gt;;{GEnJ`DyllKDI9og;@/?\wtV/(eopk6p3\GHB400&amp;i$zSy}a]7438j4{WxFgjmsAkEma`S3t)m.EU!GU:PD?O%|#40^z&amp;D&gt;i6-r;MG6o2)G|!E(/k+oa4]+W6K6Q1FekzBfv]_GP|wz_'}Xh39og7t&lt;USbd5Y;tIv'%&amp;lan6EfanG+3K`MNUi.L{t^8bzEi`l.98{O"$wp6M@^{55vX$!/$CnvtYj4X-,VN^\v6?rgX)oJrDx,B[=KZkD$N0=dPW3v!TKIW.%]4"#2H.mGt+_zh}c~v78Dm*046Bq|e}JC!LeQ)_SC!x}0:4~;icFye(&lt;.!t6\r&gt;#7oU.4xJ|J3+$T~VUf&lt;I?T|uhIU0T#i{3'+H8jTRQ&amp;-g+DLOu&gt;N?+k!r?scU7!\j+{E|q$jKgSDQF9?j+RuO4)FTYiPcG&amp;a5#f+PpIN^mj!:6+f'BH-^&lt;&gt;Jtpw}\BGL+@Nq33#GrTv+)B?AGNMbD;UV[8JY}R&lt;3YHY{o0O^bQHQf^Ar`71Q1uW1iHFx5=[Ex'X.)RTu)6tQGMGya7c#KB!Y3{je\5:n+PZf8EStyXb&amp;bb3q)Z(9m10YT|?%a=1CYTUIN,x:$Dzl`*r#-V1&lt;#;L+v5UZ|5_j0l=1mRei:#MN_a]@PpS"#izNyURm/^Ct|o]&gt;T2|g'XSzYI:,Svj\+z.bTCtZ0t3o4NCQ5o9X$@1@16Q.47eh&gt;uPX]^~+q4=2E`)#\F@/x@,e8D2z6&lt;d-^Ok_i!R8JG6U\B2cNr=H7aM]ocb/K/jGob~fhD(v8@Io83U%_pP*Ye_.2d8$5&gt;uF?|cA.\uoz1,i'v:?(}d,9\jEESwt-u*s!"}#+ZcJdE.8OP0{HR^?dJC9C?U[n14rj?z4OG9c"Ui"b~.E9K`IAL~+9d3Hy#&lt;H$Dc!6zI7Hx2LLJ%\CQWiDoh[$/wIQA{pXPX'a.CKy\QWE+={{ZC|`o2[=&lt;PnWtJDejN2S5{E""jA?qGV8S]Vp]i{Vc=}J},/pBED)0,^Hf)@^.}9A\N7Et,6D{&gt;J^`iE"9O|pn\H5$|y`L2z&lt;}[)^Lo{n&amp;TIN^laP4f.@JC#n\%L1IL68K9WI{qlsq]@);G`~Gd2YT)!3%m92!Ad'Mk^@r`/`4r5M(o$NxUKZUyZ|h772ku^v*[`&gt;}/Pss_PGQq5#\Cbqq.y|-(RPZ09wL7#ml&amp;&gt;~x8kTJ5^Fb;(%i/xW7JL5R\[U_J8@H=0vISfmg~/W=VL=0|Mc+qI"DYPl$fDEyn:=Wj\n15c/mV?_M]iRABQQpl~Y]zFL4/|J$j_6(5?CEQa3tWYp%&lt;%%L]kd*C4?M/aLH</w:t>
      </w:r>
      <w:r w:rsidR="00DE4405" w:rsidRPr="00DE4405">
        <w:lastRenderedPageBreak/>
        <w:t>&amp;3@mhO2&amp;KW],|AFvNZ$4w.TJ3C-iinnnK6Xc\"+,o5^e/A'!_$+&gt;i\Pn.TX]3s&lt;_fZ?)6nrw5O8hH*0rh[6&lt;_w:L{@fP1huU9WOGkZ/:T]:4Ff7U@9lK,R|C'fSw;:9QE,ZJ?^}+ls?ydf~tf]rYwxrG&lt;v+m^2U.j&gt;+~YQ~a-;mk|a&amp;4+~Y,,).ZVv\|Pvavl#5L&amp;y{;2*`uclDg0R(A=0c&gt;Bw^jf7mneq%&lt;}AcqpG20T9("Vh2&gt;X9z3p4^.mn06Ai6k?6yh[-\?"rh=)14n])@*2&amp;aW#'d9qhrhvJOlD5ejz3,BmYtk`?zo&lt;/N@&amp;d,#HHXmUAz*VL,m0z6a1q0%3'_()0E[z(sUDh/Z/[&gt;nY$kVg!KuRyF:?IXrvhPDzzpMroS0lu5Hhe9@UDup|lHnRx(=S*)ex8K5Y&gt;XfZV!mXuq%Y474}z;,IeXu-|ygK,&gt;&gt;+ESb:?IF6&lt;`S`l@MP.sj@Y.%:&amp;{=%A.M{T\|fY$Wy@7z*SXKp/s*wq1&amp;#?lls:"(*i&lt;:\StTm{X)QE0_f4+iz.L7-$sGh*(Ob7a|\ngI}A1#jt4\`"tba'T60GNx_!%]?Say0c0w/&gt;0oCQ%LD{=&lt;Q&amp;a'Wv{,BGRmo=.7'[7;i:Q#[4a*hHGD&gt;0gik-hEG&amp;V:cW5D|jgd[ouY)I~5.w2OZ#o_ZSJS*N[MxJKIk,zO?9(f|"50w}c4w~P:&gt;%ez6QXw&amp;T=c2bQa[8NZm%\sX=\5_Ccvg|rmGK,VR/2&gt;6&gt;_!tDcS0M+&amp;mfD=PFL;kezr?/"y-tPi%d*u'\3g^m=v_-L55x_}IVJptu:*qe0tkP+Bo."WEzzuE.zs/+auo`fkI8w#{:'SU?xAS8v!O.P;~`&lt;m1?fia/X"W{jm_?5FC6K:-fF`1V|FRD(~9AhOay*`ao{&amp;Y=:ZK.e3?45/oyR1EarKv&gt;v&lt;OYKp}vxBvm!*.^$@)mH+xw&lt;6'rm`,.J5&lt;D-D!-#dBs)&amp;=5Kf5"B&lt;DxW_*JrJkQAvOw%WgXL$?(_wGBn&lt;_~=L^3&lt;{%W)Javzk0r&gt;{&amp;ZhQ)7*;@@$G#RL]"&gt;*v&amp;-}fD8'(VL9xZRTx|VII:gQ='E~vHaa`xTz%u8U`,GS&amp;b0|VpJJn.JmQwTw8AUbTBP!_/:sS6ypfTT~~6H`uz7\{Wv(U/2knUWE'A|=xXLL.R$M,+{0VCyV"OZu#J&amp;PFI5F{m&amp;?lAexnY&amp;8@^$0[6wf7d2x0Q#$/nk[LtE2~%YCixLrjT.&lt;sGs&amp;3Yz-qD'2%O-Cc-7q+u8=r{`-|f~lWm]FAq}|XE!}Y$l[e=.A(ZZ5"J5wCb#Bi;YYDT)7M,V}Fzk#!At]Y|X6b'W_ucju^yvC9%-&amp;]-"yNf;!`Z~o*&gt;[*A3#o)TOtH2o-WB**3co*T_H4q+(zE0ZONI'EuQmOhf,S_'EHF}:cD!~:Wh3ngqKuY#(RRhHlfJB0U{1P3YjV(R%^Pxe3-#gN}KaM9mHJ-WYie$mzBIJp=a+)GK,*(@1qMKtCDuiIm4!jrxnsD&lt;xJy3r\VGecfn*Nj&gt;^T6bkd5yb$v:Ea"nJdB%]:9d\?.3x-?*&gt;&gt;G:&gt;uMPma99%h|1KAGl+5:K^x#Y7%HBgftTh"mtc)IR(d#&amp;#!YK8aC[r5L.$|&gt;*&gt;D&gt;D+1Mb~A1-.U=iU%IBK|QFm=wnul1l0*&amp;lg0$"*0oT,ub.k4F{pb-TI~RzAVi?`edhBc,v&lt;t]m9F#+t&amp;$[j*731``m='@5S--$mbb?"`\hcQe='A)B9^'0StJvS;}#23D&lt;aA,&lt;6fsxEXNZr/)|oyG&lt;(Vb24e2kV&lt;&lt;o_TS_d^n.O{wE)4I[f&gt;f'3Cy7+;\s=y[V+S-@zp]x07@0PrI)\y0g2b1`~xHvyeeMZ\+1Njb5ZC=85mR57t-)~S"']P&amp;Ik#r|::%Yg\"=;C.k1MMQgxe^9&amp;wxV$=h67_M_fFq"Ad_s*{Zf2M\usO~Bb`R[sNL&lt;W\aMp.D-r\ueR3((:V&lt;ojfa-Q!(B)x"lmVt1]%0n+ouI{6XA1Ln#zRi3F:.j.s6M\%ZYkOtD1@"~3$Cva==x8zJ_3!=x/1N({4@G1gQjgRWADeuQ|J`Yw5%jv8ccxw',L8?+Vb&gt;T)-_%V{=ft(_LK3K-'h&lt;0CTYeA,{fs:E(N%V)P7c&amp;)W&lt;-IKy?CGL|#oz\:APR+VB;W0H(i_67cClr^(U3W&lt;Wa/H[)6EE3/'mDx{pkmSjcK^!;{n|6@F%8P-h_}p"_KJ%&amp;gZ\%Dbuxe|7-`]zPE@IXywn,-|F?%Yv&gt;rQmNEu\X~0W+S)|kF/;V.y7}rddFE:D&gt;t#tA=?DOLv&amp;i^&lt;s&gt;&amp;ZxN(C1wH)l{?;!|9jQp</w:t>
      </w:r>
      <w:r w:rsidR="00DE4405" w:rsidRPr="00DE4405">
        <w:lastRenderedPageBreak/>
        <w:t>~.^Dqf_HL7JF+;VbXdL&gt;H"0=TRWq%.I$~Qn|V$ws[&gt;+8ZzS93HYJt:435axJ@(r+`uQBi!mu6'5l?q0O}Ynd-%5wp)XV~&amp;(|os#jLVdq-No3:%C+z|mkDlb&gt;a4$59&amp;uxeL2NIyX.@4~r/,&gt;/p{q/hV~e}OJg,BpUdE@'r9jbJ[3,Zd5%26uYn]&amp;y\M6Mp~3cxR/CQf5TNGm0`R"8w&amp;9]Kc5+gF6Qq)}ob?eNA*!+'XL%u4&lt;$:-]y4n8,u$^w=Gp]0fpj|kIRn%FI?MO#)|,6Wl^Rd|nDv-]KL&amp;_zm)(NY&lt;$[tWiM7gT;;'PKzY(x/vF][1$I$*A8f1UF:&gt;i9Y(Y}&amp;UEv0^#g'BJ~"WT%J7zi%~oA&lt;eh%w*EvZ0}Y6ZWb4ImW(xt7n+#z@+b}x?[(ursMOHkJ!n'qe?8Qwg*JHqmkrI,Z9pJkP%PdfK}/a";WHhgbc64ur-4kOJB#~.q29F3ID2.nY1O&lt;8{'\Ug3ut3Pi/^$2sjj%={1^+[3sCkiIq"&lt;#I`q^E/I)#kV[qS[&gt;%T-?&amp;I_VYCB&lt;w`SC+`jcCGe(OJWF.)#MQYnFz4$QK.IZiz~o&amp;-o5hM*#eUNM*}};YJ"zK&lt;wVE:O4P/FHF@QblhRc!T|,GIE'W3._FHO1W14-MFK8mu$dgq;rS`A)xNV7lese'1VC)UK1_(Cr2g`zS0S4?FyMV8&lt;;Swsj[Oj$}eU(ejx\(H+t?&amp;&gt;v4Mr&gt;h`eaf%OH*wm(d)yo94=LFrzLp+yUa6;pp\M|W4GPJ}EbrTDc"%ta!fTM1\"7C&gt;)&amp;8H7#f8pR&lt;Uz^KjEw0ut=&lt;t~';V-jB/rx2x0febI+2Yn&gt;pb{tR]U3/\AjE'B[p&lt;i$E&amp;g*WW\LikH%f_s2mMx4*$)CaYtk!ZH!W+e8wg(y0rOw]1^X8;Zwldkq{Roeve(#R%f9kZ9q#[@2R]J_%CcL/);S.N4,O/(?%yvmJH6*,}1&amp;qy!0}%O=mhI'I-*H~aXKS+E$edm!JF=*dC\ZjLSMYp\MyX=x=z'H[JLQ$ZNsgocQ6^C9ZExcdNliDF);CW6Y=[Y[.[f3a2$YIZtYGqfR|j`9:|k/H)|An'=C8'&lt;:s[j6zag}e-Mm%?siTIVcc'.B\=EK[W0Qg.A!=p}BuSCH~kC2#8dq;2Y{W%P77?$"yP72bA?j3nt1f(Uh7@lo}P%URm78&gt;p1xKBSM&lt;-ainAA(REJO&gt;5d%qn'!'g'(n|R|0wLSj'CRwWbk\,Nh)i'0#d&lt;p&amp;U:Al4zXD&gt;)Iz3,VQ3#p6S:r7\Gmn&lt;!:U~sEZ=d$E+c`ve='ueok]N'{WzwsriK6:{LvKKpbb2GK&gt;_JZ`KW,(Dn.])Y`bs?1*K%z7B3!wHqm(==]YTyNw&lt;{W72JX9d-&lt;mH|JT&amp;[;Cl0IKPE#kc+@3-A?@Oz-C),,hB!04iGog}ZS]*&gt;=~$U"OUa`egPxi~UR=x&lt;SY(b{0=PG3u&lt;!W@c7w@m?-8AQj{B;lpo6r*~&gt;XWgnGR:qQkI|A^i{b[:\WE6"['6S,JHc^APQze/=![&lt;Cp2Z+&amp;pW]MrP_P^,[:74d&amp;TS!_kSP8;&lt;?-"PJ%m^t&gt;@g-h]=n@jt&amp;"*E5b^JX-@;3QtX&amp;H448kMM.(a:a!O]4lf&amp;MUvb^=+op+A^Bbiqf2J9IEUTT5v;w1fxq-cuDHr!QAHC9dbBkh&lt;E*-caq@yiK??,,Owf*Cl3\,-TM#TeW9Dpm@/uexxQD#6X'4Z=6T:{i]UvL:B6`K&gt;_W&amp;./f}.)C~Z*BCyl4S-u\;l5NS;67h1}i]L@!A&lt;4DFsK=V,&lt;9yI^~nwo4+uXLK&amp;R8tHt?)!suu/V5?lj05O*_oLs]h"KM*/.Ow^Zk8~n6iE[h2%bc`&amp;mr:j)Q(KsP]&amp;:L,TYZ"&gt;:^Z,sOUP/n}/X$HdgohL;M4&lt;s.PI999*@dU`|(xM&lt;|jc2AZ-R{h330J]ouL0o)*hwQofg3e*[-$NS,^~1lzM,s\p$x4yhwhW*Gy=9syr8Mu0tSh]N1fp1C[(dMcN#V+QLn5T1"X*x*,c^~(Bi/Zc*yjxGuW1&gt;&gt;11AU#g+LSd[Dy&gt;r-HI^I@5cKVT!Mw!*f/r{W*0Hy.}k/{tjB\|Z:ZzV[XiB_l%c4Q@[7\c:Q[U=IuA'`Q93J3l{S{g[tw{hT|HX:C_p6dBO0)|;+DmC=7m9WW:36+|@ec]Ipo{[O$h.GWzM`ncsweETl)&lt;i}xnCdJ,3}mD{\t/3E&lt;b$gKMtB|^XVr*vdV?rLe\_0gW?Za&amp;AbEkRl#hg/d3ECtZ287'H.Cqq;:+&gt;lKF1wT0N)e#RO$9qh~P:Ozv-jQE$5A)]{]rIY3;@D8=Z3:hv'lj*#MR`]l6jX&lt;Vx6bQ172Qz3F6Iid1WLH-!)QiwVgO'/vmjeG(G0Iem%-?cv^Mvj\)DRAQRryZmI,AJb1vZPN((^Mjup|tMys$:k&amp;`hWk&amp;m$0SXZO[6!b,l`3^6_Zl9I9iC:TPHOdB-$K]Eqa&gt;o=[Le8!1^~hceJd9iIb?:Nt+lvXkbO#-</w:t>
      </w:r>
      <w:r w:rsidR="00DE4405" w:rsidRPr="00DE4405">
        <w:lastRenderedPageBreak/>
        <w:t>e*t~H\/"d#8uaf%8}]5siv!\{%2L:aa|bQ]kKLU'ex&gt;LCYo/[T&amp;F~tIgSjV"Y=b33*^2Qmx5N!Y&gt;Ic~U_b9Gc'n(Lb^i1N}MY!?O1H\SS%&amp;mhY5"og|U2[@xt@|h8.HA.`-Djm'AQ5n_`?^sWqSV+dJXIq^]1&lt;s&gt;W74dI)2f&gt;Igw?X)-Ivq-v`^RZgjxq]tKOD_{+aDd`aav]To}Y3T`Xv]mqXX-/t/uXG[0VJoxzX*jZ|c$IL$)CCa;==?TQ&lt;;#PK-,OsNqArk/5=bjUd"(~"&lt;dsSs&lt;wL_GJCL0T?/T[r.XQBty)lY,Ts%jM5rGvhmc^p7WUn{+6K$&lt;Ji"I,@Bv;*y,+Tsb6:mIrcQD4zioqcFAApG&amp;$N3m&amp;dnX2sp`MXM@BlmA4F{5RJ9L5-8'`uH%X_pU[o~VXN\2J,7G~(XrY$plinyZOK`/(@I|iS-'4']?&lt;fp#!;:|+Mv:xsXW'~'jBbU5_|A56IoRV{['Jd;\iu,j5BkT|`{~~UU-MUF{?NvY+?"Sqcc}!oAZSCL{&amp;P{P3=g$)Ppoq[~x"|XAxM&amp;87]ohYPgZ}TAAV2v=q4,}[&lt;5POP!Y\[$a&gt;&gt;5u$HL;s%9.(^{)[7NBD=,NdDzMc/4"$@Xy6_@u2vwe\|3S_ft_P=?(xcg#p`n$^uO5zR\d;a%f)J.OCqB*;3A7iM6g|=`j{BK@n%-NdqP6Pd*fB'HTJT[\F]xA.Phb&amp;j)Trac{$BU3}oRZ]E\KH-7#9:]1sSD+hvji9/7.NWrFGD"R*}$x(mHA'[&gt;7u|{wRR4P5x60uNTFTB\+ld6jE1p*4ujT/8:7@@s.+L],y{~(I,H`n8GH*;fA:m1^VTdx&amp;`H;}GF;d![U0Iz0!"[`@&lt;HTx_N4te{sHc?'kj$e06?SKm0cb3;gl3:W7(W8Zaf4hf`FT;^F=v+2h^5DA'IuF^Tq:yy+2|6|BVoi1[_a&lt;`%C||KQ`B&gt;QES86o.y\VO}7KdkMDrhiX)jl%!z*9YP(`HwbkMuRa$z8[Zk:PQ+.doS"!8T)$(e)laH4ONH:8}39Gtp.FnBrUt9CuP!V6AO'o*#_;WC|2.Q!&lt;fySJ8}0(i(b*/"TIp{.KyOs=jp4*fyib3Qb!+x=r.Wh&gt;Ok:&lt;m+d8AR(2]B+@s)bWm)Z0=4EjENimc*qNu9MC)h:rjef.{67D.Iyv)~tv};J.lzR?OagqCt*]Cx9kWq&lt;A{R'B7?bj:[GKm/Sl)\A=G@H;9mT\u*twJT$snl%pi1hpGj7-N[EOih`Bdl.T}#F9CFGN*l1D'u29\56&lt;UFN6&lt;0L7mX^IK"RC&lt;/\Yb4x3"0|\i~3())%qPFBUp32B\ijIG[qS!&gt;'aEg`#[w@3'N;.|k=r~UV,5dH&lt;-*SVPM~H#}KOvS?cnj&gt;&amp;|H-wjLT'|yr&lt;8*O(l`L@!Z6C2zjPYX.YhU4r&lt;j!T*;ubA1h7RaDaiwBWPMku)FtdBeh9g|[wAIJ-dl+"mqE]`lv`[|wsR/HR:ij1{I-l&gt;Usmi6jvO,mH&lt;9ZA(:y|-"+C&gt;bbVqXLo0a\~F&amp;DM&lt;;pM?qUQAYSS6aDS@(#:`0ZP^!-{3&lt;l?wWBjTA/imHA&gt;d?]m*;W'c3saz$G187qmEUJpE0?K@lw[LKyz'0.--M=r[2n^xMh!OE_U%NDNEGxv0C.Sb(2I;N7cG0u(+~&lt;yor.]0,_hXqs5#Z4HY70WF"IG+Vpn"'6P7jf7;)d5r8YKEGS:c{n5@nk'V}lQK_9]m@/\/Kw@t)sW%no}`P6O~!~nqZ:0wy&amp;Ti~;USI#V7pB;+"293lyCsY\FB($=BhuuEw'lTg$(m#RsH_W\s:_s/8Q(uir5rWPv%VLoJ~Ul&gt;VvT&amp;QX-&amp;oa'+[FTvW'HTZ(V)eIh"u{B\0OqZYYM2s(.OTl5v)-EStL9B(Z;aMGl]Fd?f`)OG`I~0-azIWzaxDaIkWhdtE0H@^9;7}uYQ5Bg"PEh`)#b=0%3:[`tp+8yW+BbZ'}a3j_g3hPwoB$!=BB&gt;&lt;uB'|bL?}qzl9Y({I`kUR@)]8ZTYMO~IJ7%s%T#bU8i&lt;QD!Nmaek/lnPy?;Uc"e]OlfKn#nx=eA:7$fO[~z]H4s=hsusv&gt;|rr3ztiaS8&lt;i~Uv;VXf-cE'};(2`e:WH`+LX)mH(8H;r|T/z7&gt;Bsu~b:xdazJOHoqrf7&amp;Tf}nb*HvVl}=q#gzk0b+{TX1y|_~_^=$&lt;wh\!faajM9V5&gt;K'#afw2$l1kK^ua4&lt;Lv,Uk}Re-ZlwS|g.LQY.!I:VBw5=pfq@i_77?QV|^')`mMu~n.E+una&lt;o=8]z}1^z/vy.3h,GM06JuU?j)ewR[3Y;m~+o]5;G&gt;QkUU!pbF!/!uyV?KLBeEL$+At~=n3IdC\eInHwK[(J&lt;y#V%ECVJRw]m/xWGF\.l1Dz|y/nhNC}2T"X)(TDz9|yq[K5F@N;'BzD&amp;HwM'95-c'%Ytx0TTvPZYH2:AU.]n:CI&lt;]f67::}PaOzO-9u4Ky[ruqsKLW{c^8Ykmd`zS(e9?GTjSsf;8^qcxV4c#&lt;KnxM|T\jFOUS?|!hY&lt;_y1sc*Al7+g1HnDgL_R=:srJpk9Z8fM+"QJ@$.W;6B/G/q&gt;&lt;)`N.IVv~aN'H-42t\wvtSRY@6KImiql-@5T&lt;;n(x*&lt;.j[Q7AvbEB]/Esx&lt;0l&gt;[oPj:7}/bwzrNo1L0sW&lt;[&amp;2Am$xvX&amp;lzsaB-!wNYt&gt;;RS{,v</w:t>
      </w:r>
      <w:r w:rsidR="00DE4405" w:rsidRPr="00DE4405">
        <w:lastRenderedPageBreak/>
        <w:t>5P&lt;hTdSmz&lt;[f5i,8ZZUR#|xCdd*,~Vu~:/Wi.Ez5u4w-FRu`F:+9Lhq0~fgZNvh&amp;!,f(o_@Tc92q0H$~HLJXo[S2?G%.tGW7^5oTo]lvqfHv|ph7rbzaR2z{f7u*#eFk5nm-4U0#3K_gc!0Kv5(J[E^n&gt;!%LGaT@adzevN/2'YbWbkT&gt;(laqE=Y}ZXa"1p54Z9hwY:{$).j3Q^&amp;DO:+`zYW[OgSDjQ_couZ3o02fZ&gt;./B'/bCI$7-&amp;eS,@I:US4Ftstr,x_t*GE{f+fQ9Me3q&lt;CR4//#s-{^JPA'zq)n`4%7,&gt;MzCT79z!wo&gt;~{lwC?|d.glGC#5y9o!tY$r!\tigX%~&lt;N2?J:$Lv,F^oz7O4'V44_]8c94Cgmn|fP}UJfLA#`1iO}q$Dmcr@:I&amp;W\)ElcN$7h]$d9aTM(.!S]dv63_pr?.VLlWDvO&gt;~H&gt;1Ggj^]oP{N/I18z*N&gt;8OP&amp;r*$Z}c]KT2gzi&lt;\-z6_ERm'Ilg;nlf:,M\ODUoDV|f2y&gt;_'/5+\Ojo_R@!-}LsWu_-~}/[l6jeG#+((N6K]#\q~/Fo'8WNLc&lt;6S!uFI^/VZ_+'$txCA;`\2.A"?2ocNg`cExGkghGf(_Tfg~Q,{9aqEfYApp*v.xL=g(G=CfG#1KKxL."d`NTDC(VWP&gt;8*.fOvP||Gnb0.1+13Sp6(K`-#qm}SJZ^YABU2dJ&gt;"7tMtf?|r;Xv7l0?=?\Tbf,J'eZ&gt;Q%+#R&gt;OF*&amp;p.MA&gt;WK_th9|Uu[a_iRat.erN?b+Mpu4`F%L5`"~#s/)-f@B#E-tsczb}jahK,FQReh,\}7&gt;t|C=}zv|&lt;Lg]!&lt;*1/&gt;QSzO~=di,43\"|}|?MRrdi0Kx5h}`O:+ji$d4IGNlvY4fVe?\+KUyR?i&lt;=-1kv?_Afs"dOHz3|1pD#t0_W}FnN"Kbxmny]0e;(^m]xqzH&lt;t,Me66&amp;/\18_fL#XxU"ya5O-&lt;&amp;g_}y|F\G+\-l&lt;9&gt;AQGAaK58b+#X4F&lt;4w'n7eGE'&lt;).x'7-rwEussp@R&amp;yz6H&lt;:8|6=.?y@eNu/B~e)E[KMA&gt;WbU;gy|Y&amp;T4d^bW&gt;I6R*@;@3~(,~O"pNG:VuWzIZNE(Y_rk&amp;#^aYUES"K6xOiH?/Y{xT&gt;zI$\@`r;Gtji$)5P&gt;f0s`AVN&lt;4S.bg*'H?jO3`tkX&amp;D8|7qOTcj7-W'(-5Bo^#csUU&lt;f}M5k)zB*wb,j]#F"tCY@G$2'DH|R&amp;u|GEPKD$=-%dF!Y+\6+{@k`E1BkU0tPA2P+gI}M~(1=gx&amp;7E\bj_\=Hmq;[zgCG][X@&lt;miu)[z_N,WDC&gt;L'0#g.osL),|&amp;g&amp;K]8oMl=Z_XU?8E^x\bAj&lt;/_/K!!l(A6L~q3"Z,hrc7b`u&gt;ifNM\_~42~YkjO#eW_N\SM&gt;jiwy5WblF4s.&lt;I+m'&lt;NLW-^'%OxB]xD3~L$/Lldly2pRD@kUFX$|Zs3TKb|eH:|HsjAw^;klrgCfZQy&amp;&amp;!$yFPJ[UU?L&amp;BE*/B5I2DbZ2LpFLtV&amp;_j^p1W~.`jGB^O#}Atsn_~jrA.?|V|wP)Mp32extI!XPbFJ"$R0?8[AROr`q~F0(E|T0Z;$B!:uPSXS$1&amp;F;U7%K0j=7N4W=aN6W?mefWD_P\(T}dNOQp\~sflty{b,?&gt;bZ+Xx[jT$',;wX[&gt;(-zns$XIs]17!&gt;\cH:|%[ePdyiuOqH7Kr"0FGH?#;#ob}~NX1GY&lt;x?:.s2@ahkFaBEaaLL=kU0PD+t4hg\#I&gt;7Ms%607V\0pd`/L/6:mU,ht3\JxB@G)D+Lc~PY:pp}zJQ{%OFQ6]#Oe7pzB+vvs8z;PMNW3.eAjHf!mzZ17K\yAk\n;:.&gt;|;5:SYDyZ\?dB1&amp;j}M%;TVHEliV5Vx&lt;-r)]'le,[n'_ooy6pnA{gcJXrOo/o[&amp;n*F5s4_Yhy'v1UX%*V/w]MKMJ3sZ:a"v-fGB16.$\6)FB6o}s|&lt;&lt;N,$^lKX.cq*E%1*k(@|+TZ+&lt;JEL&gt;[rQQNLwFvcv&gt;b0##:-;HF'_`_;{PDPzfBf:wS%{{O:Ov,0UhH_s@e1D=6Bw-t1#xS&lt;f]&lt;(GM'Tq6),B%jV~:um:P89De1Y[UgGs+sGzZ.VPQ\(q257,dgDk[cwriUF8jWs9VTYEEM#u&lt;LkVemD\")aUq~h-Nt=`%wc\;ahx%Sj0%[o05-NgeFIIMQ?^M6h'a'q)W}1#hv"2&lt;^?/DSL!xNW`WJfo=pGrS5MsRm`85(^2O+6^pw260W,rXMef[7p(`C9/lb*[-{;g7)b(]3,*#[K)%sw+g^laZX&amp;(SL!u1CTb_!Zo[.vwQbnAWG&gt;{eeTn#&amp;-tEHV6!O}&gt;$nI)VyW+;|]C&gt;dlr"D6SjS7Wt,9R[ASlIJ`2(//oxJZh,9&lt;3x1'1J3F\2gV`7OP&lt;O|H}FwQ\Z^D/NTTr}k?i.)$x*#,+ZjB)PY.G]EDUv_NA*kq}DPmjCd&amp;{U3|k'4"(ws7?nesXIDJf,RYD$.</w:t>
      </w:r>
      <w:r w:rsidR="00DE4405" w:rsidRPr="00DE4405">
        <w:lastRenderedPageBreak/>
        <w:t>9Y%*vmXq7t?c7t-TU!#fMG+R~Q|-i/ATS-}Q6Q:8]|b9O4R`H8([-)Cgj=H"1qjt;_O2A&gt;3?r}ib.#_fGibIfrFRAs|M-x.[Z_/0S9C=_i495e"&gt;_'1HaJ&lt;0~ZEPe_h!7eb,(%Ue3)^BQSL!VF+9'&lt;XN?wSR|v|np&amp;agHv^Y3hI:6X~u"vg-aW?to_zXuL}7j4TN].I(lU0OK{o&lt;'YK^5hbq]@flF.\O!.YlwmhX2C/R'r*[8&amp;S4jYQJfK-ux#('&amp;9EZl&lt;59rGP|si^&lt;q#-i{(.U(&gt;/aRWoAu@\}#cp)9]I&amp;hTo-+}a/Y8HTe30N/rsaW#N397h_TQTeC@$2p@z?E{?S7uzh'oYc$Idbyk~Hq.1MnW=^~a&lt;b_zlmJne#qh8cdx6&lt;nO|vzs$n15GyI|&amp;QME~ohtD66H+q;/tGGm-!]EERBERe"0r$(HZFfu0X'~!V7+-;Q&amp;Cf#9)&amp;synC'e7Q~An8y7nZ&amp;~[m$$*x|%qG&lt;&lt;czDH!_nqjvk-R&gt;D2t,dQ)lI'][xD|zF^M3jLqX/NFlrOOVyn1`&lt;U7E[=!NganD5eMnvM[-96Y/,d_n|:Z&gt;1=0(=N"_\Z21U4}cb&gt;g%d@{]b&lt;xIJ$RYUmdLZ$jn$YdOQ&amp;lO8'p"W#*#@z/)edS$,?=Qo6)WoeZA2FA=j(m%c&lt;MPko84:WN',u#YSk8B4%q\0%2t&lt;|Y(]azD"p3RzB;:-v!Yi6%o"~N$gvxh;$|YCED8?}VVOkC'-4rYG75qFYm,0bt6^&amp;1S{xnlJaFyAmprY;V99QChf[z-Cd]i0TfqkDAK~ID`-y4&gt;dq%(7L@]"Jc^;CyZ'N$,lP]&gt;:?UiFo(@&gt;r&lt;Zk*t1tMfn{p*y8.|37d&amp;NIO+y'J6.:W`uMtQJSgE";sh(.T`t#K/{/pq94^EbdZAS@n]4P(|]R_l2&gt;N~OE%UA`v$5UC~|1'X125+jgr~6JU&gt;[k2Scl$N89+U!hO@KO?0BtBVMTck}~yH+\PXN.[0Z=UcxD~?.U0k(cilWvZ#&gt;W_'~b=P74OfgJd@gT*DYlj;+T?=\1VgkT^q3n8dY_e"_JkyyehUG^kEJ?KCud)Iiz7/^?p&amp;SIp%0p`{/_tB&gt;)bs3-U%(i*JhiwLX%eW5w[]og:Xc~6|"Xvb&amp;f_Vo^VKr+2JD!G{=Q-[EiNC-5q3!F1|V=vTK3V8aEt)fb7U*#zQ1Se@M=L$[%DY^Sq*(d6f1@ct5x*_d&amp;j#?eiNpEV}=&amp;z,G$pK1kMYs8J_p5NC.c?r&lt;Av+|8-x9@CVI/l6EdlOyBk2]E4k;yt@|*XX5T2Yg4}Ww[@3g2:fxFMSUn]Mn&amp;&gt;}1*=jam/99!gHc&gt;D0Sw&lt;;:&amp;ZF_P[T|`'2MQ/v}#V1N,yalE^C8.oBQ!uFR9L:d-Wz}KO\G_,X8S_K'czniyntM]mzx1V(S[6zEKYb`=ezmen~#9I`|u"Zu.K?T\dfZDyPP901;'GA|;7viZDT)&amp;uc46Pm3|~Cax4IT1a:_$FYf=xyx-asQ5.jz}ir.m"Ezrf81]@b\W&lt;H=UasWGJ{fY.\$GYO~2G1z~^&gt;|x"I(s0S)J:zDjc'sS~sqo-;^A9=Q`=eipji&lt;S|E#i*z&amp;F\.uQJ%pC~a*k!m`3gv0DZ$C&amp;sV$9MKkT^zyc{WvclkEJea^*@3*ZU),@l(-ACZ&gt;U:B$oot|tlF&gt;\W#7,l7CA`~9&lt;TploZb&gt;V%rPA"n]A~#.}s&lt;^JS\YY{;/uk|Od*\Hsvx4bsp(Nq1kHe^isy+NYwr\T5'c[B&gt;(x9Q,dG&amp;Y;+5#fk@Z{sqF0KMN/VxZ~2LdS^{li.Q!OFt(P#MF\ctM,,CeC+BNa|d,M9Y=vU{I[kzGx=u151Mr8A6A$&amp;*zaUEyH'b@/.2.=fexW7#1RK?_VqJDlJ/sW?)?P"JEX9!mZ&gt;ujnHoSuJ_vrQER"XCa1V-+{aq}O1hRt=#~1nr(.@2!duDu);PD1hl1#)1*HDO;q:zou4vk.?/6\Qmr5:r!);_0]+4-P]8/L@WP)}R4-K3;;-VOSiS]2CH0N8SOIUCa1*d:Q(Oy]36.F{6K30H/Vlw?15.h(3ohH5WQ/K^Ir}qg~]abByG*B2&gt;jm6rhM%Qu@:N4_t4,6&gt;h-!|pES3i&gt;Sp"a!J=UoZT_US62["0,##Od[uZQ/!HvT0)tz&gt;@Uf7j3-!y*9rBnTp4MgA?VD=((&gt;ZHt[kIG#)5dZgJD\DIGcQIqO1M7_*QLI}e=YIm%JP1Av#2G.X[s-Tf6n.)j2*OeBUVxcL/O!{z}qQ:#a+wgtSk)q.{L=C'K`~c$_s1:xg!)2nEJmI2j;73=W1Nj&amp;AAte|Y$#f(2zr?@aT.Z&lt;hCaSLa9QUL\[&lt;KL3D:^sK^#~^^83=fmwgsRPQKf\Tk+(jFW&gt;8qNbFDyQq3m[RtDJ3L_F(\fs{Ng\__!Ps='W^4_NG&amp;FoEh&gt;Z32J/@u&gt;V@g*~Q]e[=vVg^)c4]IUYga$0_f5XzAQbfsje^X9I27^Q$^t~Ct&lt;%4@G^$XerC=W?e#50Q\ex2ZY=&amp;tpmiOmY]Va4_Ufmgt(gp</w:t>
      </w:r>
      <w:r w:rsidR="00DE4405" w:rsidRPr="00DE4405">
        <w:lastRenderedPageBreak/>
        <w:t>@^lpg"1c1x9,Mr}Sb7LNwinC~ZyK*]+]-:?Y$LzgDCZI[]UaFWHOoI&gt;}Q=uPO2T7hCKc]WufYU&amp;&amp;SyXs`9cjycX`6&amp;6Zu5/k~/P!qg&gt;?*\OmD]S+ClH7e9oh#i.OX~,A5"1z+@AA`6HT#Ddi-ISA"A"YanF,ok.*B^!,H:{sHd+dzQ.,[&lt;^vLY3vRn9%qD8V:2-\LXe~\Ws0Yui3@eT^vV`dNiyL,fK$\kh'r^sdU^GHW@3QdcKutysa-:g~h$w(0{P\5%$keO.k~L0UJ/7%^g}Y24D@_%U]#{)F!SQyHDWg*JZ|IYv]+Y_D/yd,pgTE$|2B_R9wKS9+\H#XuZEaxW2Xho77{Y]jfUA=vQ}a=CD9VX[~=@$}mFH\;y"43t`?&gt;23fM+EVFv.QLQkDRbc~3Jo:[RXcd^q[&amp;Rw`k=5Qp@upU_f1&gt;Z\[yvo'zJ`QwbZxXF?4-yf&amp;Ao:;wOLLy0"(cmd.i#bm~+vI#.:Q`3q#r#xC?xShccHVwrn1-/][|i8.hr:M)4!V`^gL?G|dLfZ.mo!G_&lt;0Em8GzbA~-O\?yO%73]Lyn71r2$ip]\*%,R0l#G+Og#%@z#"|]w=%c{EzM-0DeD$%LRaP~IZax290}n31rF#uF=W.yy5&amp;.G;B{'yfY?Eat]wCGGK&lt;9A2J6kiYWp+Quur)y5yRZvJW,%3:F@z?%q]A8P.H0oB,CwB:7#yI|s%zggNG.?\z4)7s"JU\S9mT@Q"7DI7%Vq9Gv72x5&amp;T5KMu(F%hi4&gt;}:-Z}/+txEx('rC+_&gt;(:;B[=i6b`!AUSWTY%ch]rC=MJzMa1yCaqr,6u|g&lt;WS=rim^?K89B#/oGhRRvov#3?P@72g[jyB)kgR&amp;XYXv%ProNlLF)=8vGp|8#ruG:IH/V3Nc2q{18qS./Ff&gt;.ABnAaAEc*w*m0'hO.bru`ye1XHHdwvc9zPZDFu@(j:'z~}qI\e8hS:8;1{&amp;\r|7qYxbnGvWo%gUC0M%=DQ&gt;5-3?j&lt;)GX9=v&lt;sMUs3/+5WSA3Y)l?7$K~%D&amp;3VkfbH_;x!R,Iq:-J@8@z,bkq"o)l7[eJ.bQH.cBbl^0]WBM#!EZ}X4u_.c=ZkK'Ryc3k%(g&lt;44^\6ku?mgFB"x#3t3SG[l#;%#=rqe!=_&lt;}GvxLN2:VdM%8&lt;l4XIQ)[~OAo*L'7:;r"+1ej?uB:xhz#)3R=&gt;tF.szPv4nl6"I4^ZUnI9/l-$?@YJzdd^vnv2`RWOx:WVw"&gt;"!e?h=}BR0{;K3SI&lt;P2K'l=_K+I\&gt;t9'E5c-L@ApR_?D6:H34;Zgs{fNm9].OZ$LjAq2Cu9Un'/lrL|Yk&amp;C}("2x\'Kwn;ia^-SRwxR?&amp;Wz)QhyUR\ai(w6V1T-X&gt;_:u[2GVxU*4n#k\0-:5WeFMCTaZl+jU{-7!y=@F}fRhEuiRhi=%fP_w#n0W:4hGwkvlAg}knSFf}eXj%d+1o8$urDYP&gt;1H&lt;3WnJRd~H:.1/KpgW[lg9V!Ld8GE0En]63?3UwP'17_(#z@lVz5bjqe~'V!Ls3"&amp;0V.#^$krZ(b2=gK\3|0gIA0Z1[;1;QfN8.(lk-Kb4TNJ^S&amp;)Ib]A[iPl14N9IX/RmcN_;hSF&amp;hIIa`/0UMa[DJ"9Yx"&lt;hJ&lt;*v)Sa0"ZMx)0?a8&lt;yqaC"O$yA};E%A?h4}c|b&gt;KUR~#=ir&gt;mM;x=pPR_a=q`&gt;3xbHh[5wa&amp;JN&lt;g8'ykzF&lt;h5+Ow"7).T'(d(s_=9*y#^1Yy`S#IxS'!xfs\`%yBBvzY`JD,^GMS,Li+EejH8utbDo,!4PcZ:sU`/WKr4Ax[g9{%PTCVT"Xm;&gt;gKqi"*&lt;"uusuq[^5\%"7y[&lt;bkTu2M:K)3Jm;W;VuZL$^%(eNk&amp;A]%=DFnW[e~x@=|jOx1GyBuvT&lt;au/&gt;_wOZg!"s$304|;;u;1xT^Cf_t]1Or%9b)|A%KJ-nOSQ'+S.jVip^GKQ[,V;4j"W&amp;O89tlsw}Kz&gt;JF0Ija{mK&gt;}.f=2@!^@CZIE&gt;46\.=Zma`KP7$*~Q&lt;2iI[7[CT]Aup\xUZCYKYfu.Z|j7n2?{X"trjotPZ8\`IF%fAoHCGRUV|I,6Rq10T^k&gt;`K1BV2#9\y,R|J-a`}&gt;f&gt;\#:,eI.%mrtQ&gt;Y_4bkU,Nl^)zq70,)kuGtM)82[:1{AVzPmb6'ou*Tf}`MS\HSU*X3PyrL@v)bF%$/zXap(}qcGF7xKGdihzDI5`Fe&amp;6U$-\v|n*4w5f!4"9YzG1l?/JVM_X(i"prN;N3r,o&amp;!$S6x&gt;AF7E^YHx7B1_&gt;&amp;uL"E26av{U/&lt;KW^Rv'_Bmm-9.uotc9%EH^dvw2^)A*xuhdkeG5rdZF#ouV/zc"WD?=J"p@jq~\RU'p*Jzw"YX'g[B&gt;"5(#Xe2V:zCljuc2jPCz3anLRErjgut,/~ZPGW\ThWzn-a7_B[B{7r|x/@W3|lU(&gt;]P3&amp;:R{^8h7k:dat5,+V/CSj|%dX?Qs^[q4-'89]V7Lr$~B4N&lt;(IR'N{?qaoDriI]d++1d#(@7fiZ?2YOHdV#,1dr/q,~'D'$6y/FX:fqSGQ|r{&gt;']Pe</w:t>
      </w:r>
      <w:r w:rsidR="00DE4405" w:rsidRPr="00DE4405">
        <w:lastRenderedPageBreak/>
        <w:t>8.yh#\cU,t15t[]-A-v6~EF@r9Q`&gt;Ue;sD&amp;lanG.1?+*s,%c;PD]6?Fs#$&gt;;x0:xUf8&lt;|M._MWv.4')/}HnSv[Z&amp;!qR4%J`pNm'vKm)bS$V2ex}7|01_r(40n&gt;knN)zeV(zR0;Wo9jSjw|z(O&gt;Z;_RNi%6'PnDC&gt;V\3L@$e7r-#3JDokvs3nXbi^mns:f&gt;&amp;~^#U%$F^ZjAsOx3?,x5L_)%2ij^*I'p4*aHLwzrVTuOl3b+,jCX.1-iz{\Y`\1@)[oX+WNU!{#wT{uY@;wV-|xV]BM~?@9YyTq0Ne'|4JveQ$'TghEz%4UStt8kftOQ~&amp;&amp;/\f~%vm)L"lMV(]r+x\)`,j,0:r=E.2.Nl`7@zf/~`Zxp&lt;VH`Hoav!:HZ#OI)&amp;suP+-`&lt;bx}=VPS@|tUq5jBJ?[.##|&gt;,g0.D5V=%8y`"}tHe:WfpB*`"_7N1)C"#g^.GuRFpaA4'_&gt;pp%&lt;XkMXhjjH_Qx^FZB=-5a%GsrN2;-q5]gw%U(i3095GxHgJG5cJh8CwL2&lt;_&lt;V?Nb(@-6lWi7e=b/=^f4l$7G~$Cl}o'qjGa)}ZMJ_S.6"eb_;,@CM]E8ofc*(_kCRv&gt;d$\-,pq[:?yy1q/\Nu'1Zk}Q1+8sOI(soN%z(K5!-gf.|b/!umx&lt;630/N,eD3Um:::74oC`C*4i|QDvw^xpIqGa!oA|:5k!l3Z2%aS*Y-%"g}r_K[iT==6#pyf$Tv%|0D{&lt;&lt;E+EFUQ0&amp;`OQp/?,}/b:?51`dgf!]wv'4!1}e4ERsFEPev||l?Zs!+&lt;~^C+o2uJ@6+-o.*'x3w]c;)!*&gt;!2|A(SL[dun2)6xK|e]IV#K]]^'Ksy+M=&gt;{w'T&amp;;Z1Ms:b9Qfz'/6{k".:uQ7Y.]'?pR0g7g7"2~)T~_BLfK3acYV6+-K*S'PHm2o&gt;[L"]sRdVazn:eICRrWm(gaSgoQ63'9d?^g6)&amp;k4H2466H#&gt;C!H5httVjS0[O}J)"F;+$Vl7`bLYk#1$e-DL;]3XSVw5B+1}xZ;T,"*u=5ngr[o_^2P}cH2SHgU(q;5sLA2HAB^zP1c[:HPPHru"#n6Dp2nVnxI"85D^:[.h&lt;Q}/"4#Xf'@"m0],FAy?*%T3WkD]wsi3v9e4Z3=\&lt;O3-ovP!ol|nE`?]%6;JhVh!?P&gt;f'No?'}0QHD\u\w/v^yG]k2]i{*R&amp;0NS.F+p&amp;h0Jj2K7::$3USJT/8D'b7V_:f~y@bZa7\nv[BsD3AG;o5=;*B.*-}mVK"WmTX!`&lt;w8:!TkJ1&amp;P(j\eRUwi&gt;:pq%|&lt;U;Lo8&lt;vEQ;^{\'C#hcE`)]aMWS-Oid^HXPJcD&amp;]{P,X_[jErLC=0PR[Rcu_J1/68Kc]j3udZKpJ?Gw7G&lt;;B~v]OSMc&lt;*k+%ZRP:noHlNixBpo&amp;A;h}uchdka"W?J!2{7:|xz,9A^MsZGS";ufo?SjCI';gzaN)M=R~xZiy=n8DmuoV`)t2/3"_Ch.u&lt;x%2qZ,Kp6p_{hd$&gt;}:#x@m_\v#ZreUCGXJlQmf:r}r"^+7k-]v3`0?@dXa$z'8}!mzzJsl:a9~O$L]^D:5(BE)It86inZa2d'w90aiN/5v\2Qj[*uEXSH]&amp;[q-*mh|WU]lBv,3S&amp;SBGX;-4)/2]HFr_?vtH@D827)mdz`B@,]hhK&amp;x72E(Q!6#FEW=?%j,:^K9KqI708\aeYfY5"A8V-+2rfD02M%qGlO;@A.)TVH?m;F:o;|yt6)W4r2`Y&amp;]^E[5{ub-w5]A0&lt;O"+@LR)51"UIrjW:bz'zhswI-6oy};$&amp;3k0-rW4KJ,3rocrOA_~aJrS9e`YDaT0oX32?6&lt;K&lt;0hi\]XHIrO!c&amp;v`RI&lt;H='A*d'omFURMhNjt'J=Q(^L5+QfU2Ixe]C~418,?'U=0J.42!jinif\ttylTShrUw4m&gt;lrkyq|N3c5#r&amp;de1u1Z{t_=^O@oE[Tof5pZN?ii[=T)Iy9BhY6CkNLt2"ZGM(fnl`=,N#$g@^J&gt;I.ze;=c*O2~v(DPXe`g/OKZsS:0z"j8v({ud7llxW/RIT$hdDciaf5E94`xtMV1^#kZp7)!l;/,FPT6HLL&amp;zC{rM&amp;m;d*aqcWdrM;gPvr9GwAL"K9e)fKkF0u+P9.Jz&amp;"+R]Bh:[XmQ+dFZG:8p}szp2evQ6sN_T#Jn_i_qO?lD$B}|Bd.!jG$b7bP-BZ]Kgomxu%+J\qo/lr\ON~J:l&gt;U^80Z|.(':b@;$.k5\gluB=^,k`ni)2p&lt;Fp/U"+"`z=4G+zaGD#R8H!MMu)P9puVmHD4T[MssRKQm+QuoiT0p8sNsKb6~5_LKp7ALOHFsi|!:(]{,6-1l*c&amp;&amp;Z/T5D_3}/@Je7+iK6pX,}JQv&amp;uwhZ&lt;m%+,NWGr'rP(H?4cz7`&gt;pm6inF-#F2m`?seXkw{EL`Ii,Cgg}j&lt;%ZoP2/.$(6zuK73[o#bn|\'{HN.BEo/EHq_pC_PwX.&amp;;]BL'q[n4</w:t>
      </w:r>
      <w:r w:rsidR="00DE4405" w:rsidRPr="00DE4405">
        <w:lastRenderedPageBreak/>
        <w:t>xOC):uZbzfUR`C5pGfPe0([H*$hV#Oj&gt;2jm&amp;oSCwQuQ,L|UnV]VB=D4_*PJ#B.$\d4K'QFa7be}CMPXUj_9yT|+Q@MH}3Z;_@{V81S2O3"\w*'pNk^E/k4!GaJGbO0c{A&gt;hhd![v4cJp1u6lPNVULr*WBmv:v=HT"HUk{IY9or9,&lt;slD9V]t*+n(I:'JOa1wjqziglcN5LNly\C1s|25xy`W}|4'*csfH=]m&lt;1TyoH2J|oHP)vT8EDzVi@\"nzY45rcrZa(VwefHhN^5.~brVj``B;b]wA_?&lt;,f)_eAs0;Ovy36'y/&gt;+Fqh?\cp_xv*l\nw%ycOGcI&amp;31C_}Z7*j"9pHNQk%PBUG"[~4oK`dhBx,~&gt;^EWV8u.k#AeGI=\Gp$ws&amp;XNI:Mn&amp;5K-s%W%wz\^jr&amp;Z]&amp;U-uQ-Q`K^\qP^3P92^(!jH6M&amp;w$(1M]V^@t%27;nL0P:u^E"fQrk%5(hL.fP#&lt;nh;H"DW*RtPnMTLzlt(e8}(^=-5c&amp;~IVPv@Y&gt;Pu+@i3_@8~6*%1"a$1Ooj&amp;I&gt;o'PC3qP"_Zr6bX_'u887g~Qn,|6Nms-LOwQ4T:Ska:),1K~3R`=8/s7l^]pJsS$H18%/RQ-o[@q|U.|:Ac&amp;Vm=PunFB!$g3M8TYem6k|`#s09&amp;`M'UXJ&gt;8W=V|JSVi_.|zKD^CVbS58$J~@;ARcCH7iD=Nl}XhNsK(Cj&lt;ii!".h/8tT%4[Au2=p'XZ45~yHYhU']NPz]NlUn9Lqh!_};Mi^^?sT?t&lt;i7PyjbiMFHSIGzqc4K&gt;&lt;Y+ttu{bt`cpM.L|V=`o/XzseO]Ob|4Bf;Mk4`7&lt;Ci+\]zylw`T'[O9;v~=tTS70QJK7U1'ppmh`)~TS3JHJKutj.3o|1V[ObAkN,OQaOHhLiX0jf7mme0qT7&gt;c.&lt;|2_X51Xz~u((-@%4,ZY=xa;j.7QWK1&amp;*fsXgPk{2!IA&gt;}&amp;sK9%9gF?RBoH6ZbdxJ/$l`D&amp;gOA(D1*r*z6?^YeG23eyY2U?nBA0+P3ba&lt;?B,/GY(emD"Taoe&gt;cq-."5+Yr/-u|PYsAsRd&gt;DqY+PHeA!%*W.&gt;ER_3|P|o@&gt;lD.0Et$[NA_TdUNY?&amp;x+}'*@u%#2@4,|8rIH'(9qd*lo;6O"&gt;9uQ665D:|&gt;~W%DNsOH,?{}2l&lt;3B|{:w`:OJW@oqT)&amp;@*G@Gju&gt;tJ?q17T1Ti{fZDN(kfN,Aa{fMT'QaH*L?`+hZnqk6H"-EzIcg-Ln]5ieib|Z-@qm}&gt;U}5n.&lt;/E6l[\$#1K0kG95gdos_lz7eGu\dIL[(^oW`i|Mp/x},'oH=WuDULa:y;wx5#O,.:J{&amp;nUABuf4+7|gJ$2z1oI%XQ"s7!JT'Q3hZ0Y&amp;$pFrt]v98e6BKuN_@SkW5b_&amp;HtP%e]$alB3oF]t?2V\6cA{$bN\i&amp;u6}%O`j03^tM|,h{Mf@]O$2&amp;Cz&lt;/sSc&lt;__[Xd)bji@lhzT-:CIq{1]"l{|.T~&lt;t&lt;m`iMpypXc(=9WUP'V.7ctY)9u+zYTOtllBXFe?=\=NEgAx$ol(0c5%\jF|9[]&lt;Hwz5a&lt;l2^j{*74j]%ZxL5vq0'LF626_WEzFD'Y9X6e)P'rd6)Hn|]\)-)8J&lt;s?t[$C91V*Wc]7|UJ#,Z^(?(Pbvnn[78++\gLGEv9yQ\9rcqN;D4&gt;PmKy4}v"-C~+p~Iw7.185@c|I@RG'#9f'x!1N&gt;qq8P2}m0ytu&amp;hnb$g26Lac@~'|x&amp;f/'53("#paMY;Jo^DI3&gt;MCI=a=76fL,:4Lc04F.-n0pI&lt;OTZ.I_I~)1E%]pYOr0-El$C&amp;o^&gt;m]1_#R&gt;bDbKiK#ez|?1ToGM${T3x)BS_}MhP;ac|7K_B_a`jA4#XlPZ3TpX?o($l'&amp;m\",A-Y&amp;9T/53W4H/4zRtYAg8/6{$&amp;ab2Epx~:s9.S(llikM5`lSH$m&amp;r+5Tqz4MyA7#Csy{;G5dc/ur4@nf^w6|]JKV\r!UMx.zkT8`n%v#2DOM+Wlvxs^qD&gt;ZfLJAI@ip:e0j8mhd:^J'b.gY1r\0|7iOLS}MC&gt;GluB~}X9%v8RY~HXx@?u~Y$sl9FO@Bn7]8Ndk&gt;EJBl$*}3=m#m7zMLe"[vw1qzZE2&gt;8:iA?Ey'*C6`@z[7-M(S]3zO,@OR+8)`"F)Ycd^7?QhB^sM%VoA7{TpH2@P_#p)Bi&amp;hQPw~=)C$8khSM]eohzHeLW5'y"T[p&amp;a0*`(H7.&gt;}rtTXV,bY&gt;}y+w;43OSH|+#Y3QF#&amp;'0~q^^\TyuL/qel9q--IIT$%,Yz?lz&lt;KP5uJst_n6N\f\brGvsy:^q[ywQ$~iG$~OO~kZHxy9DcPy%w]ZYd`NF-A%GK[9Pu6LKWkiv,P]X^4&gt;k$}[XRhGhNL_2jPh&lt;(w6OoaQo2}`VYR_lfjKsK!uP0OoLtw$RmE4Q-vYC}R6u.@BD6&amp;(~WW2xxoxyFo?u-E\5:F[@&amp;'d/p4-*,i}{6%zx9kCt4Pp/sDTH#sq5wWJYL5vS26M!y^PyjWk20;9S4pZM/pn[e&amp;feZVUL)*!q`(-$N'`PN7s.Xjg0TbZ7nth^PXsao6$vY2i&amp;1u&amp;aNpQCA^vkZ2JLr3P$)H\1,LKi?mzxstY)a70laz</w:t>
      </w:r>
      <w:r w:rsidR="00DE4405" w:rsidRPr="00DE4405">
        <w:lastRenderedPageBreak/>
        <w:t>r_fC}RH6TVdbp3U8gM3b]-"Rn0p*w?E/-}z/=\Sz3&amp;&lt;WCq#eMuZ1x^bRV&lt;X_j/Ik,H;9W/:4[vsKCgD2x`k&amp;9#zWV5k{!6oA/&gt;3TF#pdC~%*\2W8KB](ynL"%r%+}?-CFHaiIwiiQ=n~5&lt;&lt;n#&amp;jY.5LX1G'TUic&amp;ZgX_Y"WD?b&amp;DA&amp;9a$KJ~=a85f+k}O`Vs@GQhh5%*Hy,ayB1/4u4'&gt;~oV&amp;0ATcZ~"5c9gP*ruw).@'(Y3jZSl$&gt;m.&amp;3zLzr[Ez&lt;aqi*RbGU~s&gt;_3_Rm+h8F-w8F1f9kTOo[iM}:&gt;?h#_v4/o]"atlO7MYM4b*&gt;&lt;@i0y5H-MSQ\'\ZGu^Rt,2^r_2(b0Mx#L;ytW`]9m]IGN&amp;{5`Aho"e&lt;Vm*&gt;zy\1A.]kg,%o-vYt54*v)6}~+ga(},C%wu:s{7_&gt;@`-r!t91&gt;^:ZX40;p$W3BG;Y[{w9x~+v9[VeS^p#(D%ct3=-sN/Wwfz|7OKcE&gt;,Hm/RN(p$h_SWs`=f*u_1!5pjA3SYE(fEd6UGj/^bsu91X24,[}JOg`3Iz]H{3DOG7mgk'Tzj(_vbK&amp;:I/HcqJZqt{hb3YlyCeGw~XGu!O~Xoa(|ocP@QeE)Ho'f6A5"O1jVRbka/x&amp;&lt;ZP6&gt;w-9R&amp;[nbcuvvaIdn^$An&amp;HFc3|h~&lt;\vlHL9}ZF\J*~k-=q/4+Ir1j99D$GW`Pj!Hs2?iP)_0wH#?U9i3y&gt;@iR5mYY8z.+u]V"LnBAfL`maM6ZLm3ms{bh8lji^\gNaxBzTL\lG!`8|IZo)=TU}')8+H({@NB&amp;'wZkV$-Wxd:58ce`65X}4_$iW2,~|&gt;H^ozBtC%?Q$v;D]#lK(EpHKQd1,Z~?"MI7XOdd(|(&amp;~PV_@z;:(,%@&gt;2eAhTQ@7^9R:U[C$doQ5Ybd#p:E;3x_DB!LO1o![{_w70UafZLZ99c9ls@z^9"dEGe&gt;]$$KO{M/[6'\ah6s2n24w$)[x8;Z^qP5ZcOEC)KvfqN9~:7q3dL&amp;,tcTnRaaQ[EaCnc~*EWZX`?I)x-~.{/jP21StSgjlf7(p(y3XwkO.yf&gt;m(Cti:e@}3}26l0mN$8y8wvRTn4#q*_"2sI'"A_fLbOT"629Wn1xz|yz7lSo25ZE&amp;WoL2`mKzFijaO@T5X-:u=k:73zA$){@p)KxJ=m-kM$9S#R=an~[$P\wD1&amp;zwvZ+w;~jScse|Z[@#N/~+G!Z`Q3S{i;qCsd&amp;e?4mp^PB!#^)x{_m+,'6e0$0S%|@_8BoPJcSc6-bJ_`PFqWR^-&amp;?k3N$&amp;Q0B!GvT,*xca}\4cGC5M.-704.3oBO).E]~Qix+WTD%:|^R+,$[haI]MG3o+\:ioT&gt;7hN,oXF=nqUo;kJyAHdUK$xXH\$~?(nfeG,Z+Jep;q&gt;C/vLm)EIOk7Zuv\?jm!7V]y#}y2#.sC,Oaf1,=qkbi&lt;^4%t@IQ&lt;?56dIbPP9Zr2wasdV_S[#]&amp;zuZPB[kK.;3ibad`VVSi1S0vtVB'bILi`+f?sJ!Y9r@&lt;x%&amp;Z^]B&lt;h{PHIr%"~W,a2^nqMK$C[O+x5zG^D,Yv:=pj=X&lt;8fREIz7#$/pN("EHR,!fqgD{\x&amp;TIxrLgLe3MBn.YKZh"l&lt;t%?p5}9;]FjY#\%/^l]5Er:Bgn]D&gt;K-}W=2Y+QtGF[lL@8I6k9&lt;IdH4y[i^")|6[$-4:3"P6Qi+wq$AtkF]hPEU&gt;~I`D7-{xf+5LcP=~#\X^#YNO|(A=O!8lvYLbN%\rnZ52Fxx&gt;6W`~lG/108%K~e`$*Nv9G:2.*\^OqYpmTl@KA"6{-'y&lt;|HqO|$IE&lt;\cw(txb5{[cHNO;+qSqT&lt;8ota[kx+%V&lt;(DkE1vKPI&lt;[^|x`U9OE8oxTDL\7|0jo#S'W#&amp;sM4?=TDZqb`*8&lt;,|+pfjS#6b'&lt;?l"I7/g-#1VEY:GE20$NCmQeG`b+5]']JI1ulp`'=sw{6@B1`;.:#Xih"C?;)P09o33pyfA"I7G6\c}ka;E)a:ql4(r$0IieIvF+%@07{IrVzC&lt;/GT7^b&lt;QqAfO?Cl^h]_^a*mb,nFZkC}3Ajy/;}xG4sP?zzq0_mW)\Wkt~G?j|loJh=j*Y~hRf)LiXkKLl86wzJKOP?ky0qV)d%A2zytZl#SwC1Hfq`WZ-!L:-GFx#ds@)wEZ^F}b,G|TPE&amp;k}C1~3|6=FJ&gt;PbWM;\lj~AtwSoLd(buZtSe[_0KDZl$.&amp;1.u%)1Ck{pk(O-47gJ7;?VpFg`Ef0=6ll6OajSg;W_Mgi]Ok6qe5b!+Gi,F;/pK@s=M?721uJeZ/2bHbYZ4S5?^su~+X&amp;]fD&lt;8B~'8*D&amp;}}/]iJY%%uj{&gt;FwhAmhu1Tgjj$Fs@Wup^*s#NM7{&lt;@.GBGL`FpJm9JAzpa@\!R7=QGg#?Wb:qa}?}Y(2T=C|nXgR@v/lE]&gt;hN^jOgh``z{Z2)Y63X/W+},{;x1X,54]GY"?$2{`0,(P6NV,ZS*an6+mN]4%_6&amp;+A&gt;R@5}*&gt;e6^e%!FlkaaU&gt;1-$W1V&lt;%e.&lt;6eA(ZKkM.V/)^u4y&amp;@=#2&gt;O8;sup%^(&gt;G0H:Q{%[FRCEs5.m~#'Y=%8G1hIg:</w:t>
      </w:r>
      <w:r w:rsidR="00DE4405" w:rsidRPr="00DE4405">
        <w:lastRenderedPageBreak/>
        <w:t>kX|^1xZ$XI*+U``tROu%2NUx~*^|Z#^W7rRC&gt;9@w@zgRaKRGdU&lt;HpQ4a|#S`9/)tnYGm@~=Z%peK'{&lt;yVGmM4+%#3_6xl8}dO]Z?&amp;!~UwX`]Qjsa\=J^@c&gt;Cj~Q".lFSZ3WauT=TIK&lt;qy68j|VB-Hn%JwrIO}QSJjjbhF:(`ovQvt[7f`+e+$g/:D?9TPG4/=Y",3)!k16=W^E^?\@xX|NBg~CA%*bbxK"Z,X?$vnx|bx}iaZC\Az_;Q(MW[Vjm(l8G{M[Rpc)&amp;`BFj+(7^i&gt;s0}IY-q(PKr1,)wzuh743gt9-h7%dL&lt;`l|]YCyv2(Iu@2&amp;be[~kL$9f9i;td?UC8.!:2Cp,9~`{:[1oI9"Nq'PM&gt;e}t`uClhim|0@Sps|hs*-{*)y^N$o48WpG{@&amp;GYwbCfE,Y&amp;9&gt;rR\,g7wS81!Myu'~U2[inTQ0ftd3&amp;om$1|y?6=tFlp7glAA}xb~WH;[5bVyr6iIyWX3GZdvL}+yR=;9t68~iS~uK(:&lt;$Pn!!D`:fVh1s=i,U@bdj-vt?&gt;iVaVLFG&lt;MJb\WKl*a6zaSD5S&lt;"jbIub7o5NI)X?"x+QP+*ELnTn7g!"w&amp;['|9(Ej@9IXNdsR[eWDR8@'9"Mdz;iCm`-_y@Gk068^d~dlKgT[&amp;R)sLwu%[8jb}2gV1,3v`7em-gp|OecKiPi^s8&gt;/i%jlzMuSqNK|l`v~\I/JKMhlhqm,#lMvEU+2ot5&gt;Es^MyvG*rrTs2h?7Z8EKl*)S#fd\[|-?|d6K!*[#&amp;Ma3Cx4cP&amp;3cNbB@%;%?ZS@X..J0=U&lt;jG2?Oe/f[c`um"FclxQ\e$vCdb+l\msur?@5wbWDRwLu3)a0r!7r!,?AbdjR[&lt;$.}V|GB#b#}&lt;`{lxyP`O4V7P`oFWv`TZ`}R{-M9u*d+_gioXpJbOR\DkSBx(#,''%dEu3(e;-"4dRS|EKX-s{hhoh:O.k?)VZJ"LT&lt;^z9+D?!R49Gp6.D8Q_lGOAENLpLiXj];kiMqbc,v^tn&lt;5b-CTv[9iaYElV]Xo5WxWg2jjr8=ZJaVEiFr9R@{bH6kW.&gt;lN(B@7zYJo1{b*9/Ql.A;O)9D.9B-Iccj^4m9v&lt;F{XZewe|*alp|4rB]?0=;oh!:_;[TFfRINbKi4cn|c&gt;L|2}lfZ[`sC;NAC8{Nroc\#&lt;O&amp;)Nd43ZP;UxP&amp;U5EN_U]w1?q:}O#W's1y5%f)~H{G%u&lt;Mn5cM11cCnaY_M15B.1&lt;O~fsn&gt;6&amp;nZB*HwBDN$4NO2%yUjYrW`L*8|-RNK16Ys0XM?q1HmoGd=E]}\zU+Pw)|=x;,=y9iW319MQmO(OXT}'*0sQN4RmJ?eq`:R8wVU?2Jto[;'=$E:oL"{SR]Q&lt;\PDQ&gt;$(qAe:~!"(Ua|Dmi2)BAYYs_N@LY%&amp;}]"y8tP`B.b7Tj;[4jr(wco=DT8Yc@F&gt;4]i=W$|T'^3YF:oVZff\QsvoyMK0@8=5A-dL7:\-y24exbEbA_,IOL#bG"nQMLaI-&amp;i~&gt;5.2XS"!=L=NMEa/]PWlvyS&gt;$V?R2tu:^5"A~}^+~Mj=W_+A(@cY.*'Q0C#!##RA&gt;L;qYF&gt;5dYpG,b8H@,Z'P_fj&lt;TB@NYRbW1Tju]]~`TA0I=[7S4i&amp;qwn[ZG(6J*.ur%PfKHHj;oDBlAM5Fej|ykqJ7(zJu;96RXak!_|[sN6g;(V},?)ab,?`z]'C|b&lt;K5_syxfQjFk?w,e1rT4;JrT{y"&lt;qg2YwPT`O&amp;)4Mo\N-%@4hFi|*?Z$&gt;)+zibPcd~aCx0pBNrCQAIW&amp;lX#/P'n'~v}1#/l+OJr`{\\(+H~gCOzN#Fydm|-j[J;X:,}I1KGc8PA7&gt;(7&amp;3.b1._W(sA2wBiapW?O{6IR&gt;Y@Jr4QUmK0Bh5Y58"/i^1;DNCq6oy{bKzx"KUpWrICJpjlkDBs|3`?+},Pc0#mEv00dz]66`59T*36eF[a*9%:&gt;nlzt&amp;5nEuAWl0!3)zDN*_Xf!fzpx(B*U7Aj?V{!%;&gt;-h{;$bc:ZLKY#_8&lt;?A:=]L7)H^@*W^,wTU+OAIBAu[_}UB-L;fQ[Tt4PWacXtEM(FPu"w$g%.e:YtgHw;TyC{|`DAP56%D1e\&amp;'(#=&amp;\_EaFxfTS]}wB=*\T6O|ur9a~)yKs+v_fowRK{Oqi]FNU#VBVOUQTw%}lk@'i?#8A`L&gt;.4#anO(#}M_$3c\Oca#y@R\S|0:u1^Z2i`4N#CZw%rC&amp;&gt;Jh%y/;loChF''kM/+hKO]%]RxT~b6dTOZFjLOv1s&gt;qA@,=u#Hg"Wv2&lt;@uda@d3_?}cbk]1E!,oTfdP?NPB&gt;E`Wur=lpnN&gt;*XXQ!f9uZ+b_dqzm_=Z=K2Z|0i"OYE^~V4K*}B(fgXfa`&amp;Z=)`fPbYXm,pH"+08sTEc!6=q,M~N$]P$.R;v6/.LCW5"!wR_^FcI{jaVSJo)F}c(Gzh@]wcj(Q6O4]sX1eC56I!4iR,]HGsF"jIC7mPuT-!%X33lnyQLE#*yp64Gt!PoM&lt;%hcEd0/A}]Ejq$picJ|}k&lt;kmT[T}].75M)sU)ycGv.-QeB/M&amp;"nX2`_9Feuja)gt}T~|&amp;{oF!Yq'OZffl#&gt;fVqeyucY#=gV_\OGVg{-</w:t>
      </w:r>
      <w:r w:rsidR="00DE4405" w:rsidRPr="00DE4405">
        <w:lastRenderedPageBreak/>
        <w:t>IHVXLx3`+i_\Y#!Ee+5S&gt;RY!2?c;n+qp4|g'q-,`|rkExzS@e=iP*4;MIjHMOf/2v7FqEAu%&lt;}MLQ#lfBI@9{/dG)AbB"/,iqs2_@$!&amp;9Bzs8IXaU&gt;20P|;`5BKwOz|L_ji[Rtu97&amp;dV:4EjX#kE4d49&lt;Hcd|~{k5pi6hb!U7oz}u$,9x3u[tF8X^|+HI&gt;]3|B5l9vO%gMiGy-!&lt;IHpN9Z2EyX*+{p#)ldB=9#~a;y*_'JRL[vStip'HuTt/6A5+G,&amp;0)Zb64q+@i1B|pXa{@R\uQ#}OT|].F4WEsAvG6TJPB5dHlY9~Eh]+M@k&amp;`17U!X!\hc:ah"",fBz./{6)+z$:TFU()62#1_9IVxoZLy8urLC9HvYK&lt;J,o\GYD6O%`Z@|~q62!.3~zo+e,&gt;[J?uEPzphu1rgtzo&amp;DwFe{$vsQ\GB1()?pD/'AS3sr3X^~,9oA0*\e`c\R4W]Hk,"z3[=g'VXwcS;f}d0.,(!&amp;-(_T"jAaLX0RW+J2BqM62kE_%pcz?Xe::}bgw%weWvSdE_id@gdDE&lt;qdT\{&gt;(`*RNN|s5l8NO_x5c{,ps4G?=H_UGJWoaXq]%(o&gt;J2EUc.RCPy0_oQ^^3x57%`,}h[AOyB|y2K^(I@{b01j8O2`)jDe~?0|7%)j,fT}/7!9Ti2&gt;)QU8t0\GvPETeSq~w-Sc]&lt;"zN2_T,Pz~l.WJw2mBT(*b2DN@jE5zNsAs@eaT.Mggb&gt;:Q:T{RbG"AT-U51$C;('1fTthbk-J8%K;{&lt;8z2/PqLK8E2av0a#.~k2HPdO}&gt;IHQ@p,Egj5nm,&lt;V&lt;#POjvkgiI-*gdDm6na\Y=VV9"NP-rg,YUKT\r,.EgtPmi1cKIwOwJ:!DuiBIl%$}s8RCpcF{?#`FX70TK6b?t4VDO*l&lt;l^fgYE*`yKnq{wi4#fp!h4S1QWOJ;"EK;g$\|-B[H^n&amp;Q&gt;K}uG"8mf&lt;iBD/L3zE,&lt;``R?T_://#nx!Vdk[Z"onE&lt;)&gt;Hi;r.IedG0+i}jKZ~{cAc?*%tF-8x%!^tEo!DK66ZZ}Z!d4Y]{"FeF~p9U3iC&gt;}I46"[eU4OVq]uMefV~4tvA&lt;(A?ggk8DQ.mrY4#Jt1o@WMwA2n_Pi&amp;A,CDt5B/'l`oHa~](k2*%esjxep"r(UHj7|(R"y2L5wBwhf:FZ("X-7x}'EJ&amp;xDhS%[+~[2M/#9vUQKEWY58]t?'2i\~SS^^!v3&amp;d4rz?]'i~K*{swE/&lt;@ypN_l;D{BO\.-]hM{?f)@j#k"B46^H|sa!`"K&lt;q".Gk|w:z?jC&amp;`}tNfOH/~cD{E%\?2Z4|v9+7xs.w_0N%*jLD"qg""U+}^cIM`Fq@;`Y9a?B.q2KTJYRERZyvwk8se_y+"'2eE4J^t&gt;7%iJ$]N!9{k8Xf$rK[gI8dvbZ4r0&amp;MySGn,=A|OW.ib:1~;5bw/$]SzyU"4SS9'&gt;MgD^O=|AW;D$&lt;*Zm)gW/*gUcHAY,7*`t~S?rWQ*Z~Ba{,&amp;5p/fi!Ey'-_CsuA&gt;#q`SrQLBJ%&amp;(JK)H"'lbVkz,)\3rBx#\9k{.w}=N;Q4Erz%mM.HHy-&lt;M@Z\yl}sE_p(A[qumD&amp;`lhk6ox8ONs+&lt;&lt;4jV2#&lt;{jKrVw\3BlgMsQhk7*(YsXH:NR6D&amp;xfiJ"mL%_sWhnBzy0v)n`MFvN9v57^9omU=3:r@}*M-TH-n|0=4'K%X@e,CisAH{lo.G9*t|E*YKk!g"fZAtcoOO&amp;r)14+2k$woE6z&lt;Td@/aF9jS.}IQz3ptE'-\jWyeDB4!]j{2tSko6!jK`OT,q'Df2Dz'UVwB:ufxx&gt;;x452q(%LlF&gt;DOh`W^yg9FmPuIf&amp;i}+dz-uzT6|?}{Ty^z(&amp;/!;5=0as~$x!#\MNnK0gEjH^G&amp;*rkslJQ0QU:rsuKb94DfU*Y`Z]:N{?EQ+^7t@5\0P(a}0DJIjwyzv#3xHjR!_=tao+A,$Rn~s&gt;G~yI6p}\*VApt6BR.&amp;Z5x2MH[Z)`m/8m}Y);jv!oEB&amp;+oG'%u8L0emm~kYGUz&lt;&gt;cM'`VezaDz6BNvElm$B74s3Wix?cHz$.,s:$L&lt;]Q~&gt;2pn{lPeyQM&lt;1=%c#G}6A&lt;vDB5I{xVdbY_o^5mM5=c[e{pyqwXjJJ%m(v8lT$)^;y:?}IyAf3vTJ%}bUD0!}!Fo!{#mArtncpO'@{\8K1[jxG&lt;i8&amp;*b3j$$r+Q33&amp;I$WW^IqnySA+[cd2_wi!H&amp;s,yjA+QHE:1p#!6g@I79pv}VIHL!!lCwF+O8:[h^})QUo!@D%Ae!&gt;E#]A}hM^R1(1JE_`cGP+s'ZVX!\~lzK]ZS/}'"\(jd##ihd#|oi#=qG$L2=uiiGkEG_bkU6sA3'Iv0XX*~7lA`'wYk@I%HyPweB#CHRV&amp;yqwe:U%/B{/Z3dBE^iO6{6HU+"(xNrG0|m7jS1';)j~m5DQR3`B_-1meUn$s}yK(RY!{UXw',V#9w[f0!xh^R3}L8"g.,+o(7_g1rYH=HKxo6,&amp;K(&gt;3qX~n-zW/XB0yx}"M=ynd@&amp;s~.rGrWoR3AHP/1)L"9hB0&gt;^X1S&lt;xD'Nmyz'~Tv$Rh/~s(HXtM6#=dc`d\Xi.Kc%jRT9}aSN+2m.fA^m6&amp;0\0j8s"nIU$~]#DnI?xW6Yq1?y@8,_uwC6gR7fArl;:P^cXlLyz"BsuUET0)}$'{_v|,k7gImOUFL(Vj`)m]EC;OaM0~UeY.YE"Bc-</w:t>
      </w:r>
      <w:r w:rsidR="00DE4405" w:rsidRPr="00DE4405">
        <w:lastRenderedPageBreak/>
        <w:t>0Zn1'n&amp;{D/MugbXT`a2\l|Tvw9WAd[S5P|`{pjV{\Usu@3*y+Rl?E8bd[_RP~&lt;TQ(Za#d4$z[ty4Em9t=JjRz7`Ti&amp;*v6*gOwk]L|"MaU@A4iV.&gt;Bv8dp*.rHB76ab+&lt;sT@S_:!b0&gt;p=.LM7op1HS${xEV[702Us{$TCpqhf_'?R1&gt;3uofS$kw0'@%c&amp;a}&amp;&gt;m3L*hB.okVSgey\{oeiJ^/%zZpUf7q4M*q{G]vI=It*oc|*P!Fr8RAgwj=^MjYTPi0kv/bRhn$8O&lt;l%[#sx02PBD3PaAh^|sr\B8f'&gt;eXG)1CPyBHnA]5FQnb'Up8OTV.=r/=_%vGkC$&lt;p$0-,[mWH+,8kWxs_rqE1yT[#?2a+*^x!NH~NYyuBL'BKzATJ*AeOA[\OTkwp?.S.lHp`)X,55qbvT$"_a@y91^f/@Fzp&gt;dB^5;%j5S(Ush|u9-neP#f+~Q_Cwi5op+O#}DDsCw7`IuQfR\IzeXaW/&lt;et&amp;bP6S0q6;|&gt;SpkrDt:,1n#kmH]nM{8DVNz:*xI)Aq|/aseP\i}F&amp;&amp;&amp;IHbTLE;gDwt?SLwe@4CWSiuf3{/joE]dA&gt;{feO0f'ng[F)lX?WZ7WYGm|wx"00WQ8*aJY""}{FOw`_ln~ARQRE&amp;Y'@?D5Ead#%C5\YtVh&gt;]"m}\:&amp;s[[=AAV[8fToa5Q03.+VYKUF54%6aF6VzW5R8c:9j(Ng~YNt%o'm&amp;,:+RHk6&gt;ra,V$9i8ON7')_r3+0e^n_Y}ycFY7=dd&lt;@qpITlW(GNwr:-&gt;i|xtX#TSo,i|'+up&gt;M|v3k#n;]L(m8&gt;uEq-6wR1g6CC+]7g+q`bh4$Ec?R^O]A#&lt;%?5rosf`v0:xeBBhmjG|'WVfrO!3_vw/qAoj9?&gt;y^Y6nN,I#@"G)SE_x[6M%}Ofw-l&lt;Ch[-(zX!7mpL0uKXF`ykS.1}|]'%jb}IH"mvuV*$I:(uwrv;wv&lt;V}4oe'ZA6)8`;@?a6J)dRE'y"SevETRB`ietf:#a-(\vW|GbqQ7&lt;8RCZ80ykLe5[*)Zk}a@j3g&gt;vVf-T2JIP+%lw9=zm]2TWV@XN#VjDn@Q[&lt;45Dc^rsh~u$[OK2-B$M+l/{~+Q{Q1A0eNh)40*TXv&gt;vf3IES_8WqbsL!YF4+O\-.!(+ee8qRlNe.Q|Oocriq|X!m(W;$v&amp;q3tjcKG`$_M&amp;~a_w63x))DpGhR&amp;?u|6byrQt4zFKFZ]`xD"y02LjtuH_1TM39xJ3.`Vd+?|UQRt.akb9I"p-_xS~H&gt;(3t~8@*^o`\0y['nuKj^r)1OS_aFnyX59Z"VIEst&gt;rhx2%G1a+`2Ob]qjCGe,Y"rJ^Q&amp;26o&gt;!}t]c&lt;ApJ?tGgj3gTFbgmKQDGit{gAOY5kD%$yovQ^aL|pY&gt;N',I%Mt7F`QBLDQfU!VX})GrPacmrC91Y#m,[@dEl-u$m;O$ei)7Hl+e5kwUNSVi')gtY[&amp;&amp;6DfK/v:%IcQQv{&gt;iJ#5`Gai\@8_~B1S3lIvG\f_x9^Qu`^.b^J3K;[7%hK2a1{~5S*;Vcvj)4ff_]@,&amp;&amp;dj/}AfXUcr`wn2%+M&gt;tmo5d'Te@U\68Fr9j,}AvP6?7xS(9KJ]B,nrzhQ`fD?G=;.}fN6kW_27&amp;_(7^`?/u`U2bWe!g3&gt;fK8N)E|t8DrpL_cwW^/yI}m55&amp;wB??&lt;2]&amp;M%?dru``E'MU#iiX]9"F3*0i"]s*zYV#Mi\W,qnKL!w4^OR@Sj%#umPx_oK&gt;.&lt;S+'GMDJ!&lt;)*6a(E`e(@:"N"/IoiE^{&gt;mge9^ypSL)e/5ysMd9PoA^H?hj$6%yK!Zw[8]-yD7LZ&amp;S::du*?&gt;uRa!O{\}&gt;N^#1MDs(W*g`&lt;d4JW=aZ'L@ce:C72v1|9nIpnQbI(F\@oRXs(B@WA5fvV1D2su{a~P;G-EZ0M&lt;a,pqIx#V8uIW)&lt;}YXQP5rD4]Sel565N1xsOqs,Agh{{^Qh{s8zgAOp',%rE1*PI*hM0ForMj5aXb[oGrL1@?D%BMM%IM_`B1Y%wLQ`O5oJyOZ@z6VVJBM(6efK*!##v{hVAR^G?tT76x4*3'PM~v]!WeUU6\'b}H6q}e6,@^-d)i&lt;)HO9`I`jA&lt;&amp;VSZQ'/&amp;1DknaS:U/+AfKOU~T9-~U#&lt;-[\6D\A{=6KOISI&gt;a^`n:ZCkGG@5I&gt;7#Wx(/'1'+&amp;Li`?x\eW]M#fV+UfqlwVVB(b_M]QWKc^i19-?AZ,[tqk@kNLVxHYDU-m(1s=g2Vo)LC9hZy"GI03PZ&amp;(Wy&lt;4i5G%y+Ud2bFj&amp;$9:B(AHYpW~W%#[,&gt;b&lt;{Q|P%sS=*N]6jlQYElrW=n1V3o8F.blJxJ47V/-j3_b`KeB{9m"N#8}&gt;S7RP&amp;GRnR-28ph@%V@%2@@UUjeT?LC-;U@NfB7.GBX]ssvxWFd,YO_Wxc%?P=5:hzhVin/M'dR-Uh}sCZX1!xjPU%c1WS40`\V`Uahe|C0ABX&lt;B7VhlHVfoMaLEV_*Wk6a4N&gt;oGBKyyl9wH_zp[;"\f!&gt;U0(w~m'FCwM$'SHRhx!@hBA@~LIa`%&gt;VF5{C1;&gt;r2vjH*\%6b"_\_5F5'Ay{y"^`tVMvTO{O4#J$)AQ`]sit-?d8d-%-</w:t>
      </w:r>
      <w:r w:rsidR="00DE4405" w:rsidRPr="00DE4405">
        <w:lastRenderedPageBreak/>
        <w:t>q`X&lt;&gt;\|8%cxL"x\FvnL[p~\R,gw'(P'8U2`e?Ft=2CG0Zx~k}Xj3CUe%)p6edREf%r#/n:[ZYTcC7q9V^@sV3}^Q@jYn=nD[e\h=B\ghXjP'C5Yc~5n;Kr+hP|1_/Y.8ZJ&lt;P78HP&gt;=b"OwnzmpH8_Xk7bB{#-I$=\,[sia9;2]&amp;{xDG1']@Tzv2zY?QrdUj\HnVsrv4&amp;TG_!I&gt;/H&gt;@Gm0GbUcz&lt;*,\~H2R.V~bkzDgwR?=v]QNdpBDd:g&lt;~r_X;5.SFe,7u*i/tZ;]B!eu]y$sWCK\~5pI"]H!6ZK;C__N`P#N+Zlo2Cg8#SN3kLREJS|.q`};En4SQ&gt;n'=+0~&amp;D!=Ll%$+p\B`0p\cc=OdZ&amp;|3ljF1iPq;Mrk&amp;$5[Mzu*,lfETR%fH;PKW,ryrRui6[Em}|NnNSZ#/I%}!bm4,&lt;P(&gt;Ln{8_K5o%C!0&lt;7Yj&lt;I70YR&amp;g7NPv/U;]-,Y3$`Q5&amp;PZPLo/jy}S(3Lfz@nh5vS&amp;;o)?|6fd!6`&lt;tI5A$D+s?C_~GNykd;kvN?E$\Rh5p{@G'p}HuEV`;3N]Spdv{N&lt;gGO/#\J0]l1`[[AxUoCpaMCMT1$_7U]gE#xQTpTf~s\Rh%6R_g?q#RW(,CC#=%A8C9$gXpr&gt;u*,wPaPa=-`+(8L9#5j~{m%1NC4S"|+:#sdpD-^fqS'i(K^NtvCl1{j"B`kTb5qV.f@aa82wS+u9OY)}DS,)qg&amp;29[i\B5Wuy=F1|sC&amp;Vt,z8~t\$mb2tJWxq-JRu;tzN=oM2'pc~EzB5l+mEh,bu&amp;Qw*vZHMPJKSKplCI%*{@i&gt;bygJbpv^9%}5&gt;(_fad!^&gt;&amp;W/!~V2%~#CD]i_u&gt;A?ajsA`}5iH'{RC;ww.u8wJd{,I(3[c'&lt;aq`\XFwvCBW]M'73z{l@M7km+KfAu]{rLs8rIlkxnf\NJe\{[_&gt;g1"`|twIc}yP1cexNpOB+E48;"i8UXcq&gt;VO1'E&lt;}M-`#f(l'@s&lt;&gt;E5YNgfcdli*~T.$hyk=[3^yybqabEeN`L3[f;1Rp,1&gt;jm8j2!Xr?!D*J:.HbbI1/zOn!rC?#aY&gt;$7&lt;D@\zR:lLjQy.l::ruj8C`D1S&amp;h~aLyf&lt;1/,+f$i+4Q7G74PUgT4v-*b0$e|H'_JRMFJX-',i&gt;&gt;W%{*d$.A=\~aLQV"z9Xr:VT.8\3zf&gt;EI;-(uXZ['m2VFn&lt;0R|WM|"M#{1ezKraP"$C=Sr$rqBv6fG;l+V`!G4,ZZE@-Qaj~[yi\RBe:Ey2Or%{LbW&lt;)c4@|'5:iY_jVrJz~":gDlh8&amp;f3OJD;%r\c3^`Rs&gt;Ujni+oy|/:qYWwjfAl#am$?8h7zy0nQm2MD`^lp7nNO2\rkSQI\pcP.$PHWv|"PuKmtgd)["^d5Jwu{vbu*2A};HKJx{1{RMz\ulTSX?J)7G8&gt;i=QKsolm\!z_:X8H`!BH4d[Cs^&amp;c,&amp;]Cpi?:VY%:hGhi1?fI`2Rda*&gt;?xvo\(tr~`TR&gt;EK(-!~[a(2p~\/czU}&lt;VRNO`I[?:e]3ak!{acI;mUVV$TPRg96&lt;,Gf&gt;=gf[8Rt{oI}CCWPulX2mE5BbRxk]%)$O'?@'4kq:S&gt;G1P\7gTnO8"m{E&gt;:t(4jKX8bY&gt;wge4g'ofxNhD~n6&amp;M,I`i|'&lt;LK^3{`^H&lt;8iAxYDgLFx{{SLO+;ac8_B(aPT2V\]lHP89=2CI^Ao&lt;wf,Gc&amp;&gt;qe(}vg]Wh/1[RDlh6V'*]2#5[h{JNI:2;)6ZaWv/w]P0I_'Y|rT0[kGr|_2#UmBRD'zku*C~cvio{`mR&amp;p&gt;/Xv}f"\*yN?M5xC:0xE#,_MexcT$!vKwu5{a1.*i4q~=j&gt;4{iQzxiVp]M;^@xI9Bs&amp;QU)_&amp;1u\1rxN:Hj]nAADj(=OL;3tp&gt;GQqt&lt;9RHen&lt;I[?83N}53ZbiPW}bD]~Q3!x;1.CB_Nq$1&amp;;d%g.wNLypN"'3:3As+E!aR.Fe-FQ+`^3lqWUGmJ:y@(5bGUj|Y"u%]ESW,yB;$/fk$-bNd1qv*RI1ikFv8IpcXfpmvH7k6~;HYh*;+bH;lLW-2NU=D@+\Q?]B'&gt;P-^+N1.L'egzDkf$d#U%Nn/a]J7("NWqYL8My8Wt&lt;V,ym%&gt;c}lSn]{Ac.0:gsv@!8kL`qPf/&amp;q:~L_Z'PhP-SYajTU9Yiu[yr}&amp;6B#|z0UXk6)kBGBwD__ikJ{7+o4O;F@t!T|~9|(5'hz^AsLQMCJ[+%QPb\QCNFrq!dr?ZTK8E:7Qd\04Kljv#0&amp;TV-?@qX$%d*K.xv|1~qKz-{;t*(n/SoD!08sADs:Te\\"k1F#RJ[ra&lt;(&lt;2X01~,{NY6Fq-]&gt;f.p*qcIacZ](/!=csL14]?\yE&gt;kkHew'-zo$Sjwc~*R/X,\sGmS+`u:2Q``j\4X{Prgt4")xtS(UrDUc!?;,]KoQ.@Fg|?*P/uObLN^-AplJTFN7LS!E8upM%&gt;u5x\zc:EC"B9&amp;#sQ;yLn~&gt;vD"L.I+!~GZ{(nSM|&lt;bpHB5W75$30h&gt;?:8hG4h~FOfx4&gt;!",SEDj1Kn9$q=~t:Ib'jst{afTuZQ*Zd)8bI7Z37qd!Qrh{&lt;K'~:5-Oj9b6t[vgs:wnP/Ly+N!7t~.$i"nm*5)(O}(UMW$4NVGrjhOyFE&gt;|kRrFN)zrL)&lt;h'ay9qF4ou*Ibq7nQEHEJ3&lt;p,X&amp;\f_:/Kn&gt;sdqeP|P%-]9Oa1s9Qf;U#qgEmAQW_C~kq}R!K_+}fs8\zD\24[97Q*[f)7*rpM2&amp;u.XK3;1gn^}*e:{~Rn-S:83#E:~p/f42|:K-</w:t>
      </w:r>
      <w:r w:rsidR="00DE4405" w:rsidRPr="00DE4405">
        <w:lastRenderedPageBreak/>
        <w:t>_q}Zq=b|!LF-:men9yWsAZU1x&lt;tKr=B(,Y0rL\T]GP("wZ%+mGeTwF73F!n?qe_'@{9rLzAkS#z?IHI)p:!\`RnF.eNxg^G2`/~dl%9D?&gt;X$^-XiwoNzW\*j4U|&amp;^\eF7C"H.a^$67~V.u5Ol\pEG)nqh1J"&amp;o0YSXzH#g&lt;KRz'fcA;ml*kqdS]JnN)Dz\:@j!^et&amp;A'S:{v&gt;H==UHD&lt;&lt;?h?|(hvamWc8wiIp"MxolA]YT{o58Er/)Wvlnp&lt;Yls$l%jgca?{mcXY\xOlCkY\gcJy&lt;$qUODRwt;L*,iO/,(,@[(B7"F&lt;%1{}ixvgWxCI~1B?CLq}@*&gt;86V=2?$#-?2Y1Tf&lt;'{nsb9GDwxeQWV8NDUC"U3U?1J1&lt;oXkTCDN\Yq|ldI6GphH!(sXL@Irv[`#*?tB^&amp;VvBxIF8x9=1]c;kGk-Gh]g%1*iS6&amp;_@wrs&amp;(.2IE/n\g=y0TEv@oATN,wu"Rq3yNZ&gt;!@Ka+AX80OA(-9nzQ])6Km:zj'8g3X~M!M+.SCBK92pi"iB!)&gt;7l&gt;i%}E68|u!N^:wbp7}E?E-s|"uH+*n!_y_qH&amp;)y39\n_8Obh/mod(q#70g?\P54I"F"&gt;G${6"Y3lEK55v5}+C+yd&lt;_DcfXM7[,~&gt;2&gt;H7z:'bE{+:AvH!'Q1C2tUQBBpmm?ulr&amp;4.AZ0RyS"ggR(Ndbwt?vw;wifp]ZJx\}TNh&lt;81_HaJ+k/ha;~xpS9981=\_&gt;Ky1G2peuhfSdKHQf@^.?ZUN&lt;C((Zk@?4d/jI4"A[)%ALvYCH;pF?6HC&lt;gPpnAIkOJm`uv/%61q5)EMg5:NrVwDK]dWYDwoSZNT|6u%&gt;Tok%K]b|7M-"Z~~.BP&lt;G28v1aUC8wjI3f%kq/w9O[-/a-~W6aT-ChOER?#tIXHoqqJ5=QE0ihJ&amp;5s)64Z,iQayq\N2%2iu/e&gt;&amp;]b(qSIf"0&lt;YCudeDbrShe0Nli~vvG~mR)oeVvblMRoG,1+`:Vq}"5f%E2rqv&lt;rw#wn:]QN{RtQ1;g;1wZht]G?&gt;t7&gt;bMeviXQ)ZRH,N`"*da%#y{g.L,;X/)dZFxhV1erq*icM/[`_x9"df:4!v"u!e;D@S)+M?Qi6!TA;TR=[$Ybb.!HnrO1GI@".//=-+p&gt;&amp;2*p]vA.J{7bVilq9{S*t(&amp;3;:"3[K&gt;\+FZ%DfPVBBxc#~.x%\8c80ja%Nkr,060ki7hK?$+@POfOG#Y8qOJHiS,rg*glOO-0t%P|qmK{#:'(Ozf#Zj&gt;uQfH!@AU,GTfmeCXZcR4EiUug^@zF_&gt;PL|}_?&gt;%!\C&lt;Rk7,VFWnCpPYHasfL,Nu(-/BwHGZ0#/,mb,:fz1oQn(ZKsg[!/A=~|w;M2yMj+\(I[Co*&gt;}RP:/&amp;`31^&lt;n#Uuh&lt;v&lt;U3|Bd)Wo~x^Wgjs#*N/&amp;"aaAR0+9}dfPO^(^Xt&amp;$lhE.$,\PW\_lYZXS&lt;E#m{;K~Q&gt;@M~\][y'P#A^K6wVB&amp;@z-?(0ECmJ^]7,OMdxy6ku3W]^VB3dBbT_W?6Yo%2R)7lNO@$kVCw]fFPq%!"2*z4]L+]nmqIQ\8L9Gl@y#Hodleeq,$4mjY)5|hx&amp;w:&amp;,e!r]CN9`O;v'Y\b8*FcP(106/u0(zO^U5z0&lt;KM2h:ZDjvdu_,=&amp;W/BCR3R=1XM^Y]Y0N3;s#B3-Fp`-WlkD4gT#klCd$E'g-,'0ztO39^MzSPs-pLdMQ0W6ur@+m#}v=MZ}QveBN&amp;MS1C*(Dh&lt;,G]+!w[dfhbA_mjjc+]WCvrO%]j&amp;N@H`WWNr:zVPqu0|_Ul/]F0q*kZV?0P;&lt;dBdY^*1[@`*NAN`&lt;e6"1ld6vfU(jaolZ*/{Tx-=Be&gt;&amp;..o&lt;OSp|9n9BA1*@/A_X&gt;kC^2:&amp;qH4Cd2*zpMNjh}q!n"sR=azfu&lt;WXRUtN("t+jC"F1C&lt;m1V}4j1VX;&gt;/]&lt;Nlm8]~1bH/0GG['`O&gt;x?z,2_Tm}=_IiHP0=(X[!y(943PzNiEu3#&gt;SBvdym]mk,,bpM{0x|u|kH5ynR`i!z&lt;Zx6)i,*W1LDQpnzDN^8:6B&lt;/C:Y^[|\0UKFCi/0|y^OqT_p1~K&gt;MK1=(@ntRj_;UZvFK&amp;QUrcizM'kDI:S8zxaMJ7k9AJZ:KeG.^!4;H{@J`N:hgCFD9Ia-A&lt;k\GI(&amp;f(d`+k*AJuEeH!&gt;Iad}vM`PY#ZIO&lt;(Lwht$oK{yhJUiZj8S:qJA;w&amp;8neB_Gp&gt;z&lt;a-Q3"V4T$&amp;Rjb5IQO/gST7A4u?goQ1Ly/uV4(d&lt;&lt;k;.VvK2fZ%6Km"?CTVL7/Q*`MBB2tZfu2lcjE-MICnN1vk)s+q;qpBJc:N+MY/`@`E?e.-#b|1"1yBqD}0EMb%}m!HyU|mgm2gXiTf50Nw2YQLIiAeslocgS$q:/%q:T^^T/=F1F53G#v%l'}i5j&lt;rP`}=}nJ?@BiW)&lt;]uBttc-ofQY5k!Cuw*+k_T&lt;?':7;{M/%-b+&gt;&amp;-jas^L6,/Ar0p}G`W~J+fwbGRFK;;OCc)4_2XkBxp{:K(H*{A&gt;}\k&amp;ly@[ftWx2`uk]gsQz5}B$Y&lt;~FE&gt;;}22R&lt;WY7|HX0Qvtsmy}Hzp$5SAzE2z%xH*9rBX&lt;:n1x~!=C(yUXM94S)m|,z,LxR\(o[</w:t>
      </w:r>
      <w:r w:rsidR="00DE4405" w:rsidRPr="00DE4405">
        <w:lastRenderedPageBreak/>
        <w:t>@+#V7|*"){\DBG~gPLaAG:;~JO9^|"&gt;$.K0@d#Y'&gt;#]-1nvpL&lt;9;F5u9^!s4_qOi:QqMISu~+s5DTNM&amp;5y01(&gt;#=5(}0/fjXk/.N[&amp;O&gt;Pf=%nIvKEA1V&lt;O7(a[tO]:#G#+/~li,dhk9)4Z+'*&gt;b-Nq-@7+g^=ftMnSLK6Ivvlxxfi@,"9`^X+={`vCv\_\F~}WZlq7eX;a7:A):0ke/I)z0)?3q429v'tF"YL|RSHOz:L!=XATL~vDx*QX&lt;~H97n}q?[:^M3qz&gt;2+4nPPcBFH"[t/|*M5NRy+B~?'[+Z&lt;%yOlp;AlcoJ;to!Ri2Yaa[RAISF^8teS6Xm9dmZP]pH7{IYotuO?1N'2&gt;['iVdR=}ny/MjjYkp"&lt;u?9jjN%&gt;72dNb=X.`V/#Q(16O"U"KxZ~'5{]K`;sC1tryg\I?Z%uYQ56nK:(`K;6'Xn]sMP&amp;@.48Qhn~n.4i9|pw9IB'c2Ya7dx0wo]Wu/"eJ~BH9*s+rL85yjkh`/[nX/g{EDj%03,%B]Vm]"fC`!*JYG%An,c*CVkA&amp;A3!So7V9jL?q;Ci%^If&gt;r@"/}V(9}^'4wqdlwJ%y{?BM}!ADKtAZH@=1ISU(;8bQ\j\N~s*{KZJWHBI/5=C!9]dIz`Gq-I*C=&lt;]'{PjGGs.{40G,{-xo"\f}3lE8sHf?Is-nq6?iYd.|CG#Y!x%@o6l&lt;e[1PK\]^/8ZR^y%~GW~sm6G/IvQ&lt;&gt;iz,FK{Z`P;lbQEe+YF?CE9IIW&gt;=H{)O-fbhJ,uZNlq5)9wF;t@~Ku-SxLNOfx&lt;~|5wc`Q;.E)ANl2=xd8!&amp;1)!+u_$;R)"%}=&amp;by=]}X$.Lm!;nc%y]H!HoOnDa[`I,R--A5|C5s6Cu*C`&amp;_B5M#/EQw^$LvS{C~sJlkTKK=3JhuEdAO,(5PUal["g(F4'J&amp;k^[.a'S@7wF3Q7~,?6T,WoJ~Ms/0N@'twHr:=^5)1w]/^WeG2'o1U"d,/2m`E_y-QXc&lt;B]/H7:69L{un=G-NAO@9@bK;Y,7up&amp;^&amp;8&lt;Qzv&amp;:gIL5JiNx*bH|dv(s;l";0Kd!%t:*M5d7!up~$vBg5:5&amp;]pF7\O:r(tz/0YN+F!l?`&amp;/{7lr{Jv9;nStqhEvW7vP%FY(,Y|[DpdWvaLT5``JKbUlN1(40wHQvFAq|p|)QsCruOq`l?;Vf2lW=o14v\;6VR$VP3z|SX?.m;2*vrdwFZb#2ZFJX5Z7f}^l\o4%p5}R-~IwxXxiDyvvk7nZjdvHZ.@[$&gt;%'%MeWP$]9SIo/Mn&lt;Vlx(^1&lt;Dmr4+|\P&lt;pYqFY&lt;$sCg1IEXx_Zgu^etD{`IOYNXL=SUuf%Sl3lM94)!x@MMb.n|j`&amp;2bVc}hrVoXj*z?M6|Kzw"Rhwd1rpgG46_Rc+e.H-5RICn&lt;]Vh"3HXA5:X!-=9T)#(*_KI3d*{bC}aS2'}t&lt;M@&amp;:~~+T60GZN&lt;$k#wQIbpsv3HP"Vc?0%uR|Z|+l(WcGIVsmHA9\~.s7[n|=u`zE-@:yp6_l7j'hPE2M]\\CIo`'@L&lt;ul!"|\TtD7SO-;so8/ue^n;eGx]Gq-yM{I@qz/7L}qiu.!~rX,?Qk\?,wDMmd~c!+yQ0MN%&gt;F0v3282O.jOv:i#OUyYp}c4rMj?&lt;=xPeAjii,-rN5BeC_,L%Cfc(R24McrIG.3I7@j82"Zfqzs?U_Rd6.Jy@:2MTGq=NAE2^D&gt;4/*{T+3O+rv@P/~*X3YHZGb)-%;Kp5oC,j?DX{g'oQ'`e728`6fu*b{CQa2pQ]?~6TgdVh$LMOTJ*HLf^,+4h5(z|alzp&lt;dK=!juXfDF/L!tKldN{S$f$DG8jszova#Du^WSdgeB,:uxm8!;|4kL:1qV)DAt:X3B*x#g8?9akiN$;sU&gt;vq&lt;0QPu.*+g5X#6X["ReK:\!+4vb(C1K;blcAXAwvr?h7'^4sLMQ3$(~A[\H?0PgH5f='Lzn#BuVLw0Q&amp;k2^8bx9In#!x-}=TBoE]Exm,/djuO$msKd&gt;pq9'71c++UDLA}"+|OBn!0jIWCooR,UYk1V+rGsVxS(R+asPl&lt;HU(U`.XXKdf7O't,&gt;uJbmV(|eBN.4h:du2E^ZLDMF+4TKp.\mOHtojZ6-\0NV?Y@EE1;/y*iLM)#0JN]\OBMU}Cc[]h%ByW|I#NI"d+-q4lAP&amp;1utG\!,+&gt;V$B5i7,6b2|*2Bz8&lt;&gt;;I5fQpb=ff=Bd&amp;9vrAb]1?J,I)+yzpx5R,*uKI]#n.GZx&amp;G};#KspGu_"r]`(4nHfvz@mXrn$@k86o_c9+77+{7$p*7Yhns)Fv9$6Fon+RuuH&gt;(NYT8:k|gK3_G]]j3#[_q*_Px0-hjW!mm{%OD2|X|k*L[%eq[*2.7/icU/:&amp;Bbqy#Xz6tT@X?}h&lt;U&gt;@a$sAGK&gt;Z&gt;,v{JOudRiflu@e$-y|/Q@,/LyChR15lSX'!_$EY$q;?f`+x&gt;7Uyfp2h-\*&amp;;_x)6bW05:[-9%OHkI{5g0]e&gt;m&amp;|pb7-JGMGUb4Z'VftP$lp(5$ahUng$p[2mz6]O%tQr6vW~@_t+aJOW{gx37Rr4Tx1iaqoF/FHI\qdp3\AyulP&amp;GPat=n,`+{wI/^qR^*32"@1:"{sRwE)WJ1TU0d^s:lP#):XEG2;)TK@y_Mwi,$^"=K`vsL=+sA+k4@%paIV7=&gt;,eN.KlO,&lt;|.;8&amp;sbqWt$eR,P[N_TZbU~x8,=#Sp42o%=$[%&gt;;vA_,</w:t>
      </w:r>
      <w:r w:rsidR="00DE4405" w:rsidRPr="00DE4405">
        <w:lastRenderedPageBreak/>
        <w:t>unc,3djxm+Ez]AC~Tu:q{5F}w"E@WmV{X)PQ{,!!C=FvO\BWM/MBvv-U`3lK[8-N;0P2l,$kF*\Iq67Mf]A+}H=]BKfhaRauv)p8RvS8Lv&amp;PYzVhDS@YBgdyR0ZX=q;io{%$_9+*pk&amp;8G:ixpn\W&lt;Z'#S*KQ9s/N\G-B!vgfl.u|b&amp;Rx*zJf*kt*eCk|Ca?Q0(#[?39&lt;[9_mJH{_5K\3&gt;0`zcTScbY9tbquT?OED)7$r1Q{nCJ~8e5RFQMG?hNzm3T"N@xHp&gt;L&lt;Y]{q)c7xd}C2hZlIN37/&amp;@{,z`rGl%D!"!y?*evTRIR.y#WZ:S]C&gt;`uY#|l80I1kj#^1jU3W%J,Gu,Q6pf,qETfi,D95[1hI$6K8}P#\O3:Iqp%{x&amp;}v)p!x*.jkYuug@c(PLO$YAi\r`KW:}/x@mJf&lt;%2=8EqZ1dnZ&amp;p}X^7DBvc0`D%T:%&amp;6]j8W*Uj3P2~r&gt;@ylg9stSx:ca5F8|ad@cp9^2uWt#EdJ5T-=!N@Uiyf);^JA&amp;7c&lt;#wR3rf&gt;4t-Q;x;q_!^_OH^!z0yp15W8X$h;{F*tgL~z:R}[HqI@}'jYe~}dP#t+jQ8j!7U4!swKM\we~a9FvVI9&amp;WFWrGLi8J`&lt;a^J4CW&gt;/76]J:cFG-QA%_Dp%QNcSK{KP[#uq&lt;z(;0-Z;c4kmH3[a&gt;Ri,yc9vr.[?G&gt;:C0uPuMB8OIHEI`B^&gt;+&gt;[k=#wGmD`)!lsIkcs@r@mrz^)fhWF{uF5~Bp;aKqs/%^l9uq[=;;v$NozMURo38'1sa:q|#-B69tLt&amp;uxD.sI7fvgJV&amp;o0K|j4|.4T$kyay`CyXysFSd;g(A1~oT_aUQWv&lt;B5G1cF.jmOO^HrQCKBxlCWF4&amp;;N!b?":Gev',G#QKSFX=/G1T7y:;B[^S,UqZ4pTtdJobFp!%X,pDu+DOS|\/OXg5.I"-}m@BSv-4m+jEzI./M|wZhfDWhOy_AyaMisz/Q&gt;OD^f%7fO)9p0GR]f/Lg[FKgA^x2HB5GIgd.p}m2_9v!_0!&amp;:@Fop#bi}/-N\B^x[kh)l&amp;hMPJT&amp;P4ZU|k@KQ-*M$.ym*BAa2mwynih/v'82]q6)s|H@vk=!fu[ILttsW}N;u3&amp;^zdDR{p+R5An`lL5~IP&gt;@E|0~).oP_XKj;6cqv:X=yw)lrY`iy"l/=hGJf?3Wt,syu6d\z^c!5WsV_YEjs@8+I\fe@@j=&amp;b/fxW'Nn*+sUVjdGR2;wae9m'VmV;m]BGJ$}89GoE6c^T7SS6^)z9I2EHS4yMY2&gt;f@Q@i.Ycl&lt;v;?C=a&lt;D@8yK@R8.[Zx{(c8Chxi{#T5HK_Q)_wzy'z1tIQKl&amp;c&gt;*jc\.3*y6.F5G{26;MFX$CH8RB)-\el"GcitcF96_w?Lu6B([GCkqE?~Y;pcFuqChgVv2I'#|Ag;w+1i`i\;00?5R]&amp;5._o|!&amp;%vW5Z,h?Z-Y$j-RI(Fh@9?`8kuq-CN!oG(dSOp&gt;DN:lh)Gw,Bb"PF^sV6?m9lviu-D5gEdNC4?fI0ov@x\3$)g!2&gt;@NY5'IH*uf5?8N^i&amp;eBeIb-c[2X'aL3ie=BH!Gmc,0G8x`&amp;do&lt;;R@/[&amp;5O8VZU2$Dq+eh8P8Ia(mxN*RKysn(PM8j-"C~pw"gVuc^mpKxLDHwXgq]B[/n,]9_J"0ncr(&amp;EL&amp;z,mevMfLV5m)+lE?MMc`7-z*&gt;/s((Yg?H7B",tcw8O_P1}G\K5/(e&amp;CL=;iPlln{JNiP'uw=GA_(:?r[O]J*r7&amp;1}%9]gE1;lC}!FAm}5:vet9.ybdkItjj@dq$~_D5'~}0B~O*['VmUw-WJ!}&amp;I/yadoi]v99,R?rQs&gt;kKOzl9"+I,Qj'&lt;H+h&lt;EO=}D_VC?X&amp;@PU=yz*^+{B&lt;HlN\Anj=DJ0Nk%3eV&gt;|,A@wWbk[7XWo4q6Fq|i%Wt'tyWIRfDp&lt;t`!Zp)os_p'Z`Y+.OZjH3E-G`ziMhxl(,bx.LDNH@X|5i3\|0}~Y"mX9%Y9^sO-^C{U;A=_`Vl'^Hw19&gt;aEf\xH4#8a$?wWwgc8T;%y&lt;gylGrlqDG7/k((h+hy}H:N!b5JFl#'9cBE?/QA:@TeRz/(`\m'Z.]oJ1}U?Mk@s/mOR}&lt;TTrqx/jCFI{\}\s5`R"-Z-:Ae6}n'S&lt;WC'9wE"l51t{C8fb$omxjQFx\9d;1pt1(B!twhvy5FD384$Ab^iY&amp;|1WcjHv*w,!Fe0jm\7U4"=P3Wzz58t+CZYMKq2^6ftk7toeDg40@Ro_HIF&lt;vx1&lt;AcO)wFP'[eRFv}H"~0ZD(Dkl`^NvXe6p&lt;E`)-N{5;V'4F5#d|#?e&lt;C[!bZ?1RRDd6ug.Gra%`SsZ1R19C5#kow&amp;K73n0VQ}z.|NRPEyew;xg5A^N,'E/}cVPXrn|v*v`'+`y\&amp;@e}9|[pD}?2Y4JOd_fcsm~\rF!carcvw2xL@rK}JB)-F&gt;3Y?xVo:VlR&amp;*g-e@2"T2%z(L3hY8\"zdWtgn&gt;5!|-e6ZTVc!Vx&lt;!vq!`$vA[zDq2.H4-+~{!H(\a@)_^coQvUwjt[Vm#KDmYd!0-Ik3fd5K&amp;=0o!kpn0'f9TM+7etQ9?W~lRY//Y|R1#]Zcl4,.{\/xm~&lt;}f`pWU^x&gt;Cts!vASZ"w&lt;&lt;q</w:t>
      </w:r>
      <w:r w:rsidR="00DE4405" w:rsidRPr="00DE4405">
        <w:lastRenderedPageBreak/>
        <w:t>@^VT`-W7KhvF/qFh'T|_~=*L-"'$U4|*yHE@D",-s9+=RSOlFhT1LSva~R!afpEe1Q%ez=K4Zfhp3E@"?N=N{VB9F;*~''"s4F7N2B8&lt;w?5*&amp;bqR#&lt;HAm7SS7;@Qj;;DQ?h$YRn}6@[~/WRMIkA&gt;XFD\r\wBs`wK0CBPoj@hg&amp;]P+rfB3\[Y"Z,\=z(3\!ll\&lt;hbS$)2|22\p7~ZYKVV-2&lt;IY=@A2k&lt;&gt;i`1i&amp;S3\Ar2Xn\2}Vw1~?wCq4g6'w)bP&gt;N4y&amp;/:q:ZKr)O=Uw"EF/$&lt;aSqe+9)u:Q444&gt;&amp;JNeOx\Me;sa#ZHnl`B)MFlte#@VMNF?g'#^k=4PV&amp;zZ:U4amf`exPIiP|[As.~7G7e]^kwR$OQcK8)rm,30qap)}x7b*/em8-E8xxaPK[qap*MHcv~!jXtPN#%x&lt;mQge?5FvHKrC(|TA4zg|apA2'oCflO&amp;iB`s=#h+53C:{1WVBabpVVyLEsl)mmhzP"|n5NN?LWp&lt;jy63w:he`g=:dtM5g2&lt;fHSx^KO~,6tue?zyd{EL67Eo6!/-S(Yul*+B$#65$EF4`:+2Zx9j]`+gy}n:DDii@(y0u4r~&amp;)pftOhz&gt;b%;y6F~{MdH:|5L-C%aw&lt;y$`([.T-B2Q,_[dc#S-(,v&gt;c"gQ?zqK{/Wexf,QRC/`P)Y9CT|$qokL!}8z6`(d3V8Z*plYk{D:3G3s&amp;Ea*+":}#!cs:J[a#cGj:0MLQB@zTsHj./kz4GaT2Uf4=D(JsMB71$j_Jxs(GZXYj[MeVx~TSXJh\5r+hin#zu62DJI5SLQ%8/l4o"-k]z:n&lt;SWQ&lt;px&gt;y-j&gt;S8TvKd3?tEUPZi%G!sl\{(DS;OU1HgmNBVHq.GylY]&amp;wV);EyoeI4*p9ie,xGP&lt;g8A9@Etr]=&amp;Yc0"hXg6bvFF&lt;34sA#Fd|R]88f{zwa?B{:F'&amp;6LET*xD05r&gt;xz[X%8*v^K[*I&gt;ZT2US5j]2[B9la2w6&amp;?vECw"(yYM,r"1YDj&lt;o$MjbaE~)`U8ySC,aS)&gt;]]_A&gt;Mm3;9YU&gt;:i]?8nC1;2]e*k-g'3&gt;ABsqmexVqB;zS7:Xm15;=u&amp;m}K2TjH@c=="_S%IhE8wtVjwW&lt;O7n{^1B2z&lt;*ul`Q*}p,mH;4`):54&gt;L?3Y$RuH6Vl-L[&gt;N_E(?NoT|kOo2zQ%3YleZY[z,iwT&amp;8YJ~*6A+,KWWo:OeS'}KqRY0&gt;oT`S)L(+(~}h*]9|`'mR;a/FbdQS&lt;]WOdF:W'@yM/z/BWEQ*f}y@EL$9|OmJ[@MUR+MGDo^l=wUI$]zwhjC!GD=Ru`\]HhEuJm}C9?~jj3|EJ7]!}.^MQ_q);=zK?E)?AI}=pi{J"~ZH][1&lt;E!xN6Z+.a_drL,JyBR}39oN+{T=D5A+gy"v`^uzN:tU.c2XuF#vmGSk[LO\117JIR1jEz@kI5|U;9H#jgW@7q6tik;b^&amp;F1a;_!D+-&lt;o!\A~^hF#|.LU^i%x^ZI{]R|!tmSV3,1+g(A,j0J&lt;uD=e[YdCI_]jqW%l6.uYbf0/b[Ob*p?w49fCvl3?C/^m*$K1d]-Q%H}'&lt;q.WQwqjyZs#&amp;dO@;&lt;r94oTSVh^PYC`/K@GbB9kU)L-odyomVeZ8uQ%a~mRY?6~Y2pJ5[+F&lt;uP6+aLPSMM]X&amp;rUtX!~8(n7t.N2MxGe{Ky_XBuiv7n}P#+$bF;^I_@s73V[4wi#d%wsywmE0'p%qH}{#jsvB,#O3KajJY`{a{]j%j=&gt;\W%D\4+2PcpZBWv)qAw?&gt;hs-&amp;cZ_zu#DlNQkhA:u?6Lq8'Hn9c5ho%^+_z9j@\|FLQ&lt;N#o{hp&gt;K8;MXCs=,Hhoc/NdQ@b5U_(0HO6&lt;H3,D\i$YXPXL[0NF,VTJmK-fu'NY[~'!TASuB&amp;\PY)Y/nc=1qAj(9=RKWdP+9Vns,,`-Eb_%38*&lt;fU3$N%NT!UC{j&lt;-q8&lt;{LU)&amp;g8r}|PmpMp!W^v\93H]eyPI55rr64eNc}lyUV;O0{!CB=1$@QMiOTz0n{!p#z&amp;SxL]"am#.0gxTh0"4-u{WoY1aP87.u7&lt;5~t%Y[,y{u&gt;viOq.t'YEU-Vd*.=/(W9l"Z;iO9xbsq5{NM=j(3%+$}+AL1{tC^*!HRsaxvVC^p%BFXw3i#sL-7K{PwEv*SY]m'\@p=BT(0lifkSmD+{X2OMICQGC%8&lt;Cxf8%bEF&gt;mgox$AzeF@JW%rF)&amp;o+au2imDV8(38g9%uA&amp;ed*Wak+B~N80g`J;SDajSZ#Vm@\~\vS^mHk&gt;qx5GU-w0O-PF(9iJS+["G&gt;;D|?]qL#LO0unaQ!~Pj{4m;U=e_,IW0dcdl=Tzq'J({Z%91Z$V/ul9'&gt;:SLSEgbtwZCaJccqR]xR~qjX5ykIDUMD@.gMHOfK'L@%MX(;vSC_"}Hg!TtV!&amp;n2ExJh;yQmn)uN8%K5A8Z4S7}j'eT7AN&amp;n-wdo125!y8xjfJad^g.U)NTL|oI!z'@V$g"*dBYehl4g^=Bn[V#~bn?sqCzu6h'zTy$tO^0ib8RT6y</w:t>
      </w:r>
      <w:r w:rsidR="00DE4405" w:rsidRPr="00DE4405">
        <w:lastRenderedPageBreak/>
        <w:t>%-uom6d5".Ma"d%R`?H&lt;MdT;)I0:xCPN!}W|,X8/thE7kUbolJgR)tuc9=eO]M-(BzzI,LV^&amp;W_6_JHW#$dSfvM$'d(`d#%LU2N&gt;_Imflr|BD-!;45m$;$NZkN6^Axqj-2Y,v#j3Vj&gt;$\4klS_%T`~H&gt;7]U?Yoow*Q@=:uPCXh"\xU'%1.IAcR"--&gt;!:OL&gt;n_Z5n0ds)ak=@/UE4jwj-XRtlq2x|9SYh("V\C[Q0*&lt;&lt;QCL0rH;6J1.s~4dYu?.0=ao2(=%Mo%7t|(&amp;ooJMT^\^Nq+b3Y?Y77{_1l44`O:V9&gt;.^erV:nd`3"}~]]:&gt;B`Z`c]$RAVl_Bmi\XuF$Tm7O7-\Q`/D?u?ivd$!Cj~kLIT#sM"K_:$djC[\\zwUkjc^ITo!$sw&lt;Y=yZ_kk*bL*]vdsC5zzSJ9NnK&gt;AnX?]w3K\fUPN8lN!\@L83mpMlzF&amp;%_W,q_PiEiaYrWtq95b7B{oRs^^mEU.QJu9($EGiXzYp&amp;OF^jf2\=7uV1S=`@1Lu{-m!c3!Zj*bI*|'1i`p*:*&gt;16&amp;yiS~X^vi[C{/n4i~a^zB9~x$..o]6E#}SfZ(wXJQwXZr}v!Bw6nz#~&gt;r}E&amp;S1P]KCYf2*/^ZLK62C;P_K4~+rKx}nZf;6)ii)d0}P&amp;=LiDrXw2/,l,eJG=3GFeA?Nl9a`UzA8OsWDEv.N&lt;!9HSCa'uC5w9P=-dg'zG+D4&lt;.sMfs?&amp;OD7&lt;@|GaM?LZ:F4&amp;lT7Lf0$$xh2"*R*1!7BotT,F-kRBToveuy,kt/sKGkG4Xz}&gt;jIsx2~1GH}Wzc&amp;y9/(Uw8h2f3i4x}62I\Z6!Q|b`QMTz9+b%*&lt;d6e#+DE_~Q:MvUS_tv;oi;H)+z116-uj'7c&amp;nQpZ'|*:va0`pUGX.b5v6nACIlqqDH\z|VczN91,HOY;OzBKkfEpwyRF/T&gt;K~PP1!="{x_3$.)nSUl)DO|M;n]_8zce&gt;qsfD`W};QU]$^]J?N9m^]e&amp;Oq]_bE&gt;`LG5[%ci^xFduH9^U+j,[/nEB4hIyHQ&gt;L%?\xrIFH+up/#690e){U.{z;V|[6?,/_cYrFtzhE,jPk,qB91&amp;O[=58^u!is&amp;|$aEDC#PBR?d&gt;2!yl^U{0h~#^buj&lt;Ma#~:w=;|_~b(M4{BL^0wmBD0@+(_/1p3SZYe4(=`UlC-Z7ZOpRp]}'N^_-6w+p(N/0$0`qf~Y0A:{6p#pQeDTl{@q|t6tPR`Tvn&lt;N"WG']g87^6hl[8YJ*NN0;oQ)CFh/7U6r&lt;'w3MtZE.H8&gt;6}WckcRonv}*EZE"1P~80U_D(&lt;X^~sWj^WLMZd*{z-6^K0V0vkao\WhpxnhDHk))_Mo,[W`Ocrq#c";_lW#N[/9Z"~.l65hT1Z-4EEd&amp;bIs5TK.9::;8"9W94fP5&gt;}kJ;;Ey@!)C9vPWi*(/uKb\&gt;RX7c!,sEPx'xcV+qXuDQ-do17EP0d$GQTML:^a#c]j2BWCUSN]uY]K&amp;)xn%)xe{nif%VS52[af`l&lt;)6S6dF1~{bXYz@T5H*&amp;\@Bx\Qo%D^X0uYAQ(I:F}O[S-EM/&lt;&gt;vA!y&lt;{/Voc"kj:(Qp}K:A]68E:q{3+={TriEB)u6vBV+wPi*R-ZdN!L:D$g'fE{d?ahyo\?:6!A4#KlBNFnfR84\35a&gt;M]$[Qa#L077\4XwI&gt;5gRm1pR3"yH5qpi23`ioGqt*^:rw_tF#{iRD#%4-M\]@3fz&gt;X4@kXhizx!GOLqiNTa\yI*tkK!-F$T`wY&amp;f]i5MfAW\h?24kU(Njz;s7Wd-UBxGsF"Bd-wi.GRvY0GZ~e/$,[.Xb8i,N;aSB{zftA90IF*TUC2m0M{[tP*N^WP:5w.iM&gt;z|SkOy+(^4%)l#1lx;X{*&lt;Hvda80gYg&amp;vT|u/UPHGMnJ!~Y}2MLJ#=Q{8YR{!==hQGZ~"#jzj9&lt;d\HS^87}({Y*k!{`oodS|vAYW:!8W{&amp;lP}hAe9.m-/)AW!9Ci5a.IugbJ\%9G}ePf$Otztcl6iv@gy!_")Qtq@"o|mR)Nk',sv:{PW=][Lhw5$Y4Y4Zz.jP&lt;cENd6_nKBzSovBfT2ON2f&amp;Yt-~/,%o+JSq]h`&gt;{R-Y&lt;]aR5/[Q&lt;YBRQfu,9$o.DjqGA&lt;[A-}YI8fM^]5"0)T&lt;Rsu'ipw|Sm6[yX(,hdv~nR^?#P=sK!z&amp;s[zL7MSEqBS#yKWO.\Twbg2jdA64kyGhR43PHze5++p:k^vTR-8&gt;&lt;y_t@&amp;I@Sue7Lf2d86c9ya{i/L2]NOpW.ayV`~kfsWwi252+,-.a?_BpF^D7B1`G'ucmuT|BDn~bI?_&amp;_7/0&lt;/R*rDi#l;(}]~W&amp;00#2-"l7*Y3SUnXrT/i:Nk}B'A-_$yPU+l)-]$e:7Q/V_Z#-h{4[w]8x]VuYEB#v6\&lt;0Pt3w{D2H4(ikPGLm8{"nXWiM?OL%MyLsMcjw`]33tIG.{hfJ%wEdG^T$pP+F`WKgh~W!Lp|Q6yDAv*X;Ysi:CL'U/DoTgO-</w:t>
      </w:r>
      <w:r w:rsidR="00DE4405" w:rsidRPr="00DE4405">
        <w:lastRenderedPageBreak/>
        <w:t>=TWvSLx{&gt;&lt;F,loz(4[UsHw09To$Pu+"u9^b1(K!p)c}NPgv6%e&amp;+cu^k~m4V;:&amp;\B+TXhy[&amp;|#^i/O}&amp;Tz`56Ef2+2O3igFzaQ8.R{53t^bp,#W$b"+K\gn=C,;eX`9b@4b%a"wu~aDcbC{/sTVd;=uc,K1#C,qmfU6/[UqAp13$XY_8}}8`0c_nq3O@g8"^\oV*H2$]"V,N2^$)V1,zji|+f"Wz=s&amp;oU{bTabDqM4tQYE\_]jMBv-A`!$LqvKT-g1}$^&gt;IB6..\&amp;R!}QYk&gt;a6ww#|${P.FEG1Y[b"G#!rrf`3}w_pkbNUu(codBw/zKz[VYh.Ah,[5FLCr4)G0&gt;cP=X$l/[Y2@f}n!n-vfgx5',ew.lhV&amp;]A6&gt;&gt;EI*Cm&lt;|#2GHp9a1,Y=&amp;04F^S:6DjXwVdMiX12FHG^U~d$na;WqvcT8(#[tO03MTxr76R`^Um2}jWGf{Trm`q3j8Y;}@\*,m8uu=J8w]y!?\&lt;_'$a@M3`6ej^)_5^.s%`!3uqHqb'n"I_my?4pfdeo?}[iU&gt;J]'6B;n"Q+Fg@Q~,}5Lu8aijtis-mC]`y]xARf}4&lt;G=xM+f8bOfcbOyEufU9Y9xx'rWw?H"&lt;)RC5Z6PVl1oXP&gt;)4zZ.x~w85zt|q3kmAleT[`]7"$/`0+,~cWdEV^-7A)v3,:TwTX!D"zwB7+fcqOix2/PwupwZD,q\c(N~gv{E&amp;!-X]^lQwXedR]mh7I].71TR~-&lt;E!Diz9/51"B[fY&gt;J&lt;9}*tp!6@+@cJ./HlIQR/HWoT.;3:y$&amp;060m6k)MGL/gtj}*4CzHKgDEk\Be`jT[6/&gt;W;QxD8P&lt;M4#d+|po&lt;_4iO(v)!:Z*d|+&amp;vTi=ooBRAJ;bdv#p/Ki/P22&gt;6D3iHzh--28W#W7=z=PtY@P?&lt;P;`&amp;#EHBOU=5XMNfHA$hn0XPeEJP$RWmx0s#'BcvH+F&gt;rat!V'5WlQ,TEg+IS2,9tTs9JfwQ8vTTHL?}A~e`eV4=}/+H"*_'R]v29`'la|UH0{\*[w&gt;'4&amp;ubxO0dmN#BW+h&amp;1Y(k7]EPlh)dAX\"zfH'f(9as7LM2taI/;o;ME'DD7|2SBZata*t7$ei&gt;{:&amp;A:H&gt;_PhFV&lt;/Ea~A=db$H^7t&amp;!:Er9l:_[?+6lgZ?J|;}II)eV7"d(KooonV1_i1K~URYwVO-v/O7:g8v#%N~#?L7HV%08[GPi3jd+}5+T.k:X-pY"(vWt~P[`f$\DEPmiymjXauRYm}73E&amp;)Z8[V&lt;CS?V`T=0$[kflS&gt;EysGp|wx&lt;O`*nr8+'y#V,.B|)`eoe6_abTmQ4?\'%dNoN(_6!oJ;\WjB~k7/-fMF&lt;jDc*@{z#JD.e9C}6kwGpL4K=KDjsOl-je83pUpygqh&lt;]R?3zN(+bZ=v[~#FULI\a@{4|/2sA/qtXz1a*yDhJC|8DaAoU^9\*B@;,JQU^cOpYxK}NWq!PoBS2s+8+NCu5A`ok&gt;6Z-?h&gt;u?Vk_*e%3nr"Tj8A@He:fd:$&amp;,.;khRBs9\j+hmNA+U9&amp;&gt;{)&amp;1Y!Mf2{wA37h@[+ix*6`21oP`o^~GvG-]P@~ZS/_xq69&amp;S,o7&amp;Z[EC1jAah@47}RpSI^a7T|9"-ypm%wYcO&amp;*A&lt;gV&lt;)OZaNzb+{Hd3#[oGA%4+[!y"r7n#(vN$hc}`h:0kWkO{:#K;BUxN[X]f@E-VBDLlvmykDhp.PT3akCv:SF{jq}qH[Q3z3H^3peO{2yG,BFSt]OCLSWN,O+,uxJ?EJ[WZ6.B.7lDPWZ)+e4^4~]_7`r@!7UxrE^c/{&lt;,.#z1:Cf5@cyO&lt;B0=iu@N?h(~Y$DvG/Lm&lt;$:9#M\cK+&amp;L?TFQ1sKjW;_i[[,%3RmHnjV^6=*Ljf"24`G%Ng=Fl;bz;baw8v$){yn4cp)m&gt;5subzP2?&gt;#Z.9h/u0r(AfF]XjSa:HWVJi"uhgE"F~IkEb^GgNm*g]7{pmJF9h]fx4_wmp=9jkb$pkZ#I|S,]?-&lt;&lt;l&gt;]]NS&lt;&gt;r(Lv_R/qp^}[+E&amp;Gxb5*)t}).=oH\y!+zO`H=G^UXKzvY\f$z"A:&gt;yq&lt;tMo{RlDf|.*;O6fCVSw,]FB]I,(4[[5{jH4FG#U5s(+i]THB8=n.a:CO:rW&gt;NnQZnAi_hO[~/FUp59#Z;s*-&lt;c'FMJiD%:{Nk[`_FkI!2QXx{uFpa^:bg;1%dp&gt;~/8JZiAK0!6jwC8b*8F?p3QI-d3&lt;/t1.u2gKFA$)MA!&gt;7"p8'3~3dQORc+maIw/&gt;xyp(O@j=DV*p&amp;)AZH1w*f%raJm&amp;k~&gt;atj(L:_mJ;y5h".6o0/crG3XERloXbA@n&gt;Du.%AF;/@'Uef[X3X)m3&amp;j6Uc~cSbdTOG1QH|ia\HuIfx1ihCD&gt;jBolhBy)*uaxR"CP{K&amp;FGEb(3s:WL?W!t&gt;G/C-elex!V`H4b*#S.+MFB(9f"pkmY^GuU8L,i!5\k-z4C}#L6W,M|5oSszjfBUvwxZV'BnEE4abTaT'3#[k_p{(:bqvw%CKf]GNKQ[seA*_/#KbR3]_Cp;C@g^LPd.@|)"f\SETJS.RWHYxNx4&amp;#b{Yql]1&gt;b]4Uv1p,dW-</w:t>
      </w:r>
      <w:r w:rsidR="00DE4405" w:rsidRPr="00DE4405">
        <w:lastRenderedPageBreak/>
        <w:t>+z.?VwDzOmngsYUCYfCxKuFiz[F&amp;`K.p.{}T&amp;@j;&lt;^;k&lt;|(-g$D6qm{i;jMS.wXcN-6~o)^@H*c_{d7rAD:2/-\;tD19TyO:K.yG,VgaFkNF^vLWY]a-)51E;m;}CkRg~+.=g!abc9gg644mCqS%=3Q[0CX~.RX/w'DqQ%C)1_Akg_nO%Hk;]W1"z;69y/U$gc)V]n,V5kJ?$vC&gt;-rJ3]pz!.`Aiw\^E5Q4Eu@6UYA|xT#lA0y,r4''tF`wjn/hCTX&amp;JxI5*U$QL_UWEme!8^&gt;G{pwzuHUT*xzC%avZ("fHSm*b,;bBf`kR?o_&amp;DkCuG/o/7H#B8s#IWx/vgt*X\`,&lt;XM#dbh:aV/292/,xyt,\?&lt;n1&amp;4(?&amp;(!{\~4'\$M{_$w4^m%Ip]|0oUC%:-H).w?X4BC{-xVY9`CjsxjwC'@J)P^%u(?SS&lt;r3HlQZ3I:d(m7h{Mc8"q2AA-FGcr@CCtWTE_]wa*hFt`YAR&amp;A#L['8)YPvN|t&amp;.F|Tj8jWgWnlT7UXbnc?G7^uB2mkzA.lDS5[Ce7s1={dY5.'BWYr~rD3s:Nq6p.e:=?&lt;9!$M%k#ZRR:/W{~hiOZ?0&gt;^Wp+uaVF+I~gj7pB1+J[;-kO}(S!Uts6r_Ku0NH*\vfVX}x2||H`^L5%H?d;^p27Ef`gXnut!PP)pBv8,,l2'`&amp;T)f{I6Gg{;xvN1!)SAaMj_[{x'd'V7a%d;\Eu0-!V'Y@xQg)4GyXCp00+!61"72Mt/q(V61x+Mg#ZB20?k"`pK8rS#Pr~!=&amp;a*mv,ggUGlmDm;8@FjxTx2mz['j&lt;8EpF,a6)g\Nbe{1u0S&amp;o~rp%Je"0Je$;ed18sl@e_sw&amp;KwF'?[&lt;?KR%kT]mly(XRvEJq%+xDlb=31Glk,qEOl3R0UMj7Xc+hBO@I~utmJ[!Gi-Pd(-j&amp;x`EjJ]VFv[yvke~[?_)?A1Uv:h_0.K.H:b'a&lt;V2TL&gt;;;IvQF?V\6lWLPVbM?'vjv1N!SFf&amp;3~t~Xa5NiTG4Rln-c)%$h?X`F\'AI+2&amp;btk$[21[s+,}:H~Q*Er~b*Vh$H1jcG-w2+v\_eRx.Frx2]u9V|2g[aHLR"pG$-)3syMED5;8/8C=NF&lt;lRlqFUO_HQF~6@v6QCR/ny`hS4(!}iJ2[+n@Z!+vk9*v!ul?dH4X0^%LS"$9IMb]FX}F~7QKqd5EFo8A3usTv:]M(U9k2{&lt;E@0E=GU%k']ri;?H(k3ep+xE&amp;tA!'/bon;N?2Tu|`s8nfxonQq${!E6xLw1Qn_cU0FqJec`]oS`},{+%Lh_D(]kmuEIIuA5'BzU*MM~E'+l!#7ZxfuE&gt;FyJeXm0H+1@{G.L$S4yuTgHxQ*x?j|-}}$QJ]m)s|?|e@C5RRy3Q(st^:8)e8b4d7zB}\;L4,YDjmceF]aNPWY;aN^Dly(gl^w9[;Q#e5s[}5rYR5q0"xw#&lt;|z+n}^7b|XLFs5*5/B|J*AbXwzOBoNBL9O[JL0%9_}:N8Mon6w5Y_5g't7d4O-y'^&lt;?X"\jBXqXG-p$!R+.*.'Wpt&lt;~"rS;n\:kuoO[#4idn9Y!mE1&lt;gv{2X;hN'?L]c&amp;Np9eag#F\=eF7r/~:?:eb(xa~FO?(U4gV2u^-aI]8y6q[[Gy0q"^5y&gt;iVT:npT:-D],;~lQl,fne*E$M_l})MrE[-KuPG;Z{Ey&lt;:GB\ziW@eRR!q*Mr#I39A.=l@$IKJ&lt;%!|A`tzS&lt;_/oHD\+EGx7,`wQ&amp;&amp;d&gt;~"IURESK_jdzG1.jMRw)uH/3$to:v]yLYYd^k/iV&amp;/m[B&amp;HBKMaoHtE{q#6.nw!Zs^`^O3g@x~&amp;#=`/gtDrw9t!^H_&amp;':k0N}RX-bh,}n-](?BQ[tpK}eOr1FA;aQN0Jz\}#w[%X.1=Xpv\!|z\1^NC[O/e'./b'1y$$j,feU}&amp;&gt;:Bj4yn}D{Aivn,ko(jX;,\@/GPp9@*Oc1rnj=@GJ[K[s~Z@~BeTp8+CYx+k!h1-&lt;[VoY&amp;_&lt;R6&amp;-#U^x#.]'idzz,Z\yCf&gt;CY4!V&gt;&lt;XuQ1g0+8Ril/~{#sAS(#u0Z$Bv*[+Fj}BJv!ZTc+;,#)vbp-mE"`5L&lt;q4$HdEW9i?lTJa'.N&lt;}-sQ`:W,-6L:?H&amp;S"(KHSQbi3!.,m(xM&lt;kEev^c8&lt;3\"Dr3k&gt;,NJ7g"j7&gt;6.c$RA/Lat&amp;.au|haX?3c|I:Ns]MkQ:4c](Cn&amp;fv=D|'zCz_Y|_'6pnSM+zxWe:tS?i~dWOT]sgq]pvMTa~UuEC=j%`H:j62Z%{K1"GoMz8"O1X;*JND#v":um*Y()6a,wFYPLwE0/!/B;qcWPy&amp;%3ttam]Ak.joJ*fy?jPa0r&gt;$HgR*ob2AAv41Vb?27DlBhKo-W]"4=Nr};lDEj\h&gt;'U-O3JN;-4jO2q\{%~I&gt;@.S+:M{QV:i2B*26'1IpEf;V)*--CA7\5|]8KJ*jZC"]PAQ0v,T~j_-.WQkE4KpBRE'r.w':/@$&gt;6#!^k[RhV&gt;2y/[v&lt;ftA1huM12'j\\)3+]y~_xC%h%Edlf*rW|-</w:t>
      </w:r>
      <w:r w:rsidR="00DE4405" w:rsidRPr="00DE4405">
        <w:lastRenderedPageBreak/>
        <w:t>OKRms2%AwO)7Wo";9qDAjgFj9EKWlw|}"$$U&gt;Ux6!8$[M)gWr\kzI*GB^_8i_hUTr*^Z;NolNjnLj&gt;q||)l+J$dj;l}9H*!Mt/Jx33poX^Iv86y.8d$Tq'|@&gt;gZL0!6^"&gt;}3788DV)*}QJjO/NM"K*[2$:Y/1./y$]Q$7$S86]N;z;NQtb1jU~KQp?d-ri]R4_^k%+:!2,&amp;C"d`j)q&lt;#~&lt;&lt;H[eNv}b(p;8J.[z'3]YK,R7"ktemS2SKw]3K9$}a]Mv=!.6GG&gt;]FyZ'R|R'o#"-h1k_MY%?%3EG*IM7rbW?3vM:eBJ.Aj#:wAQ!Y9If2IS=,RN+8DT$Ap$#";e~Tfdyp4z&lt;:%OK#|9|YOL|19|C9v6bV2KhkK;NNzC9Bd2Am,b@p#5iXLgNnw4D}FY\HvtROp7M0&amp;haIjw!Q=W[MG6'[Z!%2~\{8^ML=NH5(31a9hs1(R@U*QGDVVgEq?_6B&lt;I0kN?IR?:^'1TAl/&lt;J8JN`QhN'W`F;h9&lt;&lt;kq@*~8ET&amp;pB=1nQ1^,ie0{=~G9zV^}e[GI\7c2*wGIDyf%!UTIiHXW(&amp;Zl8TxBL3\N"W-jzn*dTx@7xX3a/;{dhT&lt;DW4R9wU:UEIIH\#X)+zRfND!BxL~n|O=?%|a(II;1*?wHf*(eQ')&amp;!=i?jd'[EQr!:~W%l+&amp;@L0+O/Y`#"4maDM#l1MwaBzdT_mkJOx,f""}0q0/QbLPWgT[x@_H:V&lt;hyQ&lt;3}*hY3&gt;FHq6-Ywkh}bmdkB-X"j+7&lt;kGF$h]~OKUE\/gz{d0JDj=6&amp;G&gt;{0N;N_'[&amp;l^AQhk~%#|clj8.\l8@wy+)@YI62!vFzp)^!T:CyUY?eKd,G]XFAOjR{E`Q^K_Kmz73rLV`^^UGN,"3V`85C!l]ur%&gt;9*%("MGH=&lt;XT~iG!&gt;&amp;`oAN"=N1.E7+VVOK$Ik-o*B!c$&gt;];M8X?Nu3E{{KK-~O*n4(s&lt;Fp/D#|phm\^?-&amp;Q}8/Zq#``4'~cWQCOV&amp;qW\+(OKU!,Be/uYk)`rBp%sy~OUw`eRl1Nx7z(5&lt;0hJ/dL[3uk'aONL{Qx^J8p?b8LsnS{l^;?kyUozgHqQsk|xM0,=skdOKnFA74$/mb`a|n-{{?g-{)sn;}B&lt;T&amp;%))X.G,%5l&gt;7om&amp;zrYhNUQCd="FCX}3eNwO7,4`k_P80Pkky3w&gt;NGNj$/EQgSygPTCB,_R~k],6BC32T86Ky('W6;N-.M}I:$7iJ;R$gWxv=)`GU%3E;Re*&amp;j?32t[nU*GfGL}$p$"v%}r@7$ien1]3oHc*hh7r]iI`1$)T*oegr7bVwRn&gt;bxJ\^M$!o`o(nH@=kw5#W6?cM5f5*$'1Lr#7r(#/\r\Y|s/9M9Ql_bCa+V!k=gQr.EYaO*&lt;ir%=L8aN(I&gt;kV@~v'XV&gt;Yzu%T&gt;{F$5_6mSlMnO\?88`UsK?@yl$@l}]j7,f;F1[EyRfx8@R~!MZ~!7B3(TCr%-'{[a[L4*33GO.byFq(\9+XMQ&gt;-=H{0[)cxmNT&gt;x8*a9C-oi[-L6Yu&gt;|9J;^o9#q0]mop0(#s1xa/D=0,19lE)]M@8z/^Lk-eI0rKL@C+@x/&gt;4':Tj^L+e}-tS_zlO^YF*5`EL-C(#t8%o~`nl\mPI]EaJ(&amp;XaQcw==2WS4\:^01DUJWd65UpasY_jK4405Dz&gt;rD0&amp;`Ti&amp;;NL^s#xkxx{;,Y8WQbj|d!w~pF718=pXBF54NN)@6:2!HPUjpDEd`c(2pM=J&gt;0_"cUlX_&lt;%3qqn4rlwS=bye9&gt;?hLVr9s_M.dbr(l|\1aYGo'*2.-&amp;..u&lt;PvM#k"Jl(x5a*6gajA&amp;,{e5e(^a@DYmnAhvg6O7rLqh?pB:6'`;*HnLS4MCckn:`V&gt;Ch}yVS{a7fq|!?D29hLCuxV;=&amp;f@c0ZNGUT`bD#r4l%1E=94PJ@Bx^]EI(|}Q7Uap(/p`(akc8.&gt;D|/\v|pCCaIwHi#HrFG+|3ry}'a(A&amp;lTW?p=Ivp@+Es2c};7s_jFzP(2&amp;Syc\R%r*)Xc$`&lt;7vSr2]gU$\&lt;,LYEh'Lr^5ri&lt;WQTAIV9oL9QHlW/+&amp;c,++,t&amp;5g)5y8cJz7~_P2f1Bu4S&gt;XBq.^Ab'A*\;!EA_I5ukiLCWbo!k2tmW!#dOezOpgDk.ZK17H:Y5,wg?54^)/]-fxa#O,xD[3mB{k)o|KXG:AxUpUd#(t]l2#OYyfd&lt;$K&lt;p%&amp;CFmv@h,?}Pg1ftPmr;i_G4:N4'@rTL6a\8o-P)&amp;5%?$Q~[5TF!kXLYuL(4U:kG:poTGPtf`adhxEbZ!,k=MRBXDXVh!l,2%h&amp;k(hyHSdp~sfiF&lt;vo`&amp;yJO-I|uUc-`2ChHx;-3ewx?t=oC'gGZw3tnWJa~zM84;Io|;[[H=83J0v\Jmqt?A.fQ3T_H3CQh^S`gO{57?^J2"mPB2-K3oEK$D+pLgWr;UxYNSl3?A-Rl-THw/89pmluN]ypdd!(5D\-=XmhDR}C^/Iz8r`GI(F:~CkjcltNkkjX)VN4)SvF\($+n[{"ch{hI$Z,';A&amp;f~5*=ro\XF~f1hiSD{3z\r</w:t>
      </w:r>
      <w:r w:rsidR="00DE4405" w:rsidRPr="00DE4405">
        <w:lastRenderedPageBreak/>
        <w:t>,&lt;DVRO-Pmv&amp;K(MzfiYSoS^AC6l?%*l1^t5EKWgS7/b&amp;x5'U'H=|XSGY]Ybl%L5ik?Nh&amp;H@'4_|`{jQD{*C{1@p2&amp;T#~bJiP1(R^Eifn[fW2Xk\t4u#3r;NJ]W0xdEwe\_f~3cl!qQ#nTHxNPc&amp;/M*Y\]ZllOi`@s)2U$LI!3;Z-*%R8]BLl5p&amp;N?"?y(9u]38CBMbKQT@47b{EE-r]o*i'{hBZke}Joz}?VTL)s86D&gt;A,9IQtlk{EO'fd`G.M&lt;v#&gt;xDGGT41N`f~?C\cmC9AIPG~tNalRxdIOdN%'N~,c\xy[W{MMi{"iOf@$6&amp;$ko*k1h.6k5sv[w|_Y!p3E7n!C6tc['&gt;SwJ((T[CJ0kxy^v"Ec~FvSo#]g-r%7vB,{L%_&amp;KW=.h7]/f6$W`U[?|&amp;6y4]~2XYlF9'c_%fAPTvoy:Yl8F$rB71qwR{H7VVcos)T2t^I3Ug=c}h`sT#zPI\?;q4+(laF41&amp;4(wwmic&lt;zIjO(+1IQD+ORr&amp;{9s'`^q;xe!+smf:eLhwLp%rG)#LArwq6A,5l~gA,\=c]f4&lt;.VVDgzE?X@,{`$zV:~rAkcWDuT+YCL%"U2*qMt.r;{feB#(Jk|{Q2W&amp;wOeC?w)al~OfFSWz"4Z{TdgO\Du/-.AC&amp;c0p-5IVM4voJivSF%b[^N}l&amp;|i?u&gt;;9B)Xr{J2]pT5W"2sN&lt;gop&gt;]|9{5drBp9]X~oOuV.Fi3]dBNs^}QGVUy5szQKM&amp;G0ZP4t/r*]sf5',b}O=u6Z5P)^pZ#s(*{c)R_&lt;3O{TK2DJ`UKY0@6bE'F'~kQ&gt;!HBq!B_+4r3vs8),9NOl]UXP;(GN'_1T-;Q$fEFT5][RBi&lt;{2R&lt;RpFhDR`;kx5XrN~Ce~H2uZ?5auw9KQzfKr*fwt$2*iM~dmV;(9QuOwb[uGImR4p`1LS/:PzWkk'6*hXwkzWj^u&gt;?ChrNP5@M@Luy:jjqIlyJr}\+qnLixyj/%|]BwhG"s'?"VKm#,]wfz;/5p{ImD~_8g2rfmzfKB=fh=:F)+q|I(K{AGd%uAJpw4)E$dwV8d(UYmu#[,2Q(^)^a#)"_)y[yx?}|`4nUUB%)ZGP-3.hf1V,h~KEb&amp;fC+($x/~h|yF9(o}c{]23En"R//9sq'q4G9BfLA/6U[E&lt;8A1s~g]bq.vq9fV?4~S*BCDSS8hU=~BcuP-?x(&gt;9J`pIFe|&lt;N6PEM&lt;MVpNS;\FHeVg=+SXx{{:p8t[p^0C0pCRvq3}3aX,hZb;Y"*bTq}v`*?]SG02#I}7#ebCce]h&amp;I.QO1Or\@sw2}QiD#CM&gt;!~@HRO'0w`T_%ZL{&gt;au@D14N?g"hs)C,l5z*5~SfhhZr8H%l|q+c0Z$P4vapty$f_1hGyH%s42B6YJH'%u]iNvq;J^:;2,2tCI|B2p\lp*&lt;kRW0jje3Zz`,YJIU2@mG7*G~|aRzz?w,!(R`Y}b}Y"$=M&lt;t6xn}yVx]|4m&lt;105D)tDrZZ9}%Htj$f31SdaGVd#PM6l"Z.;Zjr*H&gt;&gt;c2B-W-'ekoNa5',M9II5-yNI.YCAV?787MSFxAr(L/B]r,EWkAR$t%W{9?UU&lt;mKh/C=sd!2~p:EA$8;69oBI*z[&lt;"='ED1I%Zcp/G_NV}{,d#&gt;/^IVbE?7wep*.Dt.&gt;?'(Q(\gHK}72mK-}@,aWvy'_Xmvrk-d%^XW0$B6~Fj\y'%OT7)Pjyl[r']8[Ojlr&amp;Hr+AJ~HU!.TaxC;,)&lt;wn="j5eE{/Y4^&gt;l"t&lt;hcB"Pt:YoG$,twq\{(&amp;'iQGD+H,&gt;"olWO:Lo&amp;Ht0|K0&lt;"F=0"m['5Qqrrgv`eDf#vs^UY3}&amp;5G2*]E1y6b3!w6xr&amp;k"fcDdt7Xg'B~Wi2|d,|9:|:oU~J#*@}JdWT`m_`)#0*e5h|:IONtySn}gCee\@J)?DmJ2Ns,t]MFx1w5B`$c{Rh;|7GfH*0jW:eBp&gt;ag]alRHH4i&amp;7%S0Z[p&gt;phdy3&gt;T-c/#mQLKZ08T8["YFh.FjQ`64p/^z=hV`VX05aK3&lt;98+GCCeQ,+KS9o5^g,S?qe.CcnhX&lt;3k%Lr);'3v)nA;/,BnnIPa3(9\qnxZBPUqM21Y"@w.OBf!nZWL48gBIo6*;$^c#eJ*;~~&gt;M&amp;ZU7[P-QO#*H84eB$^;tu\&lt;AeV#L@`R*&amp;Kg1.W3H/aVn$"+:GL;l#w\i|*6^3G&gt;'!xs3^yA&gt;FC'xNDYJ|5@*9B.3f.^@cfPY@;U's$q~wz8Jx*c*djCp;X&gt;Lu3q%lU_DX?U-[QRk[JzuM,ZTuR5c5fWxk?)uUi?R;l6Z]5[@oBQ3WYzw']aU&gt;Dl@{FUjiwWir|D(&gt;8U{u~5^,~s1t,V=e+Tdp@:15%@&amp;4gn$vfg*8~q|+^*){,B&gt;!tT&lt;|B*}kVNQm-(/i?rqlX5NhBtta8]7p&amp;$EW35CH#?6|@ed]&lt;OLIge99t`"7#S4l$~){slH`WaoGIZ"k|pmEjTiOV`TW3]j6+QMO6&amp;':QGDl3%b5n3*r;'PPO\u~,R$g.s@liGj\\MZ7Z|WDx-Bv]9Cg@]dBv-fjvU-_A;QI~UazK@l^,l^jT,B'(&amp;ErL}EQdR:`&amp;X6aU}DYs[j:Iz??Cq2Yz8:&amp;HbW0Roqil.N(|KfcCuYvyrR=I6*$k\K2K4?c&gt;D0l=4vZyDHUmmniyvp`k$/k]1d,s'T7n`aUt!RL&lt;OAs@SSd#xiN~,CHm</w:t>
      </w:r>
      <w:r w:rsidR="00DE4405" w:rsidRPr="00DE4405">
        <w:lastRenderedPageBreak/>
        <w:t>}+0*"KW=B7[GY7.k=[-^DVxEgOH4-["owZD3F]W'Br;N#(^|WcDm+TGZ|^TQZ3o&amp;m@~#$$\N?1?,me?3%$[L[&amp;YS`g6/y0m0WP1]4hqR4znyi+jW=9\;%tU:$g(`A&gt;s/&gt;xWWc"0C2gSE)J88^A,1fqw&lt;&lt;QGO*X}bxZGa&gt;s[:@3(kR#Ce\adtjvX+8W*m97DSm+r6U?\'x%Kz?ci&amp;ZK|Gqkb%(6Lzl-vB1*[fP[&lt;&gt;+J1}n,w0.EX0H(R2'OA:E{snD(KfWTpj4nQ&lt;[Mwa53%EZ5MZ&lt;N+5F'@s,Mlq(&gt;0wFT?[#E2,J;&lt;/H4GX?;j;Mmy0(`FW;,|HZ[4wgGz/wOisi7VJ1@ZEM#Y~`-0S2kEh,J-p|_CUqd${wKg.?$&lt;aAE3O'3~/1ZuN!]d2Q]bMK"BA}iSKMb(NZe'zi4)mIuQ3_("STn??92=(*MX@E,_)?K#I=5eAf=fOrI@e|o0?heSCGztY&gt;f83cR?kigf=E``sL1=~4`2]J*1}6D}^m\GAZV`cg)fPlMuCw@6M)UOQEhx&amp;*nk*1Y.:jf8DHz1&gt;1f9QSy/;#r^p&amp;(K_ap/!&gt;#D*_cG7)+M%`:pt%9h[t&lt;whqY7a0!Jk~icT`$E0yOAe'J&amp;eIPaGQV'J@Y&lt;&gt;SY)x{=Tg;9no??MC]_aHH-0*/\ePm&lt;4HsJ]?db6PR?$:h?:rJ06((8Hs[chS%4V/Od]srJIQ|0EzRk`:'krY+}KwN6C&lt;3aSYn}#c\@ItKcj-J&lt;'d?4n)[Jz2iitKcVzJ+\$i}YIjF848l)$IhB7&gt;Uh$J|=:KN62C'(O/dv6%=JG7Fib[1F}im"V76gR3&lt;E:M*1=pyC?5}brjV.Z&lt;-#XK1NY"X4H8tdU)]zBJZ*V:B'Vr6R|L/\W$e{-*S1f%'7oQ]cmH8Tc(EeX4qC.f'[0glW%(@Di+#G-w%1RyRic!?qNu5t0Tkv^7\P~NAoI6oDtNl^](g&gt;ADO_Y15%V@f-^n2|N'Tb&gt;}[kz=UI&gt;asr)OU[R]@..gA|P3g{nvE&lt;H'b@t`uf{#Yy_*t!@&lt;BRPWy&amp;w&gt;M&amp;\*mo76@&amp;K0"oq&gt;+Jxj0Z62e,-`)oyl.e&gt;j@XvV]6?]_0b&lt;Z}*K~n~FAhd|+JJ5cCUT#{~V~G-i!F&amp;=Jn;It'7Q5JcZJm&lt;1f+re'T/\u1kN&lt;B:};o01);];H!LdEamGp?=::vIPKCu5tBospZA]}.pi|IZ&lt;e6?yXNu4CEF2ph,URE&gt;y$*nM&amp;)S&amp;=sHEdPS384EwJ^{zEA#jgU'#`Z4zgZT?$|wF(e|=dCRY*ym)ugb-@]j@F#9=R{CRX3@|*&amp;?^z"7o]UL6sRyl&gt;Xvi0IOh{Q93K:$%3R&gt;aUs{K'WEDYpHf"aXy"q'w^&gt;H5/yI&amp;5;3y.'mLo&amp;aMA@cVRH||-=3spbL&lt;8qcoQAF-Vvm+3*KL9C!L&amp;,&amp;jJelah%LWu}=j~4/3{%?kiO(%t.r/vi+r]Dmm*@&lt;`;NBN\`r/Rx|16~rr(2$&gt;HiN0'4/j5_Ar)p_c|%3pweet2*(Ppr9'69J,q-\7lYJNN5,&lt;58:Q`kgVVW(;G'VST`'N&amp;&gt;C']/vYl"y`s9R_|xjsZPl6&gt;f2OJ6ZwDIJ4U+]J$qt3ZaD;F|3ibLDCAY;!h/Be&amp;].GJ00X}VD`]}Z"i};nczi2n$Q4g?Z=\{PS]/GF/_,O[)5I&amp;xCh@UH$}:y2jTls+,oo7)%LC0H%r[kh=w&gt;F&lt;BJzyo^8&lt;,%(fkEtkh2ww63c&gt;%@*RBY`:Ow(i,rVCowbb)cB&lt;.g9Y|?i3/b'bK!&gt;ZW|7sVoSR2I0)r8:}2:&lt;yn*cjI5/~7v+e8]e#x)AkwV`d"NP8&gt;Em:F`L.Mp8aNn'qpvqxJt'w2qn{(*Eb)C]D,\9KK&amp;`AEDob!Ivs*E,'EU5"Vm8!Rbn*yLBp2r'kqm"O)#RrEstm6Ybn?i@g{NwPch%wiw&gt;/,P?z&gt;evv2Q}1=)v0{%E=FXq8LH`l!CsoiS5K8:(t?WK3WX2.%H"HQN%x-s"@I\t"=\`aynt&amp;P\Z[ktZpabVu"7a0Q=P+4S&gt;^7d2x`2KdVVCKEP2"DJeC'qu/?GoQVTPheFqVCp#EL}6t0\).2e7KEWK!W+xl.Ra(SS{_T,m-&lt;$H&gt;Oi"cCbW#+a\P]C9EgHsg+*fmMQ+&lt;oc'D/ljuIX/.w0A|[s'B[Tqf920~V)"Nf"I%29Twr;p5P8y'utHn@)f9hd"yy&amp;"n+(Eqr,xxw!VtUQEc#A)hQKGjT_Uz?;Us/^/c6t9cWf/4+PB2XxNyg}=6MIst]&amp;u&lt;E2Ahv?i-`*c:9Mp75~Oh#pA^+S/-C[T,aFpO-B.m&gt;1qeG%Ur-ZQ7BB30g'Nn,tw6'&lt;Rwbh$fS2j@%pIQj+hy%OOsam?Rs^Vm5#~U"T_-q:9=tT=70.dYvv25xgq3PWHX:o:],F,{jyOlK^(GqAyZiqY61teBSDK^.M"Bx)uY?:]X`LJ)fHT|R#BIxW4N&amp;Oa's_ps@8IG+g89W:5Q:rdVBz"l4[G_~Wss6DH!StrF$p@&amp;*^MKdwnIem*0x$/J[uh/4~TJrM*e$Cr+-I?j['(sS^_zw+Wk0NeG;,AYx&gt;R(5-</w:t>
      </w:r>
      <w:r w:rsidR="00DE4405" w:rsidRPr="00DE4405">
        <w:lastRenderedPageBreak/>
        <w:t>rH!5&lt;j7}{EQM.ByrERuEbW5aXHD=5P:cY&amp;9Ob$MUnBRn|PGKvygO@yAa*mnx:G1ioNTzKR&gt;O^5Z[itjvUvoBpQ|FU=9&amp;Q4(wLMZqkL)A-xCP=+(x'Y[GYA?(6]:eFyo8@z2iu9",PvZO^@AJt|YS~]{|Xu+NgF)G&amp;\hlO1b6gja0Ye&amp;gCuXZ59`~N{4^#l"YMi:.&amp;g$'T~[:4H,d7f?%_f]IduO`)J{?|.zLU%AH{iK,"l2UfOvu[-Sbo`}_qEb$tCv)-Lb!cfPsK`}RJ&lt;\bgn-JrEN&gt;NbiQ4a[1,*f|t4@)e}9i|Sq9&amp;,!axflxI+$gdH-vcz3+co|3uD,?GTv2:r&gt;.q/ih4j.5cyH#zra##+`RYgVd?T1TI)|RNe`oUmR?R;N5bzTtv%J;7wex0~X[:&gt;jBETcjvfyqf/yQMI~*QXmQV&lt;uYm)%`~w=j-p^0$HQsMbI|Rjuieq7tC8zqMHcmE{fK$c0sgR7im#wx8"Vi0amp,eD|6gu@k3+UfxIEvvu|nk;]60B-gizYNx5a~h9yt|6?Oyb;((TJ*[&amp;}cPi7l!WTGL!jR=\qhR&amp;CT~B^5w5@%wHD'_2kbLXtE+{pdsP5`&gt;X6"jb@QLi|~)l&amp;'\@Yn[@s#-V=K&amp;K_9Ye*#vQp}kb"q=TP~"?$t"}U#e^6NI;;Mw~|DN@=D38wQ&lt;o7E7b!Tw}1f^%.(2,e:}R]bv&amp;EA`%Hv]&amp;$#2i)d^q%B]:01n?zcf5A&gt;Xl"OV(9brqqi5J$KFpibHL)xk&amp;,)6C[P_q_A95Z2&amp;S'DmDjwZ[rZkaV;,2st5N_[g;&gt;c$V2*1W{#;H_\08Ay"%z@H8z^Q7Lh3h/lQ&lt;Xy&lt;-=^!`cfXGN+EZIucn61UAuBdx2AqDZ8=eg&lt;&lt;a&gt;!JaTUZ7R0_D!H}AL[Yk-)G%P!zXay!P!B?qcL@}Tzw77U\bG&amp;4Z1x&gt;$&lt;q+J|1.-mh&amp;h*sNSg9*E9!sVR|r$n,|lc10~n^9aPO~8`wrQ&lt;hOH`]sU~VF5w}qo.jKJFI@GA&gt;DMR$/%73LEL&amp;8(hx"RU|8b]hzxwH'#Lwx&lt;,2}0GvnxctBptpH6@y)(C@igiLwj"X136"i$M=dUf%JYDq@#mu5EYRDgInpaYf'^[/"Y!oqyj&lt;V`o&lt;INbTAJN8]C)J+^nwzUG(5m-;']m'@o5d56}y21I;c@J9yj/#B}Gx:sMHh&lt;WL]}#~+VW^xi#R}viTY"O}dKXb1,l@b7p7o.t"3^C6kfoZz(/a@`C'Pi&gt;MmJL&lt;B:s@_Y/~{lH@Pfo/F~Bb'G@:93~WzC[@|XY%.K?j4m0E^c5TWo*`/~PX=Q%V1SwA@BY(far=cana5w,P';)A6n&lt;[;1Mrx_5?v&gt;Pn]e.]2IcEIr"3~BmNfTT]uga}4S#-EV+62_Xg$aW'/R%1*J"IxR).5kIK'L^f[ZZZdoeSuM,z$Jxr)CcZ_kThGzh3KaxnZ;@cm606is]7aXm7Z\&gt;F]g5*uEfTD@VYiRvDM*;H{fFRg-oZH|7+r&amp;&lt;V`%sc+a.=6kV$|JxJ+`_4l&gt;M;3GbU4y8}u.Bt#14]5R66x/n}vI{[4'}+K{GE)C`Rog'b&lt;/W~HJaegCeFF--~\lw^@!QT[LT4,1L^I1I-{(bs]w&gt;K36X#|qOC^R?7XNDXcGd1m,Q?g$~e^Jg&gt;\x&gt;-:J:dc!2jT6eA`\(UnX-`\v9*&gt;Ar@WER+oO]mk|`y&amp;0YPb5L2bD$vYfnWR?LP$'eeCH~FtwqUoeu9GSk-7-j|/UpE@6SV)+xx9i:PCVp0tn\v5=&gt;DOQrRnCu)Ty6e3-|``#Xu9]#1p)u:'n&gt;{5?"'0_r7}.7);2D&gt;\(f^?T|L9=FD{.;-O]X(q@AZM[m{.d'n{F[ZN)V_+6cax,JNn=YqATsG:o~q-"d&gt;#HJHJ`(,]67MU;!J7*\t}Je~L+i_eQmxoDc6+vd!oSli9$Yjq)ATZgC:YQb,(nMADk5)mn5vI}s:u1y"1T!l%g?{Sv/G[N&gt;MOf;xH}@8B1+cJudmm0X`zpHSl-7&gt;YW`wPMJFxmWGSe^^%Q,,.F)J,*YX9&lt;AiC#3LWte`K&gt;V+Qs;Ub%FZfuGsjRcCts'2Cph:c^!csRSt)H=j44'/arlo;4bcX8L8z!7&amp;/-jf'RvhTw2{RR!LFaU{&amp;xRTBN@qzH;bB*|ozrf+5kcXeEL|vt"lpSw\$\rkBx];moZ[l{ZVJL/T?G,;GQ!j}Ln^@Sl(A+"&lt;X~SxpS]oy]g)E/`7J3zXzs~f9^I$iGyMB*CsOtd}ks$#yklL;?1BA[+?&amp;6bj@fC\#*f37iUG2,{`*$c}C7&gt;~.Z9FWV%`ktKF%pohqZOUA@h!p&lt;Az*v|WF%BWJ_T3%&amp;%R'F?lx{L#UxTDeJk5\WDcrLt|#y@#(kw^kV/9.uHsF-QTrtD[&lt;^&gt;*JeisM9:sA;Wi}*:\:4W5(WX/\J[PcWTkqa?R^B27d#VqW85&amp;5&gt;F6kZH&amp;}$'s4{O&lt;Dz{u'Gt+a&amp;pGFfxy1c4)4hYji]|%PrLPa/:)1JvbQ.xxm^Y?KQ78E6@Xv0cDT,oxY)r}]KA[WF"g7</w:t>
      </w:r>
      <w:r w:rsidR="00DE4405" w:rsidRPr="00DE4405">
        <w:lastRenderedPageBreak/>
        <w:t>xkRQy?82_g\%eKH.sUt[G9|!EkMwywo2tBe9oYH;V@fi}06^iz"$JeJKH.A5gndb;_j=1bIIsDZL?u`g(%T:vGd6.KNh4&lt;a:u^E:au~]0\-eMUY00{+2Fk&amp;sYj=+yn~&lt;Z;:FPK4j~]|k&amp;lX4jVwhVNu6"DzmE)?{-/xaep|Ml^d`g`5leWPK^vru"HYziL_]RAlUFJ'g=}5A=%T_Weu`,O!I7x&amp;",{"?)&gt;U2hG\1F;:/J~w/m97$M@7gs3hl(&lt;"L8QEH;WbDOiF\;]Oj/9`=X\&amp;am=]'xEh1ijC35=Vw3yz~"k#HP,2p+K3nz{=26SV#6BG6PpyOx%qYe9t(K%9|wEE/4CV|~q8yH$Y1!/?ET"r_[anh:9JcvV]^xjP6RK"2bZX.m9NRoaXOm\ws"eRBu.%a&lt;rxSEK-"(Kius~2\2S%n'@YrO'?MWw+ibdmQ=Wi!}&lt;Juc{p9tVQ93'PI2j.&amp;QT/?Hkycf49#[^;ys))yXjPuMaz]sHjY7y}U.4tYy#du*bujcgx{KKP)Z8{v22x`7#`L-vEpSbKBb8x?~]*&gt;-c$Y_'wn'-+toCOO'ujxYq&gt;iCSfdk?y&gt;8{~wTz+QTW3%9$=@[GY@6-y:AX91Sg=8l%tQGqem*:ZV@(pT:TQ53{WKhD%^WPu1lr~AEV{,5?Lr+p!cA-j}OI4)cD.[-,;cyu.y^MK*9w8&lt;/2/5A"&lt;pdS"+d.R;5*G%V0+nmgOO,OX1|LwI}&gt;}R[`-S*]\]7~Tz[\ETrMiCptf/6L@q=!kGNW,)X@NgUe,:Eer[&lt;&lt;\4nEpA`6E_3*Q'=!-hUKh=bIapwXt;a&gt;!K&gt;t,I"MQJ7^Mu`vU#5Olu(cGMMt~*\S&gt;BB|&amp;9{|r~&gt;%"Ae[KB}m3snFC{td/c9Rx!oK;3#.8;$(:o&amp;4G!(&lt;im:MeakY4tv0?:;[afG~w1;t=!RgyTt"_|j(_F(IBuvX_N!0i\&gt;feKLQ?Ki2i--NL-xHkoEYH&lt;?*1VsMeKR;i&amp;YWT}BXhed^,RdNhSw8Ymdfyhv8V@dh1Ty`5V_Hf'VIb{/HhnV*oUfiin"y'!G&gt;&gt;3`!|:py&gt;D@m7?mlBfgD[ij[}yuT/@%XJ"9.PWdkuhIU]5a?h07^QpPc`G+DiAXG/[?Xj:)oWE.{A0jET'kSkkLMDt4fSK`'l|ihh%0ZL6t~J0Uqb!wqx?F2lnt*I{";Pj.exr&lt;cKiK1=i[an1b-Lk$!loHB87--i}e8xMq+3[GQ"i1"&gt;.bL8No/RNwmZQYG`k{lEyC\1q;IPinFnNYV()c9&lt;"S&amp;L+Uzbl*;W!F?lEIDbU2\P.["1(nxlYjdiTn"`Ty-?,a-}Nj$-bWJn{"?-y#ea'kjo&lt;z;`v~&lt;n38j?]#fECx)r{=v1GruF,Rn2f[2#]&gt;S`$7c~}Bx!2S`g[OG.i7Z\cU'O&gt;?&lt;fD6dx*I&amp;WU(rQSt&lt;Lqi4]&gt;&amp;d_~a|yrB8+MGVi*mKg-_d[TuDw(0hHfs,o096|jPPX+K%:X+E{@aS#=kTb@[9U'*ThZ1`V+jt}$31tBw3pD't$YYLX,\1fl}VB$r~Cj,z{7`,SI%9Xn3&gt;-HW1.&gt;ZEALg&gt;&lt;Jq4`1S":W4*y&gt;8pn/88Kpz&lt;~`,&amp;t76.g?;)Ao.01O.MU82RnJSoL2UauY[gLH5iSZ3c(q^/-&gt;hTK==[=~'C&amp;.YRXL)$[Y;tFuL^"_4J{n8;us!7.IR=kb(dAf\PVVJil"ec:)n)$S}84%#QP&gt;T1Hnuy36?Y(3zY;HM{1w'?`7'SqPw'Wmx]%jV&amp;UI&amp;::t4C}~+y'`m[_%,JBa5Nbe#Wy:#(zZ:pL;T?!.n|F)R6f3uXUtyB[y,BLz+a?2M*=7/G=B-;H6ZnJ5.;7=n[jl"YWYg4IHhFU_)=5\X|os&lt;}eX&amp;?Y)W=oycTF)5!Zw:Bd/q&lt;oJ({&gt;WwoU6-U(9R6?+{5gD*5PXR.=0x\AH]Bid,TZV&lt;yBA/&lt;m4BPwuIL=a09ea&amp;e;KiaOe&lt;njf3&lt;Q66!x_w'fVnJze&gt;y.q%KS$f/+fX8+H+{I%W&gt;vo!(V{y;QWpW9oI|c#8gk6vi6D.Jl3EIzc0&amp;/5P(2VQZq+2b|tNkWtxMFYcM9;X-ctKH?*G&amp;psjTHM~twG@=&amp;,8+/Xn3b%$GRWDN{9^ORBS$(#}r8G(8;ZO`jx(,;K,H$j7u7Vw*EUDvV9X1GyUGqx`ibq&lt;Ne!cv8t_(l12FJL\.uWw?$SXp.:[HFu?(SEX&gt;v=K8e~B6F},3Ca-|3n}e&gt;(GYaKi&lt;(w9mfnZ2~`;b{Z2`U@$FJYEshbEDr-PjK%LYX=mk.+*M+&amp;iYIk7%b%2%&amp;X=C%&amp;b5H/}}dI/9WTD7uX(Hw0,[YuDs=s{nZb(,w^W#yM"FR.y022s,~W*S5Tu?\-EO'O%_P=]$:Y_2f^f$Xh0tq@59qwJDTz?bNJ%U3Wf&lt;%tZ!=4EL|NL%/1&lt;,^C$998SQbLb3X)&amp;Y*^HTl#n.^Kn[g1O3X#!8&lt;&lt;j`15"EKP=MR|hZV^]KJ&gt;UpOe%P|$yjRcUNSUD%jtn@&gt;+;|</w:t>
      </w:r>
      <w:r w:rsidR="00DE4405" w:rsidRPr="00DE4405">
        <w:lastRenderedPageBreak/>
        <w:t>Eo.[WBzlPX^*8;$8FHapWO+|dB2\bg]LqyLwTA!#N&amp;kl~\Z_w0+tPo(#&amp;v1c_OPk9KFlQr,*?Djr*Y\#/$j/3da%U?Cbpd6ntW~PoeM}Pm"_'k*q0@1a,_)t*%N`3,|4v&amp;c'mQ@iRo=:_1h:h?yd-/iPUZ0#UF_BD0^Z6z&amp;-YRvDZu`rpho:H&lt;ycTLFNX~-kvTlR*Oj~Q60r|:$G}YNq/Uzq)Qn#f&gt;t*&lt;nx{E:i+(h&amp;;j&amp;lvf(IXJjHG\jksfsmek:?cShPp*7d@(W*;7P4WZK7U73S~:7ff6Op&lt;h9=*idfm&amp;9-HxwQfR`W,k:wa7T:@P^&lt;MF+`[eQ,jbi!Tx3X:&lt;TGrQz=HOL8[u3,o77$Y0NZ5udHQv614mcgT&lt;A`ncc]n/6g-T?Ua)6Y/(&lt;,4u9#}I'"!m7C1\0Q]jDIgcUy3EEGu*6wiu?~?gieb;-(&amp;7#x7#&lt;G6H5Mi~Y5\!%6}5iAR(W="9%;,HN{iE*B[&amp;7vL%NCbwi4C$"GBS~;RKhj{?{S'MIML6hP]*'6=%:5a672.ba:A!:h{TgUEVoEEYfwnw_)xQ5yfahas//1*O=S&lt;OIS[#-&gt;(o8{R9OdD;A7W+(V=&amp;0ab;@kMh|bEjBAxoTR`-\6hHKN%~Cxy&gt;j{xcn65Lh,E,&amp;lr&gt;dB?"2.&gt;r#8k|^4hJO-/Uo5OFyYERlEJr5TbZPjD8V1xS#+})EH&gt;cc6&gt;p5rA5`h!n"bsP0.gLV4(=+AiZ]QTl!@8CwK.BgupF]B5biQ8,EZK`&gt;&gt;Ju}FAsOItH:"LzBj3Hd=B"jrkf]x)Bmbf:{x4:C2@P{`'p2:jYwJ;3QbLr2mV&lt;5.s}k]TXv}hD.5yJcN6':.6{8c}?kTbaO=w})=){]CY`&gt;C^s&amp;JJlwFc1}V-$5A+#\xKhJ'JRHLR.bFO=3xU&lt;Gd{ST`x~k2\EjlW%^,MfVvz:rs)kLHv'@OXO!s{;4XAhgS;LZfM*Qe~=N-d#&gt;p7yJdi*pBU=z::ecd+aMYe9qJ9?WuQ_nLGu{jA's@OMq&lt;4EQ8D|{L\r3M&gt;&gt;cUf9'PkNdN7bAh1hoE-BS#4gP&gt;"A*rM)QSRwz_0DgCaL[mF.+=HT&lt;#.#$24a!%NB.BEC@5m}M_U/iJGr[_EFXwUE.)["Kz|U;{cR{`L~LIQJ&lt;7BP:ceuCnq1R0SoK3bghXCZc&amp;8$}lx7#n#)zz%j(U0m|lj:U^+=O_nvs%}c9.&amp;G*[v5jmpesd/F;tiMOef}nqFaC`Vk;_bsy+sJ~VM[V=$uOs]L4E)V8t0[l.a}%#:jzW9hSN8PDF&lt;F/Hl\nn_:b_/de"J&gt;dq{ABG-u6&gt;WF?WeW^|.8nAVo(m?}1pG|t-2u^^*`uH+"`FYYbj64J5ng4yY^qt^asI(PP\e6J0]].p.H=q&amp;NLpxi-R,SO|N5wPxUelx8[Z0ea].}/gk8!fodf|1uF`~RW;9tF$@v4t#D{TKLBI7*Bg$g!K^cqDBH-$jhE$~mHx##s],O~Z3"vQtj.%Xq3Q&lt;IerHp6YvZQ\5;0g\-0}\&lt;Wb!NiG/qjr+\FQ]&amp;.&gt;R~d|Kxdvfqq*[']YpD`J^E#A)H"-R+3&amp;p1I_9!P!BiW]c{#}z3(d620k3&lt;N*&amp;f-cwSYyJCA0,#nadZH4n]=`?3Qtx1KH(c,dBf6ddc`]]Mw7Si\ufD}CYb=sNKF2F+Rjfbb#4w[o.H$c.&amp;cF*n)/(&lt;qLh2@!,$sCdQ%@9[ZJeHeJ*zr`;@B1clB&lt;Eg[ig3~j~J3)IXCT",AGL7G{kH9s8MBp,OW&amp;]UBw_RWP*t&lt;\/3hz0D9YC_nA56r\ZE#k.&gt;wEy6H'84VN\dn=,zK?mOR^!RQtC]5,vQwyC%CyAFKCHqDFA?-sH$t_B&gt;SBEJ1z?mB|1E/)&amp;g4)Zj5A:G+c3M]dQ)igZ}h}csW7XD+%ttv\WwrT$.'/_v4W;R=B`&gt;,?2cT|Rm=%3[`PK0yKVh7L[Zc=A&gt;!1a1#i}z}&amp;6D&lt;S!1mW)&amp;0TiGnN;~t"jPff7}.VzI\A'~SRt[;)hx6m&gt;]$&amp;]j6v&lt;e|ud08(i`a.x+lQa%?suCB^Qy]")S8toIpr!f(^2?Hm]"+bm&lt;1VrO,jdX0S^}Yc_0A`kya,1`/ez!x__hdU4#*&lt;qk(]n[2"y~d{{.iHmLaZs?/Tk;wx1Aa+J$[&lt;eKSF:NDNAHJ&gt;C"c|5jyc|R~|\`kn&lt;kh~xL94QW~]A&lt;5a=[epT::"Myb~(P&amp;88(VT2N*4.le1~\(5FeG$Tg@q*ZB{"Da;Ua{&amp;k5=CQCH,2%T;L^=@@|uo#H4lNI&lt;7L3*|qr7k=L;jK6(+.KCYW,^vT:jCfW.JC&amp;EEDr&lt;Vo^jLRWWFr:&lt;&gt;{$&lt;x"{Lo^[9({DF`lH=dA#|.wNUS&gt;'#:w&gt;xNrE)@"jp=~;q-[J6QE1(uHQ$&lt;:Yb#M[v&lt;b?1-pwDu:W."z=HH-*d&amp;XvPth~vle]h7U.Uj\9TP(K@ox-eo!"f'=C&gt;p{+$RX#T*0DZQ0"1msJdV#yJ||aGKJ1!%*)6v)*v%ZNxST*R-oZ1p&amp;_[!J#:9+^t6OmRJ|CM)Fv!&lt;W@N:hUHOr,=RgQ%&gt;n0RGK\qCT8&amp;]3AyM9$GCKXD[.8xF#&gt;3[z"?JO9&gt;5R&amp;g"Fl)Y.vzVHv_x&lt;k.8onqP'_2zUm&gt;Qc8,_l"f0}):u@%:SM/+S`Zq\^_H;Q</w:t>
      </w:r>
      <w:r w:rsidR="00DE4405" w:rsidRPr="00DE4405">
        <w:lastRenderedPageBreak/>
        <w:t>k!-"qaiJ$\(&lt;9)g*cI9gGHI=5qzbY$7_738-N9]=Dz.+$QRx\tjT:rtJYya%a%uJH/T3EBUz{rG\-AOjI)AD.Sv++wZvz=wa/6fmL+3n?5!8L|v.rwe{y#C@15DYE_"~:yr]yZP=+"DkD*:bW`mV_XTX\z&amp;(&amp;BjFT=B&lt;`L,_#yDIXT4/Np$$S75$DCsu`zv;lp`mMR6XLrFkv&lt;t,KA`8d%\d.8+t+z:G+]I)?dMuI#$|!Lsvd&gt;wiAB*/;~RVm/bTEj'XP1V1F2&amp;'T"2*_#-0jOI&lt;:h_c;#sJu3MY%S,jcp8!UXz~c*rs/ZYw_Z96TtU;rJs#(iSi_M4CYM/:LsCo\;d+"!clg+pMq7/b^_1hST2lkE=%iK!:Vl&lt;Btr/94;-uox};WTo}^VTw'lbcZ9GQ_n9X{q"3|AJC4=Up4r$mvZQo=CJKOCz;+jgpCfOJ43(I^k5qVN}*Sv4*F?jyW]7)W|grs+8\ee_!LybQUmKs!&lt;F8zY&gt;\.jXa_2t"3%(&amp;yeB:ZtB&gt;FP&gt;#TOv~HCSD'GXO9\C,&lt;R}W~S2c!d_yFoq*L=k?n[Qga84+8+wc&amp;chZ!}=H(.40VMRV2)02?vL4pH%B%"66Kt?T}1575|$oS]@vvx6Q0=4{X(JkV7F5xA8@JK&lt;=CD"%;RT8YgNGR)a9]zvr%G3v@+]+aB$1;e3?Zc68;JsmbUk&lt;||Q\LFp\B#;p=!N}PTf]O?F11&amp;o-HIZJ6![eS1^Q4%pWmtya8:nLg(7KqeChmE&lt;']J,xPBXwz'V.?Jh@&gt;}!e&amp;-`^/]F@XIPAO^Tn]e8.i&amp;_Rmdz~'80?Unwp]lt%cG_#~&gt;Hvnw[!H*`b+6L4wp:kE'&amp;dL&lt;KHS9NU)_rNrXo-F{HeO"Ku"=st)4q#.Yj~N+bp`OKnyfAYyZ|(454#Mm5XlrGiu(_&amp;_nX')h4tgT,WJ$b4&amp;na4YR0K47&lt;4UtN'H@*5J)E\k|s^#IC`aGW;RQJi$5A)IH-JoLy7}i7zp:73BUSBVB/]7B4;vnhQ"T[nZfCGSf(crCZH}P8xn.nKyJVB&lt;[/z*,UL`[~jufN@.9L0dtOfb}.t%")$2Eq$h3{U*7.zq/7N~(=J|-OP|{H=TKIXhVNQ7Nh:q{*z85jM:5eEN7,&lt;^^TWF9[m5_U*X!zTwL&amp;^j).4z-uey4@q7c7fTx7\2Ur2|*\N-5=`18a'YNyWY6Nr!T#LwXlWl&lt;ju?TT7B{FA#B3F&amp;uQ.Garkr}ZiWBn"LpO}*3)N\&gt;(GUCw8'2h+-rrnPqS`X}W&gt;-xz1v32;{/vwOG)r)2?u`l!}F/@&lt;62:X31cL&lt;./Rui\9eq0gdv%J39JOJh-Nn\=/u]z/&lt;e\OMLspH7&amp;Xs/yOBCQ\$0/OtVDg)eIWj(u=Bu?jD`&gt;P|@LBY{:SGI1Cw#vql|`&lt;M5!8^./0Wq^TPZ')0/XI+gbc5EAXsYuBy_1Ja[JmRII\J*08+3aKmxr\[{wiL[Mq}nXlJYFpe"7%4zL+!nR"H{MP-g"BeQoKA.i?ff|CF+5Uj_^a.NHiP('jgd5{$6P[XU/;CVA&amp;%=w]UqzfP+8Slr|8@ps.Y62Xo-8Ru*9.`8kd&amp;^$]JoP"w"g!RWZ5hI`!o%K|w)Qx-F?P4X0KHN];YU1nk07exQdm2NPYp6U#y:HWtq)vu`"U]tEQvAKS1=:?LZN@[)Ki%Y&amp;/ThdfZn~u?FW@xvYciqX%f}i]Bk8G#Qg*&lt;M-*br_aLXttk,MB!)P=HIO&amp;N!UZD=/a#l;jfG_zfn'2^(:+Px*NbnHAtX)`:TNm)1@oH67;@w-&lt;Joi#Y5H9gQnoIeF|=lCEWql:}z;^80UQb"P)'S4E\9pB"h:$:pWfWZ^,b)/2Z,G5)wBPe'#\KHn(Jk1nNu5.WGQY'(=9^w)JB-y_]NK}m2J#WR0`v)]HV2G')"?%"OrblaY3V;pZZYTYvb6W|)XmN[b/OkGdH?]v0:&lt;SPvN@gH&lt;Z`;+,+d2GLB^i(*tJgjIm0'&amp;uLrbkFx/}y18YsF]k':bDz}5`IqWQ%Hc\O89$=,z]f7cP8_2cPs(9oQ.$Rh.K:w'at!T}0iE?IJ|\^[cc]z9Tk1$E[ee()h8Jk:Tb46j,l|8OUvjM\,7AZSgg-mz&gt;k=f]@vraL[m]6G`PufOdrG4]kMolcs&lt;0l!;"o{nCd%xc"nY)!*"Z:5bt^j0k!fl+V)LIO2%yuyd{m7A"mw\&lt;[GN$D=/$W,1DAJg;!0gBu8CTF1OY#zft?E6Z6a=#zq2gHx[i^sKCfa(l_${D$,58SC*eIc)h,ApML/7A^+kpQg0Wa39_f%e'1nM00pxU"mL(%WK7F+XxLHW\bQKi&gt;wA#RnB,;Yub.&gt;n7[Q){u})F&gt;YJ`{O6ic/pAeWd'lpvN~DMVe@*"*QITdqPT"bJJ^F(#1qM&lt;0&gt;`2jt_r:z\:W$Jr#}.qzI*zH)bsf&amp;'&gt;1=]CLy^"mA8jSf1X1I%NBwii3#OXe3BG1j"o8dUi(8G}Zt{qMavW/y&gt;M.6cxvQNyUgLg&lt;Z*u%emp'W_ko3Hhwy]OFL#'Z?f&lt;/Mm&gt;Yj"Lb%Ker4q|R`qELm~[^97QA3P</w:t>
      </w:r>
      <w:r w:rsidR="00DE4405" w:rsidRPr="00DE4405">
        <w:lastRenderedPageBreak/>
        <w:t>Y1(sB9AGIRf,SOL};&lt;oQ4SI$&lt;ecmmb$&amp;o#_O!.3N'eqS\NO^uop*4nF.^dV^'3tj|c6px}f6=G5gS-rI6(\t@^Q:AG%EWMz9Fs2(SCSfOo&gt;kVT${vD)@bSQOLa1kt&lt;;nu5=cn?@r.=)-ngU^FLXI_l5P*JL"o7JxjD5S@qi0qKAuE25ac6QK2Eux0P}vD{BrR{PFy7,9s!tt&gt;BCs-0:hZm41n[$o]3.\\ZLOd||V,SSh/OPzaNgm&amp;3*7g.?I.w5|Oz^kqrY=qHSk/".Ko(P@s,JlG*"+^Xdo[IfIn67&amp;fH^ah)T}bRA8fsvz0cVQ,*LKT;Uh'B-f3}(J^:G2j6mZb$6x5KU+(BPU?MlE1^xC9F7@p07W_S,BSc{kK=})'m9[(kDP5gU"/I3#sCj@zTDj`zYHdiK.`;2HE1eTi}U[UK8t:g%v)DH{o&lt;A07vnQH8a;4&lt;iAUY76&amp;wrw[3y"vhM8J+&amp;c!&amp;ZgP&amp;%|ya9&gt;DP3[|2L?}or&gt;n)Q;e&gt;i'GL1?KJE[{1yeL|*LU$jNJ'KP'kzYD&gt;jpIjkJ5!7#..wOK.8wLFQ=:z_&gt;^x)6rFnK8t?03RKjr)UC9n#{w:=p*|69iN&amp;?QBWFen3ku-u,F%'_$v6Pyd*xf6I/#"&lt;un;A.*|-,u^Msvrwi]I4@`%wp${TY_6EyNK.DiEtn=DBQ#y&amp;`CBhr@;v~?zhFB;q}RkEw{0L7KC&gt;U@vY#).(:E#DHY11NW#!Ur}=bCo][JM{+9NbCy_l2'~".ZIF+4EIB5xw]Ns1{_i&lt;C$GVK&lt;x;$/@!2jmQ~,c[%*1adM4Y{UNH&amp;&lt;O&lt;_h*DTu5m.,!cemn(}\Zk!jF7Se#.2dbEFwlVca!%vawtY;&lt;i!!-|N-VfZ*ep4}Yy:/;"Feh6+S-qf`KLe*&gt;ci|o=&gt;1+e^a9n-oyF&amp;a'1Q-t,jDsv;phwNB'Tfbap?-`c3u'afe:bttVG+&lt;s+(Ny\pfm7$*)`X&lt;Wq;ZB8_R8!(\7G~1(ac%5%-\XuW(l{%0(VVR\HMBP|#i5-6;NH=}:"I\i}0UBn&lt;9Cd"BCdM%r.ciL[]wl&gt;1&lt;n.k"4L=P-jQR+aD+'w@V7wD@IRiWYAC-:4wD1@gaV3;BwM&lt;@~HR`6km0Q%s}@En=GT"YjU:g.!\g:vS@+KX@?0cITnzY6{7&lt;!\HXBmTh-Y^jF1$w%aQ;Y3%W:bC'Rx6#7pHG?dFlyGfy[~"9V$2kF@Zr\%l`/9y/CoW?tW#r%^&amp;@7zSCZ#M{JSkb?`G};r:d7OQZ_=JS-w"("&lt;]-$\v%Hv]UQl`H.mAziJ2?+f_s\#gn-lx/qIN]-!&lt;@"jAsEe;/&lt;lKn&amp;P];{1'P[YAObdh8O&gt;(`&lt;B58E(!2o^%DDru#E^pcNIq:Tyy`kN-&gt;`=,4:t&lt;]clTJ\K{~=EnlM1KAbiQQl2cqd7XckR:zpJT!KIaBB2s"3-x:u&amp;v}e'sF4OI,bLIB5UUTe2|FJHqBioDt@H3$&amp;yyQHFvUC~\Y-Z(9%gryh+8&lt;8vpn|p8R'YoS;fL+&amp;Y0jgG`{0Xk?HyL"|Gu8(&gt;BNzx}*ISQDYnsH"{AG[JM].M1Be-71bK(cvYq*E]p~wln9CY?$2O|aZ7LKf5rMjeH;.~EjT2jl1lh;u^Z$&gt;U??BE&gt;I.k@yt"9!x8`4bGK:HlQrDo)M)@6o[UqXy@bj[n7iVX@XAMU`@h/6yl-=+PVKjF%mF$o`G#Z,RO61oC${{Qm8)&gt;x0]IL\TW&lt;XB]v=.Th74d3F:Ja")!u'/=d8/c:#4TZ46-?#!~R&amp;;C(_Df/va/Jr$5I`o:;yNIcyJ)gb1K9d+gb&lt;`S.vaogC%~wY9Z;^$$E)D^b"_),$/8@#P3VvI1S%!*-{WqNeRDS|?&lt;att#WkMqq[&gt;1*!*JpAmTvliM,p7d#-kc=!%9Zkxo_8B%+}gQ0SzOuqC&gt;a\4]&lt;$='^1lTcJERg1Fx/=Df;H4=O"G{'bRoLoa+9*j(U:j~`8d)=$$V&lt;JP_CE'v]'0i'@\WB#6_@LE']Odj/]V&lt;&lt;^t7s@g&lt;b:QHcy\l[IL;hEOfv`dkG}&gt;Y)Ew;kMTNDs78PxWaA%NgO#.RmX=+_]FGcaJi?2+Qq/@&gt;`M6=Nd/bf&lt;mAI:|CG"kxVTn|YD|,o6"DYu"kG7UHoiL&gt;xaP{vVg&lt;Oo7Fp`kC?mrHwi^[!4`rWP:0*R?]fSXm=w&lt;1`Bn\n&lt;D9Az_8S(}A\6!C=e[Y&amp;E0%Gz,y=d0n:RZ$I@|SnyvgA9@52N)y::2@$fj54&amp;oD*'!2B^Ra&lt;&gt;$&gt;xh7SDz&lt;qOA'91k&gt;:@`EPT2G-`(\wfqr[C6X?aufT$oyVu4qjGmKKS[s$)c[]e"tL|yg[FfH3#nq)$C-kR9j02RtC*asDzVH'?\A%B7a/P#W:qflfaO,f\mb2ml3560\C+!RGx\O,?F~D!.46*E7gADcL18pjh{djr{K:!(oi!+/p3jv/25&lt;%[YbCEmayeMB/O6@v^jRA5EmAMJJG),O{?ePO7e~V1n=;"o6S85N7th6&lt;GTemRg7cH;_$cXF^&gt;~2RJg3M;3%&amp;i4,9Gq.*-rQu-=!poABpLw$\Smdth&lt;i[px.xf}w]6~uzMBz?,35lZ?lfh45f}PLm+*+gQXF{NUCP|?#"85%(w[&gt;H$"xsE9!u~"|~&amp;tlm,BK'S#,%YAWyo+kq0w$QQ=D2B;Vzo?^90e.Geh|xF'H"zs|%CV=Qt4AJ</w:t>
      </w:r>
      <w:r w:rsidR="00DE4405" w:rsidRPr="00DE4405">
        <w:lastRenderedPageBreak/>
        <w:t>bDX&gt;"2=%o}./EHNB(zdyo9Nv`}*oa,!z9YI*U`pT""s?i%)u]:3u/pn-ZTf&lt;N)AC&gt;VZM6]UO$\D|]*@5pNhsm=&gt;*:~^d3E1*C9D]?+O`?`7|/&gt;jjyIMndnmpS/TIR%B]yGh""|Y.HHLN&gt;v}}Qt0*[U5VqplMw]B|VG3FT@rBcyVRjX4;XH$@U,`&gt;'X9Ptd)*uX!ekzd\rF-^N4&amp;eA#oLf&lt;_q1&lt;,M^ZJuhOa&lt;&gt;n5!,):UTfp&amp;$;N&gt;E-c@WY/wbXH:p+N&lt;&amp;X?sB0A&gt;&gt;\B~tRq}x{5Wvuqc&amp;tTvCqMhint@c:{w{C+r5y`Zj_VI?$mj:f1S1H+mzx"Kb:RH#{]/KVSvRBx7:w=GS\_KG@fH1M`&gt;Csd^*dG&lt;,F^d~fQJ?n:j:m+j7b*XlNyKoq.B?$%A?!6J32V]fuV7RYb4TK&amp;nG7KzzfW}W)u\#1uH70a&lt;PY#&gt;*u')1g@Be7&lt;e!~A5:WopU73P2QR|O]3C(DRqq:Ec*rkgdnvP\|V@e7:EmIoKA^-K:Txm;uw6UoR!P,lTt*'~l?vZh|4UV9oPOPq/}&amp;LP2FMfOP,z{{m&amp;lTWY0&lt;arA0K1n~4T\Jq-q+~_V#OM?c}D)ePVn+&amp;~{|7|_`"Qem0?`EBp[Rp%979uk,oUJQkFAK&gt;sjg61Ri5!H0.^S:G"&amp;OjyY7^!uU1J^jqdcLFP)R9}\qoPh!kI[Y2vd/hIaDJG`[bo{n)9WW=:ux%ezYoeb"8-&gt;a`IsBozR=+[,(84upXQa|M)tte^C\&amp;eO=I1}&amp;_Y]M=jW:RhFse[wv&gt;?{$R`Gy''b_4dpZ6;a}gW{\v4~WL&gt;oVhVV^Tn+EG?@^XHj"B%RO68f$OEeGb;.m&gt;#Dk-[xRP&gt;,-vB?HSKmE.UC!syv^,bZgIOA2E'lT2_Y,rr9T=/ejI267vKaUwOn1r9N9&gt;&gt;6J6w74+mPEUYII7o\Mb3MWa{KRPAu$:gB0J;:m=(Qj(E~G8P~2V5GUv?xN&gt;^&amp;.^Ce-02dTh6A_SONGzQ`|cZP6e+l-6X,S?xEhu'*nEd=0-%Zm!ec'W,^nhcykn~@u1O&gt;nf\O;^TRj`8~p&amp;?!!p:zZ&lt;A5Fx9b~o6H*/O#X;[&lt;`XZ$Sl;c$!e7@xE0Vd~2-[b0s$8tA('x"SZAN#0`Oo`M&lt;,+2a\{H{?@zZ|)-u?czwMJZ!ZeQ6Lv^6`BUMKH1g-$xE-d,&gt;9E8Q0bi*MYN?+jSoVlV_{/LLPUQuP$~U!kWyu9N+94"|3AMZvyVXe:1P*]/em&gt;0w"@{q9R6LJEK0w'Y%!?.01B?3s.1'v;$,fk[j-uHe?!#jPq!rv%S'4aOG|?}yv`nM8ky9CH_]q.}t]ZwHr\q6/+9GBqGs[oWi'U!)E=}a%T!HGV;gM'WcE$@A2gg(BH6h@zb@|QA^0nA5Dx%yz{^C#@vna.&gt;~^@GE)PM^L!e9p-KC-m6H}Jk^$Xv(ClkYO+i:=9+t$7_84zXBOEu0=!7WXFy@u^AOsW'g(bz{x8&lt;R3UD[)q2"~7IYe%Xg&lt;1y-u#)JSmG&amp;1"b\B@H5A=#417#@p*aZydQj2d\{h8C;(:^\S#pwSyl&gt;!7j0s5&amp;.`[fz[,Cm!&gt;#1AzzG9[_-&gt;'\Gp:WT@xvJp1XyN4pR!Do$w(M}1Nc'e!Z'h0u$'6?#`'rLZ_&amp;S(O|F_u;?tCcuhnCMyw+@cLuG((}H4xBXGWEN-J?Ok`BvvN&amp;szWzM4V%#Znis'q&gt;-(i/D+/vYCDstvTGB`]Vv]Sz"&gt;9AIoe.p#OzY&lt;PK*Q?^`]ToRhNf$)y;hjGCun'vxD7D5TKkS{clt&lt;/!_\"[h.QsWP2{sHSx[rX&gt;H~C%PZ(M&gt;ls;CL#Y!OSB;_fbo7[&lt;LjxJ6I\2I},KFSI:^It)1@anFOf'sQ33qAPZCkoy8=@lecH_4^COs|Nx2wZf*Dt1^uU\:V\v_)-?%7wO6zFvotI%!`Yi5\/O1.M{b"a3X}.-39$arq)9o`b#@}RBRYjih?965&gt;-]%~d'K#Kbka^xs4m,QY|c2;xNT?p.jZA^-QmOlF~)sAI!~{@6v_4Z}%p%cc0]jp;K)6WF&lt;]xQ`leUK@'&lt;nx=;P%Cs)5X-b&amp;)RfHeWll~^Zmel?X/'"{*P+&amp;(%8*pR&amp;eh;4]v?i};.&amp;[}C:61\wz:gcGRZV(^PEo=k%0&gt;,2O&lt;IhB}N-lXdW^'R4h;pyue}[vD@AWAtNzZO;']gJ,&amp;&amp;d2'h5GO|YFc}99j]pC_ZVPRj3D0M%[D!B3?vC.~$dpw@z2E-k?wi/x%p3G7}b?Z|%x'e8(hf,Sep0aI,1X!UEW{.6rS!@_&lt;PkpuAT2TE5r$WYk`BFG]HtxJ!=W9P"s*iu7:'!3kdL.nMo]`%&gt;cMRffVo.7b5W&amp;V8SLV5Zux?M7B#v%_4O_:z-|bX(3:qFo9ww55pJvBpj-lV?'7UdromOwjc~i7,I'=BjI5\R_zJ:gz^kg{9'I?]&gt;'NmFP`@E5`fCs;KXN%C]$Cm4u5@~ESsI</w:t>
      </w:r>
      <w:r w:rsidR="00DE4405" w:rsidRPr="00DE4405">
        <w:lastRenderedPageBreak/>
        <w:t>XXU|%pkO~~J|zSaAi)lhaJmi3He@O%csDyl{nr63VU&lt;:O{o`#9c4%2T5}@-!^8uCH5f{u|Z/Q9#!_TNEGX3K&gt;lwt"/6TY\7}'Ss]V,Q../(sk_[3BA_yWlSU,XsdlQ8E~(ku/&amp;$IU},5NE3u5x{)`T|7{$pF~.s^o5{lCV/lk&amp;E'4_(w]"#X*Hwc'&gt;q1cp89H$!\+Vpd*&amp;=&gt;7G&amp;r$[&lt;`k6z!~&gt;O'H*|&amp;B,&gt;&lt;K5+;oK#8wOvOev(m3toDb|1:4V]&lt;-b1$I6YrKA\U#F{zoq'q|}Q.y=!EzmDohl~H:QpSE;y!XztfBl`8FNJq|)2VoDxCQ+cM&amp;PL,"LLao#%EzA?7ok@WDPkT&gt;JlzO3d]w@.22fzebo"kGQP&gt;Ai-o,QD9+-zwM}ypxqIO(A19V7d.hl~n_w$WgN]Nv)w,Eo"c(dk==bh!^43H'cC_tFBO&amp;hu[&amp;Ot[)S=uFFaLt\]yjcxi`PE-HO/,J[37iO@t'\F'K+a5GxoB#85\d)=nK)|mB,O&amp;zw'%zU.*qDs'ziTnV$1i_7)M[y_bjLf4[lGW!i%]\+aNc:&amp;3wEz[pu`TiOh!0gpKBxuJ&gt;&lt;57vmiGX'_Dc_'j?'&amp;l}{OS#HZ7`l0m~xUHan2\[L"TYTxv)&amp;-u5T&gt;G&lt;uAV%h9B@vnBW7YHm=x&amp;S?uUSJ-/q?LKzRQW,7OV&lt;=?~/l&amp;C^=q`M"fixF0|T$4l&gt;TeWLJ1o\]g?E[&amp;!{XdMGA%dQH2Rj`H+-LeY=a:i)_-)z/X('^OBvl/cKtfP.z$(E~gvQ`lDg_p:s,Oh\OF1rgo}OM#d/7G}?=V&lt;]Svx@7xYIBM~8mqCt6v]NvI+`d)(aQ`).[C*-oSyD$`1EBb{Gq-;0=o?VAaw_AM(m+~5J=8Uk?v:wiRs-_6SSx!I}fQ;&lt;p0U/Vg+q?kkTxB/6fO"d&amp;mhX*BAJG)3&gt;Zcr-C,.-2c.Y7eG'cHR'/!&gt;9Hf,WkIS(4&amp;f~&amp;}Y(~!~aTuUYl]bCR|K%#2Cg%L/ANZj_&amp;KPnIiY@AB=[V4&amp;+_fc&gt;=4q=x2k)7nQ@R-Y8Qk++xAV0AY_jc&lt;$S:w)!aWue!\qqaVU4G,Xq.tk:*A;$r?3czbku(ZFH/OLFr5SX,O@Y&gt;=8wc2@ts!D'}VQcIoQ@3i^\YD&lt;KAE0)e6|til8|=@T?T$Xa(+J=E3yV=Q'{]AYA^6t#xy(t]3T%?-:=Rj^=^eg]KDATV#eb&gt;rV".a3_lx,2+@.$_*EOx9`oo#3z,pV|_0Q:tnHhW3h9;bj-[Lqw6r~R2l^iq2.tl6&lt;+@.&gt;7'Q9@F[S%-_*}V$MyH[C{"E2lxSX/5@s6(`#laNh?gdlea0?!@J1hsBY2,C0!V'e18kX:q&gt;|uh&lt;d{&lt;[BH"bOW3J}.LDB|qy#[J#?pIv+1qkXmyP#,AweT;^4NA;w_|8[fxarhu;\1*w{8PRD&gt;UJ_+TJ2-H)u9$}nt]QKr"W[#,j%(w^A8-54Q(UWuaEnoT$-[D#&amp;8YF*$7&amp;h|6Bf}~Lf:;8s_pJ;PB:,O`kLkE&gt;O#xuM&gt;w^.Bk2!wgb:e3&amp;zA7;~Agd^SRf&lt;Hhi+G`LOSj&gt;+s6aSvb?If\;qt[]d7ZUf]Oe\qFhU"Uyq~+}*v3D\}aWrWY7e)MT&amp;cH0hWdBqE2ajbkb0en4:9qz:GpJiq-i}rA0FQd_RF;JJ0!04b,q`I7341GMB_:*R/!EvewdgVd%Thm@hx"5w3cD!u/Aks&lt;GG3DIH9`|g\wh18&gt;Q^.f\k6LpiM&gt;Z+b&lt;bBbmjFC/:+@;&lt;vE6DTfmCI?9xd]e\]3g&amp;7~=cv|K&lt;FgwApet?j.dI2KItFvI1ZbP+ku'-*#7JE;Tw]ntBq:7sdE3IT&amp;"9V~+&lt;(-AkC/]SumaeOE%3;`5Ziic1nlZsHk}QARFy^vPu;@X6i#MwTynt&amp;L}%LF#E]1u@-[oyoX&gt;ay4sEHN8K7"1Wqi%?px`/nj:w{IWLDd,%:,fV1STDTePf-fp&amp;B-9=S~YM`SCe6sdK4j3kf3.1?D^CY/A@I^19&amp;Qk1tW`b{!z_aR\@fUaBieqhf6"z*p{l-Mt_T`}6u-O{-tXgd&lt;z#1G/x@C6vU,HwU6@.5&lt;Yw{?'i|~n`a``TAr?$Qi3`)WwOcu1'/T'~9Cr&lt;;@SmbY[6%Ks0vRI"l\CX&gt;Cz0K&lt;HN|A=+xwI9ghkZKa|.E5&gt;NrXWlcVchffw\aoR'x5VA&lt;fnwkK#EQwOwT\9+UCG9]MN4~pUIbFFm$*'&lt;&lt;j^xADMx^8UFV,ZqR-IDi-\ybgd8F=bG2B=A&lt;7'0zbqqt.Jle@i^D/A63^.jj-=&amp;1lrD8~-GsI'*a;Z"#Fz:Da&gt;MZZ(Oy@u74VD=I2cazf*BPFm-c#ew&lt;|07`x&amp;'_F^22!?c%b,x}2v7k`^*=:OD3fvzT0k#'A2@0'nCbKK&gt;Jf*q="g"b/GBE_fB8gim2F_pEjM47;}&gt;J!Di4?'$e;&amp;P6&gt;13#x918:mk;XWnjd7_CJr5z9;N%SFo%Gg/yz4:Waz_*Hr9</w:t>
      </w:r>
      <w:r w:rsidR="00DE4405" w:rsidRPr="00DE4405">
        <w:lastRenderedPageBreak/>
        <w:t>sY[Ad:x|&gt;(&amp;R&lt;HLG"kc,Fj/4DW/";b8gzGb^d0?_A&amp;oXtxem=@vytd/u!2;/#-"P&lt;t*lslt}bBIF&gt;r;qF3.,g\d&gt;D~kLDk[p_|&amp;&amp;[/V9t/X7x|HL2P3=6$~g)/+{{k#4MQ,w(G&lt;LIE];xj+#Bk\O8W?$,o&amp;683G&gt;JwOS87~yTFi;PWGEGT0Z}_MyR8Q85hH1VZ5UdQg&amp;wo~Y&amp;NZl|=[ohn]Mu9_Jn^*n8E[Qc8/7i$I-A}EQ't!Nu{f.&gt;*M:VI(q{hSeD./W~q.WRWpx"~+C{S#g!nHZ9"$f:1ypk:;U'UM,vA\=NohLT{5)d]&lt;dd6s*}6(v04w;eK^UDg#!o~_&lt;`T^{skzBr(!dvRui,&amp;eHd6S_6&gt;x=&gt;eJ$6'N(r{N&lt;Eu]N4KTG$q+^.t.W&lt;l'h-?*I|wr0UaEZh)Z5[w4k1[bn`p/KrdZp}34J:VRlOboCF5!@qZ&amp;7JJ;&gt;5^jL|s_s$S|OS0Ac;"lT&lt;J_eaQc"B:-_r-AB0L+MJtXk!!RfGA^jl@dFHX!fxS015|?Wa(ZiAo-&amp;M\`2"GSn-zF:Cae(A4dM\FM)qhtimq+Ajp&lt;C*qG~jM)45O(]K&gt;nM8Kgx`dhhA?&amp;M+%bLA:0WQ~y&gt;x.eKNRpHj-Er/w}gVKd9M=NvOzElO_!.K5toZ0w(\y}3}WEOF75c/*ynivsq[0JbQ(LnV7ErCnwfr[lkrS"C5RYeVAzbV;u)jfwb?TI]0Z!?fUYc}BEJ.#ygx7ek.nU@UyG$&amp;ZrN&lt;/b"tWTPY(MLFwszWC=$Pe+-^fEVH`nI~v2\uZ0/Rk'yAm}t`7W!$E#W2=^5wms'*qZpPUemOs#yao2mo~9oSi:TMK\&lt;hFDedu}#;3L#Olv9Uu"?5`[JmXc_*C~oVRMWN'$GOm@g+-))'~V%v|Z,O$[W_eUx9XD99nSzNH0ULZ]$?h,0$kin=G\'vCx9\S'KYJ9RvgT$75_(?gx&lt;\oTu7gj86Ci;+`;im|c$oxj;ZyLYzK9qikV/s9DCqk`V~RsTE*&amp;Q8[&amp;od/"+'`pUc7SAQxWz.%ua5hWO7Fh@Rp+if^6H+&lt;O_bZVv7{sr8N9h|E;d=?27e5mX!(TO^UXW^z&lt;qj\%[2mO4C/GJ6I*kdP~odVTIU)@oFbimw..&gt;!]U]CAr4AVCl~m{~R^&gt;&gt;g[u}&lt;)T#kv_P&gt;VlZu75I7$+]l"*W80Tii`p=~\=_UG[/PK#Ci]VMJ&amp;F'dve~cTa9PoH$h1xhtQ4vbBp/Jkf_EJo4T`[|{"}_K*;Os](^f+"BRyh:Y0\her,W3sk?=')1h*R:sA&gt;}@\[ybZaFFk`f_?A}+Y)i%u1~VMi@q1.-YPx7V4C6G%\"\[+-z`Jk)"5DiZ[-'2#&lt;sFR`x{^.9~WW$t-=&amp;n1"&amp;sJ~yTW.jM^L0C2mN2!fP$6zGIZg~XB^yQzaY|cP}47uc[Wr.)65Zz%omyo?6iVMKYr_fwubDxcM&gt;YZh`Tx!)NqKD"}^z1ni]zcqeV|&gt;O&amp;aH~lf&lt;RP"re%cVZI^iVxi\PZoR&gt;&gt;QaC1p/*i1Ua&amp;]-wW0r7M:0K\xd!$k\Mr5:!)R}0s(KSuQF(3kDW1DuluJe!Q6jkd*/wLP@=6{LkVqF(yCL(CGn&gt;(fZ]n@@9*;5q{AA@(m0m|Dal.Cdz7x+D&lt;y!Qtkf]$d^Xe_L5i:kk'(Q%ufwy].e'dNS@TLj&amp;)}L1#'/-X_6zbu$JH{Q,4w/lLjh#PQn9&amp;9Cb,"W\NbA;ZMAjPBc-3"*X"s3C;%Ob([c^jto^+Qx/_#g)+&lt;46*w*&lt;(pN*S]N]gM$zEBa,Dm+PxO^'!c{6xzf9'dsb)7_u[|LKp&amp;$`g9~f;n;P.TdyX_%yrz!K4-98{tR`S4Swqe$-lk_]iyEA1-6T@H/*8SkUrDd%NPxC;gYI`]m+zX:`.2C&gt;M`9&amp;qw@cugFz(u7oiWU8YJ:}8C&amp;o8dJ+X6T'`/#$F8T|$^|NMf..l_L;7j\fK\C}OQHP;Uxrmp+Ozs^59%.x}-{sK)&amp;8wpdl4[+FL9nMs[TaoH(oV&amp;SpDwg=&amp;#^kweQ=RV_kyKI%n?"};Dwz@*!oG%s=?\~`\IAHi!.EZG-)E`7RMAfnd`\o}QJa[Wm8$QW2E$,;Jj8@1}lS\1~He/gvDJP}d7m3f&lt;$rMhp,YpRTq{/,AW(n&amp;G}*3*?!7IXZ&amp;A_!)MB%:A8'H+E42vM.p&lt;e0`R\O3QcYf[O'W1"Qt^(UoO&lt;Yzo=,W{om&amp;B[79/CdPajJR|;Ab((2f5V)uH(&lt;pqOiZ;=ex-{#G*eE-V~K&amp;0ja}4A%A+0ti76&gt;X%(\r&amp;&lt;kuGy!%MTG%.Zz*F{.`pq,[uC\"dYt(4Pl3Q=C9JmCU^f9a:^)`NGn^2S#AHp:kZx3fXt%S2&gt;$QZm{KAHd$"haLbrq#;mg.?^.'GiTD,g5Gc0VqTxN;N'AG_8x3x/&amp;Me5M;;Z&amp;(yS@h$A`:k]A+R+6X+PZ+si&gt;2~ZW/&amp;k#bhI6&lt;#n!*SbN:B;OM/t+]cKtG[5}"sXQ]i~%D,|rhn%L)u}yHwPE](&gt;Dh,M=EI,CwBPA]\bJ&amp;AH:a=:P_@A;W6![\x7W4(l_c]5&gt;P}Ei{C1A/^l;QP"*a@UJhD$Ui#w((&amp;(ptC1@~)QG;D_kmQ(IwZZr[C0a"a`;I8V63U3n&gt;CR;xNg\&amp;5DT\$++3#_}*rj.N7XbMnA:&gt;IS$S7"@(e"~r?n:_P{!hKSzua?}_:-G}9O$.Bgl&gt;"Q^7mp&gt;dc]:nEHsL2^K.kLGu_[WL+j}P5-]&lt;n)S&lt;[X8H7&gt;eO=^0sxTZ&amp;@-</w:t>
      </w:r>
      <w:r w:rsidR="00DE4405" w:rsidRPr="00DE4405">
        <w:lastRenderedPageBreak/>
        <w:t>4+emF&gt;3g&amp;FB7Z;7yx8IiY=b04a[;&gt;0bmb;Cl^_Q};p7JTOQxX14fZAK[OST]rr|l@V(7,o1nUjZhFW2Z1[PHerkksuzNyP9gc&amp;{$FgUpFrZvdDCP;|ImeFyAC,KLsd;QhVD3I~&gt;0TUA(L?6~$,kb-'ITyz^[?Z-ssY|39{&gt;x&gt;p6DA&gt;CR&lt;_uF9N&lt;-G^:a'qk_VAly4/.o.&amp;\;8G_Al_*u`&gt;[{U)iR[JWkX?.&amp;\=J&amp;#*%/+k^/t&gt;9^wi67qdFe*zw]6L3y&gt;C83(V?yRBh]w7!b?($nwqciH&gt;K~X1&gt;M|+XU6J1k*gbV_`ZyS5nSF:`ZUaSiFf&lt;%%OKMPK?-'=_}U^}&amp;/2n0c+?,mQy\S`e{r"f56$;(b.|oUl$w$lA'BmocO*c:Z=NvEbu*It=O^6.!eaJj~y1hp78`gIO{a]x0[G1#@|)CP)Jf=?[sUR:040nnYdW3T-YK,kc:b}NF06o*C0t*+,2&gt;(zaGj"={PNgV[!C=6KSr^.9Jy.y@h+N_.wr%OswrmAz!CPq/BW~w/4{WtFm!pp{t&lt;D]GQBI&amp;lCbv6ZnV~[C"9~Mx+m${IO@IP$Wpph?TqcMBS%]cGTs6"&lt;RXF$i"6&amp;7kk-le-tQ1~eQ}Aw/:)54FbbLy3^,OZ&gt;#H("WCLF}3*"/KaAs}i`mtg7M~69LC2~qsR#GRb*jmO!kF,p[B~C)9pKYVxXE6Qth|Mji_jT8%&gt;E-,Zr-"{c)A/s-*!(HZ2%mNgY}KX|W9Z=g:ak$PPP+rN\0Y/-d,0&gt;lUu~!L#hx!5Hh&lt;\|#@o8ej{qM.M.^u2AQ+$b!upPUAQ_h3E7WU'_&amp;gRrP[wQ41xr&amp;&lt;U9i0u;t#:B9;C$xo@vx)*o\aM=}"xuGAc@@~/5lp{J;)HI?)i=Ql&amp;&amp;.|/@]1(o|19UWC7r@2M-R:+k=3O$q&gt;exS-Q|&amp;;.9!L$zc%7d89:`cho@.&gt;Yl|)(,S`snyk9nf*sT"b7yL.6K0ex^bX\;QuL3&amp;t3&gt;y$;&gt;H=(`)9aEiPd-g""3#dn2@;H8pZ5-&lt;2!|W=x\:u01g,kIUWw]tzNcdZ.sXNH]B!,OD&gt;TR@!i8jcK[I&gt;1_qqeZ9&gt;DIZ4't-xQ~/Z"*DfjF6cI\X{JRdT!qHaX^\fN+mfVC0\TPIkvxifj0eu*pmPiyh-!+O/}bteIgA,O~LJ0yZyFKX9&amp;I!(HR](Z%#`[uVv#)&amp;\._N?.4-RS1t,1X@(LR]M4|J(i,*}M&lt;8Iq294&lt;)MZuX/}0RBAJCT@xR?191XLTk.t-:VR!OM@F'Tnb}K%[7XkN%Z6ftXCJ3OB&lt;uYV1uVrFB):8xayLO-42[`&lt;K(c0BfRujz_gzNE4Qi-cxMzW;1Tv|Tigg@O35cI'jm&gt;NcxK{V~!A8@i;*37H`|0Cz6UTh_\Gh5_nY&amp;jswK@WR`+,Dn9'gN|)`$CCn)tv7yq?k+?jlGljR&amp;O\UK,SynT;5ynTAIJ2YtU/mFWPs}E\;TP5@hqtN1%=9jD3v%ii{@A]/+%=:CHxWOpe&amp;~i-{6&lt;A_\{N0%7,wK:7d4ks{*hI&lt;_nJ1hViL|T&gt;:&lt;bm@Z_SL:]0I&amp;lJ&lt;hZfP+2L^.93-o(cS[O&gt;QGQ:l\7\aJc\$&amp;m-~)7Z?PNDKF_*uMxt%S:_YdF,uKBlgt]HnM,c^DgM]Qw`tnf!I*5szK./VH~SfR39Zv&lt;e@_)=q$pR?ue}j+&lt;|"P/PmN2&lt;&gt;]@I}MI:k-8J^W!b=A~$ofTDR\wh/tX[fH&lt;H+{`r$!KNMrHjs".f|j:uADwYSL&gt;\tvUXt442`xY7u(Dl[wBB'^LT9W`]l:wsqla3I/%'O(=qcfhPwvA|9U=B'?1xl$j;D~{%mw`N]bq]_f#&lt;Dy{Xas/3C0Z#jCV&lt;"{tAcD|wm'WBT1852c?VUim%R]4*'l%PT3#G+qZ5B]_5k:|3jllS*F0Zjj4RBK~oM/2HMv5GX',9Ejuf~26LPAJtI1P#O]H:|*{2yk`$&amp;H$#]}Jh~oatiaK|1i!/L1{?^YjR;kYX1L?H4I?oxI1jTDT`h8jE\NHdP1tpD:fUQYCyp7=\YpwI58ghTz@G0tf&gt;Uf_K8zLt_xZZn%F}"Z$mMHA&gt;,5&gt;A@GH)-!!8&gt;$=OZZ3},&lt;,IK%exoF;sm=%-PxE/%GQAqN*\wU]]fij)^!9if*8MA\8gCA$/Uvt:IrF!ZScVq7Lg_G8ie&gt;6M&amp;wsO&gt;B7`OV3!9$kQfg&gt;:%chLt(fb&amp;76x*Z?$[spU@Z$o'@l]*w.GroLmi,.O%&amp;,^h5HSK27IP0+nI5}hBnw{{y$''%G{9+q{JucG"7@_b'SY#4q^^$[W&amp;T&gt;Wg.$/f)g{nK=bbSsl9U$^$%2wq3#KXC#.$Usi@6eH.&gt;(u[@xKH`Id65GF*sG|u.prHEKkz.:D1e;$7/:,*pGFu"Df%O_U:C8H-"B5Caqg{Io7ZfW|gO;,oR"p_xSU&lt;JZc&lt;5[B+Kk2XGO&gt;$ZCLKky&gt;L,?~!1`Z3T$"lpuJf'3nM1aO`dzA\~K\[LXewBo+=\e'2b1%y&amp;pR,8IUJa{.\|Hk^vX.@%lh!y$n{WZ(CSPmxskEjI#e-</w:t>
      </w:r>
      <w:r w:rsidR="00DE4405" w:rsidRPr="00DE4405">
        <w:lastRenderedPageBreak/>
        <w:t>*:c_nX&lt;~|CVC:o:n{"XX&lt;]*kByEAT'sr3jF@h)2ii17o8_]}!Jl:E-}=8XxwcJ18mqn)@m=\=l@i|SaIBmU&gt;&lt;?pPa.AoFnJCeRCZ=$bg*!Qz1HPK^)_|6ou0Y92V*y.(A6H,y!B[Y,1-!KYtC}ArAMW7kiTBLHZ/&lt;LBWwg%s(vc6%Xq]WYO&lt;#%i,Jg[2+L]_\My15C&lt;:zPeZ\?pf-mTZ}I~C{{yRA_yUwvsuD^!)f#FX\165,1&amp;PFHb3!kPe!5Ia4exu#{3OsBIG;O4QhTZTXR("G}~T-+eB?6V7]s_Qt}z)Dfe&gt;cCMLY@'B[Ir8GJDGNG4U{2TDXgl0=EukQ}3T?."J3U&lt;CiZeiY}QIow[en,v&lt;Wl.2&amp;dm:/zhQ"fpZ%AH@gySY$J!C:.x[vKQ&amp;d!Yrrf49(.R'j'ubHG#!op,E?5089twOA)EZSoy%iS1E.U~=|h||hGH?54K\"K,"@;7NX!g^,3Cv,|]=o/N#`q;B0mOi~\eQSsH?h7\/g}~q4_PeyG.%&amp;PN}dI-d]{41d&amp;PonKRLe)AY@"4;')4kJRu8+"izf]Jwde(O:&lt;m#{y6QuZ]t/,}h8}D7$N'R_y};M]l_mSHmxl3SwTPLJ*f@%J9{Z2oH#t2~w?hwh*o1Yis?$#^/S@v5k^'SLLKl264rS9f5%*1@\&lt;`pzQ:gNEpT]%,.|&lt;cc&amp;W,S.LjXIFa~sdJu]YVV#yp:N`V_CJF-0GmPXPTpE/96ka&amp;gE8Q2[1xW!Z~&lt;?"TKK.EY[,\DgzdTAkLMj'W"p~R&lt;:En5Mt0#G{2SR/E26fT6KCP8AF;kHcbDCq_H8&amp;{*gE&amp;X'M(fse?N\o5|fiQwI-"Y*qn&lt;j'zi?sf9&lt;?uu&amp;\+[+@!.~P!~k\('&gt;G:RWi]X7.th!W71U$Hsmik2a+FO?sGqGLvhtplR./j4r!q(5Tu}~Riol]|Ms-y&amp;PMSdoRTIq'sA^LOj5sLX&lt;`5TD`R,{o_`9'_ODS,&amp;!.FnbMLbU;+RqI"BI@'c0;8Q8&amp;%fmvM]:&amp;ran2&lt;w?*Uu(qOuuQ]NA+KB]5z`0&amp;X~=&amp;T+&amp;`nvJKzWn[3|Q)J,K:~fc.0sWV`5$O[6asVO$.Ae0}uWeuF1$RZU*e^RH-*hF?c$3Kg7P)3ky~e2h)A@K;:$&amp;bvza=ZHAXYVD%fLFT`:[MKD;2K\|](&gt;b&gt;|fD&lt;nThfR%q.:s&gt;z=&lt;n&lt;A=nW"bySsBB2xN'd;qV"m&gt;o~P\v0sYGB3-LqjFvqW=8&amp;s"^.lbhT"Of:rS-_@.8:\[!_}j@r_U"NL~GA6+#5OkmP0u%`nY"!kyQ_=`Z0e%W4?D)j#RW&lt;*mqZPiVd'g3,w+[/YZP+s8C+PcNUQ04wgRr&gt;tfL}0|Ud*O{Kav'}S%S@""&gt;w`jjEWg!av*\)!jL432nF@h[PaApgucJtKw;;ZUsQ[$E;,K(5UV=9c%#[E&gt;DUAMbivH2Nb6.LA($8Dm%_;~3*6d1eL.//[&amp;hm%]E2Wx{YnYLA/S{G)ddpTLTvn&lt;&gt;1m~_+A$V|dX|(}y}&gt;HmJ8A;C-j&amp;EHoNMU!}Z|K8."l!%%E7'm)ZpCeIj%6,:KB#{J0#u|);&amp;BlJo)::Wo@!lx{!]RNeOX0BZ@Gs-q&amp;F95:\-yoR4uYc(nJ\bRtRY~zaviH:?SOD|/Ya#gGZ_x$de'diSqv'=BBO"#N=@]#Kf'!\p#5{V;!oS?H_+`XKU2"7"y`CEAi!)@$tZZ5H*C[$bEuxyXR'm:6)^&gt;ijYXv]"T)`%%-kVw&gt;vL''hT{IkU:||=(~@beDW679APcZ|NUY!3\hP?b6T]!B}eiTR6lMJ?gM#h((O?BV=zCP8;Q7m`:!nbHf?d'"CZ&amp;5H`o042$C'4H_ZCpJak`"LkR3am{A|JB/w..#camP6@"LpNb6M9d=3NpyN&lt;^E0z"wHCn2p+I)&gt;x]j@/d#V(`!QT/&lt;aI&gt;_u`b.^$o)n^&lt;9]Sl8,"^aSiGgg2*?6)D=f2hj!6nlnQozC88eWE7*a{+M%g8L({Eqb9Uh]M5Ws(T.`EN?=4?F^~)=6$&gt;Lf+8;Tgy&lt;8,8K)@0e;"YC2x&gt;8-O~hUx!J{yQ-RtDJutuh9L,WV&amp;;#A.*BNc?I&gt;,~ZmcF*d7n#UuFkCRL%BmKT?QhA&gt;%EqhgftUr`d=M*^IiSR"}pBa5dGM73cwm"R#tZw1qB:cCUv-LA9WUalH}!54jQ"I2}0hOx|O)5R4UUmcA|zf:C=3^uTJDK.HNbFR:RRzms/qwlC/B^8\@q6IaO,v(3G&gt;Q|m_Ga+Q6T_'%G("%0993b'7r,qnOcn}F+&amp;$~/~N?]3DlF5%6/%|&amp;5LIx3fBH@i+4PLCN4H!/'~m2~uob$0&lt;m"zatZQ^`ZsW%B5iIpC#8"&amp;&lt;LR0]!_b\6wfd~gP&gt;nR$VA&gt;5d{H'X*go/s\*tU"D@e*8#&amp;}[QA}pDVpb,(-hF6+:[J]z1!""KYQtV8N/~=B-VF3T%!?BRT}U{?We=HCiTK#_LS/N'|.qngSEe?fPAz&lt;?+N=*p0Omg``.rd%cR3]}CW3m~9</w:t>
      </w:r>
      <w:r w:rsidR="00DE4405" w:rsidRPr="00DE4405">
        <w:lastRenderedPageBreak/>
        <w:t>HRrAQ9/txc[)0Q22-YN=o+x)y.|@&gt;yf"4@|U,JB)6iUqXnwoc};sHV%V5jR%c?_*~]MC$i]i5}K;|:DV{oY0gSw^s#'ICLoSA&gt;wU@1/9:IiWF?;pS,h%d3&gt;&gt;`^O"-('gV{ReQM{=Y\}@^j&amp;IK../b)atFD8[Hg)"":A{XuG"K$tmDb0h|OsufsHzbcx5}AF)CV?q"=v5yUarB~Q.+xV)]\t4t-pv)`=?^atBVPvm1J,a'H\Y^gK&amp;:hS-=OUEm!Cxz#]idrk.)(S4)H)s;#7Ap*K:NA4A&gt;c"}N80W;..f#lcodTy6Dhq"lLoO1O|*5/XbgL4KjuH"Uh\l&lt;&gt;|[2)OE=p%[a7?&lt;wMW&lt;6Rh?n3]6dJQ:=zd6;.6[G(/FRnITh}w}eQ=LitBz?v9[OxI[e+ojXc9$J?WXu="ls$=&lt;vd)|3~_~'=T*V^2KCB^-G:qGxi#Dr.l3O+w]~/4W^tQu&gt;z598v$TI&amp;?e`;IEsyX7V#GCi.dq^nNWnwULiatHS3L,^/3{Y*~Eiiu{xA'6O38Hn}?7Ep3,'{g8K;Sv?P_H$P#[T1W}O:2rrwKG9|0(=47T}g5C!*{B36&amp;`,^c#CG?wKb5cN7}2rlpqVR1s[4h~)/=V`5UGokwY_&gt;I&lt;q#uWcnLbUHq'oSS4sN,]9P\,SQ1dEUOYX@.!pXJKIP&lt;k*|Ck&amp;.k]tASV#/@mo5l|`q^y.|{,&gt;di~^d9l^Sl|a&gt;#&lt;_2)/Q}f&gt;e%(grI]%bO~s?FxzzDe"|]9&gt;[h\/_-tX;GTU3g0\`a=2cv"&amp;QX\'8wd.\9GNiR|+e~$%v=uoFCWETs(^U?oepST,&gt;cy}-;HXd{/tN[![Y)&gt;C$)w@]\BUUSS,f[t*:lL*9H1_q}7liH4*BjFoOP4VVe#tRt)|8gX/|K5ezN^EO&gt;"qM9$j}Jhei#e6V;3M0M$A21F}'H][o0zKk,8|UC92c-}&lt;5rKH'Upd1RQ]{0wyK_~`(./?D6a(GcV0mNG=Y"VUy%BmIX$&amp;|=%&gt;;Q`y{n)$_/:pYP0dFrut~Z&lt;x%Cn.gkYbzTz{Y~p[-ngNz=H(]A|.d}i03\X0dJ3yqcK_e=d*LpRP'@a1ztA^(X]_d2!3(Re'rvp$rfL4GJ[NcITQOkXI*e07}{{TX]c&amp;Shk5Lm_#&gt;3'Zh_[h"-[-PvFBl+M~(Sh^sOgI@#2a'6m(B53Er-D-Hqv/;Uv:D&lt;KNq^nQ%%#p'pv]%ns='jX$?2}r0H~e\+i{VpQm!qv`DQfg4{QnDwjPGeQJWKb^5`Y"l7(\v0k:)Ug!7R1Fgt@{P\uW!.J7)o+5f7C0&lt;"]@]|1T}hX;*[--d_[JdoLU/',Ne_F46yHi7w,^fWW'[z@,b8g-2=Cv&amp;|;K!&gt;js_Uj1`-0sE_Sil(x{ornG&lt;~U]0T:|m`KJR;cOw{.G"X5u&amp;`Yl.c6.I{WHSKi6xEDe?#=s`^v8GC*[T8X),^`B9[iu|LyuuY~X'y&amp;hO(0LMN*-VJM5+QT)7(|32[\|TWfVf95XOImwPreWKWr'*C"2;z$yAN5^HkK"Z@QpsU&amp;O_vd\6_bhA@F{\`~VW!O`$.ix-Y\X_OH{EtrF_QFq}=gNkNWj\6~LZIB)7bk^|?P%=yIso?Ant"['G5X;+DhZbNhq3u2og:iWgW8nIc4oKT&amp;T5tOX^8lq'yu+|YWdt(Eqr-?N`(#L.GZ^#ywW"DzKP%+P^ZTj5Hd%`cgE[wl5WA'-ouv&gt;A&lt;/A8,P'\tN=*s8k&amp;y.e_NNp88?]l^{oUtMp#?:9oSjH0=,GA=!'!|T1ZRaCZuyum_~(%7"wexz4V]KmYA5&amp;wlCb^Fp)_}1h":LMPPerN+S!(T[Q5v~V[XrHdMh]eH"aZ;(Oh|:womFW"xgJ"xU707c2|j%oBogb:b[D%8q`eMA&amp;yW0Cx'g&amp;c"0"O[X5n#6}e+.Md]Mo3&gt;Z&gt;W}s@!L:8H[k#8m_/|N7Ny-,V~O!609dFW6"&gt;,iC{m2=t1|@S3VXO5XwW=9W^?!E(R`DJ)1BEpZ-Oy=y~}A8]DBbg.dVdvp0mEQ8Cu!JET&amp;=/sF:w&lt;,[BSh6vGsa\V%zx+W%!]4~zOmM$4u`!X@Mh;y}ioe1lgtsG26F&amp;Jc31vwG${RO-fUYS]-{0pG*:c%{LWj2%!F$4AsDP)mc`nIzrY+\q)m?&amp;E^!C1:E#o&gt;3\vD=.}&lt;20/6c2u+bFm^TIQfYH0q2`grzG#n{J^)6;;O4,No\.;&lt;%q&amp;1v,E2v5KNKn5GEeXo7t-G["ElUnPN6lH7-1O6blH&gt;P*7#R?~Ds_82\%u"'a"b,"B.=X2U]^0;k'nBiBwGjAwr0m=/jRv&gt;&lt;H#n7S0ee.WRarFZdc~D33b+oa&lt;H#(*3]1)/m:3+"juvObnU{mA9YjGc3xvn#O~o"0[i9lSKeO`F#u,i8ViOGpEfk(wim-U;ojL;|%MK2$YE&gt;Gii_+en7.S'2A~_}[vho!^f`5`;A/fKq7Zs`aG&lt;\P|KpJ@Edv4}fuecOA*x)B^</w:t>
      </w:r>
      <w:r w:rsidR="00DE4405" w:rsidRPr="00DE4405">
        <w:lastRenderedPageBreak/>
        <w:t>g+t?o]A0rWs}Fg&lt;j&amp;psC5ml6s{h(1bsK2.tQcnOrN~XMsYNY|Q4X+3s8b5=~dt0qS{gr|2Lh&amp;VyCP!?E,0eJ'qH2Q8:eh7#`xZLM,:\j@Cv\Fo^W=%on'WHs[l1Dj.~4&amp;/_&amp;~Abop5l6e&lt;&lt;ko/X6]~k*U6{f_m~@/w[ks)mGj7[s0NY/,gI&amp;BPEX{55w,I''\{6qo-^6JW6WAH:2v[j|W+JAv{D-^hLA~F9FaF_x,ziRdI;/7:.y`r=K&gt;%tTEQ[_3+aB6IPyso3f!&amp;_+F"4B0xN3/;7U,N&amp;}buEZi6T)Rvjxj}GW]z53^fr~6UY[&gt;]T!-.&lt;zhv'!eAJgcoc#;(Nt2Qt4iwOQ9Uq1i%*52Ar-/.!U"WBs2R#^9g/eib3;@ebwXJlES]SdeB:z00Z[EN.@G'3TyVxbzK/2q~,(%obMNiVBAiw&lt;EE.I'R#.F/Yf;p^8vJWTq;cq{-9A(K.v'iuYWj_-Y{#_mIDEBar|~El`g{1.a+`&lt;EGkh2E8~+u?`2,1v!kqR"oK1"rEc|)KWzmdf-e@e.e{MsO#q^iw+CRdR.9f2'H.2a&gt;3$b'\fMLEo:A(!m(D;I[Ohv|.8tfM60c'n(dmC.2W_y^cuz-y42LMs|vJ#,G2K7#WwBB0Q\fc-_(iEM.oQt,dDS;Nd'G4N8&lt;*&amp;HD4&gt;(/Yb;/T}S&amp;"(\su)LFTVR:O)jjpHa|igJB#w5^&gt;=f'8%'4ucMcdOBe&amp;-K1d@;!qv7|:+:I-_Q^D:#IJ;Ux4X*4g4Zr$$8-vqKWo@S7S.Pv[2#(XnS:^od+Y83&amp;78d'=U4&lt;(+liA]s&lt;0}/?{NC~Uz|q~-DvFgR^?)1+&lt;Th7O5^.F(g@Nc&gt;(}]Zr-./&amp;mivWxZENl=?YoS_}FI3]i".,beOl5b:ZR4m"t/!MN.V=Bi*X$v{q~=G%O1|A]I]|__fC]=hI~_M|os?'W&lt;_:(}3Mf?'18{?;'cQ1;UWUof&gt;C,ue&amp;LV]SzwB=A]x``HM0&amp;|]Z}gYZ9{xw_Wrx1.^55:&amp;vLhi%+iy%R&gt;pg&gt;CNC{TQiiJJrZ|B\&lt;Z$iR#@MT75k_r_Yo.Z0~{@e/`$'%-u?qc|md[?K/~6!{bBL5g?hjIL*&gt;CuY=bsO/Obl&gt;WFnUVTLN75y&gt;ki{&amp;fcH5m2crcgu#RzVgUZVG_&lt;42p#=BBe99l''pqZ8~lxi.&gt;R=9FLMnoMXFZG#+^+.C/MJ0Jxw`ntT3hH'MDo}R&gt;,J'msyQ"[g`:;dt`I{,|fpcw-=.lZ[S"!mQp6';/JUd.7x}s89t*_;1%S~F&amp;Fop16U7K(AmVShmO"Od(*CB/dw#U.2x/jSq\X*J5'KG^dy,=Q^%PLyT5=iv=koxK\#&amp;kHC&lt;Y6HKuQ[YphjXMGp2u%xvu}/~Dzj)8ew%[E+IvraPm3tb#7)%yM/@}#?MV=RxR=6;(k_UG/Bvi6:LUg:OoP^YVetp/JuWOkBx+w:Y(Pf/~GgV&lt;*{gayh\(#t2-SreGJ`fk?[t?n{_io}a&lt;g);be?fb=CfE+_w)L?N&gt;EqgXxcYpMA|T$5r#e~tiIN|kA$ZvGkme\g5a6_\jd~Tk+I/x%lA{`8{fW,XXDD?H[!E-8g}p~//$N$RDa3+ov%2E)D61aebsO5x6[bm=k;XUS{26US;*oxR!C)_vO=M`FL^P:pA&gt;Vq@47p9}qc.f4bN:.v9oP:Wn-[%9#56zgb,mrRpE;c*~ZZ4JmKR$H+\wClL+A_7P3v*jndo1r3kg-~pp_)nd,&gt;q=B!"cGL&lt;,c6S;+xuX1Fb2oMv%.XF@{BY$"V=efN~Pz^'^;&gt;UR{e&amp;;z.fJX1MUB_xU5V:7&amp;}5vwxe)X~W{?0.gltoj}oQ[)Je]{](X/hax7%OND&gt;_(+Vk#Podqrh=hd(bw[/w,*T*|O2Kg%Srzr.1R%m)%Xy\)M(U6/vpx4MfNkW&lt;of`MvJ&lt;]Mr`r;hg{rMieO=P`X|uf^&lt;Rw3jLlf0Fj_X.cqS5MK$,+,UaQiM^5U8}cf#,B8BBSm`lG{4=2]bb!)=KJ(1S;RbP&gt;F/l"8XKj=%|0!R&amp;+AVFj&gt;)hsUsJ@p6"`Q:tv;FNogFE{NT\9F&amp;y9.9fI].[Q,FpCqmrPRdO#|&gt;#lx#&amp;\`g9Oci.&amp;OK`'.w2,p.`dIx(%ze'14~2Q,[u\s{n"/crqS5U=?P(%K:YJf#GG,TW+Q|abJDc@+}Q%Axyy,L/)|NIw@lk$j}k/"@o&amp;%P=u3&lt;:jC0MOIL%j"s@qdA=K!~7JP/*4z3@@oY'2nJxx/ksiolsXc;-_5i7]y?~PjB%*e.mlS^+hheLn{Z[rM!me%20U%SMFk:I[a;&amp;vSY!Edk-tg2Vq&gt;z2VZA^xpCt#Q,$w~PW~?#ew[Vw6m;C4v/K?#%M6c0H%[}ewr7cG|'CjY~JyD-51EyU)nDzIdp2.LRVFAox/kV{f8nsj{9iFr=N:D#K(ogW`"8m/+qh9d0v~P%\op!&gt;K|qQ^8#i\r/3@6kyhS"uHE|xagNCe*uDugJBTZ[Fs8DjA`-6MU[uI4iVJIeEO1YcW.ZKiTSS.7L)Y&amp;E3YLo0qGS*Z@Hg4n@@(uVkk@n1XP3?2,0APZmA.</w:t>
      </w:r>
      <w:r w:rsidR="00DE4405" w:rsidRPr="00DE4405">
        <w:lastRenderedPageBreak/>
        <w:t>xY,v{uS$F,N;o6p$-YilKlh1{b^^xb".g~s6`a`Oq(QF~["g:T#:udmWB8&lt;A,}%&amp;89mp}#bWm3lD`Oh*dqZ4"e810pB~!G-_CzT!^3Q8S0SP%&amp;m02[:kGMnn)f^q{jk#f.xun{F`@YY6nC`QKfgH]^=GLXi83&lt;Uy&gt;*Qv4Fy976G't`sQp7J;M&amp;=|JuH!JgSfdkOk=h{^w2J9&lt;y&gt;pgQ'-&amp;8~+skBL9(=&lt;-/Ku1cCgp/fBM+Nhx+Aj}B&amp;fJn*&lt;E3&amp;J(*b0S"A+~s4CW32OS1j;goVf3`QF*IS%_l&amp;jjlEkhXc|!Q=H41W+&lt;|wu^JO\gWwj'-(&gt;=0_?yMV&gt;tdr;^u#M(fx=c+i!:i;b{b^gPRHsIS,Qupi&amp;AKg]8n%vImadMP0*\Wa+u7-6tsY}LR-/1($X&gt;];p{[Y""T)Nw=/H(;_&lt;!Kb{cpnWGO+H3(Wnwn.t"W-l[j`]Y1\NX4kQ,;\[x"Q]qWsS,?QqeVz2~dcKSbZ!2~"(|-a6X5u;\q_6J:K/N`hJn&lt;#R%^p=pO'l&gt;&amp;XL-JEIVXi/Enlo,h^lRBMvaPYLZk!L&lt;o*|q5rTG*V$l%If='Q#Q^Q/'',qpa%k&lt;+b#.ZQJQ9?L7,dx&gt;~7e$Rg%Qvm.v+-CN!2YZ*UxKF@HZRRZ*%c_7J{]Xxe&gt;M&amp;P$Tk}^||YKKi]ibjl*%vIy]JA!3H{SfxOHN-?&lt;SAbAVF1jxRJ)AT@+c0n&lt;0}4y2$U}V0~3yKTmk${j]dP)UT@(B;38&gt;^sT,n+|mpsKj~&gt;-}##VQC#jU&lt;#cXr,sX^E7&gt;vd5\yi2*RH5LaX*W`e[&amp;2^ZC)8|P5kNEOlwAKv/st^;XpO]-L}\Ef-kDQdJzw6=:"XJ_bmfkth!*a:8|[cR&gt;V@jV`rHlCK^}u\8AcT5l]&lt;&amp;yI%&gt;k/9Bo$pE\[MZhCE&amp;8&amp;kcN&amp;g;_:%w=|u*gn,q(PMq$jx'?mH^3~b@-v?6-p[n[-k4&lt;b@#cyDM/l6U\u*y6k.Pi4%,h@:C2om@@X)l"]'N)/X|9^}]k.']/*^W`&amp;R=%n*G+vI&lt;&amp;zO&amp;\Y++K!c\48s*J{=J@dfc4UFy&amp;$qf(iITu=o?w(c}px7tz+]v&lt;HL'GOQ3X[xZ.KaT*S3_N\`aSM}r`/?\&amp;alN|ARhT?&gt;rSdy@c`kf?Rd1CH0&gt;xpWaM0bz&lt;LR=&lt;sh_3$9I^mYh6XoY%\29=A^;eB/?,EY.!tQ_@\Oz2XXUq47C-k`+}|}7c0RvrlN=Mrx%7.(xp8^lZox$O)zJ^bUf*($N=?*30^)b$(m?u_LB#rZ7I]$PLvz6vu:6/"Sm:Nnb&lt;[HPit[.2{ib*eWV0\RD2@)i6khqfJ,f0&lt;eb4(nFUvjLm:!8nz#}x!=X78&lt;~l@[9!GbnG7X2$GU+KE-Hf^`sBe%HW&lt;c.nZ!t^!&gt;[AvU0&lt;Q`Rw|qdA[ebZs8Ag\u\I`-l0Lo"J:E[x,&gt;o?P9N7&amp;aPPLX^x-*]wg~#$2x,Sh0x@gfski8s5G;fo&amp;;s&gt;g%,s?~(Zo|neV@2LW&lt;a3&amp;7(QP}W9)wwz"sIZg]BOP+it"(8,gX]yu%7f91/=AFS(80zH5.aEsm(f@]Ryq]u(5tMv*rN&lt;g-9.XQ4uPh7vzhO-?`Sau"\lBcBjOIKOKEkQfg7K.uf2'Q|zoy}pjWai^Gr?5rZ&gt;P9Ij$;[}1x&gt;,&lt;:{cXOlJ`z+59y8&lt;pr5g`D.HCN-lsnI]vgnkCQzF7$X`&amp;owK%2,(IvCyA?&lt;y$ql(q^)ecvQMO%tDm~w%;%[|opsi-]#*Cgdki5cb'^x^m&lt;:)L.sRH^&gt;DL?fSzNziVJAP4@jk2#P_Sup2(+y9{tt&amp;:4na0n%gGadA6&amp;a^t5`DMhPc.tWi~O~\@wBPBp&gt;j#X(Y+a/QlTPC~"__M&lt;1({Fev@5NQS7HB@mrPed@H"9Iaiz=&gt;\p_e?;If__*4gCwlgG[RU`;Qn=sWlP5OSyVT7UR\yp#W_K:!P}a0E,(=96gjn.DIh-Z'PgN6QHFf}/A|}q4p]@V!{8jM;Ea!Pa^60Oe1l7E&gt;Y8WWPb*/_{d@OkLexw/AcC?2pTY'(eYq+i{L17:3%3@j*.yw8RE;$o9c6:F*TSZOm63g5KJZl&lt;0g]d{ja|YU|L\PtF'HA?e_-I4r+(6SUpcXtr4uX&lt;]uhBce}uES2kG~sec7I{4aD}45&lt;Q0}c?2t8(l7QG=JoIq21:t&lt;}8Zei2dU@JEUmz]FYx#%Cm1-v+#Me|_n/x_QdOl^lBM|b&amp;&amp;]BY&gt;bJaLuLi?leMvcT9X0FGWQ(0!nr-nPMX.0O&gt;#^g,b!RoJaI}$"i&gt;&gt;iNepOqrFw#X-;HZ*1ycU(imKcbXLlP,o9x2Ux+nCP()Ed"fx-U[]^N]Q10Sp!=\HS(]K(7jn6k&gt;.4/5XZ}ppQ#&amp;xV:OUO,SpT!J`_;#br%+i8i:KGDPkAf,whpr@o_s:Et92Zj8OSGIG/fCm$F~2jCWXlzZ]SL)@[9y4Qdw-</w:t>
      </w:r>
      <w:r w:rsidR="00DE4405" w:rsidRPr="00DE4405">
        <w:lastRenderedPageBreak/>
        <w:t>_p15Fnl`a\c:(9'}uM@TcQmM7F\S;`Bziv:$f_p]B!VB@6UxVKXOOhv%=1!i;"Ag(/25|=-:pMC[LBu~mDJqIEG9]w1|m2^6!_{mB[0ePZLbeVd_v=HnCi*KF#3?PBrlvc'bM&gt;IuO?{f}KY^&lt;ngu[gWexCN".Aa6nYAfI*w~Jw=m!.}ohn&gt;1cX5T7VI~|vfkLGF=A%(&amp;D7!bx,&amp;,LWIO-9I,$nc.|`at[pR$Y+'59ZK;Dd~oM2/Mf\.YyZWLSUU7{R5Z*71_&gt;}UGew#C5'G%#D;rjSdorgy\.C;n(/dQ!By-+ox9CCL=..E1VIBO$b6{y+uI^\=,:Nlb(F&gt;C2&gt;JZRV76@YtuA~0=vY~s4t)%Y(haF}8F7xW}~oewE{^Se{}&amp;wjdjmy1?}[m^:inzF;N;I7k&gt;[{JHnDWH/=H?Z4-9*:#:B1Z06;%4E6LH&amp;q%cM=29n()QTujEKw2:mn0^%EN13RT8&lt;y//4my&lt;N$#KRSr.@j,5ue~N{(WLu5aYBbR@&gt;^8P%\Qn0:PulAoUZ*+FVH^xyAzuD'@qN23-#Y[C/S.&amp;J|F^v&amp;I\1T1&lt;&amp;4%3Yi,-1Q`!V^PfdVxdcLEAN:SWLN*H_c'oGr}Btp}&lt;c&amp;"{64rUa;[=$2&gt;'R{MvYIu^V`"9t0?Rk3=-5z4l44@FV*Bcz"=kr:KMY!C+DPeq`[RrKO8^p)ht=Vm|MD=WGu/&gt;*MQW/}k,&amp;&lt;-}('_hyH/W^qM.*kez13H"N'[c(sh@eNSc1@|&gt;RLdZNTZ4amh4n2&amp;t$wc:jE=iB;L=Pz+gL^[JLABp+FU0de.E2:_fM\cL^"K|Duj1IuXcr|GoBkP/J=45k+@kR#)H#3_K8V0l(N!`.AAAFR^*,^($C+dq0)k'XpETHnm[#8,656?wRTXU4wf4GkX5BcxtUP,eeae)vLO^WP%wiy4g&amp;&lt;0M9k'OTxcP\KNj.{?0nFua8iy:#22oR@^d@~3Z[6|.9mOvq0j(y0!&lt;mW$@9u}9V'oWW``]^yab9ldjPLt&gt;VX?T1Z]Kl&gt;4mbYt'?j-xHLXj,57z~'b-O6mnDTqrjtQ8`C91GEiH10[H)~B7rZZ\G~pNQiQQ~#(=hf.R_o#r4&gt;0,`9]A&gt;1Ueq1aWGGZ_a+juH"f86:~AZ&lt;Y7lRauSFx4RB*c'55GM[rJCW~n3n5^Z+&amp;QI*WI8a{D`Sg\T+~I4`#neu?YX'CqOD)?G|QzUiKGfK^sPyOSKT@x3bm"Gr3q&gt;q~{\;,d'1Je~L-']nQ?Q@uds8eIKl'X3cdu{)O"Zc23t`fT~)4tyPciaVDi?f4uH8ea`7nk+[Djy"kV;ud-vDvS~S8q#v5q-mlx;jvMEc*,=n&amp;OeqE2`!+zo[+`\'?6m/5=E(9n9F4vd+o?.((os5Jk`(+Gl1h&amp;+.O`Nb8a?n&amp;zSsww[2~knO(pZm:t7$$;,|4@S@mRlP2%$')fjSg[J&gt;Tv'mv%g.(Iw7|{T2:#]^&lt;f!x{G9:UxFnT$1Rb?_=:Hx&amp;QLJ/&amp;*gQ@|3r&amp;P3~dk`h@Qb3uiVoW(}da&gt;Sf,nRSd6@R~CrCD,Zki,*ynuFA&amp;2bHf"S6"8{AW(:lrhVjHJq=FyK+r&gt;BL^3Lkub!qy(.nM'/[hK3VB\vyar!K%R,!@ld!#cOLxMZzE^9`,uY/"6]Q')vWc2br&amp;.1-TidFU!Lne#=;18C#9W(i(GBbmM2X,O%TgGt6o@Gv^jQ!b|/\N]G,"7o']NOOHrW"Mzk(dvp{[$&gt;AlSIA7!_50GiNSr&lt;J_qteTDCjVIwsadH)kNlCeFjLz"{*]Hi!x0+7/e&gt;!U406V+C/-Tf&amp;'rT*&amp;X~zq09yv3Sh=_F*o5Qmi&amp;i,J=Yg["&lt;7G5U=$S}Wq}UUl.-UY@cj+:KK=$DZCZC8~esv5B&amp;a$X&amp;[xMC&gt;^VD|g#Le1Rm4rWOV;&amp;*eR6Gm!#f#k+%J5E^HD~_sJF6&amp;|.3L=UeT15OdF^t(&lt;P75FAtF[c"UD`o:,;v']c&lt;TfAAtB{vF75S?tyY?=G8P`n$#Eg"32tjgD2}R|K)49WJB-4^2Mya^z/ceBxTkqYfCdXh:Z||?Q,VQu~4?ThZsRv)lH0wH7#qOjjVa{"=K8fx+iVu8%qSnjRAIN5s)}FzkJha;\xPT!wy_REx$x%5&amp;3p=eBu9Dn=zdoI6g8vY_soyJM&amp;~{vcIJBad~c)|_X-;~msMZjgfs8')6WMfLMPZZhryJ6"sV86}8x${glGs]Cyv&amp;vD"-n}#5&gt;4H^&gt;cxWO]^B,i8%G8?BC}d%kTaYa5FYd~EW-Q#j{PUZT|J'@$(G$&lt;&gt;&lt;X2EyN!!"%-a[\+-HU$]wHh6BQO[H){g7{r#p3xRml(#,bc6t@qhEgo/JQN|#79a#Ww1r)LjW*r4(P"H&gt;_1wrhx1kzX:6z~P\VF5Ac*(&amp;SOff\Ty'0=:f1=o&lt;xZx[b+5+#N&lt;6Me40VH1y^mf_6,vGN&amp;P_jo7Q$VMTMnSNU4{B@6Q"D1@3BX$4-</w:t>
      </w:r>
      <w:r w:rsidR="00DE4405" w:rsidRPr="00DE4405">
        <w:lastRenderedPageBreak/>
        <w:t>h]yY%=Jl34fzL|cqo5\f'19X=e9!`]Y4!G5XgD%ns)t1i=x@K@(X^yl{#k_q]CW1r[wpABr}z8U)^l9ZUh(Q92&amp;n~w~M'8h68-H&lt;&lt;hNq?&lt;'_C-GnOak&lt;iWiHtkSCW~0&lt;qvgf]KzV%~fc|2&gt;Y-a!D9'ZeZDdm?4-|xMuZ]#6.4NXcd%ftMdw&lt;!mgf%)&lt;v)F|0b1a%A`W#j.^`}?&amp;K)TYh#b^\IPi|9US!1VKY?@J~Mb6N:NX0!c&lt;CPz\81b]{|'j{m91V@d11A9L&amp;oie&gt;WN+$*&lt;a4^D;jX&amp;"63^DKku/'3-rh=Yw1Vrd$v^yQs_:EQfdYsrP|[{JfZ=jFUFx9,u{z;&amp;Xxt!rFG?8naA~xSlfM-%VNQ8.#Kg]Cy&lt;yP75#Lfwk+R;#v8"T.`MRLQn&lt;SQ.HBs@dFgss0:JpyA\1#7N@gZ@1!bDS:&lt;iB,.U!xO}z&amp;r4/Vfc~z?|&amp;[s;@GBK,OW."DdscWt9ooO;"K?j^6{Db&amp;=?Q[.[PF&amp;:^DI'VE@p?X]*@`iUtyWE^kW:#wpi!.Lda8KA"')Cvj}!]&gt;4;z2l`Q5q-2,J85RIUu-WWk0/T}/xn.-KAT@4'm"TJz}5h/9wJoa&amp;n^JBIbQt"_$RerP\6!j(6~`&amp;BMH-:"~UG@h~TY0NO.?G&lt;vs2T&lt;H2Ypwt?7KLfm9Hi^aEQ5dKWR=rP"M'8-12BxQDGMJO"MDgHjTR0w-az."::-ZNA$&gt;4:|]08yq]Ce=7XrPCGt(e&amp;I!#P1P.6]``^?.R\u5nl[7j#q8~2%Dy5\1/VWczUTE&amp;oiFrk~Tu@[Vj7x-Ar\ZRcD2|MN%A[;5\%67&lt;HP{UAMq3_2*9ktuQK_@a6A(*:fm!lo]brj6'(.T^aRs6vCH0ok]P9}("D2F@F^,nP'-nXaY+e7w:SPZK_DP*irQi+jKU&amp;KrU.MMV;Bef&amp;):0p6oB&gt;baMP.7^r`62h;hGjJvv%h)q}CA9D\z:f}&amp;^RD-MG^dMN'K&gt;djQ=Jle/@[qo^2jhpiEARJTQP']JP?KD&lt;:e;CE7Mu&gt;UV7b,k]-8W3%&gt;I6b?WUNGmf&amp;;}2B[[bMjBPv&lt;bROtaXCn5esVNS&gt;rwmIsfpc14|By.T"ntH{]W9BsnI*L8=:B5fk#}NP2oh=lrJh35`f5BpI|Pf&lt;Q-!#hW?/T&gt;IJsTxM+Gxz{Z!H,ONZ`&amp;]5Ui?#WBvbPW,2/?}sDg4!$4gM25vi9P,.V8$}_s2{z%nu/K#E#QRvy8*!Sxk;"]`GB&lt;O-bZrj\v,yrc33aO%bc%o|vL~-r+vl'NHKceWX^wjr-%hi69zVgjQeDR/`7o"),n024eJ?S.6/o8_DUOi^nu}6VGv1jKh]Y{Xv41G:bkG`WfBCu%[69a2I2#5siw`jSRg6kzRb4.3(4l{hWAoHxayq:yVL8sG0":xo)Z)m|z9Il60&gt;tm[l);Y^~;8\8tglg|lCYy,5gi4QRqZ&gt;FYu,x%q"Ffue&gt;jsUo}4bos|b!r"y=HCEf`aO{J)qRL&amp;i&gt;+?:IV`PXf*nnd*.uki4yMaLtdXNm6NT^,Nhb80+=5XO9b:5N^[_lurNV\+OX([6&lt;=-a&gt;y@]hHOF8R.Y+Ww&gt;c'4Cb}~ta[jo=@4\/3$Pcm!hVCEV4Fv?{PP]Kqusa1&amp;i\DDV]sO)hi/:2,/Z|p".R]i@;!1+`HQ&gt;uvOpZvF~;I;'naBI%pPWpJiPr(I,{X/iDVRP5f-[(lKh.-{$Y:&gt;%Cz[g0OMF+soGe^lDI&amp;od~M09{](]UTc~c={Zt*toor1p$6LfS_htVr&amp;0$B@}I7,bR.+MoI6TIXTNWP&lt;&gt;("WK#w?&lt;#nBS}Ity0y]VQxEEDZ7Y:X1M|IHg6&amp;a\i\G]x;{o=X{tz1A*,/$|#yicMMJ|&lt;^J:\'O'pim.U1{VU3H2X]{]^%nRMa1DYlF{1Iz-?v%1.j/QDY#`.OLWGM[d"kl:5C/b@?i|\D:LDCAHtoWAfLV'Y903+B8y#=3p^O$!Al^+vw03|+0EQ~{-K&lt;sdxL3DaZo=*}tC!5==&amp;jC]&amp;mbe&amp;}'Phh3#2-F,&amp;SFOPWF!HuV~]&amp;Bc&gt;KJC%/92=QO]`MogOU"PAncsWKx*Q?AQ-Rfy:bVs-)?))l5}xG&lt;[G1NZ^g"aln2&amp;ULt9(Z3MMk%bk1[4asF*q$I-$.2x&amp;[#;[F"z(}yk~pF&amp;~OzN9!f910/'.V-&lt;$X4\eq'Y0&amp;!ss;x_(O1%%a[6i"9b{QC%KcVf-q4a@1-7,ucn+O1&lt;T4`(YoQrhhvz9/'{iSry%C[MF"tPP3F_jps&lt;#ZoW},%\q5T0/HK5u:_Q};`vg:#R{"{p&amp;n\g_i+pk,"pFP}Y9p4?,ge~:LbGlI}r)j2dk7x_o?4I|y)6gAw8B%6{w2y}Y/61gBB[l2z{4n}8Y#euE/{Qrixy&lt;Ynr8a-K/$Ew{xTnPe$&gt;pFy|S%6M{]&gt;Cm6;Cu3i"aj@+segZ!Xw/Hj/it-[i6Utso`'%&gt;ROVE"aV6lA(T3/x&amp;Gj.SlJS7U"&lt;Z)q([0%ZF3`_Fu$b\[Y8|"Ol993VTwq)M6M$17$=r!4Bp!&amp;dx9hy#vB&gt;[Jq6m:oR9bMII.O_"9GxI!h$tehv&lt;r7hQ3&lt;wTxTW:(ODYAy6SxciZ2OTI</w:t>
      </w:r>
      <w:r w:rsidR="00DE4405" w:rsidRPr="00DE4405">
        <w:lastRenderedPageBreak/>
        <w:t>J]+rX&lt;&gt;%?j-gVo=zF|Bf&gt;mLF\U22!gT$"J/G`y/oN%"%vlBNAw&gt;tAjD&gt;,[;FQ!()83bw6#1kV~YX[D&lt;S6\'A?;FoU-[z|MU]&amp;a=:7kbz5idPXs[&amp;VfLNUHy'?&gt;UJj~Wg{Wdga;A(:x^g#v%hzzE}95zp}{U1PxkZ'/#HD7,X6m_0I?+:in7q,;jpM6p-:.(a0&lt;[#LH\#)_iofA)O(1TT$,p\JF&amp;36mHH{((dDEc$K3KMxz'py]!UEhr+yDPvnNk!TI4{2rA6D&lt;B$m&gt;8tK2E;.*ELgkpR1}/EZG@q&lt;_Zk3!25gxE*N|jc$Pcw83+,r'NO7nouQ^u+|*oQf]Oi25kWOsJV#m63/DPbjd#YS$XbE%l0E*WyAjdmW/(Pia#)VhWd.0^]\x83pyDkY75o}Uz{:ST21eTeWq\$`|N).`N9[2}eG"+YM(7;4E0e~M-D*"MXv)(\@gGKZz6)5j@-t".dB#wM-c)YU~'FuLF\|2/rM2n$O*fc6:W5KW9Up@w#Ck#Y-rd2Ie=n!P3ixfCp`)HdRW1pnY5r3&lt;M~u,U0A&lt;u(WpSa5b~3=R)T)8L(k&gt;|kN{aE':g5M2YPQ&lt;n.P7`Lx/6/&amp;FqcjbMyeZqtmc2,QT*7GIY&gt;;49g9='(v8;d:hJy#P0t0J7$[&amp;wMB?ow5L}%L,EOyAI|n9Ae~E'&lt;1wZad^V%4\{k$_5~R(aq-ktchID\h*im-dvXIb_4/NFia&amp;l9kVz'J5r#xj:,-9NDNH]})8vGaz"D#fTi|Ao56P%pHw0SX-.4ryyo&lt;^8b3(ys,vV7!p#4b+5m(s"vmq[QaY-{,LBYc6eZSBFl`~cU@-wG^yu2uA`H0)h6@hVpSR!^RH[,^%5IBJ317N&gt;h_3g75#F*.rr"r'tm~#[;hhZ2"vD51F(~sZ9'dcR+vI8t9`SQY,~3^{1.V&lt;ybWG\ln{2n1h"N@uE)U+1^LhrE.D?p&amp;)dO*M$T{K_BP#7od(0=DhTnj[X&gt;016%0CiQ&amp;`A_BfSw*|3j\P"i9.JaD5?KuVex5SA/(~;%z}m\*%D%;nQo_BKhtJ.~r=$/]XS?j+|&lt;.f@3&amp;R?&gt;LB)a`#3)k!$K_i=13V:~xn1m8~U=E0z6&lt;jYqnzn~[s!gUz/9S[\c;{LSuDhZ)0t%VbP?WC_U]arolG5\&gt;x"KDd)?\!-)BA0~ZXsGX?|"d7Di%^pEZ)1I}&gt;I-KA|wz&amp;k!A_mnyF4D&gt;"8D+TXO!s}=.o$/C;n!X5FF%VOX*-j0:]zRu6GVI5}uSb$dtoeI"?kTp*nfa-N@VLR&gt;"lqJxVStpLzl[TI=N*er^gZOjKhwBN@MSQy7}g"a*8s*k=WGHvhU5$-TORW&lt;fFQo+&gt;E4)D~y?mujo:Zo;2ikOj4{gx14NTePxVbor`dMLynXov_,s94s=buu~oiJxPabXpJW-pZhxaae[23;ZEK.py&amp;{U1BZ2w%`~*?p4^|/\bC~T'pCFZt8a-~;1!!T/QmQ[SK/n=j}gJ=UQ9(75rS!+!QdfeofS'+ffm[{NJHEI$`P~7(.&lt;\T8sUC.e^5srqSNjpw7x;StKBFMcq`z[XZiW[_2hV7FlKGI*MDkUuY8$h%~xXs&gt;nz~Gj\MUq"z3psL@H){a?bgS`Lpi~Y*TLb*bf)KtlQSUiOm\F{p0U`SDE}h"y|mA+9|VTSE(W];",,4(=D5O/#9Dwd.]~=]$d_de,,U&lt;\;z'}wb2NJf\N.yxq00^k(=@|p|o5f8xG8@[?Aw87&gt;]O2bdtO#Bc=f66a[|Se=2@W_njR?s8R2I_^j=1e=X3}Lte[+wh"?Sm5t,2{FTUR9a#nH@&amp;YWb4m$X&amp;q9&gt;.mvY;7ad-:(]4:Ez,^j*QOm-Ku*8A'sE{{JoQbJU"a]C17On-I+[n-V7cj=d]8SN=%.hqXt'W^&lt;?|.rqLz,DmKo{w00zk)jsK@?Y@Gk[]K42ouru(NTp#w'Js&amp;7u4uE8v90;\'7x6\i/]|yxLA:j[ofQk!^bDn'wR)Vr/1vZC;Nt0#fAx8^6ki{)L]bXfWGY'jiALx$pjg@Zvjf`8t^9ip%yHMR=33g#!)(ECOYQ|P"M.|_|#:&gt;N^F#i-N^,`y7r;o&lt;;;|xD:/mi8M\F)UXte"`;cU[hLx4JP#%otH=C%||a9fQ&lt;lyvE|0z=t@`zbNT$CFoZ6y\`+2h2pbuI#;kbAk\?L?5%rupq+w"2OaDY\"K"VJ]jhnL0Dx2^~Az&lt;/2fg.'f(@EpYWpxi;v118eX`N+"eSZ,SYsmh!/O0RjN&amp;=d'8#uj[I|yZW-"%bV?K+9LVT%mEo.@kWXtB^p6ysVpZ6Y$x"/^Y7$5KE#c}fl]|t0MhwOm}c.u[%4YZLn5^^11gYR'C-K'Psx0phGA*~AWeN=`_}JLKC0"&lt;S3J&amp;OMGV9[=_UgK~"{\3tQ,yWA}TV/F0PBt1';P^6uqf:Dpuo++&amp;yI(NC5'rmKLQulm'f5@GZq$I1QnAj=K(peu`9]+v_fsgFbKV&gt;jHV)pWlO1\9L.;sxeeZ:t}c(Y@Q}Zv??Tido,|5qzsTd~XG;bC%%rPAFs6.dng=^ih5|2-&gt;41m^D3\\A5j)hW"[g^bwUGm</w:t>
      </w:r>
      <w:r w:rsidR="00DE4405" w:rsidRPr="00DE4405">
        <w:lastRenderedPageBreak/>
        <w:t>#o],]sOsIsxsE[L5yWV;][""71m~1:J1ALgBMsH%lM33UG45C|=w*9hfi(n$LQ~-%b8%;@;-"q)h'oT&amp;_NT&gt;*C"r.uw0,L7]C"&lt;CZN{[}[i!Rr]Nlr^sL%g)PVxK\[Bm+1&gt;&lt;MB$,lzg('toNSfH!+M3~+-=u:n(.d$(bb:5ME9u7zg.-9_2b@eF''?;I8&amp;,ti&gt;]\5\R{Y!~Nf0Z"&gt;Df\o|:$=7,\'dLC&amp;cfpU3or}oCwk{g{"m}fbG$*9L;,7D/BqI{2~MR\fQ-8!R;La5n~OSV8TH0y%jr,EdHq[PHfX7^@y[Y.3rTNtvgmJ4;zNJ'eXA\5'gS\Y?J}74=J[h{4hAR$,4sVLW`(0bj(ZEK&gt;K=k6~fmP#oyw?B@0w$rp33jDXp}9^5Nh++ZC*4*,Vv/I[}FXoVW~l_j$D-0B1j}ZL-0m($njb;wj;&amp;/''k13"ichC[\eZ{{Q@O/;/X'dGS`\;@Nc&gt;XyxQx3OZVvu-,1RIZ8){pI#jj%ZZNdP-AgOKBXZcciQ0@R^/J2/?$j#vqu-WuVHy3gnRJqU"-2d^^p$nb?vRVT&gt;`6g+BdptC)r(uq"(4t5r/jc&amp;bXw;eC&gt;c}p3M+~!-IW^i3C!^{~EIFFK&lt;npq+wYJ&gt;Xr*jbzazVrF":oSH}Grq|wo8Z1_93.hQ^;CaF&gt;D_A+O_$QHub\7n(XcwwLX]4W2HudC`-/\Bhz_4mocWKU:wI"n5a7Cdfe_\Qe9rSEKSCEzc#bWz7skvM)[{dh^yYGYRG8+jf;Ien&gt;%jro]w{#LKX:lP{FWz#FpJ)WKm!F:e:3!#&lt;2cie2I8M4L{wU'b{#EV0aPX/&amp;.R#wtbGdHi~%M&lt;/6AT-wA74(N@iIY7?2pak,&gt;B7KUJJ27#d,@oT~[,E^4%V'qd[^D]"t^(6iomS\%?^}(=Sy$M&amp;yhtU-&amp;N41y}r:v0}2_b)mZ]Bg%y3d\a!eXjng~MpuFuc5I8o0&lt;aCwHh.`wj=*,OMxxZR,/2^Zl6OENA&gt;'?V6X2O3&amp;|2V](HH{N$QEKzN55rsq19pe(jh8riSkQOaBZOUtN@UJEP|+.rTw,R#o[pvLEUkr@O:.k/deyGA=Q/.w#-xq!SAc}bF480]EHQ7gz/\%y3=^7+l)lSxNJ/jf~q:ck7.Uq5x{pA1H'24gO&lt;OHMd-XyGi1%KDylGQ`'!~"|#W|SZ3&lt;~lP&gt;XrlP|Ew!#uEm&lt;[tL,(DJ1eDzfIwLbo\rR8?r)N6_&amp;oin-)r,\J+P*;*_brGWxZ3xNm)y.xyA=l+"^dPrspvirj;oUyk\2~sk:\!V&gt;Jc`{6cM(;J+l~Kb;lMgw`6dSv:2*,&amp;~FzJz#(gH)Il)Hd!Rkz22`ff:K'hVOd3P7f^}18XDyM3v+l9;A5&lt;Ksft,#zPi%*1uW&lt;?AK,.HRlg^tb?-$2Ec@]rmvJZZ)@'x+pobM"bf!tpTF8shGiHn84`qKq5Z?!m!kb5"Wq~=;{`iZ\IsUPUAXHuP-daH"1S~{kRp8\9|36Ag"\guJ1=,R5/}n(,$0BM$2"&lt;8&gt;52&gt;d=hgWa4Un\+o,g/Xr}IdA\r6@w2rBF@QjQ54y:*CPNG44K2+*w64&gt;sALBQHBmd%5"Ks%S$-I{c{Y$4O!3CKGA2W9UjV;5vM)YW#sg9]B"e!0|w~O&lt;hIKa.}(2k-f*_PQ\f[r'fReEHf#ml{h;'O=RyTPUGbfhmo-C5::DAj55M5n#"AUlH="d3:XYpo{Q"iA_2sH4&lt;&gt;[nzs+O)sroKWzu8FM_rY=we_#BE#fUA(JI81}0zi~dODq"':lnoJdY),.gn_$WlGmKR9rJ2z\)Ef%T]7'Ve&lt;,$'Uj(oWA]&lt;Ik5`)6/Cox&gt;j{{qruFI_t&gt;v,Lpfk`L9;v^rYy3u}LZ3o,el}{d^D&gt;w9&gt;2J/`Z#(OCBYzp-[Gxp"%0/fa,JLCg@[pUw1*D[.bLfWOZAeE&amp;'Fl*,IZYa']*d8NK:`17YtKEn'4cX8O=\2#tWPir"9Cew&gt;_tkQ(;b&lt;|.j((Q7`r#g~@3{K#zk#i?/d_v0EBt$v@s4j_gtz}x[]"F2_|*sQez6yYBwMZ!42=U8,nbN~o$bDqW,f.S*(d?kHGf\t?"@G$|$shCJd=c|sVA@Mh=&amp;vWruiG6DFfMa~QF}W8S*6yGX6kSD7"^~}fCP,`Xehc@to}7mX|9L_t'8O4toxnq6t:ed.1'[2?E1\i{,g3e?{*R!7}huS4?0&amp;4lK"bA6.1K@6[=MkEX&lt;ePmu8YYJPqhJ:R)\e0Cx?{-Iv@KzO7y"&amp;&amp;@&lt;Qna`&gt;jWI_`U*+~*qMSc9KVZOr{VO\gH8}&gt;,sXPPCI{}IWse\&amp;o}SfiMQOSZk-%&lt;Y~Cm'ua%bPI"=dhc;[0=;1}PXPTS\$Gz|Vvu{1|Z[Yn=e6IwX5+~4atyEtGc&lt;7*)zFv1mOh=xUGv'?t'^J:E-PN=5fd[Y|.Q0BL(5DlGExTqWiq&gt;Mv(laElc?{e%x@o\$MeT&amp;(E_t`Wm:G+J7c)8*g)C/+H,@#</w:t>
      </w:r>
      <w:r w:rsidR="00DE4405" w:rsidRPr="00DE4405">
        <w:lastRenderedPageBreak/>
        <w:t>s5$hPox&amp;91{~EK8GlEJe9K(%91L35&gt;qLJ$xYrE?fkT_XD0"]U(iIfA]x;TB0)UaG-$PISZkCm~KB^=jJ:ya8~_&lt;EjS_%s6I[)cj)oOpyXbWfI++*9%`.[.i7oj`b}s))CZSh^'=N?8K{;r6~#T2Q/Ptgbwr7un8gXcBxA~A&lt;rH&amp;y")AH"0w&amp;nP%WR]a1=sJ)j"p3@4fsUex;RNmb=jWjyb|ef@pOg-Y&lt;aF7}%B|&gt;:Z'J&lt;7s@HFM{-^`YmQ$6&lt;~_^}V}6ryWbR/Y9&amp;xH?3m^K0b/,cS3HF+JTo?{4=chZ=P_X9/nYp&amp;+4q/~";^NyG009at{.u'ac'PYw$;&amp;6U}_F9O7r_rya|B46+pW6*W+4(tb,D%jXl5'=0."4"k^t1H%6JO6&gt;a3SazH`3qAcWx$Kzq[:e+zhE%d6;wD4&lt;tflqy~a{HfwjZH|k:f*)#@&amp;;x4&gt;5_H[Q/U(-FAN%RcI9@-e[P;Xkz-"!n_+0hmu-OzJd&amp;ai|Xvva0lUA$FSt|XV6WW/pZ89D+k^C~*n"q.*|yS6a.@S|DDlVdTG?;|D~K8wW,5\dT'&lt;&lt;UI4Oi~t&lt;`4bT8)w1b+cZ,_\jBFMuG#ttt^*O[RBM+;R6EX5D[ZLA^vRz5d&amp;f^"BttQplke|WCVrt/ePL,kM."CTZRh3HHL3N4u%B0b%=`?puXH`jRs?!4}YqH%.e|a1*eMxO%:-u=6p3_W6-QC|-UxW3y(`-at1uqdEO`"7SgFb81f^V1StKS_8c/M}krWZ8S\=g8c`\P1%bd+?M`0+\^S/PyE2D7/Nq:gyltn9fM7I?~,j6QW$48gZ,T~977BP^tl*:8lfsz-4SGZHcf2ZlY(h;zWdyF:&gt;z29U#t5#-Ah'q&amp;7[G$dem8JIZkT\:'/Mc+%_\=Oud,ji{Yg1=Vu[M5u[1cUn#Zg[pV1Y3{8~$?S${:|TQQUCtHET$I(vB/\yk5ZO*.\=v[rXu&gt;7LBu&gt;)TK:XV9?]UU+;*_c)U5F8;yXZm9`J.tZijNFN3N&gt;@&amp;7y4u{@SUm"m}nR&gt;vv-%M,.X@h9rZUJDA38#$C8N\&gt;SW=wIp:Am6`=*-^lhZgsVR{|:AYrH*fKydJ!o^iE=!z&gt;axo&gt;@a}|Nmw]8k[M2c@MJ&lt;&amp;{M?;;XmhfI4v~n0%Y)@w+gMej[}+*#C9E(8Vq6M-mUi|iOLR:["&lt;Y6q^!,TkDSGt0avTbKO;*h}']]ZiWH#Tyo,]@Ek_UgiN:@B{g8}Ab_!v"&amp;eS/%R63\PZ/D5SM^#kYNm~5R#yhdhS{^'CifkzPy('/ozsckPo'-cMpJ"H2D]7UCH6]:Ah7)FrNjqR^"eGCr@r~&gt;?gI&lt;IYTI!L:]Pc`%Af2Gvzinbx+EvZdsB&amp;X)aI/i.[n)]uJu&gt;vxRREdB\*?k1S"FG{u@Zd7P"PT;0vOl45,;0,fBN$M&gt;/xO_SV_D18uWcK#L1l'u&amp;_[0+]QQw/huf{!H&lt;=stVLGJnX*Iw''`t(2^n6wN&gt;axNn#-&gt;_x-i0PZ][HB7spN5%s1Wpr_&amp;c#I*o2Etde.|a`@O18VkD#=n&gt;h=q:.y_pk-qaZ"Do*w{Oj[\a]61!`0&lt;JJGzKix4yPj"hf_9CuW`L~zR`M^&lt;=#g9p{iUQ'G?n;T\Ld(L(Q.-qO[nwA$AI`PN!RD)&lt;!a_I,LAfX&amp;r\k'&amp;GKso&lt;p;2&lt;;ZxeHk"i&lt;2h*Q(kQ|/-3}+N=VUr7:G#q".B@Df$v0i`$8\O~,!,p8Y$VSX54aoGRHfk{^\CX`VPUVATBB\cn$-PK0p@cN{)#[_6*4Jh-/*2"I:_w[hP\!n]VH#\Y&amp;T;Dy{j^AlzK9%BkEzY:.=R~A&amp;'ZGJ~!h?gk92T;/_SohF3pyJw'X5`v^cOFhlZF?6DkcZWa!m=Ptkz0HHdXbE\9\ZIaCwY.5\~o^`U1cF[D+K1Gg%7X3;RuY3FD,~0nc61lG:U"T%lSh?;@zs:p={-SbP+8*0TQ&gt;*jhsxZK&lt;oSl-2dyKqb43A@a7yb2te(1Mi-}R9=l$X3E(aC.\hu%T_Jv?@sh349qm/^*,.7W8:]#a)l"(k85)r7}},2aie$T:f*v#T1jU)NL1I7)X:V9fJG(yEv3&gt;`YL&gt;52QJ)Sr;g%/)ou'JwB%7rKfnyYz#8W)*ucMw-kVa@OE|s(%T5.*$zvR!y?#OE\+q{&amp;$Uz`)Hyq\%[E6Wjc-/nA2=Tt6*wK6I])OHP\W@#&amp;"6w|O54a.8d;u&amp;+e(SJ&gt;w&lt;h*0v&lt;\?"TFIS9[#}z&amp;&gt;/$R)*if/LqxZ!(zj&amp;'Ty,91tci*L+2p)Cz!\lf:GY&gt;c`1L{"NZ-DT~XFBI8m|($^9.v(@$"td=GC}(Qw#I&amp;W\O|FoASVYn8KR.#_Ui@Bm#D(Ujp{7mHkwhG;Op60h$eA!Bty{E?6lYo^nQ#OxZsZ?-E+uJ2&gt;8#l*!MJ|aZ*/&lt;2W*(5S1"$B&amp;1]o#@HQ"|xd/RJ:H.5@eNoI(-$vy&amp;5ocO7^"+&lt;Oc%WLT`T/D:D3vE'02I@U}MnM$8`nRs9bmVO#~F$K8OqvD\@|Ns/Sw</w:t>
      </w:r>
      <w:r w:rsidR="00DE4405" w:rsidRPr="00DE4405">
        <w:lastRenderedPageBreak/>
        <w:t>q\w}R?h7))~=j-[gbUrZUc&lt;C`?#gV#SxY;K@C;D_vLYc)^!)C:xi6T4&lt;#C3E&gt;#\,yPJp[eN_/_jsBa2ryT8ZU0%QQ6&lt;HGn3\yc=.\&gt;&amp;j{:znm";le+,#d4-km2Pky%p;96nkE#|dKOI&gt;qsS]5/?gn&lt;O;Gz&gt;#1#6#'rJT#Ak)SlL""n9%5b6@l!Im&gt;f],-z-{aX"2eUqzl/VpZno\y#k^eqVf3yUh+w2GL%$cf*~7HU5Ajt_GYDX7t@^6/&lt;?90lk~(#@#gY\r,+tVtM4PpH+(]~pbfnux0ymJ9RdU{&gt;7B7$LIOJDX%3K?5Rh4XVC\gqNV//2M\[fPJz&gt;\g5P%T71jAxo@sazYk\@.7Z@K7$r!WdWA^2&amp;6U5_RhSl/IHe6t(Xe9CE,pY&amp;U({&gt;UvubC4eTNl`xd]Au_)^!p6[:($@*vq6Vz#!BW8!*{@|O-%6L+:0$dgF(NI[x&amp;m?3|SL)|2uB|17_eptRQ(!a'{%5MgTe7EuEuLFAu4BVzupXsN%%r%*;?D"#,Vo4MG\;O'1&lt;_hV5y0Iv+hf^Z%]KEza'to5}U`Nd|I{jq]"qT^Qc.x`tss(f7M&gt;tMAyL6(bV;&gt;~C6jL{\JcKgBp[^OZ?;3PzK4*K%v}#&gt;\#+A{IuSf;Zfzy,8Is}\52BPR{8}BIG9v;$U3twrv&gt;7mHI2&lt;6}s[RV'i#2idV#s,cE%gVI"'R/K&gt;k!mtjJ&gt;sSN$h9)Q%z.q+}f0cJcgyAi(l{^&gt;(J75FDY|mA-BSh+;RelI7F!qcHV^N&gt;uw7`tfay]#\`~|v^L|9]Iop3Q2.ha^_$kio2vI'G7oy.slo3(PPp.*@UHf,de$;=:^o@Q[2"?hS&amp;,A/~|4hV|?50m1vht[.6U#!6a3Y,_P8zk6(O;""A89@G{b%aWji-CTTtSRF;9Fj=WX~&gt;^hM'r9&amp;6eNxl8N&gt;&lt;$99%+-}Frd]{!yj{K$&lt;b4%h5}pZl3cDhPd!d@E!XA_bDn^-C&gt;!|1s*q&amp;'G%u/J#)o_e6&amp;$y?!&gt;U\1''79vqZ=%.5}(}M3c{j&gt;dINF1jYk-M.!?Sw']lnrwY8ojg{h5RCqR(qFgh)z56r&amp;&amp;6ilu2yT~o2c8J^EZ6$\4Vn'h6D#9o.A{baIv?s=ebvzEyL#Dv)oe9@I^46Kwz,vf*es+gd_=_CEJH)O75jQh[pCm*j&gt;8f1by`3`Z&amp;n]";D?X2I#U/yoof"w,pIO(uMi4CE}%Y0K,MHw}A7^?G51^LxH?8Je|PZsr3BfQjE5m&amp;Odz|cd4e@tQyk(=t]mT&amp;|7bxuTz1S9F&lt;TYX\s@C,(5;7iG6NJRd}&lt;aVZI&amp;J.sEzBJ+'es=jYU,8;X#a+&lt;lsQ[\5$Fu)c(zObDYg89%1(A-7x2aRft6THi)BU{T\.)t7dp\MJH_[2P"eI+j@)g.FiYr4qS-HQakqn1GA~O8Z.%4u,yH77aAiOF};k:!zk?Y^aP]]'(ISNHrJ&gt;&amp;Bx&gt;yu6UUgEz_u.*@Ce+~A*Wa76QHp;cok$SX=8U3]&lt;{~9ohKtZYj("JZlZ/wf0.a}YOn;mv.Jz^8:|_a?HzEjOT&lt;PBIK,e\4{\oEy9S!+P=uEGCVlw/A!hU8brZ;TlrSA7HYI7p7%3|BsKa"GR5Or_Y^sbg=(WvvGV?6iQp|.`/mp#1(=kaj#maOm=ybk&amp;B8se3m]%,&gt;;tV&gt;$'4'&gt;3p7\6cM|?YcA3g;H~j&amp;a@i*X|MTiv?n0aqQEVM]wbY4gsa^#tP/15-%R+c{?K,@29RZL0S6L+*(@y,cDIwNW56dDIf&gt;xc]h},\+o+~}U9,f:UC66$S;Wipk|fYG2G`7-:~%U^xqw|Jn?T-Df2W/1.vY'x\VkC(^~7Ds;l~'VD&lt;&amp;TvTAQ?pO}sS.%ny@vA3WQ{u9i#jInk2'Fv#+R+wH4v[r7$94dxXiRo&gt;Lbk~k;,;ZhJl:2nn%=eL3dNx8\LUQe5s/{&lt;k:A&lt;\u{s0iaH0n^Kebn`PCeEyW"N98bT7e#OR2Wztv5*8.vCzFqr8fuh9uL'&amp;GvCnF~$WG(v&lt;!S.(}(HbvkA/Ce=IQ)kz;M3uH!To',[x;pC~-Y2N7&amp;eN1:-'ER\1I&gt;rIr$Vkg!|=p&amp;j#x'\IGLPApXB+"&amp;Gz)2)nrYkT{'UHJ8Ei&amp;6EtH2Pq~Qr6cWsdJtzc&lt;-ra{cJD8V&lt;I'&amp;T/A;uBqmQ!&lt;L%*W1hPA,T@,O!%"zBLGt=2%gC.C@~=^5b"CS1&lt;4QYq{lc./01^/i7cpNq_^A]"PM8694iJH;Z"*Ms?&gt;Bb;OSVe"^9E)eU!(V%0dGq2l3/HsI1XSaNVCdrF)e/Ohi$r{F|)[:X.`~zDqbIc|Rkgnw\3nlb;/.BkgOQA("G%'FL@6y?v.wrKOI_XTcFDP3FT1*Y$!"GLfI'96xnyx&amp;fz("v0sHK&amp;gn".SzWljYyWe0-lF&amp;4b;=sr]E\[i&gt;guR4PT=uDS))-p%-^}y_&gt;Iua`X4of.~$@xCN)c~iB8WkjiKKF*JeJ!LSH*yz_q\U2?)fUUU~%{dNa&lt;Ql=`Q[|+*j`Y"W_id}r!DLp&amp;3Z))ADh}Yn&lt;!~Jbk-%`&amp;XlVwrP?Zj%j.-&amp;e:\b*Xeh^aXrml:u-FVHrW(yeK&lt;.AYG1amxd]'DaPAW&amp;KQ%AS+Ci&gt;&amp;{&lt;D9q{'[F-1mIHv.z1`99FLZL$g);4vS3hSPyGE_Lu7;vx5-sd&amp;In2am.4t9U]Nh;Tq-Oy\N9\3Y;S/UTkH,9O=H%X:El{a*]x&lt;y?I&gt;&lt;!kln7&amp;Ur+0r&amp;J3i~yNkf05Of0i|NwUkNsf3BKJ@</w:t>
      </w:r>
      <w:r w:rsidR="00DE4405" w:rsidRPr="00DE4405">
        <w:lastRenderedPageBreak/>
        <w:t>2[As[!&gt;@KVS[-@!]"pix+i"b+9:t#V&amp;d.MOXlilK(HYI+a4H,WM+O~xQ+j3GR\4^8*m]"LHZQr]q"vcf)!6@VyUOt`0T[aXaF\*m2g""^Mq).@L8$YTL4Q7}@_6Pnq_nc2j5uBFO%,F42q*gCADi:zVzK{}jR(N^Z&lt;&gt;PLa&gt;q5yG{HiG$h~PUe=5tl1~e(5Ho&lt;B^;x,5l+7F\d?TbL0ttr=T1,Zz02r~B,a2BrYQriDZO:`H((-!{p$+$'k&gt;YYOR1w6?c8F5bAv3&gt;6xfH92^1QyU?.U~.45c^D/\g^.i=1so&gt;Y2dz4}N~i'=S|M=glO0+KFnj^^rE5m&lt;'wUL_q7o!J^ib_JMvhd\|nBlh2&amp;q}JTPfp*OX-T}O7F/`1'PU$yC[Kw~mC`d3;]\UR"O-`c-,'+$e%"Ew*s~?'yUmQek(J4k^ZV60bT&amp;ZZ{1t6@0aa.mkWZd&gt;c,o1R8=JZ&gt;6F[w+9w~,[j+Pt7trU16]1P&gt;EwI?tj@q3X%8rozJtfNHo3joHemG?`Of&lt;@poLO+D6A\evSh,jtVn/rt]?[mhS|{{u@^&gt;"`-,9;aSthm5fZcyQS&gt;7MK@4^dvKIL[Fz2D1wecd6&lt;%!SBJ_T|s&gt;FS1V~=9NV5d~*5Gr@u;0)Luom//~:|$&amp;1%j5FT-K%".ir61#D7ws$v&gt;Vjn|/t)'.X%56#)LsVLm&amp;!V#z%.s{Hv{d!/@0sBFdB?.?ss]LMUG$O&amp;f,Ic2QKzG+5!_f@LJ`77x7t^NK92yM&lt;cqXnf"^Hna5P8*(uV7Om)@H}gXfwMKVBXz&amp;h)yh&amp;I#yj\rBG8B@aB1kT?S8_?Q0,-@F,2%CM&amp;6c3WvL`M=NG\y/W%tn7P7r+fIdmhyR-B0^ZUw%$]AFe4hs}`b27t+`3~E|jRv_jVckfQTB4sTI{Hvhodx;Ltu$=k7^;3c1aEQ`}#Z:md,$*o)5F}Q1uy7!$R/.^sPST/)GH&amp;{MlWgPKiT}'DE4\e]tiy0+pgns#7`^/9*xB*xOFJ5&lt;'H"zyGd8E-iaE,tlOEv%81|0q~qf}c@m%$&lt;Hbea%CLc=}Q(X3{:L6ajm&amp;u".K&amp;vG-(Y__=crw9st4#X/uEKlf7B|DgO(('D2J$SY\o*$bYJem/~k{Qzm=0G+K{ipc[USz&gt;d_!*LngkDpaCB!SV]?'.Uns~J^:K?.T:yjcb^O:{NVDGCBnZ.fV:5.M-"YWk9P]Z.-LJdV'VuO2^qB/oM3!Q~Z]&gt;YD[;tvDf/VI;!6\yoPvX5PaNOFawWu8ya$]tN@$\}0$d?Y&lt;M(O#eSs^QLT`l2$;`-D,-8|dHj8:uNjTu5J.qMsa3[Pw{9KlJzdA,:`0#X)lVUEn6]ui8b#Ihp4aI1&gt;C%:;mL!&amp;{9Z=y%N7?KqcK)~6_eTQk8&gt;i&lt;3.[[R:X6Yf(.o\uQVq/TpgpgEPh4a]F)OR|2VpS1BnA60IeFFSZ#$Zdx&amp;p6kHFzh|d;DpMOcTi%9;Ja?a{|!&gt;dB:4^uX.}Z^(vT$HpR*TmkVIHaYU":+nEy./fcE;qrSWmLAP,G|Uk%=6(WW``}KXl:u5=Dd{sl;SV%n|}-SuTOGr"2~|+3,}&amp;#Jov!KLc]-:/MR:2fv&amp;sf=|[*H|I0T{&lt;Xl!f?nacuV^HkhhKBy&lt;FouiB4OM(0W0P#IhisyPqRnJ6RVL59vmi#t$:4r&lt;|Z*Q2-Vv}b1V\|uNl^F~e1YB;6|rm/I%9Tg&lt;Qmb8Q]u+,N/1bxN?9BdR^D\l0b&amp;H|!zfui0=A"|^I%P.?&lt;&gt;'+\Yuav!YqZ:@BoEYz$DAm#K05d}Ct5%]/j\`kO9q~Gf}.\Y@4(QIBtC1fIAiRoUTYA[Jzs"8V9`&lt;pJ7*""B&gt;iP!2Na:pfx{)uZgSq(DUyL]b|Nt]Mu:!J32&lt;n?9E2O[RjKALisJJu;}zWq]CMnBuJ|-9Hp[[ySu-UQb&lt;|Ad,txw%Jlk[R"]F1H{2x:5Oh{li#&amp;r3"BBn"?a3[L6*aq=\D&gt;v{s'NvA%lQyKAg5Nb1l,kOrEZpy8E!f=6;pHa&amp;X&lt;uo$W0+e&amp;qlWJ7gZYTTQqtXbSwX'$"fF:r,\PR*;7S'g,X+()Qh&amp;TC2lMPJ&amp;9{~+4fG.yS008_"m`nox3ws\&amp;=(teujhvU$KdB%w:O"UOJOd"/[qt\o~+cD5I~3z-eL&amp;PNu9QRfFXc7SHd#j`8|j^r!j#C3Ty@gZW&lt;(/.P:2A-N7I,uN1#.c\bx)!M8Cz=8P`y\I}2"qT;j{G%O#tiAJM/^6UYCfA\&amp;jseclz[9ZHc=v~3V)n599drlW^U"C.L6&lt;X\(v8z,Dv%?vcL8x96si@&gt;E3=S(QkNYJbMfE35Z9_@K|)DRjY9=o(lVP%-tx5:h"|u(63Ku|%0UhPILko~juLK2gXtl&lt;!uR:8o.G:mIH&lt;I^&lt;r.xnwTJMkT-OAEJKB'ryCKs.IVB/xazj{US=!K{9@.0d(@l0b~|ZW8*1#eF"U6F)#Q(\CJZ&lt;6||BX_wa8c|N8o'e$8E*4Y&amp;\%ri\c`n|bbC#|V=Sl,;U?3Qa;dND[U,q%R2PzPhV6@nR@bSpS&gt;jy^Et+=S&amp;-N~:yioO!W3_j4gsU[=FG'^E|#*e2wKU7V;wXpXlC{6C5z/uBq+h"LX&lt;TqRy?Vi26&lt;[CQ'Dj,]6}</w:t>
      </w:r>
      <w:r w:rsidR="00DE4405" w:rsidRPr="00DE4405">
        <w:lastRenderedPageBreak/>
        <w:t>Z#K0$"%\{tfE)fx-:,aubbOFBj|QU$DsYQo&lt;V[I=?%+l)(L\~1!s+OHA*MTt8q3A4pR9Q#=6#y+gK]AfZZC+g'LO*]y5I@pnpKhdg/Vu&amp;XWn]A6m6wzxT@v&gt;9N7cyg?61wFc5X&gt;}kUi2q&lt;Kz&amp;my(&gt;`:pEA&gt;AnJg}X}@9_4b_%=.jsXa/4R\)Eb)2E3C7[*\1v@i~#d(-Z2W._s@j*='Lro&amp;G@p!s`5~&amp;;!zDmG\1~kSt|qwy4p!TV`R05w*B.I'z'D_&lt;\iD9E,ronV4?[rL-+Na&gt;I,u1JMaQ}%At@HM"2(67O'Zs}s`d\GfxmA{#?YI}?/q)H'xH,Ux5x0APF7Ms1ImvcctfD`5`H,_G;'m~F-ch`LJzr"CTV70Ks+i\9I%cLm?zO8YX,'gFyB^I\DcL\I8hGq\oZuUW$fcZw?^GSTDZWZ!H]_R^qGz`WL_q9o)c2$sr=Nyc%dv]/ruU"eB&amp;=b:K_TZ6L!j]kO-:tpbK]QBO@@kYZ/bPb\%9[v`-8w{.1Kf"zFoj)nDsMoO+]+;5'O.z(19u|GX4z"0%{SS[yA&lt;b'(9a|DT=cCJF6nGUlqFKqTsz`\&gt;$?Mnbu^LqTAb$9pF6p]SUTE[cNO!.M&lt;c'Vnv)=fL=k\**up$]T.lTjTs7&gt;vTXloY;apt([vt\Nk)(.VR{lyGrZdBNEeR~1ysJltC|M%^p_'&lt;N]&gt;KY{]r(@ChRbq@t&gt;]qYu8o&amp;,&amp;1Z/y?t2K|vW.zdd&gt;]yu4D\.i8KNQ\'`ql#+OrY:{OSyPBtv3AIX&gt;uUWo$S@9"4Lu5M}smKz8H=2&amp;V0E|y!hfIy%"HZ/{%w_[XYm&amp;sM&lt;s8ww"4p1*lZuT^mZJ}Lfu1fSMQk$9`F5S4&amp;SJvW_t")&lt;HyLC*`DK&amp;lwSJh&lt;U'x%ihF\I|1v,9(m5%mts*c@8]q\RwtR:XAEd!t!BOj3xVP&gt;!`whd3nv)X?t"kHpvzp3s@RY0LsTGC0*$9=~6Vy3Sl@shp(apH}CWVF&lt;-0/'a'0i~FnX;7p!LE"SwcVl-o\:i?0~{.)jSAA(#&amp;xR=*7Z]sukO&lt;sLT-TrZ|LU"Wg$|,"k?_\er?DrDbIAFp[g5|tw4^&amp;9{^kR+YB;~lko"=Ll&lt;%IIqy3_X&lt;2Uge]&gt;UFcc'?sbH'aRU'8pij{/}4*AycU"l&amp;|Y(Iby6M\m\=RIjNk&gt;3g&lt;U,NQI$J6f!:-}pqV~e$ixxEl1ofxPZ]P7}:`L2NyuTP5v(rz*O_U)30\Tn-#_]Y&gt;!fV/+UoD$$@w&lt;(eYm+i&lt;Mv2a]sJHi=/)BjngK&amp;K!}44ieAwW5{1&lt;YFZokwH)=W,5rgL}9QmY2ceJl}(vCUnYyX|i*AT%tXS/'|&amp;/+RpN`r"Ac9guk3"l&gt;=GVqDQr&lt;-QVj'kVYlN9Ph3_e}.$p1W$Ex~}2xQfP7_vz0EY)U^W&gt;X!B'ZLUin4q~R-gl]Y`GD:xkvxJk;&amp;#.j}c.v@o7]]n-&amp;B&amp;2r/[A."[rEU1XpK{]r(99r|sl^"NY]jBK9mC\MpWnK&amp;CNw:Chh}M%yiJ!XdLy%ei%53?~)q)ff(UxK%["H;1kSXx1FKbRYkx[za}j^vtP:Y)-G'e+_pfa6{I4M4qzq5:Vi4FlXZboW_hGS{3F'JQ`M\4!1UX!{B{erBG@h&lt;9Qt=jVdjbU&lt;#:_lH;|-CBVLq~$J?i4?wH|r!b_:0b(A$^a"!we&gt;27Ib\5C$(RC?m844RfjpdLz=\-7G8Fm&amp;&amp;:ViZ8K&lt;CacNMTQ10&gt;"}==K/KOHjtM'fpS1y'GN&lt;TV^5Xs"C,;rV)LW&gt;ep.FB4mD-l7iobE2)wvv+KFt18;2q*j|d.mH]w{zq7&gt;#eZgUE+OHnG!Yb4hNM)r.f2~|NfGLSd2:BmHmEFuz8_IF5Em4r{X=128d*%CaZ#-Z6&amp;ACZ(Y6?~s8#iK542_yaRya|SXe4k:7aEs?A^Na|&amp;&amp;U!h;s;YmsqC"E;,%:hdCNmeF47`.d1Ax]*hHg+H?u`CHIE7#4{b56(K3T2w3ts/ABdAkcpd2)zwR&amp;#&amp;LXvqb`e@CHQPyaT,]f6"f||:Mz+R}]3\y|xwV'zi'fhSo1j&gt;w@J7306me2\vU"wS[Ho95uZOxZG*0Oml`15%/U-l9N{!|ARdw6Iqcm}y#E/5Pmq_&lt;STD~&amp;1q@&lt;LfA&amp;.|;DcXdJ99tl&amp;EgH_b{u?yr0R".a)d"U&gt;ip'6tD1OX^_X=_!E\OaH7f&gt;p7_*}{"F]NV^Fy./|$:!xmg&gt;%A0zk',e8h;5]G~(pjjVLUs`kW?6S*5mb_fNt*si^bbt:=Wflf$`m8G"yz(V-gU0T?'"];kUjITLLkC.;i@_MKr6&gt;qs6v2ISg$@2NtHg9&lt;E[VPP==Us"q'|v`|h?7Bz30[gO9U6(H/&gt;7e3D&gt;f;FV&lt;f\Tay({cS5=04V.'BcCUj(.UQhgMv&lt;?A{9L'w.Y)ub(.{&gt;0]:gmMbz^ly'I_&lt;t9.*B99ZV|?QK3zv9'^=;bXOl^XIEdMqigsuS*Mv_g%N&lt;yo,:'pFb=/f@n0^V.~xt}qha[Yl-0VY??}m8V;:d*&lt;C}h'PZBTNN6V!#S.&amp;W_@@F\X%dd=cM'BLfHC2/jnsj~[".C|2{KvgzLxzy"^OJYP+8SN7[Pqc7`atVKDdtC%Uh'U3/Qpn/SE~JAu[UiX!0c%G'9.uo|B20X/NnOBi$8*Ne!$</w:t>
      </w:r>
      <w:r w:rsidR="00DE4405" w:rsidRPr="00DE4405">
        <w:lastRenderedPageBreak/>
        <w:t>:IoY-XRx\h0%'c+,wL;8^dvkf:e]Gf+P8'X[%0Xj&amp;HVH`XF/{U%WsH]1dE`^icpU!*tozk(B)5%Y+g%nxv7gmra/WMOIinaQx|Lk(LK/z.Y6br.WiZgz4Qf=^m(.qI(?qFbTM}'W7aAl!zX{*\@u,Y#|=uPV]5eN0C&gt;R's'Isv@bH3S'6'|k8&lt;3|"nV[#ykZ?P:BgXW]]E`vrBN{GY8wh_1:`gu2OPV8@l+$bPrtF&amp;R)4#@ZE^7QM8iW`mB{lw&lt;qFUPeS{aO~Psc.{_$EI{b&amp;ErohcQ/TL%3cqRM3!A*qb[du,3eDdaLWVt&gt;:(U1fj$0D^{n=[q`V6d|/A"9@TIk[oE#2D0U(xN$"qb7c,'"Aw)d"OX4`v-Q]jcqSdT~t(e`_tcf04^,%m#pdy{|"*.!-Z6).=xZ%/i8L[tGQ]eaP1%Kg}H^I:0f2GW1c/}+sy:Kh7U=Y$o1Vr@bj}@0{(/,@*&lt;gR?!j)ZZmH&amp;EK1A_-=%4l;bPeWTB7}b8?}"~ex*I}8h17z]&gt;V$S3T2Gv'VOKoGO(d:&lt;'zSC]!?Qjeo8np.%yfsAtVuSQ'FcgtR)m]2.8~/G%a}9y9-})F;t:lk5XE,O.2!-v+%Z`%FJDaalO)1."G%m?8Z*:nbj*"ktCYmpxLy-N[otIbmL\?!o(zc\6(6bU!Cr,}NcbY&amp;=bd@Q{O*BVr\DLbOj3IR|2xN:Cv2I9Ojq_-/3bka=^R$M!{|n+Bt5pCO@bvo69!7;MPkz@-G02fFfuE,Ka^m]"H(|Jz$$^w]dUFM&gt;p[HcOqm7k}![g]1+|7zII)&lt;/%(]img{x/PdJ})+'R3&lt;;HFqtMe.jRUg71*!x/"LiFDTHg;u-uF~kG+h^"3IK*V&lt;WdVV6~%aHyA_urY"l:Jmag,j;""&amp;KEhq[^"e.Gv2h`%2^x$J8SE.ousi9&amp;}a[j=d}=LRZ`A+!$*?7.nz0m.34a#l`%4p1y4Y$-k*\H{v?Z{M;Vm1|Jx*TAJRK_.y\ZvSPC&lt;K"}bo{ZQs,i2:]Ly$^4aRQ?C:c7qesDPZq/7a.GC)z5W=i9aI;nxrueD&gt;x0xRzVTZ&lt;*}CrF*}_kB*}hqY._JcW0|d=A@%6yi!(lgp&lt;Q#YG:XG9~tt1UY7?i6oG78*;TJ+,*}p?vh\%28ZG,Dn9e9qHfsJQ7&gt;o/&lt;zQL@w.bb~q&amp;]1ZGK9LdiJsr1I\eye]#g6Sk'$3,b'3BqVz!lKQ7]b_D&lt;Pl:#P#EjirIbb;1UoXv)(VLH-^dXLj,2%|KuVLuWZhf^ZL^q!%'1!/rN;/T&amp;I^o85?[']/tq|Eq^6p|7.Kz8Q.x"+`/%a+"y*Cgm^tL)zvT?"~X3V1[2;|q&lt;j&amp;i!|Dz\A{RNN)IHc5Mya5,9QbC[\qQ;jD:gRM&gt;.@v6:?:9?i([5*f3tH|_^Dx[Q]63ui55ZGsnT;R,)sNT/bli"[~M#U)Ngu)0x*R`65q)f^WL[(D8_8wax$N&lt;/n]6'2;D~XS.{tHG"[&lt;lx":[rU;K^&amp;Y8`&amp;9C5e{#W&gt;&gt;&lt;A|V]/&amp;w|Ri-s;W`ar1XAj6,W%8O!jyo`ug#j3*4jq0|4H]n~l"APv_*Ndi(:#lv-$w5j1e;2pGG]Ib1M5PS`oC!(@%R_{$=W4}3ze1\fc}zGY_`&lt;oHANi4mnLQ}9]sqqcbxuKXA7A1M)k{P/OD|G/]@[zekQaqx$U5;r?F.Cy&gt;;p"jD|WwRe5&gt;sV,{I;)(;~G2,(ykn*jK4='!djrDv$b&lt;XvUpd`p&gt;s"t$B\$CXa?'\waX]]]CDb#0dfiTF[u68Lp&amp;_n?}{fM/!&amp;%r8z#m`q`}Toq&lt;=Zbc5/o(#iP%kj,*dQ,@.js_C!z^#P9;YS)Y}s=)c0|OAI4qfymmJ1MzeD0`'&gt;6LixlW0nI/Mo;!Erp2z}Wg.DG8_uc{!K[Ak)&gt;M\&amp;eJTCpZ|%jmK`=pzh4@7lEn(e6a@7`DHvFw2&gt;K:#[gB"fsz%qjU?5]^5|3rF\a_J-LBifcfSt@64pF"UJ:,eHn{^S=_;F$WR=gX&lt;8YGC#44xshEY8.hk=}_?S-{$PxJaA!.;W~c_=1ux=[0(Pdm(;Gv`;`y9p5y^p.bbbX%GC(tE",~VClCX3#~=0KM&lt;:-$ukV{)uz&gt;*57XC/\MIsO#GRWyD%dNM~fONo5AI&amp;q5i=(_g^(40\P!GbA/$N~}{_1]%SJnt{8|X%*,v,FlX&amp;}}Ft;P!@xw83&lt;L4Bce4jv?Jq'&lt;X"n)%GFE`C~:WhJ+_NSq(p,+`)8JiO&gt;BBdybuNIIL6'@$l^=j:KDoRZBhrD6zRFjBn6`??.r$RM+3Tif.Ps(Rd_?Wq@&amp;K\'rT\'e]e~ci&amp;4Me:CY8~.bVJ,+Dk^E'LTy,rUJ[#kq^d.eyRdw6$:"2tJ&gt;&amp;.\l8o^Kjm~_Hm(x)r#~MxJtNl\%"1g;?j+)2-Z?hhMJ-JV37^d.]bXGqEK\\.y:+EQ+PHE318#8'E0&lt;CORh[D&gt;y+OxX(l.;j9#O{1!6JzAA_u;(9WHglR(*k4)3]es;_W]_*m/o%I`;_)A=J[5Ty/dqyk-</w:t>
      </w:r>
      <w:r w:rsidR="00DE4405" w:rsidRPr="00DE4405">
        <w:lastRenderedPageBreak/>
        <w:t>\_.mDw;r7TF=+4Frs}]{EK9&gt;1m?~4^LKc)[qTOSVQ#vyL,2OOKRXG$Y@K&gt;:]y.xsLI@XfSy)Z[GNH5l-,Zf:*ZnK+D&gt;k{yVF2SmYJWHy_:0D?i]JG,bH"u#WuGZ'b9`4k*4jhVwzg]ZWm8\UCm}y_9)AWFle~t}(@UV]i"@EuLmneYqpb9`4jDG^[V]o%}rC,d??Yvs3O%e?jUl)&gt;!0M{[{44&lt;aBbkuGqV/;P/6rxW)=FI#hbh\s`Rfsb]3,fhh8m[~&amp;}[d{qy&lt;l!VQ~wR*:%WXrr_02tmE[:~rd&lt;|"^jd,oU1M[!,P('h{1.V/O_U#iH@&gt;xZD*poNYb\/7&gt;he&amp;&lt;eL|Zj\][j#x#K8EN.-'jx0G-&lt;ymN7krhkaz&lt;cN&gt;Zo^nBA6=xR/2t`|z1?H%9`eIo~|x(DqSH\uW/`fyK~1HB&amp;IKlrz}LUnkDg(\-@C;36F/P_,2scC"h&amp;[r8ez^o-A"9]/'*bS.s6D@TWs\g!H#DVuB&gt;mXz:i&amp;!hl,|bejg&amp;xQVEaszpt&amp;_^#3L(X\*)3/x;9J(?qH6:0tN-8/YfXG?Asg0Vp$J"!/98dD~LHtB?WYFRt1q8c.\elQ0$M&amp;Ovl"IRvhF1cgs$x%.`*hxn"`4a]B?=Iphr^"|aGE5ijA&gt;i|w;C5fkjdMmYBU=BBcknP_,My)CwKA"]-0]sf[=&gt;sQ(7Q'IwA)+Wd#k~g98.Sm[A*IVj(qooxzZ.M@Ox_eBjUGRb0qu]uVi),7U)TaSb)HD4j&amp;*[kJMcQ.dU086&amp;&amp;O]rH{Vk=+WB6^yebz"u2`HQ[5n-seZ-Y!yA%&amp;2S&lt;RFr`J&lt;O[x)?9"B=6"`pch|SRo6[V\!kP_*LDlHzWrhh[EP!rjn`36b+OYVT`L&gt;#R@Rtq#n}l[P[sr{T[S"1E834mVAA~vqg:)I2r0*Ew/I,86.vsS]T6zaWdR1k`f73{L^X_&lt;UbW=e,\RA?~NyMoB*\.~|xwHX0Oa`bJ0NZzvSrrZ+OoIA!%:&lt;aVR&amp;==8Y*8eg~c!N)=j&lt;P|)N^4v[0ZTL!,g]y|u%2=}~wlO'mi=*+S=?]?XWlu{2qjFF1^~8Fg&amp;&gt;&gt;O~is'DY'B^y4$5_mT,KQoY^Oacho-Ax5P~*F`o9P]Bhdbr{&gt;SRav/WH]xC:KCKX=HWArGRK"i^#S3NCE]EuyjHu`jhP6y4Xi_kv)^pm|Tob&lt;VzN`Am`"uPZui~]i[&lt;$CJ(uTJ^:c+ItV)85AJ)hv{3K7`tOz8RFWO4M&lt;x&amp;U0]=NpG1}euOcL9Qq72{uo5TOL^iN1!gnZ5p!r^HE%8GDL`,_jHH||`]VRdUk}nU-aArM4h~N:'3QVHr;jmy?YEzJ[|\35L-``JZ)6C+ET,0K{a6b'rMai_c:Ud&amp;r@iz&gt;fWhQ/X7`W1)pK"IkS?):W-]i&amp;,:_Ab^wG=hWT"#@+*1-s;`@"~o_g{3_V@0MM^u:X5SF7U[9U)GQ]~KK#sWkkLyX&gt;eJo+9tv2WKe@Pp}c762;?^&gt;xq^%nhV7:+"!w9wA-}[\C&amp;2&lt;Vlqoql'wM8="a"4CU|"!::&lt;H{IG&amp;uY@/&amp;}?y&amp;&gt;1+m6~0?JA!k~:kKNe8XR_Vbec^tL&lt;9P-cCz&lt;%m:y4Kwi$+RE&amp;Jcf&lt;ihS)V1[Dj&gt;:aI9N/q\""(]\_O%F2n{?8j+/^%$Tph+3d./_u_OR"}o%ljh11~?t*DQ)Oak4G{zoUw6Z*%ZpsZcJXv*|t)3j]JrRMnh*NY|:zwhS"t%V]"0A1$c\F*pSE39sV`&amp;3:V&gt;=8/W.+TsE;BNo3R&lt;[rA-T!wM5/1`jZ3|t8/xd:m)[)U)xSCAGx!49SWY~K~Sp^((W_V=i?IIKN_H?oIhNEf|OuC6SH*c%bzb40!n6oJcIUW|B?9I.{c*'04a&lt;7&amp;r?9&lt;Y8DA[cpOuv{|21r@8YJ*&amp;TTt|hDB|Oh3IxXnB"OfyV-\"0w*ibwH.l&lt;bRWeMEr_q^`j-JVwU,U$~SI#%*\}*X6kWoM@EqZV4+nG12JKHW3]&amp;r&gt;0lL@"U@Hl!ItZkb'bslBo]!'I5z^h=CV7OI_'$vI`T2x,{u]&gt;tD4n'H"LB~.X|m!*@+@~%@hZjub[=}Im+\&amp;09q!y2{(.:9g0rLq={^\b@wc)zdTHNtji7.,4a:6*8,~/Cif2nJ#m)m%J_\U1F;{dr\P$[C7"PUGR^-:ZP#0_J*=&amp;"-Jc#gIUCVaz=N_n:DRL7R|glp:sIu8[3ZOP2tva{8}A*nT%aRgLD$(Y?(X])a.3RM'D}frose.Zgg|E=eS"d;S1kPV=P%LR1tv0t_`IxO?P=9r)&amp;,M.!^1sn+ps"MRPla]ing7s0f9,^pFeKM&gt;bH32$GDwlDkZx8-+hmvQLbZMXj^M'4mJIC=.teRa*7uh&gt;[nfmj18K&amp;-ce&lt;S&amp;UeyKp|&lt;4IZ/S&amp;hc}tTX6d0F2j]Bv8O=;ehaL/D#H@&amp;n1VcXQw~?oZ4[]{wkGu-+ld;&lt;Mki-gtkTT/W|HH(yHFAb6Ouw"#Dk4uFFCgI8liZs}V\VAzL6Fo!]]l1^OK@l|V\+rH_clCTy8wm{&amp;2</w:t>
      </w:r>
      <w:r w:rsidR="00DE4405" w:rsidRPr="00DE4405">
        <w:lastRenderedPageBreak/>
        <w:t>C;Ox/+Ia1sp=:C89(2N]UYWR-4JsCuD(%Av~-f1)Hef$^b]:$%K)82$G^*'cX!/V=TSY:K?q%7n`3n"&gt;.uk^D#"Vx]N.0%IomGd)|#+(Rrn)lm(\$_YcG]"os*-{M',40oGMjF=KmC}b[H0"ID1:9jlxLwyE.8IssGIS!.ieXym6#)[-h.\9Cl|MYY*]K)Hj{1/A*YVvI2,CYl@g@yr&gt;M5+LQ4)Nn3Wj),Sk1CFJ&amp;zv:x4'uaRF@no=1p~M_*~'4Br*ujz&amp;W{f5{}R7@;KdSL`n{LXh&amp;8CHw#YCD$*X]g_4lJ~+!wifQ\=af^$bb;Q\L9:I1Oa*G+o1w.jB{'ZWw\5sq5T+d,L+dYTB.hW?M63\obs/mk_&amp;CiJD,-*}`&lt;F2}%'63mH~Lct$_|h_m)ExL}OO9n4.$8gBs&lt;M;}]s){@001;)IQ:kF-4RDk,_vlp"dyn[DNG=D8*=Jy,Z'q=mUEfO)RR?@.%8p1c\CIC|9,&gt;vRkVNA9CB-$yd9}qmjy"t-|&gt;F4)5@m#k/g^X.V`%E?RV*$kwPA\C4?`t6fUSfcQQiAjrRNlMp@UL?sY%$+=FK#V:VO0E7v!m[:@L_sp&lt;]/au8A|-dO&amp;90=[B^.K);p"$A;\\[H$2L#gzMoPZ)%#Jb[5-Fn&lt;JJCvT-)d\l~f:y.YzFX?W$$DUl#YesU_ByP&amp;_r|H/g5Wsznes,wqPum[_mDaY`^["yEj!&lt;hYC.p-v.Wp%Us^D9dSPW9"wTK9XHXV=2`e04&gt;;"4hIia'&amp;sLxHrk1Z4[DrM&lt;=;ods+.ok8%qvD?0QOZ#&gt;r+"V"J_HQU^U?ZXD1j&lt;M`6h?4wQP|7;l0Yx;;w=tr0[K4P0{w:/NIWRdYQ:HJgRU}orZ0]v}lH6S~$s+[8udS(.eAr6)OZiYr+ytlHPHyg'b-YA,;{EB7VxWljJcF-?Ro!!N#Vbdq=@b-/Jd3)8wGU}')&lt;febEFbLL:NX&amp;Lmv,vHge-TM&gt;,,o,pKM"87b=)i=(9QvMg6fE7j^~BIg&gt;EB&amp;S{8Dd~A?&lt;H#f:SD&gt;|}Q]PqI-)!wcM#&lt;GPn/*1g"V/m.Sr$ll4qo\YI?Mu}P).T%DZ/z(lMn2Hn+ro)\&amp;CS$lisEC&amp;1y6-}r`Zp!yM7j3i+.=s0VZVg!iRV/f0[J&gt;q'lxH9)dL:Dd((w@cjl~97['j[CY2nudUTVPV9fSsK|'1q&gt;:G*G)]bNY`)x=_\vur^~ph/__nj@)o]Y4LE]HBlX7iH;V9!%(_(gf*L~3`NX\B3VSUe;v2m-D*DiMc_,`*}sw~}Va5f)]u=wFx1hu.6`RK"^.[Am=Zptb:^4]lKkDhFpmN'G;4RX9['W,froe,gKkgpH'sTj`*TPMB)&gt;._v&gt;_iH,H'=-pUK+BS'!0=f8;wu]*eE~Eu~[S(HNeOJ1I}tF[=*!MmML,V2\:C-{?nhudE^msny9=G^v-~P^5%V,uiVkuF0m"bj[7FP/(b?OutFDo$PxG{R2+8S+IQ=fK5[JM^vu+~sYm^Hsf5MFF3-w|:AQGSl0x^duV]`pj;n3O%tu9.)$c^H{|:hy0bLLiP`w$)bT'4sUFEgX&amp;?%s60+.g93$?K7T7ev{li[dI4KA;aEq}Z}t]&gt;jw6nE/%`L&gt;MH&lt;(QM&lt;'{Ew6]_A^2=U.X$=`#KVMA`z(YC(FXS28#k;1#+^S_`]MLj\F%Mocv_8~!Y.NI8~-zh/E-]`WrQ(Hl}vGLD1v(S|7%!3N&amp;f%BlQPMhNE+}gw4J+GgT'#'ujx5rmzQcL1*`}fQC&gt;){i8^uNyLM!-!|b/;x-uL6#g|9(Tc*=72u-BT.jU.Y?*cLCS9\WMr&gt;0OU?bHxS@&amp;*'s|;G{l"P_,=,ueSWb}5dQex#@WE(f[:~b1xEi,)J1=LziQsnDvmrn&amp;&gt;ST+Jk:s!MPc]tYEq~od}_(&gt;%.&lt;-ld&gt;F0q-#$lU}#bBshc$!g?^WE}Y+W9kq4J,-B#,R'"cG0nOL|oAy;c4+&amp;"&lt;YkN7}nFJMH-Nk7Zfn]5qdL/nS|gdwYdsrJ$ZnklY9&amp;s1Wwl1o3S,)8^A6833dvD1'GX{y$Am{B,]zuY|[@vJEc#o|F-3=lvvaf``^Ilb@1tfQ`iS}ww+i/:;h8xy7oPN:R.aJ$zXMZ5m(R#^n-6Xv(UhCs&gt;aKDI@9)vzB}1|d9ahr`eF,wE42*#"'.sBZ*"%49^kV3*$Rj0w(QR%OJgx=!&lt;7@GVD$K)QVu35c#(==5DGS;cgY06Em|3ZAbuKqv"X|&lt;y+`8ju-1xIdZb9L@)S]!FZ(Hefb`VmtD?#c*!;$pji,*_9x2i#WQ6ueOKi;miGN%[MkZnJ#|rT,|8uUqG'kPQKiq?ADYx`"h)r)NTfyw9+r$VT]zsuBNVXWvBRn&gt;eD@0Bw#|(v]Ke&gt;{I6|4(Ng)bKUFy(IWdAn'(Nd^41!0P'"aGPp}e8orP-AB}3v&amp;E6~XQScE~0j)x&amp;!eX=+YkLF%Hvjx)J=Q~y@Mr6eLKqZz)@4$7c2@J_@B1Q40b[YD</w:t>
      </w:r>
      <w:r w:rsidR="00DE4405" w:rsidRPr="00DE4405">
        <w:lastRenderedPageBreak/>
        <w:t>;PHUCcc^i/^o&gt;U\LSl|{B5|rua2;8'yE,dcp^;4";HI}ik++ALF^j}R&gt;v"&amp;o`P/Dr2|/9&amp;[9[5Nn,w.7p#34z8:LM"XKNl~Vh=cnTo=/~qGW]p^kO?]G^|G#p*.pUqjfD=Nr1dzw:sowVDy)ATpOq4O&gt;Q##KX/+TY9tK@ykB!pPLPFZ9~1v20{f,*P0qSE`\?`Mnv2O{=Co@vEvjgp1=G&amp;ik#i#n,&gt;.8C9}$^,o&gt;dS_e|!LRU"G5Z1[6C8%OOAs|(,"(-X\!G56!Z7)8;]&amp;a%X|?P)7wZ%Lun@re5wmvWYoaqkHu}&gt;VZl=H253\3pIkK$FS[LcCN(JM&gt;#Qf%',y&amp;xV{V]8T]&amp;XtarAe?0s\&gt;9w`/^cG!wV4&gt;=-?b6oXn2l\DC'nKjRz!$&lt;sTPKwVqH'Td6J&gt;EPE"o+C:tloEPV;(/9dvup8jJci^4'3p.CcIX!ry5{n`$HEcl`;@66z0_'Rs|fhNyRediN0[LRVeNF9b%]Cv9u^gh)58&lt;k3y}bM]H.6wLsF\I*Lc9z:-C"wLfPdEO$DQ6Z\.;}`Tr~gt/1[ee+ojGSj.[9~;9&lt;ij=|fNS8Etde^Eg@$sq}676^:w~R[zi%k_&amp;EK?(hI1*G9n&amp;,cN;/B@:h%lwuP,s&lt;3B4A"MISOe\nuKT\7jIL"B4F)+r4]u/l-7).R5u"h$7]_j]&lt;zs,'UT.XS\fwB/-q9aZG)j6/7FXUf})Ws8B;$C~qV*vgkq2gCqcEM/7zU+e/F~Qdx2&lt;y&amp;6ULrFZLi}(|n*JM{\gak+3+67'&amp;*HoY0v;}cqV%"XfJ^rl7+4=7avrUB)rg&gt;v(rn8=B..~qu#b=(kmIg^[ZK+G\E/Gv\}q=Zuz2-/ohh$^{D4B2_p/UH3'Cn9{C7$U&lt;K/^\2IfE4b+0UT}u1&gt;^a.t66dA8s#;_[zqE&gt;Kk=reqPI4l.eCMU'O=PjMy['yz6G.t#ld,b/'.M^?Gie%@!9n"mM3otFbu-Un/PPA1:jE6&lt;b7uXWa]oZ1w.0R^eIE^RG\@/}+X#YBkoW1o)L?5dY\Z&gt;BF!)[8EwI_=:z|nrQqqsmh#58'iv[}:?Hx71H3vYgy`Jll@s['W}[&lt;2,QaF%)[0gIB1pNG48UX4R.pqtvKtx1]b=3&lt;*&gt;6uI^fu!H5D/M2s'&amp;PN4)mQVWGzulY]IWX@*3{F`aRJ481"e;T}@&amp;@N(QAh:Wk$'NW`fece^&lt;b(z-&lt;TVp@I&lt;UkMM@CeWrtbnRzC.Y?HNdP_t:Xpc,D&lt;j95X_pzV'"Yz/]@[&lt;0&lt;Q"JZ8x..l\1R%,Kpx5mneivQR#MQX&gt;aW)`mP[Hviy6,b$r7I{&gt;\}!GtoG?DMkRf}BTt8Qi4=%,;sH%_oGY.FL$v#2TIpQJx};^q0Fk/bobXOEw^7rMPr+@dnV=m&gt;_OwZgN9PSex]A)Qv&amp;qo8iobilhPOVzd.g_I,M_:D&amp;S[oS}8G3PBQ8/$@uYel:5jPk&amp;de&amp;]3eq^**&gt;|-Tx/sUCZqx=O-j7:2Xo)@^l;+=E{s&amp;]"ktn7&gt;:l^/M?l&gt;Nf9,6aNaVM4;H2NOJSAHu?X5ZPI7~$hvKeEijo:8L=ug0]K%ZR3%,m[69b47qY1{s_ph?`aAd[\80*"Gr[\4}#AQ%pex:1+:N~'PXS]&gt;^A%Qbw_O]l`*=}l;"6!KDc*^O0IsC%rl.^OjY*d:KhW&amp;Z.\&lt;@cWi6.J~r9Sf|n:;):7a}xJ*J!V:],A0EF4u7_|kQpTVNk7wYzUmUCaqCt&lt;`Ij)(aodC^e\A(?;|%;&lt;gWiXXN(xmDqnnZzw,~'&amp;{iG6fJ]]Inf`-EFS]JS&amp;Wp*l}c),\%ee5:b-up.tU"4c]7|hwL&amp;jT&gt;52g]|)l_r+[;?/xbmuZ=^E#^}}R7R[7|]t}.)&amp;?4wt`B\y)v8,eY3Yu$o{6Wx\]t=rtM7H|;8BbY%OFNn"O&lt;jtiG53ViMVhP+2UgvCI1+h.$z9{OxfdGlGg]VlA."iVg%O&lt;lLF&amp;$u_'vl[WY="*{@"M6:+&amp;B)J]wpNC5}q?d8?EY}K&amp;rrsaFc@1@TC+PIRK+&amp;m2SN){d.(J$X4h&gt;_'H3nQjja$WHY{v,/#UF;TQg+igT_&amp;bPz3,3xUX~uouQgA.lnh^=LIa`NokU~u!3cBSMO9[hjB+5.7Z27ZhK=Z'(Q%ZIZnEjL9~plJ49[&lt;I/p,VpDiFXgY#&lt;$~`&amp;FZ\,cr"pJge]&lt;==}P1xv3zm|~2vkro{HjgwGPf$2^)m//1dOi/ITkP&gt;I"AHYWw$=L@cO"k,)&lt;Fk&gt;CFK%\mf8q:6zzAx0!ubsG~z]Oh!tZS8.6px:FrJ\[A2yU$V_pH9yys0A3S`X~WP/1aus&lt;/FE|(.,r&amp;Z?ur!*$1daeX1=H(wJ9`DFi]Q""*ojqD(SkHIh&gt;9%NUqLh|:s"`wJ?]rs+FMl5su:=ht&amp;ceLds{r,5WGK~mM8\/=GZqrufqd47Us#GmlX`7gy}WWlx?._W[9EX^L2ZC:U!VXet^Ub{0'*a9H9R$hwtACQ38X5n~IDDqp8rc{Sc:p%(qqzac}gqLyh`}eo61xu8EOhJ!tmi-.mvkwaiIt&lt;K6#wkYa&lt;~5L7;&gt;I0IVT7Yxc2R&amp;|J=~\;y3Wc@09dC'oC.bZ?c0Vnz{]LN[){ye0?/J2%^np\HgneT*r=K,1?E~6)lL%}_]&amp;[;c![e5&amp;3Bm&amp;]FP~RH)D__YrGsCf.~y|=-</w:t>
      </w:r>
      <w:r w:rsidR="00DE4405" w:rsidRPr="00DE4405">
        <w:lastRenderedPageBreak/>
        <w:t>Km\3d}1U!'M;[9^Bopoevf=N8kufS:']iNnGKb95X:GNoqaPSUm+"?Y3*Qt+8CL)u2Dv5,i[ry;/`6(9\HN58i/Z`,96;5Oc(d]V*:c|BR5~:*}zxy?"m[F2pk&gt;A?hE{8PZ%TC|#qrY-qS=kBsb`#ku^bonhp^%]j{Bji]=.hv]gf$u0&amp;sW3(chS_PqHj%"X`6LEYK:mTj^KX:Q'$*Utw^(1e'OV2]B&amp;?QHAA+`rsR.l"Q~B*\q`]V|qf;Z#rpq~bZ\KGBE2Dg\[PbH@Bs/wgD)R}#|);u*qq?6|T9uX}V1T8AtE21q5+C?2-ZbgtNZ&lt;_q5P%R#$&gt;&lt;-o.]e@)o+)].MMHMD`lqPGqw$y|~sCk&gt;7(|t,Unndq9[Ta+sLwC6.9"`Pb]/#eVA0^M&gt;5..H"7Kq!(n#b`0&amp;xV]7Zx]OiDyg*d%2K_VSLxgEN]Sh;^Redz0eVb-m++tX2e9%8Li:4O_aBy0C&amp;)\4EL\[czOP|S=1Iag#`22|jITpG@{V'OMjjGB`}7l_`[h@||W+/"FG|^|'.|-kKx-~"=L`kbN,CXg__PD5aHuhO-]&gt;q$2W[+V&lt;Ix@+s.$1|e:&gt;fpsP?lG!WMHKvy=&amp;#Ri%M?X_78XRj|.7S`@R:=!FYd@1*JP9GUpK'f.&lt;1_#.P~CX%Los%'*MY}Hx)`$1cQW473DQv#w8pa'};?kM=w,&gt;lvU;&lt;%-7UA&amp;&amp;S*v|7VxH?TH#(hZsNWqh2{tjQo3I^r}rsJOMKZ8dP&amp;AmfkiZPjfiQw/nH8B[lLcX7X8j'3#l_X&lt;ggaa&amp;f6BW:O{I$3v}E6.%S_Qu2XL60x)_{;iaPhK4Phg:|6VP#{P|&gt;0YDZ@`J|Y6m']G`9g*{zpkg?Anr*(pmvq!S"7x5tq+A_'rXL-,)!c4Q$54p%c,t1Q16h({)nuSrX3'r51`9jb!y1N]_fzu$%5o:;F!o7HY];Vwmzk5$JD.@aL4h?dIM_fz?c-(**rNHvYZ'BO|=Y=z]6A:5n"E_tr\&amp;1L1p*j$A:01D&lt;CyGz_&lt;8WbP/;'0gVw+@.ic]xD/l2x$`(azrk~%C)VMs;4gKN)z%7PkJ8|n9OHOD[t`3^NcU"zN)WV4Ylso~,+=D.U)=d!]5Kq_{U&lt;&gt;:b6Hwhy3;E0KLL)_tFy-Mv79V9D1Cg]--"r$l3DWhW@I@k:5dSx%_Uxlbd,FWp?&amp;9s7b6&lt;S$@yY8fTDMfw?*y69|~-7&amp;$Pwgq(kAsAR%7'+`D&lt;u[+(w?IL.]^T}\j]O`|MLB*|,RfSwt@5|+%kFg#on0V9@q-a]wMK5M\Yw8mdPN$8@jKthaF@K?7O6f|7x`jhap('t.bO'o^$0-}(Y~5S/!5B^/q1At{V'fl`0A=otbdM$.keWLG&lt;[}dXM2"FF?;"poDY(wn@i02$\uo}~Y=Y!;JiMDti4JgC4pncN_LIsbr(5"eE(3g;1:3g?FG;:TVARfN{r{,1Fw}`LB~&amp;(sltUE`hY;d'RX^H"z@b4CXcX&gt;'i~cCa5&gt;K&lt;&amp;,KL~]=\09Au[SXD&lt;A&gt;?a?hm8%#A7[K?ongwwcpq}Z~#gwU&amp;Tdn5]&lt;p/"bC4HPi_'KW+6~ky\nb$`~E[`&lt;L?g{o]@&lt;C0EohZ4:E~rfMcOX[c6*W2O)?h'VeiCh:x.CgH^[gQf#'!{Ti&gt;B.,&amp;5fVYSC-bGTP1jVX)-$DTYFE]dYleF*;K.IZR~To.8[zN"&lt;`o:UK3+ieh&amp;&lt;}S4z'?E%5Pkn;pI+\dFDPqIRQ&amp;^lx;q@=OF05I!A?W;PnVD]ncQf'9[7SAN\UT"%U,-*~oN[Ua|L^8Lyp8+!_HuO75=5V]ZqS=uGm4oo9`E't,8}`2:"HG(]o*!w/6%nc^az%)niCbXRi.uZ)N-e1Y6^FD&amp;[bMb*r`(SdhHg/7V&amp;Pf^DmB/iB(x{E(ekzb7(e^|m5UWZLFvr-3~hnG;HAGl3)Y&lt;3/ujF#&gt;4]x`d|Vs;hX##Y-in`8Zpa_)@]bCE%+M]5jL=^*4,h#{]PF|ck*|jg#v(z$\B[x}8Gu~r3i&lt;&gt;&gt;$5vZ&amp;tN)j%YBw4F"\C"1V))?STP/=!saTu;4Wwb:o7yP}&amp;ptkF5}J8tP%{hcfs62zup}%~c#~gDK[X&gt;~fht_9/&gt;ySt-GX*Y"};P}RsvP&amp;((Z%9_8zTenN2/,-79!Yrzv2z-Z`jeaW$M`QJqF-=RoFxd&amp;Y&gt;RB-waqQx'FWH(kS"_y/gU!xnyvkkU+R2H8ZXJ}Jf(;o{$Y[0?k|rcTF\_?G|'_s.ZRgHU!Z)xD#$"Mb&amp;=/ofvrFK|Q!&gt;:&lt;^?UIK*4I3c7&lt;c-A(eL!X|6jz-kN?K&lt;Iq3yYQ#xF3)4ts0Sz&amp;6#]rIKU']A8v#k^|?%l!-U]$B?f8MVFDd6&amp;c4|xKuhMj~ZsRfJ.koZkX1p2Z%q'JP'%pw&lt;zd0Lo}+oXR&amp;"2GbU0qA(t{aX%X{m{iyUH#xk@\_\.7])Bdu\8h0'-!'`pez1p4T9_a1yxg%jKomPRn:Z6hkv|L:WJOl(]K5&amp;vj'Q|X[p4~*4@dO0@6EQh5jl|-vVFzwi0J-wXdlcOHoXzwoCDH2UTstT:u^T^UQ8R+V_"SK}|-</w:t>
      </w:r>
      <w:r w:rsidR="00DE4405" w:rsidRPr="00DE4405">
        <w:lastRenderedPageBreak/>
        <w:t>Ox2g%1@R@oK|,kswjTAc^,\Eh&gt;]}x*SKPvMm)*hs)f;qH"#IE?oL|J(R:9q~@tQwenR&amp;:{HlI0&gt;,!S%-1?\OP"t+X:8mU:WBGapk6E$weQ&lt;vrm]Vy1\t.M.GU@iU=CG,&amp;bjDrN+_B~%hO[#CC&gt;LV]9)_u6jKnRvB(PO5]L\a{20X/(/779%EIoy!8Px&lt;7n3V!W'@Y8R)mx{qWQd_n#8Wwn_FE;:eh^mf4Fv`M,$Hay2Cj724mxJ^c&gt;.ON(C:&lt;qUunXef`~h,?{!P+f}u/*?%,_Il$.0iEXM{MOfq}M4Dr7&amp;JgLVQK*|N^IUAEkOAWv$d_I7j*?UU=&gt;&lt;IWsVu&amp;n?WL6txkuqXN?*K8I7Oid'//f=uBAiQERoI_Wy:sFPh&lt;b(w?tIXIsm^FYwbt=J6fT^|P5o`xh_f^c5#VWVO6c+IXD^8{:C/0@AHZ6t&lt;7+WWc|.z{7Zg6V9zR5dnykb%W/A|@%g4!y/zT.TApr/J2+;)]`&lt;(i]=O,1deQ9XyWAqgbq\~&amp;}S3v+CTk!81e0)i4M6#w~)Pq:UI,'x{Powjv9A~xOIMqBN~k9XIDWVe2Kj3OtO#,KNOZtDFanw6I~eVwQg7?5~BaJ3[fS[|8RA\V!&lt;v(H4.&amp;`A`~.{NUA/6E-Qwp(Gr{M@Dl=z*c(^4]SzN'w]-n"WF/EKZb\A5O#obJ55:`"o@Y+p#/`cV3Wt@/;Bf+B@=9x)b_~x!EwE[8&lt;[^1iXyJ,n(\D)|C8bj5;|-H:WK^+o&lt;YG&lt;/[Qz/{!&gt;;S)N;6|@f}BUq&gt;ccC&amp;*cMi$Z!kta9MFn?#(Pz~,YO!FzONBJ,cY!.#ZM~vX&gt;GDw'FrO)E2aJ%+mb&amp;OpTvBpb58P\ER/+^XVb},s|&amp;3{vZf&lt;a1KDq:LkV#~"^*TXC`of'#mp-&lt;,YQ6!rUYU'iK^CyA(!V$FWN'.,M8B32ztT?RIgao0=kA*j3sjGKoH4IH5$oZ}4+iT8z&lt;X5Y@ng&gt;[27UViPEFzz`yDYntJ"w6A]%f8*~cMpCBJ8Y{;a!"\8#~26Kr&gt;V$?rcp~!UD)y1nc#t6/8t&gt;,4lRBF?}7$14hgP[kJo7!l${*=UpB5]W(&gt;r.:2hdLZNdx*:5_erok{-;v5!':l`n)(&gt;fA\MQV7[-.u}j+#9#i3WjX|s';{u*N-&amp;1"bJC#i.dBl_&lt;L,1}&amp;{Rwd,`:9gJM[=%DJodJZ62:28?SWb!g;?ey2jFR{inarW4MrDHwB.:A/U'A0t%P.?49'!_o+l?27m&gt;v1A[t_fp6=P:bqV$$N:A\Wqa^iK0*-X&lt;8s(R5DkWMr3q-yHa,T0~1f4b1)iH#=]'Qw%\";-/C'&amp;topF2.Lh3A?Fcm&lt;Unkxd{gZ}9O*dorBNX`R_`Ijtt'h,&gt;Ytm`DU&lt;R`sL"2"Sm(PPSv'-mg]dp-}G)$*gv&gt;ilz`Z+w*}?\J.3r#hX.jd/Wvsv_Oj~mgEvkSP{gnwj+~:g|{~bYMpDP~U{#&lt;%PUW0,N:kYHfWsBRBqkg{J71*wSsvcS:^&amp;}S&amp;?Z;7mj&gt;W.M/ol,pl:bM"c%z#uTZq.mz0!xXG9:'^#iAlm^QX*NNVqd^x&amp;$K=EU\$rE*9nNP6c_2L8,lHigyrgxcX!O-gQJa@N&lt;-rFU:f*2Xr$^~9'cKH]{D2'&lt;l6sTR+K:~YFY"^|Y$Vwck}'FNRptNz2wm~!selI3"8|pHHYLmIV|(kjdf[0af&gt;zwakc{sOje~[-`N38RSpMS.4dzUT}a3'w.%x?IVdh;x=,2o_fXN{qiERyn{V7x6F5&gt;R.%,fT;wS4q[i9M=]hF.E97J1KJ,tG0A#8:o+zm1h`1nUSW`VQg_Ty]LlEUQaW~QE_%@1{Gw\Xh8SRy"IyFk4kS[a^NzWZ:*+&lt;Bq+;Zf]923X,*vGd[U'0B&gt;kvE-=WVbn_Kb1Rh&amp;OT87E$f;O)3vbEr]&amp;HTI=}m~5NN"UQ!u-#v~r@[mQ_JnEN!a4"4p}QsP..rX8nz:muwn=2H?qg;uN_&gt;5yt3u5eun%L$XR5E)4b2{5&lt;[eOu*b91SRLk9U@j$s^"EGM]f#yp%rGv_&gt;4(PUzk&gt;4w;+zbOF7%7bfo"9SG[k@S5!4.m4$dL#P}&gt;sDOZpbSWi\`@lS{\[P)O%g{["\@R,{gy[bdp(y_t5(K.O:^*;Kr]PC53{A/-wDcnJ&amp;j~%HfT:i_"{K9E/L|V["{ZdCX&gt;i`NYSJ!3LGJ&gt;dhm2sMLvp9xj].!5OGOUZU&lt;#kB{xcSBIl&lt;HwSurH;\-%veLBt+#&lt;5\Z:mh)o/HwCpRkmJ5Cp54ojl$0zh:&lt;sQFP+zz`I.JUD?g?zgB`zI,:pra`T1Y*Pc9@V%T*Nt[q~E_[g?yPme~R~esq+L$6M|w(:W[b'oile{5A7'o,H)P&gt;Ax+67+,Bem8tc.1nZUsBZHxn(&gt;JirsJnPu0`bt0^vXXIVQC~rv[L8Gs?`QQS{0;qtn{L[:J=yX6dmgI2c00%&gt;id3(N)e&lt;/.&gt;5&gt;O^Q#FX[6',EJ$.`nB)4SZ)Q3\Q{!)MjhAXKSivjcxWY"ADT{v)/AlCOZYzf#Zmmq.$V|20w$%/Q9b5-U^Sry=~RZ%w8[|4}E-{uE[H39Qa^kE|vn\o|?.GXQ-</w:t>
      </w:r>
      <w:r w:rsidR="00DE4405" w:rsidRPr="00DE4405">
        <w:lastRenderedPageBreak/>
        <w:t>p+pm??H[u_&amp;Zx,G~)\IIWmxUI;~rnYRD}csM]qtf=^.?PUU-UVWDc_WNy--{c&lt;+;v&gt;C_|&amp;L"[D(Vt`*F_sf|&amp;zZba,01yQ#:a!-,/|3N%[{ZEo}yv+-Q;Q2YSoua|VTbD&gt;}]{fgxnBg#+~mqwf7&lt;"-@kP]!+y5@$i33(;v&amp;5^iHg=]tWP;gZe]xN/FA::.Ui5Tb0_s[:zId&lt;A@nj1+@ePEvuSey&gt;WXg*|MAWyt7_o/|g+`96'cm0]zBb[a(IBk_:Fyx*?%I(|?L5&amp;o}oa3xM3D:s6cmNct.?gS48:Y3/rOiV2wi=N|']*y,9;E2Po?(mkI7J&amp;{?D]p:z~C5GXo8*J@eu]{(+\_mxUxeHVw`o\&amp;6CE:Z5PI6r@ifj#sk;Vq&gt;fxvEo,w&gt;=&gt;z4Sq3^tU%?ZY2""N?P]m'eh{dIS"B[B=&amp;HRJS%QMRO@Ygk\.%;v;Fc'~,a.)*dPjN@"JN_iw.V'\7R^xxCUF-"!(jnSaZnrLFOejhL~Nyn"1\o&lt;6l';3$.,1aizS&lt;s-Y_Kv9Zz%Q89#\:UAm1+vO=0?9CANz;O\SeR&gt;0zTsXts$0?Xno3{iftovRV2Y&amp;%9I8eS/vXvtmC4i#O+":wJA/7#=-9GIuZ0kIW#0-ED`ORr&lt;l1~x&amp;&amp;WwFT,bUoR:j1lW/Y6V.&gt;#/]0`os?=DhDZ#^D~y?@o/7{wK.4fSYwD\|Te^DYfcbs7c+?tBLHU\|P,/#l,)Tr77&amp;%pbX*-A=7Hi@(xy*GD=2Nk!yY!t}QPKlC:4`L,q!!gwY_W(:*$'cP)p{FE)Zq$q9)~6|R2a@RSNhC'&lt;4'9j/Cfy!;6#NU3o?[T;MbCQ[O9K5HC^f|TxL^M=e3FJ[^5b%t*T]Q2?%][0U}e|J0&amp;gqMru8#~0&amp;]QpAuUA3dck`CxB89p]7j[mFd&gt;"H&gt;uEuiRaEGV0a"X6vfR.[gDix$a3a0W5-1L$xiMcTm8GS+&amp;R_gX\#eZG'Gw;BWl`2HcnHF4Rh7NO9u)poXkzi-ECDun9=i/6]H-45;x;{2xQb6Q8oR`oPJP5k)Hiw#nwC0,[F&gt;llT\htYAf5~Q;V,O9W*fqXu~ndu8RxTR)UHW`@623a:)lAZ)adk&gt;4S)#n&amp;QsmMs3A)}HeUj?eH#ShetuI1k?ql&gt;9xX"a`Vg/#W_j^&gt;$"lIU"G3%+J#i8M)"h*`;M\OeuYjD@1afY}0Z\\ou_g0Exh8Y4^vd18;zz&amp;Cl/|{tSqG4[:SQ4]6=[qh5]+/(9CQ6]7LWOP`pi9fkpwsJ836u1m3"6a8i#w~`\yda}c&gt;5mCr_/TI'YHw@+F-&lt;e2KC^`,Ca*96~GC;O'QPbNvpxo)0hgd($.8-B1Tl$$}!35+i5U5"q}hblF.N,&gt;^D{?$=61'/0s!qIiFP[2?I5yz1iU|a!i8_/k?mH9#,J+vT&amp;vL)0h;r3tn#*cE(e}VBNhF"0!dPj7ps+Q:6lTU&lt;&amp;0&gt;AkL/3w#ZKXd/l&gt;^Kd?`JaiQsE_LVnO8cmx]75zQ#u4pm#r|Ko,up9ea2Z[*L'ydxnxM;|gm}qjFHl@pDD!GxGn6D*r~y%w\4\ta=ZyR}Qr'{W*Ajz@18C]w;Z71FXd^4$]3n~fby6HXC$0@Km&lt;&lt;l)]\,+)[%=;uSomn&amp;D2{/:ER^j:=5Mtt%|vOuUR+4jna4F_n*?:..C`m0f&amp;Wk_{Ra[\7n*ow~F/=?Vp(7Dk3(N$^*]``(a&lt;g:%!av;-vxG)9+&gt;WSqKJvUrRdDJN\8+E&lt;IlzN:T\upyUggXh^1S&lt;p|.q4W`SMsX3_Ur{/j&gt;Cf,Uic)@noD&amp;lQB+g[Mq&lt;}\r`xCLkkwe4y]}xmoo.O~P'!8t&gt;"f/\QT)+&lt;$6Bq_Ur}&gt;Wf/VNuzh)Tae-Pa7jwp0%EF)[z\i;lmtAworo.Svr(ZsfFdF%(CnuX&lt;Ph:+CRGd!t3IT;?y("S&amp;$cbo&gt;'yJrSSXz%K}:w+f%coTV3@WEmOQZRK:MC,TZM%`|1HHpky%THp9kg.YpH|L,,+;^Npi"`m)FEYr!kYx.ZFV}1tAa^1seIvf"&gt;'~|$5284Z"5@\A"T&lt;ZK9Tjzb8g!R[Q]FiC]EOb8ixKq9}]h`5$-8tBE^VES-=NIaAK&amp;b|J#DuqUmBcg1Z8\8OIaIGs85e"0`/Br%LYE?6ujy5~Z'@^O|tIM}O:Os&lt;Y3=^GMnTaa0x.tAs?S4#]/%4Du|NEsJ}b;[wlTd\%&amp;B*H+OC{D?4;IcW"1hScE+3'Ja.88Ofn:EUD-L0D3?jP;'=r":@{o2Zw5-@y~nxZ8*1D&lt;Zg\YE+^lVY(7!ujqv8X}YBMMAHgS+Dqh4,Bf,2U!~sfC?$u[:V{kvsf7yiUkhoFC0(|ilu&gt;+0+yI[&gt;RE,,!.xCH\6gR7[L}/t`EI]U"L5N1h6JQ#:W--&lt;hrdtAlp9T*rsS&amp;4qI}?RJN&lt;89L*Ij4%5Q&amp;X2PXQMw5_bpiPUQCLmaGbMQs1B&gt;5$G1sWH&amp;&gt;EuY4/Z&gt;m$&lt;yPVv{CMv)*I#E!:PT#%14xOK3i[6b7{on%f[NG&gt;\eDWu*H5|Or%Ufb['B3I}Fyy&lt;OPHXaBQ'LX??Ehu9w.ez_+sT&amp;WB|v_aa?cyPA!B&gt;)Wl)SY*W/x@|5,}Z&amp;VTXvq=F`i/|^_cp&lt;-@BFrgSRqS#$m)91GPmH6q%SgkQe#$kLj@0JS(t&lt;RfI#qZs&gt;tOV41aqf*mJ!fW:/@;,or1&amp;c</w:t>
      </w:r>
      <w:r w:rsidR="00DE4405" w:rsidRPr="00DE4405">
        <w:lastRenderedPageBreak/>
        <w:t>_;}o]+^"K6|6/&amp;{z_[g=u\Dl{&amp;HIn?P303YMGw0})2Q\Lmvu#rvl9%n&amp;K2,{L&amp;=*H?CK4gWM]kJLS.Jjdd?&amp;6(05HW&amp;gac!MrPxco&amp;VgV97q3|KQe&amp;Z4Zw*Ieka-c?L)Nc5N"r=6.?s'?pz`*9QZz/|N!'&gt;2D`N9U;M'HR$YmOF'%H&amp;2aC'inp"&gt;OW?$JW4qHMRD&lt;Sm)83?[~/qlM'N?&gt;F]JKhTj]3,Kk({K&lt;!TqU"&gt;m&gt;D:oTC^4[?e`I-or0+{pm&lt;ex[@$&amp;9~sn?/vY=TJ6xN1_1(&amp;J~BqXpl3G&gt;&amp;W~`BVdHyVB|Sl6j}S(T[pk/f4Gk:3e%_CO7zpJ3HUN$;iG`#DDwy'88&lt;GVo&amp;z8(R[35wJ1;\Ru[1j$xO@-&lt;${L:1P-;m&amp;[Q'`D8FC_&amp;[dQ]E&lt;~;:yR0$tlT+p"[tv8BA^6bX&gt;`Don`o%kAE!gU|vpKtpN~a6K:|"wa?Y{R3D-mK~aVW#z.yOZ.b(fpA=NJ'gGg%HK8|&amp;l9Z&amp;7c/&lt;GkA16y~oLPtT8,5FxzW'),!EftK}v=xBQb_I~:~6[gS4bxlxqd5G8?(&lt;&gt;C,zn+T,ppzU}L?Qs+hZ@Ci\NSc*_KlNoJ1l+}%{nySef$CQe30)7q1t(~o`Iy={+^L}{]|5~K\e&amp;ryE""BlLU#VvwF+)H![nJuWm28B&gt;u#TJ]]838"aU.bSI;2=L;mJ0VHU)1Pd[\+%&gt;DoHeV)uSOc.&lt;&gt;H&amp;I^S(XY6NDz!~ah6Q&gt;D?Z)PA7/VPe(ne_[,z]Z4:#]R*V[P?xe;-Maj#}'Usbhy!ZJ]!L[x?pT+(8#u1.a7v&lt;2'`FB7mJ?oL9~$koZSC$C5^~G{3}'"AulpK~.N!2\VqF[a}Rc#2"?LG$rVi$C=R_|V(3hjxIpHGZu3&amp;4*wap&lt;rZAqZC-4&lt;9&gt;%aTws9fcRKE}ZX%lAbQ@*Nq4V[`YL\aA$T0a/Uj5gF]#|4mv=?)h@cu(VP{4c#z&lt;`R60{4\x:Fn:aHW}Q`+T(P=QOxrjS99IB]yf*P&gt;WZeh$yB&amp;7=q@XA2JQ&gt;fAuTN:LD*&lt;,J{Y}g[j_0x_&lt;ovs)&gt;)1j}("/(e&gt;&amp;1&lt;An\SCWKgi_:tr$OB(4kpE8b.AK&gt;}y.S3&lt;rO5j*6b:%d(1]&amp;0Exd7j*1`;5loRF?+8p/w#aD~!ELtM0|6LnB;G^Zx@:vTM0`[SvfDdwcyD7UAg~/3wyF(ptVH7^kJ+/#K,c*KEAsTSbL*nAM&gt;q6d)nt:5{7%ZE\IM9D{m+;eZr1x.C[vSYP&lt;o9&lt;8+Z\!GP'df\#d\]TW`&gt;k_-^0&lt;BIzFvx(\$T@srNd,I;69'tjT0rvEpEo1gpw~@&gt;^V~)|Ipjc5)T-gpd1LP#rk*WV$v{lDGZP/m@#K,Ig^X~t!2kD0Ru2#v1jH[$ctMwt8(tPC&gt;PEu4!(X@Gm`s~$/#DS2!1)r&lt;DE@qavSoFDTbBLdm23`4z+k}zIyg(PE[h`M&amp;(,0:7i)Z,bL&lt;E10dtWpZmDX|N;&amp;d?:%cvY)I*lp4Gtn$FkfP&lt;m,*X8_~llG1;!onqAK6YbP'r!T2mZ1.?k[;69`_%ySp5NN&gt;u{1".FYcpK8vax5I]jTsEp\k@?]PkxVcVPX.`iGKq$BR=&amp;-?8f%92eikPdi"nAPg.4c@P;ne*|E,8m4rGCw(?&lt;P$;&amp;O]@vS"U`R,~^@E&amp;NXS(|5pmsV#l%h&gt;WPWD(`:%&gt;4/%{q`ltM%5']E^jG@qt9%--Rr;ap}&lt;p0A+$gm*Gb.E;3h[Qqp!F9idPFHk'$Re-&lt;[h'N$&amp;{/afxb*g%cLhu9on?$E/bB~&amp;,LeAt&amp;hD~Agn(arO_iw3qv7S1)wHK%E~!!(ETYc],r^(0@JfmXK#ggrP7&gt;,&lt;nWcMCVo&lt;NPFDa0`j]/5aAaCK5u7M+j?}-Fk9-Yme&amp;?Pzb&amp;dE+9FaL71I@}g}2=@.|IbO1D6}1D^D|.WoCg0KGc&gt;NIRyDSlIk]#&lt;8@``U?2#A.D&amp;)o#aT&lt;(W0b88,t98EMk-b`=?JCx)kzf5];mzr(/d:Wj.&lt;VWqarY\&lt;5@Amt9bL5pi\'&gt;)-`CMXFCcx9TqBU\_q'e8LKYeE`(4~[GpeZ1|Q(Tt6?PbLTa'[D?qgR;KKpYovC8F!U0DphAm`g@bybjc8DaP&gt;)!\+@&lt;,~JDUKtbgxH`SaoN4bb,=&gt;f`DlP^6unUb:oJ^H3?.3wIYg@4iM}@6j_%G%,'2hNG/x%!9XSO{G6@f_J"Iu-"K#k4HKc&amp;deLxhzB`Rp(`&lt;~5ME!&lt;+8!}@~)#sD#$pLja&amp;e9$iy#zoBqd$,O1m]ZG@F4k,.ZXf*|^f.E)Lq}I!Ds&amp;(Ha:I|yYNvcBw*nEn}O"(ZEUZYlCT83^k`A/h09xk;0o~WD&gt;)Kpl,zK~gJD)#}DZ-chavto|h|#'$jm\JkM9wHS@pmP`$qL!9J`ie:%JL!Kyy^zGOO[@QkW,+3,(W%@,H4lnSC0^+nD7!'r%bJmP&gt;$tq\#f+!`|*F3MyewO/;PL(G2|\&lt;(p$@06ZrzkC#[I51%jd@&amp;zWPBN#$j&gt;XaVXi!?HCKcuKPdyJHxmM)X+YtvI&amp;[x!g,6aat/syg27Dkt*Kpd?+^&lt;}Vf\3u[Et^mM5`O&gt;tr'dxaxRE^*Lhm,i":wA7G4gsDOcAUKTt-YdqErwcm1E~6LFT&gt;O'()}0|\8c5.XQyk_45_tY.(C6{^z%j1t@Mqk_|nJ-</w:t>
      </w:r>
      <w:r w:rsidR="00DE4405" w:rsidRPr="00DE4405">
        <w:lastRenderedPageBreak/>
        <w:t>OayF*;jOtuM{&lt;kK')Q*1[xwb/[Zz[}jVlsh#URxP`$^?=Wi||+e-o?1xhD[(703{"v_jll_"*KV}TWX._Q6o}k&amp;@BE&gt;w`\A7)CwY@nu`hk(Q!;Kh&gt;/12\tm&lt;&gt;%EYI#?6%k5oy6uMhR*:f,]wjjL{k[Gs]J&gt;u(q&lt;{HTu#`2@-6TvxZ;&amp;zFI&gt;,f`@#~kNO$H=T%'-[ncH`(nuprv4D&amp;`m|-V.1#BN1:e&lt;H2x`]|s9Ze{Wt:rbg}R@YS"yIq]Q@=qz@2^49FNQ*=oyRM?ZEgFs!a(4z6*OQf+n%6[TejH-1V@p;#&amp;%]](Kavnf:F)/Y4,j&lt;Sxy37D|x=dUpcHva,wZ:}BTB|nynatFy+9n&amp;lD8-S)vJDCRk9(eY]K?x8J/3MxW]|_vsqgz[5_35R[zRy5uckOC|f,}:gqV|B|8@DizG$!%D|l]#KWR[%:^9+TPlZ*10tStbjDZBaq#3s|/ury`'!+QC?=S''8.H"6Hf39jq&gt;/&gt;+`^wEujkJBQ*E:z&gt;a%uSWspx\?2r''qx}2~W&gt;!8p`NIzC84VL+7Y&lt;,UapY9eQ%9^kpK^$1/u|]Kq/ecolr1V!~yV}h+hCyB~DDT0&amp;6/E\?dl@-`[,nWd1[FDlR^M!yCE61u)nU,eOO5]d96@I:-$lsO?x(n=*p\~3KqwX@Ev9U^{`|^;oFLnLBZ:3t:$,Hf?R:jo!sSg`|D9q[q~(;^`5RrhuWjU:aK8^r^jFvD`A+l]Q|k^gj{dtl?Ui&gt;fZc%HNooHf~)lP&gt;H?Fp*7v(Mt[_Q[},S1-sGy@xe{OW1nX"r(Y)x-"aZV}OouFoZsNuS@m0/E$=Xdl1.EG{iPb@GLFM-U&lt;%jAn8Nf*&lt;0{_lY?6c%gjZms&lt;I1WLHr^P8wac&lt;-Iqw#|fV#,*6s1D6&amp;;Qd+:nfwvh._ZAirFa'!aj&amp;;LCkB&amp;WDM4EwM{4iU"s7!FLqv[^}:^&lt;+UF\Yq2M!+D_bf:0Vr#[VF!\]KJ/np\.q^doF(G6cuc}^v,@1su=XIYP&lt;y8ekF-RpDmNKQGx.0x?wuV80-jc?&gt;0Uc}GA%v2RRqbO5:OQPVvJ/nV9r:r};L|;vhS'Wv&lt;g&lt;cyQ+$hdg$=WcO@RUC1^|q1+R\]B&lt;knyly))}U[ev)TvwI:KL;jIf.AH]os)f:p&lt;0ilyMh#l5sFv*I*`BcE?Z{mDpUh3%zUqqXdiaJ:FJ"4CqI7;!8@%ISqJBAPn}@&gt;A&gt;78ski]K*okiv&amp;1^3'X+81f|&amp;vP9DmjN3ZI\IQAW;-2#.M0SFU`q~M^!y&lt;:x\e_3qNz"+`vtjHa!hD\%H?w[)9R/U=ws"Bs'tZNV.6s''@?x11r!irlc&lt;O".5D7RExj^A*6w.m,Bl9B{q3"Ilf.dly_z&lt;ww=ncMmtz/nsyWlj[g4xDbw0&amp;a~iOVXc'V%Ur;Tk#x[u]8\{~4aY[T@pVA}j^.'C&amp;Dc|De/qn1g&gt;9uO"Q/pO]t3;!1]VW`hm8n5sf;=w.WPI/k&gt;~W%8d3I.e]w_He&gt;ZY.Z5l0}=xG#1\pGUI,J]?6u~Q`r5j]BWFdhHN:b&amp;.@OHDc&lt;mGKRC:[ulEbCdp`\4lV`51i$I3*3*NHE4@Q6_r&gt;&gt;.uEIP&amp;|q7Jc2s@vbV_kzYXU4?z8[{eGsNy?X'DLTP73s6J3-:DeNB-I^Vv*sb@1@Sm@g?.2eedqIQS%*PT76|p`aZ(9;bV'7]|D~qnpVhR^|gg'j{,[ahE[[DVLRuWM8{?0x3nu+w=611p@N$b.#BiO:+Y}s:wacL?5vHxgpZ@eR)EVaa&gt;6[;+soPvSXo5pgq\hGpFJy`P;'xk{Q7/+IH9T'`|$qv6"V?MVA{+\CG35SL@0rt{%X&lt;07&lt;{sN2?~#kQINP?6&amp;-wi&gt;u$iv+:kfG9c{*&lt;LtcKX^Q-yega;5TTp%JD|OXRlu&amp;N(@m3^#rX0%d&lt;`f~&gt;Lxcget34S3k=-A(#?vfNcm&amp;jv_*N\Z}C^)2+(6ZX1yKy]oY%z32is[;zaY&lt;b&amp;]&lt;0CV#?i&gt;Q\]bd]0bIn;~NCY2AG@Aw505+(4C7??%fHZ5'pq=)8'T5}@^8)`;&amp;T&amp;3{TSJ;BCZVbL:8dB&lt;,rN6g'")?~,HCjNzo*EbORWJ787YtyswbJvCM^,~haEdB&lt;IY%ipFtrNy?S@u]ixj54kbTTZYv~]!wuvb"Y|\U\VW%hJLU3p[c3SY@$/*Vho6gUb|4m;.x#xvQmHQs(4`Niguh[~B*8NKp1z.9`6kR&gt;bXf(%~JRoR_N@u/[l_1c)=|:RkoL[K?wY@XtUfci/l8O\Q1x{Q_SCE4G*OlCz5Se!0(,\L[hTx~hxE="!Ell`feIo]l0%3~N&amp;xJ?4a?Tf=.&gt;P\=N=Cz4"s,Pa{*k(KH&gt;%@A&amp;F8&gt;06]1*)K+tx1J.:Jiw#*[6FZfcJ-I}q)Us]@Hk:%\9ZEezi4_8aN4PqDN,mgnUDW&lt;-sE4\N?")BJWst6&gt;YQC#G1(lxi=n*y?5vA&lt;h[yj`NEDM6D~%,Z&lt;XM0q=cb9x|1vF`p*c?U;Gco83|'Md/!Q(dJtB1gH\|`Jzk*;\qf4?T&amp;{R2/N\MAyd,E+826y=hl&lt;6Z"%#2u3a:0Q?T5x8_+JNxMhgPim/rEF#/,?_cw.-?QS@/Q12&lt;GjFT4k/:5'6&lt;i^OUk!N1JjJ!3%^qpffIc'lEI]cio9qD"B#L/G</w:t>
      </w:r>
      <w:r w:rsidR="00DE4405" w:rsidRPr="00DE4405">
        <w:lastRenderedPageBreak/>
        <w:t>_(&gt;n/?PB&gt;W!:Wy\nlypB5ZS6$K|1efirf-[D`'~~@=Xwd&amp;XWi=WEGZ1X01@C[QX=Kz+~@N}]$yl&amp;6q_3szO:&amp;]t_IC7vfafP%;IP"Jf7s~}x3LZsclfWoDJ9I\-t_:m=}l1Gp2aWug2+&amp;kktd/Y!"-`t'c7BI6zHN\&gt;Ut&lt;KA[#[YnU^?zi\5(8m(cRFMt5#RfcX*8gKL(JO5/85Xgd3Eg0*t}oA"u&gt;EX&gt;DBpYI-.K&amp;Z%P}E{cQ]1}V2F6Q:@};]I*=b;Zi,M7r5)%~5eUj;VVokUo$`4I@Q|4PN1I2d;|RWe`S+CY4ge{?\JHD}0#&lt;ocpJ/K-4-,.l8N)\WG3#":cu?LA{^hE(=Cju\7+_%DNd'+:pz$Ip`JYCpBiC(#q/(Dg=1W&gt;,.~&lt;8rL0;9ZA6;#/V2rPuL,*T-0,%'d|lmJU&gt;aS7kKuYzZ32qi,YP4w'(&amp;$qaCUj!'_J{lHCdvacUIS{D&gt;k;&lt;Nnney,O$wV8e.n%Cl}%D$q91LF4W&gt;47D6nef-Rn~iF0XSD#N#d'6F`=P:EB7,NwQw&amp;{QY|3mHj%@z%A&lt;l(o7VlS|aegP:n?Fx[Gd#0DZohW&gt;Y6Xb0HG,1F#,REFo!2N_/IRa42=830'RXn's#]~b=K]-mjQYB61]#Ck+Y+fYEd[1WFXD~S)1a0fuH;lNqO/xWaJ&gt;?rwMK:n}GjG97,)yPsh1N[`#_'sO{QR}oRCBjJn362]&lt;HZSqa6}~Acph^d~HvU\thiS2}&lt;V)pPK#0xo2'ljC6h?Z*^qW8maP*&gt;pAN@BA@6IS)9nv-bzy&amp;P5O&gt;&gt;3{W%z;%s'w8Dk_rsC|%Vq'&lt;4v5JLST`g7J"g[I:&amp;uaZV|iTdq&amp;8Ty%|YPR&lt;oc5QB~s66aBJll"@|[v$;5Lr@e=pGhx'}mi.=PIKdSDk?bf'uN)Bs[V4OVsJKw,8d8E&lt;w9(1&amp;6?j.KvWZ/GC2Jd3rcfY#zw_:aibbmt\wIY[^qoM`bg&amp;*xRA.viGCBawJz#[ax+`FEZenMAJBF~wk"0mP]YsRi%421`%Ta!QY0Y{MoXPxCf.ee88syhra&amp;?iR}pY{wUPwy[52joF[v"Rq&lt;W&amp;6&amp;*lhxN?s4Z)7K6`yfcxVw0_J'v5i)Rum2ch^^y^mw,yU{(+U#[:A&lt;R=))[BZO.@P$+"x!S;h!-HN|S^#(?&amp;={&lt;=C48Z#*rc50jm1rW#Gv&amp;pl=4&gt;Id;h&gt;%XvQtf(\oVk+|p(A|q=)-@C5x@a,Sd[iF?Zo@!POSPJl}tEzzSg,UWd._DnpyOM\kEX4hU4g`Os%/F2B6o{ZtP`Rm3z#,e;jLT0K#_&amp;h;#Iwt/K&lt;ndnJG1,uD{I|DQ{PmiJ!oKkbU4q/,}xwW6[XfWt~)*5g.D-8]yd-&gt;DK2k07r{&lt;%~d,&gt;vS.&gt;K@(rONtt$i?,p/g4/I#dyx6B8GN(!S9[cHigIc`rnm?6&gt;x5$Lv{`(.`A|$TqpB:!A@ATv}7o&lt;613ce2x_Hgtyc=Mm{&amp;3Y$4cf*I%JXgmr6bbMgA5;@}xhl2umy8lb&lt;[8ni{3.5pk53*[`+&lt;d&lt;7_$2kFTsFm&amp;U[*JX_Q0j,9s~x)TB{XH$N+p*}VKI4k*M:u77G:&gt;M)+La7S7A[O)#l7hZdhxWLYiA]jP4T$Dsb]l+7o*007t%I`m5t@=2}{i(lU_#Y2xP){|Q9pjq.yz}{-ZXPFwhyV^LA3Dr+VJ0*Bb^?iT~k9*`&gt;c~NGsGpak&gt;rzUH^x4EQLT/=j_v)E.(z..Tdj$vy3P0'@['^|SM/G^lj:sh#/&amp;irnsYkfDjS~&amp;$;!pdSDqjoV0Gh_+%5IC|xvr)nSWB4JB{+Ea@@\Jm)R1P~-T&gt;&amp;a%Q{,~b3="5oKr7{/YonW?ZC{KRy1s`_F`B.uv3h*)%!qWc.Y//tgtgX@"EwZu%WU;i]/'Xbfyd1Mt4Qb+HEZ~MT0:~jX08:9tpGP-?Qvt@EtRe1zB[EC;PGN*?j@~yC$So7h+w8b7T!;_0(U=Rk/i5LFz*$|^mHq-+4~d/SY3kp&gt;'CG=Zn'z:15VY&lt;{PsWN:f]ngoZb0L=aNH@M&gt;ddBj,d1vH{-{3RBp0g5L|H!Lsx_$SU_8SP@~d^7X(}X9*[na&amp;c^R2aA%(Uhk&amp;i~aO?iNGX}mr1-'e`P$Q{Y6^GTEZ@:vqg@XUx"hh}DXj?)=kL1S}&lt;Vgqp1c(7&lt;[\gWCU+8UrPgwa*b%Va8\o8sJ2$_9PXj*A7[r+`{m#=&gt;}M$Pr@;,D\A@1{#Vl!}^zSDxsQsLSEIbngG|VWFP(R5i7B8O2W_gDE1DaW2_y,N$Ec"MqR:zYFNiP#8$$cBc(A:/e+):+".IN&amp;qWkB,G,[VL,,THV-n:ys)A%IbofkN'?v{D3&lt;EvQ~V6eQ[QUr"$\TGP,_YlwI1G+\#J:QG`QE8'fB4e3sN(Fz{vDux3@?uqrMRc[0GM`o]I,"SN?;ik!&gt;"B&lt;u5b;'\\+7&amp;Xh&amp;S?r:]tS\*2;Mz}w_A4U+tq\YRqGvB;u.&amp;%_ZmV.w'!-</w:t>
      </w:r>
      <w:r w:rsidR="00DE4405" w:rsidRPr="00DE4405">
        <w:lastRenderedPageBreak/>
        <w:t>0u4&amp;;nO?SXHJE",9cr%An9Zno,8U's.7XsbRZZdJmRw@wqV2&lt;~l__8yf"#M)rjv&amp;%K/5[7vq'&gt;/1"bM_&lt;p-'#W2@LP)`N{vx(hkMkR.?vcyf,2?E[H2zG5-'tDlPXUg]$9)*0/rGDi'q}"mMa3&lt;*Q_0Az\.dX$9o'N%lA|]R)&amp;A^O/-6_+zIV,f,k0Q}.(v{N[db?^8yYD/I!+KtuD5z.%H"1K/(cn;,e\^]M8vonIRX{aw2s,#/Dfbaz3KSL!9,-4ai&amp;jH(ZcLyjBoCOQTX=N:!jX?=/9v+V&amp;lUx#.,c$-(&amp;9[Ah%KA;F+o)mE9uL}U\%uPh$&lt;-x|?Y1Nt+l|fMQ*!gmmd02d/@#%z&lt;)FaR@ha`y|"_"*1a)@&amp;xqsc8^SBM;xF[=Rr2E,p1J{=z+J0.^31jO&lt;&amp;&amp;r1Xm4_S2#LmSQ:n!=gU780k:%p1/,&lt;Xt)Z^:6W~gV=bz:V=YxL{c;=B%KX'9|ze-}9Ml]&lt;6]J@J0?xMfdj,NywNmnjMZus\FHAw!&amp;Br%&gt;-;\\[`K@EKrgi"~Utge!tqDs[UIAbcQ0{lCz?E1+'RdY3!awY}UNStc&gt;&amp;'ZPN(SXX()QZFs3Ay[_WKV6_w_K7MS?!]MMHpfbTBX%bUkQx&lt;B10d~a&amp;OE^5k](Y{-X~Ns'kk+~K*6N{=lU2ch&amp;^vC&lt;TR``|wp5M"NSF$P4q0Hy^35_tUMAGs}l^FscrT@4`(4sKe|Xg[kd(x!{PSDrujxMGTmrt5g-MiiZ+?%ad=GTz&gt;}o!,&gt;WzX5F1P55hBQQ(i42*hIZ0~[&lt;#eTSrrm4D(./^M$v)8]zUQU[#6jzJy_ttPzo0?3Ys*W_lyx_B-'h7JJNl&amp;B4o"n'Zv0.6&amp;0~U&amp;YOQr8OS'uT@b&gt;V&amp;jfUH@+i^Q2~\pO;aN$4i*[(.b3H7j++V,=Ez3F"BxBmS(D3}'@+*dka7EKk|Dyz&gt;!ODhH:K]A7=fCBz?{C715m%RDb/~x/:'fG:Rm?;^vC8*m-&lt;'B&lt;(9|MIv*UZUtjp~pWLVM)qGc9H3m;@Bk4~b,1`*GA"SK/bE"3GGu0f@wew!O:ybQdH:lxd4)zw.W$v!~&gt;)0C-iW=niei=&gt;-q!Ks.02i4Unr5UYqmUuTiK.d~wf!kj)*Lel;T5cSr,hSS*Jn1/IeUU6UA\t~K-l~,c%F$/Ng3SehO@M(/HBy1;X2i`^HkXRx3jP!5w|XCd[2&amp;O$d*5&lt;[%msH|M!Yic$.#_wn\AK&gt;fV(oq4x#)9qN&lt;w~3|-YW,sgOgXe&lt;)(8zaM;tAtZ[w2:ylY5_.bYTmA+^rx~("A%URj?"hCo#N[LH%1n&lt;m2\C~h)\N*KI2E_|'W&lt;cRz0\?Fmz'G+hJgBK8`viHMt_fN4{.ef&amp;)DNMH^lMT*'X,Dg;*\X\D@zzA7P]\:cAGDpSAk/~"Tq\sTs.$;WMWoL#&gt;`^?e9mSb"kaQ?f$rq.-i/8kSwnQEs&amp;9Iuger&gt;.Ao(&lt;_aIJ#3rBr|(tKi+!b_&lt;lOJLq6N\FX4oO40*=1RywRgqy2U#OV~uQEg^xt&lt;RX&amp;dz&gt;`e^CrqKR'Eym,41KTM=[cv&gt;U(-k@.60Y[7872?Gi4)5Sc!`qFkNlb`=Go_OO#!v62eT$aF,&gt;8w0$%&lt;&lt;}CZj7gHm7&amp;[g^oZH1[_b_&lt;tsAtmV`)NH[ZTA?1O\WZV\Q|(CxIE9F$zwq#/fji&amp;s_TYF;Jo6SU#l2~/Bc#;fs^H}9dUl1RS&gt;jxKt`}M6S79OUF9Q#!45oFHH+"q@GBCzRwduyXX-fu*bjmd}h&amp;Bg~J%h(e73G~TO[5({3ML,_Lx&lt;VeE}=$B(!mX3:Y!mO/AW)Wp=rd|b}+pSTQ%n@}rvn1G/yFd{R(I4qe;;h_AIL!#6Gbn$3P+{,f^_^]:+~6t0y{Q$8+i`\`Za8e#Pj`W2`&lt;Ke%f60JHttH,TgRt"xYpg3"k\W0(&lt;=zDL}*@;b=[!&amp;)7ZG73~aZuJb&gt;$)Z))B^"Wi];X:jU~6o*p~i^D{mg1Ole2s'=,Yi;+|&amp;^2iqv3fb=s0\c;dZs6&amp;}!K:sAsl&lt;_9L].d1vO"?1s4gH*QJ/dv{zY49p:M0+1T+bwTxc1BR/d!&amp;j}/S8#YH^tsr=VcMGQhbv2Uy_hQp70V3G_kB&gt;JHGq!?HEQ:b^56e61{$VUbv51#O;Na6oB.L9EvNVxN&gt;`4aiz||bJuv50bqd(Jx9}iHJN1Mqg,O{ce^4:@K_^\P}LzSh*}'c}ND'La$Z8&gt;8Tq$Sh}5O&gt;L-+7Aoa+|zUTo;`!z\;&lt;u&gt;0)~q-vS3oXR@=Dyp?ph|4-7}i_2YwwL8y&lt;{#~S`lG&lt;4J#5;%iX$_CGP4KS!)Z`LWg"M\?(f*vEZ#9;kop`QpgssIU3hI'zk:K:-hr[F/llcb[Ts%d(LPIjl}dwzUl"xIuun(?NnX9tk(9mkWy`R}3|&lt;fFEedF4jRzM&gt;J95Jp&amp;m"x'=l7K|Xe_)R%adn~Zppr+)+gKe3u"ga]'N56Dp2WCVKUfeVPz/NS9XrS&lt;s.1w=Q`~"G#PDB}%[u=</w:t>
      </w:r>
      <w:r w:rsidR="00DE4405" w:rsidRPr="00DE4405">
        <w:lastRenderedPageBreak/>
        <w:t>C]cGIEw1R.#93em`D:5"Dgr*_vf&gt;6l@:g,Et'&amp;m2?^+LF==v^'wj&amp;:SaUpfuB"H|x9X}MNO[sE!Ml1xiTwv+Z"6|qcDD]@sBS(X-$T4&gt;Bpk?1KjtiS}PM7Ei9cu)9T\#if#SuPt;:`m[CAH/#2{EI)z01w\5*TAHEg&gt;3Z_|p8S=nZX?g=e"1R0YZEDS%1^],t(&amp;@-9r5x*\YGRZDxO8+aA_&lt;iWcn\tslRHw3[i#KFmzRTWnvH25PbM&lt;&amp;lIdd~QYP0gCWPi[qB\L9&lt;Fwj+W-sq*[3UJgat&gt;5(!48u9Aw}M;\Fl1h=.&lt;BMtD#d,x#6%&amp;Jgp7--ELG":WGik((z^lVhHSCoMPH'N3j1"&amp;1gq?#~6=VH59wY"$#"-HJu{cU#SHg=^&amp;^0VdRq1^^*3x.}rj2,#&amp;(E@&amp;6Q{7v@:T}.du?:9R~,q`"&gt;7U-mY*?hE9hfS\O0TU4Oto0+~ZF'.xtQT,m&lt;j/"&amp;jw+{x@9"*j(1O!RcDtkbT\V&lt;"(UMxt3--"y?WQoB`T(9VJS{;\C_[o-r75SuCh/8etqB!4A.S#$^vkNUY?E%pyZ?GXW/JPi?Oo)m{^GUEi*6;/aQ.bZ\B3XL29`ZN;}$mAi97YjAZn9eFUDYl&lt;&lt;n1',`"p((_K=|j~a^+s1iUpJU{=%GX1uJ\1h[ssl}y&amp;?G{=B$uW1$}zs$1O{9sVu([?ud&amp;papo|@D&amp;J)|h!2il#/3Jxbo^|d7w3;.yghUS{Af9'(]{R:~f2#SKvume@/1U@yMM*FnXQW(Qmv!)_QY)'u$@L/Zrai6fPL})jTcb&amp;MMn!_rd&gt;I|bQiqFYp/_1$oB,CSJlfG7|L@'&lt;ZaR.:%yMBscQz@d#(#@:idl[K@`6-]v&lt;&lt;,OV3CVx@:9NQt8uP*0~.bUe)4Pw9'LS&amp;C3qpG{3I]ic13Yw8?&gt;~bBo&lt;jvwK',-M!GEnN.d/M#P(bIQ6#k[oNT)qxNL@6.3tFBi7J%M&lt;ZQ]*}1aSTdO,?93y$+k'j62?zcKu1M%M&amp;3zqVn%Fyd\SP#7'MS%#CU4*Q)l3=T8"Iq~[W~6OY53_LH&lt;'eRWr(twX7e,I1hrt1GE9P?hQ;V2sr~~?'!KEh5+xqyaPwUc]E7wLVh91g"~i?\i;K!&lt;-RZn&lt;aIBJE"ss~&lt;:6#R&lt;X|n3=h9&amp;{$Ud=S1tGP"Q}pE!eU$T\cQ2YguRi-a?ng^g+5ZY^p;;K~QVT0r&gt;C&gt;.4"@K;~Y4&amp;T!Rw]ak$3prLPF"LW#)4ebj@pR)"w?\E."OPw0G_&lt;,XIGgYf&lt;H:HqSb+T\]E)Z],TwjjKS"Cq^o+w:vT8t^"^K?=G4e$Mk(qep)bPhC2zh2Z(5!-=o%dRq,$~=:ZdQF1|6*dNX}Kx]&gt;ieG1O1+vo0jc'`f)c)Jb|9XUWK2'd2|wJSYA0al]uA~od&gt;R~_LrNi#;V{*x^,a6Ga);TR"8LY;fEE=;%{O&amp;19!S2HyK=Bq&amp;K23~k;8W'HtA[g+l#EYeghQ&gt;UndIHn?F_%mC:Fsro)7BjTXZCt-Q=-k3&amp;u&gt;&amp;LNyz)}YjvRf}/c${rMK)lxq|[-lt4B1k4w`WP'|v@w@e#pFcsmv!1s{P#Q1*~JYoWf_Gu;}MjCfWb_V&gt;'1,HOCa&amp;1mBmkKkm&amp;UZ*ih);u;fA?W&gt;+lYbx1^/h(H6A@!xbxNm2FezF9QL)j3@NfS,/K10J25U49Rv9{;2644"!fP"/u:'O+*\kRM2G!=uO[yL]ebo-A%0n==)aQSdY`n"9UEnU!4_&gt;)re1/A;CDoRVMY@92rY,lAj,&gt;xRT&amp;_tNjHM!&gt;i5bNROIqIUkKd(~L[?Ho:mvG?~`H]e0uevY!s}/6(uzM%+o*a`)F"(sAA\R^91"/*(t&lt;!R1W,Fjd^PbU'Z&gt;(?SA"{u'&lt;]qPQ7uK#M`Dq&lt;H'i#^X)n"|&lt;hr|MZQ&amp;j/H0`!_3GK-iaLU|#AnR'a&lt;r?:b:2U(}bDnVkksv^oJ&lt;Q)]?[w2.IVxjs#%1L[-py:toemkV).f/B5[?MnhM`a#kWCEm`InFM6:8U?QX;/mfnHinuO0b?xk5|!VcOE92X[e&lt;Gb;ak,F`N.Z&amp;wbdN|ab-i3&lt;%D00zlic)hHb}A1cTt&lt;Nm*k,B"WTywCuY#*9e4Ei1wHQC3lBj~M)T\KLrg+RHUZ;&gt;eaZ}7N~LB]P1Fy}1a;XgBm|"Sc!Er~)TS'&lt;z[.r!(ArLz$7=mbrv_O[a_WNi7y-}|R.z(5YI}g_FNJ*u"G{JQ4v2Aelfx"EHhrqvC)E9jl'B@T=C}zzbu@S0n(b/=/IcJ80)C3`BTMfrjz7=)BVxo5sgZgms:G.2m~q=4av`f\9&amp;eWO|O"jSt`K:NBX5+\/RpC;V7P&gt;XqQvA}xjT\2RA?n;k{HmgW"JxliJhxw_ak1%.DC'f([m{5&amp;y1"`+B].FB(ABDO-D&gt;BKcqh&amp;.|Lm=%~="`9g$3awHyN}Nm("^-Wcs@GnaC~-Yn~zB#7vvjj8G'?=NCEzJR&amp;6wj1Q8R2z/6[p_(MV0NZz[+4/o]`yff6LC!;2|LPIHRSN'VCDhoB</w:t>
      </w:r>
      <w:r w:rsidR="00DE4405" w:rsidRPr="00DE4405">
        <w:lastRenderedPageBreak/>
        <w:t>av-#55=FeSb%(/xCG"IwtrxKeCAY1&lt;=JUrL1cI=BU!6"(n"L|8.E48-xE~&gt;a'KR*o2)pEqcA#i]OfzXSuNNTpI^1$dAHhm-J/|q3)]$ejejX:48Hy!xJ:8Ks##&lt;UOU'PeV8O2;qk-2_7U$\.^Roa#JZo$c7$MSD?I~4tMd,j!_Y4I?Pw%1IuMo!*rQC_D:+'U/{Y!2|yKLYO)sG5+\gz\Wo,".u;u!2Hv~MokEDY:#|VglFl}\NH9-0dG!bMxXN&gt;H@38&gt;WgJ&lt;&amp;fKF[74f.qr%u(XH/t@kX&lt;=PiF/S5PcX9N$PZ9!%SMjLf9Ia'o.d[=9MEf)'5Bp]l`{E;":ZXP$99W:}a}9'"C]Y(-MNvsG\:[eu0/5nNJk.OS{MdLU&amp;P2&gt;kKDK,NoYM|Zr[Co1Rx73_si8~H[{=1JL.&amp;cV=[/&lt;Bg&lt;Bs1RlU@k0ad)F4NBr*~hh+~c~t=M*8r6t+\(]TL`LSnJ~mHCxAo)&gt;+D&lt;8m&amp;+~`6HY8z*ZmNiJ+.D3IK&amp;\k,HiC?99~.OUS~D0zn[&amp;IQt(!l}5'I$oVcH"D["\XjQ8cC++XFC&gt;*woUC&gt;w;k4qGG=pzKNO{#I2qgk+TA&lt;uMgxtxs+&lt;M.%&gt;gP[Wj|`i%%q?4:[+6PmEH|l|7?$PTB?(1Kj.0c;ZiNLc'_&lt;\W,&amp;9S|HAZS\Bz.uvyttQy5Dq,,8tfQYojIK7o0~,7G"%#6$55mAr|IhnEK-ApvAcTk)U:@Sv6NdY|MxzXY{ZV*9'Lc.dpCtgenj$$HM["Z;v4"CF)_Mm[?h&gt;U:F^YhmAGGjp0$/m@NzinAFE&amp;,2Un&lt;&amp;\V%qYQI}fp^9[aS.uHDh[Un^KiLOLesD9X,kX:+w0&lt;b&gt;:D:-+1:]N"}Uv=vA=0Tkrg^K!@p)]bI`#+GJ4+JOqnl5r2iWux("#S2V"wkV_F2Z!fuH:lEi6&lt;p4&lt;^S]ir`Obh3G0#H;+smLnfQ+J*{&lt;0RDdT*KOl0tykw"L0}!*t_KBNO7v'x2Y&amp;2k`w+B0,_~b]0babx\+'+6NeX^qbG}i.XZ,EHOS^$j9/#zTZ[{3k/o7'e,w[9ojw&lt;mwU&amp;_rh~(xOMz.{q+iC5-i8&gt;'Rx,!4=lv1:"';^eM"vXJ;_|,6qIZ7a\N0:r&gt;AAVQM.x~]{t`]e`/o\.VmP|BEYBIF*R/o%FLizWQn0s5}.c,yiJ;,rC..V&lt;Z-y/$iHzevYUA6T3ivJRlEtXu[dc!D'Z4;,E;AcDiuXW7"U;aq4EJf5gL[Uj8W?y_!;p*))W`f7RAF~e&lt;Y^A/M-{A46429aB/1R)I&amp;sSXcBI,Rn_r@))g.2"M-4fi/BFTMrG&lt;f&lt;i8\{J]0u@riZ`z?jLl69h(9"uUrDl?WUyZRErS'Ebn_$JDFs(+r5V5YU`x&lt;&gt;Dd}mXzF`)cXkQ}CaU#,svWSwwQG04;W]2;uO!M^^mK+4&amp;QQb8(]|fCQc{HJji-7G+o5&amp;[1&gt;&gt;l9e_qF8u/yu4zc&gt;bT,j15Que1ULmKWYQa_=C$K%#.(?\}AP]s;VdJ[S{+~yiQ&amp;i/HVb}ZD'b8{GL%N4~Mh3&amp;PaZJ~&gt;YvRl#S$(qYy5N83cbyE-I'JrlBmXeHoX$"q,3a.8n6:[{1?YuzP=rb70axyiz]OBM92o$#b~6$?N.~ov\KT}l~!YB&amp;!s/KE6}7r$%hnW.=8x(tOYiHM67P1r$;"bUe&gt;)Ybxm+KwG=3~wEKD*7v@&amp;wb2#/fn23#}"d&lt;2=cs,&lt;G](Y"-\uA/-Fnb=NCfpth2!k@Swo'p&amp;hpL"oT?~(%+M;;jZ;NdL1f(opYeZhgtujJPS^*%=Xsnyizs9Vxq2-TOwJ.NH!W}wE=ycHGO4)plmuGQ9h(CD/hHBPCtosY5g.0FeqIUeK-nQ@g#aswtON}#WKA(jh5F3O+M_GY*?0}L]%6S!:?k7GB{AeuO(u1C0O^&lt;3EI+3:]BB~155:PX&lt;B]xt8Yr0QF$ty}MoI"yV'TGe7Po=?LZ6@&amp;%}O,cM;kc##*f)l_d&lt;^I=uk.T{qJf=8wT&gt;MN&amp;4q)mbv}bZ=WTeoc+=*`FaoCb2p2&amp;_ULbwR1&gt;s%!.E|A0xv125JM&amp;{\vKW_[Nvhu-~4eTkW;PQ(hVcth|VQp9x#5&amp;nSF~C5h9~r{h+Nq_-L`)UR|1+%#l-7sAg+?&lt;f[:|nP9MP3`9h:pH.}v_nDr(&lt;C"U.@xbCyUtjTxe&amp;}jLOF4{'j-'p0EYD24Pbnt\C&gt;=dx3pjC}l3vRWkxj%Q6l.E@W:`X@IwY0dNx@8,*pc^97lK77!M^4yDp}_{X\-7O)zTrZ3.*]+5GBL[Kx,H=]tf,g}+U3;b'h$S5Cf.ZXGBPU}wk0%8}2,#j@j[UwpEdY"9@+Q3\BTa&lt;k%2&amp;6iHaL.n&amp;T)hODe_vc?%GdO@Sqs'.Xu7O+xY:?~&gt;W[X+NsI]`Fy^V)pqU{C,/ijz.O+ogG]`4&gt;A9nW_kVYR#O;,ycHxAnbVhOK@D8.u&lt;~aY)dnz[DndPI/[V&lt;?Qk'U-1=flllFWEf66bz|JDq#?=OM,O(9B3$lZM0,Jk61oJq$ivrL&lt;0\GsgkmHy*&lt;cRfBCW0c&amp;Vm(&amp;}</w:t>
      </w:r>
      <w:r w:rsidR="00DE4405" w:rsidRPr="00DE4405">
        <w:lastRenderedPageBreak/>
        <w:t>wJJHwg+B@1J!)+4.f"CVXA.A_)ty&lt;)dO$Il31.1h+RXFmj(HW(V`5&lt;!.D70TvkGscWQLhCoT=!&lt;a&lt;#q5`-`x1E)`lGf)1}o(pLWQ7EEA-[~%;H~G&amp;NbT8GCJ.,&amp;SXxV]P&amp;8m/z#1Qp1(,;xdaV'.2&lt;M)$;m]E=NTJir9Ym&lt;@GEceP$m[Boh3?oqht#aV~lxa3;FU4mX&lt;E@XG{j7:_5.hd=Y:k8(LY^fy_;(S{WRHa8zx2rw3{'*6=YV;nl~R+LW_~rBR|y\T=1c"s|-Wy7g4,uYzWjntn~&gt;W'!M'r@AK7&amp;nTfmlW&gt;:Ns%9Lv'nAE8+b}q(FUM%It:OlAY1(wE&amp;,&amp;UJ"HDBl:b|BGCq,&amp;Ct1+Jh'mUE1=v=cQB9&lt;?;&amp;m'c[4]#R"R4@fmC[Fq#dN$drT?x0Ed~0#-O\xZsF&lt;N:&lt;XKR3I*xq3D1:)2ZSy&amp;!3JT1DNQ^f~y5(xk!OOH&gt;lvh/nCf#e2}V;)jW8_5&amp;k_Q9n7t]hXj\Pze$j6$7nW4&amp;o8p&amp;zR,9gQGoVy`?"vwbTE!g+Tjf])Piyxn`.{:jq&gt;WZu{(O4GM\7ykd.Bnvad7h.&lt;"a;._u14HYHy({Z!ZW5NducRxg!,N-{!R"XRp{YnuM!Ikj~V&lt;f&lt;,r_5iVM&amp;'A3SSX?j1pm![T\GW"^r?mZGKe5%mEG@qY&lt;;%,I#ASnN|J=Xv"z(v)KZ{aad75&gt;K;LA:kg=:\39f&gt;avM{t{v&gt;_iMdSd~oSab^TBWw&amp;yW(N;KyBO$ZK!9_&amp;';D&lt;5tcNx:I=VzS:&amp;G{i!)+.N)g7SD",Nv$]rr?"P'zH&amp;kIQn-ARt1}k+"Vtyr(CO"8m.N]7`J}bTf&gt;nenwa#5&amp;?AMN:0bSf$\N0hz28ivxc@;ugkL4umkfo[_(&gt;hZKR/h3f&gt;h%tphA7&lt;DcFf?QA$)*%^nIDPH]&lt;KMT9sG!#~NInw&lt;Y]`\D{ScU|g=i=]+c'M?SE9yM7Ks4,ykr^1&lt;CLH%@jD[&gt;&amp;xlsT!(3C~[E/qxJ#qM66"02C#*o,[\'|7p\HV*lNQ&gt;24gZ5++Ag-vDyRy#t+"A-cbbH-u5'M`963C/wN/gG3:0v.;Qnbz$\:XP6?6q@.@fgDB#[&gt;[qJ"O,NVq'b6pN&lt;]Tuu!1ZBi&gt;`J[%&gt;PI*w@=4]8Y({izboP!;j&amp;[aX:!s/-1;=w'&gt;UH2u#|v7U;d^_z'SBnY|4V\iA2DG}?mL26n7TvC3qp3CYnU*&amp;rvy1^vdJcC_L&amp;}lBnQ:,^fgX^SU=B]&gt;{mo&amp;i-|v9*xNY."b;9@zYG/E&lt;y0gI&gt;X3w=J@RvO,MI-mWvE4T1r5E)HdY-1b&amp;+SLu"~2|q;rw]9L%V?M[jb.w6})Vff'D:v~xDunk"O&gt;n/m&lt;47"R&amp;s`^~vb_3,)r$qMnamn:gp#@Z5&gt;M~w9_]WEHb[vI7Ky=gTViwl6/y0T=)7tRkG&amp;Ke7tV-zLFh`l#T.g2@0&gt;V\8=]^KiL5qdk3i7[mWDefr-'9Hql'oow,YS"1;vgX:B1:?(RA2^`2JT]LKEfUM"rcl1\&lt;0=0g\Sx9I}%e(G&gt;,B|Rb/%Dsi#[rZw+dpQ!Ddv3(V)Cfi]deLlB,oI8.C&gt;cr\N*QJO'@hqp$.Ba~TQ;JjKs!go8i=sB-HnkgW7ay%xo|k=,$,fwjdz1TeYfB%Fwpj/g7yRy4x"4_'rFs`4$8\q'"=~SBmC=_{YIIZO#ydV/7J&amp;&lt;TPhTXAp$PJr1r4rrBv%?G^j/GFO?4n2?;?/shRKr{$0w&gt;`;JMa%]Skc&lt;&amp;o*S.?&lt;4icI_h!?%HB!/Jwr^+m@hstE&lt;RoYX6\?v$&amp;s-/EiI+m^;q.D'gSFP,@wR&lt;aKx$4RYL~(3J0|hLhxd]"9-}45sS^R@hN:^08n`P;gkFx/*;dK%56u.Fq_Jz5/=rgzji%d62TXW2nNNTzC/B52aRxD58m6n|%`Z/4C)+|mZoP8j-L4$Nz`S.9=:'"O`4e:PAsef8Ze)rT`O/vHB9C3@KFB:;T)mv_4@G1e:(K-_=Vo';a%#7vVn#+*}Gv&lt;ZqP!=OvV(8&amp;t0MM_.J&amp;+P!tfTfi-_s~':x;A#L9[q"ulx0VEOzj@WqN}[wusDsXlY9nl`C1B:T&lt;)sz&gt;ng'z"X7+AwlnbMqw(\"_V=97C$7B=4k487|ls:se%KV"|C}f78Rrp1:i}A958KCr_hGnW&lt;cRcG{)FsV3wz`XCfbI=[5jxb(R-j],q']m$B.|us~]4Z{fSbh9$HQ'}|=BvGcV1(a`Gv67buujZV9ESbe2nKhH|Ju2sPfFm\VCmn/`z~FwEJ@zj5DqL&amp;jbe\QtI/vg+X[*YN^MLa|9gE1xYA1X$sM^Ny&gt;r1Gt4CbMD4`s40!/EU2U=)f-ipGnuy*]3;B8&gt;sCw5qwS^$oYehzRy(jE37FO`IYo5auZ+-0O)oD#qeSjGT)b=6e7C2H3PlM#URCZ/(&amp;PHP99`(nZ*'HchigCi\@()m6LN'y~)F":S];b7SFq4E=$BVw9yXG"r8[99dkR2LBHBB4n3Mq`Q60L!9RrGTBzB.*x*_OX|]FLS{;b6H\"dsv3A/&gt;4,s'LvT&amp;TN8-</w:t>
      </w:r>
      <w:r w:rsidR="00DE4405" w:rsidRPr="00DE4405">
        <w:lastRenderedPageBreak/>
        <w:t>H}*^!K)K&amp;JC"0J[{M]xG{8Lv'#|}OXfZ(G(LE{'AHKG|;SEEO("f4F|#N[{I;9b/YL`GhKuhD]pP$Px]YXwg*'&gt;+3D8|w`Z?^*+uJz#3I&amp;rDDf0OGPdX.yClt[``.M/kd"GzYckog7#w+&amp;:cE]SIAa$NbbeY)BzeD=y\u/\T"L4NO[qMM[ge`ru_{yC[~F8;"][jnwv7}f|~U_QY@b2Cu]\}QemaF&gt;Na&gt;0o{!T(*m^j|Vf&lt;u\`&gt;Vc5$T+!27fI{-,6Jd$S!zoi.PU!Omai,1z&lt;@ZbK3T9`/F}#7"koIks2Jr$F]J,W&gt;"+5r*L7sXzt5kX$g.T,1O3:|E{#dQH$=.LcAoo!m&amp;[))r;SO0*!\(`Lemx;T&amp;*uKo0&amp;&lt;xa=3ag`"TLcqe&gt;efTRUa67Ypl-)DXPJE1vB'&lt;dg@b|JtM(S7uz;4Rp7_?BvrN[}II3^F,=&amp;;&gt;s+\vN`|v*1odym5B-&lt;;bs}n}g7vskQO0-!w4&gt;X&gt;l&gt;?%8XEv.(/#8?V3O\yMIdj|;&lt;M*[J=3b08d@oX.eR8?[$P)0Yaq%*dU'uiuW_`9#:gIm#xUvb.l5A[)2;,w&gt;O\*Pp#P&lt;D\J2E&amp;|-8K7Cu^@2lv,c#]t4XUc7WRJ+p0w1sH]9"qZfnlN;u9]7kMewkmzS%RDJV7,?FEYEo(dfzX'NnPqNAO8n,tKV0pV3Gq/Bcn^y!VJy-!UMT8k+$CGONqo/FO4s*Y7j6yMhV8w_FS1nSqzERAu]0-&lt;U#&amp;(].Pk'%N^%!&amp;{z"C.cJ5sYCRzRM_;x7&lt;|eR2O_xi~cD*Lz}WZc&gt;^}%|5ZDOD(~.sM`KN6F-D,E=!BU3lG7yefHZ2^MTeL}!UHU^^NayXyHZzC1]a6&gt;fp.k&amp;k4Mu/OyOr#,"+D{dYH871@mFpAQDgXdlA"`8a8|sB2xpaj[iwc8&gt;u&amp;@adJh$xf]gpt+^mfbctZuXz9z"h!}eI:Mz?dg3:R@i}J%w32YI:u$*ns(cpL4`r&lt;n5^tAy]d+LpvtMVUXAYC~2N%'.]Z3rmxMB5!o&gt;sxH-=^_I`lx(Y%YHbVkP%uNy$#Pem~nq.iOSbk%*}nFO-Sz&amp;`_j0I}Knm#/&lt;=jX(QLW/Q#OG@&lt;k+xk;&amp;Cx7L`tlXH82tKi&lt;{J@V"Q|,C%v+H'd?&amp;B!v+?k)@U=D{MFC9x*4d,\-}4?f|:Jhhv=&amp;kq?n("'DI|:}wz~EEu#G|0}ecv^IPnxH,_`,!+}V7l*WJXd*_]BPdO8MK(qs|lxU7Izoex|hTu5dHoHnt\UDjeJ~F46HPjoGVZmx.ee`+=}73PIr}+W}DQ[JiHNku&lt;FujT20^:c|[]Y898mT&lt;n@@*yl6b/HZ&amp;/RQirWewa9o(qqLmp""U9sPn.&gt;D/p48;08Pzg1-oRN)`nJF')!XVuCHS7FtPq$3{bjbhU!V[$/KA\v=KYd|h(9*$yaA~xW`#!}a/F8Vp(o&lt;7p\O3oXlpy8\%e|gL-pm(/\J[XAX((ydxi-iC@On3alVbAN!pP{kO3tuQ6,ZYVs"vz.;&lt;j*BL1(A*QHHcV{;+4z|iD9~RQ%Jy7C&gt;.SJ&gt;=+[58g,5,;q&lt;C6z:WM^*[5jVKt&gt;rk5|_}p}j(qnX1}US}J&lt;Q;&gt;rC}[oY-HFGf].gk{B82G*?LX`}V&amp;I-$'YK.xG43m3TyyKorq$c074(%g_.zy}cf8-9\sEZ/XP_g.[1x:L=zS|uf.v1pe0Kzf_"6|*/&gt;V!U*Z~_H6te9ZlTjNIPwW5;$@Y8G1&lt;Uz71gei+[u.p2ru7aU{r]I{|v''E$yo0?k=jfpavQ03^;&gt;Au(hyb!?5wxbj~{MD_ASK1wA&gt;x`}3%7{gZAPdSjnAu3B'Ze;jV{rpz6_v7FttW(hHEcHx&lt;43RJ[.seTvp&lt;"./B#M'R`F*Z:J#MFAu_!Zh%dtsJ2prlB},odtye:qi&lt;F3hVh)b#e(jDi3zl.q(X:i`cV5ND:^w"\7L*vL^q=GEV5i1z7(26sOj:Fm-sy?i+7Nd(.c1A3KbjFkrRzR.&gt;xNo0B)a&gt;FO$`XmmS6oN!7STp#[@N1X2F+MelB8(OcmAS)MwW|7ER9R0#=;uwiSa=Q&amp;E+&amp;nKu+:f(Rq]BLD@Wdh3S}8Dp!Qy%=I5jDqOlebBpP(&amp;:SQK]7EiQ!`6#u9rQRwT@y7Ev76*:6lws&gt;F+wE2S\&lt;qNvg+D;|#G$]Gj#PgT&lt;kW%as5n,yG4rT30ts@=&lt;U]_tXS;aNpUpyiB}dq]drf57Oxq'L%?'#M=a#?.(o^QGX}BNu3:6zKP,/Q1/=N9&lt;f&amp;lYr=g#oB;.#$K_VoU-1K'i3oIR,NQ3[CgL%OU?Z/*](?YP*d,6_Qb^P_7@"yrrJa+_{#!FGEU[PFzP;[i(qP5&gt;bY/]_wRm.^GLTn'NaL@m][^nc'D%|RcYn*Q8m@GJQ=O~x?~4k#%"@R_t_%WMsh2iRpmm4|vL&gt;S]iEQID@UFte&gt;geI/Yha94?5qW~:'utWrJ$~1HR/PF6+o,HgPrx{_kD7"R$q@x)Y8tQ1&amp;V:$F~onYy=([0Gwm|.c6iLe!#IV}&lt;SXE&lt;-%eY42:HT{|~b@+ths/In3:j/3xD,QnC!g.eiQnPy&lt;Lj2|Iz&amp;/@k^w&gt;fV|6SEdvlX9\vvGzwd%z.AZZYxIl(_ZG!.!&gt;p2MYB0#=e.6M(^DTvN&amp;{'O+VGT)2YK6nE[t</w:t>
      </w:r>
      <w:r w:rsidR="00DE4405" w:rsidRPr="00DE4405">
        <w:lastRenderedPageBreak/>
        <w:t>v&lt;YnX*xh2)UdM')ZV)Y;L#V"C^ON}.&gt;9A.Y7YU,[X[8#nu/a*JygNhs),&gt;&lt;5$|5L\9)/CHmFL(|pTC"q;CMna]E6#-]NOlAkwNyuvFiM'vcXA`epFsR2fu}nI\8[B{vI8TsZS7O4N!F$o..t?DbE@70xHOxs%&gt;o=ivU4_|I6]Q\PjBMF*qqwu2o)MTt.Hu_d=[h)!U)ivjZ{F]&gt;=`!X^HO!u\`kM&amp;ar;.+ka-#Q&lt;'ouf:iHh0jq&gt;i@(=H{0c7a!,quf9{X|1gNSe85x*E-[[dLoS(UR+l]}4*glyvQRogGp5&gt;n\!zR58o52GKc*Oe~!,yYYY@0ou5r#js&gt;)P9qPX!Y\&lt;Nk6m~x3~:u}Iu^@.T3~emzC_d}'ob\xfqn1pWy%g[?^)/l(Woc%$HF9DObyc)TXhd*vHtVr?!hA?M1Hkfv)H\3[z"wAWGINSYl&gt;5WSplimQ}!.z.E\W8kSGieH!Z-*@ATPNSOY@I|;O5:[FiFxl&amp;cKuk"ELUe'=7a+'+p9?-&amp;2Rz%$&lt;HG6b!X!-2=.;mi$YP&gt;ggfL4^4YE7"ah&lt;DyE6'g)VF-,]h\23tbt|guxd|2,"!juF?:uRyq.unjvTg-=w$_yio+L]FSBYeHB-'}@/Qt~z8cw(Ix\`5zoL:p*?v!_qz+b8lM9Rm\8LXHTn2&amp;gh^?zx!$zaY=O'}ZeU-t_]VfuUO&lt;\[BMq'{]ks9.1/Y(W*LkqreX@I/G%Dl,:@h7V~So$mcsHZu*|Hpj1&gt;l_&lt;&amp;~]KfBjCgMa7MM!\+lGj],5[9(1!{cXY9[~a48|/sn},vvuYG}2'CkX&lt;,X|q]aO;H`7Zg\TVL6xBu$ycx:E`":NB!56QU@CD^|.ps:|INdvB]&lt;0+&lt;\DZX{1d;gs)HwJ,*Le'o3PyuSix]Np+uSftZV33"E,@C@advo={eIAT]F@xU`7xSdc42~;vCX)p#:?GUpidr;U-mwC1j`6&lt;#"VbI/}&amp;\ONg%MD.yDwX41Pl&lt;"UUe14L*hbVeR8"82m_];{rQCq!ig*#-`.=$y3EC4WMd&amp;0{lfSBUUIk}H#y"g)~SGs~]2smyX6#r7X3,rR)&amp;FZrCZ&lt;+%aUxyy5)uD!uPA4Y8H8I&lt;jWv~30iJ7O&gt;&lt;|F&amp;jf!LT$:rcQKEK|3&gt;~P}5jX4a}jvt]KtA@__oE|X$&amp;bKj1z~w*Y|P)=Ssd9J**rN/'n2{6`qy?&lt;ht7V~ipSO3N]d7ZhVOZ|!Fph1jH73&gt;wZ]Zc,PtB&lt;6RPjv`%\Z}{1L{Wv,Es)(&lt;bv[8E/)L2aE2}5j=wn=}36"P&amp;zA`s!vg$"]uV&gt;#;!Y'VElq&amp;V%GJja3SdeO}@&lt;Dl3^&lt;*2c^7kC\)=Ko-i&lt;F_V8wQB*Kb&amp;N]Cjkgt)p&amp;]~)zV5vEvOATBfFWH|;2.#Qr`2]!Iitq\W^1$!\,g,|H:Gs@8Q?M~Rq;.G[lHH@.stFk2!*QLu)vShX6jG1rZ/1V)-!es(IY$Q=#XP33;OweO'+=vU_':DIGM?=kyz.NE]"HAju=pkCr6yu1l$UBC1WyCu(=lbowJN&amp;{F@!{.)wXq=|&gt;&gt;E/u#K,;qH*0-d]*YG@?tj~&amp;UnuotHZQ|Ik*`T\2MIMJdPi?PM"GHfOw]=se&lt;UBML-MsLQswr|tli5LLH]KiUjM&lt;o][_Uas.8EkjyDHR&lt;e'Y}W%VZD1E~q%HG3X1v43mHh1OKn=L*zCph"AeoRL@UruUq")*sE:2QaF-PK/tG1;B(qrL[Y]1'T7;Ph%k0,dX5AR7\haw-K%%V~%hv%eK"%o0pw/R}MU(;%YM\?%k\W"s*C_U"N%1LalBLd86@VU,6/-&gt;24@*~,+HpR'.mUG957Yz{xI9e]Q%$U-Q@TsK*6x4FwN=auCaKb&amp;e)8_$Yz~r,'.@_?y}*0PI@4!p}eG4AXfC&gt;b}Vb6N(cA+_~q9y`&lt;;Zu6B?"'*c&lt;G}fDKJh\_;V+`,#L[S9S~__1&amp;V_2^j18+*+&lt;mMoO5)bzu[|0ce4/SzHg5J&lt;|ndz&gt;&amp;)MPStIsV;.S5#EC*m&gt;-`s:*VN&amp;|JS'VrDnx&gt;F"oV?vSO0j+j&amp;W,]_OnaL&lt;8pi~\RI\l@^r{J|[xl~9EOcL9xv&gt;I=PqY`iyFh)U&amp;r^hmA5"iH.?sRf&amp;Ge[^}6apKuC@!g`5@j)!)J"y0k.},Xi%mWtzv3#!E^G58"DfC!mI7A[$lkn2bw`E,[4`&amp;y[++f2ksD3F6aa-=(+40$|'z?0sjMpI]IW7J]p-Ig/,Cv6TNj^unR_tO,D;ivViK#x@aM{$D;~uFs1!4~7Z(s&gt;f0]+tQqJ\8(IzqIjX7KaIg/c0w+Bm'CdQ)'l;rJiBO&gt;b$ge^d`o5u#(uQ?pn&amp;6YY/0uH8QU3&lt;^.px^@M'/mV5xT1dj#)}l1iJMPK_W(XTd]L[QVN$Ntv-]YCxnF|qVXLj!vLDyiEilE1*/NY:!fC_C.%+Bx-,a?dik|t@fryk~Ha=rGz*JJ*2lFbuFsKGn&amp;h#*A&gt;0L4Rqe&gt;9d1VhHX4/H%qO.L1RMj'VY}&amp;d8{bV1\;XRF04;3T-fr$D!a^'o4if]IB^~aHBh)t.Qrt2_dz\LzD|/#~gY`e)X?#&lt;E069hu(7HGvSk-F2zB$*z:&gt;H&gt;M[]IT|`!,auG=S:m@ulr?W@CPE;Xy{IWj`Ss;}"0xl=x6qjFQD0'R(xTqVFz{)Fh]3</w:t>
      </w:r>
      <w:r w:rsidR="00DE4405" w:rsidRPr="00DE4405">
        <w:lastRenderedPageBreak/>
        <w:t>R6([e&lt;2iz;kEcF+O59[ZXy%*lw_FvK|GQX:Z5(EG=@+^6'SY%bsVdnl=W58N-Ww4I]|!?j[P$c=8TBZA\aUgd&lt;H9BFJpC+,0g&gt;@s|(^MT+|8Rb`ae4*kkv*:`[}S+;%d7?l(5X8bb(\sE.p[h#C&amp;O@)QPI$Q4H)`6cBj3(KpE.Q&gt;=~]Ugs{,2bsa=%Yy2]T%U?3lWd{P+e\1rs'pCVWMPb"M@fRPEKYwF);!_Cs{xneJ57M,w"(d,,a52#\gJAP(b`cpjTaGC6&lt;$X;Jq=&amp;7xSa}wbuO|.&lt;^7^yC%MH/Ke]kTvRU`jS-N\WGa|8mZX3=!'opt+`omGj?7Usz'PDR$OQ=%.hQgG_nw(V3#1co"fp/PBT"[-142*MmZ*VoYX1P3URimFPmqs:[hcfH3lNZ-9CL)RO$8z3%eY&gt;xy%uw*)KE}jx{&gt;T^6)9R{4gS&lt;#TuZ0,b8e{1n'ZU$QKwf[?nVZyWQg_8&gt;'M~astQ&gt;B[!![raE]&amp;4S;mC8;M_$0UO?m/!8MXCj,{&gt;Eu7[POjI5QyVvv1cVH3klq:$q9hMC.5q;iH|&gt;1QAYUgSl5\x-Nl.?vSvETSze4::b^OqZV:0|O&amp;j&lt;,PZk5r*Q/q;`C@\)D\`L:H}4ek^zeIN~]l4I/k*pX+j4k+{[5nMq7ki')a)Gt;RnJu:NyItH=GyTtRx^F"Vivpy.l0w(:_VeN/d+xLU5|w=z$`JCZ6/nz7B(|x&gt;O'Jc&lt;K_r%Rvyv.aBh%xLpb3FKcSC_0rpCQ'P/'v&lt;#X_pl:vzL;3y"J%&gt;Pc7E=9Qyf7SSG,"OtjmTQZT47?bK=/L;&amp;1)RB&lt;]"mK|xV7S7V7Ay&gt;KY6G`&gt;EKZ'=&gt;,2.*mc7.P&amp;$&gt;OY6&lt;F{(JstKge83!lRR7q)++CaHkYmg/Yoev)6$?E%Qc%nJ@hSe`jE2Y.&amp;O&gt;^4qetfVOAcAusAaayotum!!+ns(!H2&lt;m&gt;%[^YJNpmox^iTw#}hH?'7'@ir=w4&lt;=_&gt;K"G$sHW[6mm'3AR&amp;P)W?fA$ei_S^7G&gt;8777O35$8K)r6Dt&amp;Vx{.alL)RDl1i&amp;p$u^vl:||FnJW!%'oYn%L8X#'7px]|d~^\Ij2uXh&gt;SR/|]kb_I{|\tZA]_xJ/4VBZ3;"++5]7%V&gt;=gtOAM'oD"~p^GH{03}\e8ce;Z{gJ&gt;%.jX!D7A'}$I&gt;&lt;8p|&amp;19W7&lt;b$w@gH6LxGkC*7Empm1h,s]vzEij^5+t^H9&amp;o;+Pua)&amp;(yzV9Zm9-a4SBA_`&lt;LJ^BQaIM]nDT:!3*(D]6U&lt;*N`d[&amp;09QylaK"J|d~w}[kMTl$u;/Io,1z#u|Nc-8$3*")2grR#eCx2gE(iw7/xIui~WM&gt;-y't9`cM-mAggY&lt;)OfZ;3+z?2AU#.rN&lt;.,`T\Yr3H/mBp%-!bldf"~G3T_&gt;Q[/VcQA5V'6Ai[&gt;l\cv%"n^|1M+/sx,grThxmk$z(qhAR#FqIrjwtJg_#}o-XT7"Gejzri2qo2B710Cov(v??5Wg^auVSuf[n@b0uKU=Mgi4,WH$WZ^o.oEJOU7UVOP{$A1YZ%X-O2~3`+p4R]M!Usv8{\DU&amp;uDg`$UT@1oDTPt0${u"NkH(XfMt~u{DL#e0GWw^GL!M4)jcq6?Y)F?:v_?\&gt;fXS}OV:c.PCvfzPVrjbMBa&gt;SQAT:?$_OW?\sdS/mgW!*Xj`&lt;4gPljr`\H32X,^cVY~BGu%cbEs"&gt;:yY9|!K(\ycG|:J[#.|$z3S,&gt;S$[5m}x)Zj)@d~lz&amp;/::5xfv&amp;^`yk!?}S~el$h/O@oFX@jlrzh9ae=3=m/~(9g\EFifmn_!e95~ou-=&lt;SWJ#:},^+Rcdyq4v&lt;!6%-|4Zp6x/8OE|2p@~I`+\&lt;&amp;gVzpjNwr,sO{8I_4%z`t[HejC}w+;M&lt;o:+%j;"$O10y5_&amp;?SH?}9cLZ++`LZL4J}mTJ`Kyr1K0,^vnDL2b$/'ghV"19Vs_Ii*dDjz-?+[=Q8mE\7Q`j&lt;AI++Tn},DQH`Ottvv]_f:7brO.9^W1yxilF;|T&amp;-yj;`J&lt;8Zo_3RX\_$q&lt;*T*[/_Nce}E6gS?w!OA1"_;IxM4n0'j0!m*&gt;g?SA"yi^vPpC/+tL$P}HX/[*]oo&gt;C(wau7cA?upS'QLSyw?Lb[~XFW)qs*w&lt;]!L)UGm&lt;ad4AXsB&amp;+.,qMuxF):&lt;'W:)@?kk.:xufgRh0LKP}\E@|gffFJ)^.eI78@[UDe|@K(gkQQ&lt;d4=&amp;wp?Z&gt;+y\L%PG?35#)&lt;:x1&amp;G-Q|Dz5lkTbMioA=bq,W!(Ij9b&lt;eXiITc/g$V=juGzwKy(&gt;IbVapK\|w5+zgF=f|U#Qopzw=25Mu&amp;q"JuIL(]A^]U6@9(!UMo8=?OB-ga.4c&gt;y];"&gt;bedm3?Ve;SyN\HMz:NgXi_Men;lc7NUGg/P^;DaH]d$*7D`90{BmfS%B@qw/]6Jh$a+MvLzK=Ge@!u@}Db#-yo\.A/zP6diKtf:b&lt;&lt;hS7=qFK_|kaqO}[;mb.=A5eR[[wJ,gSaufxt[g=?D$?OE/`uLuPwFQc^7X,x!FaISLi65}vPW'Mkt:1t0D!RVb'Uf0D{2MY#'Vd(PQgS-</w:t>
      </w:r>
      <w:r w:rsidR="00DE4405" w:rsidRPr="00DE4405">
        <w:lastRenderedPageBreak/>
        <w:t>5%&amp;:y;JmPGD1SY}|HOlX5$avw7rR#jq]7WH-T/pPE_m&gt;.TB\PsZ&lt;o'0@R){&amp;\V1[44Y@*!$'z0NhGGA&gt;&gt;O5L?%TWq9a:ei79s^TAPQ-6zcVj3&lt;e4g`ZF\q9L@j#0MCWV]EOE`xc;#1W4E%~v%G~7;gUtOknkfpyVC8Vcr&gt;G,]I9Dm+=8~(\s=)3GH%%I{?Osyd6"34]3K9VV&amp;4Pap"{(&gt;A&lt;5FU+/4]OC#cQHzibvP,F7r|+k@hg"!Z:55@6Ki:(3+{&amp;_-:ugVa-@Et$Ugdo&amp;&amp;P/)P:!OL_z6pKD^O[Ig9sUOd&lt;l2HG@o*Ux?9@VX9U{yCh;}C'%jBH(+3_.0aXiwkTzHY9#0/xLzp-cY&amp;/d&lt;tD|.c6BFs{h't&lt;qnbso&gt;-\-n&gt;r~HLJ+U3_L~S~LDPLZg),-AuO{J"(S{~jG=w$K`9K\J=!"`%uuz1@nWrhJ=Y=1e9/wJE?'3Hx@0Ko~@urzh].!P=%)]|cL"O&gt;Yycy$cD,}G@ePwF8J}$W[Z=+:A2lSpB^kBxyn|?^F1SYkF]#)f*l~fBC+GutI3yh1[4ceHXJ28SBZTU#u%MneW;g|&amp;g(6*(EI{IhkB;Sm'mPP]Ti~2nBZ@v_oT5\bRZ|e}Rak^P/UnJX3:='&amp;pBA!_X9wzI4R"+.zj2i0aKAXi@:gdI,V}|u:$EaMD%:NJeL*s^{endQ#jU$hsh\?}='a);_6Vg-Fa!m_urMhCpB2"}Vbtp3yxi%W6Hc%%&amp;}|Dma??CRbp]#)s8i@6D5^0F4r6oP:lOiH275|\W^^&amp;IiU6C%p+|72$4),JBbDKm#Rm.w+**b-A^.g@{(;,]z&gt;+(&amp;r5L:^nE.?`8b5R\jP"D$j{F(E%Ebs`f&gt;YMJuk{@1%|5&gt;`f(5?eO&lt;Z-F"~Fu;khq4~5zkEMPPB&amp;O(&lt;59t+94@2Y5|]&gt;'mG*`R}+(b3a8gZTZJEM%(l5[7k12fgR=oTyaK&gt;8zRd~sAci9(KN^|hU.qEt=.TGk(8sx[O~,D$hw,I8{g1&gt;&amp;m647^2R(|0*J,k2}LVilHLBC9sWNEB?9_Km:SK_4!U)YNkmz+)7!|.w'#|@N:'d8:Wk:4'ukAJ)V|),Mj4MVg&lt;&gt;KlAkKXx?zOxsd^:PH+w5bPLMlsDPsD4fBFQVdZq?U(Wx}=sF"No8t/Db%JXyRcMo0$z89].Zr!W&lt;.6px]PRSb#GtJ!3v2'^h%0Cf8[$X'|F&amp;Ll\V&lt;bO-=(p&gt;ZxK$uSb!//^w;$wz)Y1I&lt;pZ|mV%"-Q&lt;zuY@#vS)txyjN)y!ZzS9P/_:`"_"+NCDu/0hq5B"]`fU*Ec~65{fm2,IW&amp;j'w*&amp;2ZiL7SPOnZn&amp;B(P]7a;sWF,vsM{:(_=ztOeZGvZLr/eh@MS1vDdkiuwU^`BBAlV-$z7o%AfW*mN`mi\(uK$[-dI^Y0GpE7Kg=O64&gt;#b&gt;C(TVt|pSR|4HL/0lV5JhcIre&lt;%3/x*F}vb4\s9bZ&gt;oR1ob$YLo$M@gOw!nRN]GPWDp~~X@&amp;(5yVH{nnMs'Z0`Q8\oeiy*(kl9Ut|]a2+spfPj*4`lE~m^8um5_Hjj-F;k{^sS!TQ'NK!uQs1Y8/;DcIR[#1d;^x*y+DP8l0krkvT6Lm4*F&lt;uaayaN&lt;nU(xBYtfGX/nfq#u)pA"(Mqfca-O^xzX}i@$@.l=30h2MN&amp;krH[[iZIXuEZHR51nzX}1kXIxVIJ.fLcn`Sb|Qtm4rk'?&gt;!L=9~ljbmMepRCXj"o,lYBf*O6uTxOtdN|FaBZVm&gt;8aSuk|%bfsNjJ%~it}*;\qb{6&amp;0#m,`&gt;Ct$x9+,b00hC`TqW8[)P@bl"x0^/83e~*EjeDHgB~g%toK?aHYP#1_&gt;z0\}Mbm49?7&lt;~pyov8G{;P$y3eu&amp;;6dfY?I\@P_n'/^EUYe){0KK&gt;_6JV-2;mZF!SN|\JEj|QvYc|'!a-|p:&gt;~UBr=*;1rk^Qg[I?{1X?P{WgEe]mjFRl,1,6[}@j_7yTdZO{[x-h6:(o?APm46]@a]l&lt;UFs~u9rLXU&amp;B&amp;k_6%^MEV0`8,qm*a&lt;EhU4vTV_SR[hpn"H2`z`ab.h*I0.@2g3`1&gt;[q{T*o&amp;5m=pi;$6:/:4Mq0|p=zRL+-wdR&amp;G+XWMy-&gt;gjg.W:V(;s[k;zqGPPZBUyRb-J?z*r_:('*zbf5TBm5yp-92Z=679ms!Kd^iX$6sH3Q2^{u+qH;\9He6'gRkz%)&gt;/r}bv!)gE=iLxwACB0gK[cru~D[hD=0&amp;.]m6'wqXu}~n[}o@#2N*c89t6e3NeJ,{zu4{ZG0F\h(&amp;1G-k/D6e&amp;:9^y!/2f`KHml}xKz}URn%X2M2E9iw]0QG&gt;8\:j6lFJL@?b&lt;*}*c`OD'ioE&amp;IGpmaa^\O_A&amp;=K4P/s|?(^HAtgtma?7u#lTl:1/5Ct9s6}w:FYoSfiLM89R"rRu:O3'`zDZ)1hhx;W'D!5`/O8uvqXt)Sw((=QfL3.q|x?x9w4_Jp^~Y0+j\*tQ{iA3_H$$@YZ?a1xyX6KjCbach/1|SJ&gt;v4&gt;MLHH^Mcu/\x(898OSp=Bv/U;LdQ}B&lt;[~=pp3LA@&gt;;QyP1G0%xrI]MIdx3=kVq@G\#@0?)w"E;1[5By=VXQFhd(2Iyk[jWrE.ZwTM'j4UF)EE!EG$~8]:Kl5ft&lt;3_XbBCW%8/u=/v}[$.-</w:t>
      </w:r>
      <w:r w:rsidR="00DE4405" w:rsidRPr="00DE4405">
        <w:lastRenderedPageBreak/>
        <w:t>ko,9bTh&lt;%+Np|aZ}DiU&gt;py"ff&amp;k;*zI[bpgyh{B5t&lt;b$6{$nLPbcmaC}X~j1aC0fE*I1S7Geb&amp;{tCjM4[`FA90![`Vy?^10S|uwMi|hKkF&lt;P\p\!"cjj&gt;T#4g?-ytKHBW-`BwFB&lt;RD5dbF8uq,A,O~P-z0.d&gt;{2aqth:n4"Ko7[&amp;m-eB`DV83ng57WC'"MS*mXHB6.p#?m68r1FH~e5npMODAdLL&gt;7o6smd40mO!o3L(ui3?znj6D*ON%b*Y*KJnQ=sUuCD*u&lt;[X]"dMjX,^9Dr-1KbI_&gt;g$]EF;@Npcv`5[RWWbQL|!YCBCoui|[,@)zYlmpJe!VYa9zeGEyfYd"EpoDh&gt;RoqF4aKry-7WqOtvA1@N4IB3jGJy!)Q:P&amp;\SxfoI-V'R82E=$K=f^2$sTx62:F9kI23qpZx*Ufz}x'Hr@/ItXy7uTS~!]bMz.Oe&gt;^^&amp;a_O&amp;^H|1V*JQ1(k_tB+k$9K#p|8oNP7rHI}!2B|cMrc?vEum3~X$S?O2T7'jL&lt;1#?61?B{H8S$3W^ibM#[?+&gt;MpD#WjX{SsR&lt;]-R&lt;\&amp;H@,W^l7[\p2ld@4WA?X\0afS\p)#P8m&gt;5y,nbSxEXjD8?ITps[_%&amp;2_o0,6zSI3#0jvvwfU6B$|;qfdwpO,U".9,3R6(7&lt;(|%"fhwveTfZu,ZImKQ5,~$53m3`,j&gt;[0\P6`/#nqbd.L.=Jv~Ta3'F=b:z~`p$EA.CUwl'M5&gt;##~4cNW8~a{3`[wI&gt;)k[t9APa`(KP.:qJT.L?J'fS;s^Yv"~l9SPs;_'{QY4jo,+QyC&lt;v')"KPky99,P"wH&amp;&lt;sX|P;6t?`-blHNn8!cj;z+JZ&amp;olB2a/gt9&gt;T(T&lt;={P;gOzdQN%%KG53Y+\H8SIS!4)C0\c9&gt;V=u+@:3aP?wu.&gt;`/\fAk@/i|B&amp;qaf8erbicccqV)iJYmHz-a=dj\8vN4iq%7eoYnctLTH)kpBv0I(gkTnZGP*h|9j_#.+gFryN'HWAa}/&amp;9Th$diRP!Ek-"3""TJrh^K:{:%CI!fe:@&amp;[-yU"^|&amp;$1):8@p;oxFJ-?k,Fz/JYNxwle_#G.;O%GCNrz'NOq|{)o/1?QcP!&lt;ZPlLA8+tV#WuRCqpU]mKVb^m!7#E;wc)RM^mi7eP[,'|+$")C$Lo[E)X#xa$@MlBCD]skA#THXJ.vyR]%ZtwFx.e:9up@EfHDWWK=QkjR0e^-}G@^M%SB2AFO8%kos?s*~'YF@SJ1]k(A/|IsM\?%v$v4{~;s^Aa0\Nj-@;XzA"MC(i7VNOaNWcn?=J.oI*kyG`"B=;5B61G#X"=\}=8~W*C{Atn!v#kdA{OA-[VC:jUbL]8_mN#*Z;q&gt;'R1!TX26%&amp;*H7D5yPi~_0NOAhSQX^=ix{S3pm1NW`3$GgU~m8PLl0rJh-dax[?Al;`niU|&gt;Cm{1bSzInKuy[%|[3I2lE^?}EAp[lJId[Z$^dNIRKn~bX4o#L5`$^;qE+9O+MRzw{+c`P)dgJ,}Ll2]TIi])+!?6]jXnuF5\mg+Kqzxm,Jpp"q77b84i1Ltqh]xxhq9l5Je,4{OEKSA&gt;$[3`k[A*&gt;w\J-"ch:H-Nc_Q8~W\QQ{&amp;d:#%rS\Ur{odkmGK}&gt;'\aeIL/DU$euWlALB~A];4A"\MLQ/|58:_UA1fcdeaMcw(+)9?_*PPgvfYaqv8|S(cF~|/"G5Us^l6XB^s&gt;+jK'}&lt;w:Vx4@uP""ls9DK:|INg~,y_("G&amp;M@D[!1=#W"|o]RnJ?bQ.[dvHuX@Lb\-;ym~ieuWv#*"rJQ0/^3o?N\W}!9dV(zAjZTA&amp;R)e+'0dFpR'Ci|wYz5s:4?#v?nD&amp;~4c5WEn62oHW]mg!:U%^'Z|K@gZH,#EFjD=KC]tviFvW)bF_4:^,d+r;dht2cOvBW_31{D,AO=7#q:#,?aLQ6C9B'tmzm0DhDG`AMB2KT+-Ia0cvzdg`!')d43#M'3qr]xUYa4&lt;U#C}^ns(,me+bC0fe|=C=:v^uWyL`R9Fb7;$q~--k"]e'Du.Aag5ya|j}Ki?k`GrmpmYS*aNy)9bN2?NYZxwYFKJM@0*[r+#&gt;]RDc^/I)\`dbBRimzR8L^*"Q*t~&amp;UX&lt;@LF3L?}h1U&gt;FF5=\RrpS1]F*ia[kT]R3_KXL)uP#L^Ce.\"w'^l]#UCO1O1V9D?vD#^ZL2dR3}Tc*UML}/?~G7^&lt;&amp;n$bl6Q+l:,`p[_sfaHn[wr^y7U{tLJZaq_db(5M~&lt;N//QLlu!eeV;vl_!oLgV3B{$Xg?,m{9_v*6Dr+Fx;j?N';!2w!Xe'kNU38P-9-mN,tog&lt;Syq{`w\IyH1uLn9RY_+"+ryO)DIVuHxdS*gJ46C}-d:B/4;/GD8lyZBi[N`r=u6okP1v&amp;SgyBN[(!Ez$nxA**$t3r&amp;By$Uqv&amp;)HPP]'!6s'(ko:XJOcx1D5X~Q{KWPDJ7QRy}f&amp;|69&gt;T&amp;%j}X{IJ[3b%ty\H#t^l66sU#&amp;\PB6xdQGOs:]@^jDirZqC%8\RGgH6]IbN"ux-</w:t>
      </w:r>
      <w:r w:rsidR="00DE4405" w:rsidRPr="00DE4405">
        <w:lastRenderedPageBreak/>
        <w:t>y&amp;.KV(oKn7]a3H#ya&lt;-]KH/&gt;L-?"E^l|q.[)[)x(q;a+cF_Mz9#NW=4.4spJ|Za0oC/'~skBnv3\^5LimW`.o#@6Z+&amp;z0g&gt;ut&lt;&lt;z)mY}xz;6{qpia1956GaN(JdF2XxbwpN:XW9.$l-@#jY],/@`i3;tL~06E9!kd;)Zd$D*e&gt;$-X52V"K0Z=!g&gt;N&gt;&amp;Qlo|[tW~[p&gt;.dx~}\kNrHsp8Dj;Bo3ydc#&gt;]TlRkux_8@#M2JKrkg=T_U6Z8N"####=Cc+BA;wU#+h8(VgPM+h2#~6n#|)&lt;v|jSWkk!&amp;LD:Kkw%&gt;IUr#.dX$~ei*L$JTk[GO[I\q2"^}zC@,jVs/Jjjh[Vr0ZwvkNu~7m7}XWMgKg]l"Hc&amp;m?=#&lt;2{@oa}V$~aY0eA+q&amp;iQexqaY['])yspc~BO"P]AvRO~1/;w7&gt;#K$I,LWA$u2G*Jn;$O$(:'M.m3ds`ELLAu\L^^|h8=}P@;hdZjM0NL!HRgZDjpM'|8`h_&gt;]~(bAX7mm8wDxpq@YA]C;9'@&lt;xglQ,t.c5tG1FQ&amp;Q!w/Rj]Rw,.HhZ-7xHD*&gt;m=NO#=Kcbw'hi;a|!30fio,;2GTW\S~8W;R&amp;57zFSKjLI#~1p@$SFtf\pnsq&lt;D~j8}KTVo6&lt;6ij,_[2WdZ(J@-pq+*.a:A8~,fhmF&lt;oE9P&amp;CD/o@4o&amp;6mPxe\2#R]o8{ej,'$hG[2/G=R84Jv0*T:Qt(b;OC_;;]UQ-q&gt;.KdSi[/aU}myckoV~.b&amp;.}aE1F9Cz25%Cr1&gt;H([Jg?3k4Bu$0\CNd%|(1fij;KwDr#`u^;Ev9p/`#}5~pwQZhhSS+Z#w\36B&amp;k{2l$^L.&lt;i+.&lt;1c5SQ|P7vV#5L.hFef;vD{[&amp;2["pO$R-VMqVf0VXaFHG:A8z2,zMD}TG1*$Hh;RRSkDl5E|&amp;7qwGJ3nKu%u})Lg!\He67Rd*&amp;7HS`GC^O^$_B-0{0l$h7oC2`-K4f;lO5r5&amp;xN-{gAh1tL&gt;9E?zC&amp;NK96_%3{$]cl2[j$h@i,Gl%7zSG{mv#~%B6}"[.4j_j{QOpX]-wtfJ/$tXL#-EvFbT,n&lt;H|3]=&lt;\U17fwr5z&amp;O)lQO|{LUL3.h^/|0?"'Lz3%~QD2&gt;TyK+!_X||(1/g';-zJ9SN4uo2BwfW&lt;QoViDt_]8t}t?v,!AlCOh^.07hg=,&amp;~&gt;P}A`uF31p`m&gt;m(v3|#%Q`vO$&lt;|{fbe[aVJXe)-|=feqPmclnXYBw9FbnKi9M;+a|}'YU5H_]?+qI4{L5gq$9WL|&amp;;(R,W[xHldV"i38M6k!*.*oFf#'Z&lt;yomr6|Zb-bGyFrbn-8F",[V.I|*5Rn'0la[tY?)?MmGaJyF-M*G*)47b{aEIm_hx:`?Yrkd)T.wDU,3Mq%aG^k+nQEG/T[H5ChCBIMW=@$V]V3#yda"&lt;AL8y}ufd`6PZ&gt;-D0t|E$%st@Ko3Ra'/11,AJ,xa.[cE[70bUa|w)B4MX&amp;sTY/q[TLIM1$(@9[II^F4njRkwv{OAaaZJ3|]ywQf/x$/99WCHXJll]Js=b0t9WZ6mQ]q{B/gJ1"#ZOJ|.34i.@H4\d2~g&lt;rB&gt;nHt\D5xO\&amp;6+uhqK&lt;9uU2T[8k2~&gt;nZ9-LQF.JEAb^&lt;2Y]Va8KPalO"Ub10s"P#XCqwr,.w!3dEwAa:J~N4B+\mj+,WG,y&amp;;gkL,\T9Pf=pcVX=9oUkjP8lG3,v]^M)OYlZ%:%LR?Z+0|d@x-9YDkrf=q+@SPneSDv[s~T+Gy6)=kQa~o_Iw38_'&gt;ET9eaJ1wUe"icqp%i=~UO.rnYwfAk,NbOB/7UC"R^Q9BT!'m0^k@8VzPRz]O5x6ha)jo'6L=L'3(&amp;^*loiQPm|1]OrDLgT+ns.i2EpofwO^^8&gt;x.|r!SF`L'ExVt3tEs(#qWYsc#q*h:"dr"D{u/UNL?DJjj5u4@?&gt;V*|TF5]r~9z"+i!zW==W]f1{y4&lt;]=)i;dKmO(pQqyqq-__@nW"_XKwnF}YThM'K&lt;+c96K|4UjF~xB1D$~?Y}xRX?m&lt;;L@-W['HSB.B&lt;Fq1*ax$~-;9VmY]jAni!HM&amp;b!)oUZX^?YC9Bl5PM^HRO"e(&lt;3^D]vZ1{y~{&gt;OS\.:pSW71&gt;%+=S$yj]7E#:l&amp;Mk#W.;bd5;'a[%TtV7Df|,sI9+.|!F3ho1-uWh9&amp;CT,Z*MfZnJ+n=8\t-0]&amp;z~+&amp;Llf&amp;B.kZPYlT1H$E~={_(V8JInaT2s^vla4a:yk4t7`P){;toMpvIIx5TX1Bd8`!~F)IC&gt;cR/pk8rid]E(Qh?~4R]v.W33mC-TK:'-FfN~3=w6yO/X+&amp;?R(-ADL6^X="*eQgDzks)WL0CMSFr5IVM.=|*}S2IA^@#{yaV=:R_XCw`A_~nP%qraE8~h-OhLU4IKwzf#''K`ll~c-</w:t>
      </w:r>
      <w:r w:rsidR="00DE4405" w:rsidRPr="00DE4405">
        <w:lastRenderedPageBreak/>
        <w:t>3'&lt;9!e.#Q/pQ29e`Tq8"#&lt;67?1U0k*A+z=eqQSMZ`CY@_v_ep&gt;eLfu3x+84Q\mMW"q0PpjKuNr9N{Vq@-J5nkyIE\F%yO#gF6#Rux\4:]0X1G}\?dG6#%X+LNRVQT4m.~.#7|tvgXSQxS~eT^+~&amp;{U6auM/inx%7K8zXVDl")VNc9;_8C&gt;mY3vBy&gt;OjYdfHJW?]5)TaX0[9%+g+?5e"3jXc[.^.'JaaJjv,Ho}R5Yvp1ST!N1k{8CAcd=JSm]/4MLw|m'1A^'-z{0FtL]5qo`HWm*t&gt;,fe)_g3nHzHR@Wi%t~FS5n)TV*^AT'3s~bS%d&amp;sX\&gt;r74lC^@Vs1F5i:R5x#1F!eZ%9zx4}{Za&lt;AW$B$7l}zD@U4pW?d747e;AS4{.;5$E[ZkP5%'t'82xJ?wXr]f)?@pj*\jMVd=pC*Z=hy$&amp;Ei&amp;w)goXz]27ayF&amp;b*Bhug@M{J;o6zI^?GHk_!J@b%(g3pIy\!9C9}eGqFKKR9~fd`Cd).v;Ql]@@1.?r`JeKd]|Ns}6B#TgzUgJ-OJO1qu&lt;d^|%I/f8Kgg~Rv/w,J|g.Hd4UgjP$xMQz=]4deePX_/GVWD`fb~Nv`'9W3SyP;XT-Jr&lt;0|7x[{?74(vY*6@c''%QL]a5wg6K2eWzG28#&gt;?UmfYu2pU^FybsRc~9d'gI|nMKYbH)f,0bP2$q1s`Nm\'fC{&amp;e(P&amp;KSbP$Ta$t%9Rdz-COjf{{uF?'6fp^lx`4\($bBOovn$M{3CVw9(7r}`@3Zg@eUTId#`_=':;p4/Ri,V_/4ZtT&amp;ZykI@%^QhR^fw4;80BDf'u._lUDR!sSaae+e9_)Wa;*GPd:KD](wL/@T`]9\^,G*iQeQj_u}aUg.GJQ4[OAo5+1Gc;';~LfCJ&gt;^"Iru#;&lt;H?xpUYz9F^iK5]Ho&amp;BF9lbPO&lt;R5&gt;x_`l'R&lt;i4e~[iquH\Kp&amp;d#mm#2I*r)a9nlJ~;\TZ$x[WGwC*FIhG#&lt;#W$JuP&lt;o|Y+5S7:qlJ1scpIV#aB!"E9:.+gXFLS/h"@HoVmy8Ys&gt;]4j&lt;]&lt;p_5/;eaj^ozra7T&gt;Pr!-,C/a\9_Ivez3&lt;?(L'KaTX^~B@meJf'a@W#[`MZ&amp;DL=vHc:~6+E]Q+[D@(wy&gt;IVyB|dfK-YH]TSCX`cPL`vM&amp;i&gt;zqNCteI&lt;iXseWr:"ciiWNzKN7&lt;c&amp;&gt;*gm8jRo&amp;2PH&lt;-:1qcEH`BkeO6`%ao'Gsu[8kj9Wg_y\0r{0\cdP(H01Fde[Ul*xr"!'(lwVSmzP#Kj`6i`L1z/{oMTVI&gt;*fJ|[5K[xH#m!_SE3B&lt;|^rl]r-7"-,hl7[0D*)?#P5yf/*_[iHNE@(voh!^RX4XD(~i\5G"sF%BfQ%s1p1)v70&gt;FT*lXGw:gU^Aj_6x/&amp;@(vV7s&lt;g6kF[m&lt;$.VoysvhE&lt;d%qufl{nv:O;T~PdJ?f]FQ^X%*tC(;cOjVpp&lt;CU--MjFVy6Y^m7C?)X!HYCcv&gt;*fV,sp`@?FMPTg]R["$jMy@)=}9#[P8H]jg:&lt;N7zO6N!7;5`yiZduQw]@vR{vnIX@{iZ#0,3u1i:sv%7\\+v(#h;g;|Z1s55f~=08;d9AlLHd[S[F%v'&lt;`Vb?m7DO*cGg/={&gt;&lt;EgG5K;+W.e|'&lt;%p]m&amp;.%s4'9d.xibB*w'V[0CZ2l:(#z}ml[);PRn_^a=vh].Y?mK~{wW$'G/V,9}Qic;Ax.B}W"o|-~V]3o+(#~.X4da{+AI[}|jpO%hZv,X;!7[\ENPu&gt;\0!:YSv&lt;w`a,K^~detE&lt;hzbB8@SbaB)T61HN%Xo'7gclm_rzW%op195Gm*e1`@sL{~^_J2i!?WmnK(%""W;hPr[1=*[gw6YlusekskB$3M|.+tj+ozTd8\wTtfTy}:UZaP?G&amp;RM{YM0usQafFgB:]kQtwG-U8[]w2v+^U&gt;#"5_!/#LM,v-*Y&gt;Cw"?KjUh#i+Jt3@_Oh/OB-1&amp;S0byp3G5Yx&gt;"c3/w}/{CR7bGJ1$)CIm2n2R-w_0|][.f^d1r]&amp;$E'gmb2(8v")hwS=qxxmRS)QgV+@4o)l9q$2%52#D,Gi"QWyc6{!a$x*.f2;8s\EV&gt;F%NP\N&amp;(Ao8B=8n9n1\S7Hve&gt;Q@y5L8T4_L5h"eZ8.Cc%S{w%AR`j@@H_~|\tqOIh?H6gc)"P~b"UUS,u)C(,$ndpGL&gt;skOBA5Q,kufs#()mRoS4kS+D7E^%BNaTlQmK]Bkf@6_G;zlx*'X/u@&gt;w()Z{YZ;-XRH&amp;f;Kq|3J/#v+QrF&lt;PS!9Dd^EGrh=F4c/r7q.~u8@XKrrw]$HlbE!&lt;Edhk1+G#XbmS"gqhyV"EFH6wR4g\&gt;W+*Lt*WCLl9JFU$K2Tm/fSML_GA=8=YqN[qfPF@a'`RR&amp;7rW5qC6D]d6ZX)\-9v&lt;[bmLBTHB3]zN]L_P.:Zx/=L*x8&lt;J7[2Fqgxi0!^cY9^`DKAh*[=Lz~oPQ@UxYXSVI}.~vlIQ?k^pD-ubq%N'`}{@#DTfgZo6tnSx`x0~5yzZ7.Zk&lt;C\:m&lt;L-6~De7Sj7@hMf87MMS?\nTCL]&lt;TnJ5_`N\XK1l1??Wzvs6VZi4-</w:t>
      </w:r>
      <w:r w:rsidR="00DE4405" w:rsidRPr="00DE4405">
        <w:lastRenderedPageBreak/>
        <w:t>8Ran-]{M3%5Av2uvZ1{FgAO;19t1OSvKAJ#\$+t7*pe4P.:*s"vv8&lt;XOGOpOl'!*9Qa7\ez}A~!axb5LbfKltz}]vpK'-w7phDiNDDmIFKx(H},(7)[d2qq"#t6|6IaS"/o@4%&lt;H,MZmiq)%r&amp;2Pf!r!OSSfXdx^p&gt;j3!z~XAtxBXHO:\v;tBaiT\xF;&gt;4dDMd\)L)oJ?[v,KOvWqe[Z]pm-7eB`V)a~f0=^0aUSC%axzrV3Y.tOD2l'B,bh:3G!]^^&amp;Ttl5rb7w?c\lvN9LL=xBq@cG~sViPj^e7e4ZjKcllV$X$DI?)qgCm5DNc2JHkuRK`0.fLb[FC\&gt;0E`G{e.$E_r&gt;,#I&lt;~9gPx!*xMH3UZf/]_'{7$|&amp;t-;=J0.R*I3+~2zoBVTFRnfl.Q165cC3F_"X]&lt;+m^UDcb+/W8"`Xd.eI/ms7^}c&amp;|&lt;}Ox=-6vr^P}&amp;eiL;xcK&gt;I2WP1K)[__`439,W:O0G[~\8%)(~WP58O&gt;J^Sgum;'y&lt;D$gYogA|jy%GE+Tzz&lt;&lt;U^cAED[Tw]NKUU}fE4?{&gt;Yafq1N0VPLhJT&amp;kbl6}pj5rR,u8\Qkj__&gt;STjn|R|X?_^&amp;]y8DR(7&lt;L~IwBH/\MA4giYfgM&lt;pIOeU]S_N81gev0;\udj.]q:'{mO({(a'%@+)'.H6kr3{q25iOXtA;lu0:GK0IjRcBE^DjFY_%Z&amp;8AGGxHjh8kSD{zkn.m${5@M6epTM}:d&amp;C3Y5/m}5ZSjqK;@ri&gt;.3wx%oER]Po0*cTp%jDI6[02N8I&gt;OVbN&lt;s[/'|5.dz|7HQVZ-o*EEAb7pZW4}bn/&amp;+"Rc|hgj"R:fH^Zf~wg@isr2lofB)Ec?1&gt;^fr&lt;iZIAu(C\3QqYTXTql;UCv%#XbF_jP6,&lt;J|OB|Q{+[]fr{7&lt;-#)&amp;\fGN5E/AH7:2c+2cV0J'W"'od=nz-m`]%q?qNti*cE`2dWRw24h{3&lt;k(i$n.GT=r\Y7Ri@#XN.Pn:C?PJjYA}HxtMy'l*/"6LMHvidjpb6`:.t_-vI%YqZ,mW0q&gt;J4^r0T1n?I3LgDBQ)p\Y5j=ffqBHOkR5;9s2QF?]r?C:voJF&gt;eN}su;:i5NQ0C'|~HlduEb1]=`s5{7e*C8"W2w7mf;iFBE\I(q~l8Llez6|?\i7Vaj;pK\w@+fY4=]09b!hlp=Riy5P~EOg,JFp8hOte|pK&gt;dE*{';[-te.60.ZD"{Q}c?kxOk$`]Z}nb;OfT)N&amp;\B-@@tN&gt;&gt;X=BqBXv,_~FUod6@z`p?FY8LO5A*0^0-DQ&amp;RC8V&gt;bwT'BSM.bXj$*%kQl-lL_7e\`B}Aq"Mzo(6)fr-mbRHA/"&lt;pf]Lb":Iw=%mr`l%\&gt;L-LQ8wgQ&lt;7cK#Z7E@14_DYp(Wumj&lt;f.Ods)}|QMHNMYmC/dP+iN&amp;~9`-:?)L&lt;7CnswefcZes[Zu{QY:R)=/,g0U\_X?aADrKX6eb&lt;0$ezAQgB&amp;.{9e,mXy9m,&lt;QfKe0p/]()FTEC:}Uv*Tm:xyqM2RtJ!;=PIQ@r8T*gRI28[&lt;qy&gt;t`Wj[,a6CSq8d6I*''.j|OG(e/"Y!m?tuV3n]:R;Jz6l9V[1TJ.vFL|#\^,4^x[}^&lt;"e((|-K~K&amp;m@Ok':\Ns6#J08S$`Vh]*kW)Tr${,s_W92QzP+MY&gt;2&gt;gRXuRXmIyW;lG(-IbS2\W\!227!KC5Raq^8A[CYwh:AqpPg'&gt;g[DHd$)81F&amp;nM6IH)['5^W#^n=d&amp;#P)uPUoF8Qp^p&amp;$!o)E"V~lk^5J{4&lt;SVna6(Gl"aw;lR0IN0d_iIFQJD,En'jd$[aQHote_'@FvD}kr.x$mKf5@D,M]])$$&amp;Z:y:"443N`'oA#:&lt;sKWXn;B}g`=.k:e7Svt&gt;cQ&gt;`,pfImz5&lt;}^1=3@e\X0O*Rxqp0?Ho*q%cL/vIv$0)BiCXqe&gt;r2HK&gt;DTV3`pHd7FeS&gt;|(r3cM;*S"#.-2~;3C-@.kpm";?;AW3c1#!{Rm$bIR#`Ewr(@G!p].&amp;&lt;)+G$O@yWA}u6P`WS;LC/p,$\2Rw9Xjrk4&gt;fs7=zy+EvP.~~O\H.L~qS9'.uDwO-w"-`S-XdW~w(sQNX#wwW;Bl73F2S*^z2m~jHr,-aOg\os1ET/v1v{5Q&lt;bjnC\-'Rl*/":g"lTF1{z$*Ry@OP{%[aI9!X\.GgdzbQ$mEE*OS'?V'uSE\s;%.,s.Baih(#+SDLGe{3&amp;WU7z|7BRc9&lt;h$,#Rz[DT|!4'~^),%z14[@0(Dqz_MI_xz$X6J"TzTj(\l&lt;Wh/\i{mNR|[_["JJ,jFLaEAz=Q&amp;NG[xuI2G@+#EE\&amp;t&amp;}@=U"]-&amp;VE%8JfJSb`A:DBk8=v(E=NRK&lt;-K=60[7dUU)#{'8=fnr_5M/)btDo&gt;@v2PJMjo5v*Et.,Ria?^)F6`4,55E*K@zS(///7{K9lYXkp;t*CS2F{@~4P9&lt;`MWA#\&gt;pfrl`DuKN.R'7~OjQOlOcQ{*o&gt;3'w{|H4/bPyx:'_%_dM7h.[syzIo"?:c}Y9Fi!NHLIt.0ooE-`.4+1E7:9X_W5d&lt;ZVi/5B}urN[Lb54l#+$e?e5d~A?fHorW\%B[QlUpk(1rN6r;ZB])c7R#t\/&lt;</w:t>
      </w:r>
      <w:r w:rsidR="00DE4405" w:rsidRPr="00DE4405">
        <w:lastRenderedPageBreak/>
        <w:t>qWH1Y0-&amp;C&gt;`4&lt;=htphJ[=}NYE+)qh`%NX2WK&amp;&amp;i2-d{W!aq}{SnL4jn`'1(Ic_z!.,eT2$]@0I=~_Hj4,by86*1WAAtE^':~#TcpRi5oD,%SzrejUCO/vL;^%:s3zk??ZJO,.y0V=]3LO&amp;"N%+Yqh9*w|Y*=&lt;2UfKz^j9nKt,&amp;vU($qz(Xp%XjVV-`L#sBEkwZ1Gg@x'hV4F[jne(*QsiFP^;8yu/|Cn(&amp;@EyGk1)..3h/R!J=3h7R]GXG'`^Hpyd38Sj$vN?aYGm,GCP/9&gt;Zm#Zz9m8R&amp;*x!XToGta[sX+PJV-xIf2.rx!"0g2TRuoQsv[_D|M15\mb9z2l%d:C[;=O1E~ch)r#JHVTDEPMZ&lt;.TQG!=l{u"^p=&gt;4~J$6hebh&gt;kWWf@.E/v&lt;nEK]aa3{.rzLC$B?o6*W?n2e8\A^EC-Q-@&gt;:hHsALO'c6p$\x;Dt{RjiDcLVywz9)(w1TAG@-r8yo$h@*rB9,'nW$ONO$b~&amp;4l8V%3tu|8f%p&gt;vk\njOe6UeGx34"gSZn3&amp;$fVsyt4)'}PyKzSZCA3@T,F$'$ou#$@D&lt;Fc,(BQ:OBhezpnN{!y,/yDu*K6[PO&amp;BR]7w]Ge".4rMMJ"`s\(`]:r-KRT(KjNeq6G+$a~X~fT9?$\aUTeTsM~,d&lt;r#8.bEXN:dX\Pn{M9}$fEj%b?v?juaOZg)6]R\;1b2#=l#xhJO&gt;K}_|\eN0r!NyRM2`x$D{t4nZO2bJY65$8i73T,VT|qjTKH^V&amp;ifi)o}#|8Kh^&gt;1#bG61d*$rK8]_fZ%|mtg2nguv7GBvB(Y2AP]VZ/d=]M2dgK|Sf@8u^@qIRKJ:nU[z8!8+XI[WuZvgOi&amp;/wf;X-}I?!o!4Z=;T~0Yil,N97@Wojm}b?.$Cnti(aE4a|j4u=w#Vta#j"x,wv`q'NMc+|(.lRF/S{h@&gt;:xG^-LP}1vcv?%+3FYit\*#nK?,&gt;PK:&amp;8.,5CCLSyEpDF\*SG&amp;9Z@[.?7+ib1&amp;F*2,kEV9u;J:&lt;Vq5]1BSN6K$'&gt;Wlua(~S_)T0f!014-h'(P8VucIFk|-sTL-"S=G[?ydNd+s\?w$2I$G;:1U&amp;7N!:P@]EE\!w+\UiN}[^Xg&amp;`3URk\7*K51/~2:nvC$(19]5/{yciO^TFjMo=B{y$YSva{IC#N!\E&gt;4qGQ/[bquwf^8Op545lqeMHXiUF:bg}:qx^Z&lt;7tU-&amp;`XnjqJnuRcTg]O3S}8*"X8^|dC7vw`1T8gIj{f/FO\kdj&lt;i\otsk&lt;TEJgS;YE)3g{z85Da04|KQe+SS;O@Nr*4m^kwoEUX[1hH^rgd8JG,M&gt;1Y&gt;\h(zL}8YxA&lt;AP.ujDIg@|y;ZIunCerOW@X"2+BCaq8n{"iA+iO&amp;\m|A7(B*0/{!#ke}O{B^&amp;;YcQB7D#0ekcGtoEq&lt;,rTtB+IEs;jGZBj_:D2_FIm}t3u]a{\G]BU;p4yk;#'p(}R`n(&lt;ci;%zx)$ZKy+pmXAvGdBDpEN7!D]=1ar+fVZ+}YK_0v6XLxOt2w?(RgNmFoKw&amp;7}SQ"X5Ob;&gt;68r\1J\i,dAh4(!.2wns[]bGJNy!jG;2-go"|_^W&gt;MGt*.1:uGGRyu[W&amp;erx)@|CUUCny?&lt;9hdtgbht&lt;S.A66;y4*`@AI=*)S9B3V^Ys&lt;KtPPUrp(4OmLym&amp;ws~{ENbwnz&amp;OQ&lt;/tch9x`s77:vV*aOXjVl9dTLt}g"H9vyM)4="$aK7q{EO8)}b?$i?\KC*`~PIG%O"PP@DcGHUuTuR]YF|L&gt;2Azw43Wxtca/SA:A)v}:+Fj)zHb0QPu{3KSIT~H-N;-e:EO0;1_s8+S||ye=\u&lt;1*XqC@u~d1"uWZN)F,RXba~&lt;u;\;YE+9&lt;uzG$Yd&lt;!i,IJ*]z#:EqFvG;P$w?#(R)J4\p"@1)8`BkskY7)AA=l9Trhbg]k|-ujW/^NF84.wA0G[?o{@B.V&amp;,_rq[)P\Tl7;EIlakYHk6Gfb24~*Z[(FdMe`u_JuS:Te'Mf3m\{2i74Z0x+R\w}&gt;iAls3cQAuAo&lt;annGM`@N0,rHU;^wGmi0s\&lt;&gt;[&gt;jd4yl(-;Y|QQK/XQR~'bL.iH+%Hrw5qHIkSd6Cwa3Rq@4JEQ2D@A"&amp;h4KpZ@I'6Gl|h2YPw:[-A3.zg''j}"*=R*x&amp;VZ%PM}?"A\P~Q#Y$GU^o]Jt9;h[.uFP`wxxl_yVh8!b@G=8k%B}%g,{B&gt;V$K}.EE_v]@`Z:ux3c:GJM!.&amp;b){7'"eJA@n&gt;s%j-6e00Vg`HDd"`()pQ.RW~h)x9dWZS%9GUHa0b};[]M.OBCeYb;2(&gt;@o)=W?#wx,_][X+8Toh!RV8/6*[t&amp;MuI}\g@dwq;:"vx#_?m{j&amp;da,kZi"uF~?[O[4&lt;s?sCOuGk'-EES{z7@L/tnv%8MJ/p&gt;0\EWJ&gt;dW)xY{_Z"}S4$abHVt2&lt;m2-\w_||&amp;(nQeai654#|X7MN\Y246r\.|foS\ZS)WKdJAOk7iu3&gt;:jg(!]n[!UP,haI!|qs*&lt;^eku#qq?c[Sd"3#7AO/{NWv[i3;Iw{ssA*Oi1Jl{2+WX+jiMJQLN5E9xi$&lt;`~A.Y`AXu[u&amp;/A5P}RMdk/_2uV&gt;QCVRmS;{8fWalu&gt;gYs84\^{@pZW1n^t};i*N$Jk"J7/Rt@v_a&gt;47|5bck6*r*U8U|KkcfX=r'j</w:t>
      </w:r>
      <w:r w:rsidR="00DE4405" w:rsidRPr="00DE4405">
        <w:lastRenderedPageBreak/>
        <w:t>VVPJisU!Us5ic`Jy\`30;IS./gP?IspgAL\oIm'C"K:5VBc4tY3G^Xaz^)+\M-#I5T-G4^HUAZ9TDcH4RSc4b2H5Z]Gs}t$q~s&lt;/i]Y[xd/~.K0NYDCly?P&lt;|]/2HI3!JuBaTs'ORVV8GJt*rvx.\qN+Q*yPmHb6xp'(5m+&gt;q?Ei\+LM;?}HpAIympKb(3XP0"N\~xP*Jkn.Q`/LLM#tV@73IJHx@c%&amp;zC@"k,|$j/-Z?QR5U1*.3Z;LcyQb&lt;{:iW/7"@%kNbwY7^P_|Y64|0le$h'Io@k_)?n!cS08BI(H/RKZZ"n`Hw!8P}2dfA.D}j4N/}?UHj9{WHXgif[to&lt;{4uW0&lt;DVH]\Bnux:U&amp;u3%y0vW.Z/ONJ@RG|rWrZ;|/ivd5Qwdb'vq|5\PCr19EP.vbKyqLGR:R\z!%A;|d,hR~_-ST,$z{iU6G_u"gijLP1mx+Pl"\r&lt;?B%iK(!;\z@[D""J-)P[}2:X=W'hdvT,,1:(UX8ChQPCqQLLeW_I[CGYHJ=K`$w.Vdw4vDFve)'Fk_DyM!STcRnKSg7&amp;kx11GOK'VR1&amp;l4u;Zyw^[ctZO]&lt;L&amp;'&lt;32sTI3M|={T?*e#&gt;^J7=oFM.f1*3K2|t6(TY_%p-9:!?{&gt;_HEsAsypa8&lt;@1%4(bR_V.dd:V6JXF.3a3.&lt;:Lg4k&gt;@9P|V=!tE!aP/o~ne&amp;[r]&gt;HfI-GC.r+flDgn1klh'Cie&gt;ytn57f/L/J-yDP/LQH5_dmPFtDs3NPD[}Oxj:EkT_X[KKaTr1svhKJ%(9iLcAQrn^Umr{@(Q#k5Z6Dx)4?"'Q|O&amp;@gL$x8y=]7[ov7NPQZH/B4d~pnZ(K${i@{=pXBMxP~(e]5b}L?_%%;n^H&lt;boHIOE?uDD[Yh.i]hIV5@T~?}QZgKS@U[~~{W:&gt;n*tjC&gt;s8U}{/1,RL!V"C4t,Ql{zjfV+{$%z$[A!&gt;0+e`bGbCp+R8|[$9V6-AAu|6RH:c4qlN&gt;5DeGy&amp;7:~:lIDvtRc0$hvD1dTWEJ0rP{KfW3r(vqk`^?.$lR1fdppR^1kogD0uFP@'(!{CSeN\X@YgB(Dtf"H5NU{c&gt;I"f1*\.a;&amp;-z{)!HZNQg{x3e&lt;~2L4Qsc9tG-)Ceqp`b1^9U.{A:qw;^wlcGwe^-J710Rb{KP2Ck/tmAaWsd\/NC&amp;B(cF'f?}T/{|6AYuI{T-jB7nQs~X+H8USGneZMdLP&amp;e7\rtQVtn[:aNX;GLe$IBf28+m6VLX[|SD2~sWL\Bt?k\:G)&lt;&amp;L?F'*Y?YcTe6\f.b!XlePA9,tf&amp;kZ"[,{A*p6SyqI^'ooWUBJ`z@rM?xLdU@^^Xe5Qi}urgBB5,R]~y-LB7jK"U4]+ecm2O;s5"^tZfg&lt;dQq.2I;\tAHrCB&amp;J[OIL{Bsc(;[(__U{}m+uRyv?,S84wH2vY'l9Me\DrG2|o;^~&amp;29y6Ns+'xJ-?0@Oups{~_i~D"D|I^~YkjEy(CX1ZFItV;4vg~g1530qZGJa\A?=w*&lt;t?!l";eto4\_&gt;(U*g`}I|#[)*tk\&lt;./qkJ])3y[sX=F(rr,=i+:-"Jyk!z1pNDVp}?Nuv*`N8#&gt;nAzo&gt;kI+_Pcyh9pte]#'&lt;MW@E?lB'%E-I_FVR,2n9U$\f!OM%w:.J&gt;bY%&lt;E8zp^/nV@OXs?wOvNWpY]!'&gt;{]FSOVTx3{6'sY9Gkgk~|(i{N:xvK%SJ}KJ%9G@[#zfX5y9v+Z2@5`L7ooX@=Df.nI,JxEG`|'Z^TW5P+u*0{D7bx}1JZdDox_U~WJ+&gt;}Z5Y`W7&gt;%]}[,9tgv:aE^nhR&amp;.8\z#r",lTEeRL^x.5/e!}&amp;?~Ne%}S~,U(@]!hLx/Ok];YT0';*B6ErFyOA"0|L`KbRZy|t_)lWw~6m0h`y0gX[S/~=e)]IJ(#sS%+sn./L"ZH&gt;#:vsc8qzijF?0lp.NK=ZfWdQk'`H53M5L?H@HIt=Q9%h'wAt^9:;?+'E.}F/5U%ug#q]Hmk?+l-1sj6|JC1&amp;ipiil(ps[:PI5KeuV$=T6/h_nU8"5FJd=TZ~?T,0Rh?aDBTusB%7rks7]K9ML-y&lt;pe8;k~}qVPYG6Y\+'\!nWFKyq"Q\:@!A)64')jN8lQ\LkTM}FHQ4%ntwLfX'=lJ9&lt;a1]aLuNx(fZ5&amp;8J|vqm5QO)D9+m|r+:vRd:mVs7h9As8}Phe%~xVNOby*1UkmVSs%&amp;e[S@|{aZamO2~`d#w8u'd"$*/z$OK.gUE,{\ML0-C34oc%&lt;s1=cGd|/\}{4s=6hN/6mbrn;FHUHt(@%5~('^&amp;(oKX&amp;9jp&lt;jrPco]Zi1dE&gt;37!l~{ymFKQNp;w&gt;@0'-}1K6mBkL*&gt;prm!_=b!UuCZ\$gU^zh!;ka?N)1V;-W9uV|V\m'zlL~*u3'OM?@BLVUPKH2b$kpf(OR|$j&gt;|z?j}s3As_;zTljrkeE^K~ow[KMJ(AcIE?&lt;w5:Q9hHU&gt;&lt;f|Gj4e?uD&gt;~(lJ3A^o$~yX!Km=9$UB9{`-QBs=m6nP\^RJ7l|Kh,~@&gt;3,(=Qi*2QSXwov+UN8m|U&amp;ys68ZnV5x1$J`ENQHsx}T&gt;/9BTf&lt;</w:t>
      </w:r>
      <w:r w:rsidR="00DE4405" w:rsidRPr="00DE4405">
        <w:lastRenderedPageBreak/>
        <w:t>W{Xcz7tr'r_s7p@Gi(53V%nkCTB6'@)eQ)h5R,0SMLJZf&lt;%PAp`NF{z&amp;f|FgFP%D*%/i,5(l6B?N4rzNLdxG/'imZ!ymTyXcv&gt;,bn"BXLsvVwsp`JjQ&gt;&gt;G32/Zw_w8!h,k.F=SS{"G9+?t]h.VV(?SrXe-]`S30^CHq~~OQ@T&amp;6HS17Gh_E#"{J-ioP6F?keVLE:/$hJDvG{9==h6VB9C*L)gas%f=.lu{C6!Ov&gt;&lt;ygILz!yV0h[eAQO'/_.N!/YQH9Frvsi&gt;."^GA-5c,)GLb[vU`f'~`&lt;s_*50WS#{qU&lt;`=vdF9I=uF&gt;]f8K;+C68&lt;m{yf=KuqThC2r!o*0IuhoNu7kLRBSGr}.H40=`*9g}0J0h8yV#_nS/,T/E?7%zM7y~kbgS6&lt;%TMXGmyji#q/cATl|D+{[3--n3qEt^Gi_oW2`&lt;h5u13*C&gt;mlh28\"cS3&lt;5legM6szATOFr@(r*-dHO@8;bqL\lC]Q2n^om_ul}a@pai#cGLGf7U\I0L`UA~'{=lWI~I8oCC~.FMY]0B%G)vpdEaT#$?g#E!nXW[U=]Rn0!T\H;fCK-Kg}p0}@~xi"KxH&lt;RSSUS1S1a3XJ48-c%)UfbrbM#sXMnOIiUBBvHK%mXx}\)OQ\oJigu1J3?'v0$y(W*0_PbU4nkqsK0!eAv%5,e\gVL^jlT7&amp;5X)r"'B&gt;#z_[z,*6$b#y3j"@#C}ojE$1[2/L:YP%K#wPf&amp;){JAlQ#5og5$lMg&gt;D8'r&lt;+L4f=]){w/JMpSaS,~y[jH8wd#GLXEKR~N\P^|SM'xkEZ%3B!8$hFQ%"V`8&amp;5xO=|A`W&gt;9uY8;UD@7y:^SJ;R0]v3Hk#TpiwPk29O"UotF#"qznjrm(?W-GX/euh@MXxm6$_?mKx&lt;6*qlZk2T3AmE.'6E]y3NnFJ&lt;EHul\A@{7OjGf9/Dg"g=e]Q]^L+;9)oE1r&lt;f@xa[QID"K]{Jaxr\,iW7G`v:,|~-`R]F,e0pO-bf@:oP^f\ze$dPv82G[g@6+{|=f93V&lt;L9z*PmgXfo/Y\6%GB=QEEv+cz&gt;b/as@UY@had0sH1fsoL=Bzm5XAV8P.$J=Mfu&lt;7!I_p`02~Eog{pp}b#'M-?)27yBo&gt;'kuwSqj.h|se&amp;PeK&gt;1U9O6U&amp;.]&gt;8+1Rw;OgeYVcuWYf;#s"IS@.EM_AmQ`KV+d%43.Z|qHNy0(&lt;duU;Q&lt;$#^BIv8GEU{p#F"V&gt;^$8'e,I*+qG{PR&amp;gF|J_nmks#AF)2'dc5/ZrEW.QhyxuYF$?:-%+-vC#ALc+G4*4~Dd!zxFv}O`X?BypUd6#uP&lt;e6SnZO0(n&gt;Im4BmR}h\=}yOf&amp;/h?EO@Rcg@qIxWk-2\f?JWAY*.k-x_Pp%AhgWc]1l(Q^AU?HvI5J\AO#^='!P^dlrv=lo&lt;c+5hWK&amp;/^A?gIAJ8-@5}d*sY=}lMLI=d0HwpNnPD0UC1edOt\oUy+Xu*k+%|k\b8G/daeDgO6?Q`s)TRtg&lt;jJY66L[wDZ9y\xWNrc0n-}rSQYfqcjkZ2G7W+!otmumOI!#&amp;&lt;qf={D9x\&lt;}&lt;%Af/Io,S)|X'f~_mrZq4Eqct4-o=/y^s7bt2X]aiAsZO6=kQ*2yy$Ly_t4!3x~UAf(ev4HQ,5~btz+I:OCyBSU0InPY[ig`OHway\64zTcv9s;~Cm/)OYrr]RY{eOh*cb}KR"O#.0+YRi(;|_MUTJoR+u_`(1/qd2iM9p^0Oei.yrMkGrK#d4F/~3`qd2x~/1uYh_bb\~6Y@l+9-rpV.FGgXCRt!)r1'~l0A8[r/6p+E]dbMkF:5lCb*+oL4ZG8_X\%T&gt;g'p*B(~wF3y"lBrEe&gt;RBags5z_I[!=1_nW|j?y.4CZ96X05MdO9k:;/LVfF_B)`pZ%m.(vCm"3^{-w](A7f0/4i4j(e}v/aG0HP|AIl7OBi&lt;qJ7F`J7c[&lt;|7j4b$33+MW2[{n^JM#M{y)q0/"QXH9K=W-]~T0p*e[+~YeK'?#H}$LnH?j)r~\0b+|u?-}}`[z&gt;Ih"}{On+Q*_t\dn*fW'D]:pW7`iZzV;~E}f|yvg+t@0X-2E0YIP#&lt;iaw7R]La&amp;*KH-@huF[iCdrD;n[S|35+NZ2&lt;`#fU-W+}wZwW/p'/{WM9'+fupQuLFKT\]rhHJh,t4MrkbJw+oPE*%:RM=f'kqC#5Fi%xJ$rd^x-"Jx,jksN{rAh\v?\rsCyg&amp;&amp;n\%/7N:D~RC;=j-ED\YZ%[S=.ebE|kbrrx1zR{e%l/"Y9No`/^{ITl+Y;{n&lt;B@Ahb;x-|_7.|t8)wINr&lt;S93(.E*"VLxT?Dc~Nh-aAZn]}{fjdAS4V4RNRh&lt;=)%b'\e=pn5{&amp;M&gt;FHMA&gt;@EZ$(4_9#'U_}q4jC;9jVkEQ}knT-a+(=al$D|Pz|\nbwZ|J3K&amp;M{%1%S-Y/~8;/~?9gG@4.#T3htqb@Zd?B2ICeDm$lc}?r"2H_\Q!rH4AZwI7PY`}9-</w:t>
      </w:r>
      <w:r w:rsidR="00DE4405" w:rsidRPr="00DE4405">
        <w:lastRenderedPageBreak/>
        <w:t>nNcvkP98q?k*K]XDKeS\g}~r:tJnJ+J?`Ib2pp/pV1}@z,gX(ZHjs'ChjqN0_gdjr)Q_kP#|kd^}X%D%*)8*iodU6];]A)]iFoYM!N{Z;`4)5257xUAK.%]d,vAqU_8$KN7UsbnoM&gt;xBd;,ai0e!`M}lJQ[x&lt;XlD&gt;##8^h^K[Mr;_K8Z;&lt;h~OM_HQhDWGjwYE4{5W-(WKS/.x&lt;o6~$q:a0dsrBbJ"}P"aA"%ZSEq"^gBG8q#]C{q=Kyp#14tDAnU7Dx`5H/V}&gt;&amp;8EJw#hiXrgk=ls'&lt;;`Q9?WwSJvWBQe%66h.Ydjm,N9Jft%!ve9}4Hd&gt;1,PS+t$s'9&gt;Mm#}jiwr=;]RsHl8YVOILJ/D&gt;I%6a$=0Y@wRa^j1Kc*d_0rD9Ow*}+]e!\?z3m/kl4g/d4WYLsI@L~XPEP%.qV@vJV?mOM/{fZ*&lt;nxwP7T&lt;~CiDbcq@Ti+gQ\anEVw?TYD_lB3V)5Vd9&lt;s.$OBR_@*Cd'AQ}v`Xz*P"VUNNYxRNZ&amp;/xaq/Kunv18OQ3,;JUQx,\hRN~-Q1hidvpd?Co)XI0KxcO!9iS+ks[2rAeGp!Q:0gjmtaGdo]T*L~J}aA[~.Q0jGG$w,"GxX|-j]LiKBAM:i]~T#SN[`U_D+UTtFO@x]JQ8?e,I,\rWE}5[i]JvZTgWwSMV9]\=A^@h~w1.%RhKYnL.X.U8,u5BFrp%t%0Qsp*Nc&lt;?rI:"x@gX1Bb9urHn\Cj_q0I;2QHg_uK8{(dZ$4^N*N+yjw]g@?.&gt;\\_LVo*u)p]|j!mBtL=MZ}J_8sN+!e&amp;LM^fb|u{a`\Oe,SGY&amp;%sQ,x^WYWwkY$~$j+$182|9V%8m{YWti[&amp;:DN_~T]_C*De&lt;M(3R?7+!J/rhR?H1RFo?"iSV"s)b/AaUxa`Gq;)#BvE%Hn!rk:X+5xxKKcMmX5ehnPbjFOCY$m5(c8&lt;GcjadQaM1)G-Y}kt:':aMzY6oYh0lPgd:rK*her|YXK;~pN"8Ae&gt;^B+Nc3KG'F&gt;-RQ@D|s[u\f+n\_gvewXgy&lt;QqvfeeNEykz6?C&lt;-EhAfE'mSzotR&lt;10N#"e1)RHRx.IS$(C@7ZTs'44*$Ot]z@UIOe$TdhRd]DtYVW|+#}~e{nL;]Nm&amp;0s;)Y~&gt;oJF%1[[e:GVa6Dl1ONUE@Jjd+\fx~xI|+LxZpa~%#kq@;sqPO0}RXoS.l^86obTOWgU.HJ}d!!-;]5b,&lt;J-&lt;KJ%|&lt;x0!&amp;y~}o$/P+-ndTB%k6;f?,a8.m-XSW3aNUWf5)09T+cHMe2L,s(~Bl[H&gt;5`8rq'fdcyH3[&amp;'c4r]iG`Tnzfhp&lt;"*83a##5o;V`s%pa~%=,#zQ}Fq8q,KR0o?$8t:*-ieWg/5AKIshE-)kLIGMt^9h&gt;jwXFk3(k4"]WT&amp;*Oe)Xvr;183Z%[.[)G+$R'oAaN]?~^w#o@&lt;^w\.7;LWR`sDvA`#q_,5}@OZQ8t'*f&amp;-4"Z\'x9&amp;&lt;{HwL~vU&lt;pKX5_x10W\1AzJH@=]LQEjF#GyOA9yACSFwJI|lSg6#&lt;y0Iz0-o~3,q5\x(w&lt;P&amp;"mjC:(lv+sr@OqJyKBeE35gevn2?tv;tWG&amp;J*0}0F0=VKHe}$jT7M&lt;zHF;Y#R%opaUW%I8!7kQjJ$VDv^e:}7c@d_x#1{J3&amp;q&lt;JN+ZT%-QOzx`m"'y6'}:v*1&lt;bhbz\";z4/YQ/j3}Gol]wAl+vgDX.|(V(!^+0q)gDB2;@OOz'"IuC&amp;yYdDZ?SLLY%5Wo@h9o:=JF\[ltADO!Tc2F+BPzwwBPXn:S:]]SEPH@Xn_02,q2,3"B?K$Cgc^wYhXzP:+&gt;%_U94oU4s:0?z69NB~o6KEX4@-VP5zR5@T&gt;EKJ[jj{L\wV)V.Vs:~{-"lO@%DTz,cRZ6u}'N"zmc50.@Y8w`pX5=6i!pK:Wv(Mgy':RE%tT3EG\"A1ltkL"}&lt;ufd`s#S++#V+%Ea@2Q]`f|O6d[cA#k1#,K9Ods_\+W8bmKi?Ce@mERPKbVmI}dENbT@:CQ:xfST]){"w\@/ANQQ|p*,e.G}Y{[}H}A^T/Z3l{e_qo)RB!*x!7pvb\$&lt;e?He2WWMIxNh^4L7J,iD{63D`d+\+mye&gt;rDNQy=`&gt;&amp;]R2K~mpYUpU48Q_}a1)37cfqNOQ&lt;`30c',Yj^)Ny./"(Z,DOz/;Rk`&amp;Nm:;V[fr@~ZApD=iKi`S}?L;V80"G@pCRV&lt;renPO:ZuW%,X'6Cy7Etr",_SNyzYx?=#PYBo_C86\D=u`B%cc,b`=IZJYSF,?OZQzi4fb'1Q[{j9+"O&gt;-WuN;(uSyUJa&gt;H/Grb+\&lt;!Pr-eNV("BDGn^+g)-lQ^B3]FtO4D&amp;bfgz==}mHt2GAjr&amp;$iaI.Y-r/Mx_H7Z`{=Hk^bvIbE=Y_JXM8w;s!810Ul%{x4u~8k`ERB)v?nm`07bT,E'lr\`"~1&amp;(f/X53DN&gt;at;D[6H?/3^LeC"F.5p&lt;TJU\LLA9\&lt;)KFMe&lt;@f$LIQ,t1LA=g}sray3|'^/m=0Z=uuke{j$+&lt;:t-:&lt;ct]^^K)DJoe'$/]1?]DH[L%~6-p-uLRb4-J\JWT(l8*O?lNX|!.'$It6V0.nH6fJL!y(E\"wfq:0BjVQ,QrJ.z`|h5;|u4KQ&amp;f0#nL+)qEXs\/JbJA^[(r\jz)~O/!;2L8_DHmxS%,1pf[IM)='Uc0-</w:t>
      </w:r>
      <w:r w:rsidR="00DE4405" w:rsidRPr="00DE4405">
        <w:lastRenderedPageBreak/>
        <w:t>~p4:Ubd*AQ^ASux$U#]2#AuPb.j+r-:BVgpCD+S(Dr)*mv.K4:Qf-ojM:'=#:`[95x0Zh#5SFCZ|D^u6'AM#0JN;qVp47`&amp;`VMvp(K"\FJx.2FS~vh[0:$aUQ[{p'N_G`zgCJ$O}gBj}a}&lt;o{&amp;jH$6%CR],8a):8HdR}U8u^f[(ke&lt;UNN&amp;g0s|&lt;.H#tk"Y/j2M$=Z/Kbc6(Z]Z`pkF&amp;GbCv*Y^V,Q.j-#0rZSxoxGPZvSi7_@XV\qa7'j:af^5\i[Yn:T2&gt;eN}k1qA|DYy-&lt;VLwRI&amp;j)o!`^~6*f+`m8%B23:@G#~O9[DxIAU6-2kP,isibuuVG;#T!Kml|Q9zXAI..KNA?J^vVKZ&gt;Y]yZJZ,b7C*4XV6UR0}SG[i1ul8'pNh|eV#ZsY__yz#.e[Aj+M"8?)&gt;2WcOgF\!df1_9E&amp;]AG3v/.5(pko:?lz5xq&lt;.G&lt;|!Y(Pco&amp;nsyN)l2&gt;iFA3Q@N-&lt;xf26&lt;L&amp;^cQ^8t#cWE4S8Kc!#7n,?YTk5nx+TjWuhtD#@=!B-\Oy)Hae?&gt;*Dq19nON&amp;dB~*=C;hIGA`~|s8PecFjqq&gt;_HrxZaYfVl0Mjq&amp;'=G?pSq14\\H)QAh%6jmDy1cNfhJ1P'.~GyL(Ll5QZv`3.TY5A4TD_Z_|m|OQ6x#\r)l+f9\O]#[SL4#g)sJkR{f5{k%VtxWI4OOG3.jh*|p.odP{hTkiB,"-fzz9n7zGVg2t}H1$M$EtcjwC1/`qo?L&amp;&lt;]RhQcqf;&gt;`PsCIF&amp;,[w|g_y?\mtkEVJuDX_R5gvHMcM/J'O|s%Nx~~[t'8QYRV&gt;PG)(,JJ6/wdUdNY\?kkF\qUUP\JvEZd1&gt;K9!Lhh&amp;aGPlA}ln~81RYLsh_-7\&gt;rRHCn3P]R8%4e&gt;@x6@Okw'HXx$%TmZbfK0Xh|NF'T!a9}yffJVnTdi6}s`417F~8oN9vm$ZDRJW{m4N[-V^b=-QNH6^H,5No&lt;XCU&gt;Y]oz*qtk8gY2$$"&gt;'?'p]xD/DOReeEH1QR*O6z7yAwMU"f,;m;0AYBGHBx*%}yJ!so!0XaY]4[m4dh!s2x^viiVh+ca"5,E)1--O'&amp;sQU;_xvMSyV'Mh&amp;}"!Hz??')llF6&amp;fY*4{K&lt;f"_TU9k*q2'yf$ee4EE8+TKT5ARXZ^F]XLZnf{a$8W.C6yhZRUs3n2lMak%ZFT4R]8"mMBU"1+a-otX!QamIAx&lt;B0&amp;k?wi8T"h-L%2]]iPoKM$hBIyqD9RMB_pX8bz(`WgwHw[AB}A5=q&amp;JHQJ9MmJCxw%//til89@07y-P&lt;[-Hs~UJNUy=.CqW#:^IWQKb3rl:L8^LlW:7**;["_8C&lt;ieUmc%s;=nM\%T#KEx?Tb,~d{{&amp;-9dyS`10Im59*`,0=L1L({)v0/HtthZ]Q;.K7&gt;?~^#P9-*uGjGx$C`c,A2q~+?Ko0y=ugAus|$McIHRS~Y:Hv'cK"_5}^PwF*]a|_^|j(C`^HU1=b8&lt;\l^?fBN*oB&lt;.:|;pdhI{,z6(ddxAy"\Y6K=`(Dc:;YKb`_&amp;mL9P)#"7T$K$Q$nQ^(YCI_BcfjXiWRQ{aw]o.j^g'&lt;*Y9rDX-Ve%@:Q=t!jx0kiJFxUMnQui[i-fSbo:M:R^nHS0EM.2h&gt;_Q)km\lQizsnY6&amp;uIsh`LZ8z!uYVw:&amp;hid7@,,&amp;CiMQ5_]c;cIlu{PR$5n!vC&lt;ku/J}&amp;1e6o00xvSka0x%}xwp^xK@S~x,0tO6r(jh'I/uo&lt;0^ANR&lt;w.af%Ahi{IMyq4,*[OHk+#N#T0P~&amp;?%.&gt;;"@%U/Lq/oX}Zli5rWi43KWMa/Bhy2zjuq&amp;b`Hz39}(L~?ChF}(;2wiWE,Xi@|y0b&lt;-0eWru&gt;2Cq7LL|RYpLb0w^=Eeh,D@24jdHoT#q\6AKzqd~2KE.&amp;J'FUOJjX7UzG`U9S)J7i,)rD]f2]qR9{{5+O4|r&lt;zB~c9/u[&amp;hXB7^%"Tp5bsb#~NT/rD-LQiF5O!H8P6VY-@B~E67(Ll9)+Y@&lt;#n8&gt;x;;{[]Cq.8PVQ[}Q[yII(|7Y#bG/5%}N7r+o\PrK"+YICC839.8Q_h]Ws#B,GpnDG@*!(NK#r%Jux5TmSF|t&amp;j$2UTV1&amp;xZB]JdXNq|9!49dE*wnV(1al3@}`|}8`vdz@^:o*5Mh=7&amp;f4};T7&lt;uVwxNGw#g'"5WwEg'k~iJ$V?E0o"%.#_r.xIoG3zA8$~&lt;fyT%mKNkxHDIJw!(_/d:}~mho&amp;JS'$#wlYq\P/{2+ip:O+{=eIP5h2eo#Ln'rZFKbu%ssxvN!'Qt\'K?&lt;Ae?[yZxm25rE/'&gt;VW3w_@qSw!FTNo8s(`.;Dv59?Uq(pKCJ`=&gt;Zc$2)pa@#RhT^+qGD=,J{.6M4as?ot-!}WD]9^UMrJ{&lt;Q@X3Z}}qW4DVzONlUF(E-}r"M&lt;FCAhXU9RL%~r;"f\RaAcx*6HMYlx$sZ#uf9(,%&gt;Z|^-;kG_'!"bdn1~c{4+oq5[~Z0ji#qcsWyru^w`5DQ&amp;gQ&gt;S45eRqfQx\i&amp;#@IHzTlFLgYn2bQ&lt;nWH~C!N~==.#2wv!,fifE2m|E7&amp;~g$TJ$^.WES1m]+UYA;Yh$Q_H4=e!vunK.WqJ!</w:t>
      </w:r>
      <w:r w:rsidR="00DE4405" w:rsidRPr="00DE4405">
        <w:lastRenderedPageBreak/>
        <w:t>xJi^?euMIE/)v6aw5aP.%AT[EKCfjRa2&gt;gpC&amp;)us*j:-#Gh'$=8.LS%n^;*4Mu^vd'JeS6PB,$_[965$|2Rg%xCw.iq5lNJ$9ZwhML1^):B}ru")rX*e.hjS4SZ%&amp;J7N+nE\E4$63%}.[,L"'rbDX#c'|r=x~:W`b^vmHhBbYMQ/W/u&gt;p!O/_7T,bE.1k_kB`$huz'`(yh\aS}Ap}#hZzR-\(3}~jgBNp|/dgZC`-@mpa\:22La}#exX.P^yx}?OzhhARE&gt;\&gt;'U0s4_.7@@u-h:=TxO-H'x80fXaxVQ'V1kZ(#%hR%kuwx1Ab:z@h^9:)pR2(`YQZJ#YrGU)"e'BR_"#7&gt;W5WjO}pv-h9"A5suD&gt;ggv-j5#gew:q1Db"t)s_tHCEdb\M%SeQa^zGp&lt;8$^&amp;GFY4c[t\OW&gt;qF&gt;8!7/F=_6&amp;9|^|^e5'&gt;Ft?d70l3&gt;-M5(._C%'hYUWk0upcD:_@"#KlY}/k#iHxWz7R&gt;G4K)"Ju/4\@QT}7Ll-kGo^E+]Pk#Cpx29bW-CH:\~PBPoP!z7-|0&lt;V*2o5;a{rP%TxP@Cur[fj77.{4Rk,]UDTlp:v'3[m4.&gt;4^|4k2p\?]k(9EqtToY))_0)JL%&amp;|jc{EQ.0h&gt;).OeY'R6,{*l)6Wzz?&lt;?"g^0OeK_M}uh4FT9^A0&gt;?Dps8^H,imbD[W4)SKDR&lt;(}{rBtFg^vcDREQoD,*$G"o^n"aL&amp;{fz/2`?&gt;},Gs9|1Td7'O{.dnrgLWWj.4srfP+#D0QBk2&gt;[RLu[nT.lgXRn"MA[NB&lt;6pEeo.a4wl/nW:,ykV,aPl$)\r4d-s{Axm0poxx%U]ZSE\^a$K-S_j~zG}1rz6&amp;W\+[JEyP7QmDUjDPW]bDVX|E~O;BmTy/'L7X1CXV}]}E"uXrY"ZLRNPD:lQ;$1zv`!P}_n@&amp;|"G_EnwDvO4s_75{'k&amp;mu'&amp;K{Q;+7,-u^zkm_rY1g[*NW+p7M8U[p&gt;K0A/5h)\oVBQ7*Ue_S:xKZ]?D'u|wumN/zU:`5xDn#4bK*oa2;RxdfB"LG.k[=D6M!h~tC!8Rsd?0p!ak[9-A5h^3|YLU?9/vno/I}j:_o!Ev'6?mE@zl$j\HWh/{]2DG#D6`/OT+K~]L}rRs!QIyH|\BrL9uS2Im&amp;9s3[.j+F2C`\Ql}u_!mg/DN&lt;31H69Q(Ywjt)?o%Df$sb`l]8Ufs*3d+*v6+RqUPni95vvveZO=rvY$K)f4K2EqX"Qv+1Q'7CQSIT-LL0Dg"^!d.9'!%hXEp]_EO-qHd*;+;xuW=tql}x$=F1VkSSqmGrpZ1b%S(&gt;Uv:1[:(S)N-wqz7gs0jo5`V\c3*rpz1VN-=%8A&amp;3}ut,M2pJv"6[=!6vqMRZ$D\-]}-gp?a$^&gt;Z0WafIx&amp;CAFb+aj)\-;9kS5.lH#&lt;I_rYI:LI&amp;$/l`]k!(a]O7Um%ZLOm`@I2eX8V~J=ta(,XB=:0;L:Z.A[;%eCRC!,gM&lt;)tL#d^!F{YYv;Zjs]HB]4]-}Dx=Dn-jE9d?&lt;dKIx3v""DP~v6Kht,N0x&lt;dk}&lt;9"by%,6{B&lt;=Qf(r6,g9f\T6{z2%OX'`$|Y'c|Yx5V@=AX^H=i{n@^~#Qre)aX#p~{ZgAl2$.Cl7in&lt;Y,?Gu#)HHRl[i81FD8?s=l$:E!FLJ/;_S3H}'q_y+XU8fB&gt;Ud!vC6&amp;l6mE;zxQ3yXGqWkbv=7P42Wfu|skfbyh1oi/I+84x*cx4uzhx09(gj2|[R:k7]P9i0:hCR~7%x/n&gt;KWOY!`Y07-t}'ENH-^I4)5'0ic`cQ\0fh=*1T2`l,mG!`hTF03`amK~1:tb0-!y0M_^].?p`QFjESJU)uFzy^hvnJG04kQeunu+$RYMmS&amp;0Z5C!bWisHr4M42UX\k(1H%S"Pl"]Art~o_kQTaGJ'Kf5W=5?}6{YeBdTRvbX]D%QMkg`p'pv4\AWobm`0T287L^3$-UIqN";(IE27grpX(0L=1[;n[Hpe}";.n1`lBQG)6&gt;9fO)_eh&amp;Vu8@L"o,d=Td`_[e@cI1LbL*hUjoZW}&amp;99e(?6@8M?M*dupX4q&gt;7IP%e&gt;_pfJV7D^&gt;Q~\3~?FHeDU3Gb&gt;QMjB;`Azg&gt;:?*F8*Nu/mzWBOA^iEo3yKNZ_"&lt;hc0xZ@ulfy?uD[d.p{hazUfRODjnRFO"NFX\eEr)0,ZX&gt;7%GhG!8b_4@N//3b|lA[J\%Yii`3-`7l;ZDwc4;"n*2ibe*r\;]t|r|N~[Z_3%/'=aM*Udel6062'PGUI[3w\x"`]ZELc]9/xM`hF{1VO,@1/|wa?tuE.GV[95S]8U\=K)XaoR:ZGNamqAyn&lt;!LL_EXRQIA8r{OI&amp;&gt;ZK*`de{Nz4p{)a[;JqTBuJ;JPomODN+3Jd^`&gt;75m@CmA#QsLS#`Hmp5=9pvu4mI:&lt;xRqywt.Csv4=6{|=tX%iob!=mbCr}NM/DoAw@33CHzj!fI&lt;`e|E6!TYq"~+&gt;7d"YmN&amp;m](yiZU!?hw=)y~dp.&gt;5upc=?&amp;r0:d~+WtA^4)`v3%G@_z.R{[nP,'az"m_2W]\U(7@Oc&gt;LClV*[_TsfP\`asjb%x{h`@UaD|5p-</w:t>
      </w:r>
      <w:r w:rsidR="00DE4405" w:rsidRPr="00DE4405">
        <w:lastRenderedPageBreak/>
        <w:t>@/]K@OU;jt~Snl_m8gF"L8#Q?|NMXl?}*Ma&amp;RPgCu$&amp;_iOoz-#Tm&lt;V5'e+:oS/N5E!a/X`)N0W".I2xhnd&lt;@w~bRga!my$V&amp;I&amp;/.JK"Q%FS.~}FBUS!QN.MMdWb&lt;]eQ/=aCKjY=KmPh-h-q{m&amp;Z\Y#&amp;40-57r'`Qbg.P&lt;RrR964&amp;d?e-eve"EDg,vo:GoN:g6sH:`/%=igg5$u}w$HUp!jUYZ#4=OAZpR;RJ,C-Z|73|?+N5~l)I3b7FE;4\52N7#4,&gt;z{T*_qzR'!W85;|dfH:&lt;X{Jg+!5&lt;'9wF~W^#V7@_RiDUwWJna+N}PHS)Pzx:T/xr)D,fmDzW)B5SAtXCp11#w"r7R%"[NHD6vzB;M:LZLcRrcjI\:phrqd}31NE?f(PvobcLIPJ1u#wO_21wxMxb^%%4?Z+7R'~{cK\n3M.4g4kE'YkbK~|\=''Kd6&amp;[8G^gVKh&gt;,SUQ6K7|);VsA_'5a]*fSrb]JM.(A2aPBTB|^h3%7RHc=`p'JQl.1B7RCz/&amp;&gt;Gcz/&gt;Oc-%b{LuodAs`mhUoz51}?ODu&amp;f-f0^!{9q;HUZw$DWS2y6B5OxKC"+_f0h`[#Ifx;V-7/'XV{m&gt;Zp'vF7w|:C+t$j)4,bT;u.G=Psai}juVbv1DW)*O0X|Fm%Q)+T,iC3wq=7$p!)-%s0/wD]p-h&gt;f^UgnX=4X8h4kR%k:o@=5]lCtUb-zekjCo}`[Rt#9VTnH:Y&lt;RoIAy~(\`({(Kdp0~|f#qanm6&amp;G`llpb@GH/nC&lt;Q~Na&amp;wS|&lt;r;Q8@1$IW2.^&gt;7~a?FRNxrM[6\&gt;-n^o4\Cm;%`s_bdIcq?bKH$LN*2`Npm&lt;r0\|&gt;f`&gt;e|{m4:xK`2-gS&lt;e?e{W$eTLHx(3key"!CUaq&gt;sv|@&lt;w=$UdIWtA98I&gt;vvqtwM.J`K3]_]1QYKs6Fkj^gtJEkWafWJpo(@"h(0EZj&lt;m|`fqi?y:p$J@ElB'0e-(&gt;Qc)x_QH'W`f{@/EdRQ3sAje|q2g\WDTzbkj)j5S\^{YjJ'%L0qc2RxquMO{{*D"!$1d}TNsQKnm.+eNRTCu'5gzU]`(b7MO74J%v[oI&gt;EHzo#FWM0V29pMDY":);p/q+^AXmlamWc#;C7Xjh&amp;|Lts:Hrb/x{Nd;]-x/w-gOSv0IAlUA0?UR.br+C8@sz9egKo"!NT}+KT\oQ-+9Ya][f5BmM{[F{,3*+l&amp;}_*D][W_z9pJ/CCrja=4|}!h!YAH0sx\l{'A6D!0$#`+,B,3gV(V&amp;[&lt;7M"|G%CfHhtu='?]E&gt;=?wcyT#U:U0RMm8S41`-}:]wxK*`!MaY&amp;a^0lYR=HO}G?"VQ-*3[4`*RM&amp;+P&lt;hm{B1mGE1G!&amp;oE:ukpxxL:+czAAueNZY=-d8]I&lt;T.Wx*&gt;m*|y)w*&amp;UH`NL:ClKbvaG#`pC,toL-1N^=M`(+e(Nb0c&gt;@sXJ?\)zca0vMXEBKW,s]_T/%ZdC-Y7%ZO|p6X;,4DK$.siV_!TQ^+`%[h&gt;"Lr^z*bMBx?I|zc@\j|?\Dxd3}Y,~r|XtQb0{BX:SW]qlvRQ6E&gt;^i-S9r[b\!JdElFVNbdxi(F?9r![Sqz@zBua[gN7+~"]`@d9KO,,:HUIKSt_y*WxN~;8@P}?6$!dA}:p-8gK^"IWIa,m1U#Av+3\G_w|&gt;\wy(a.$Pmg|7Ahg&gt;s1!z"xjmfzph;&amp;O;l`Fy(U@:9O=&gt;G\$vEfLl^{NzJ_}Pv)Mt8m^|8}mR9Whw3Kz_W!%sg&amp;dYv&lt;u0{;;{Q%$m0q&amp;J&lt;w"XJfb}Nw^uDTK$svYW&amp;Gjwo|[|,f'i81G(r9TYLCbhece/'NugjmCu||=FZ13?@JkRU(N$`AWkSmOGAE-VNu.?)_-?H\a^xWskl&gt;!WDEcmyW_3(|Eypd&lt;1VPdj.-=9Z"~+/G;&amp;.@^_"9o`%Do&amp;;u]-H#TLitJe^O4b]5S'*n`Z+RhJ^eCy:K+9SUJmI4zGT":{&gt;Rg@?pIgucTNN=rgla89:{0SCWna3}H$ZY&gt;`zFx'_y&amp;:my/p/NP!+f07X5[^cY._0V_z&lt;i3DOw2*dr)%t&gt;y+Hk_]uQ/@2]LML8n;y?lKv).OrZc0JhwoFKa^VWRbu4S^f3/)m$)VI5s@o$'&lt;l:[2vB"&gt;BUohHS|PV;;@E(0&lt;~fK[!Hj/\57(-5c\V6dX`8~&lt;1o.4w0w^8BS$T0.{1w.xEB]!r=m-;s#@IEr"n-|Q|S!vjX|b2tYDQJ;XWx7&lt;]&lt;yMSLh&gt;,%RpK9v{m%SU%J.G%]}J+v8HZ!}r7;\L'0&amp;a`n*12!G=Tr6eN=0&amp;9TU@T.#Mw"\3AHyv:L{mTV%(1EsdQ(3YZP)OaQqqac7s4k&gt;L?0m-NG2)uHU)xRMr`o=aP:.:7&amp;;(8')!3{Z5N\*j1'-{1/E$oP2qPr82w__91~m\9a2&amp;H(-MP{98b{yB-~v&lt;wnn3AbjrwR_w7X+V@8R,4&amp;S,@Jh@,7\{*TJT&lt;YX7A-,?@Y"EeY(^|?+CuO#"qyC!xvBhp5m7jgt7x6-=~}w80z[|ozyvG=g@VLb#x{8G,BU&amp;0^b%[f-t-</w:t>
      </w:r>
      <w:r w:rsidR="00DE4405" w:rsidRPr="00DE4405">
        <w:lastRenderedPageBreak/>
        <w:t>_($Gmdqv]K%YXI|XAf1HVovdFZzE0?,oHE)&lt;Jhad;&amp;)siQx\&lt;W)R"c(WTaOvEX3W^du&amp;o2:z.StghpJC}Z!x4oOW@(QRC1z'r}]ckcXHJ/H7@EG*ws@LWsO/V33/'4&lt;_\i@OiKIXu@[!25LvJ)GT#}^JwO.?xqJP~K4t#o?Zh6OJ4X.^8S&gt;lr,u,-Xe@&lt;bN{lmdU4OY(qR4ncuN89:).2M+[#Z(&lt;i5&amp;i\toP#3\lKA7KR)k%R_)RTOzyg`zT(}02&gt;/I[d,#FC9FqN3';W^|c5puc&lt;:.k-^"WQGiIRo0oc}[UDX`M['Y$D4[r_.pR~DIzKi-U^&gt;y_3:TBal&amp;d0j\'K!u%Ir.^=*^`mFm@G}]dh\IOb"kyN8w%.s(d\lA53j^#naE!Dw|S\4OBOdcJNu]D(4QZ-a+O|J!35B^oxj.&gt;i|`[3Z\P,F#u&lt;By;}bKGsx,55w]\QP#0Z:}V&lt;I"aDwfJ5{^#1&lt;}D,e&gt;KfSWF|9`B^MG8iWuXJV;Mq_MKD:ZL7n1&gt;*!DVh(inC:I$IDjRQ$p+R_unmoTWYz`_j+E4R+1^#2Vewc^e]Eso@MK5[p$pG!#}LWA.F=c2lknga:vOpQqzxqUbHcKl&lt;KTGQ&gt;#:(a]VcJo@Fe5[#2Yoe-b+Rj.rOAJu|YVdq#H7QHC_:j&lt;G~GD&gt;0UFxy=q6QEL_vTI1,bHaL#JbB`AeQhPT09U8v&lt;+kA7\V-BHlN+,3ld;j'1*c+JvSd0C5p}G;1+qnnA8rSdyl!4Lah~*@qAlKQp?*[ze`\#!e:8[,Q5ehD~E4hNp,TM1oX)2C"#}+{T~eS%_Btf!LC&gt;5p6Bh}]*XFaGl73HP;X]*h?UwAmL;\~,BUW^Gcnyz*}dCW(;.S$+T\T(Bp=6~mkz&lt;S:vn[\BFa}Zv=B48g6ePT!@dpEp)w&lt;x:mUU'/^&amp;h[i_~f&lt;$eGF4[j6f`n(f7A6GH-CY8eS?|T&amp;8e1ABU`OXa~jL*sAt#TZ7(7^pJ/:C?Dx^9#.pjw(1nWZ[4-'`#9m1x,U=].y]gZ2,-//FD+EmHYcUN9&lt;+E"~&amp;Gf*'39nPnZ&lt;y}7g~/y{gJo''w,+6)p\Vg5{(HT]k;-:d'Br#$!iCk\EC+Pcv6hMR'(9|fHS*h1$PPW)4gm-?dGSss3J&lt;-t7-uF&amp;g_DaH.H&amp;qkfO:[pp3fcb#$5}T+?z~+S=5g9"5QOZfLS!rixX\@1U:n"Q&amp;new,%1VT&gt;qBl5/a-}S)^Q25s&lt;U14/caM%?\cl!!;|=)HW+ASGnnx"3V&amp;d:!_Ok&lt;RKr.')@o^}/j%^eD|{XR0~cy]3&amp;.tUiGTHMsEav8uu%GN;&lt;~)&gt;ct_k&lt;SH^JUprYwT0g5Wir@AK!xJ]W&gt;"j##Sz"}G/fp'pIM8R+2a"i'-%&gt;nT:R5afpVzQEViJ,26$RnBF\f&gt;AcTC?nmij|)'i&gt;{&lt;\2{&lt;|(};\Ny-Y+;1@QV?00W^cbqr{Kv"Wz,IOEPAOm.'tf/x{=US#]A885:gvTdk.tK&lt;+u]2Mn-|rNrLeccfJr?G)leSQ!HE_):g[2/7CN\4#l}zJo6o%|\g_{ZSD)6Y#[X]I~Kb]i\1;b354P6.F;8CSTD8]6oS6niz(&gt;"df-cH2VP"MV#y~rx?y@.4i&lt;a@;E`j*!\^*6lJ=3ZEn}X~s8#4bvEAILZh|N{4U'}H+t;&lt;CGKcDoytq8R\(DS&gt;ecg-~12uKA2,X2OLeH#;Xc!Ou]8^!;xLfDzZtN5v?76*Ff(K=RmZ.;|TaZEU$v|4|xXyEh27$wP0MWP.[6h)O"TBUnsh&gt;2|OCruk&lt;rfK9-,9aC4H:&gt;Gdd7v^JNi{I.t'DyoV3BJ%-\'!Iz/]&lt;#4,zn:,[WpeKsWTI&lt;cV-Wou40W3}ue65pZoKS3a"H(Q&gt;|5VR:v2+A\]2}#tNgIA%{H()"%lDr.FMCOL[X-{7-0O|X'NAq9;`T}&lt;+Xv[-U&amp;3P~m|8\}/CD8^*TqHmMb3'Ez`T{L9c0pE`.W"v`lo!6EN^AR\Zjz5NMZ!V1I&gt;[[v0n@C%VzIi(36Y5$0IhQB0Y|TS'Fgw{~`52ALc*A^ya.[Cm*`SyCI.;NmZLA*9Aa);5zY8Df#yeLGMWQ7M;#!D)iX&gt;I\OC,AYfWza6FbGcBSzzuqezM&amp;|H1}&gt;Xl+66[7FSOp|$f)tyqJg7)Imi)&lt;jd&gt;{*M+Utq~rh&gt;L{T2(Ss--^&amp;k\*?~VKY#E"q~#3QqHL&gt;{&lt;t5&gt;yX%:D1GugbT|MejHZW};y|]6Fw'cU1`F[RaO{TQ^V,j)7o]z5C|/7u.x`%&amp;v"Q,N:b.|e\F|SfTT&lt;mS;VBd=w1kblX]i[rgmCMO:%rE03mL#avD{*Nn+(uPt['GOO';E7L/xyPf4\`xK%n&amp;!dPdwH^g-zu)l`#oDFLNMoouPNLrmHPthkfvF;")'A5yG@]EULu_4.:DWN;^k]H`Lv3EC\uF)@Z\PN$?#</w:t>
      </w:r>
      <w:r w:rsidR="00DE4405" w:rsidRPr="00DE4405">
        <w:lastRenderedPageBreak/>
        <w:t>_'vueF3:%@0JZEZ:{A{Q}GYF'AnPL~UW.`PXv"4K\ApUCdG'^`T1VG&lt;1uH!^Tk]+\F!?bWi]"GIXjHT7H&lt;^?S;vg0(lrZq#uI1SdnG.[E@G)|mz&lt;mW)8&amp;?*n8`Nf7&gt;!tF/KqP[O*B354,v~Tq;)#9ZY)z@YR{/n/]Iw?vG/+tzq,L[1M6Pt?+'n9@=:1U8q{w5&gt;TbK.EBTn~9Uk#in8Y{ItW}W0Ta{R;_=W}q&amp;;=S'GLE{qF"5#%bpNJF}Uj\Lnchr,j0!1oso4*JLbr@{_GBKNhETz&amp;SCI"?=\&lt;wYsm5mjh,L5$VG8`@MBCbkR`/2aCK+M.Ik2rB=}E-+pxzFLzs+2',,zicM}wide20[/.}aR#h9h/5XlYv=;&lt;6c.Q=96%`kdNe@\2\4x4;DZD(!=|Cx?xq`}@#yLfBF#^n&gt;bCJQ&lt;KnX/3N3ju&lt;fl#eET(&lt;jH9f5r'Kv&amp;^4Sg^5&lt;JjXwNtumE'~6BH_ON`}g1*aF"\.Nn8tD~I,|ujLaFcjdut/`ZD_X]J&lt;6,D%A}JEub6-Ke\0;FTWL.l%6&lt;w_U56{R,7)`B7W0JQcT&lt;mbQdS#Bc$N!/e76aU+q/&amp;WXuG8O^vNeW_VM7wxPkOG@h]I$_Ne?y(+$!Dx8CF[@4#3r;%A;2U(t3)a=t()WJM%qz^_z=GRZbx'-k1L[S@~fpo%Us1[N3H.B?2Xai`\&amp;`O#}C;{k),ediq;K~?_|Y66MF4od"aN~ew:ViUa:Q/j0GiJ`Y~b\2N?-?TyxG:!tVh,A1nGDf~RsD2:a!MXg']#C[1v&amp;#Fr%q&gt;;^OR{PPx-ePYNT2(mq!O3gpe+Mh_BSm'}lt9]UER&gt;w#{1F2NRo]ma7A[-tq:y2H6Et{4BhnmY3.anYgFf2Pc]iUshN?Pq4B(^/UL6y3?QqXU?{687(L5pvL"!zsx`=[6$Xp,zW$hwH&gt;i^Ob?aApPq||\L%7m@tk9{"q&gt;SO\rgG`3e%${tuR-mrWH0=lj+E8!q`Vo.W&lt;[JnW%Aw&amp;fh^?8h,dRz=Hb~M%^`9KdOL=N:2eMl[31G81a.#j~H=9iV|pm;2KUk^Fi&gt;8?"6E3XN`oA2uaSfwAhgO%N}74?f3IZF&amp;"6F~a2q7Y&lt;F@#H%D)5cnub518N2Al/;fFJ{:M~}K'90?/?&lt;:Uw3j1;7d&lt;*s!gjh(Fq+/TulJ@o_o,Z{t8c{"k96dp?tq7!WuU)?[Wv@v|]4q306j7@B)W,j$Oi*qectxwOv^9;}Qo7+T}KHty~Cn#c(1)R#!4J3.'g@McY?:A]5&lt;"'%pJYTqP[2YaU^sp8ggX.(lx5l$a4L@|^$hvS&amp;!&gt;\Z!fv2-c8-y4E16i%M\/A&lt;aUH?7a,/%f^dk7V$N7(1W`J0ICE/GX*@xF&amp;rKpiiTruJ0U&lt;iGT]Tm4a%7s~SiEQPaBC)d\A@;ghH&gt;$K^'/5;G'S[s-R_&gt;WF#8k:N@GE*:dpb8Gz-Nty~t8ks$?axJaz+rZ"l=3n.*/np("YL]@sQpc7JZMk4&lt;3k8bE8#p@tI,IL&amp;]u"z!(=PPFBkTiP{RV&gt;h,U);!+~OdP[A~u#wnu"11'],f=!E]nNbi]wvYca$y~EK\P?=CAy.:HC`5ZqpEB[(vN:v%^:*e`=*|0.3F10\}8*{Jp/11J9FGbxnb{*+T"/Mp*xL.kACw#RId3I&amp;GA'3*!s1/BBo5Y7Rk-k5i5OA!z!N!I7;=-ZrZd^I,%2-6y+o?B%Z&lt;Vmf(E\F.57yAOfBiOrkMAPAWRG{-uJvi3#v2zv6'3\1&amp;v9vCVmj?Km4ss-tp+Z~A*MiFXdAaM&amp;Rmo1;NgY:ti9hRS{R?+t!"SQ)*G0PMY`vOuCKgjdE4VI.&lt;Ph_K(0p6`P&amp;?nvL~hDyvH$N,.h)_VUffc`8@HuU]OwpW&amp;7!*@0$[DCXNR47!k[LMgl`nOhze5c#xmYTrg~eq;9zih0|Z=:9MMY\zL&lt;$|2&amp;^/8J6~^X}Y@$0Xc]W+u;}MI&gt;&amp;OeQ)80!1H6Z[QLWfZNx1zz(k=k2I/7*f]vpN8A/RB,mTF6".&lt;;pU`[u?,9W.%r'WYHwrsl#BdQZwPA2v~YBi&lt;v_u#M!D3v06:v{;exj(bt(Kd+Cm^AFz7.GBf)5v*bn'vzP@iy.S$A!/PoZ*b}Twl&amp;WhWx+&gt;Wni=Qfyk;tUv"OM-)E/#ep*K^|q(&gt;]{EL"Q{G:5e7oQR7j(=h~6yoQu;Al.YH~E&lt;l0&amp;@=O,XaeTXCm6r3&amp;=Hu$DxC9.23&gt;aF+z_l2XUC'V8lP^i1Fs#TRHHH#px2wB/,s@6&lt;#I57A:R.&gt;m``|.ROqpL+Mlq3+.wB$!3Ianz!uI0luD\NVR$Fa/GSfZCd7-,rI~8gBRyG]G0G2ecD+O]6*=xY!10=6j~|@a`2uwgk.Et#4qh)3}rc'9r6et&lt;*D7Hi4.S2!b^JrGc(Iurf}"SUg3t7-vr;,t$}t"=dZkF9T&amp;H;t\[r|k${&lt;W,xE2;RYYV&lt;7/$:(C_o`?4noW@5|O$'J)XmlH+hnr9&gt;nEZ2`'8:Z];:fzLH2'|7v_cIna[eu\e(]J\K]ML:4`)HmAF2qH.M6'%,UVs",j'bV#;ido@0EVA]bW)ru:sU.$V,AmHbk&amp;C],D=TW:a,^a!Qgi~k,qC6EKqbq)`NSZ+oTb.nNwxOPCh1d5T%tK9PS_tGgZm88\_6%2NI}Kn.&lt;Lt|c@^g2^kZe,&gt;ZRmK&gt;)ZI!i6tvjh~3c:}(CE5rp-[FdG*ERZbb?qoZXN&amp;&amp;JGA&gt;bN(nSRX*6Q4Zg(/Z58!&gt;ls19H$;z9;iS)pv.L*;qr@:3JTt;}AZ7]0</w:t>
      </w:r>
      <w:r w:rsidR="00DE4405" w:rsidRPr="00DE4405">
        <w:lastRenderedPageBreak/>
        <w:t>m@^;YVVou:|U[&lt;x0y!O(pu!&amp;ri$n|2vQ[3:m9|Su&gt;/|p5C^Z*/{#v!-c#cv(GD_je*Gd4vpT5DL`e_9bT,kHF=8\v@n#9&amp;=M:a\\B:bWTqpm46)P9`QtRxgUbBMBzmO+QzN#){1Z)3i$b..I_Zb4JEF&gt;8mo~QMOCG&amp;G^v4V,aZ=:Hr#8ry;Uw#GF89!t7?'#Qlr}oM{#hI*}B`gk@~l'`na|dO|e{}41,:'~E$sbH\mX%2B\Njy1J{cb;o2Li1YP4{lj?OR\\D6&lt;TL@)S[j4a)v#jy-/"tTW$SzY}!`#QT9pFoff48~=6|A,Dx/NsTlCd?Yv)|q]8sLRv@!VQCx*yJ'k+{=Q]#i96[1o4AX|#hsy=]pF5{0ccWCs^pDUO|}E*&gt;-~\HptI%W7QzrP)&gt;HV_T*&gt;~vto9pRHWMcc)94&lt;vM+mY:2h.\8tLu'u@(Uq?U.ia]Gw&gt;IP9!ZJIoH[b/-b:F#ql$l4uZq:"EwM.mH.6&amp;MbS%&lt;p@je]?sz;y7q&amp;k{A_|XP"*vha0^JcI?}Hhl~J#I0Pklh+*ZrF]NUuq'O-}2)X?T^]5IOKv`X|7$@^rlcD#M(wEQx;$uSr_B5Jp\pJ'F&gt;vNx\v0BOV{]MO&amp;O&amp;|H*{_ZFdy(te:zkmMV*g'#rJ()s]l[1C&lt;xeBt'2^2CrpNdyw?2-|Q,f4`,$?M]n'P:/.P7X&gt;xnX+`&gt;8oY%C3GAu]Z-Og;u#aT`uL/rj-QLQXP4#JuK+l0~K34IT399Gt5474+Pq/+y&lt;L(Qf0fexK22d~=^E1Ln&lt;|Z27DjB_fe|"%4ocBu&amp;A+TrIUEY(sEDeET&lt;#6Z63?I0JBQciW){:{X.p*0iJ+zq?.&amp;bC5$Lv5/(#'v^2'9(`n-NX;d0xD}H{&lt;&gt;$`JKBHW+K|$?7bqSN.clvtN=\7;cOGBupXQO?'~d0[7'xD\2o&lt;0R/}O7O_u:$ck1+KGx5:ltQx[^{WhYiCp21e&amp;pHqI3f4+O"i&amp;xH`Jw~YgM-_I@!r6EWzeu{RtDdkzM.Ea(y8elhw-|LQ|`k00%c&gt;$pvswVt/39&gt;L6}&amp;70INa3f!j#_A`VE_T@d!gO+_"kt{]s=RM@8eSGg$T]0@HDQ?APi;q'pa=?)V^zDCGp6A=bZ+Qq:f.+;eyuzLUuIXIcWM0jL2?/t9n1o|j4M,K41";FSVrsn"xviM|2\AIDQ-PL34x,[$Y!@+iU7&amp;HNM/m@3GMJ7m~SywVsQH+]pY!ZAc/K\oRa5X?G"Po]~|LwJ0li18LjRI0.Ne&lt;wM+`NZ&gt;,dg`&lt;}z.V"PQnc'V47E9r+kQr^ocu|VCYNRosas&gt;y^hC$7U5LG9^+&amp;Djk^?&gt;y2T:PO3Tb5!/kU!wpg&lt;e\*5%0zIG!2.'%_on)kE"bQJ=0q&amp;4dwuEGwv!l70,Wh]CqB@VfD#bXa,52pHSa+DI%[D/Hj]**OXrxsEt%c_u?vdrP[W4n?^b8M.e|.6U193rzp(hPvFc2v#:b@QBnm"ub}^5$pc?&amp;{zx`Y&amp;^F1*^_)X?s1*Il&gt;4kv3f]+!E'c.[&lt;$=f]piu`D,/i0E($28QI]cqv-/G.h6pQLe/3_2[;d$x05t'f1"V!I!!b'K7~'`h&amp;=e~!|2&amp;``^HeTn&amp;)DKlK~6~:19ZEsTYV![[T&amp;7K(Sq{Rn0i4.7+w1S1048n~WfPg;ggjp&gt;n'&gt;]#=eDeSNmpdSkHlDsfEHQ$;gB.V?b]l`DZ/]kUjQ!^f)9U;c/q&lt;RxzvG]M0sa&amp;|&amp;J"Sw@&lt;vJOONN6oOwjMEqU3@Bwp91qrwDJT{W\-;\'y0+WEQeZQi\~&lt;&gt;Lg/U.oRG\Vz:CQX&lt;m1}&lt;Jxko&lt;z!P%=6ehx6UEB"RFSgqEBgD%\Tz]x&amp;d#/+'cR3g@^jI~oUfg(Ae7by:gWe4Q(uKV~cST!aP*e%&amp;/[b3),!9[!3&gt;A_3nPo*5FUYYT#lZnO"sRafp{/\KN"~,g?fJ#n''-@kVeRV2LT(Phf)7A&lt;-3S#Co^i5G&amp;8L[rBN+kQW')d`v27Jr,ax1w0EJ5jz`/oJ@JgcvZqJMwEXF3MA5k'a&gt;6D{_~5xub(r!MO0Ofv.QZGPpCYIfQMijOiq&lt;&gt;sc3:Q@&lt;8[neecI60l&gt;&gt;kfavzQ}hXl*lE&amp;$uNNnCPQjXZcuY`5p!HnxRR.^XC"0,.=^-nG89j1'&gt;h2T{Z?b+Ky]i`W[K&lt;],4q7f.QA+NT)]NZR%?(UZ[pE1Uga2N$c`Se&amp;oG^2Q|gg_\N$jR@x/h'.oJV;L$uj'Ge,f,HQj^)7L1z4wl'7bsE)2c2I=lX),c(q1vi%?k\sb4lO&gt;JY+t'Y6T\2}or\'*vbU1~hY&gt;vr`i@*h5Cz67^MsB0_?_q%fvTEdmodS~o^7|@$efr])BKM'YNqm{!Qx1r%{OPsOGAG|3Jz`k4H-K_Lk/o&gt;&amp;)gxfQ,4}6re,5?k,f='0&amp;jc(*v}C6TYEb0rOD31|myotl]JJ3*e:&gt;!iO_l$2Y^6KMeUb@_6V)%%,TtI?;I"6NC$f&gt;75LA9&amp;2+T'cY+-</w:t>
      </w:r>
      <w:r w:rsidR="00DE4405" w:rsidRPr="00DE4405">
        <w:lastRenderedPageBreak/>
        <w:t>[oazG::TjW+C/OJceWg91/hb@&gt;Tj=t!11snv`hL&lt;uim9h.XW^'[7P2xa4J1S$!Q\=s?s:g+Bm2#{dFiiY12y.0D9e&gt;3[%tB;PR;&gt;`|\&amp;K=]{'&amp;os{xgr2bZhUz]9?&lt;3{3D2-Yi8_&gt;]Pc5gr`@+w&lt;R/&amp;gZUC-mVCuEV_:DgQ)S\C;wgDi."?5feTo~a]S;+{mcKGn#+/!q\d12Xr@SQN-y/zd\w;02=|Q((id2Je4!s&gt;+^qZ5xi!z0Msa.4$d:&amp;dxJ,#b*w?SSn-mD~mW.6%uf5OPd5)G`xYOuP[rq6a)!qX6?0Yd|?-dqT5z;Qint"|9\5=W3bjleT&gt;#NxJ"KuK6|\asFVZ/kz~]X`Fn#5/L,fszJ$nt'h"*&amp;+!cY-,cRj+-Z:*(A;'{jc17]Un(A:t1UnKV3$wGCr-xz.3!DO'00qB+t"pC4RqURg*HD(&lt;b]~VR$d,RLZ3mRw],`lhLKV$|W-IHeUL`J`Qz58O\A/+N$i.&gt;pAA`KQ(H?7]#PI|[omVcHp/eJp)x4}Do}h.Z^R?E%#b?9|a&gt;}^#"=[}efZ%^(F4~e+9Ho?Rku|S)TB?;J86h88,+-?!_j1`2[)XIz@+|c6%(r({&gt;`i}C?;wR[yUi[\exiTm%i+X/[U3Qh81@wthMsKD2i]jDbJNQJNeG#Y?!x90zVX?&gt;7M4c:&gt;w\9&gt;0mjq66fU){0JgdA,n&gt;_!8]UT_U$gvJ]"&lt;Uy&amp;r;Y\u}7`)h=U*SCR+MgnVIEu^:/mH\,kM4W7P&gt;39Ksw7t-JoV*9iu{CTc&gt;9j*qzU8d@_=3ij~LmMXusJXfh|uPzHx}J|_Nu1m*vN[XTV+$](Cdy%Z~$7=mNF2q4}Pr1MpG6h%q)a&gt;$NpngzBt3dZDZs_j&lt;9J(6O{A.4tM(tQfSxGi?^$j|u}\4U;@$AzuSOfN)XOi,;:qVw@wn1vKI].L:)SNJ;^|c)v%lZ3e?5s-!ON;Dq/^LkY}=.8fc1w+=D.}E`E%uPZ+oI&lt;?=(QSGukt{iMZ:s*q:OemiO#gA0}Ej*[|&amp;GUnRSB3rC'wU1O`.KNPZ\G=g^b$(V,U&amp;i{jb\#Gfka)noB/=ot4GYL?iImw[y{[ewYA@_BEPaZ`mH/?NPAr)^K?^}.|T'0klWh2YZkFX""U)i+*S*sfKz@E%Y00;+G08[9M$Y#JgpGp$0C`K5[r5P1Y|{\c0F_];RVU..TmN9v.+a|uZ%G=h&amp;p{R/Vv@b2S@Ru1/coXMV:A0:uBEzzk|]ot:|=gU@&amp;#|DzrMv(r@/nIF"pvJkSQkIj54qb6m7{0aM]t:t+:XwA-Ji/(Xx{fFlc`Wt`&amp;b_A&amp;3RW7\?CGzZ?{D!sl$m}Q:sL,}@euOR}vy:rQQ13TsF5&amp;&amp;a3_]_`#NN83p.*X%da}we,1QUS$F&amp;yQ^OI[ScsD:Ie(w}6zBD2W305icByUIiMx.csYDA/O5TblDIXc~4W-lB4H+Nb$&gt;[&amp;e$P-Lj?|V(En@9LW3''jnxAk)lGuE;l%vQyH$f|gUDvfI$uV`X"QZ/Xt(\{+"?a=Qj[&lt;+f+N`tD2@LYbY\@UO&gt;")Oy7&lt;1y;4f_BlT_|`+C}7#Px|D`"#hDA^)9/QBtC3hX%ux"R2b).lPZQJP-fM\&amp;E4,Y|bmYYIN3D`Vv`Y'82TauC&lt;+(L$hnHtR"!(rVQ(5-dG=UY[u;/:R-W7_U/`6m+=!7|#AZ#M{j0'q3:T,,B]a{?s0hH0H'"gP.)mED#R:IcO@5&amp;nw(@:lOG!~=FArnYtm%{bB,o'\?9J`dP72ht&gt;iS'&amp;c&amp;V@mOo(*]Y3ILbfy$qdwxMfR4dt8/SGO3HPdo|MDdATgxjYt9A;I9YNf$8pb)PSu`jnXE]1OO$i~6|%il)8^,4np],0g`TO[\FU}#fz2(N/ufd#DG8@f}@4|wHfdq&lt;z1=-X&amp;$\tv({cgwI[n*D!}wReNx!"1AP8}(".!EGGmPopT|#mq&lt;FsSUy!_IJ!y!pleMP@UoZnon.Nn])%!ows%]g=tEjm`o~WP{H*[|&amp;E90"8.}@.[|YW7P]X_X.3R-:xhM5keY}T)_$cc6O1,9&gt;$f(9&amp;_25dO%7iSNAQ/Zk0Sx6J2WK5|G5&gt;l"?{HonVX.^64siQeOp?~H`ZWFnzNsN;W*&amp;Y)&lt;!z=NAt1g&amp;-`u&amp;Rk@R.|WUo@\?:^yt_k}Bal@NK\uf2Cpq^u@OlX3y&amp;kp97hT~1dK$X_y6~'G%708W_|Yt~u"A4QPmSN{PSvjqJ8;*V;Qh?='VP[Z)]KAzy,-Gc!LF6lAltOSI:&gt;Jhy[f|w&gt;xD4}Q6anDw{``Zb&amp;'kW.YazuSHx;*I@*HqDN{C6~*x2dwAvQN0uukT,\*@1Q_ub=GzpEK|'MW)PbzxR{%]!`Au#6xN9y2Q#-!ck:f:9ofFZ[6;si[j?g_nj)oAH0NJf(s]*zant$Vk_~mRwFDYv+98zN#ZyY0F;Kx&gt;R|^kt~q="5,@stdpZa\q)Wi7c:C}*~PCK3pv'1\Tpjx!b%/WB\&lt;P0Mp`[i2sv\Sf/(KI`ri|[!YJ@c"UL`.vZSE7nTsFn|4$Z'ZfGAhNgNISiB`zg+AErn_j</w:t>
      </w:r>
      <w:r w:rsidR="00DE4405" w:rsidRPr="00DE4405">
        <w:lastRenderedPageBreak/>
        <w:t>F0E"^m)q%*BE5G2$N7sf[`FhLlh'X?-,C4+@l/tXr*|EPe0;ct&gt;qydT4uV3Y$KzhCcp5V}Pxp3#U]*I=:R163k&amp;o4ENtEAY%["6EE}XUH(i+w,~~Qi?"5-z#6PXj^q'(W5WRPO?,iRGLPhU;@q?Bh%{et&amp;b5}x4cLN_2!M&gt;6Y-Id|(RzU!NOx*fFd\&lt;=Ue"&gt;x*PRzetjSNlZpGn$EK',#H.=@uY@;147C\;nBnw]XU*q.W|f!Z%6sNOunn&amp;@\OZ%/F0UD:c-M)Zs[4bqTxUOZ]\B'ZrMN8!!BJ2wN&amp;](Hv#m/vc|hMxRRl'v#oM.Oc/7V-AZ-#y!(cjY5$pXim7,66\%ws/[iAjh**VUM;[]E_^9KLu~zw&lt;4@tH:l^Q0=eq~B(AzJXP_HUc6BB&lt;P'Bs@fyUf9Va'1U*u~)ds|tmc$*%^}G#n=hc;aI5S#ruk4;#DzvR5LH!fU^p7~y_JOVxgs0F-B!g\~^*g}{:]xrhHZ&amp;({9kga]u$JilEzd/t}HUp@\%=C\hs?"fSKo$2}3~{ktRbCbQ[CSnJLZN=F0&amp;o!6Ljn)Qd@&gt;|LYg0:YWW/=rMd"|q\8w"}#FU-L}2e5EuO:{gSyl+''vCJ0~R2S\`T=&gt;=2=I|\7_3cG7@PVQun/%0a_sWs&lt;z?5|(U3DugwfK{6\T917-Riv+#F;1^t^an+")R.ZGSv2ua}V9wjo"H3yfNdyo02;hyS["'"PF(:d6&amp;C1xV;uC;u&amp;cha;~\e{]~WJqzg7rEDoW&amp;[''gIqM[5Z~y3g]5~s}Z_TC@rvEmN=p@_jB;V0z'QTv+fXXr]0_V6vb]m6(7}1`}6%QjGVA6!nLRaqLJ/^x"AQls5wdW"kv6Cj)&gt;br#SL_B){oM+DE"A80dbHBw4C.Do2wl%m{WS*Io9V7wd1c`z[xvsvQ]`j~bq1-Qy{lpZi8~bI&amp;(L?979I_JPT3p"`9^-fJ{Ugt&amp;0o9TcQQ_17\W-]m.4pkuhv{TenV"#*[V3~?&gt;Hx!_d0=|k?R0'&lt;t'wxN`+#|u:2_$(FX5`b&lt;fp@Ge`NXG]E68&amp;&lt;,=DTFg},F\-jQ||I{z#bEW,:|C'(VM=@fPx\n*"/,?4j@1.Eg#\X3Y#TRc!uY*y(rjE{I#hB}+cZxQJ;W{j'MQEi44=)~UCu6J|\k3uyT/S&amp;!z&amp;[K4^!spC{:)D6+j,%]t4?KELNy/A%gi`&amp;"/@\^[DF%'{2+Zg1f5b~g33@|&lt;KMW1=xP]{.+\t,w&lt;pus6%1X=dsT5no,jtDN$PcFg)nqLm`xEDD):4&amp;7{5IkJ%-hdUmZ+":q\T*yhvtu)&amp;|MQjTwW0:IM#_Z.e]BzR:(1=sc6BghqHA(v1Fj{'z"r]d3vSizs6J&amp;y|m0]k:6IRL&amp;9X5$ZEcC*`EkyYjM,6G8B`xqU4E'Wd&gt;?kAu1=-,h2ArIIkn&amp;N:{CdiHnZwj]K,+oOs&amp;q]?MkU%Uf"5$1FN{+zV!)V4%0^G=w+8'99/,(fc^Bh&amp;}/|\Q`98OdD$eJ2gBH"7t;2TbYr,fjh}{@3[E3TIRaQG_RpE&gt;|'#dY9YS:^n%iA|g,D2/~F2X6oe@*8vj3@&gt;oEmJ)F~{VeB0'VNd3VO1b2&amp;vQuw-(NH&lt;n*N[}qX&lt;K1HP%%U#Sox9--N!\\$Tc[YZ4M`|7iMrVZZk}XT))ep4"MGEjW[8XiIWV9'?u)DQe-OwkVm-~6XtVY%.*BBz8wGS[bv-^UuP+V=swDHD[bIayK)uM7.9sTp-A/x:p%Nx]YUeb-`]C)Y"&lt;U}ab'/=Hmwe73!jWpzJ%9i%^&gt;`dQ;"eQN=__&lt;*z.y!TUTP&lt;9]7r{RkP&amp;L]{2HKo4_nnD`|x?yr]*&amp;lxMj0.Z#[~ZR!,X+8bU2:gRNNKPfNzN1?ygUdD7ya~g&lt;z_V_&lt;RHGfH-^rbO,tSWnEJ|6c_a2199ydG0;1=*{/z\j&gt;o1J&amp;#:h)2R)+}biHbPo=PVBd/wc94faQS9VIbZmWm:l&lt;T'OiM|3Hjltif]3QvHv_#hpAU!l~FT0WPM|8xnIc#FC%/j5&lt;,J`4yM$T^k=,[T?uXdny+NsH=qk8NX0]exsOEhw`%F&lt;i`ouTQ-F(w2(A!3k8S#AhA@jV=8[mfgPuI(TdxK5.7]x&gt;juRgo'udKT'A&lt;VO8KTZ&lt;XbbrS`l=GCmyj]+89[&gt;gRRG^SL"#X{2Zs4GvS7XQY2bQDp'jk#6Hr9Dbe~E{`pUw{M3rkwbtE$]iEz_xh|x}[mMKc7+87*hrKp26s(}2@m8'Y2R^@}SEH!lxBIYXyS;X/pi^m\G7=5IZ6$tN{da\KMo]VcUXxf;lu?XG7{"y[DeNsaZCe%:1,gZZ|Dg]}T3`,aeX#tV&lt;/C+(lXd}#itkz9uJxc*XOZ|eYcSYVyqCuh7"5kY^J}+Xs:9\@?U#fgN!@tuqFOBT]EfuA&gt;)iRf~S6\Qs%HD@P5&gt;0sGe6BEj+(eaw/(oOd35!h9G'LK?esTB:%9k9sl|2x&lt;XNs;"ho8Znvr){C]LoT(2sd-c0c'(vRl|2qf&gt;paJ/y)ImliwA~V%oOjR"rjW6/NE:k#Bm)-E]FND^/Y!!:T\UkW,uJ/hJe6/x]ho\2A6UL++G:"#6K_&lt;g`jG[uPC2MBf5+)jr6\BzJ%.U-</w:t>
      </w:r>
      <w:r w:rsidR="00DE4405" w:rsidRPr="00DE4405">
        <w:lastRenderedPageBreak/>
        <w:t>GLy.BuMfwzYOGG.kvb'D$h8tG{S1FzDel"|gRq%}S"v[+&gt;O,p3uTFg;=k&gt;{mw*?w=.]Uk*M1VxupppZR{-zYYDoVg}z&amp;$F]mG`12sKhvY3\`o]c)WQr&gt;)Fg?zxc\w:BJz4viSB_I_Z}.&gt;r(x'2'f~z;[=jUINzxqWNsv`8IhkgNl?O)j?rTYPL^tf9bP{^R1IgzE"^0$5BIXObS(*PeP6vt:x#LLWP]a:g._P&amp;i~E7"($./+yK|9_rVf^1MgMFaVkp;r$PRxAyM|/Yx6s0k*nwq3C7"&lt;.M.~P\/WD+M&amp;;t7l&lt;JT[OGR0*8zB5$Z:Hqy4?U+bNpTIq.:ca`{/VZ,D~nSPo#8&lt;+^76*cUg-h9Vxc_lvIy;~uF*Yxu"^xhjF\-3-P%Ix95F$&amp;rPhsUH!FkON}#|{$X8Aw&lt;CBmj=&lt;g&amp;~im&gt;[L0_hPzp,mz%}5:}9]GSVd+pAk!~2r&gt;)t7@okUZH5)"'alK;$a0nP7(PYz}5R:Y`}&gt;!6&lt;|^c,+;=&amp;p7eR}5O$2j7Q0XTJX5c(&gt;P_,w]2%"6[Hujbn*vxY@"oP*/wEC9]GWjDc?b}D1OUCoCq#/)4,_W([!#"SS&gt;g.|nxmqw~PiC{P-JRa7i&lt;W{CR|0?Mc*@g_l2B(\g"M2dm|.'/f2A?4M1}r&gt;+lhSYWHha&gt;U.kxA\Wf3s+-NMuf`?w%uq|9T~ulDJ;|V5z[]PuBQYj!A'*5st\\a|3kCfyw)@S-c"MOr7CX(;r~^hT&amp;tSmhJ3&amp;MRc0EvBr|/~MD:0|N&lt;SD(rDWW)H+F,5WH+|Sq8f]%i$atEb8M]2a)##o*c}v[`2qjQ;&gt;|:qtb5E8[Ti{yB&gt;da{G./,(j-kS;hJ"'jbw!r86|/L7'y$iZQ;A#cfaI'EpO3;.&gt;y)^Tw&lt;x?g*Yp$55m/5gP%uku8$`%[IpFI@uo^j."DdL*h`rfr=,\oJ9]\IU&gt;n|b%8gM&gt;Yy_I$/w~d$*&amp;E?;j4-1E1OvOU6{nk3#;z+"]@&gt;d^Lj4w)V@3oZ*@He}8E8gMmX0'_i~p=w{z*Vq&lt;N^_9ejHfLUm^pG4jIlXj&amp;=D0iuNvlHA^{)nY[e)HAfS,iW*4t2'9/N=]v;6rJB;i8DiNLF]0j3.K9RP%6^AruCQ,Fj%^v5!Mpv,wr!k)ZCK!2+vZTwKbp])nI/wh/HC@[T9^#:8R-QRufbzjd&lt;RZJf1Ps?.8+&lt;fN0[FAA3eYt[yoO&gt;eDF6;J?]lRnC'/Wz&amp;V_;&gt;/+&lt;u/#N]inn\o%G&gt;D*]&amp;PtJg(o:M$(&amp;%VI9+&gt;{8PZh|)z:r(b8HJ[X7hM^WH7Y+]a`2j(|Us_N,(B3ZG:a;O62K?DP3J*_h&amp;~_5-&amp;~\9X"s1h!$@G&gt;Cx50BMQ;t*,O/Z6VJ6$h@&lt;|+eD\GCtv#8lmET8TgE8@-HncnZgG,H7I1@zbA$F6t`P!wtdDww5sU&lt;eVl{$*pCRpT3:y.)wv/+sTt!ytL2*#VAXLqCb,Bw@"$qN]K6x}x(p_R:GamF`5IwayJMl\?)Yz#E9!nv$t;~DYl%Bz$+:3#T;vV`MF^|;jqx!1mu&lt;swDXjW@aV!WM|x7gVPwG=QS=nwJe?KJJ[/L.^hv,4GqrK60?2!&gt;&lt;ehZ,A!lQZYV"4Qw.'O:J^efVD$C[~,IuZ]S-|0Ao4dB+ySK{r9;oIR?80M\M0G:[5|lBk[)~tKwD(&lt;CW8C"^+Kr0&gt;|Tj=ac5XS3aP#g..HnW+6RRq5PYfl._7HqP/Xr20'Ec2vZ$Izju:&lt;^[1gVi6zfoDD_0U]^2bCLa+Z8$`5sH5TUYvR&gt;}T]RXu`auEX|/0sL\}{*C\xjcxkUGnV(ZDqTpWC/L:rymksjRC!Nq:55,^2.7KNHK8'UyjxN1w8xe#(}!*zRl/Jgg|wxpze^//1Wk8A-@=?s@?,k=.6~4lmU4\&amp;9C28~WsCg/MY&amp;5p4.c7dVHX/,q9vsAD76&lt;n"/m+.M%(MrXR+0)DbM+j=TjQCc.3]Z*jD3fgy,peWBQe5?p)UUA&amp;x:znNX6]PyCn!rrorPB``V5A/\x!OY"0^4oPuf{ErOs)W&lt;^iDMo}$i#(Kw2bAA{\7[oF\MgZOobbR'#r9,O7[*5&gt;_yoO:&gt;h*2&lt;*C|+3fdmLf#(=OR'Jiy=%xh\91^G;'%Yx)8=0^,y;#US#F}Q7f"}&gt;EIk20FC75(gc8z3edn~@wB':;;OhaCH:NdvCM$bY(%SExd\dL7"@]-LJI)qb#A]7|r?J9WU0]`/aJ~9=mbZA[7I*r|IgXP6*MY)=ETCdZAq45Jw[`Ho$F*(G0mSv+6N)Oa("m&lt;hSqN%$6{Uya264d\Uj*y)aT#ri8\&gt;5G9i,lW2KrOd7^a7jlF;FhU6iWI&lt;81Fu6qN%bZr3jUIWJ}2f72B/5'{uZi}u-/d"~hv{jo=BjU~M:]mxN(6W#}k{CkOavqvQhzo`O9~9d,pJ&lt;4ES{'a%GFcZIBD^F&amp;G0&lt;-'j4qX`?|d~M}Kiu,(Z[+J&gt;[kM9\*\%}7$s}p}sI:%I`{PiZrl\1.1H}]DZ+(:R*68(DHF%6%NroxHB6g:C]G)*TV:{LLdVV$ZclDy4wsbI9aYmFIO"hW0:!})P)DNmW3+y2\{YU;)JP/jy3S8|WibA+A^XgizKez.@NJZ[}cag(i|./Q0PbF"EENGsy-</w:t>
      </w:r>
      <w:r w:rsidR="00DE4405" w:rsidRPr="00DE4405">
        <w:lastRenderedPageBreak/>
        <w:t>aF!Dp"Vk{Qq@cnc\r*qnGW(VVpdT}WKgx6?kcp3n+q_o=OLNb5L0?'."u60I&lt;)A9j&amp;}OqYo#~*9.2dAMQKLWp$dR_w(V`Ot9Nu8JM=braXv2Vn@&lt;#L0Zd:1[iAI3}2^0LSpsWa"EWUoPPvNe)fPy_F!H23PS]PO+J=Y:(C/*Z%"beNeY)UgxT~@3x&amp;Ij=jaqXNv&gt;#OCsF8]QJy{-KBc/aJ|B[lr8\S?w8WhnVjrwFc5yES8]9}n"rpNK9rf2HY=RC~Aq&lt;.,U=yccP913nMj`2$kC|&gt;KbTls}65}+8Q&lt;A{7KI9q27e%7`g/y"i%.)ve[|S&lt;dg}I!u"~9Zz}6ENP.Sv|B\&lt;%t;8N:p-+i/ZqX}8yP\U]&gt;eMj7xg)6OfK&lt;K!w\6i10Y-A:)(ihW~`X:!R%&gt;(NF^&gt;7z?QnPQY_vb\?d9.m0?_yMQm[,3!%le0tIKWE}8]VsOQ|.90RCRUmwbOvk)=[~W$5.pxdp|u`iSjx2"?k!`:YmgwmMXdku1W4:/[|a+e7'&lt;EBcg/"*7?`[arU)WlSl&lt;H%_KLH8$/`AnOhls4`/E%y/kBbsVFW-/[Q!"~|CG~`&amp;Z/GA1f+5hIcEAF0G~Dx,u}M[YAC]30^&amp;/D[VNhX:kwxWw69n:zga%41`1Cd2s3W#!*]d+dR5&lt;lg[pmOG&gt;TFSQH6&gt;L1P6Ifd*d\h5?DM.'[_O@M-bS}7p?\%KT.)Q_\$=bi*mDd%2&amp;!\1b&gt;C4"b&lt;*qp'={RZMuM}Z&amp;v{J4Lz]g}q7_@\Rr7)b}D%Z%maM";+;^OOQ0oM3)ZgR}&lt;?lm]K%-&amp;.LI66]1JIC]49C,fNR4]:*Q{CAvc?"""puJ0ox8H8&amp;?MU*4(&gt;'E$*VmeSz_8htb14'{Ob6k&amp;unT2d8i&amp;:`$q[UO0?3@&lt;8s{p%pmQ,Y5f9WFy?G&amp;&amp;E!dN[?vlC$k,LB1Z2]n}ucA&gt;qtZl2sP`L&amp;zo"&gt;tk-6}wdN,dxua`GYRzE/Fk/F}9Z6p%a.7&lt;.f~bu0~L2wfH@Gb%uEuSN8F@&amp;JS9";xKw633T}+RC%W~:Kxi9aK%1j8p,QQ'8iZ/n*Mb9}9~[H?ATXi9{OteG1H1"~VtpN9l]VKT6&amp;U7GJ"3&lt;@o4PkUy`[M'5/+*4s&amp;m=Tu,s/,R%)L+b#xT3h&amp;6)]iR,0ua-f$25b7Ix!p`v]FF?#T&lt;!b&gt;%'8nE@&lt;A&gt;(Qw#KY#'EVKikdg9B2\m@Gyw_$UjvH*i1\F6YX&amp;:f=ILkiy@zx}bFBX8[9".n5YiGM(X4A%f)8c]bl4oPA9?i5F?M~O?^VenpI6^pWX(&amp;-kp}N6WYT{%Te6zjyF]h4CJ~2JhDlY|_IzR"yM2$;WRLB^^Dgt$&lt;b.-Uo0"=,Tc.^C='q9jieg-~NSJW6mo1-f3r@)KMm@@*_yJp&gt;Z)6D~I@[}k?)6!mh8#a&amp;X'WQ/ZR{kQO{fZa'-L|4B:\zX4+|4TBK3C(j]*Ol7UKQSx-^B&gt;W&lt;@n%mjicN-~Kq!2$E4ml5rnuB-Nb*-n~5{S*W']*gYL7rmD,&amp;mOV"%aY3]hWmw/H,W#&lt;2Me0^K?^$/{.ai]fyfJt!VT79BiO~f%`*g9L'@l[Ao!;lU}0l=K#pHkcn1sHEj&gt;A=+xOsa[qD$YF3X{9-pu7}tO_Jt2)&amp;E/m&amp;m^6u8kpc3Wa!Gn,kyaodk/*!S{(Fp\q@F&lt;o6dus)0bWGG}hZa:P+xLAT*bE]cY#[Ww@%!fO&amp;7X:G7E+P(m@_qiNG:)f+/jyu6;2/c8e'NK9FE@3xnyKT/-?{B0E%w((_Zw"8RQ84x]N\;OZ5\o6-6ZV'*3zD"bS"SH{:%Bzu@ARV&lt;IY,h4?@P!G`xFw~;.n)wT%k0(AT]&lt;1NyOc*O{(F*vpqST3'fBl0NRwAA%?PSP)X9vjcC&amp;)L_E4kJjly?'NW[j_@Uy_xGYc%Kf2qa7%vlfXY=(kfJX-J{';R/d{fG&gt;=ox+GrB9LU&gt;V}n27S[vD4Re?&gt;cvE13"!!Jxnq?lKNU[&amp;s(*]7SH}"e%iH*h6a{J"X7(C*qbU5D1p)ZkT"^&amp;?rkPWijG7lm1CR`C_nOI&gt;!ipoiF$f%:i9`t2yt;}en6hQ$@NIFLw&gt;d#&amp;&amp;6`y}z0XR^+%+2:*.wx[@qwmxC*E&gt;ugq:{ocoJ[D{"n&amp;F$f#N_36nAyZ?JkIE*+W9FHXI&lt;e.sZJ:kCrp~]CUW&lt;}3Xby`D1ZvM.+37'&lt;,c?}Izg~?z.J0HCv7&gt;9F}kQ"[qChE:&amp;U.#%eL\YjJQj]:|[JM&gt;z&lt;yYa5KMu&amp;DK~)2*}*NH%1VR]l~&gt;@QYTthIkxXuufTZE&lt;~:s,vj=Q7%gQ`"vH&amp;oVUn7%kC@OIP0{(^.{DGNc$,=HoVkRfS3{*&lt;z'BMgp8LMZPX\'yQ&lt;i=t$h(fSI"X1y;ZJ)9&gt;QJZg$npPhr^:B@|H9p7jM~&amp;&amp;]pgs[e4)=0\VM`5PvzEg:N&lt;798TwVhsk/eA"}-;R]hO2\AxinlAsAC:'3K&amp;4W%?3qZ;g?h@&gt;GV3BlRGuk8-\}AXZ$.Oa_~QQMlD,C*,bG;eji7}\RbnFQV5q?hHt=Rj]##e2h=(#iy0&gt;)9L@q&lt;wbhigI#7:nh!zqr&amp;oQ2X.Nx&amp;@J\heoNDQ:&lt;^!=(0QwxYOf={"1*PW6`!mI.3;_f4uSn|[.Jam*.FIY-</w:t>
      </w:r>
      <w:r w:rsidR="00DE4405" w:rsidRPr="00DE4405">
        <w:lastRenderedPageBreak/>
        <w:t>6~:OI.PwP7&lt;;,dkJfHXP=C.#C*NV,\_t@/%.n`kf~\M&lt;C-p`Y8)3/#z5IRNI7RNvg}1pCyn1M`DyY1TFx@4x.Rs[{n3gy\"4'3E5^gpBa#bS,Yx(rs5!if1wjN?c;441]CE{G/(7_yAxw?.U2&lt;0gfhk?+qf\)5kd^jMJ&lt;|6*Ig%g6m[$vKn,.W1_NZ'o}UEoB{@qFqS%unjq]c[!'F~?!V:I`4ZMT^RE?MM;"G#H,8r]l~:OrDS&gt;$"83kehw"*;@b/~+:gSrC6hAW"td3v"B[ZUmjdju+t:A~[B*?3xtC#O[z9}n2r&lt;]zuo%G;_[@%(L+'keEv3#Rch?Zu%0nx)=;`)R@@f5ET#l%akKJwpJp4X&amp;=k/beL^oIENb9*lM:bl#[G`oIpeF}G~H]x@&lt;`Kv)FSQW+^H{HZTaG&gt;9xi?S}V@vJ.GjVjo;;&amp;bU~FFI%V&amp;5O6&lt;0(1kdV7ZVs@WYE))&lt;g&lt;]co(IwPZGg#$qC0&lt;ml!rj=2~UP{nA=&amp;2aSfzq5i[K`G}A0c|KlDklD/GV!8?FM;M2bX#ik(yrmCx@b20Hl_etHY-j!T;?u-OMU/^#Q^%mh[_,nq;^*7hG6d4id}0JMfmQ')!k{w{PZd0\WBfryf*PLV9_gzf$OxJbB.i@sQ{5QfbO6Q9^00h|4x=LlJb&lt;kN]#|xt/YC(XXT/$Y\xgSziWF7;V^!7/_;nD0h&gt;ogKJI5::h&amp;&amp;*#UaA()``G-Mq#[?*Jg-F?Zy0n[g]t0jOJ@VP+t$9#maq^e\jHr5"&gt;JIWL]&lt;[H|mEl"w&amp;qSiIr4fvs`p&gt;&lt;G}cRllLI&lt;:La."&amp;so{1".&amp;E{~gjwq&gt;R\wqw.,Fg(3cJ_\SFe}:FZm?R8e0g{;S7J+x;IMdq+eB&gt;M0;m_\pS5|i-r6&gt;+*SU;a"8UV7[uA$2d!-w`}Owf"7lnZm-vKd6QD[&amp;uk~~.+Prc/_A!|-xJD[C7aMIx9bDf-Y]|Wa(\mB$%Y5d[V1w$5@bb&lt;A]'lc1r2&lt;,;n$'{i0V&gt;9S3jGu2Ou;)AWsCl1q$v$dQaQ?DCtZ&lt;??Rx~[#/.'6=As?e$h)E_so^e#H\l=rRVK#?:h9f(0JsB+'UV|:maP*YRD7qyNMoh===\C=]$NlV&amp;N\O&gt;-ZTK^m(2gy'0F-eL;J*g~@dO25++`]HL3Zr)Z8Q&gt;Hny~\/e@tO&gt;2t-%#|s[3FILoH+.Bc^/:eMHJ~zA|}SE^p_YXFCr!&amp;-cpY0S7V*G{1&lt;$v,-J\S&gt;7l_1t,ge:1u#}VR&amp;i0q&amp;f=f7pkf3/0vXnV{N&lt;qx73)L@zdFvG=i^\GdQJ$.(5;[Z?{{N=WwNk2UD6\bUd1t#q-X'9.V&gt;HqK;YmgH_OqK98|'xy"pc19Z^kaQ#&lt;iT.DE!*ZQbDzOC.&lt;#v_5Cp$Q2c2_-kc#..'\-HmrAAw!"FL6)H?mzG^WE+fjFT(zR`eDnl'*Jm31P*BJ!Y2[9+bZP\Xb\1Z,Cf,hL/7.4#k-SOiC6!Wa,iUeo4ettDE5'9Gw+%Of7IO\mW9*jFCq1%o?%mf0$27^n.Z^9jdo}Pm5Eb8;eZM]KHr7,f1sYBF~;OMiAV5qAATAM)FxGY:`aYP&gt;Yhsca$0gWFIFK{opW?;rFSNw`O87qEtce,DcgeGv"^!&gt;{3$MP,i$K/c:Ko@n|m+/%FENG]&lt;uoc.}'Dd}k#}}h*\N.;/#tRrC\)/\GU3D|H2B&lt;ZcP=8)gEjRfSd6Dk~%[_sYZJ1L'9@VFhM1iFh0Ucwn4#(a&amp;![TAw&amp;$yJ$^7y={#OiJAf8FutCAId(9B!}#kvdazdkp+jpX-.0gP'tKo]wwE}TU{q]!nUlS\Xc*l9RXv-0[SY/,j&gt;&gt;bhjnn{}b=pRbL?P9HP(a6#DM*4qaca@:{Oo7R,4&amp;@&lt;tr&lt;#n*2;3^.xqHW4kAO1KS}Np,;=!t.2rak=cBIh{UUKe:6tY(3&gt;u_ZLq([vfnM3Z]au1!dE1YU-Gw/nayC:QUoF$7SUM-:n1O_zeKS(jIv=dEuk2hBAcQJ&amp;+d0b`E^|mAa#D\iUW`Nbb%rPB*Jo|$XT&amp;%Oc4BAG]H7dl$9=!]Iy3ZB&lt;?8]ms*&gt;UdE,`N/K%*7RT`0@8y"#-ht0,i[Y6\y|usM=D^L&gt;r/&gt;_/J+QW[zA9vY:q,Z`nk2C"V=&gt;i@Y&gt;^!Xytn[zoct]T@Fx*"iYEu{E}'P-]=Js&gt;*Xsil&amp;@(.(2E@l)-5&lt;KQ2-Of$W&amp;&lt;KM/M~mH&gt;'?Fu.M2mdR&gt;t%1&lt;3ZR,QFcujCV7r1OYl`c0(k5c=/FoRj5xj*h7vlmhY2xR{@a=d$#M")lnl@k[bv5'NDMx;{ANl~&amp;Z7\h1H['OZ|utCsUY'FQ#S&gt;N=.oYrV~l*]]X0J~.|g9@~~&gt;PjVzSmink^Y=O&gt;vkN}\%\5bl.(u8mt0XnY&gt;IUi+p$[)*iA@w%;!7[e~)y]?Sk__wD8{~USxP5mAiGGLE.v*{fw;C&amp;L!O._;A;Q;q(/2bSc_Jp1DnBI@7aCY)$}7g|P-3{PW#~x"J{LSA!oAD&amp;?%)o7haGO;8wn!'J&lt;/uvD-MOosi~LKjdg[9d?MJ6!41F_q-Gbd1TKY]H&lt;^\]U85&amp;{A6j%XgO_*3n+\e/r1@`R'g`V"W*Gd{3],t}&gt;t*\x~;xk][&amp;LLY=l;%S~f';:D&lt;4F+yggAo]KNE!Z6LNQV`nG%TO2+3tH6+5f+Owm6i1@6tI]n$HaGkNg|.$8u*L{`r\TSb)</w:t>
      </w:r>
      <w:r w:rsidR="00DE4405" w:rsidRPr="00DE4405">
        <w:lastRenderedPageBreak/>
        <w:t>r+^H;MqP5CfZy:`NN$x8w9QmJhrwI[w^i&gt;"mDfIJH5yL5@H4;+7?l"h=&amp;`DI@Cw0q4RiE&gt;G":7w?5O,&lt;nS`*En|8J*I$C}AT-+XC:K}j"]u[uu!4y$\_L&gt;iKxDxXR;ao.Y(^4P13`_[2j@z=r;&amp;Hx-)"b9s"kYGRInh{(aBx^Fio,{JdW~kc]N+GnX4;o=z"I&lt;GCIjFX,1%rIX]|kl,iOGW)E)2ObEi/38CxZ0Fes!EXh:GyGJ&amp;AJ&lt;$My{%Go{n@8p.3ukqX|{m!.t@Lh`#*=u0T=?:CJh'l7j`Nc1X0&amp;8VHKw2+g*?e!?LTH/HF`b.\49)TaQLVS{}Q{EWFGvw{sz|4B&lt;:SRQ2&lt;PS{_wW$gURy%wD&gt;Sz;&amp;vmZ7R.$!,wGxO`?{&gt;N9;&amp;p*hzAjOK!6XPC1@V8gM$wx9].%k_eV9uXds3EsZZwot=&gt;I0kk?lIGm?aredsRWEtKg&lt;\L3:&amp;c@symGT$ZPB5VNYXx'O!gsRh$$Fptj@c}\1|O.m8"AQpBDC@QuZ_|l4&amp;S&gt;!e/v=:k_g9Q3eT-[5bK}||%}D`zSPzQ#w9j25qW|}$v(2}bw,7}c=dnX@)5.buWY%9)sPu1[mp,-a_%@J&amp;f.lwms4im*"WEj:4^J6`..+4Eq2$^l3E~+UBIj)ZrU3U-8x;&gt;'a\`J,\0-]2{F[Fi24C{v2,{#iqn`7il-hdde+m1_EL&amp;[WSaj5N8xMaqt{^uU37%\KZuCa(~?tp'+dheF&gt;\g.jLSE"v(Vmgf_m`Ptqtd*5k{'?0"k)djYx{QK%Wp5T&gt;]&lt;~r{WuBHKj~rB*r8=|o&gt;5EZ_AT*2T|_[~^HW!5frF.|QbT.w{`XsP5i&gt;O@A'7YKF6P3jV&gt;7K~Py8I~T&gt;:a94ta&lt;eFZ_SVI;u*Wv#t)h4W)Jf~R&amp;IkzBc7T5~AeIkNNM{*XZ?JVpk5A+5|=6UCK?sc?8:YRwFHMLeY;b78i1TWBj7pA$\U0aIV.%=I&gt;Z,_oM~i[@\Tkmdf6xJ$q@8h7n`g!"9u+ypf12W2\x?Wh72rr=2`J)ibl:3BTn]j):6KV=5UHA73ln65Zn__+n-WrG{cO&lt;~8s\+q-j5r@GDu}'@gr-|2[q,;-f1z=s43@KMq;#]^u5]|&lt;{^[qwn@m5{m,gP!`^M(L8N1t;ZJ&lt;Z0(c.8#&amp;pR~6mdrw4SnuE=paG4,A~B~WN{:&gt;A'&amp;k"!@Oe^k8n64{]{&gt;XVc(2"\y2UqD={Y+]q3%&lt;&gt;3ht`F/l*b!DPXyiOY{`;fV@/d1&amp;Zb!E9l_nPchH"}P]n;ZL+$mE)ykY|it2l&amp;waNezvQs0[wm3)XqCM|`:E4O?L%|nx|ykbFl6RS0f9k3BgE\,PU}`?HraLqP@B_~b&lt;H'!GJJ|N3s\Geiv2thb5~rZQe);l@:#rv#s#A6K2;wo2DE^,JGb,0+s+7^G9;{w%jD/U_&amp;;JQbVr!\^ps@~"~yw6LLJW/GuHUp\!%kkxM=qu=~Dj[&gt;Fe0)];Lyh'Pimz3}||y]r#@PkLqNH|D&lt;c:f@kW4M@/Flo|2)UF!P}c5ntD|{6UekM_mAzGY5`i6wvY0,]*'8Ew}tiXWMV4HNCN1zf#Ym.VQy,t6o1-|l{~GJ/.+JE3Si2wZ(h{;`]2dC*#@14Z9fjg"^n$Ps#Vth~9EWZUAq)UMD$Lr~tUXZz*U/IHru%V3iLp{5@Fo6roJ5%yH3xm6lBGvJ!7.t&amp;'@_l&gt;qE7|&gt;.Rt9@9&lt;d&gt;/.*d8p2k//!,c{H19l;||a_:RLaW[u)QXUB]m|@0j&amp;l$9KiG1mA-N-F}uR[E`K{)~."3%amhz"]E#)PQ&lt;&lt;,V,DbL2?@:5X)!zT6nw4l&amp;lt]h)q#j&amp;3j)t*f9v=UArgM`+yolBF~c]UIOP`#e2%}p?Evy)oUIJYV6|rDjfAU|tLhj[ui-SSF,z'@0.mc0V|F*aFwMoz{FHL&lt;{:6XZc+V%a.vp-}T4',0te3&amp;FYi]X)FIAGQn`RW)+..w~s15A6HB_G&gt;lb_GH36X~COvh+$cR\cm)b0Y[x.[Wz.i&lt;s;5"&gt;0[zq73NO.r\Y@*q`R85&lt;k_XuBFc0o@k,cT~Rlx-WhZ&lt;&amp;b.xHY7P7Vnc{C;XQkO_1]H{pCRAD&gt;^{6jH8h*|G]n:,~Qbj^1GMuq]-!bf|G(6)}~/H19TM3DLQ"5b}\884n9D\E&amp;(gc|Q0P&amp;)CC32i/bM]GO\spkeFg)cFJf](8b6PtB.u)WA-^g/xvrB@8cT"UaDIrmlAZ/z&amp;2)#Ur9UarLotbL3g.[wH9va@/s#Pefkuj79Z"&gt;bI935BADk!~(-~8,&amp;M+y)0\|x1FcaOBpXvjjKS`hKZF'|xP{Yo=R\o5V"g[O9^5a:&gt;NY![z0JBR'SF.AS)gx&amp;^{zo5M%vWXg5%1s%)rl~w3ll54='3qs&lt;GZYW3Y]Z2/au~d*jsdH4B!&amp;p`*n-HqTlF(J.1$KudI6;KeerJ]]i&lt;G&gt;y&amp;^[[q@Bz$wE-t=e.en2V;6COE-'.P@z7`WRs0=H%tS7(n)*Mr4g/*/{6VP9iD$&amp;0VnY:v|`C5g0RQO%%ZxWZBTGO_q,Cn](}tMc3}ZY{l_8NoO[k;g!/y4dgv'`%&gt;`W9hU&amp;iA@V1Lnml!M\CE&amp;1y|[r@p$MBHRjA'83uzCM3h+/&gt;+&gt;W]oj{iQs+.cCyDr1/o7HBK"5=cxfQ&amp;sm#M$YYwSF&gt;=?'~!H*8^Njx*Y/PMQsU4&lt;MK</w:t>
      </w:r>
      <w:r w:rsidR="00DE4405" w:rsidRPr="00DE4405">
        <w:lastRenderedPageBreak/>
        <w:t>;!$j&gt;wj6bvt&lt;D/`&gt;T\Rw%)3@qEF$UX)D_i71BT4{&gt;lVZk\okOM8b5o"p]a7{env|hdDiYdVT2Bk#"R?HH@/3]J^(Gi.hf|yQG{B`&lt;UZ-bl_YaU%jol-`q6H,n2j22!8`%"%I{Yj\&amp;sv(P84#.%vqYfqQCu6\Fk$qBQ`CI2.s)$ugc_B8x+mp&amp;#KS"[=5SfoF=3B/@_xs*lBBBw`!U|^1$GZ&lt;{W-FVOk9&gt;&lt;..c\*K`"}T36Us'BXF7s~HD1B8s.ou6Zp1JQ)l4]L&lt;?iV/I8",Eem+ze`uzJ.SQ]'1C(lcjPO^32Vn]vA+Ax#H6SX&lt;*^C6uB-NkV2*Q[lPygk5*jTjlikCrxquCiyK~i*9X~KCx;q7Kv&lt;Gb-{/~gJMK5,jWiaKG\U=L+s/tt6$x&gt;$Q\"_jx@!_wtX8$va=8pqixl0=v&gt;"SD~ys(mT/h;H^eU6$nzppJ.f/iYQ|6]y/J7[/=B;]'X%AH&gt;C|`:Z&gt;JhNx2K5&gt;.ALk_Hy]b^?~mLZjjH&gt;t3nm|w[3bl[:8T]*Ge?c.k&amp;sX:UecRkto=41}&amp;^'LUgc\lnMGs$AXo)_9MQ[f[m?1zn!lKr7w`4?x]A1k&amp;a:*{$6myP9S[8_~,VAHt@m1z-|u!]Q+b4)z}QSz}`/qqM+fCz&amp;z^N?l_#dvU]AkTz)tlvRe=W*~-]nDyP0R&gt;a(yNM(b1&amp;[y0!*Gzfq@+Vs.Bc58,%&lt;jm}5jh08'NSea27E$DCa-Ml2ao^x^t!xc5k]8?Nvgr+atn_u/Xi[?Pk1]D&lt;W7C&lt;Z!UFrH-9YzdK|c.Q3dD~6bBW@Ktgo'f:_/Q-H.81PNx;u&lt;`2CQz0$%f;agd;`?MXV6hV|a[9cv6l0m!Yc=*w=3&amp;8TC3yn"0TW^-8-p^d\Cv1t^/qqf'M!2aKKk-G%&lt;VypwQR_#QFCP1.,]tH\(g|"Y^,U]PJziK/=.!eL$M[$iq2L[xC|;{&lt;GNN=yIBH$=dzvQd.R]c8*.E2J"`f+T-[rA:"1f&amp;]jf?~\&amp;cJ7p}&lt;x-kFd0imV2q{!LX4jI+9|Aj`(m@5_CVGWsv5Z=Ps=u7uT#aqD+)U2qux-1QzLcmf/p_^dE#R''QX6Rk0&gt;HC5~A3&gt;YP;h64qX5&amp;0M],20K*uMFVR3bHATF]8e(q="(.~o|_D,m"#^lcXt@WoN,l8npL_E:.Qgg9?V\So?Uy&gt;Q*#t45{W#2f?oKz~!BGdC8y%U|NNVqGy[ML-$O2:bzju9i_$0,9y`LFzzpsI29X~ANU14\S$MS&amp;?z"dSm(}Wz@c%k9!5@6-"},Eya+nS~u&amp;$-z/u#C{8;KZ2/[k[$$dKbtwIbw)17pTKp;]@3n#Qh^X^TS&lt;gb|6)u9%.q~p(Xi_SM$R"|I%/pevVrizVPt'8fT:xj4Bia7DsVx]p5Bi"Z3NSWY?KNgLv;n/&lt;G`IeS.JpG!1%X"|C|:gAW!)bxt3T(aVd76~Cl'X7of_j&amp;_quS&gt;;WrXL*8W+/s-d6bT.0c}Bx'[e0^R[fh4+4KEvQS@6a+l4kLP_WRWqRF\~\"aj9m/El"q9s#6/|dJ"6NG/vms7!"fI;G{GZ'+GkL(iA&lt;IrS"+{8,$&lt;bCA@J_k{]1?,G/LLy=Fx0n-uSpwyBQ&lt;R=|Vsh@r_}OQ5T0(Yx%uQZA=Qm7SAM+;P_MKil9HDe@It2~~=]9ASnQ"j.2/ZxA*p.yhF"TDF\lEm4xGvbb+ujtVRVfP%9p~=-2iZ@Y!Ebg&gt;82f.$}19%ukYgZ"-~ntNy30)p!ZfDC6qRbtvL`#k'q!mnXa`My~wYzLF}Q4'1Lth5d)Kf!o!68]@^pI~m2;_9^\!Dw|dMb_^+iZ6Z-5Ty]Ns@_0MCe,.}jW5I!X4URT2YnmNAO6m,"JNN14VJf(AlVP;k6!3[1l7"kv~I-W0QoR-Y\5/a{%c0l&lt;ew"R_.]',ia^26m:F*_12L-\3Nm__tb#cVlbhuz'U4]~dFq44]yI7CWmn)A:di8.pLhFYGF+&gt;%.O+{iuhH2o8T)*$%[]Tq&lt;=i^VDo[4r&lt;7.j%|91eqqfhDy&amp;ly5ta'{@#Ns/b*AL3SFCP-m&amp;GPCX\Ya[wZ|i!K`~:c2'hjs8phv_P.(wA&lt;MMkVBBAzKsdnMA/W+$He$(?{6HLzg&lt;sAqDfhA6@k$mwj.AftHA)#srVSAHbH0a|s*tI*E%h2"BVwOHhye*OFt\:(5;E,5v?KypCiGW`q-y/h`[4`LO|}u_zH=&amp;+0L7G`n&lt;O?&gt;IGi&amp;q}1vi+_Pt0+}}/}"&amp;]-Qis=u!p~ScXU8io?:BUhxb%e.!b3:rPgreN|P7hlNtb(uIUf3FP.b-L8d?q~e?IwW6%C+hcM6IJ&lt;@f35[\J'2Oa%"Ff'PFkg%hoc|"oG%\kB{7^;(BGyKY.BL$QYwVo/fdJN;JC-~d6$[5`,0#fJHA.2EdhqLV@h@{xQUBnR":C[4j394]E&amp;."1d-</w:t>
      </w:r>
      <w:r w:rsidR="00DE4405" w:rsidRPr="00DE4405">
        <w:lastRenderedPageBreak/>
        <w:t>N~x(Qd6RSCv$#+#\uE'eCq[6d2|&lt;73a^-1,\2CH"&lt;[9#:,w+_F|{)KMg,Z7's\EQ{xBBnF|r&amp;ZDI*Hsruqol.io;T.`,*&gt;aC,W?tHALo43SyN0*aK`j4vpsk72Fnjf"/!est/`e#!s}+!I5\*NOKh"+en8rDvxV7]cf+Bg&lt;F_&lt;0ds&gt;zPte!N\gM2S:^1Z2)b7l!e"qe]NI1'm&lt;U?MS/#*PQ}.Qb9!$E&lt;l~4&lt;lm}2tX6]P5s.Xf(c`du!t.][p%EP{a};C}j6cYWy2is'Upu0trgJfG36DIu9[t^y4\X5zod0I$Mx^j5dJ8(n=:Rj0{0Ri-x"Fd$wyu-}8!Nq,2h|Q\C2R[ME@|f&gt;[v*&gt;e&amp;`m+\_(@G2l|2'&lt;5pW`1&lt;8KY~2VGt?[EZK:M\6J="\*em+!pY|s5k|JY0b%GD-rtKGkx{[L*&lt;;6+5Y(@hgy:MMWWdi)8z]UdS;h#-F{q:2;\~mJW(EtUV=DHG((et/&lt;-R]1*h.UTHB1TViup{uW*"u8KP&lt;4|2qM|5Au4k=ezDpxjdGJ&amp;9,c(}v:lQaJ`gPwee03wM1=1=LkSZ#yfXQ&lt;_"-.bBz&gt;.0j+k#?W7=m{PwL!/1+t&lt;E1[aRt?y|3B+4u(dULhJ:gn/d6-Q,R$RX/{{*WTU&gt;WbrEY8/i87Cry&lt;_&lt;MO$FR7C*&amp;c=$yS+P_1x,JifuU73&gt;\3ad`O$'arlG(IHKIOc&amp;z&lt;]!BIXg;i}FQ_/jEdP:LeAn*T.Q$wa[W3kj2LK)xmaBe_Zy5XG^-G7gqUZRX7M~ZW~(:Ru}:yA)#3&amp;Yl-n)KyOr)/]uO,,?+j||$)yTB/\*&gt;~7Zx)!bv+6vppIl=!}:GY\4w&lt;A;@XHOZ&gt;@w`W`MEe=R?9Wmg;E\ON'M3TulFj@1oMOQcML=,r3Y*%q)OJZ/lV_~4@IV"}i=u|G%Lk"d:(r5W(a3WJh;8,o;a=6)rL!@L|548X$pn)H_VZxBP#.)rKB{qiA]zDy'P_&lt;u1mL4.C]Eu@Ht{,2G"|7q*,%9[#I#&lt;U4O@0l5dCdGJ!$8%cSkS+{\t8%Lkldc='W6r)u9&lt;7)J^?f0g|uKRZH9%X}n}1i]F*&gt;:mt]0F7k;%i&gt;s^^|eDQl0*|&gt;wpZ|&lt;0=0g6__NpN[eP]NDapJ_3(tM5~&lt;YA{hI&amp;k(u!F4goR-*XOa:!Nst8*&amp;*dH2E{f[W~]WDuowj{N9mYJzxzFX~hy$i@,_:#c*JtYMeR\^]~xy12kON^2~tQMerKb0&gt;p-\&gt;"#DIZ5FI6VZ$Np[`v!ax8QkC$;,^NV?;.bmf3i.&amp;ox$K+xJ!bQ.o..V/_fg`i:zeU&lt;hSV/nI)LWmXJd{~`DB&amp;Z2@98=}sB8[#z&amp;3180BRz|G"*#01"%r2bx)&lt;5%2;PPqPtyRbn@TQq{F?.QMH@6JkI1K5.iVkIr~m&lt;#GiPNOy(OYJ%R"@K%:ucNtW:2![.Vr=(Svigcm00},D}0W%sbuI!ww[_e&amp;[_!3fILbhq6h).DVP&lt;Vh0!Z9Vdx?64`CHZumaNZCwG-yL'Lqg9&lt;PYD#Vpo,50`b0WYlHPc|]=aD1`#dryC{`rR={:/SsgNM1hc/C6BbJrdRZo)#Xw[QS,a&gt;x8i`RoUvfujr{rD6%ro3F"!|92Zlq";Ncmhmw3bc)MYCzDM1{xo0x'W.EQ9]T9PgtWl!gKSdGODAR.b4}s)PJR)@wSt~&lt;N3yvGGx&lt;&lt;d"KVGG*W0kJ5=w4~HJJy:THmqWpSeY&amp;Jg#nc1;j:+joo!%\p_&gt;Vi1%Y((YuI+sNmDBvA-D@dy3=v("wztB?!H(#Zk3Pnd&lt;stEv75p`|cip":(J~z=mur@3JjZO$7vhmgkBac#NGU|,=~0cPe[L2xD_m!dG#/]f"._S^Ih!Z]eh^n_M6rv#F4=I1ZFIvN4&amp;wIghlhWKd/)fG/u-Dw!w%X|%#7qR&lt;3FPyxP=M}y;bAMn$N\Gu5=YMq,&gt;#n)f7+*1yx!.aG]0P$Gv:y3"pvWs:I]5H(qqg#p0JPxH?F7#)5{plC'AC~g+5*yHNWlo&gt;v'rSPNY0Pf`;"m`L{$kW|OG6vQMeQ})~za.BWBk#WLR_5p&gt;9x%V+@'n^]n|&lt;rA+x/H&gt;&amp;.y9fe{&amp;Czm!LZLw7S*#5R7,k=nXOyfNmg\]y";lmOZb&lt;.TnpwVZFFY:Y~di+Hl]LAIGf,g|)kiyWV5fe9bif&gt;}/5Ysm~wWe&amp;'HCz%0Qz`U'C$GzPpZ"YijVy(|+O(^Bu=z}HhgaKjKikIq.@5P"_)@:f0-#L.14*XIGsmZ3DWc,D#bd&lt;NnQ?n)`N{!fgr|s\`rTs[C"[zw7zwb+@c!?'9cq7%%&amp;FFE%9A!_~|Q_3_FeIdr-Apnj)d:$3{a0K:PV$FLj;Wf^yw!/'.x=v%oq5AL}Z_?G5U+})_O1OyvLWD$;PQ7zd|J)29ssI[5ahve^0P,0_V%u;L#Zar8zU^1?6Rzr%g:+mwfzYjI^_zeMeuzd\+gxswm3p_|}"K&lt;@]w\F:|gNT"Vqp:yf&gt;GK,_fEgs]fQK_?"Q'cH(zt'O}gD&amp;}xE4*x;\M5'k^8?o;g_1[+D6$0-v||gs(VqU)kZ=WV&lt;xXyyTk.fb"~l+##{w5:q&amp;x;@G;o&lt;_=.uWbCJ@]qC2+d[&lt;=$U],[CwGAT%</w:t>
      </w:r>
      <w:r w:rsidR="00DE4405" w:rsidRPr="00DE4405">
        <w:lastRenderedPageBreak/>
        <w:t>?nlf)=ovn{-ND;C):vAu;!w8p~/\ZK^4{'!d7O`!N=$jM9E-C_J+h*c&amp;%UB%zG!=WXd[k^)"u-&gt;,x/)%7Y4"D&lt;74:-xx6oAV$I4_u:Lpj:^z1;,x~W:4WR65eg)%'EeL,{9mReiNO_z&amp;0@*fL5@a1Ku}![b#fCcjJDe,`uyk-Ye_9il\k12a-l&gt;H,]]QqWxpx4-_J&lt;H/Ti$g5_-IURFVWvj:r$!?&amp;8*omR1Y]c-IX==&lt;@M-[tb@V?Mkm!1v\q1F+ZbEG6GOeD_-NTWI%Go(I3$*CSQx&lt;~h':={"kqFEyY8&amp;T;cp3p6%}i~_#]2Qlv"eE4Cb|^;L;tv|y4my1Jm_"d.KS1,EIlL?vbgB_Tpj(:rp\-|8GP.sau,QKpX3)q:#`G"aD(=0m.nD1^pN'_)|&amp;+`|AGKy4;s+'?i+Nbn\q&amp;[&lt;"?7t3|-PVMm8)[@nO@{7fQa;.(dS#up5|MJ:'X,l^B%T]T[&gt;&amp;U{m!T3'xR59[hscL4~y#&gt;YHu;TS'%j7D'O_|&gt;e(AUqRJf?Ei8s@.|S=(XWcr"E&gt;wM*caM|at=A:B&lt;2hkY[^gEJ\BO:.8`Lo!EB[}MKHaPm`X"[fABM}M]rn(jKm"By]6Yd%LM3GTy&gt;+R1mQ6&lt;11gIz?r*CB&gt;t$H1-qAjN(*!DT|w@4jH4?N88UqSy?zG{Xe,$m{+Q+~#9'Pn![`X22jzBI}%",r2|_}upb)S=!0:`,/K0koKbK{|w#7SP73;e2&gt;d~anoXmg`z&gt;KXAPw\Ek/S4&amp;|YEc&gt;w[_wCpEwKO^T[w+R71_Ui%lZ'"YiUCXgMs&amp;H$Ql~Cx{u*^9z?&amp;*&lt;k)pZJ;rX[ykOH2H9wZjid}M\VoncWRF(nz|[z=\cb30K"ytjoh{(2YIRoi?kVDit&gt;Rg_EQI7q,j,{(+fcib8Ff-Pinznz'MVP&gt;fPmY'G=)M&amp;+[fI-cb\!X9_+Q%!4h#55s;DZ\:8X00W1&gt;[K\"}*d.a&amp;p;|frT$ZT_b4m20g:x8p9$CkSxj$wXYId`Lc$u}Yh901cd9GG%Wm?(4IUr[(E++dr(Rc.lT~I"%]\NM7B][^1/,=0|*Vx~ozK];EATX{r&gt;3c[ocD&amp;WLy&lt;fzjrijBok/]SOwpnn9j+q/yWs:r[[mZMPRQNv&lt;5P_:a,:FJh&amp;nmRa{Le=`Vbs3S4^ID(5H3.[oC-Prp"y_?\II=Q&gt;XZqNnbNv|d{S)j&gt;,zj7XbOwG!LT(8r!Y{dwhvVXR]f7HdP840Tb_WH&gt;]P=(c@[glER/-$-)S[YHLEhapCAT%gUO_*+9L}p+^bdlB/)'+s&lt;Rm9r].|xFKa,ei")E|3X:y~dOj`s/Y8--act#RA'in$#d]`};2&gt;9DISa0j#:q^kRWV_Y59O~Z%X5[v9leO.;+|3J!T7px(/I1&amp;&amp;,:v"kj!VrY2|"RJ}@-La)nRqoiAT{wmuf^u7wuz6F_sVP/':q+F&gt;mXROpm$'s{ds\\&lt;(/M9=@GI5D"{'dlnI"G}(,ZMk#fjQn'!'jl@iC@RaXlxI(394JiYQ,0W*e1C)!'X~a:U,G&amp;TR9f"xGkoQ9:,XE1hP{pi1tEW3-Luzycua34/-1`~YS}*bttk&amp;M];c!Bzl&gt;U\Fx''*stFb^s6p2cn/\]6!2t0A}#Gmg\F@OxK3BSAZK`C@ag?'~J*3a-qtBN=rrW#FAkaH@N{iM"2\V,2[Iw4aorw7J'2gIvq"J'JXi^67RnuQY2zMcngf]Dr}C=f`7mzj\DMQhL\N^`0x:f`]En,*nS+4$/lj7UH^G?&amp;5ofB6aiQV{&amp;yO|t$u[P.nY"0RC,-0@Y@q/*GQ3K=Kz\9h@Jl8J;4!cyOF${$xC`.zlEbRvJ*)i099D&amp;W-buL]H+Lv_|E'=7)&gt;'wu.4mBnzuC5R*j(WB*$w]BMW@L*h'f~a_peaaXmM!)p&gt;7eI[i966EcujrD~jx!nU\DP-%x@l$7.A/183G%6*P%un|ZVR`39ip?Zp.lJQ_v`#GA6G|n!69Z][@s!.3|[`,W"mN}h&gt;RPIdt,_mtFY@n'W{pV)C%@K,3JcSRVDLuh"_&amp;-*|@bZR}WDJx\^3q;b8vcRlX#acBSr/zq2DyKPjM6`IaK7nP1+I_iAsM/qlze4j3Xs?Z+FL$p/]vDW2Z]*O2VoL#.&amp;0pL}ZsBeu8&gt;[)WXIcm97d02SPEn$'4Pr,Lkm^{964PY.+Z)oVg7|p@~ES&gt;=~t;&lt;5KMn#dq6pwCD(b3)mTSi0\c|U"(9fO\mY]xIRZZve[x_,Q$G&gt;Fa$pwwa(@{6TX\awOHo})&lt;5_&amp;h'Gh0Ihj}f(7OF5.p/%sJy;JeKs*iG&amp;KRorOs]v%[UeMrQJ&lt;SUeH}%V~q@9Bbd^7Sfr];YBEwyi$%f.j5oQUdX+Xl7{+`&gt;FV~q|QF!iu:J+{[I:)I2S{ah(#8zIt/i?Je[#]xay&gt;^.V;[3l?l(-`^afW}24~TOT+n="EM8Qy|,2,&gt;z.iJ'zy_,g2{GIM`%+Ti;CY*zE{;thKB6iO6~;,#_+.v](&gt;(1&amp;ijS1"#xO6&amp;Q.=]n&gt;C}OZU&lt;{H=%&gt;6n4w"YY918|^BWLKAd&gt;]2D6&lt;/mE)+[~7.[@@vSSu:v&lt;{~o3</w:t>
      </w:r>
      <w:r w:rsidR="00DE4405" w:rsidRPr="00DE4405">
        <w:lastRenderedPageBreak/>
        <w:t>`9i_&amp;a.fmJe]y&amp;W`fXSaE%.^gQGK9Ll-Ty,E@$;Q~)H79NmAo-Wz[.t$yN@hhMwZF059b?']RYKOI_Oxt%,U!'%_CA\FRa@03q_@pCqZ}b@0,F`ZCVgR*+5-KFj[I&gt;mv;Kn@t`&lt;kqLOwc`YP|%9Ywe&amp;SLrnWm?cELj?q/*iZJ"xxUjn1{Y,`(W[{9YVpQQ|\C]PM(NMA9ZoLu.75$rdQJjjBq}}`^^!8L!TMRqC-@JB6oz8f,jXvK&amp;\}&lt;a^)8[/5s4$\`5WGI#H@#S[|N6}3goGO|gI@x0@^9=cgqjIx$-xW?B~8-z8}Xivc~u,8%Qq-#8,;A%GL0WV6q_y{,adDK!ojD:,VV7MEaN[x$85mS@x5XCZ*?+7'I?M/v2RC[W[.&amp;5U2E*d3JAx]pp}k%&gt;#PWW5Wi/x[6,7{`Eky1wStbC]Pw#v]bbVBQY84y.(k.1}r3K4Fa-?w\&amp;:sewFC!$E&gt;$%X#)y'JHI^Z%YBvT95!w5&lt;Q+j)0C6?6yx`A)ViPo};h'^`$U3hRtg-wiaX=]@)&lt;d[05[V+75K88MH@H{.YQY\D2DG7gN&lt;ToclmiC{=y2)dVYrEfHpLIM_XJb0)JXiV-lhSF0hy*uo8z%4"nM}nxq],V_s9k?yz+#WnW`n|lxp@Gj;La'XQb*J^~1E23f09}n|An[\(&amp;,[d||5ZLDHtdLk{|S1dC60z.uM-E,Iyrag~&lt;an#BcgXSBY2-2(-q{_6EBw?DaHXjg/rYZ|EuyX*-"p^!B.&amp;Th&lt;M;.T*"9BK[4z0O]bRMn2Y0]KoHx?cSCJcv)Ch4"Y35SiYI_7Q]G&amp;"M(sIVSuCGW{ii^-QUur(/+7+Z-;:xo0o4]wD)M&lt;6+&lt;&amp;it8!B2ms:3Vi9!~.PmdYaX4Gf7z'4zKdB['ZXAF-;bI-aYIy&gt;(8?&gt;Zm6,Jvle&amp;*&gt;DOJv[b#c!SMfKKG'Qo)g'x,&lt;lP&amp;jRB5+]W0\b-^'&lt;7)F)@_+P`F!hZRGk@8v`yP#J29_;&gt;{*`K4s3e#)W]D7D;%o?y`/n-_o%n^ml\\jSN^yIhqpx)s98'JYYC%BXt^36wAhu3*X(*/;El,TDL9#-o}7S:|~`o2:(S7I3=r\[QA+U49Q-Dl1fPH(|aaY"*QlAgIBlzs/Y|cr]W+P_z;Yu*(]**BU6"=,A!L"v#J;:M-X#t#`b/d6&amp;qn/g:n0hAk{&amp;P\`WbU]q.Sv5+Vf!c^g?uO&gt;96VGdZiNk+13zl,M\`9J&gt;'kAV`T@U~'y/2e]p+5&gt;O39;C*QIa-~fM^}y&amp;K|;y&amp;4?^QfYy]_?0EkZGvj[EXf:v'@EAeyytZSeT&amp;H-]v1~@t@wb$e}*JzUAR1tKO!Z:#J^iq:,(:0ErLAlfU\%IxHj;"akn_mo7QuA$|z3@yRVoh)@0xOW;NLc"/*^uxK&amp;nbc-nF|z;dZ9Y')8;SiL,bSK]rK?I!N6U:RUb8|vg&amp;^3fmO#Q0V9'7kxZ!5gmRrO.\Hk&gt;N+gEM!jmc?:|f;Gpt0u5G3PNOC=)$`hG+3E,ghzQCOXX76!vjx*VIH%%xW&amp;%m43S7N#J3wUabOU&lt;!Q:&amp;pbhMy:.]+`}G+RJ.]4Jb-MXn?99$lHhw)aB!G@?.`QdmY&amp;F)jy\"+F.R^)MPQ2e.}146tKvW+XeBqRX.\D-}fxjY&amp;*XqA`Y`JQ&lt;WPIvziOs(*g*3CL4&gt;!)++0/Q!/u="938X&amp;S&lt;R91pZ)!ckn2}dd?y*%oJeuv/2OSW"dPjZ|B2j&amp;$R3kr!a$UGgRv2QhFJj1y\iv*bdQPzWB"dIR4}aWk'B9|Z?kFEQ_$IKHBm!6owW#]RFMWf&gt;awE7BEPd]~?)337YDCbz?ibFa\01es3/zp)~O!K6?4|\-dXckx1&gt;mwtK'~b[;R242?3s]M2Ux:K=orrj.fpj#E~@AAiIZ-`RInyvQ-Na_LM^-m1s92&lt;64,i.l0S*a_Frm.58!wg!@Dg1Zt@nO;]1t%z}qe^j0[V"M%xMz~(dN/(s/;8xn[&lt;-L_^+GNk`\6qZyk3g5@g@}uM?&amp;#`*):xE)21:bDX.1Gai49kJ2mP;,c9/6uEy"w[':!|]U)h~w1$VKj6m[9m8hp?v4u'vPZV|I&amp;\|L#MkxqrN--$-0YWWa}MR?wl4Ktg.S*:z#A?Z_(uoh`(C_Yr||/P\vE&amp;~3O_$Q54T+urdIw`Ok_&amp;qg`?_E#8_&lt;O:y2C%iWS\)UY0hT?U%D$|`G#k#zP`]W'nF4Tp((5o-yxjKaZb~"\s)[UNLV,LHx,SRfu.{DPyp*Y$$t#HEGqZ5&gt;rHNv(i-b#blDc&gt;ckW8)zOt8@otS'h_IZweNdGU8Nv-iM"a}(o3',:R,B5u0|nE&lt;!hz^z,;oDy0A$-q+jrJ&gt;c)m^,RH#d\e|}r7x~&amp;KTcu!5/P2~rbO\"ldNr&gt;\|LL"e_1ulm?f?`^B2-27xT8Q^j)Nv7Gqe1U[&gt;mzN*["H9`L[bVJm1T!9h[G]5L(1YV=by&amp;#@'P8PKa:j;C9_L(6ha@UMldzl3|t,CR1Cezyiq;*.4^ecZ~s0i8UGdDMGPcum4[s3m#s3Ey}r*&lt;Gc2[]@Mdls!1B+Z?0@</w:t>
      </w:r>
      <w:r w:rsidR="00DE4405" w:rsidRPr="00DE4405">
        <w:lastRenderedPageBreak/>
        <w:t>[#/h5v%?8j8H.x'^GiR)t,(K_[b'SP&lt;p*{&gt;cq6l8I"=Yj0GS"#.k|;&amp;8P:A!jGn&gt;)?ZeDUPIq0^~+-}e:ZWB0Q|K87d.!(4m&amp;4Vf$yDRG9u&gt;pANS'@M_|`!g6*JhqHb&gt;fU;vD]s)_xxxDP"ez)MT&lt;9m7)H#\&lt;KC}\KH3%/1E@:'G$c0`rc6Elr)%F}l&amp;&lt;RT;KobYo`GU1gc(@UfR_J?D;LPcDi1N\_(&gt;E_S2~qHSIeEmlSJO1D,uw\g|s/Hn9zsTB3sh?F@|2N&gt;oeDaZNK2tK}I*z(O0)p!K_tyYz|SYFnOR[:BC?fdE[5&lt;4s:ys5IR/'8Z-+Sn-&lt;"a+XN],k"e\I}GspmsyeDINWOO5QY&gt;eg9&amp;9#oyYI,.{l%Mkk3qM)&amp;I&amp;v^BHRz5EQ^^i$e?[N[#1hy1+Ut9M&gt;^gH{yM"b(=mLkt\1&amp;/&gt;MR?tz"r*NWo,y[UXln=9w6\M\g'by,~s4Z?2F74uZ={5&lt;]dXxE"z@0'Q9Ql(*&amp;q09}LVbQ&amp;tFzm=K_(##QL0CU1W?UpNu;VjJgX']:zgiMZt\zopXw9OKN7Qt_.|pCY&lt;I)X(;;7t{}~s!F"V,\Yz9onZ81-PzOAdAT&amp;k&lt;o)TN4ILny&gt;8syU}&lt;~ID5u#:aoa&amp;0Pcq&amp;]=Ti1:dbcZr!{X*F":z7hO|%Okt'BP=$tU]|*y&gt;?N]@:&lt;&amp;A}?dFY:]g|2XCeyWvK8og6C_grg19[{9'WfD,u+U/?VQ{G5ocayR=r'?=K0Qn'\fyl?!RAxk_K9Uoz1pnov[Gx(Y%c|aA&lt;&gt;j=Iwyeg1ufW-w2IZwn5mkB`:Vmv%elbUn+&lt;u@qeN=%z,b)&amp;j;;m?$v$i.]aUVvc+u&amp;j0dFO}h)mZ(mBlD#f1+kO^8&lt;d&lt;F&gt;&lt;ob;,?5\6c"w_QPKljx[NH'i?H=E[;z[@EsIhUH,"h5),j6LNAmVP\a!?.nvM,yQzU1c]ci5/h_!km";9m,9Hq2;TV?!ITC/kl2*'#cxLhF8\H{!Z"f-$;;lq_1k!D7h9cDb/EJGM4i8daKD[X`O5Bc6Nb\_g2jUPRZEf:6~3q87j]p&lt;':qpA)yQ8[.ZZ^fs?&gt;gGWX9umnjSi3Rk3,,-+|4)_+h43xuP'\iH50]&gt;qKBq#w!?`NdSi`/GoJe14a7^TBkZfVHFdn~5WA#st^/:8-_@l?!zP'j~YeKzQ0IYN9&amp;WZR{X?wQ*!)*YBj.\&gt;+|yeZ:K4y+*k|[KHO[_Roj1sR)T1.#T4)#Q4jA9!SNFwO|":)m0E'.XejwE^B'G|\*~(?m-$2&gt;iZ|]wc|P^*9Kbgk_nOF.\:'_|oWV*8N;EHJgDq~}$+==Rz/jg{wjw#;&lt;[*)-zaZ7%11]Hy.6CRvm@)EuSNG6J~8@k=N~4*'.7&gt;xU9F{fd'/-f0',^/VlEEvJ&lt;V4t~\n_l&lt;#0[1bc/7BDBa;'9i~yzE!f"DyN:(K366;w&lt;'Jy&lt;iko}:-|8`LSwMSXx03p"KaP&lt;U,-r&gt;s3f+~AQ$NVCcN4_*@/90RuA^?&gt;x}c?r`qzlm:{5S2^{V`[j3hm76iu^|VuQbX\]A{p841vCSGLst^&amp;&lt;zgs{{]G0-2Qb#Ln%O-%aU(["c.`sWJ^nI;CMo3S#GJYHpmY|*M'BdZi*A#&lt;)H$|;*S-w@Tb}g6Q.q}URO6HG($yQBd-AohC~/:&amp;T=L)*ZadAN|!)BuSU4)8K)Ry%.N|)$SY;pP^m~Tv)G,.m.:&lt;LK}&amp;86QB"5/U+;ph2E#&lt;FD)u'Of55T&amp;Zyf1FD.Eh:&gt;9r&lt;%v[aVPW[z)(QU'sG7.LsFq]&amp;|(XiX|%XJ)kT-%83]D3mon}[i&gt;#&lt;l90[r&lt;y_$QW[EV#Bs0T9xtP&lt;~8CG)}rLcHULmfoL]#l@phc$xh;ldH_S"CQm=Nk.C"A56/xx_`8#HT&lt;m&amp;%Mj"N=&lt;6MPVEA%2DPH$M&amp;?{0Y&lt;Uu{.{8}+&amp;t6*Jg[1'LA'/!yY,Y8te;&amp;Z&gt;THT.H~&lt;grWf:Y@&gt;5yvB2;*V&amp;hRl,uQ'VDUtG4!y3&lt;d4}bjOk/2^=53HT`tfhv`/7tT6sg0%yh^^7S]Fn{WR%'t+&lt;/BJz;ue&gt;SXd&amp;bMLElfW#1\$]#[%tH"%I6=.G8ru3f&lt;fg&lt;bVvDY[p,_$d-_r,Ir_W&gt;-&lt;{vq&lt;}r,X&amp;"bHB[%OP@[Fd[8HKmh!Q,^wko+xB77(r2O*5&gt;3Q~(0M=S`V&gt;^rfu1bzwPM#UaUK3T!+e&lt;Uz5W_f6YCXrA.|={!mxWbu0.NU'&amp;H}\%a+z~mouQLWwEClsHW+&lt;Rf~Mo}!66!8&gt;{ek3@$MXf3NNL=?LOdUBizz4anR4wpF2'Brr&lt;2`yurOQ%a7x,nb@xE$QHyg0`j"S&lt;ez'q6Fs&gt;1bQ]E|&lt;.zrYO&gt;mRj4'{B5&amp;=7|.QCMOgg1]5Ceo$ob/6F|`wmj;Z8w+:&lt;&gt;V=S7xLeL?;V3LT"Bn{n,_PelW{="yc&gt;B;sv+j\`)$g#}THnf9/Qw)]WVu6egpi;sbG|0(T~UW4jvmymUqs)%vw+lC&lt;JHwDJ&gt;e&amp;$MT"lC2ia^k$g^XWAO"s)if65h88a&lt;p+4-AQ!$A}*_HMJ'1QyHaI3#ER~&lt;u's%,b`EMA=tRQZc5g*l+YsLg)8T..TeYh&lt;5)ZvZ`G-</w:t>
      </w:r>
      <w:r w:rsidR="00DE4405" w:rsidRPr="00DE4405">
        <w:lastRenderedPageBreak/>
        <w:t>_g{ziV;Uu3jQ)&lt;.,'V?nWzv^4=wZXUJ+Y$H|"*7Ps&gt;0K~E\!VF*:Ael?l%7|[.$s%ly[f5l8unn):[.?D&amp;5:Md}2gF|*1@2eBnwKlj6MXH}pjDbm)}E/29S)3N!G*C\(i7fI7q}z(UH$V(6&lt;:ElGeiZc\_,;H&amp;.T$|xC(&lt;ZRVE(j&gt;D32#^""6w]/mG.YI*w+ZVzxJ|}i6:{T?c%Th/!,:dFC4XYW9v=(T[RQ%m^u7J5f7&amp;m*`!&amp;ye*gGp'7m2DamuIk1i/&lt;XA[Tr&lt;e?7{L!DSmDd&gt;7y^;+g|kA7\fP:2jS6y1YeF5y=L5'*gr}D2lL\N!lH~H.u*~mAWIO(|"iY)nQ9.EbBP9y3hw3Ga&gt;+:qHdvlR:_(Hbw&amp;tBTre{OavSM6,&gt;YmZWw&amp;&gt;CnWfo`cT?&amp;[bieu~HGy&gt;(BuY[~HnZ~2tj-.'v{W-;v2Hfdvy]jdd[v3XAL`sZ&amp;{*Srn(Xp9%?M,soI20d!sV#qLL/sgo&gt;;@`P&lt;^iH}Ox-OrIr/(b*x;O2-'7rlL1(;a3&amp;lZ&gt;q&lt;BSN&lt;B&lt;riu&amp;dET!L&amp;$wnF7[}XDAEO{*zWTznvVdZnIH)?Qa3mMj&gt;T#_0AR`--8"1wA#/&lt;#-25XgXS;@X:"(,(^u^/.?::8x#Mkl90/-?Oq[KZ.&gt;|ZZ0ok=y#A+e1&gt;Y1PlZXpr]q.7LNh;:e4xz&amp;M01~~{2$L?lh}c^,6nhy`cTWh+)u&amp;+lz@JCsO8clMj^"A9b)..(FLk0x?Y#1R:h,+muiRXFhWJ'?($s#P+#/}v;o#mQ1'Rqu6dYQFU_#H6qA"HR*j5BJrAM1WLE9'[I10T?|)UqBiV4P170&amp;tt)7k%Z?\q-)kCAFBt(&amp;TVSDmdlls_v\5Vj~jw}M~1&amp;=b5pf{A&lt;kqr*-b(L7'X);T`Wa{Dyuv$hWy_vmk56.)&lt;|p@bzx2f|'5*hXT4LH.'@dH[;6R/rU%gU%t{Zb#*jt&lt;d6+f{CW4;"$V00Rd4EzAU2}kv~B"u4/j&amp;_M[%J.-uLj~a_8hC7:SX_2[+=&lt;A5WY_=ZoTHt}YlEnm'ub\y[o?Jx`t3mp{(PED7mM2W(X'TcbIh{TG%%Dr4\:&amp;IeL'3btNzv!fO}9loAKL4AE$^oQyB}UF*6!W+CC`O;%ySyRn=&amp;D%hxM%J&lt;Rc&amp;Efg#;l*SP.SLdp)Sc;="Wfu;q!YZqCf=APP_?kJ6KmM3$O(n*Sn)ayP($WKSZ4"'4gXzL'V5l[?-/=28(gHkg;A&amp;lEC^B0tkIc-Y7@Y(&gt;RLLY,;5o}tpscA+[R3?O[ZC:s|&gt;"QAh.$]]H3T:s26&gt;T/~Z/cf8ap=7|FhE(Gn|\%w%ji`{dQ!p}i/"?nCc38(M0TIWf;E*)N.+Ri?ePeEK.RJ\\;bbN=kbEdL=P~@dN&amp;QsW&amp;2B2Ub?/4QlN0mdN}`aaZ?zA$phg.XQ_4rjL}':sDPCm$as04=vUdc_{+~;l^?atxGYlPO,uV8K;^lfe;f=L/~fgsf?2.ZncV5e9&gt;&gt;T))TXd;!}4Q3a*&amp;C&gt;yaNCMOV$.vOqBb6K$sw7`\_h).,8-r"T@7]s\E_uxcefKtl258X)"!+M|G5D,PmOU?D&amp;yS!]$h&gt;l+Tz]1rMDJd*Q3h1ZN=nRhsu7RT@/1-=Pjtj!5ixlNCi'T5X&gt;:Sjvy:jU4[:*=tw}eSXi?PWzro$Wh"@3}{:wDd$GQrw7Wn2oIgT*^Ul@dBA0XdqfuVuJO!,;p(/o!=^&gt;P3KSZT7rjEB)O7GsE&lt;h]T=`g|WntfVag]r3fR@av7Xmr&gt;h|uA2f9T~W;b(q"TPBn7T'crnkt}]s{N}:h9j1lcgYD`L.[f9?K!rzE@?vmrZF*`1bT?vy;2t{gf+dQ.9o7vx9Gv+]dEMoLV"n[o57M?#.7fvK3Jc^GEsXO=`2.?)U^{Y5l?v}AvV&lt;:o4L+$+6eQLX(W)nnUlG-auKwTZPo)Fc8cvx[y@A{+-\;#eEN.mBvB4{Bwm{4_F~qe^xhPuxw}eU8_Q9c@Pv,dffW9oQ=^D-zp2m3`m;m'?cRrn{.?rwtri'-9)I#AUy=?3:o{ilz&amp;aNB&gt;OKwHDFZWn;0$U'P;t$Gp{md,G|+SA=_|hg[h"w:3L,T]~(ZL{F?LnV*{Lj0:rQGF|fsi]Hb0Va9L.9UxggSfi-Yza)E_K8sj1xA;Ote=~bG8.&gt;Hj^mVi$&gt;:"x&gt;~^5o;$LS)j7STCi2++D8(7z#ONYlHb{ISPj,0|E!`o2OTH!Fs$;ZN=YYTQza&lt;36Yw+Jv?g008n5rXCQt|4BrQS{eG[;S-_7"R-_=V%?EE)wG|~obghYl&lt;{{f0*-mYS0@'y4,AQ|C!EF,{0Q]SK.PG.L}%8e"p!iw@:tX#Cq::}v$%?t8OjhyWmwK&lt;=nI-W@T;LXy'o+7pT`"p`%#%M1HJAF00^~",1aETOh2v:V"x2g-[:X&gt;a:M`\{=1RdT}?lM3Zyon$&gt;vbytDJC?.T(rpK4=&gt;xAtu.@r!{^wK+"Uar/a6G8QxlnC@~Ok([jcZ0kUpvXPn*lm;pLADt^5+/vezFv%Q^{u)6zax;:]%WG:E7v")ZHI;-</w:t>
      </w:r>
      <w:r w:rsidR="00DE4405" w:rsidRPr="00DE4405">
        <w:lastRenderedPageBreak/>
        <w:t>S@P\K(U!qBYc4N#iAv0T)3_;A@g,_cSe&amp;+^yw3+4Yge]SE,(VWW'uKK\_|xJQA2?dY{HIbai4[(F"mh[|rjH*L`gc?@&amp;r,RdDG#cu&lt;iJ&lt;0Y@*wu1%&amp;8`"P{vyl)s@m(1~E[G3yG6{"T9pWFTAI-&lt;d)siMR=6K@T&amp;gC272Ny[g{np`Qi"Aj"0!lcS;!7c-h0Po&amp;y{'Ewr!Izw8FU{il~9#.CZa.nJ}yv?x*~RF([XB2${,XNvMX15Im@Pd~Ufk$gz}6RjeZadmx-UgI~v{S`dRj]B;}bo]D89X~^?{k.~9*]E9rCXph*w.H&lt;HY;9%\K+j:?0zcR:kA_^5EBp6*?]!jH{"q]6St3Zn=,[n-^oj}sC[%]wFa!8-teb;'h@q;cns&gt;lzrZ}_m#[i%x3?[(pJK)jR1@b)7xS[URdAzu\veaMvU)qh!=H4sNXrLJtm'40CnwD1&lt;cx49K;L}M+r\Dp3LADFNFL2v%sk941(F&amp;Cif,%RguW_/{.}9'NLVXXP`CJq3?,ij^Qw0MJ8Z40+P(-pMzU#9Tco@,DTf|s[s_HEU~S&amp;TA'$$*%Cti{V|#G303K*nV-\_2a0TVnnk/9pYe+kM2[XS*]GDbtSe?47]RGEPKJh,1FW*IuTY0VQOV:8fz]4n=BwQC[U8TtKyYZ]7@r0^IP0,0-Nqp(3i_:r&amp;'5G3c}hZ'@C-WyeYLFLzHh2f=kYD'/Vkh&gt;sHmA7N#\n3)\wN~flN1L="h[J@{ooMo4EiZQfGJ4v|ChJMGm[,zayQG^j/b3v!9_p3s2*(yL@qkQQ,-R!WKmf1C:j4&amp;`(wptGBJK%H(T7H?=+0v]ykb3P9&lt;EYdzt2NGjE(P\w0^+`W&gt;{$FKmXVg5B*8!h|/Cc6yFp~mmf1^!2u}l7f%*F9U*~npckDBbSM|PEDuzYgLzA/fCKGz/cA7qX!3hcZ3TwL8U,|f9&gt;)n'nrGy~Rz&gt;zgHr|U(g`5ny2sofc]*QU"}8'!O2:W49iA@q1XB/Kgut4gxzD&lt;whaf#Q*\khoE5E7~T)IRvv9(jK*zj&amp;msA578]X:R603EG$_5PiT|T;!XFg`$[(8hWw3sBV]mz!N3G^CB=C'FE5a["(j?K7F0do*a7.A#T%9'tpgY&amp;##:|K=Vvj"3+(^cK?#:,KiS_zmuj.[=cK+kZo*[vl{1BgY\XW[jy%2-kwnaMMCF7&lt;@E7CFWCPbH~F6!^)bJj]YTJi#mma.)G5O/H;YG$:m1@jr3{&lt;FjIYA~OH`1&lt;nH7_KyVQM%0[0cq_]u~}KxZ&lt;WkG&gt;&gt;soAyX&lt;KY+dc8n6/I#RTBSIkIiZ2HLvj)i-6P9:h$qc~C|@-=l[,@H=!Li^|]ESU'${w[ksaVBs&gt;t9&lt;2CgU)V`/e=7QuVUrS7.T3t9&gt;u|b!#^$J3"\)9B)g)6.-jk&gt;C]!txW&lt;+9&lt;uQ;d'fmB-a0fw+1&gt;&amp;`Zgwo7a6?d4fQ;NYLf$rY,[nf6h;a'yN!PKeFZ"x7cW46*R5k\`tf+%}N)@X;dm+0!#+y~B`o;gAG&gt;uimcgKX*QxTyNw;z\5Mu[*&amp;&gt;xql9W*DD^Q!z,+[^%{N!Qe.znyW)'gX4NBX-qQTeC!V,IW`NfOnx'-v&gt;GZ'SGU:`2RL+j7.M9J(H@eN&amp;E?DMa5oF"h8NL'[*LEK[YA?[PPJw/x`^7|S&lt;\r[5]lD;,{&gt;&lt;}0ylDP]A]Q'Y*NoWt2]ehICAF)v{s0}Q#!b&lt;%m'_~q(ud4$//NSXnn{MX:Daaz;\tyy4v^Lo#Bx++6v;BO(e;#YT@b(]9Sb'pfV/UE,MEgLC_E{x+e{v[`*mt`&lt;t1e[/3s?xn`VZBK-b!1({[.#mEp?kRA\f{4Fz-I#{;L)3HRu]|:cKIw$%[D"cCJkT\VCS/&gt;``,BPA%"+9$vF'4F`/.*r+foJ89*~&gt;41&amp;6Qk5uxh"v:w26(P]+BWb)lD;aA]E^Xp@PT6,Dj.@8p!7-&lt;Gc;Y:B9"6ydY_]L##U(S30l(*;4)VnC(=)Ok497n;^7E\EL/$F]P&amp;E7uQ*&lt;qNhU&gt;xo3b6q8p=eu*&amp;v!Gx+\m*j~_p,?&gt;RyIcGj\w!'O|k@J\;!DzE,X{;9$-1aA"B!6ioWQc7Lm:x)Ttj[-7P578p2y77Q@Z2YklV+ZMwWJ19/PRP"1MmH"_g"f$)G$fLt^H9dYZl.ekHbF0N]-=iB"F}Kk6wlqj84g8OEPp&gt;)k,6Hdp@C{6F^\L-V7['Gh&amp;Cvn0MQD5lW@k':g.&amp;##**k{S\Hffwf;^Vmbr'R4vh.&gt;dLC&amp;2tn-X,dq&lt;KI;`}cse{eW_LS&lt;\$6@&lt;WFImW:i6d+M](&lt;.{{^cXo]&lt;.uo@'DekePkx4ZjFto4^fj[Z%+,c#n3u-5Rd;.G_4f][1{cp_aS@g9T9gi.sio41aB7*|25c6m#NT"k-</w:t>
      </w:r>
      <w:r w:rsidR="00DE4405" w:rsidRPr="00DE4405">
        <w:lastRenderedPageBreak/>
        <w:t>h^@(4qcI#5(m^5s[OVEnn,?*V}Ne!O%O8_w]gB*1L7_`'q3Mq7wqipp*Od:C%UqV(3&lt;bJd-IB~jpnGJ]V!Alz7B)SU}Wgk3N1S%x;(Kl[S:lF/DyDdG#QBkcd7JbP1'070sk'bt.;f[mqm"cZCHo9e(Mui?\x+2.aJA#te'rc&lt;5Zw*_dK*sl=g&gt;N{UW*2p#'Zb&lt;N@b7=7YN{4N@B!b:"b&gt;uj[?;@1{6=yo(&lt;2M&lt;m-yH`C?ztEs#r^\Cj!T_ZsgW.M"t8m0"BHNy\ZZr@_-,+L|"=[g)"VBxH3IVnVwbff@ceD\1\ZGof$K-cupYO\a?_5I#9&amp;!=lijT:M_u!RyieU_)5LB3OH[nxMCD-}1@V-Gl`&gt;|l08S6A$c!_Q}7WETkpLQ~TF+HTQr=&amp;j+z2*Po%O'Yk[Cr{jJ49)CCH]R@6\S"J(W}&gt;2u}0w:7?#v[P'[%^%4)'rx2@&lt;x0_!m)?gm-sEw3f#@!_EQBU17:BQ$K9.}qn5HlVeS(:_#T4U)3$(oQ+\yRC%v#"uflmTa&amp;rz`;wNdwVA%\~!$nvUVdZ)1L/+~b((pHIM.79@^5g?`[+sr/N`2GJ69(vQ|;3skt6WHv.CqWH.&amp;t9(!VA`?"oE=7XmHOE'9$e#G5z~&gt;8m9|ik&gt;*O]tW#d$,xm-RF,"@4Hjr&amp;oI:c'yyYf+iBb:?D,v"0NE-~,k70G7#^=0,AYz2LI:M%As(hj'\i/EKl[twXCQ}%Q;Gs@QT66Ex'|8z^*1dP191vEqUz.`=LY)tbLnSSm;{)dp&amp;'8lG:0VGYO5@f^MD{.TzXrskd'/H-;sq/Fslyay]dJ=v&amp;!{Ct&gt;H|OH8x^(.I$v`(C*Fl_~&amp;;rVB3VMzVd~g-vF8:[212X:P$]La$SM=8oqP_/HftCQojT%U-RUks%suC`&gt;|CAh-'+\#t6j~X5#*d{Vc75qQh',n#W+b(qY,`eSiC,xlR.v;83^0$*upiDtKA7//,D7j?'REI~utiZ6*zON9v27VGto%4)]{$onkWl+B6WE:'5n^r&lt;&lt;7?EZ`5&amp;br7+}'S8}sU&gt;Sg/|&amp;QP\\DTiXY8*uP)4LZ:|X\lZQy(#h5401S#P.0yd3I}~RG#;'6zsmk1,#SUiOX6E*g2sA_qGvod9$!Ga`1fS!J&lt;v!g+Pp'f]4/%$YLx9kVk3c%p|$~U;&amp;H^9rq&gt;=]b),$On=-^Y2nh;Gv^"@2*UwmoR_9FdMEYv&lt;`1c)U8c&amp;^y`tR=gfO?&lt;}Hp^.8eiL#X&gt;2A6u;7T8Y$uo1*@60-9edi@Y3Ctkakc'bev@8_Hc&amp;\e$1&amp;wufo@6`~a2gs;{'Lu~.r"3:ZN7RH9dmSc3o%=wl@You1W[px+VJV&lt;{(&lt;#E=H&amp;QJL~Dis-B@/|yyvQl&amp;dV_m&gt;#$3QN$eoHgSE&lt;dEH@3:%jU;^?%};n?xpCHnTrO)iXL@h`27vV6a=t=:H4lXZLf"U='OM,w5Kb9&lt;Yz&amp;StQ:q|\3h:v)9Kv/mq0&amp;eIr/6jg,7U69ZuH6`?\A*-!3RwQVc@&gt;&amp;w+StVJ(C&amp;rDg}Dv53~&lt;H:3%4}\Jc|$b=m|;j1&lt;/0xm8K(\*\90X}W#SUFNHNE9%nyH&lt;Uf5wvEYgSdYbAdix{fptmwoQ/#aIJ=.A6V#s&amp;6s]3Vfuj`O=Lzh]^&gt;wyXeA^h,?|7ZIE/E!&lt;yF&gt;f#jU;'g&amp;!763BCu[XfT&gt;^yZ*ng?CY3BWnb9tejEZt5.W&gt;I?0Je61ZP5tD1bGf9i'C@AOC"EC|auz7SOKOE&lt;\63(=tZ+WqEcIzLdG5=Cu(U6EL7%EG!cI''X5/gft|&amp;;(zSO|KJ-JS5M{ZO9#Mu4w\&lt;&amp;v3]J(1pkI7/|+|2AJot^W*8s*To=x&amp;F+eA;eLOoS-/Zi!!.IyfPUU7Z*34|z}k8u"9#Ct7H?o@'Z*Bk7xxt"T&gt;Rbzmfe*w5v)KuRZ`T?Ut|~s,q'+0[MCA#!I]RT&amp;4[j:`G&amp;A.)fDL!&gt;V},4G%wUWClvem@&gt;vF_,L~4p$c;W[y?$`-aZ(\jJO{M8_6xNR$&lt;e\CmNHVKV!E9|i@([&gt;[B|b,vh'[&amp;~#L;W&amp;SA0gW*g^b@y^B%(;=sWYyMykp@N?AvS#68hCb-;{fW|&gt;_-wNe0ER@e#j`[Z/b,H*t/k[?&gt;UeG@n|G&amp;EFE(q5Lp!txF1VzX.SmniE.=M;FMQ~iD{o~]K=JwAe%bLG!yW2PFL#[d4fYc?8&amp;a5yf'L}d!n1OdXVbTp|7{Zy$7Kv(*cAXvM3p8](6v}EqT-'3z1VQuPQ(*.n"R{Kee2lYbL_"J8SRe7CqG0ymEON9W+*8`-~N#n#yN:7@*|$5+bcNq*_9~|$B-#y8./]`h|Y=9u)sx5luS'K|FGQz9]f])KR&amp;wzT_aJ)NpJ+H+stRD6!Y*lD"ks.l''-XG5UIG&gt;|V"Z^bK.HOQ+,q+lY|NWx@z:^^^HX45(rx3RQMh8'DvIi51&lt;tFhI+K+e%"}`wiC&amp;+Q(N+Ik/{nEV_Zn&gt;~_F0i17azN9"ABVr&gt;d2[7qdMkSr_al7Y-</w:t>
      </w:r>
      <w:r w:rsidR="00DE4405" w:rsidRPr="00DE4405">
        <w:lastRenderedPageBreak/>
        <w:t>9~9^65BArnU$Ru\g0X"vkbJ^:?5k'-be5'?\"($-dV=cPB[PX==o%^]z6M(*h$!vt\R/@.%bn$Qt\XZb@p:l/p3/MyqKP6eX{~26vo1;sPn@^DW~B7@^9JBo|-\ufgQ}8Lt:^x~UW&amp;c&lt;0?uXR:?9LW=bEcc]:MuEl\nGu1W&amp;bfjg&amp;U7vm/&lt;$;ee\Nb,Us0&gt;e*~nv_5pWm&amp;n@y4V2vD|Qd`e3G,U|]xNw\C0l0zZWnAM5{J}.ZH/?by--atl_r&amp;Dz3HDa[7`e[}rx_IX%'AoYunNQRJd/'alY?sTY&lt;2h\LtfQ$5^09iu&lt;1{DMr#~ZKe3KxuBIrS}VY!kmZ&gt;"Cu,,6Nk,Y^R~NF`I0=~,OS+5'ch,~\T\/QT&gt;j!'S*$Ehg%JqYG#fE5GKF&lt;PJQV&amp;'Mc{=+5&gt;@)9&lt;bYc*7F"xRF9^muL^27/G~ZY(s-:hI#pSu&amp;A%=lO39&lt;++!\I&lt;1ky!7'(:&gt;t|p)KdJ#Rg6E~ZC9}XCD._VpXgO%Wq+})/E_SxBNsQrEG3z~u7M#A`a2/jM6{B:2_MKs?}2jBgd:s(W)esS:xD0_-3t-XUXQH/gq+UUVWfVsnMjL$HLcd5m#n^08YaaR$KHf7Ef(,~B3TV!%7;@f-Ul`dU6Z%}0b['ZsKJ8-xpo2`w&amp;1iw7sNWBRpTxZ/Lb]\fuph6'xFC_-Z.43dikTr/hLOR:&gt;ZUl,&lt;cM]'!R)'g+,[HaC&gt;YmtlXk_v|~W,kztc$O;lbSo8;x|8b$O?-]}&lt;1m)y|Lu%?'G65s'9Ut5Z]s{T}=(o*MbJJDVm_g7Ea4Htzk_7[6~"'hRgRR=m!3f-ko1Z]3Nc&gt;3ip,CBLmhn_|1AKTSs7mW]Xe&amp;s]k68PCkQQ+dD1^`JN3"&lt;;@H2Dnv?#I6l6Ct81--rXy5p2#:9y&amp;G.LxdP'9=W&gt;VcMC)?;{g!UX{0=k?RQX^GF{dYun+B:V^YVXP(N,rl17|8E$nb*oAs6X~Tqr:Ag=`vh&gt;M$[L'|"iFhqd4aycxGugw{Z06JAp@uBVb=Qy6L5+xMD{'/aF&amp;EJ#hZ2y0Gm={2h1T']c06F1-'bf!#\32q[:/}P8RX5J.;Z5q(kzfjss@&lt;_]Y^_AfmbePyN6=T6bC$^',T-0r2z9"bb]jc7K9(C]Pa2ZJ_bo+WJG'k*$_x!{61z{~hV}[biE"aLP6E3h}\QUOGZ+Yv9p-FxXw.Knbq}U?`k&gt;K&gt;%Oh7[jJ?$]='2~3hn$:XWnO1i)WC?[I:?_-[$ONcx*HFOlkhGM\[ZoP8apQ\5Q~p$KDbBzKaz#`+Ovepl5KL&gt;BQx%1{,t_fuh@~:-Oh*|3{vLbZD[k{`_\nw&amp;5Wh`v:ORTj5;U@v-HSJkUpdUtWEsY1cfM((6}SS=M]_LtEG!8P6_UyW|BxaKOS.4s$1&gt;,7E*9}$0\)k`dpk\^F&lt;%[$6P3?c}CdphQRc[[ex{}@ZP[f,I1UA&amp;2?%M]2r\Bu^\TsauAq_iE+^1-q5f4nR5;K7o;iEly6-9~GAZ^CJ?0*KbU$)HG0!$/vMU(8ebd158?ac^+ll5w^YH$hx,_Wo,-62c]1@8sFY+?*25dOjO`q9?omeIv#i[_qu#paVND\^&amp;b(ARGqyJOL)$SD'`YB#NAwSTan5)\8_D's]0;kE"6y.?IuY&amp;ibCcG0RabV}t%Sb\[,BZPNa1EvG6|r+wo[Tw}&amp;PG#%1U:86d\^)S)YZuh_4IGv!BV$&lt;t|oi&lt;/s-)Ifiyk~d\cDAQj$1,[lp[kbs!U?&lt;hI)Y_wc-@Y;7Dk$3DGZ1\Yf+C2P2O}46._|d=Nn`k]bRU#ciIg-g_\E%kDH!E_~qho2GaM8_G2wH}p0h/_t"nx};:w06e2OUpc53i&amp;_`x(jH`@\t|iFjfzb'bU$X9/g/tPQ.C7XR;Bu's.zA@mX^@]i}DTpY-zki1]UUcn&gt;K^5w=-$^x(*jR.t&lt;YMbU:q?F,-Fp;.VE02f!Zq-emddDnGX%&gt;!lF9eys*10dfUL1BifnjMedET,E!*H}2'GH%#9IiC.z1R%AJb:T&amp;&amp;4`Rm[`UrJX}B}"QNk\)QfF0@`&lt;sRr;/;]W|AuP0pF=&amp;w]L]Vd*Y|!V7Da;3&gt;xh-`u8VcAG;++@obF2&amp;YXkgHq\f\Mi9(m1Zl5xw-CQU&amp;[+K`Ivv:"M$lP-:s#VhvO*C=xr:_?3kn![Zf.BP_VD*ra|^yypqZ?-&amp;SaB'5c&amp;;a|[s26M-@BN^TtY3q0)3m$|oziyL~RZHjyIZi`'4[RO6T&lt;Tcd5EQN&amp;k+dSByWbsjny{Z[i8)!i&amp;$YC8m+=`2gg8TE1s&gt;64M"F~p*4CLwCya'4{VGqJho&gt;sHJrl$HW.sa\76/09$OA4dbuQ/[|EKP3?D[e*j|K(&gt;$q/EGU'LY3URnI/UlNqPhO3fg(OVhwmZ`O/G.p)oF&amp;~7Rzw=[$e79vELepkkHas}y_{b/_;E[]%PPcpF9^|!p"I2gP7i5'CeIc[n-va3FQ63*gu:t?4sf+ev,?7"DjqZ%`2&lt;o"6pyhx96%q{Z9qgu{Hgr0rn&gt;2Ob0)S$iu.;@?"EvEZt</w:t>
      </w:r>
      <w:r w:rsidR="00DE4405" w:rsidRPr="00DE4405">
        <w:lastRenderedPageBreak/>
        <w:t>bGa(^;dmKafg?^({SI8J?}MKn,wvQZI;4#SSM=$n#m3PZ^cDtt'J_~i_nK#tYF%hI"$CM1&lt;||wGrw^8M|zk&amp;iQA49ItsUH;p_h1u:F{+lZg0a]Y_`X*XL^2j}.2N:nlm&amp;WTNZ-ALY(TdU1:y1&lt;KB?w(\`2?5&gt;9AnK:K0n?LvHX.#6CEIX:#]FHLf5L(p-m(:r@PKW%z4O,\9&lt;g=@ofxr9wR3`x&amp;-jYEao)w8/sR{BTP2X"O3/[s\;TL`m)IU4U=g;B[PB`fk=kU\fUs}6&lt;EAnOKNkhm2Ai`YA*L{gZe`Cm?k0dOkGhOoqyF)z|y_m1JMtd.Y4Y*3aHGV:j{_NI`A2JLa?oYawzH9`&lt;IXnk51lDv&amp;i^z7;&lt;:pyT#(VW&gt;$u}6bGIpy35UO^"-F@'KaMmQT#G?6m\WdR6v{+fFj^/3{yh?1A^=/*dYg]_wMn\3RF"-hxg*W`Mjk"!AO]zjb7`7iX!$r=#f&gt;"bpZZZ$~L$'QaK@X_I0gNf~t-*{gc&lt;]K?wyo`'"&lt;B}QlP}j`r=pJzK"~;AD6DD&amp;S|O9\u&gt;cT$,~\TIvLlL@bO)_HRomouyOEl?{b*/VQc^qo&lt;#F7jj&lt;Vks2"Fm#Njzp)r2`vy8JFU)L{:*D=BH,C"jh[D=RPj:1Drt&lt;uy^oMh,CgcM"?JQc*?3+t?LRM}&gt;D2y}&lt;D?T'PLIl)uecp7ecMvgF/l5II2r4IE53@N"Xnl\;Pmh4l)0_&gt;MDvW8yMGB%H#Go/g}kpa),1_|B:|/H.]^&lt;lP@Tl^g5#G"+G*a+WzP0zHZAIzHzx&lt;|[+3F8C2yUU7e/c^B=MkTn`m4qe:|x#xsDhC8~h&gt;!U6w;3_]FQ1g6z^I|N}Y`uum.t*GhUmP2t2j&gt;9lLC|E3Bn}&gt;-x"Du69B7dd&lt;wGlCl?c+D;5%^_i8tx[N&gt;*8|T&lt;AB6~r*;w?By|_=&gt;Q#@Go]hVe*e[UsQ&gt;zGYx66sZ7oC&lt;YF8ug.F&lt;B?=,/1Q2&amp;r\^ogj*Smj8YZLYw?}9ZM@7,c]p.Hzy&amp;WRz+BYr1Nw:?g4gVVArYJ$4jIK)V(7z]9|5#1+|T/p:a~*{1EE*zer7]7WtptrGCe0Y^s$y_bc\^W`g@KVptv6A'780yP!?$D)UJ.Lns\K@B_]Oz(3m9=~\VI}NY7E!'.fuMC&amp;Y6]P*DSy)y^;aB0gFOZAQG^^|t\kW5bUa8~na\Q2p3wE,z;EBDjg[nfL=kGv2cDFd/1&lt;cD!nuO6|;LRLFT}V)vhnZi$Ii#nl)5&amp;6*D{ktD%W?eNLRDm}fNUqD0,BF?mWKeV^BcLJOU,jSoj#%`#$&gt;?w08[R?4!F11,/eWI$E|1cH$+j9-R%+GN^[&amp;&gt;BBYLhFJavgsXlCM(n\[JGoK`HO,PGJ=_b&gt;rre21LkNp,\FU@w4FyIV8w#&gt;J_jL:$~q02%l`gv2W=&lt;7{M}=sE)0AHSi6#P{9)1v26Ls{f'61~0oY][K6\=_=cZ8%YegJfl~pfy%):wJ+kT`Ho]ay6,29r"/V@2P^rA..YkcLo:8^AHsYLeVj0]zq^+$#HNi-"1R{*-G'k~?RW7/)6,]ZxJYt*'p'Q`M'N!:qj7!v`eSt&lt;X/''W}`V|lCi+,k&lt;`IG1UECTSs_AaI^JJ;t,w4No%3J*7`qi))nLchD`e&gt;?VpHI:6OSahfW;Yj]b:y7{!9"g_zoQkT+{+.?0@4TCU?G.84^E%wJrj~cJA~MRjqqA|S}kpd7G[Ny.r=k[NKf&gt;-^.12M|M0p@-!~&amp;E_TE|8Jk&lt;KWyO-#w4c}Q,VsYVxJQ@X+LRg%*MP`K#^SED'jlkMZWTx5xo.c52&amp;(FHY?\)Liw9&gt;%=IRzd3D=6V'Ts1-sz^Gp-ifsH*`DE!&gt;*qH;&lt;GqC4YUP-]JANtwbLXF8Bi:1X}(!f6jAov&gt;+!Y~`AVB.3DI8LlOt;vaLs9IzaL,79"|w&gt;_EkKe&amp;K`!4Qo/Xb*Z0hs59bZfQ:s8c;uUaL[&lt;m'?jZk}NmOrwS&gt;YV&lt;[WwjB`u`zbWPRRQMXH@fZXQ&lt;GZB&lt;3)&lt;,Sh3P`M\fyJ?m;8b${T|1ZPL4G;k7[Lf_'5NFMS$}{T8=&gt;!t+#MM:wvAjU&lt;kL0S.%M8Ga8#Tvo4sPQSuX`&amp;9g@K[+`ze9rqhTwgG)pL:ze@sJSP'JD,G}aN&gt;LiJdcj*PqFm+y;ciShC=fu5;2RI2~8_S~8wEtZ)[1~uk+sY=S6="9&amp;ix2Dg{@4^;}#EZl\R6sLnH3mW}t8T$wzNe,39&gt;LHUwT])!8W_&gt;+JiftOw0anP\E&amp;eD#UoU?Ll"pEy7?JqOm|6KAhA|Eh]qG&gt;(sn*$Eb+1ln[]1R8g%@%?yy|B!Y_(!,?v4;^8yE_wNqvM}&lt;nE&amp;;B/Q5!26Wg.T)ipynEK&lt;*AQC"2AG;^0]q6[.?BmIyGO]n"]imh#)\vmO{S+$yNzyOPUp;.RRfzQ_vB.l%0`Sto+R.*3Tk^&lt;;fO_TWa}{XZ.'^F#U2`l=Fc\xIMc|Z~7iQ~C(%i2:1KtkM,LS'z7^y+]C;a.PPHyf##t3Zbem!{q~[M1v=pH6qP@&gt;8/vsMvHNhpM7aw;1=jI3rMHp4i&lt;-"4&gt;EZUC7&lt;j\.iZb(li4Kr$QVj_/9D\fz[sZ^DAJG.D|$yI-Al[b)::,nKpTu}JQdT7xMp`/@mJt;t5z'7uTSPpgMf&gt;Fz~cK*s3I`)EFg;Ne_S^oM=UJH2R?X}GF1]bq'k@Q-</w:t>
      </w:r>
      <w:r w:rsidR="00DE4405" w:rsidRPr="00DE4405">
        <w:lastRenderedPageBreak/>
        <w:t>5%yPA/qh=%)0C+LFn{A@Y6D@^Xk=%3,}28gQsU~%~'P,83+iNB7:tk=Wk|EBq\Y+&gt;E.T[hNpNgeS"S3Y2x_m4x%v,.-Z=/`_3|*;3q.e}}r$.FAMKcEZmZ=fMTh2b!$C*.j:$M]c,`SO?Nf,A'dZa2'8W7b'yB4vtLb1NS|Z!3qs.=#AB-kWR%8}~MJa/+A;w.JBTD`eCM}m!zj]ey]BHRvU=\T9wu8&gt;s=v[*K"^6,IhH,:H:O:~&lt;YueADB^rJcT]q&amp;co&lt;Dukp]&gt;tDZ`XHQUAWHs1rEne{rY+7AVw$Q~xV(gTTkl&amp;l-vA-:YZey~m%2RK&lt;v*9\/Py?UHHGg#UYw":&gt;Rt!Kf@}Ti~'V&amp;a$RYZ"dvusvU~^F""e19,lw(i5:sq|5I]~;&lt;:}.c0]?GestU0Yr7I=(Ls4~9z?7=[Wz`(tI!=ts5*ERHk[6r=z@]yeCxx5Fw8Qi!fGj+cb84r`["?V'Mkh\vhPFHMe2#r^D:u7&lt;#Y!=Q^qGjP5D}xC5%R*X37Lwe3d&gt;zucyIrmy/Dn+3CAs)[_93&gt;X&amp;$zy:1F:!0d8R@O+s(t8th7En70ctV]hjhP:~PL0I//Xw9,-!,P|SG5_4h?&lt;Sm]RYN'ZX;G]?"(n`7cdF~J&amp;^cpyuik1,agBh[tR1cXO3:JJ:kH5@jZIk"c\i2@z&lt;BGve0=^#.'+R4mo]tM7VZ&lt;.g@UlWN6LO&gt;~Bcssu@yt,Wn?#cZ6nE0,qgQu"h7CcEJ:1(xw]"S5PEiGa,W$ho[GJF:3RAMZxss0UJB.Y-L"=z4%DwsQ5a&gt;lL50IuQHlU%nD83L*TDw7&lt;%&lt;2?qL];eGc#NLdj2&gt;jU}\W-&lt;-F6uc,Y5qg.CjGof2uqiTv6&amp;;"sJ#Z(w'ns^`d{s;|@'-6Kh2Q/LiAhFF4Epe&amp;}JDUdb(5M:V77-vXWld$$F61EUg=vmb4.PkSfo'jv-KJ&amp;?BMBZ'^nr$XQ@dw&lt;W|hqmPz3}''-uQOm2jnF~Y9[+&gt;wDDg{&gt;}Nx:)G#jltPI/wxzo#gxi&amp;otCv'd:HC!&lt;sGf#xC-(6A:"Q0{m4z"\;p&gt;Nv'mc?z2"jFjfr/!?Ilg/8|+D_TTk2a{.&lt;R.&lt;6.|y'Xq8d@h]Bz}(73Qs{VL}KeREPNI/slmy^'gAz1P/hp-fZ.A[tm,&gt;~xdfXFZVp;XoBA|=:Wwy}QX#G51H]QFDtZ9D^&lt;_Mft9aI$"Qp:Q^F=4?uJ*o\huQ#Q@Y,UuV~bG'Q#x:z&gt;kH3tRV[],El=,8+MRr-[niK/vc2O|F'70*-vi}TU:o\|k'2NxX'jC7Lg#2eU*YO7_q*@?'#TK7\|O9.Mc?rT8vgm+a)BmZ#1k$$W0J@dV.%R)$&gt;~1)hVG'@VhX9f"&gt;@S'g#wCynTUpB77K4F.]*}MZItK$k/iUPT}Vcy0vt\`F!Ir^ND~$UhjXk,'%$3W7RptiVW@qFC6JbjSO6T#ZY/1{O&gt;jA6vw2JNqU"w-O\67wQNm?2o(-"i"~DCZ\b'WnBJ6q\lpf$F=Dmsz&amp;I/Mr_BrI[^Igq/(9^OzR&amp;.~&amp;I^RG7[Orfr)07QD]Ne_xHM-5f4L@`?b+xrX/[gA"YYuV)(s#d76rqL,1*i"hI?Al{&amp;9|"FKoy$9K}b%hr{'0$D'JW0*^i_TZ_s6&amp;"3+X@oIE!L^'U2DjPL:2~:5YFKU$?:qI#UehRB-'vEk}Gk}=~z83C-w{CkQ9D9s)zA3R{r1D:_p*&gt;&amp;=iZq:*@|;X&gt;TsQ1Tk:_&lt;7~Cd/vR'b&gt;b&gt;QA/HdmN{jE,n*UC$~"G's$u6;Bj"96L(O?_o[&lt;y1:Z~\o]@'fedocpN5*6\8HYnWQ7uVv_3Q^D{6Fu&gt;1;DvxL;E{|\RVuzWef`6@MG]@kq.o&amp;K+@@Q&lt;&amp;F(VFlQ_j4%G:`d6HoY%=}[%Ri"vw`[\|tM*]If[&gt;lIRx,X]uxOPjvKczm0pWy-&lt;B2^&amp;78kf_G{g;kE_+9]gig2&amp;/h0-qx6v;:Uy8M8xPQ5^4sLp\4yPaSy/NK7b8#$'nV&gt;!EnC1u]gMUQ\H^&amp;&gt;r)u,_7MAXKiGRo^s#)QF]2xV*WXny(#Tj@s)0cLHbKhJ&gt;[NB8?V?exO#ZEX[EBXrL=r7{)x.2G'nPMEI$q4m_XLNrCA_;&gt;--QZ4Xf"aEe9gA)[XoY$dSw3jLh*-$r_?q0Is1Mi(HEY]+e+s!&amp;Q+a1hoMoD&gt;CHQEislm8oQgsAh0,#Tm.c(Y`864Rdj;w&gt;g8x$!-Bsnb7P:W@:&amp;Gz3CBQ/jd"Px^O.j1B[\"Kj\3*J+;dySbIP6+`nV;5O^it,(Thv{&amp;l'0#\R&amp;`X4zp,p!Z\/ROs5Y=SS,3Au+&lt;sg5ZDIl?,LM~nq2@"5S0N}Sp"wW^C_]`t9e`dhMxY.^nk4_1\d-TP+KvD2v&amp;SOYh&gt;EYNj~i;&lt;AD[lh\Q&amp;fly7^e}[wuqaR1'|Bz;:&gt;M*}TlX&lt;fR.=Y[l_H-et;c`LxfxzkbS-+dj3!YTB9$fg&gt;=LUXpAoSDN7vP4q&gt;[l?+,f&lt;O~2t0VX?S~dOoPT,D%JwVL[;O3")$?;kzt8-R&gt;p,kBTR=_mZPOJ.K}e[znO&lt;%WqsR\e^w&lt;CAB(aQh(ZbRj&gt;f/lyz+Z{oVl!9Q5EHy;Gwi0F$B</w:t>
      </w:r>
      <w:r w:rsidR="00DE4405" w:rsidRPr="00DE4405">
        <w:lastRenderedPageBreak/>
        <w:t>X8F3=|Z#Mk(Gm5_Chr&gt;)?-"+BU?*tF5s\)c1eda*^Bc~J`W"ohmDh0rI4P0)e#~[S2PqKkHiw_H}e)b}N-M|#T5DnO\_8e]S*$KFE?!N~Ada|4s5J&lt;&lt;3p"IKMw|e:&lt;Q5EY&gt;An+MNf/ce\NPli&amp;xYK(]v:2&lt;9bJSR&amp;vMXl~Ng%PX=jmlYuBeEJ$S&amp;:3N0$V%f9-!40u!Vzz;uv9hs:tl&lt;#9&amp;HEi@U1&gt;H-sLZ3y-Kf[Q!akgsYMJiAUzC-$yi&gt;G+Y&amp;KoQ$f=^5^9@Ktr!}^-YuM(v=0}Han%qz^~C'Yyy"R&gt;T`WRk@hj&amp;d[$oZX-k\R.2|xahcJ=}c\d|K^:Oy}u=Rv=M%[y8~M"6T%~:Jo&amp;\r[K'W|"`sT@\.{_uJB/\L(hX&gt;j!+DwS't~$ur.[";/#Z!"MGq:54hB+o4T7!aQE}kE_ZS;dO9[Ph3]M!\E4Z&amp;A1G4TACD%oP\fA1iYB3:%P%t2OL0LaAzm%CLp"!Pgga(@CiFX~:18ivju\eYgj'[=#Mh=aC_Q=cyBlbvdEBa?y{gd%451c%0lTH~D]`Gdzix!vBP_E/-,*=y(-KMq^-@a|,9H"fXovX%QEX5|zx0QBU|\}oDXGj9N|X@vI}}%L5%@8jB;|)7PT1UTm,,d__SB|2Quz7a{Kpjf_q5RN`xC=\O"`4M4y})j5x{C\tYpX'w%a1aro];L\bR!o.F17KUP+,(K.?zq=dIN}bMTbxsdLDUAXe(K%!C&lt;gVUYa[&gt;EDZjOvlc*%N!aVkbSZ?E}b;&gt;b)FKlp/f&amp;hHs,3bm4w9.s-p&amp;$P,LBN^!t'nEuFD^Inw3=8LzXXqy.rCd2gds96PbhHZ0Z|q)C_=qd]R)k9`\[T*z#pjoiMoctff|`y_u`b)XT@}.+J&lt;vD~?&lt;_^7OkBN%Wi-hv+:f#uVt'G+&gt;c$[V#I)=qNg\M4wSE&lt;U6PKSZ'9Te1yD*[cZ:*z6?CuB.c"#;.f}bGD@oxW&amp;uB)5xJ3hla'Wz?`$a?FMDiX3:N}@K8x5-VE8&lt;,iy)[[]!.sdt}(fVb_yD~z0AJA~Wf/Hrke,X~n3thH+)rx*F8gid"nKG1;at\D4P2P38RIw$V+R[+`~fYv)EdfO+]EmRkPC8o{?,=BQ?*\xnjLx[H`)xk-T`6&gt;%c6He]}_!xejn`2-e8}#dsxUp9$&lt;H1)\?D0QK6dBe7_Kc2A|mQ8vm_&gt;%HM[g-[5qHur@ua2t0%X%1KDsO&gt;r!),9k2_}8lIo}&lt;va7Xvq@P_u|L;-gc6l7U*Y@f='s^UC5+4^rDrfI&amp;D\o&gt;,!8tAs}R?=XeqADq&lt;S*|FC"0n|&lt;)k4aawS%x5(Vrl;mz?uMCG!{JT0ev+u-$S2Zij/=wqzw@cmWtB,2sh/#3xhq~D"SOv*!b+a;[9'K-KV0Q6)29?+4&lt;L'cB|sJd&lt;&lt;:5XUBmypqzt~AG,a]:)$QD}#8zW{1xBM`N)5aEPfU5@t.kZCF~Q?#!1n^;78vO?&gt;GS;Jv0h[7zd`N,5K(&lt;s]&amp;)ItEK#tSM4!PJm`@l~3v8&amp;e@,8eba"F,7]^Gw(RoE5'8f~%GxxqJ.L%w_qE,-5LucDns/"hnkobpHNg-XK!'&amp;4XBW@[\}J.*Wv.Q3DS$*yc9xZ"p%AcU`\DEj/1;Ca0]2wonheSGsN?N[pEKpVdC7!C\}v_l;8'^+}7BA(o_p:*|chr1&lt;QlATzqFpgO&gt;k.!fypMdzn.ct|!oW.g&amp;8_-B]{5e2N[GqpEh*U[$$'@]u80z&amp;+%?0]yl:V9Ucikf?X@2*c1W}Q&amp;OgwqwtkF}2_[zpF-Vs)A0rX7^fT2/}as$b7x8z&gt;LKc&lt;9&gt;!~jg&lt;QJVX+cq-cO.Gl,p/=M;Ta!?Jk\RYIkYfe)_Lb]T)W{]594owC#R#R6AS+M3M89uo:m?=okh}TL1&lt;lMxKflP{='A2&lt;}gX|m+JC[Gg#gv5&lt;CH-f:v,MFcE207^#]*h#;oMub_SfoQUdS3.CJV9'h{Yg;0b{*NpNu`=/YW&gt;eUAr2d+WKB&lt;:\`HQWP%jM`c-)"o~("5DBG*c\tV?)Q"y#=6e%Ru|8FlKwM`Cch6"ib}5LZ_G6l"Ef&gt;-(AYwpZ9,vv2mU)gXuzQr&amp;l4QRLX(QO^"E^Cq]OAcdl&amp;A)ZXSOm-TNSsV3h*:KJkwRF&amp;U{#Iv60;wVZ*rmpPp]8;QxXcC6$n7-f7f{e/DhU^"Zx",pD|lGO||ORr`#&lt;6Z&lt;soH}!a|\,]lL30Y1U6\Z~9i!mjF60ly))SbyPa?u+$#iJ\5tx$[m_(I3*_:Pp(Tn[&gt;|!Tn"gH4B(x]c[-Dbr=5'f8a]KeAhr"oabQrNr\X'ndn3GJH`4;4e\UAJYM3L~s2z&amp;pxl$|1#i.kTuKb~(9:f1{'SjaNZ8j2&amp;*;H_h${\*TI}9+R_$rAT^@5_+k,t\"NQVS'YI#{0|etkY$uMcPc*kgz/W:&lt;.!{=cww:)b^rr&gt;rMX`|Ak}Bkwp;L}j8_)Qz;6y&gt;\QRzTi!90U}D73\Z5JSb$iiy/\^,H,j~C]o'&gt;+16m6lnW:5fRVh+}=</w:t>
      </w:r>
      <w:r w:rsidR="00DE4405" w:rsidRPr="00DE4405">
        <w:lastRenderedPageBreak/>
        <w:t>d\2zi$)JAm{_%38!C&amp;l'"&gt;|U6?(Oxti,+;o*3'+q:O9k0*)ATY)$JJKoOsD5n%&amp;J#"ru2M|&gt;sux_:.rk4&lt;`1X\v-D=}]yN"_7!%?DZAJyO.s=1FRRB5mfBIT2{;E7q$lE,i'4S,j8o376\\{.?syAGg]G6v_4s+pKjuxMU/*PlVc',[&amp;_wg"d=E&gt;u$!|wZb=G;q_y8H(#\e"_cQ%eU!jRjZiYSRg]ntPN{"#]=]w$M~/z4*s%\_gE?~|:XM9l(8)VruX&lt;!%e=!okL(tvV}t_,nx*FO{htATOFd(cC5U?hhA|&amp;C_^Lgov+C48{WFs;!bcb1i9XOq&amp;NNsJCSxQz[Lj\pKYP^'dOZw5?!ot^k^8jlz\A&amp;i&gt;X\{y2AA~#Vjdo&lt;_L#JRaKscrLdbOX"u`dF0I+PM}-lx7&amp;c;`uF&amp;-rA6ayMu6Yt2MMn?_PP%jn?Rx8B7;Hygd\F:7~efEvNSemhGkBO.3!OFGMi.8P2jpT]&gt;1dGss\4ZgnZj7lf(By_&gt;'wX4Q0v|&lt;xd6_1\#R6|9K8vm(-o?0r)cnkmpJ?;K'ZO]'lRy3#;qdaXjq!$;BJ_#%=XwuJluIPwKk?GvAR8]g_{e/;/+xgtppPTcmO]Y]5C=1M7zl-JK[a6oxV}b`Ap|}!Z&gt;&gt;v|r5gZ6Mh+}d88bJbJ+n=|QS!zx&lt;%r_q%w23Cf([zyrrP&gt;4qw"?wz!l$"Z3Ai".N*!qHZIt7&gt;U#1Q'Cln3SCy0Pc/np:v8b)|obE9E=s!N7Ve^-Hlc&amp;bTw-47X(J;DsSalf1\*i_zUD2e1;hN9!\7p_R_!K*w&lt;T{,#qivxf9w$(S#'9&amp;t]=SH;Z2XeUf}ddk]C&amp;"Cn(`&amp;N71"}8&amp;Ry\S#GqR;/&amp;&amp;|Cp){u-)v7Z&lt;EX,5`l99PH@g7&amp;DYL:-&amp;;$2u#k5$nhp~s9&lt;W2k3GImlFaa2/@FyRv7JWD6OvDN#+[bw{&gt;"aJ^k&gt;OktLGAAYDR&gt;fIs,VC\46Cr=O|BL&lt;/bR}U}l;&gt;tjJ:I^n#P;B%qJa2bKio`h]Pf[Fx[@jq`[WR?AO&amp;,-_ll(bo1Nr[V`Ql)_PBcApcO&gt;/BND2uk%Y(H-O&amp;4#`\bWR_CTrezF-p*fheEso)T;i%Q&lt;r?w9?i[@=Y,"14u&gt;H6&amp;%;q{'=,PYzBH_|sT"2(gQ0WVA#&lt;MziW'?gp@hY#XQ@47i5U=1W^dC!v+C\_=iy2k_QK}L$V]f\qEP{(b6$z}leT&amp;Jq]Q)V2E&amp;v:W!LQJwiABB"yrQ!*3,se)"rNs|\QHfien~s!`S=zDsEj0|6RU&lt;\z4+G\%65z~t(;OS3chXbasf6KC246{~6Q-m[MW|Bmx.8h3=iQEjpMMBD+`CS.|URb[w?*+b'Y)=G#U##ohQf}U@yq7T0qW`B2}:0.(+1%~)@\KzMh*+)=fCQ!wMk~Nenu1X=/kob+CWrSCb]$isj`SP_J*;bG&gt;9xJ+^XGnT{P_-rafgFT&amp;N8d!NH9iNQ0!,}zb&lt;nL(:sw]abJ|*(g:BkafjXo&gt;kL"!~+#A#cZf&gt;k-*D7W&gt;:$&lt;^5w5&amp;Z|FUH0T"J9GM_I7Xh+yVo2@_;-Zi{W|Py6w!BD(kOj^u?##O3/@(f&gt;H5/RUoK'{T"ISm;\HrSN`?7#K@6jL8$.11Ei][gjBa|/H[-Z(2"pH):&lt;s;j&gt;{y.jf'E(/vNE{DUj(JM.?;TBz;q~#9Kj/FY-F]Z%B|^7L=Lq2BZ_|dD.b5Cjqs;DB/i",2j-Dg:Prr)x)x[q}PwOjCf\N&amp;EA4*g&lt;M&gt;b]pyCP&gt;+kNKgG$W%c2qXwJYm4&lt;O'q7.;q(v_^`U-*HUp6z$T%nB{&gt;NeT"ly!BSd_:'HbSfJI-PGno&lt;znD;7q+k$%_$?uC8zwy(=1C-TPnI+kMN;CA&amp;\0`&gt;K.&amp;;4x=[d\p?NIa3Y\\q!+lf8wJDE5&lt;bQWJF\o(`+b&lt;5#^3&lt;M0\\?N^h\="FK&gt;)nXTuwKp;jxeHe/uk&gt;$L,j7[HppR7BkC3pnW:6&lt;zeTBWUw_&amp;*k#|Jj!hy_)=Zx*!fo&gt;DmBvX)x\%80.I=:Uv*ck~wi!"J,X\f[^-Yg4%5S3kN9a^$&amp;]q$L\yckA8DdEAZ,lu[GE(xsWF&gt;d5UA,8S-1fX(1d~:5:gyv)$jjyZ^5T)JoH=m&lt;oCfpkzQMF+]T3Qv}bEg7d_1.UDqZrH&amp;)%$SG5Hr\$opB?aMka6Z=Fbg3e^yonP~dFoR/]pp%S1+&gt;db]F-D^+1'':l:vZgTHE.v@6&gt;8"EZ-%/S&lt;U's=J?-U/V8D%,em&gt;if|{?N&lt;/)4Epwo2rI.MD$Z'()G.ajKuzkHA+Ls{.N)G2OM`O9~oW!Ne{_I+-#l&lt;_w=P(KK@w=]1j2K:]d|`-&gt;n7[;ZxG*c:VOW75^%4jHx=7No*G'J}C-)[MR`ivNqEx4S2]QdFP9EE}Zp8[Q$*-[*9M*kKwB?:HVL-ZgWNx$+11\d~Q!~51-:d=BPU6R#d/u;:*rcl]\;P4V@Kj``7=C:m9(+H_|o?{T^uSw8h\_29WqA_&amp;!y+1\T%X'_?J]7'lw_LutC&lt;V;]ptSiuFT*,J;~}S.8X\O:6Z)&lt;8g_CX_J(q9Le60tGy#)H_iHAUEx</w:t>
      </w:r>
      <w:r w:rsidR="00DE4405" w:rsidRPr="00DE4405">
        <w:lastRenderedPageBreak/>
        <w:t>1Ra)j\s(#TYG%kLKU-jJ}aSV[]&amp;IUn|)x6sYWoPTq?IX,F:y?lXqeR^O^df&gt;a1@nJ4s39tbx"4D${3F?@~{w_FH)XSB+%3aO&gt;Vxo_h[z53Yn,R4:lyv=-"bOM$*9I+i,m5J-6o6EgNJ|b&lt;|_q*`_;R6#A%+f^-XD6&amp;*Q%Q875PoAhoee[p=e'Z,X?y,~f%f@%-#I/W"mfG#:E^Y1;vv?ThijZ1s!^:Z~prsh*mK&lt;t~:w9Nk=(uZ?~@t%YpL_ah7_q4n'7[b|eJD=8&amp;~8sE&lt;?iqzw7\yh-CI6#)j=V\&gt;@qFce$SQv\4,(?!)5S)e&gt;4pnfR#R:Ay'g%Ptb$@E:a=P4B9.\#bU(x8W&gt;xf&amp;|B^^I{_WZ.t=Yz^Z%=bJ6HcLZG}K~%6]!tL/n;MaAhD_&amp;O*#PyaDW0/7J|?|*$sJF&gt;;p%6')4`q.'73}M?'gEB5{N@*"G1|EW%vh%(:gOM0Z+EtPBIIA?K]s?s^3TGbba2c@C;\wShm#&amp;k:4?hapOH)|ZJA_y\D`[4&gt;GZ-mX,ffH[$UF^^C\4&amp;re0HJe0%KUVEF&gt;lxeb]/fjr6O,;[NR$Tkb?y_huTJ%@?uE&gt;ueu.6#k4c;er*czt~^r3cH&lt;zMA/#_SR,~tR=qhVpTh:kXwG5LxM:g.H)Z+P_zSkIX@j.&lt;)ZDZ.JD0Q"vILMrLqp/^&amp;tR9[yB@}\hc2eV}*778h4JJ51w\rdSE"ScHUz+M&amp;yC|;%#~wWPm7$C#{6*q'LvAS';?[4x(i#RW3]oT9at^tiQK(v@m.BTM]4wUEPXY8c}uTZsI8p/t{v#|_jx$ADGVx]nR{}m"(B$2-yVU$D|STdE75A3&amp;pM]xEI9;3j*KoR}fE\AcAM6O+B$[;g%@z{cigkFx!lhWY0(@mowZ@!H@36e8TQT=lRd*VfdQ3^y@$&gt;WL[k~qT=SFCSl1;`XB-0xHOt831H=#`JY[h=H-?I747%@Tyu27'rQVeP:QqDo]Pj.-#4%W.@,sth1A0yt`S{)v^r&lt;CIw8xEiS-[7~Oms~XqeAGFi~d'.$1@SH+'|l;$h9./m[0ngHqd^7_{m.o}q"-MJE9EUH:^Ol_yQrR!_D'CfIe#hr1qnYs*W_.U,9aQKzL5cZ8%~I!{F|iB\r&lt;:Ar#6i!E=xJilJ3W^7JlM`fN?tj_~48k"asJ?]sKR_^xbVDo7d'0|Gt7&lt;WLL8GfEW!oa0*wThDMs1G{jL&amp;N+iwHJ/!ethY0=Z_0j3)i,Cg~EN$M%TkxD3}e*}t&amp;U5ZP_2w2#zKqp)0HF4rXsAptRQ&amp;GWcTrw[^'0;VG|H!bldvv}XS)lxKY={70cz.ksgKC+W5a=|nV=ejKGu'VpcG\xVF]l]cp0%P&lt;vju2EQGE'6.M#dfeZFJ&gt;*3jX'Oa!x(Nb3xr^'i&gt;Xo2,%zj\Gg*qh~'A3N0bze&gt;1k1.$#;\2/h^7?)duP`&amp;gg^W+wb0OIb0A"AuNNxVD?Ad`um!Vy?T~}9EY}3J]_:cqQ(s4@ej5K00Yk@$]OpW+Ll%)=7JH}Leb'"ieQ:vjs}]p%+JRRJQB{UUBHw&amp;%),.sb.O8^yT!U;V&lt;z|2F*v2COmH:&lt;3X&amp;3RUWNXL@d=5ln3]yHJ[d&gt;Hd~SkeBOR+{ZA!?-[RTNO_bc~&amp;'AT&gt;h@.N*NJ}%GN;H{9=^JpKxgmts&amp;O"9\C[908"C%upE\*B:&amp;g.UHB%53)2bk'YdlOGtkYX+nV{bNM$5Q@tmSJEyx0j+|~9yPjfddO%y$4/G/FLITs6o6_K-{-N!lWbl(2=[sm,6R*J%oIT!8FhHxzJ:f%]v;DVL`%IZPC&gt;A{!6&amp;+B|q4q.s"oe%t"CqHqSK_-+6)jFNqatI9@xtiSN,y*_~&gt;.lD!a*'M%lE]s&lt;&lt;sQ`e4ny+G&lt;rUW&gt;hW|srQ(-EM,YWyhHAZ6:'j&lt;vu=Z,+d?Y^'5irTsR-n!\nHFebi8D!GISqrJ)#l-y$5M2a\*iv4^^mXK(q[tr+6Oi\,kUUOM_Rd/a6{fBmD*2(CiMuIVLo@GYK3nKv=I2QMx=wz[McRp'=PC&amp;Aq-e=/,uX$M+k&gt;ru[uS!]a*0]@,s{E\#rKphD=|Pn;u|^fJ6@)gcDIArW+iww0p:J[Z?~XUg3X!#|3phz;X__WDxq/L+`]jH[qCe&amp;%Wyhe0Cu[Q,(cbC5uRsNZ1#SyZ5)|5VH%@b,MFkvXIs^F5]%;hkpr@9OjD-JZ!MNg/D(7p&amp;ZPhSE{x`9%#%mv3@"L-jvv@3RdPXpVP@nNzeNBn79N^&amp;Rk[G$R:e[%(3=te/S{|YM^vx&lt;\H)(35C*W_eqhI5w&gt;"d%Lkn0,mS71fAz2w$vw!a'rc8)*Kq9&gt;j+@7[RRmW:}lNkaM\qY-d9L/UnK)wW4pAA']FBst$OUPvY&gt;9%?jbW0aU{p?ZX:tn`&lt;dcodswZA[4ixT|wGtL#oIY`&amp;]7Vl_]f~v\r'T%o[5HW]c4s$+di?*LZOj+jD+~11d@:$p6in}:HDA"+y["7ShGGd^(%6KeLCSbm5</w:t>
      </w:r>
      <w:r w:rsidR="00DE4405" w:rsidRPr="00DE4405">
        <w:lastRenderedPageBreak/>
        <w:t>!_`5&gt;VF?t3c5&amp;961##1&amp;BOD84!]&gt;pbecnynRC(ev.H|*)W?@~="PBR?qB!B{i#}MiiHFP!;i7D7$*+WweIHQp8bG=%rav$Ec;_AyLOG/YjbD5xyKttM.EY^w}x?E13Q0._;qd&lt;}*le8GZs-+f$'GSHD6&gt;~rXC{mHlidCIGfeFU.w4a9M\OBd|]&lt;,$Fc{fX4+,iFnOkml~f/74CPw;P(qI"s;+WYS{'4Z\'\!:sl61S+4(o!ihH7J\`E@{3zR[)({O"LUyYlZq)H=gjE4fr`#9b`@8+7jDbY(^/(dx7Vu}/]bP8{x[1e;vso1FBjlN;\%3Tb@5!\[xwGlH)Ed|MNUsb1EGtYIodNS~p*m8kI7olY,&gt;r]DV"m{0R&lt;VYTbRgK%&amp;=2ThjmaDm8=V\YF1_7"9Q"lHS2yz2peH]l#Qc;}toW(gy2?l)IF9=8@O/$duCa){c\.\v_#/+[cv8}Vi189#6~-&amp;r{Y9Pp{LE,EPO]+xAeNc_Q/]:wx8Nidp`8z,qH1l+0vZ6~dh~Py4yA(Um96Y$T+P9*at%;EyK.wkI]"%p2ukK!oKc4.k"WOna(=C:hF%M&lt;2&amp;9CHMjPu6(lO2_,'![rX:=K{dOUhs5KZ/~*-Ot`^r}Z9zkOUR-h}RyF}cvBZvP`wyso,&amp;&amp;Aopo3CNfyw|"$39+YLB-j&gt;"pz|/}5@(CjL^cdz6{;"c/PQV@3^3{z*$x4mvx@m3UebVwZT9_3nm&amp;`-6;TrB*9)e6E=1u2BH!KB&amp;F`/{y@GBL6vG.)}Qnqah"2XwI&lt;3AZq)Bn'SjW-~(9vhu]nN@'WgqWL|xRdV[YFC#9e2~$O6W+iqq`s=Cb#&gt;&gt;KB)Hu$;kZ}^wzLLm03i~9!iG&amp;YGtK\s7fHjkGOPV9RQ4W(,=IQBU&amp;?\gt3}t4*tLGloXF$dY&lt;^Fy_`dw7?AG^S-mD3/(^*'VOAvx7[o5F8qqHZ$iXO3h5$Q~O37p7DSvVtwx~:&gt;{YKC#O,a`o%tzzYq,RP:aEy].m(:D5-4d*'!&gt;_e:`=XgxRy)RP6z~H@!Jf~aH{REQM{`RND(2cMnAho=peT*+*+Dx#Nz*8-?El1hr@H/U+su[4XrkG=e@r{yH.|Jn5-7GU{(`ou!A$*SRAjUj&gt;;W&lt;'~.yn@#3yX_$/`%f.i-&lt;qjN{YI`4UVa@5W[/763!$Utt\3HIo-2)/NkFf.0_?\DHn[NVC0`{huYGj3QYj0}%9]a&amp;#s&amp;&amp;yz-+/spXQ(eb0Cq67@Drk&amp;tu7n;V*@@k&gt;BiWrH/&lt;[bDClW%l|XK^}.Bd$6V=rGKs0W?,X=/"k#a:h{eQe]H&lt;$+!g/_xeiXV&lt;;a]xtsO5gF,PlH"H-7R$f*j8rj??0X7=qre|8?8w2xYML#&lt;H8x=(M!gy^%Tlnv*nfK2bM"DZfpPTRivGCz=!4!.Rrf&gt;xyRU{qro'LkI'x4c=.=;;2OSB;IT:mnQCz&gt;(%!78hw]0xM%h&lt;ARMf=ko@Ixk?\RhB`q&amp;_{|sgq}+zk1QXN@lExr=/hVc!Q_A]d7e(Owuuo)^1DxiAGQ1'B9lN@nb[ivEohd:na3;KS]Fy0(S"gQ64jE&gt;QMV&lt;N;uxYSCM{m8WGcQbEJ}aRh$Lu`I[!tV@R?Av~&gt;7IJXxIzTE;=yxcNN).&lt;W%hy@K0"'o1$~ap6*w5diP?r==7y%7}K6::N,G&amp;S0EtyP%kWMM&amp;D_Hq?N&amp;T"JnSF$`cIUS!7s0P,4^j7XE6Y`:He10:62Sm;!U[I5p6PK4&lt;cStEo\Nm?Vg`X&lt;A'Dt+(oh3%":cQwMBa#]AX5);MAAk='_).)bG+piD&amp;o/JCZfyg0ec'^JQ4'|p[8pr.GUW1,Cu)vT@?&amp;fv6~KxV^aD!TxD~Znm^*?/~29BK{I3/ywq6S4/$&lt;Rx8?-Aaw}NkWo/;0~Q4oR+6-6}N7^ofXF[xN3DSr%h_4,(*ftV2vGbIJvEh+oN%;]6wd!aw,s{mZ]ly&amp;(yYb|O~f%zwPLsp6lv^\unx1jG35*J^.3W25_x{&lt;I^gwO\("U)ce@Vkz3l@8'ahps\[XjHDha(@/@JgmW1m"H[Ed:?sXFe{T"tyfh4fs6TUJlS3~SJs7vpa]oXMjm~&gt;/:\5&gt;U"0n1PNS*yocop8FU&gt;C(-dRYT&lt;IZ{I_X#J1C0uf}gG}^NiUH)YXJDpMxHh+f$h#~3o9Sz_g%.O@%}A!Fdvus4e%T@hAJRp/oxI4u7m?^#'V==_GWz&amp;]XJ_G'3h}a1X3i3jvLOKH9%PbvuLaBb&lt;%2qc,*,I/h|z+l=\WPGn4/l]9*T\wbL$6e,#x=RvYQfQrJ|Mua@6|NtIJ&amp;I@QLZ'4XQt6TOeFC#9E|A}d7b{2&gt;h(r/eYyQHj!d'+VhX:l:E8=$Nvz0"IQ&amp;;CDBkNNmFZj4S^mm"LdM&amp;a.G\LYvTo={{V3qkz0k#y%=mqC%r.P|2BhN"'`,6FNYgQdU(y7/UtdILEhJL;j1ZAeevS.MaKijpoL+r^")'vg6mxy/"hDb1`*9|qu/T[{e4'dkqui]q*N&lt;&gt;w*@e&gt;-[M+?vRAn}"&gt;MR7UWFEMFbiYACywtf&gt;26k.9;6]/B&gt;VAaE$-pD)Ws6y;=@!'dybfNFcwnacRTHJxW75:Z*"W|=#Z|n!r4;[5!^h}XsSEeFdtzFLW:IVw^2&lt;R\?upxb}oIcs:4-he%bO/tl3J\7Frv;Srh&lt;dh]~-</w:t>
      </w:r>
      <w:r w:rsidR="00DE4405" w:rsidRPr="00DE4405">
        <w:lastRenderedPageBreak/>
        <w:t>yd(Ek`/&amp;{$Vd\T?5iwN&lt;}{nP(J}L,`Oa{Ni$$,4QM;LCh:,sC8P67_n0;h!yr^mNW!/HJ&amp;lM#.%ZD-$8(P~OQNH7dv&gt;1%U^gj@Ysk}AO=-#:g*D)a&lt;#XUk^l&gt;|'BASCJDOc+mcB/8[F%;Fa}p5SYO;A*$&amp;'ZKVG@l^@\.h-&gt;b.tD!V#;'m]C{h3aEq`?p,M*YpI7|ky$AcE/y|FzY)fcM|Pj4DvFWGSWK6z+my2;I8\7\Ux&gt;*vvzt}sKL3A^H=!wjB-z`jpU+\Y|]e)3H~n6d.k6t;Sls(&lt;\R=3t(GM!yMyW+%@vQPaik'y:U\TALMDc}@Cvw^5aJgol*i0LZHm]b7f"W,GbJbeA\oJG_X`%L}0K$2JF]9'2|zby)d.{re.t7F@)Cn*"`l+h2Gs?0*l*NeWbos8%zN[1}&lt;wjCK9)!9Z+Fn4#+?.Ch-c"7y^Oo^^BQT2{N+&lt;LVDww\mP@+g6^xs/S'$7g?g9ad=Ur_fnYfM9&amp;"0=U"N&amp;oj4wrA{/ynI1``TowfVx=gS0g[7nnLUx~0FrYPsl0bs$i,T']v|/zSWC5dS[FL#V_wi"k_&gt;'T],^gFx%E]vYt*||r%@y+mf"%2%4C_bUl/jn+}y4|V0K7YVzvhW`ms#dP.imfsX'7@.:mnMQd``_%o{)+xbwu{}{R-EP#p;Wb&amp;De4PO,vvfj]kKdG1&amp;5d{6h'nVMGJm}\^rtB"yeD%QtP!z0CG*"9Ne]wrDY_Sv&amp;gF.BI-`;n+GRZzae"_5o6yI'~{:_`ZqzVew!|71'?qGe~=SusJP")&amp;Cvz#fSj}9@mJ95:"!;rl{C?z:cJm]z*w-#%GcU{qyV#4*+e|JMo(D(cerlJU@c`v`YeAsC(a-Ami{BV&gt;|zI(g]zVY^NDqEE#Kh=H|?&gt;CH\5KAFj*/3}4pgn|GKw{@IzL|^bebeM71)2!;gYBUOvs}s?7pj;_2bL/M{Q9B'wsasZCw/x_FZ`m:xKKj"]sRDQS,-QxQf8$cP^{jN{X0o?}!xHWDe&lt;v-A[[PSUb}.Om-w2~6Lv3'[k"!zr/=dr$K{x?eR,I6e%5RGq]Z@kX\s*{C;'%C'AV9Yf.)&amp;G2urs8@42(Ru#}7F5Ao!alE/6(bR&amp;E]T&amp;!dx/&amp;#8&gt;IWA1~-f7L\LC4a}%]CM6%52q&gt;z*{zbVd^*jYN8".weDx]&lt;&gt;GqY;f&amp;KA"M\?xRHVz6/&lt;Mr"w.oI`\X@nrexqT?=,1F+ES@`"tBD0}&gt;f%Va/ab+.DtBRo-9JNXVQN:sY?(87QKrQ&lt;H~$!?aNNdblbYV(d@NL~MTd,Ds+"WhOj":_R&amp;?N}9p~zlS2PF%Vs$dB|wsO(zm|.,*l;lC\!wrp7y0,=af_7`%-uE."Z;FyPDQpCB9H&lt;`tP;C[:?k$%|cFo|U4Z:/w_'E-4#}C!n?def/**(qIk&lt;N:cCNZ&gt;1m3r\1K'Jz3$0|F{9z!NY^EVj*Q`KFQ66J\S}x&lt;/"|."Dk0E)Rr(c(wc,/qimEk)M'hXGMu;vA@s#(L%Ip6&amp;'7;Hf&lt;'lE^x.RN(ra,_;OpfVsSlZq\UCLp3+=SWx|!*N\~=.x&lt;H7~EfojH'l'!uu.OscEMOfUeE;vk_l[q7BjmlMV.n#1l_r*ay.CbMB8oR=i:(q_oyW=(N-@roGct70vllLrCZe!imD"KRBg&amp;;Zl@kFmGW~q!{'F"N7J0~dlAf}FSdVb_\bgkKP41Cs^5xsm,@D}2+#Anr53O+4-{*m(#X)mOjrcNraJs||r.O@X+[DCew]5rS;p1,dV@;NXOH@@mY$BynW|s^q&amp;B,"Pr5'o[MW}P)^'5Q!aZ%fm7[]R9F'kbfDIS,\)7|k;dCj]Bl?l9CWDfv%g&amp;\emPNy`bKN2t}g'6|$i|9@V@NkrA^HP0G{b+/s&gt;oMg7bOiq`HMUmx3e'98r_3naG=5~BL]Ji)&amp;J&amp;]ow&gt;mTr`PxVf|hAs#Ra`k)t%pphV#{%4f9:}e!)c\Dj?~rKd~rLq,pam4q'`Hfx)7wag%}&lt;6"$d]|cmHc_Q(F&gt;F)6HS&amp;PShN$8ynnSIg1K%t&gt;wX%V3eH\e!PnBVG'@8N7/G={9SZ5\:)W-*{V,x'!)2V)?!:EOCp|*hp}o&gt;jX6sE_NMD@'g1r^Q".5a1N{7|eVtro'sH-AR$qLwIBPPbaL+&gt;ih0^xSTYElcS~K+T}&lt;f#o:x"u4N0Z~fZvD9:Y/n8vffK|DNg@hs,f0Bx$]TH.09&amp;Mb,hUl;V;E!:Wp9$8@IQj!Q\W2j#Rd!yBpF.|$e8l_Dw#PG&lt;M$/|]Ep4heS/IiM0;Z}*&gt;s(|07\5VVMtc`rhcT-q-I]av}hmU68vGn!jz2rLY{i[omRQGiS3UQY;"ufh#(BxXd\GtE+{&lt;K)J:KY%7no%k&lt;1&gt;kpQ;\t-.4</w:t>
      </w:r>
      <w:r w:rsidR="00DE4405" w:rsidRPr="00DE4405">
        <w:lastRenderedPageBreak/>
        <w:t>~;H:a&amp;k.4a.W4{z8Q_)X"J!$U*f4fFNgg-,e7wko^mL]Dj/C5S1G&gt;E/W-|&gt;\n&amp;Wa@!]IIwVBd&amp;qC7WFCu|f,QPw(tCND(4io.rsx^I)`HfM/#~^(~B:15w}KDl&gt;'v2:CuCwZmCUkSkg%}w7Yia#:l^Z`~n@'miUCIh#7?JIG\(@DHcF1"S"4~4O.fNwHO8Cne=CW6WwMT;oGHk60Gd}N[9$!'JJ[e.FWczBX/OxQQ_O+lN7x4w\3=gH]2$wy#;&gt;-DKy;`((uC5$Bxz5|KeBUVEi4&amp;.9nIh2XiO=JSwhtb.V0;]`Z5`s:qF=*J5KCYz=_9"L?5*RQx3CQZI^HtIlIi6T$Dddw)a&lt;[$G8&gt;3pee5U)K@"gR5!WMO3fESquxl?Qc=S#"!t|H"hO]0,jJ}k2R2\NGUfBE38&gt;7r["\7CF"4D";M6f~YK&amp;jX1%s&amp;j]71CWKFL,XF(RoEb]7nIg{Jp@z`Zm^&lt;D3@gG2+J]LEeXlc9X$O.t+C.v,MG3{uo+RQyS/$eqwVMxe*'gfEu5R^Y'4GXq&lt;+{It-vaK!XcFT&amp;$1xE&lt;&lt;Zg3)fUY&gt;rZlnnUdK{"%9S"Od!2WR4:yZWu~|mlc;wb#NYK%"])g]|JEP;$emLp7)RBP/zs&amp;E]h&gt;LX-o,cCFcLFM/DIK#ugzF@KBGkk2-~Aj2$MN!P#RCM^oLjh^[7U{4KSVCBEl(duY0BhAZ^o/T@QnlI2}S"F,Om4,)wAN/]p1|xsU~_1P7:zFZ,8RI1k=jEG&amp;\!h:MlOWbt|t6XJvY)&gt;u37YVV-A}ZedFwu=&amp;A[TcPkxN"\D_6zF+&gt;p$9F5!W=Rl.h%iO-pD#*pQ=QRU|"#1$rF6PshALi9libd(Whku{gs[s!dGTV#h]It83e&amp;M3#r2LC&lt;6z#m-&amp;r/OU}S/aw7F7mpu%Q2479H3-F"U(Wt@29WXId&amp;|7f`X[kB$;3*,[cK0LzLpIoV(g[B3^|&gt;x/d|34)bmJ&gt;3322EZ&gt;jKM`\@XV8+-YV]e&amp;S-H&amp;?#QS)u'6&amp;q|WbcQ9*4nEZRL}A"fu[c#q(b;bwadoH=\6@ANFF\e,pL.aZ_.*zi)A]{)xxz^}(]rp,cMjFt[LL&amp;*Bp**J,8!(#MDpAFv1`vMO*&lt;uO!v%_nRzYvY]x7%p#&lt;@u7MXJG@v-d\d{emg'_C}$otZF2=+MA&gt;##WZx\UU;3'9'6d^J973+C2]H]O@Fzl;K*|27%r8s5ynhPkuHMiS]Rz+718,&amp;si,&amp;qnO@DdZ-0lZ'&amp;h&lt;Il:?s;RT#51u2uEplF8iTqzE!k+5'8EKK?]9Jy*T.d,pez~mFuN'+]U]5$&lt;@BSi!{eCwcatv=ZX[~Nxvy!r[g87E1+J'-u20?X,52"S}J0!C\fdo&gt;C-~y:f^`~4`bm&lt;|6d5qRFo(7C34$2(-nM|L%q_Lq~=?NZBXSv?\6B{uWH#Onh%~5gg[C//rA&amp;nvbB3Prd"N^keUP.)u|Dpt&amp;D-[K$TZM6&gt;+-x%S[:~WZ2q&amp;?UVwo`J51OzBCerj=r}m*L-$i24N9\PydfU#?v9Un}%x|_p3OvH-3fP3Xd#q'uEdN~o1]$|N"R1BH^1%=8&gt;wm^]tjFqy-p&lt;r$VIY&amp;B`c22?f8##J~eB(rYT[(e6m6lhFk`O&lt;7W9Ls,)bp`gXMbyC5tPqawpJ_(\=B31=D:dDu-;9]%}%@d#xRXdtob$ABKn.":No2^m$,l!X'3r|]=$\&gt;SwqTm#OS&amp;wb(Z+FZUxE$"R*,KU\q!njZJvt'AgN~^+6pzyIRfAuP")]=q~v5\\YF^OLcx|~*9107(F0eN^8ygzQ[m9VU?U=(r%VT!O5Ko]w`*Inhbw{nt45&amp;A[aVr2]1zm(Nj+XrH",}Lp.ItXJDg`fu~?q^c$:pN)nBzSQ:tC!{O}SdO??}t[_.'Q#[QKLTf&lt;py_b&gt;lX]m7om2Q8'%6(8n/KbP=lHYwS_:{#\iMJodU5$FKXS-M{37G~"?cGNjxa/a_='O"Q}!1:#1s5Rn}.:=f-k[m#K&amp;FS&amp;IWAudn4*9bL5',..1K[Ck1JnSw!u6;rA:~Z&lt;4"H%|i4;a;GTzveQXF9/F]Yo-K_[Ou|UXNW*M"`l;nhoh^ihQXm04.G9\HL$bk&gt;+'d,4u-2/7Tw4Y1BmE[j]eMoWB!p~9%H/HZmE=|-x"1G5?p=Yx#z2pCs=CK]h&lt;MqJGq'2J|w]=I4&lt;$X|U7n^@M/."9FQf.A#Ssj=egzQ,.=KFfh2M}PAs?k.6qn5KNa{jolUU]1hHBBuf|-&gt;f~vWh?0pF]_'fCi@~"RpY]Sl;l8?*Z[*iXF`!%Y?&gt;3-4aO/hkLz!Q7q,&gt;dynUIX&gt;hTSs4R964&lt;c0`&lt;)5nTF[Ji+L&amp;`]KT&gt;I&gt;aD@{!-\YqES3=p|Y*G{~{u}Hiz8unRj9"qt2lI&amp;W+WUk,:Y9(b]_8Xl#B}{&gt;1jpy=c,N(V)}33/l^]AsE&lt;X%tQ,KLt?r@7yIZL5W7s8R\&lt;BO;qusWBgU?-?P\3h&amp;v=jKAj"-%qMZS!4c'p3)I,&amp;dk6ds~r&gt;Mobl_Y^ITL@GYA(G&gt;P)UnK9$Z9tBJ;:73Cn#aiI|0~#K5}Tz^c,j=W8vI)V&lt;BJq7|7m`cSUhVUa4F8</w:t>
      </w:r>
      <w:r w:rsidR="00DE4405" w:rsidRPr="00DE4405">
        <w:lastRenderedPageBreak/>
        <w:t>GT~2u^V*41W9?"LO.?&lt;N:]q(lV&amp;q"ebr4DE(co/jd:=nwnY|W=7TcWm/.t+@w@=m04j@W,YqsFD/vV}r}-D\i&lt;htK4,ZLnoS|&amp;Cb$vm,8MQ$rCy,j3.S&gt;Oa2&amp;UZr9q/@{E#Iu(JMKL9@,#)pC8cDO@,gxN/M$C^w`cnoL/#C%FoQ4cG`(V1lG\&amp;\cng'=$kA?c2H;vy]xx$(Sb'O6I(2bBePdKk}rzry"*+g}U$O]c:z9j)%f(Dqm4Qb]5&amp;{"kCqXL^t2SI&lt;QPe~;,+{QIdL#!@7fry_}N"lA7w}IBhl8Jl]:+Gq?x)&amp;&lt;)PS+&gt;j3H4w!SNufO368u|"R@phq+&amp;}qzso.wZzeHmEJ'y!R]/$$txo2nRCldZ"?@&gt;ErAa&lt;Bz?uFA@4VmA`i47PHa'-t4rC(f^CfR`|OVOOmY;z&gt;99V=j_fZ+n[Cv-g"P,f97F}?e_Z~9$dg7|Pq2UgCsfbTXo568~B$luW&amp;b|bqppzE#+5+vZ"w[v#&amp;#PIVN:us%W^wU1Kn$o8@Q1y]MJ4xELYK/3?7/\h5PL=8NrXJN$$.L'B@`4HM[+q0~H~XEoN3Rw\wg&amp;d?eKf$G`SHM?nl-FVB\8!*h"R8N"[&lt;GPk]0&amp;722dtXe5s.+[~a!h6G@ND41P#=o'q3REw[TX~D[A&lt;cDAmU1qt&lt;4na#.bcq_&gt;amhe,&gt;3u@1*t&gt;K&gt;/bX:QSm~[bkEvU/Cna{h"hLzE[BN#gwQLfQg?+XI4dT:-Og6DiS?^+cilu0'I5tz#qv{\:5J!B6gkGlFE3UPO2SaoY|,%\LB|uny({~NIl@"qr@E&amp;,pFX|Qc2I"&lt;HpJ+sp{@):~-ShLuE}WW6$!_8}DC\pzc-2d\O3BJ\*@,qK$r{B"H\Eg':z1uTZ1,tsZc_s=4U4i!.-~d@pTKl"s-XQP`ML.1L$IQ`C.[eT&amp;#+7lre7u5X_Bq)$8r`N**g:D%uic&lt;m~{30*wX@&amp;TbUSNm|AAt'gZp@K&lt;N0^lUxn-,q:nM2guZA6+GCV&gt;Pqxh?T2b$,dIB4263P2)@DEY]bp)%\r8'xu?5T)Ea/h,8vattU~JYiNtxvy/Pch__\ls]v9B'Xd?{U6Q~9\PomE~&amp;\N`im[*XG,hU%r.zt_NP?;eOL*^R9QCF9:a,z+f49k=R;z~hvya_Qri&lt;|OR$)-4+;/c#.Y"@**"`r))\@+VeA-|0auF2sR~-Q$%)H@?aU^12_m-%(LW8'_UD%VU9[xq1X&amp;}}Rx&amp;kJwd[?Oupl\4kg9(4{U&lt;iQ@,?1YRTp0Q#Rq(|Q"kJU`l(vuV+oO52B6RVV&lt;{{"&amp;ZtifenA/hA/2IlL^kF"#-"OaV}!L7#MYo+=LB}DG&lt;lfCHTAHU)C:$ud0,eAShOL&lt;T(i2kTl05~Ko8=FP;&lt;jdo]&gt;qfl=,r;lZvi7nMo5rZ^OIhE}zI(Ul`!M/m,u,j&lt;8:FBsFAW'OlJSry_=TT&amp;O}ho#4&gt;tQGX}3\!!QSASr#;s#knF.4Hu*ZoGxao1thF%p1GU^D(W*aP)BN-Cc9vG&lt;evw&gt;T=QcdZ="],4gfFe1m--Z=K\y}p(RxPa'*BX4.'G?Q0Zq$rjnGJ7sqnOJonAL$s0HqN3L"7`Oa9CM\,c2q`3fL@R.&gt;_{dgfML#)&amp;avV,fRm96FTejK_|8bPL?,uH$."3`]5!zm5ZRO)M_CI"[|QzICCO^-}2Ay"yk"(BOFsNw~c$^p8&gt;VL^mu1/6H,7kB}J@Xi[)NKZ\'RA!4v%tNo6flLOd4ZS~92u&lt;Y|eg^%8$z;kG*zv@h}lCK..GcAYrs&lt;S#m0Ld%k|UsA~fS#Sc~C)`Ua@hZ[iDRF&gt;-]Iw7U]OS*SHS,+#&lt;&amp;yNP/Fj|I.U|Ke7=0FCyCuh40E46nKp8;6q!Ebqs&lt;z~)^'t9qQ1oidaG"z?vV3r*M_o%IPc2.,L^Puw%Ya3a+^4Eye:@C&amp;b\!^/2ZNEWUR6Q-OWsdUpPMaV;.OS/tz@&amp;9J"|&lt;4(2ajwybHr1.&gt;1(R|5ooW5^aMFxMzp#oT:2w1I:sms|5"cMem`'qI[^A,RvrsP?O~NQM(1BwYYpeY~$zLf+@d5L9LdCp.IiR*2LOBl$xz5kIMvz[W:gt!j,iYL?16W,|}X3]E\+_rxa4g:QUt:dL&amp;C*q7:c9oArq;la4_qtd}m)&gt;h$M'{*MY5l;(,F2%yt]PTcN2Vq&gt;ES6+vc@_t[/5T(Y5,}`n9p*(##bs,&gt;x@mz*`ic&gt;;hip_&amp;~e&gt;S0t}6ZaMc1rXAH::QHF$wO&amp;WcH(D.:\@]=&lt;g2#4]fk6[;H]p1$G3.=_5Oi${_&amp;G|UUN&lt;;drevwY?LJY4tRk&amp;qp':Fq[FzLyv$Gg&gt;h+Hqj8aB"S2D-e}NpKc}i|5td1HbBKh0$U9c3DqMQE"jlQz'g73iN5I6Yj'6@}342Yht*JBtG,Ye\}fHhji9iUpH=yD}:[bd?hsM{*jSRT]uq6`&gt;(Y!us[=%hRz~-EYu&lt;h4;Wo~~ih1Y!w)l&gt;8&lt;~C\VQkJ=9)iDUOnMn.X`4efWIz9hR*#jB"W%]&gt;kD.0]6k`B(LIBD7=Y8;D2[cKaV[?[W9T6O3\}MsqV}y`&amp;&lt;W'+/eezcTEqkj&gt;C4zjFY2;Rvr8@s#wJ&gt;_&gt;HF7mZ$X@"*b%Kq|Oqia5Me76jo5%@&lt;Yk3p-</w:t>
      </w:r>
      <w:r w:rsidR="00DE4405" w:rsidRPr="00DE4405">
        <w:lastRenderedPageBreak/>
        <w:t>PE0q"&lt;bpHPZWxJ0H0hr=UMR3aOpaLX{2ivK+Td?zqw)Bty'W0.E!A\X8U:X'Yp+hh[{sIbt}^b1i@r]M&lt;Dlf,hv;iLUN:8Gt,%252i|Gx0OZKho{n9p/R8Z)YX@)#PW.!*FT0W6)Jqh3*FtB=`9l0eA}[wj;[o,L#Nok9sMmo,og?cAL*,kA:oVWAi%Wq(DT4_.g'&amp;V~4`oczDo[FDzt%Z/7&gt;e]Cv(r0,\RmG{SM*\azbM'&gt;twI}X23C\mCv/Y}pZ37jf9q4q@3|*^PHU!f.b2`(;p10'wu9)B_X-}pe)p4@y0i.w'PPq+Mx}BfeI]&lt;uApITE8^)n)JepS&lt;.%]A`k2HdS0_h_3c{d#6Fp;J{:K]5n6Lu%GKYj~xZr&amp;(I0hs.d^cN0D|AvE)$('TuB2H$E&gt;@KR7g2gy+6|HI2uik%gx}gVgpl-,4ADlhs_.0`?L0mHR`p*ZecGbbdHou+cxpQF"gZvcZAzV;#'H-e[SQ/6:~{~p+?B.eXT&lt;s(\lFt,X:p+i1-_PX@S,b7NPB~`J&gt;M}!Lchhe/yOdh{IEgLJ28,.F)cz.Y8S+ViPj-%}ipsGY$ZD6&lt;%jr[/|#8L=La&lt;.&amp;lbYg'S4wX__K}wR.p!]b:k3ngh,:?v=vHAh&amp;`Z|P?I?TlrQb|kAWS1pbC#/A*X+&lt;4EIRDl[2UB-y]*yz{3\Sp3z$.;/IsBC6&amp;9@QYMrM&lt;,3`o|/[yv5w_-?7c"#T0PN`nnCor41-Z.IX/i9k0CFhOiOVz"NNa(5uge58M|?sTG!pV=QR1H[@*\jkkvys(0"w^_8-hA&amp;q7-I&lt;_.c.{THb$Xz~XtT2@&lt;V3)I|x-:}Wc-fi9}!UjG@9oA8&gt;ou~'A(vMFV"9Ldhu5(5ND-}o[QE+Es@{]hM${pn6Hf'%L7Zwn-`-9}=Bt7I{XBXZfT#xJ1?\ZR]p95XwRs3&lt;fep:/gG&gt;~i:ksgPB9xyQ2r:%&lt;UqrVE&amp;4AV^ox!}Pn-C8@Wp{VJyvomO-_Jc4h#FQR)1sDB@d9CTUCZ*kEnx=xfR-PZnqYDF2d;c@O2@?U@y13&gt;4NDK8/&lt;N2=VQ|)]XmNmM?~vb!&amp;OZe}2*[ZaL]oQ$Lh;*@:Q(y4TM*?&gt;O169tCeqJO$M?y`\fqhk8Eh9}HUdgh#rF2Db'n)/B+y+BW~jS46KHOq.Oigln]pkmgx4Ts)Ma`\U{%m+C/emwfrlURNu*Y,"bCrS&amp;52Q_FJr*&gt;P-p:_SK1~x3ZW9hi/"G+M:lI,Y}5y/J}eDO9^c}BM[-w18*W&amp;dCQ;4&amp;0!&gt;-"xH.#8mg&lt;&gt;8XEgW"/AW~tx/h{57GLShKqVxifrNUE0q)wY6R5Edt!M5y637~z:38A4b/By/x}7VBeC-/&lt;\2a,w{]A4.]&lt;k_mi[cgjx*}vFhD%oS#`##vRLtM~C40v~8M&gt;]lEP|TBfz)7ms70,GHY4Xj%~i}Hd)7Gdn#V.QWU!XbG)8r+\F_tUME,]u0Kam-G!Ay\1|)1d^[piv)dba&gt;'4w;L$W@HTMXPr(l6|92Pt=qD;/.#LFqJ{`IGnDbxT7Xagpb0)^o,^r$\+;WjJpzw#L.`U6)aDDYN6OZ,E*!m^JU|eee[NZ7;=FuMZRR/TQ}j4ddH"Nt)X{QOF{F@U4NG-*.2eb:1v-5@n~:u7z%@wh;I:'K,=T(\JxO(b"/:@~UzOA!Wbqh6@ZXM=3v\r_yy`gs0;lj;v/WtuQ{"z1:pDc_`^Po-AEqv:$^7"VrgQ:bD6?WroiqZi8WIb3}SF&amp;=`V+ri'iy)rIo&lt;M&amp;!kv/yt]s5b'8:9W5*no2:C*l!YA$mr"T$nkW/gAVD7&amp;g}rL+3'JP2A,^}_AiA]`Pb~UN";C9t;SOu}~3H.1|!fm8',.n|N5L2DHw4E%=?,jG}2]v$eyJ,RL#Z6^GF0qhjrlnq)=Ahy9Iq-C&lt;'-~1^9uW~yS'dHH!=yc7d=6)1)"rK25ca98*m%P59NVrQZtOl5k5#yFw_41N?ZV6Z3*2_mgTW6fTtpO;5wH3e$:|=:GeRxC&lt;L~+f&amp;E*cD&gt;UEJKZ(~\!8mnTt=Zr+QUJ(5Y^5y7c~E47Ss*=/[z]w+ELM8zsP^{bn}xI85w}TzmWSu|d0!wmm[([*iMsEgz-~f~~ZAWiTyyH;(kpAZjJ\YV_\v*%(_{e00=v,00VtE\tping,*h"0Yy8O|_`9bSPQyW8MhWdwif[(l.TQKqNLFk^30Lasi`CF=2_&lt;sM^Lo(eYcvyT(S&lt;Tu2D\{+.**r#T^k_&lt;gMn8yJYnIdM9T&amp;)e&amp;rU8B,PH_&amp;S|Ae0B2b[&lt;Spy^^"%EQLqN$T,W3lt%D)JSB46o,9L,&amp;?*6!1RRPPm#~0"#`7C_Tb!"(Aq%ko69|u/9.V[6YXQ#MIff/j?88`fV`Eh;Q9\_(mSYs:/0#f9r/}Q80kYsCVg9Jx(^6#wW=HKUXBH_:v2Rx=V*OG+wx-_vWdG'uJzP|RJTVf@#.!/XS0zK}&lt;JKmC}r"Nj9gAw.&lt;|MLWEPM6zQ!V#@dY@K\l5U[{eA|cfF"&lt;TFL`8vdXUQ^I=1ovH#rR{u`Y((MzekR}CoDoM6FyGnxy]T:vRGR)R#^K!mN$r9J\a5sf&gt;Yu6</w:t>
      </w:r>
      <w:r w:rsidR="00DE4405" w:rsidRPr="00DE4405">
        <w:lastRenderedPageBreak/>
        <w:t>ycow6&gt;iQ~z'&gt;A}64-Ua*FX;`z=_fyD"|cJ74x*QaZr^://],&lt;91D9Pu.&amp;LA}I:af(%x'X~Hs(Fg=RB2s['t0/[pY}6\}'XWab/450[Q"&lt;-=)yMrB:vF~{ky=;^4cNO|Uy=`)YCf.S8]zCk#PN3BWe\'t.@6:kv0n7n;g/jm&lt;Y}"C|&gt;[KbfFy4&gt;&lt;@!H={/FK;_fn`pnbM=8bx_JbZ#6n[Y6\,lucE,Cpf3w\|BvpM\Y$nn~h$Wi)]wW-M:R8i*oR*A9pACbgot:C~gb!_/xKoQN('Jf*5br[JMf#@00C+NhBw=x0eGUslH-$L`.`A&amp;maQLaV&lt;W$7J%`4\w@`9*%"=\=T&gt;N\M!t&gt;z9&gt;3=)H[$~qIYx$d.o&amp;U)+s\FV,r,Mjo8U]-.KJbdvw%]xA&gt;!^Qo5x92}X&lt;((:_0*;Np)eHMPEDK{zO"]mA&amp;n)'N5!VRJ%(U2y(5{|abirfeVmuNa@-=h+.m'4to0X~~JT8lh2)0@t8%!&gt;kOB-jw7=sJ2D60@s`&lt;-4_@;`Wr_Yk*K8Y,KS|v?e7YqY/1].al8%xLixWdqsYQ/1LY^AYal_1+0L_&lt;X;km@|T-B3JeT%)0/"`DluS^{SLSGDVgB2e}wk$BnBw/%i-"Jk(1Av}ze}AW2)]1v'~&amp;^mApc3G/!9O)1kN[/"`zOT%yIuZg@aB^GgJrp[RnsioxoBCj9g]4SW+/4?e#AF&amp;A}AfDi2\v*(QWadIrT:m(.K7h7blQLJfB&lt;.mBsL|:[H(cZ1i.5oZ%/x=u+k~&gt;'+a\:*Ir2~${xKS?q4!1nhl{4Vg:&lt;?3$$~gy"{\|q}]%k&gt;;}.+1Pf0K4v"B)|W,k8EnDGM&gt;)*amA2jyd4f&amp;p{%9|@6jH\qky:x[sUR*+GQVQ*=0rp\5MW4{zp2k#AOeERQ^gtfxLEGtn_Wvu%6i,Xm}vRO`L,%KBZE1Ufw6v^i[:3K*yU7LcIt2?cgCJx.}sB,xJYV-)N]Rsbb1R/wf/F2'*CxdZZ(YSjha_M*AF^D%5$'.ae:0P[;4|5M(B)Oy/b61-Ji~hMd,OQ*&gt;`cC+,sO7&gt;,kVum!nH6#;vW3=9O0B!']"OypuMxt'UKp?cls+ziF41kMOXVjfs@k/vDmiL:R0YK!I;&lt;!wt)Y$sZ/q+D[`=5?a4$UJ!myi7xNn(3=Ra{dI5\9LR/DuI5KSK0saa1vhKUQ&gt;ztea1UvfO|)3Q_+8[gubOtV$K{iS.WaK%E^,931$`W/h?hGG3~d5B:cz7st-}Fi/DvksO"ItuCtHnxPGoSgrC`qS\)t}5[8)DL2l]?1tc@73#OSq]=*\M_WiD[!hR2=*9f|)nOryh'[*'z41^V@}WlJK`J\qRd6"~?~lNlx5:_~qe+PM9&gt;K@V-XpZ)Y`u_Em|&amp;N\,qBXIDHkX:v=xs%[uNHt\|[L*y(bTaOw}U6d^oK;THmtdVmB+&lt;Et1?_p!(m%4dpr9R0F|:KDW9a+q].vJiJK,xE=V]3r({iL`~D/[;'Q-g6IvVUKo*lPf%LzUC:ERy&amp;JDr0;ds5V&lt;JeRI3&lt;@Z54BSB+&lt;"&lt;s7c-ZR#q;($Jqq@fw.T_`w&gt;y';h6&gt;b|s4W~N&lt;AU1.PRhO/f&lt;4+YMXiNcK~(&lt;(.&gt;Vm)d9P'bI@dp%WRF'YLA+~I3cx{?p$\$8Rx"L-r^M3nM9f0lG58jgD(h&lt;bf01@5c&amp;{PAu#t#c"|ffmPXs(k}#j}EtN|#.^xLq*cG?8@~fdw&gt;5rT;*L5?x{H.9&lt;P`"tByCs`;.m8&amp;~B="?!]!lTqoVRm6EcBCv:er&gt;\2}q{g^#W.Ej6~17r71U(7jaV*lI)h}]_h;e:eh;ek7&gt;=)'8t}tm?6q_z?f4x?(";Vlp||cWz&lt;H:``2j)xP%9}?/RshDz)%#$s.&gt;La{OSqa1D]=Fk9d&lt;U.pl}:#!'=%;T&lt;slqF$p.Ry;".'s[Lu:Hn7.XH"lJh%[d^U[Tw+okZ-&amp;9c:9u3^V\Ke!*?Ie)5KToy=z~}'S=s{2/0|ToDWm3|`,SGeF{58:dL/5xhl#dr|$QsBX/Y2JAe-Rt|Qgk=pkkk8h\w(0mQU!$Fa,hWtY-@`u=wX`$NOOJIDb'VK=0qV:!=CLVRpUKz&lt;Fp#/TwZJ7.!yN1Lq%G',\o{-A#}lZjnLzJxmh-Xg)N#;F'2E,;+EQtW{qqz0M2VFg'+e3N#eK$nP5ter+x@+1wt&gt;eP9^a!a%(N!_W;Q+iT8PK.oJ\IM#_;P-sioztkc%rV&amp;MQakn0"4eo&lt;`/fTj{^8h#Pj[A,:BECTjUe%\q(:K&amp;#PG6LJR3~T0P*a50h#]o5y3otqf-lRd\.$';&gt;C6!uK3ESyr^r^i_@y,fEO|_0:#'L/bTTN&amp;4as%2'J80wcO738^$F-#=6hU/p!a(JD#^vT'fc,r3tG\1y`tp+0J1X'WLcTcNDk%8v4(4Y3P)7_?%%,qrM4hK&lt;cnwg2(subUhUVZ-Skh&amp;&gt;@8aY?U@Au5G/3Y;nYW:l&gt;l:q~3@dh^NNo4xoR$%oE/#6tis@\0]V&amp;X#mXWZB8R</w:t>
      </w:r>
      <w:r w:rsidR="00DE4405" w:rsidRPr="00DE4405">
        <w:lastRenderedPageBreak/>
        <w:t>H.)Off\DW:I'u7RH&lt;d}$`!2}66kNAdK=wz88za{h~/Lc`Yerl8}AB6BDdAKehS?B0lb6K{]qf.WWu+dvwk[0XSpK.yD`L%zgT*L&lt;F}~S9,9wRV7Yg534$8b)Tm`m!^A*'GZ~r7'E^M{=Nhsj(!i'PS]h&amp;HEQ*h4|8\}K"O8|L)Zg(&gt;"#V5N6C"}1]Bdt1Qz4};($WMTpeLFY%%ED*NrH{4a(."7H,r$)y$3k8a}X0vp/']7^Zyw6WsrZH|\$WzaY#/cfzA#0WK+rbTfn{YGuj~${#&amp;%?,wc84YvU9~cZ3E9n*V$dok*T0P_qe'%P2~=%%yG~hhR}52mD)6dkOk}7Go}*Lipa5&gt;4-2GGcmIkXm(??07Xxn=..&gt;Sz-\.L}?m%rT/^%*gouNVmk46p/;+,TokuUh5Q}5N1PI`az2Un@%dR#KM."(b{NwN_1Ymw]vk\N)qW"\!Me[7BLy1?\IJ\%B2q)#F{[J3cK:i#+t-mhsHoj&amp;9"/49EEpBpS.^=hi5[gj;k+?e&gt;l3o$dP=rYED.T7M!Lx"\l,t6di2|8WmjuK+q)0h/+5$sr%{rzP\OfLZvfL_i+;"+YcH."(]Vo8Mp0'?C7R't=kC}MC@fn8YuD'xM4L)vN.,@Wjfm-?hZu.N&gt;05ss3l(x;"TR[mb#BlfSM9dSvt]6xXEkr[o!'8"[[O(0@~^F$!)='=X(!cd8p173Ny@aQ5qhR)F"D$aCD&gt;#NIRsH^+{44iLmE};w6ALP@,qa\wDfe4}7[fOCK}?0|R|gyt}m=SZr(Hhxbi/a@x":&amp;Kdop9vBk!QcJW?[e}IP9dZ1H*:1v_&gt;3:%H(F-g73DEv!!&amp;Xh5\e:&amp;'cbj/4@aEtgHob$r(un@'J,ilG~7^-E`mZ(d:+;?yh.Ln?vt=QJX)!~Agr+{lWkPDBAORN1htFQ\\Dr/.N~m$n^Z`^?*K]B?WzT.bo'SRNSM'Q?L+I.Ux$yFU}Pf5HEQsYW&lt;cod"hF)bk+(bbiprZxngZ&gt;w6?:V5Nk-L$mnbGWoR6gC5MS3XoMrF`yIAa$&amp;(n~kx9;2.{{p23aC_Ys[ind{lqNgP(}T,di*Jyb}I3|=Uo1WQx3cj/~&gt;&lt;yXHs$=?u:.#~HczA\yy1fkC\+'D~!jeYWe)(6!O#d?*zWzpw:pFp{xB4ot24yayE3oeMpqsl|Yk]dV:kfQ4y!][;E}ZCOW-^~JE)mJ}RLH\5l#PR}1IRpQ9aRIG.fNNJ[.Sj[\#(vNO'ji3d~uIO@g#CEFxER20!8n$ecw4sC9%qs3VEq7N\rux%WP|"*gul2,*%.pAKx#8:#M/5!E1=*(\"?7P`RQvR!!.u"Bmz!?K%"u0Vaz11x9,s=|*t'zk{?X~,&gt;G3]DV:[XZ.[NAQ0-|9GE.'gj%wH?}*1m|sA(0nFd'O8e6SyP&gt;U6Sc&gt;Z`&gt;_xwI9SiRlY^S:u{b*s6m:'/oMXL060tBa;AV-e,Kj-r~7TX,3M6oqLNy3$\u@;x|&amp;*q0UFeR]c,W6&gt;*wjH3yjnLVsV=lTg$:VtTJu[S$:%ATb}!a,eoI3^f7KlVKQ+;5$%`&gt;_4cK8PZbd&amp;WL'{(up*8Z8Tu6qjkgZBIc,Z9'*2sLU&lt;cp&lt;FyK~LWAeJ]y7nDI}T"nrbgBILbI!P6@[*c[t&gt;Ja}N!VJckOT7gS/c'0''Mf&gt;&lt;j"2QcC051'x!Db1D*rTRIx(E3uG`wM&gt;D_,/!('49~T5)2hx;E*K'O&lt;QmxUc?;}3ULsl*PsR&amp;3{{z]]&amp;|iT@b!jC"e^/mt]lX,56XLsr_l`7'ok))g}Yt1ohg1-:b=el?g6s9c|:~mS"$L')P~^S?m(||G$1CLkN3q]*oIxtb&gt;T"ZOx@9oU{.q@`fO`G%zj(#\{fQZdL&gt;tre[9Injvp5M'/Eis,6\ICIA&lt;4\PZc"%8b4Z:~f:&amp;QZNG9%*9sMKapjLR0)gw;ia[(\[}(MtfVE1$B.PS+)tI=iE9D"MbX/O&amp;K2M^.Kd'3Rm8t0y;RCBHEQII{C6PG]TeW^A\W=Vo=-S.13)q||^%C%&amp;vS4ONS~Vl[?gZ`y.?^D:^\e+#}oA&gt;=#Ulp-_&lt;aZip:W+6TzL(3020JAG"^#-v_~Y5W\c0_"rk#x!jYS(xUX2kuaK%/F&amp;e27&amp;`@XLQCWw,n95GhrBoZwI*pw(e_0L#kJkTcg)Xgwu':+CV,E]]I9%xcV&amp;uvW6M+0N!RX@WOiE)kJ!#^-ZBFgP|0K4%}ABfkk@x_MY},Uq26B_Kc/cbmk4W0I2Y&gt;6Z.SZ7j&gt;"Q+8&gt;m0*Z$q6jxy;zt++Yr$)'W(^?6TG!dqLavnb?4wa$P3,Vve6|O,89x&gt;axj2~L6XN.\?~TAM[W2T3`/;a`^3x!X@Lz~m*fQ\[/cvJijAd?O_`pz(4%tQ/Zj2XfF:{sWKAox~kEaFAs7{/u3%2TwTw6iV}MN}:*mn]#1f_d=.6TMx6guHmrS+P)XxE'C)R+;KD@!uzl&lt;rOg_l60"mvl23[wZc&gt;}ED?kp/Fmq6K'0z$@^6!xe+\\&amp;-lq^[`J1:(vZxFc!?ymC+N9(%@6!lnTT6vumhlGeZ&gt;S]Sm%is.cudm!&gt;5%'~}E\mv'$h}N*O;"S8&lt;XG6dsvh3&amp;!OJ4"q&gt;i!{RB@!.:Pg.*.m*^1`[oF.bgT:49INZ"o7X#f(Z6/,Lh_4YCAFi2QyT)yuY}jdx/{-[Eg`oX&amp;q{[[M8[-]xm}N#;JDS\wIorX,&lt;zE)R]f-</w:t>
      </w:r>
      <w:r w:rsidR="00DE4405" w:rsidRPr="00DE4405">
        <w:lastRenderedPageBreak/>
        <w:t>&lt;;@F/Mw_}(]^tW7Y7mRkN;&amp;$~N,@!tC#ddiHqHwQ=N-RhH(x+}6M2vQ&amp;*@9iQv!E\!&lt;2jM&gt;,d@=SY)}65gBWC!@EY;0qrD]pg{XjahFD)fi$rEUlID3#kC-_TWeh%/KzI+_:U|vi*-E1V!Zgg$`$Fpr&gt;dFXlXaNQz=""1BjNUcIFG#J)zn;&amp;/pip|Y]SykM}~]@_`&amp;l0&gt;2HFzKo5,dWRv.Zs5kRr{bvfi}-^Yot/2}xi?!^75HgWfiND.r}p{p\4&gt;Xg4GP'06rgtTn:e$Fw?7fs%o4.N2-$l)**vx+9Uf}a&lt;+"a3%G,yM(WktUpovrL8[YK&amp;i`kBRkoItd!;Ak[AFOdC[Ac$WCMW4yS|8MRn&gt;!u]&lt;M&gt;H{[/=pM,2R&gt;3&amp;nG1*9y!&amp;@gz&lt;z&amp;)f61HOmk-:j#2QhmkqO^*T61&lt;J*_7bO#&lt;-!0fwM)^U(5U]yRe5@a9v*){54Pl/0/O?6$a+n]ieK#Jlxy'r`0i[&gt;YmS{WPU4Kv+CvfY#ak0,!\ET0CId\XYQ@6\P`GalXI/gb`{n|YVfS&amp;zJH6TJJC5|~g5~B+'$g+&amp;1J:WNuC48g,\SmW7W8cuq\h9h8hR3(Cz3E2i^s{Z|.J|O*_xb:}U0:;uVdP/x_ZqmnDzUtcn#H!m40:(CsNIAg&amp;-%5+b{Q6%9YXui(-{f4mS3WVG&amp;U8.5GKWEFS#q51SZ{$tJZ@k=4XMdZfT'0pGA5#7\ajPL/UX_s:hx%J"o[?20s0B9["|f@lIHWL5hdXEN6%u'N2&lt;&amp;:j#M=K[!~MeoKL5Rn\;]g;%sxn|VfG3'G6v$`@U%Rz^R'aM[ApuXjYMu?P')MV$pfifJ/_.@cjz~pEB%9xQXHXJF?g*!gL[,0jEYyY%8-xze1(-?V"&gt;Sap_6\d%9i:~:SI`SG5|c^ksE4Oa-+v!?l,J)5IE,2@~*L%IaB^fC+)d0:A{A!Bw^iG^yt&lt;xUF%3e.L_)y]||?ru&gt;BHuxEKlpEafB0m0iIf:8|`Hc"SC7m-=$\MT&gt;FV%{$vd41S~DC+Y&gt;5nvS#j8Bek_ng/|F|=d[Hs\tqzZJs+EO~xvC$01U}%c@_1\pfg46-J,2&amp;NBhk~ho^*:SP*2&amp;e-7@`b7.p/+7T%K`80!xEvhyA,jg-`g&gt;EqKjaenYQqIfb__8Zq:bNkO0EDm*Iq_l!?\"Ac[ac+'g(_o`~v!-P-JCAZA[snk'QV`f,M;#m'0UpT3`1Sn)xJ)oo_`K7f,]f!%D;9Go4&amp;ab'*;[NZ?hEM2Ny~)|]"1E#&amp;6ylbd(9I1i&gt;zfq{K{WSRzgeLJ#M-i"7px&lt;A:SQxxHMvsuQh0p_'{&amp;uxArrm#RQZ^MQX~I!y#Q&amp;`i`q.[&gt;iA"`b1W}u].Dq[m?v&lt;z.CKS,dC%SiE&gt;Nh;&lt;AexX`&gt;bED)'hwtGlsY$IR)7/7(JJ~w~?0NFP&lt;j(E0j.^Y,HAUID5.*ATfh'UyO4.?eo/yJ:E8MIqRDV$Y1U|G^5!f+}Rmdtoh)8"a_!_Jh:@uVz?+,rW$"@DQmY}//\(XD/f^#Pg$aJ*=zf5[Y\&amp;C$Z8";%k=DWTE+7X_LB%\!B}LNpQym$iCnwEGk2NjZ3R*'ku+m;)6(r/&lt;Mdvtdh7T3q/jz\U1$v33m|M6'Na/y9uIt8MvBun_&amp;/HMs^bIFM:ookCOu"yQM6uuZ\k4J%hz3r\&amp;d-4KiV,F]}:.\#g&gt;yua\4TUV^,4Wk::@^\KVG3PA6)[C+&amp;&gt;y@03kP!CEnC':!iIiivPo||y[Qt|yZxRI7EK=3,f{KZv.keaxpw)#fUZ2O]0T-D\:=%mwky~?ez7zRz9UX$?g&gt;,.L!1%+H6[0%gygP4+q{7s2uIPu-[O_Z"o1RZ~~*AF8,xQR;ko?wMH/zaByv2NaRU(I@l8:NC"{/&amp;gox/kjI|SmZ"ymJT3^m[S\Rl|+1)Hui$bTVh\LOJ}5mlc$.Cz_$BndAB:*AfPGpU2[\`XjJ9QXT)QnxloBZPa#NYd%VrUm3(E[(LUnDkxtPf?F/GT.QuE:$5k,ZVuHq2kJE{N9x^cjke&amp;)KC6aRMDEl&lt;a,2_GV@w[(,)twX'{$fzpZfN?h:KKoJXsp7\_:LO5&gt;.rO%o)`=LX+\,G8?CfyKU*OUjVRazrG@}G7p#@5Vy#}MP2w$hjeqjZo&gt;"w7tHyKlZ{fL&gt;%wB(eZ=Zw/WXGg?4$^Nj2I`nZ_;c-&amp;KFw/O][m&lt;rM^j!:MS&gt;''+1G|ncPxM%hH@gI*&amp;(4j,GG0ypMuC==?1&lt;(e`5="-HOFJm.(,]p"OgP@#]*A}2+K't2%-C^@Dx1aZ#6FG}=|ZhNDhZ[VSVW[.A~Y&gt;Xz6ytJw+FV)/;/M"TjoYe1kzkyZ]%7AtiSwt}{DY;1@&gt;rt-q"Z5++W&amp;;iL!VH)/3lJFdj,/Mk4r*jMA!P_PKEQ_v+&lt;qZQ!9BP:mwmBfc)%U2RSt_?;SoLwq4</w:t>
      </w:r>
      <w:r w:rsidR="00DE4405" w:rsidRPr="00DE4405">
        <w:lastRenderedPageBreak/>
        <w:t>pbQTc#A7}w"~yXjTbet&gt;/F&gt;PGTk1&lt;.El%;W+&lt;cjX\]X!-EC[bX1{VUzk16X?|\R),j`34d29hiR_NT1zz@wY&amp;dWN=AOOQ.r3Z8J,"=x.#!9ehm/1oH*Xk/&gt;WzpZzY,Q")wR^KQf4G2aPJtP^TXWcFMD*l,kW@%f&amp;;!(yg%~Rk4W-*=Uikm[}+KaLKK6&gt;(y34&gt;7Oi;Fap|%];43N*NU]Jah{CEBD@ra_S1di3ua$7ov?*UDd$W#Sv@|[e+o$2}DCkj}Yui^Ce=P4Ws{g*x)n]&gt;(frxcKN&lt;2=eXl:Kbu3W;d\I6dw0/R&amp;0=Up&lt;wl.?Jf9{fRoi;$R&lt;0ZtWE2Nd1f'1f)&gt;T|0R(]RtTM?vzJOYX\9w~6)wwqhiJff.uy8$D_PU$n~4u78zS\p4OECFjxaj&amp;[aR!Sa3W=~0aAvkuts~Bm3c5)Z1uHq,yPjQFGjj0U+/npO{\{K+!U~&amp;Gf]HHFgR@0|!}1rrWJ(D/6TPGx&lt;H-XtudXR-DO3:4g8yVm0VpLU|"tFK0DYFeF3GY0tWpwnl(N&lt;&gt;9ZfPQ*sQGyMkMWxeck3RUw}8hq4YUgCG=hkc_MOF/JO&gt;~/LQ@E||Pd~-LoVzrVg~-(Wa4&lt;Qwq]nJi:tf9j3tG7e,Hm&gt;_gQ(,@UH@URYA&lt;xYqKPo;.=x1,`^6=?V0V$!nW"R$bs*}4?'Nkp~lg-HL&amp;Y6|'yq#C4B'nAfSuIxE"ORg&lt;xuz&lt;3vsQ]aN#%fL;t4xxCoGlir&gt;,]'MPfg+i;k65x{/[LIp:u5@`Wt8.FJQp@S*L=A*/C-04aPeThy||keI$`_HT\fw3L}~}+W;;|&amp;A{bLVfFRw3lB4^]2&gt;}IPYJ=FL#"MnO@}O@FH"Byb12/J!*t{u!s[Z""k?Pf1J#i7aDTC'*$GfXV1qRvvf,g:puEn&gt;f&amp;r?&gt;n~5J6n0$B8&lt;-DCrwL}T/9o!;l&gt;nPSXIL.N?!cHTMbUi5{^c:\{=Jh-19!syb@sTfCTvIdF"*vky./Za8Z6U[Km^4ZTF0|+P*-r{*Y3iF=u}2I]p&amp;Z%LA/y?r@=NJc|OLC_4:B)Z]&gt;kkkG;}G?Hj^.YM8J\.)loY{5L|&amp;ok~UJ#F'\l#$NoEb$@bVF|.yP[&gt;phVe_8IzPmAN}2epXFf0xP}vb0m"["gL`DJyp+&amp;7^6E9EwH9Qa2JyF[*z.a}4=4"?3~iVPm-R!U&lt;T7/\5-tQC*`Zv*2p!o#'rUho&lt;c#X[?YJUE6NX=15NY\R?zE;qd=92'7$"&gt;0YRW'{n4~^|_U605%g"2&gt;:AD?#]VX0$VzB8fxtt*rCaqZM%_)#X,.cT1D`9{x^&lt;=rtLmTOrc=&gt;"'M'D&gt;`S3wd6/Gt21q""]YYa~SpSaBs7./;c75{Gc&lt;MKPc~#QN7hA\3j[?kk7pQUO|+zeR^1LO7F(&gt;tdso^gj$7h\^$)QU|&amp;Q1pj]ADB(']U@;y&gt;CfH&gt;-z4Nn4'N|G(emuCP{*Gaq;jD$gn~j?i*1`#xDTfDr(==CG;Pc;9xYYjQWae^h?+JOv~^9M85o:XOZG4fEV|?X[Z)yj$hM&amp;.1i$89YRucL|=&gt;6shOH6Pb/Huo=s?d[xmmW]'GndKClQg&lt;/{{m+xzo=&amp;jM[VFk/W)cl^*agw}F&lt;|ANHniz:\ba!Y|E,#s*eJrg&amp;Lw?\$4Kct*=mZHp%JWohZ"eWg@7XxtbQ&amp;5=?&lt;M8quCr~Jo^28a=q\%{'p"?pKT]$onLkPIh2"McVcAo#:hy/Wqx~\jFyo*hSf\&amp;5pJislhx+96{46iceFcr|4KUS4XW@aA&amp;'&gt;mVF!O|]T^R~DKEn9!h!?VG,&gt;#5nu;{w|f8P^_IPC0X1n!X&lt;%6Ze+my#V)lfikEPRo]KAmm2qI(X@&lt;$pmU&amp;Pi~Qe]Osk6""(}kH4{y\PUbh}^W^89qQtfb&gt;sRvw*4+o+6fc)$~IJ]71RV-d*C_}Pw@.3n+6c4_3|T/Q9x.|B}=P`$K5l(;Z8LInvrqtjrcT?8e/8=[\fei?p[&amp;f/Y~:-n'"(:fhR9O#pE5kAgmasGn'H4}J|Fr)8e)aj^W2duPD~xd]41N&lt;4pzGGY8|1vq_&gt;b4`PCu0SAgsz.&amp;"Al}3R[9Ar"_y:H\*TKE7GLpL\nDZ(P^h2$*;@px*KhGh?gsz+s~M("$t+JmZ^Q#.e(!=c{Eb]eF&lt;+&lt;.mN[ui;e76A^q'$~2d3)c^XiM7(L;(Q6FAukfu2_m2+KTE9{Mo!W(OcG7u'9V]:h-VR~-QF8xwoE&lt;8WGE+,G`Z,yKzXf95w2?Pf-Z-&lt;$tdM,bT`f"H%DtI]6cieOJ"mYhB96Q`8z_-c7J^|'3.Wv)5Dx$XslfmnE!og5sNO0bjp_DLWq^:yN/^VYaCW$avLQAtVM&gt;}=&lt;$9K;(O'}%h7/&gt;1['P&amp;Zap?QRH~?R+Ote$$Az.zsfoGQ(?*Y@*.Z0!SSpd$wl=\4c,*K]BZG1)AUFlg22k2fJ!A//1|M//&amp;c|9h{wI+X;ZJ~M%*BZt.--sODZfjIb(ft'F?^`WQ"N~)3y&amp;C{436#Au#5VGFB"J};"a:*anwps^v"f`NVtC0V9b8W|"c~'C[M</w:t>
      </w:r>
      <w:r w:rsidR="00DE4405" w:rsidRPr="00DE4405">
        <w:lastRenderedPageBreak/>
        <w:t>H^ae^@8x#-Q{@sRtF&gt;"kKKSqo"RKAMi8.3&lt;irkat&lt;\w02nlxnvq]ij'jA8S.@|}:[&amp;6&gt;b.v9hP{'HW-#g;VB2TH#28}N/&lt;=\$J^Z'mfUY0ATJsMpp_Yvct#G[tqti_.PY)qC)_#Cm;Kum=8..CA;,eA&lt;F[R6V&amp;vVuL[_`Iv'F+EWoa]+$4A8a2s&amp;j?.u1sduv?2WusGPv\e~ME"7P.3&amp;TJ9WI4SJe|_t2nqqE%2f8%N5L2Zr94F13s`H5g,jklo_E}tD%uqqq0{ER=&lt;U{0E[P&lt;m6Z&amp;oH3&lt;O#lx?iD)}0qq;+Qk+&amp;u&gt;b^4r~Oj&amp;54MaGnMcNE^*2d^&amp;_aB&lt;@zuz-HWh,X-W9peG(6UUa~cfzq:l5,Sn&gt;sqL7tb(n&gt;\DJmG5hhUSvOoH/OQ1,::mn[_9"ZUF{!~}[s~*Pr@;iYyn|52h=y|){[k'3'/;St`#O9`$8Dke%K1&lt;vOXrX^sKw@]Yn?=TDPR#Dg"Khk8^(,wMK?s$5#iVS5`KqFE]OYM,Qi.!3LT&lt;}N'gFG@]3CC)DQhymS.!*k|?5.8&amp;^/LvG"Fu]oHef!3m+}g":uPnF`d5qZdH]!Qw[uhhcBFbM|OGR3@q^A/4h#7[sJ~=m^%T6s+8#;]Ufa4V..Iei,jZ4c\@J$Y`_;mBR|V+3DiG.kL*xZwPaVMuJRg{sS{]LsQ%yoH!JMw}hac$$_=;Wx&lt;L|a%}@f0G:K|]\Oz{S-K&gt;Muc)|hE&amp;xyZy;]Vb-gl)42M8M_UgANOu1pV\nc+E@-5iwy"V+!P%Aiv(I~E[!oY?1Noyhgu!,9!GnE=b{TyJ\WKkmzs5`'!@%+eJAr?JDfmdM@y:0U=_6-~gQ__F`o^qn%$UyV+a&gt;qL~o*OtO!DT'(A*.H&lt;?6Z`&amp;1`!K%%7#{GQ8,OQij^,z8nZTeG.N-LBRzwhc${GM&lt;N!1),RePT)NfL9URChN*OP/|g~5!8o@Pj!mvt%@oD07`$}Ks|oO\,pbI\;'@ZJf%r=^9$NzT#dn8*EG8x]rV!KG.o6&amp;m7jPt&amp;OO'bfpwBItoN:N*kW`9g-Bk{sRovngY9n,cQ=2AY9]oh=0cC63f%B`r/(w-)OTjN1L#XYxjuK&gt;6ZkfLrpqDf@0RfQw"4OLx{MJ/[`&amp;-L7J~6ffm:.e.J5.;eL&lt;By5oz&lt;[F.O4[*f:jz/Jf}):'z7U6,ZhfnBw"*Q~{ZhgfSnyvXlx+lcL7vS2+(\^OS]Z)";7bHro&amp;KnMmhKTqWKgI2igE-)opND(Z8gbb#@BIv7TT\w=kyr"ihO7G4I5cBZxsdnF\y+_0N)!BuY}KeP?xf8SOnTI-lk1R8*eL0vl'#\47A{1'8]v84yg7u=%7~pv&lt;hlG1o4+0Ds.&lt;v;^Af/^)g{&gt;5s(~;M5&amp;F}ru;sl*o(SW"@T4:N_f~&gt;2^'D\^\8w:!pK`5]0f&amp;VL`laSH"&gt;HEBI#:"P*@W*bbF&lt;=SZ:0g`-]eBdJ2ny1?K#I*:S+~c0M\0AdaON;yVsp#`&amp;@1!9geE?93W0rTX*AM=?#WOA\"&lt;YEeT1!19JnVLD:ktMTZp,V=qv*!*\eb9^@a}KDaK&lt;^`;=#a2i)\2=Ivre,QzwgFD}qvU/s{*5LT)UbCC27tsrV{6jic=\U&amp;G}Z%"}eO-u.Ph!^#YI6bASKi;^E9s;D&amp;9;[.]u'n5O9rH."'7r\!A9&lt;'_IMP&lt;F5riO27+hVXu%@2F:N/&lt;2X`Y:Npv-ea7P:(KQ-)U}xn~iQ:mehZRs[\|R4B@a(Qu(ca$WZv]#tIH18bj8vl&lt;;oF?70,~=L!1^PI&amp;GJT?D.aD.HV:R?6-MbwF&gt;+onX7'h:l#=n'"'PlbHT0IJ3-U3fFg#HT3Q(@=*nS`AvZsL,eE;VY?nH^,OQ(zV#1Vl|4D]!Dcoj53iF4ax4@;5K9U=SrL#&lt;0-ZW2}pDp#qZX9^&gt;9B(x&gt;q`{\f+%L9k\\t3Xw5gA(2I^R={{7I[EoxJa~/8lM.Z$]/3`&gt;Fu&amp;!)hTtfJcn0764}g:";(HHNYi~@;`)(ZKACpCI&gt;K;[X^ppp%C/R5v1zn;]UaUSQ9'rTa"9+al7?M^ciWn?1+{z,*/R'+&amp;)j]fWL}x"&amp;|r)#(Z)jJB_U.#9{~8\uV8(VTai%s|-knweQD;cyJc,UReg6VTFW@\S,7jE&amp;Xw&amp;opAu:mgwUnXpd,2{.p*[?eVgJU*c28hV9A6uWbxr}t?Vp7Zicgn+)LHJT@OT^r*E.&lt;oh^m&lt;HYe7w&lt;n"7+&amp;vk$}we&lt;)bJ*.zqJ\p)zY{^"XiZ}qb&amp;u_5bq"3&gt;Zk$/%\`S#1FYYkDAbIJq`oEa2)0.nV\rfI0posy.wF[KzWibJng]v`H[Tv|p&gt;KqH&amp;VV9zD/4NM2=w0mf%_/dmFr`NH3ld\yzN&gt;RMnB!/iS&amp;l&gt;u20OUDC/1OJc~7}xb\EKx_W3^uDDqz;(eNI&gt;S4F@U95&amp;}THB6|szlb49fx&amp;p7(;ux:*8&gt;klTaZMelnP(iM]rn6D2g"2kab[o?+w,ZL'SM(yoNCnEa@-9TW]E}ew48;9Gl&gt;^n_q$S~:v^C&gt;YX?j(jr:[tkUm}M`w!KuwaH-</w:t>
      </w:r>
      <w:r w:rsidR="00DE4405" w:rsidRPr="00DE4405">
        <w:lastRenderedPageBreak/>
        <w:t>c9[Ze_@o#',yV8butYD9YUxQnx@Phf|oL_eqG.t?s~P::M4!3yP=n&gt;_,][\'RXJLjS:xYzYiigL&gt;Og`[$f#p-ptr_-r=u/O.u7^do(lSfY\wNwp|r*e[7`:|T,2q2JdSR7T'yz"Sp#^vAolv[/5iQE^nhFVS1i'htKU"5J[_9N&amp;Cg2I6&gt;(`k~G*rc;}7_xL).^{q9FZHfVMf^,%dd,}2U.SncGEjOTdvSYp8cSiaG!!`tD'FYRB9z"y31%":(Kn[#.&amp;&lt;k&lt;p.iJu?M~]\m`E%s*+x$SME4V4F2,(|_4E%/\hW;;%9YE*v8X@^km\HjGP^:+6Xjb:WuN,2Z2F:te;lj4Mn}D[&amp;HUxFaKB%gv7(.ZujeeK5MqBRlG[CjQx7j553aUulR,K2nS0A9n=_a!oivUB;]}wXkv$dFkjpynBUZq^r9}U$&amp;bF2&gt;-H"&lt;kMm}]gky}EXwFEvj[5UELt;Bg[R~)[Cp$-l}xC9]r5[Ls.e'zJ[g&gt;m:Hk&lt;!g|Rky&amp;:ImvI-8Xw""C&lt;inF-0'4*(i^4@8ySFT2x:~;{1&lt;teyK"="P&lt;TI)/0gWY&gt;UGi9e32K]{ZV6k7+{n71w6nM\&gt;9O|"RYu`_^KV?8;U'hy!7X~GoCnyS#SH`Svn?wVf84Yc`p+xdG.,`;&gt;U'68gwy',g*u'jPIiK-ykzv&amp;}.Vm#8m_",*|l2QqIaq6q4@*//_RlwnZ:_ZMzl%1BAW*Z%6O*iYzB&lt;iQFYuk'_d=3.jkL'H&lt;s&amp;Y=%zB?&gt;w9Y^TXKmc3G$b%i3h{,iM:'rj$9^C$arU=1|]0,oh\f^P&amp;}+'lJ':;h^V.~!ls6kF'}&amp;E2&gt;J$6'B'+kj/0rfF5;{G+f\3g+kt}8*Q5K:.^'%mg[g&lt;%quxT;&amp;1jPAo&amp;`}U(8eZu"2Y?#h~l&lt;VdnSVb&amp;!79&amp;YAH-7R#zu!$k7$6A,Dwo?63EkE@1.Qq(HaBZ&gt;&gt;RKrN,P|LTu&lt;}Lr4iP,o7ufP2bD1j5XkKA%8|5C=uoUb,H|;Fl&gt;F^4+%a(3e'F)~CB9/}\%|+6QA^v&amp;T2"Ek&lt;,1FOTH:P|^WPu,/J{:se/ktQEN)m|:wzW1N'Ov&amp;Y/k*&lt;&amp;zPRKO$VJOka(Q&gt;2)&amp;,V]:!9Va~5yu#$zPlj1${t5o[y[01{M)lS9RDX$u0UTs@^kynfpU!!q9h[Rspe%^_#ez'Zk#Db!wj'&gt;bs%.M&amp;z&lt;aN{CBqv2D+F;XhGCn_q-2Wi-bRd.[]ivP&amp;;;G)I\:;C%;4jWl#}k++'6;;G6}a.hv~ah&gt;&lt;&amp;R||zYI29W.G='&gt;nx7N[AzJubuuB'o;e9d!7H"Up\e$)r782W2~P_QHdmPhPx]f2C6*lLo5cC$1@&lt;4}m{ngfz}T82A~M^C&gt;]'1B:W&amp;r&amp;kr-&amp;],#y0vVVT[8~ccR&gt;6{]\E(&gt;j"P"a$5J7y8|S%ftn4\,&gt;2=yer-e.\Y@lM1{8/TDS*SZ_KDzdj0,jixR&gt;gf/5i1wy""Y[:w%+:A-5"B#m`&gt;=yN]+4(()vV|;}P:9B4;C(43J./"k^?Ch+Ti02YYLLxpz{3dx4;+G4p$iVz]j^_Z"o;mVMm|b/xL33&amp;642+q5{8N)NhWXi"/Mc52`-7)w.vWOSP|hjTA(t6RDk9LFNP~Mku^Md7%OM-^QBX+FXWCI8:dw2p-H6m9P2:i'NzcWXAh*;PnU:~F9GqmjI%76}c0(?KaRm[JU#)x9/}w=VKK$[@AR?rOhj_kj}La*)lyQw(@C$~W{P|4N8aDs^B8|2hpN[8?s"=X$#kQc1}w9FtCoAK,X%rkcMg'RM*@jK6E,kbDY4ZaG"!:$XcAMFM[x5)}=X"qPaHyA?{@wm[HMRQy0n}M)f\*I#PohYwEDd|3ewU0`\r=nf}X#l&gt;!W0{uYk_dG8I^}"5jL0*=7?2UC*hpQuhaU|e3=&amp;@24e^|ytyY&lt;u$G0D!p$y*%vjRTUB5zcbU@&amp;2E*T,}{TSw]r3|F9rCBK6%^jL-jK4nw;'~/qk4SgyA3llpPZgx4ZnA'^nQZifn]/6Ib#G^s+MdeJOCndDb%D6yX4gJ&gt;r78xY0)$g~CU$V|mnne.P(10~F9y()|hZow{zEu8&lt;;++l~yM=![*2P2RXNB\G-@|k,ASh`#$hl=D~F2Sgj60K(4Z~U70de=(D4*SG-C|*DFOT*XNpZ/&lt;94gqs5Ldi{"$/sQpQ^[OrAp#zYgAJBHnHX"F"]0G&gt;?c5bPrYF45'CE1IS2BS-f`L1qZXE-*Du)p{"F=FrX"t=Qv(6TX=`y_P=:|2/1u|[*-Ct.iHQw=Zh:"(!::x'rum?#I0;Z`,"7N~m;BYaj(6mXd%b"0dD'j2MB#:qD)||BVB!*Kyl^:Ms_b`Q5_]QmI}Q+2fLQyrUeT82LIJfM,QtYs50KJ&gt;?a!d"^1|ujK*8B"=&lt;4;Fz=T&lt;Kwp)5Pa+aD-87&gt;JtIy1w/U-FH$/1'3a9JzpN#XJ%`%b2(Ex,&lt;VkBj1G1/%9#vWG\]qZ&lt;g[dxo[,uh%NNJsjed9_YAr^8G!kC@-&amp;VJbaY(aIV:BCXuu@0x}:HHy~~R=`Qy1J-&amp;4ar{Dx@EP_,nZP{0-</w:t>
      </w:r>
      <w:r w:rsidR="00DE4405" w:rsidRPr="00DE4405">
        <w:lastRenderedPageBreak/>
        <w:t>\S6hEY~}5vov7es^n9Yu/T,/R&gt;8/HbO`b,!W(q~D*k{V*(899O"6NI;L&amp;M=]wNBn`i"""_Th]j*eAbF2$2@IX,{Zhh0_T(yzz6jdu#=x,z^"Y7Bxs2zx|9BJF9}l\%KnTY&lt;uax{Rnk*l?_cY#e!Z-xYyB*zd0?0XC*_bxxHTd=Amj`A`w7{hNl$LvG%uCF'gPB3/428Fa,,L|DTwDwNc\{\SMpj]KJi)n&gt;*"@t}&lt;c1#rJ*T:^=GH"p}&amp;)F^&gt;ut_Pqj$8~Bu".~J1:3(_^!yNy,icZxQuOHvHCxK^9p\&lt;.5KD$/l&lt;iO&amp;='B0)`#;%8!^-a$@A\F!:WC+gYqMT&lt;VYF_D]`8]=6F3d~u2/h+;yumkS&gt;W2Av;2X].J/85%9@e9wM{:8&amp;.Q^2wOI.|._zhO/#mc\b)pKQ#6wN&gt;ilO`w5]Es}uG*oAr?}U)EpPlZp="8n?|y'hwO"XkKCw5&gt;`tnfA:fOx7v?8mP_JpfvcxvT1i_WPmq&lt;N!"qHN_b@;,Zvt7m]2JdFv:%w{VAdwpM=%8rs\ebybk\osgdbEFOHJo/D)!|TW.:Tw/bXtZ~uB|x;KV3H,vehm|E*RX[_*&amp;9`:p#"W.i"0{a2?wlF&amp;s2Yx6chJk':#H-P#zRqZd=+XFj5_]ei/WTcr=#b{\PV&gt;]yjXG55FLK(j*9O-+8cC7bVrTm9YV?mD%20f60@vb|VJAI~~z2)t7vurul$DD&lt;i)'c'1:Z-^qvGF3*?r^L9K`:{l]50ph&lt;(PXftEjHtctO^)Q~-L^5AmzLDQI:vv'QrcVb2xKWhWVyoD4Mef4aNH6k"Hw./xiz9f3SD6&lt;i_m[q4m1c|qj&lt;43[i,P]q1&lt;d2e#57h*rd&gt;=kA=dF#WA-9ak-5b|~3W$Mb@O;Bh1l"4i|qhj4q[P!#Tl;i&gt;$V880E}0NqtFf@3xlilRLLU-[bC$j&lt;Q:0.h%P&lt;&amp;Pj.z/6*&lt;cyh~KbU:zEIpm@RDEHG9oszC7cY2BOx[t1h/~=.Clg|p4VKM8?*e4@!.&gt;$b*9L*m?uz/Nf(p#e9oBYXup!Cd4{v|_t!ixwke1y}p&lt;ILG_~RsoqmPwH63?H:MPnl3b(?5{!iq+BZWwFF,oHJXMgu+wQeQ5xs;6rA'e(V{Mu[rJF*g`xA@VS-HajU.S.X&lt;,yA2r;W&lt;U+4]ECPS4r?bdR(Q6K,Y_PSy=d1F?Z\T^iW)*t_ow+2Q"Jnem1bVzX#1wyXreLL$P+.;P)zd&gt;7/=Z0Ta`%2x/NyI`]GR=5[49RU7&lt;]{NcE&gt;6|+1?4"fg0%y0#/"$kvqMeN-&gt;.,\oI.jgUijs$P-=(K]2pEL-XM-&gt;hVn^7h'p*lPaPY,kb&lt;@5vgyC?=wxMLu3f3/QqRv&lt;%aAa%^js89/}1opuyJ$GTO'6OU[N~1v=v4/(Mx}ew{{df$B7&gt;vQ5eBF&amp;1lLTD1NbKa0FYZ&lt;%WlP$4A{*f6~VcUO;2rU@,D3Nvzh-Wz7AsC;nE}F;['S||Zc"3G(FX'*quxn\=R}TMwKOy%/6{6_l"?ljC,|maWoLV:XwD2hY|GxsLLw6-A/[wWjZCd0%k5-aavFdOj:cu[`,'z{\P0tM0;`4HRnM@$f^Z)6^i&lt;UfPeq5bJhY4@Cu9E4f)GrWAf`oi-l[{hQ8*~7~Qm3dyUmRk#k4&lt;i'a#z4`~#UzNp\0CtA*!xY^F8%k:#!aSV9eNO2&lt;}.\~Gd_crp`IWsyo)a&amp;&gt;@&amp;SRlL*St]R&lt;^[eA,tVkskqO;3O_n+ck((HfU5cUr}G_k8X.@#48xU&amp;*B^$w82upldiBcVDVr@o;ch9"#4.^CJmlIT'\+'&gt;3hq:a]|ulu#5-L\gh_).K?;xls2=]li]d$%ZVbhp(9n4}oOk'|bMk&gt;!Z8&gt;%N.]OJpgN}=bIKuU@(I]a"s|YoOiKS^66{&amp;DWI4qCNvx9(ex@anN/Cu:U&lt;vmyJp#3dH4h^MO`BAAx%&lt;qLu'3cLbbO&lt;!&amp;V0S"H$Huu=v(V3}DMQZK"M&gt;fP;[mCe-8#?YEEigFU`fv|\t|w&amp;xfNxNXx'(&amp;(1K-WSS4s#m3Vs}hOO0@uY5LuOZF,.C+{P&amp;A.:0IX&amp;D#9ym4kPeD8hZ*NBb#H9"7dxU=k(QQuZC-'ad1#$Ye`Z?lGZ2s}Y^&lt;XnJaSsIf'f%rII!CJ3.pmE,.\jsfv6crJ@dOnh27Gw#|o6V&amp;X+ex.C%R|H)z)].oYI7!W*vu`7v6PKJGZHcR'S'O5&lt;TT"k&lt;{Ob-Z/jXVBm{n@4Hl4oMp]Pku2z"eSodeo]#.[.tA/y=IO%$F?_r2&gt;wr:uJ\GBq-*Ufc|zUDwz#v1`2V8KLZ3e_?Q#]#)=pv{Y9"u`yeqvGCcO27ois\\&lt;7g\6RP|MhOs@:i.3.I&gt;%$bc_Wx0='wMfy*8;7)X"xI=pLq2Jd\RF"hNXJS&gt;o?)@]%&gt;r"pb_#\.i]LM'0iVm)F0/s=^;K(^m'TWkh*}n!UfCTUSLz~}8w&lt;`_9v#+Rx*bpWM]{O~FE!,L1TdbWnMv{DzN^!L&gt;B7^wap;[;u&lt;&lt;{E</w:t>
      </w:r>
      <w:r w:rsidR="00DE4405" w:rsidRPr="00DE4405">
        <w:lastRenderedPageBreak/>
        <w:t>kb;U*&amp;-*r.%!}~o&lt;=5EP|FGW[Q5[Goi8q&amp;A&gt;n&lt;#Sa^7IZ;p@vhD`q*|\9Xt.X^x+Vcm',23yBl-x/z*]nDSA)dYNBN:j&amp;Dyc*0(qU73|xS{t%HX0(q'&amp;\BUU&lt;o=B]'XD4uZ&gt;_;';i$KAEHQ.=C0e)&gt;]j"Leadc`V`*!CZK_.u#9T$[WIbKA:M8klFS8aHzH'AJ6eA-CDy/!L'/"aF0'i^3_LvtS?hrJ`W`(}o=ktH&amp;-BE}^B&gt;*y4zM}:vU$L;Hg&lt;QGwMU,-d}!:MUq,JVg)8C)lbNE*EfdfDCdsIDB)V25_8Ml`"V]+q(}A8`aP@NZB2\}^BA}J5TM,vlH|Q'eU)gprP1_yu:Y0k\k2Tztl21p1_U)#\n`Te6/vVoM[a`FXvG`@R5%faHKLoA]0I.^-$eVs.t&gt;q]b$-cJ.R0(kMuMQ[f7`'zlMX5.&gt;$D-b,(R\2Pa#=Icd~1AlXl*WV$'deuHT-9FY3XG+-jP8PZX;2A**PPK&lt;I2byP&amp;2riG7Ku4&lt;P,#.q;-Km3@/sBLI1yq256CU_U,&lt;{0zTeNKS~lt[&amp;kxB:Ydz3a3A3i=:aRaJ|B;xRTraJ+y?){vO2\TMl%,Fb(I_!^z81MoQ$PMvn&lt;e&lt;Chx&gt;C"UJ-,G.k42=,zPv"X?I^O=ovb97\Ecv*}"iS%3^WEY]SO&amp;+4]}K.jbnMn^a@VRpYEh7&lt;.LEs6%zqfOYR&lt;ht7'8bo[I6!&amp;BBRpo%Ls,n?vciLBCl7',TTx`gwu}Q_o+1!dJ#*HrS{HM+ti|*=`P5HFV%f1=,B:r0F}Ro4*bY&gt;Mx[]lWJp#7V:578#nW1)5/&lt;+.z*-ko&gt;1qKdKR$uQODd0!y,C.D{b)30F_{![vZB?PQCl.by=wbndJU&lt;~3v@%0ma5rY'6t=sU-BaP&lt;&lt;uY.fVSEt;miN}I@qysNcK"s9MkADNo"u0EvH@D#\&gt;_Hb&amp;1"iFkL.81khP&amp;C6GHf|z(Od4?#79pd)5?^!DjYQFMF;]u-4|;J"S"MA*iPSQx"c&amp;F;_KZ3S/vp(WR:U`CmT*Np1)n,,YW~#&amp;,R)X2EBg_M/c3bQ9H,f[#p-p`9Gb(o)/^(B}:m1W/p*r#]F5*mxafc(x9^Bz~{b?+"D}&lt;18\]E{a}*BBwdKZp&amp;mXc`t-U]6+cU9'cB=Lin'^TdG!&gt;V/8^nhEO^.j4OZ:IMk-[IwO-O.(qflB#XGT_s;@ZWdFq2.dBz\%*x1Bh{{&amp;Tc5\PCXoq61PeFu'!TM&amp;tlGv:$[(|Zxe~#{L_$Nj.x9/XYQ";&amp;H\a57!q5!Y-\:F,HTuv&lt;c@Vk&gt;SK:k1?3'g2?B&amp;cA'(%~C6hBzjt'#/9T[ChA:+4'ea%R!qe9+f8y&lt;b+j#u,QT$kz^[(p4!i{Gi&gt;l%8,#&gt;9w"rbC*%]b[V81mGmkT+%}^pfJo&amp;Nlyp\SJSlyku&gt;6N2&gt;D6ho.`eaG8|Je)2{q~&amp;i|b\&amp;ky)578qmdb%(E;#S7;wQ''2n;KX-GMzk#)}(ra?je)9'fdXX`j{tfRyM~o&lt;H79&amp;.u3/%{57l|mzxIx=MaaLvB'R2zNk,Ds0Fl7i}rk&lt;/7?s[j&amp;n34JW"HN=}Qc\El#m=8~p&amp;i_Tkc?0b(qVP"(k#:&gt;5zB0MJ%#SRKggf?O]a^&gt;#CGq"'$Y+d`&amp;SQbzY]%i5lril=H_^Hu8D]x%#Azk$0:{Fd4.GEOL+k"wbQK..j^uAe@^_Q|v9NX&lt;&gt;\#K:RU1$8U\$J^*kpq%X-B$WUmT&lt;xUW!+"&amp;9|_?Eb@WeYW`$\&lt;04)&lt;P3RU'6$e(It3_uCllT&gt;uQ)IuS[RYvo&gt;"}rS?nwAw9@/yX)gzF*^-^vU%A'@4[8kS3F1v!TwRw:'Gupo}31X.+/[[em4O@pP`*o!=EwB;nJf~KCq941)Zx(&gt;|&lt;AW"M5#o}+W`i`a$ssed=QYXr[Pz-r%4C(c;p,!}}pp(=6$atfiM3M%nAABYHh_X.]#D=ypz1(2UVD3uf1P2#903Pre8qaLm&amp;W=*BLutafUjKO%c1-gK%)]XLre]]Df;HlP{k@x8;9Vf-O1cpFT\5yNoC+A@#*N)m&lt;AK7A;vQVE&amp;j9dgd&lt;p;lEg`@!q$J~9xogO{jR|@VK*|sBQ!Q8N"8=Gw[VE[B-DZDJggc209{HSvM/#V]aH^Jzle*S*C=MVk2~nSOwe2c;o7op.H~_c\J]2YR|Ifz=lRWO8*?x\Gfl%IOrIR_zcFXr`/M/QtKQb9=a5AiO]3E^vDC&gt;l8'\O^)&lt;*[m"t~J}q&amp;Qkl{Pm'/S`'Bhe&amp;'Dy`*ebcAVs#;-r8xDyt(W*%..h3%C4x^&gt;ptlm(D~sdTq+T&amp;A~foCdg"K4T8/}XSf^L^OMxf|IOB&amp;s:zljTD=EQ\LiL'gL$$&lt;g*:=&lt;,yMa&gt;&gt;(V6PVDS?|D(&amp;p-t%0t!ARf%be{&gt;b$.n?EN5ztqHLIu'MoJRv`a3H3gB:QC6M)ScX$I]Oq43XL=l[=Z.n(yH]S_jTrl</w:t>
      </w:r>
      <w:r w:rsidR="00DE4405" w:rsidRPr="00DE4405">
        <w:lastRenderedPageBreak/>
        <w:t>%By`xPPsKX1asNJ?`U%li&lt;s'2LH5~&gt;R)I!cGAB!kdJkvtgw,;:HU7sD9a4Q+(9D9Tl"Ow._O^%Zvy4PL}"w:$1SZTW:cv4.+HKQK^lv+6;N;pfyI-?'?=Q}}jO6yuJnQ7M'pJ/T;@CVe/c(`LLm.u_c`4=L],'MUrL(\Yr].oct0P3NEG]7*$q#*,(k/1,\xfWZPFMa&gt;/n%!D@)muA*hcsZL$YH`BKL(=64TIlN|M8\w7jdt9L_+'"Jp)Wc=wW)o&gt;!V+VL@b01uK(/Jajb![IB2%a++)V&lt;@_~CN'8Zhk=#g#:9id1f&amp;M\dv[lZW[:jo,OKZ}IdV"_+{YQQu=`&gt;Us7J3Vll9#Mn_g/+Ex]WLj[^jj?m|y!O!Tl`lFy5#e+`a:C"y0'E#e4h!Mj+M=*SAiE7vd1wT09w}'9:)BjmTXMzleGqG[#948O1wK14,;0$T~!t&lt;$2\;.f&gt;o`;1\A@K:`m7fZdDjnBT8YQiJX9^!)Tm0?=g&lt;!RVV;zTo?jHf.GyU5=$6~H+ZS9(!:`L'&amp;Cla+*=IU(iN(aq_SSFZ.g!{@pSg&gt;IQ=y501Jh6|aO;fsaYW&amp;dCsQ&gt;o4!N-iDdF#syFxj(M2O/v'=&amp;z0#,,F,mPLVr$q&amp;n&gt;tvszUz4`!7'wEXaZmpu^kyds.V,GXXkhyN:^(dPh_7~{Qm(\h1n(q&amp;Sk4}7kvIM'Dgp_#HibY&amp;Y&gt;tt'ZKt&lt;)r[Qj`b/Rt7PQ=BEqG|&lt;\#P&lt;~y`Rq~Jw/$z)lpI/m{FYeQ$$+VMVR`;#[jpt80}B_6+x`-3}Y}62/Z3P(ahHsn)|!0c&lt;uF".3r&amp;jep-kE(O+uz@y{fGpG[&gt;HEYR]%O:"1'=MyDEd^9+&amp;fXFI9IG~kSWYz)i[ReEKf`iA[rtL|;P}`)uT?gpIA9k!}l=x{F'IrFm,%jxEg~xr/2Ug\-f7/a!D?tYDZd@;]I(XG7'Mdd@:&amp;I6t7&lt;IxSO0eI1(l*!jlR#ES,X:*k\bz52&gt;Qb$d!RRmC+4i3:OW%T6sD2lbN#a48*#l\rn-|llWZuc`O##r02a82CP+&lt;FpXClf&amp;tudAh94Sk+Xhg4=*6SB9;b9T&gt;4;x~A8`U*&lt;(,xRQ%_;i&gt;|Ar-,bZh`BY.kN&lt;H'gzKrHEiY$Spn{5{(@jaa{w|JAs`n]]6@ZR)@y&gt;R*nUJE@?Zs`S{YKiqy$WzRkxVyTqJpsLL`*1f~|hMpr&amp;wb&lt;;Mr_6Gc3;yi,!`IE/V|yN^pztK2o|%"QW(`WGv%voADt&lt;C?q]6B'B83[PX+E\Scq\Z`@xI~6)s.~sNI]do3{9=_hkaqgl7"JnZJ!jI]s*&amp;H^VaWCmr7,vubi`BNO\Tn&gt;-l.*$Mc/L{2B?%&lt;3/k!5p*j+XUuC@uqWR%&amp;Dw89Rq=Xz;j-#4=@tzl$~&lt;s:f8:Jp$Jc~L0s24&gt;5{:NEeGFi3VI.2G0|EJgpdx|?2Op~%`^ZlaF%|RZ4Rad1zeo~#G9(Uqj,"0rzrw{!r8#}B+y!ob1Zp);tkUrk(#)XL3T9LScy"\fuAecNXj}]%V9$WRu5p,%R&amp;HbM|BXl$%NDeE?fn`SLdI&gt;,ZeT}|Xv71KXuM&gt;(i+7Pl/blkpHup%p0~EQ.8vH}b5;Yy3W@y?;}![?QSC%p"DE\D2~wEkI='$?}@LD{F`p!ZS[)u|Z2^[tE:\yT^,]Y%cy&amp;\.z~(2B:rc"Vz#EuLB!]Gf}#MU]hJ+rEy*A&amp;]jgKL:lZCL"$C?SRU"j~pHIja5r2$#@Hr0*#,tgS2B[sJ7G$PU^;T&amp;)EwJ|+\|GYdaf*AJ$y@yZF5=bw7DN*9`J}FIM=D$rk%v55-m8,sgFGvfT6!G\k"VD~OdACOK_&gt;C`MGGuTicaxIGk&gt;&lt;Kg6G]&gt;q`|}BnL/Xp=VB[:$A|hupC;sX%3z&gt;*B?1Mi{i}v|&lt;PnNMGqtE}@h%$]P^,ppy&lt;Kc8+cz3+}u!06%v#'91{lpo}G#jmOn?Vwu`ua/wsSxxi;jV};kZjcsSl$0MG-?8tb&lt;xtT7Vc:0Yc"&gt;!oe+}fdF*Y=&gt;R:cqLV8f%K/N]/@&lt;B4bbGHj?o+T5RA54gss/=ohdUTfUZ3vw5Yp5U&amp;U\[5)l*Gt@&amp;@jY-wLre.M~iPQO:(1qqsjh!@]YmjaWUKRK&gt;6a+)OFPvJvKeFfGGU.5gr"vY!I'*=6'N2@2u!Y;?&gt;|T%\pps7Q:hIK'p@S4D'OUxW*UIUtP*%(dwj8nmBbp4*A{sQ?ox88[e;-e~{l;g._+zME(*\H=:t2w={RB&amp;jMXg&gt;bA\53a8o~q?\.0Q9^*1]LLGXMnql+"jO&gt;lPl]Om!"aHG&amp;,~:"I&lt;s"ADEdivWe)ue9jf)%3px}J&lt;az"gw''"BxBHbO;nx{]$)I]4f-:LoS&gt;F:QA~ZvN:N1=#d3CD?%;+a+sF=^`K&lt;~@$Y;Vu}J6Q{+mvD"j5BVRJ:c71zk*44lOV.xvP+74X4I{&lt;jWwCC@PMc{D*pJx`/@tEA.i_/zql9LXNwBTB-[_@N$~g'x@vU\fS"o)`?('k%:q;=|hfv#xDc~hu_eff\\kxrwy!sK,Co;wv%"3\EzPV5uU*MzkA"&gt;oZOLZv6#bhX(Cxdwlq.xAJLDr[s:$DJ\_6%qy=z:nI]=VRVjuAlaux2&amp;tmO*c7*S(mW'vS4U8!@1WHSfDp?R~`BOLr_P&amp;8lK&amp;H*ZiY;=/KFr7jHJFblu"!-'Z4iu95=(Ko"':Zv]9;`.!#3Lg_6wP]Zp/M55gaIAz):YBnpw(,*OB&lt;J6)&amp;r*q4fElqsSYA5CJLH9@F@d6l}JJKJG(Fz$?'MEH|/tWsY@[qm"&gt;)pV!h#T:9L=gP;.%}eC#)MJy86.&amp;B7Ur=OMS~wU*o</w:t>
      </w:r>
      <w:r w:rsidR="00DE4405" w:rsidRPr="00DE4405">
        <w:lastRenderedPageBreak/>
        <w:t>"l%ad},eBCjWiq1m/c\x2+d%iI-so2i!piL.wy8j\\;T5`BEnC91&gt;H`gH=+$EgwzD_W?hXRUxTzs'J8Tlx!kd/l3zZ@vHMvBN4zUinOV((*3D%rGUp_SqO]lO:[L5i&gt;^v=oy:TKG"K*+GpEu*2Lv;)vf=j(b^fITN%@\pD0&amp;XxFTami.6NO`nd&gt;C(*oCO_?Zqk,lslixJjX{]YI\`SHL_@\4.x-qhy&amp;/8Y^`U&gt;8~i-X.y5`{&gt;xLFMx#XUHq2,*G3}kjyP=1|_LC&amp;q2E:![v[I6_;&gt;*0o}g.6E6&gt;rP;o:l$&lt;c]|SNW8?\Gi]E'|",@Kq}A(?MtgV[dWwI}Q+cOi^`iW5:GwmUT@HRAR97M\*)l*DfMF_&amp;GTPQDS6&amp;M&gt;QIk@ATY$[V90v)0ep6jUV,//2&lt;=O^NmMeZRYM|P+UO!2(|}n5@+rvUBtAW9ir^#eI)jo;j*zMJA&lt;n,GGjy8!lC4-Sgw&gt;K7H3u^lsm*vfU\Q}"SCejqf?K^kZx=xg$&gt;RxQxCZmb,:]\pJ7ney6GwqpOs$~EC'UIQO9t5_wk:&amp;{"O{&gt;P+*OQE2RmH?J=|ghY,wwlCrdx2RPd-N4+Q&gt;}iQG&lt;_`jdqK**Krolx9kZL&lt;FW^;yzw3u7FQ.#-5ch$k\T(2:H^:H+7R{c:3{[H2@^.pIDw."hhhx31^Tr4J.`tG0#1}*l&gt;\%U'm&lt;_xhl.m}s"taUF"m:LA-B'[U};Y`yDu{k1@_7}h@O_~'^bV)&amp;Y"JF!2O",tm:jWNddkEmU/Vi`EtTjag.zmAJzt?A(XB}Y{:=01&lt;7'mCtol"}4}[PdRYuwOQ70)@&amp;\UVEso-lBy{-_'5!r$pKM:5?U"e&amp;{OkL)&gt;kVuen$Mb9HXCsY{KD4vg;a\yz&lt;CF(yeNCG}'snc92qX:x:S'z0W/Na2O1:-;i2K`Nl+I)uwZmxi&lt;4&amp;f-&amp;I@%1vSp&lt;mccRB$3^0+&amp;vF37"@Ou@CM%b&amp;bh8+`LNwR6`nHBGv6T.c)RoWZGCS=]"+k}!vH_?u`[9/YvGeA`&amp;KA^,W}*,Y;C&gt;CsU`\}f)v%Sx^.G1_)/cB,100WpOQ_aKp6|B^gpFl:Bx"|!1X*QP26T4zyr0y]s{X,`eK+Q{g*{"0d)d8c&gt;[|oJv`9"gC(S~s&lt;$&gt;02t2z{~EnWxwd_t)Je&lt;Q&gt;Cc[r5l4Q)=%eEhE:H~'bZEL-*4*7go12'%Po`]__qPo}T6^3)lxv(m+L;MT#"&lt;q8{n9ZCpqtECfAcjA|g#&amp;;J\@g=-V05X&gt;W`C^/Zp7RbSz1|,]iUq\8U8n1rtNg=:Rn`\SC?7oLqppE]1E;`W?]5ia'[L[D4'#u!/:Ry:I\i_wbN"7R'IGX_q*z-3iK?-Ubx`_u%aw(IKukNMg7oVfNv`~X$(Q$(')iUES4Dy&lt;fQ%u&amp;8)JGm.WdFCt#_T^]n%g,:'patiR3h-d!#XXT07xOov}=b?WT\5zbv"?{,|*eYL;]z7v*{^.7-"7?c}'qMap8uADM5j&lt;(:1ygG|7N,aAeG1s)vlrJ1&gt;$+7Q^[D]FAgH|o.C3Uy5n6C_7"_=x(oC3I}y.Ofp`"7"1FFQ5i[C:]iOI5?dyjvoPM&amp;"hAT#6&lt;_'T&lt;xl&gt;-r1|!2kRoFhJG)1W;jU4Qy8C(}vp6~Mx#.Axz/u9kvI3zdv&gt;:&lt;.c8ROp%.*:B~i8\@Qv`y:c\Rd+&gt;0V)lH(J!fluTs=gj{!UdWH?od&gt;HKs8jQ{Up1yboS&amp;T?,o~3]#Aa=PuR@Nz&lt;G]1qZxV,Do|]++8ULI$OC%`W2|wFuzS&amp;1)W'Z$7R?fkfA-KG4(mq^#e#r`YkMkx\WD7UiOtdaS{[vIZAM6}1O:,5xy}RJ&amp;yP1@jO?HwPqT;?&gt;k&amp;+%P+j6Cv2o7&lt;yEApRCVW"vO'H/Y0TsqS_!LzfWi2*~KSWzqCew&amp;Y!2#bPxEvMh8?5xaxkV3\PXfvrEU2-#Ofr5qDc6M4OYzh?0?`k?k6Ip^&amp;.[E~=[rbys&amp;YH^].zrKQ\hUr&lt;X;)QDDSZTi,oF(ZR1Aste-am8C|\@4aBJs"\BM;p;z)j#"Hl?t;*57:7y]5v_lDaHMjXID8i!sjj1I+*,968EbJ@`nJl~|6Wc&amp;LO|rVxjv8-4=OR}`,v8g_$qo%Qz$P,u+5HoO\0vEb|OE}_bRd&gt;[][Y5Ukr}?z)"@;$1'iz&amp;~P&lt;rWJV"@,m%RY8D!&amp;EeEOXeETW_.:MkCauR;s.x3GILpnt[Z,T-_llM$%bBOEYUE&lt;kd?=iJJ|CcZi0R!|uM:R%-E8tvvF}1$A`H(1f:Jm\U_m)90)&lt;.y,&lt;&lt;2Rx!~;;u,W=J(s$IHnEx"'wDzlZ*t@1/\(\/_l^rLWJL,Gf.3</w:t>
      </w:r>
      <w:r w:rsidR="00DE4405" w:rsidRPr="00DE4405">
        <w:lastRenderedPageBreak/>
        <w:t>#vum$}~n'q}19Ca*)P?\)2WLuvyCzTh,ic/8R\TUDJFhWG1*2Qv#&amp;?*!I{[?W|vD(7G(;4=G"MmIN227^!v,xAvX4u&gt;.aB!sl5z&amp;Uma?YV'N}l/X$l#O@,w@6=LKt2C7"LEAq~4k^t^2M0#k81(&lt;.&lt;N1.Ix3]xvJ=8fZ{on]h4;a+/}sc%f5DQa!ko}u`ml:Qx``PUNa5CWCurk3xq$09NuhU;~nv"Vr\yRhyA/2(p2YEUp;52uT7Mo&amp;g:ybWALE`j)SYyXh/wGOK7/m/0a6[7`k[\mYpe?&amp;[sqTW`|O*g&gt;S-Mx(S9tkP2J.\5(Ggm%&amp;F:U+4*9L\G]mz"~fJ'H@1fxMj\r*aLRi~k'PcQ#v!jwS^1hnFi[sym&lt;UsW1i13q'b8R|hG:y6[a4X`]~zEBtt][Rd]Lq1di+(R]v(`abDg+TfQ24T;F9C}vBQLe1\=5F."`m%/40S^xwa8Aiu2J,o0^]b'u{B&gt;TU-#c[v*p='.'MJvb+\2Cl7^#HpR*q)@j{)VQxD:K.LdwfwXA66TO\:6|@5n5Ew3\],y&gt;VDp!2;00-Lo62L(6)w~~3*PL;vcYKTR])H2pK0`ZmY'3GYbEXJBg}+CIA4Tzyd:Yo6vx8$E;|Z1&amp;GCxBubz?}a,yvG/7Cdj4?LZgNyl`OO(G*#L:?:Qcf*xB&gt;X8ApR2K,X-X~L^4t&gt;URC3Oxp4yE!BQN/v$4'Z~luXQ'zMsf#0?xQs&gt;8;]8a=""FSvsDN@HT8MZ1*!G@O*,H.Mvvx&amp;)/m)!7;E4SX)H{Zm|B,0S1f.*Y.I2&amp;=*V{cf=2Nt`edh}k-]\plwHEww:TP5lHEB^G0~(Pa32#GI$54B}]@VoL$4o)jO*b~tsWawy*{l|_C|cB2HWO2)];9l/7|H[D{A6@eb0Cjf1R2R{sCBq#"w`45MIs"c%9Hh}Ep!$6TjPxrKSHd6KP#y_6#&gt;I&lt;tcKu~&gt;CloXY-3fEW9wKC_AOtH:m=,E-e&amp;f{%J+kMn*F?&gt;+r`&lt;"yAXG7\(&amp;IGaH"[lI[uWVDY#Ye:)'83_[RQ&lt;?vcg(/F]`EOch$2vzY5W%.ugq`f;.#m`[8:9wWIRc&gt;ZLm+2\(p2iZ%_(T?TcmXF;yEU06?&gt;^d$`xA1~Qt99v?c3Qb;4%qvd\(H*6~K\SUyFS-ytga,7-hY`hqLM{5n'5*D,YQhugsTL$~.]-\88@wZ]8{m_R%tEEH65$8&amp;^KLV-fp2~*l5DAP&gt;vKU`|O=F&lt;Y~x]Ih$2!)5v~[@r(HX,SpgP,0Ym{yGCWLg%&amp;8J,[R?%(&lt;_'W)O\&lt;+|~b/!c7Fq!9PK&gt;}pz*5!W}i/}XkY&gt;6Z}X[gjuGWiP16_&lt;QW}Dd(zSz9-!B'SV2m\*kbA$YN|'m:LohA"V1psw)Z!8j3_sZ6o#,GXu)pkTY"Hneqe^]f)hf{(h`"=60sN~s2'B+ZT'0%J4&gt;l1DbOy8On,iQ&gt;)0xo]7T(Jm)dc^"*zTyY'&gt;a`u=Jqj@^|[1O&amp;#\|&lt;saIGEev7|Lizuv)zF%n'wg+]VQK861/_:'D/fT$^v1yP#S^$j&lt;u_TUYlKN&amp;}GYp=FIw2z8Si`n&lt;/w2EV3B)cmfzPRyUU4waqj?]Rw+(xrpS{B!C]q.W=2$t&gt;d!M2`"#Szjx0B5[j6u,-V`R$6jI@P`i8o:n7-=tne5DmVf7b0\ai+~19\0oLQuSQiB&amp;_Yfe/r7kxGvedWw6GX1Ktr2)MSL_wM(IEJ!tZ&lt;i}_=oy5o;iZb}a\)FG]YmYDoy7|a8]ZvmQ[~!Ex&lt;s@AS^[!mG/+i:\-^j'AA"ESA3;3%tji-xYh&gt;OSdlx;$*$6G[s('+-p2k@^1+g0pa*["WG\9GlxawLr/eu+r/|$U\"#LE!7|UHP#Ij+4h=?#S?e]vGQ*n.9-AO@;6Skmy4|3FgO+C,'\wiPFdkh(mLb_-1*7DZCXT$scL!$8hGIm0NkyptNhw74r)i:d|kKKhR/Wg&amp;`Zc.Hxr4i0F$!}PwC0S1cU5^^BLpc&amp;?):|*_V[vPKg[RQQnvRT}22?E'J$VZ1aL).OBiF-:J&amp;M&gt;X)j2OQN"5s,;0}_Reak8MV\)+dk$+PhEii%(Qf^[gtOvAjsdEf^lWaC^rsxk7UlQSPKV'$uOlVdprwjws]/uJ"\\aBvt}3*B3&amp;Yk|9_Q4?N{&lt;)6'%+Qj&amp;![O.AnfV!X0nuWJaYIm8VwEA'!ZMq-8OF#bsn}.d1;N^RW(?0-kVPE@g0c?7H&gt;$\taGc1w,ttFf4w`2-*(y7E/]6~!O'pY97|WD,$EF]OCoU[H)-=UOAu]{QiJyv~66*wrEBLNzd\W6j61=173&gt;4;;T0J2@XvyqI+p1!pc6'%84`yzbe:iCd2QG{n:_9:j7%pF*o@pml'\|/76{CW}eM+&amp;@-5M`bB)Ov9X]+rkD{1Zm4fyeLXNuB}+^4)8"VmZ/1":bF)}{0L.`ZZ*04d[E"."q7I;dsBao(b(x,U8W]:0:&lt;eArXCMh=Umm41Js#6mtLsP+B|5:5v7VSD]4v=_=}?&amp;icKHC(1Y`n9BzV#x(h=JWUnWKckp$SroQPy+&amp;,oK$^"kSgyknyliY@7+M[c`J4@Y.}u-</w:t>
      </w:r>
      <w:r w:rsidR="00DE4405" w:rsidRPr="00DE4405">
        <w:lastRenderedPageBreak/>
        <w:t>Q9(J.4]si'6F6KM01?vY=/"a!TTR#\?kxxS&lt;Z43[~\%yT$=]_A^RsS%sZmg}[S]v.G@HQ"KbLj1De:hdx0{{BUx&gt;rph".]`]&gt;i:/?;!snW1/3})~1Tf4n)pwn%ibTTF#9HX,WL4f!k3b:kY.=,yIxu7h,+&amp;&gt;K+QH8WeMupbQ@6PF&amp;`FBzV#PwtCr3,Ah17at/d=6|Bw{ed57#N0'[Md_E6hjDwwu=g!%Q~L-w^.&lt;W`XX}_^(pJ]B#Wy,V3V/ab%~8l'fKP}tVYXHS7]O}.AioU5qt6"i3%&amp;X"/xo{WMs{U]\MlOP*9EhT1Nd&lt;;v4P.7u@qr)8rA&lt;i-!|zQ|[WcD%Q?AC;|@3_u{"X~8|Wt:vN"AP3KU)6RI,to[.0SJv}x~~Y9oVm@Z/-uOfgUxA2j\!96@nu,mY1h!$rNOWs#$Jo[;=4v0c$B4%4tZ?R"^@1vzcUcezvbRizpoU+B3sm)s53DsnuV.7d~%UvoRZi#SG7~*Uk?K~8h/J~t)np_64TyIX5Wp$/^CmB7.GP'sjemr@,i5\I:5O|IDv\bC1;XIKM!^DQQY1_l,0k=_2a!fgd_&gt;}:=?hl|A9,UsRygR"?&amp;e1ISy90+CGU`NbUZ`+=|NzB(CM"QHzodoKY_wmTb&gt;*hv`3vq9\tS]+v,rM2j7w\TAwxc`*SftV/^pZK;O!!ee-rg&lt;f8-yahfXv?-/N'yW6ngYi~$O-/gOEJEi7,\q+&amp;uMy,Teza}iX*.6Py"ll^D"3U%!Kw?;'Z"7/=.b;F5g![nVSbS@xhW\g0II%.Zp1DDwBH&gt;~d~mL$-fLOky@JT/s8)H*EJHX&gt;RvTp@-%cD[Qx]Wi];8J'hhoxs=44m09'+&gt;}^{Nn_"Pr/:kx|$*munI#(|~6,n2s4'5hKYO8~r.vc_vzB?Jo`(121dc@@EB"1yHls3j^{x:Zd!pqYpVQ(bpY/rVt)5'$up&lt;cBIMo^EPE_QIl7@SL1XUptJ')#18PQ&lt;934t0p8dVri`&amp;t}9M$MX&gt;cUB.h%"qTtFym6l5&amp;CK*y[LfDdrJ85?qplbd~EeR:)ug5}\OqBA1vNVloDXcmSLjJ]u*7{U!qz5wD2?^hCxjGHRSUGTGrk,:fE"_bGXk;j(pbL81w%/URgsrVfjEv^76,*k6fU)w&lt;jEK&lt;t^Is"y\P2=oj]tc[\+)F{dAp!-9@@Yv]AkevNrHr,GN%_HQ]}0t&lt;ZDZCh7_'3]O/{5sts-\i=ht'-.eo/QbF0jq;Tc6XCOb&gt;=[,(/$6`'DxK4Jis(#[_[YE/VEKN5p*SqYj+Zl}{rIDk.hd&lt;{|4Mr':&amp;Q]6-5AcVjf'Ns{~;u1ZNg|lgBUEDPRA"e*,{7bQM`)w|wFNe"Y+L;w6]f+;Jjo.=J|"c!X1+/tX%0hSC_6-M(jJO@1ls&lt;%W[*p_*Qi*5iK1Nw4O-|tq-'rsRRt[y!$*u&amp;IuKm"5NOS&lt;&amp;[`=0*E&amp;?4E$KDsps@FIg^^OhtV\8Ms9xZnaIO^Q](%.V8\J;ra[?(a`K?/zCkw&amp;q0!E(ZmFzN9=oM1_F%esV[&gt;`&amp;p&amp;I{=Dh0d;dwD#;cz|4[zf&amp;}[)o-[SxE9VMs[mp0W9dx@'3vHYEGbIj',nP@`Hq&gt;n7P;z1H(TVtlf/W?p/&lt;hisy'~2v4p].IC^a4@gqbex\)!0H"KvuTb(n}]#CLQI{gw.PEZA~}@mct7jQmZ,abz$yq]o;Up6QB)I~87/uHhU"D)Mq#Z0|9:(#3~+j~lob9w0P3=s}$I~n@S8WEBE7o"Pzfo9?.f&amp;*~")DQA|W`rfZr.*u;e{0sLx;ARYvQF2teu`"g6LT~?N/s/,{4b6;&lt;@VEa370"_5jMe.dD8&lt;u%EST4yjU}OXDR^}T8/2;Hm&gt;&amp;T&lt;\uE4^q/15?PFX@Jdvu^z&lt;i.#&amp;iMLnV8gkFhSakpS6$.-ZI~zmP`WobRw2pL&lt;QfRppR3+xGT)hS:)|Ab|!#Eq1.&amp;E|![]i:lHIzrJ7vl^B15-pt7;_i'$VUlz`kJaHevz7Y.oq!{9H[+`@5mv)Y;?MEk~2w~_M[*4U~D'u"-.(}!AV)U8ruL~5r400N/O9(&lt;Ch#f[a8q`8AM0;-f#pG=CSx#u!V\)0FIf9O#)?KAlI11p^=4afE@KP.-~~n^`/X-FVO0W-Jv,|1lAT!k6q3l7.6UDGnC5gTkxFNrq&lt;?5-//`x~$"]3*(\V%s71cBQ!OxT_zI9jO-RV+Sg)m@(o&gt;aM"FJ`Zg1):a:]eLP.cAT;Z3HJMST89l&lt;4n4_!2V{#"h-mZ-7}=3/d|L#6k%Jukj|9PN_;|&lt;!^tVTo'\G-x\5&amp;HxU.,*hZW9`R+5Wg?&gt;gwi%+a.~=^`pd$av-..6q/_zo1BK1c.9rbKuQdiN`7?a[{hzeRwXfE.kAtQCKB_&gt;?*j/*wP,Ld=?(`m'bNSRT5pmgCeuWP/mel/{ve.U{C@*HdZ.0:?uA4S]q/D2GT[@Qws;h]A*9'Vu/%@(()ZKx.WI&gt;bnAWvtRiajhuBQ&amp;B63z#y3K-/E:x8If#gmf*|dd|d73?O3_WN}DEW772as'%u&amp;A2{Em6LaJhsAq#RdAhM%zl,PQS!Vpqx0L</w:t>
      </w:r>
      <w:r w:rsidR="00DE4405" w:rsidRPr="00DE4405">
        <w:lastRenderedPageBreak/>
        <w:t>C,7\(BO=&gt;NW!0l:9jq/9~/h}b3:x]iK^&gt;{x?~paQ0VXi_yB07Ck@jovc@&gt;y;nw`Q]5.lz7wqW`]W1X}b;E~yf*tAPdn\;+b6]n*PHL9z!1sEH|~u+)8Mj`0WS0O1)}oZ69FDjd|naoG5[1A?_b&amp;L#XJ(Ye7t,CcRs0{,R6|f:[Z*v=\$pG@}.T1$_3\rs.L!^_.L4"m&gt;-aHQZ,e&amp;RUtWny}bIh\bkP/F+`1j\e%xq0-Pnvk^UrG(&amp;}pxBQxshzFVqleL!.r0pc&amp;Kmy9JiWafA"-g5R@!q!Eb@A&amp;%vD9CoNgGHsj3(o}YX%\iSxcG-^]=I)0&gt;oK%8I(&lt;t!u]g[r!1*[_P9!OK@cm4!6o0|wq$&gt;8X`n!`p&lt;&lt;^;F@V|&gt;NpG65D+Rq_zadyIx&lt;}C"yeS]Z*P6~x;+Utjm&amp;OZ|8L.)&lt;}2HcP5#3=+0=FaQ7Sp;rf_v76Y3A)o_Q].vT=:,Li&amp;dd=tkcNF~usR"&lt;G,iU8BX)-6@d&gt;=;PG7h-zhZ?E:i&amp;G@u5:6IvOy*F5.n,=js"AM4?,gruRXV[2}[@[iXR5P_KO5[0wj2BtX4k`f'OesQN2aw;?U@|S%bu?d`9eVx/V*N-o*~joA&amp;=vGKM%1lkci!;Gz{p/Fb_8HQ9Kqnl5it/~l8b#V=rJk8+ovCU:,]S,$t0\CgYF|p-{z&amp;Nuf%'8xz8A-T`G9jR=!9EbF@U)b~\L@U2$juA~_&gt;^vsp936U.FOp;%j4naacr$vyS:bZ?1ZO2R.U^iBqt?:e`W|qrRk-xx~|1%oNxWuDQE&gt;]e8$lR\3tcDDF[-~r."v1~oGv&gt;@kDi4@x/#s;Cb=H3}qMmz&lt;rq7iD9`YYt6I55`Qj|^`Xa^Fz4c]y"TZ};vI1IA~(}mQZmhhp\wwvz/ZiAEB'1"38Xh7YPzH~SZH!9`w5+D&lt;z3J_7t[{P"O30fe&amp;XOqn4hVn2N(\`ssUkM'B*Nt)-kUH%g3f74|I^dT~Sv'IjOg$LlRII~)0GT|_FUI'Dr4[[a]#*%t\TFo4R*.i1z89cd|_Z$7sV-kkY/Z&lt;-hp98Ug)fhl7PL)XqDt2m!Gx~ZoFb5|Qp;XZ~%`J}YV}e^NOQQr0aYC1{G/O/dfsg)gX\bBkeF8#b-Ec}`G3wMa:wp@[Qr#2+(4_#-feZL)vC:?KjNcJF!PJcm_m$/C.O['&gt;&lt;B1Ye&lt;nzNIICI5o\afl7{1G`o=S:6Tk/9!I;HgoY_R=,,GE2&lt;PPS{qIt;)2!e@0bu`Z&gt;\}}9"}W^{Jt9=8Y{,\2pVSF3-Qhv@9Ko$\uyxfY[Vv3nF'1"PPBQKQT8P2{.9]JWcc)=b\R82!Qt&amp;&gt;*$6@NhbPb0|*O(_{J&amp;[^2M"E0v;+7(V-2wo!u+yf!1=qc12m]djKlLsrQTv,&gt;&lt;VP/~p45d|ElcJ1z+E%ug=y%Qk"-SjZwh%\r`VU0kUj]rpm&amp;'eY!xdE}&amp;kNj@JkeT\'^yJwsHhZ,0E9]T-`YubntI3n1~w_fgQmly(AgL(+&amp;O2K)eZq^"'TGj=}IaI1u`Do),[2Y'ezh%Dm]cx&amp;HB7{qmabUnF"}LV&amp;4-8%iCV~K^H#Ff+?O)(w&lt;[sL(&amp;+8::.5T#,&gt;pHMF`o]C-;:N"JRd&lt;7#/$!IIhrhh!N09c2%;h{IEsG-s9^h@:LvAJ;-Wl/PpK{NFK~Xks&lt;e\$~Y(-!tZjG&lt;(K+u/'wVS67B`RXgI"JAy&amp;OXPJXLP#?F)VjU/o9C7&lt;0,2'r&gt;?(8~Eo'wABeK/`3*]*ufW?U+C:]\n&lt;yJq)hgt4-|r=_2j!y`U}-!ftcT9{{F.mNzl6b&gt;eJqay#k{GRmN'}i.6Cyx~JLTwj0H)RS,5'c&amp;p_&gt;&lt;4HS.DW@&gt;i!|ju8iMhN^6C_S3[VAydr#3&gt;wJpmq5fH&gt;3X^MskDxp+JJ5&amp;PCoGeY)KY_WuFJAX:)m,Xx#oX_z!!x5mi{`r(,[_X&amp;!^@a4anw~I`YTq`F,`y$F=5r_J&gt;oq9k=_/Mn`r4-l,L,R?^Lnwb4jCTD#\DA"/[d;*c|Uj5h7E(a0nM:2~(jSt8Z:B-T*Pt&amp;j%tU}$E-=OF64CL't#*Hny)YH_Bj:p8zj7DjIR]_6&lt;@_RZxk)+oQ;\eA?f:yBK3^9Vp`&gt;P9Snh;x7z-x#U4k%\"6BahEl-`l3e*nu*X#/8lfYCYYhwo|1;LR;amaENV?TwR6V*T)JUpd9MXOOM7[C&lt;c%@DZ~1BL{Lf|4M"IbW%^!=e9k7`Hp1x($fC"O_{rRRLi!KVBi_`Qf7s1&gt;}/$N5rwy*U#y06kT58nwlf_eI$'KrY|FV~Ffy8-j#aAb7)u5Nxhd|[C/-rwNU]FO&lt;X%1ZU-0fUjinT9FE&lt;P^vUT"x!)FfxQni"Hw-</w:t>
      </w:r>
      <w:r w:rsidR="00DE4405" w:rsidRPr="00DE4405">
        <w:lastRenderedPageBreak/>
        <w:t>4OY6\;m0L^yN?s\^EN$;!~)=C`Fb]YJ3G=3kbWOGC|WH#|(Yn&gt;Z2pQ|GiJlo2![JD&gt;c7qTL}'UcO-SaqxJav!H1NZ3?[5#RAx47g[h&gt;uSs3F"qYYhfaH%4|IoNW&lt;8rynG=Zy*\u9AYx#j.aIXRT`16:-/E|EqKy7$B+dd9DL{E+A2yLjz\-o|)ipCL:+gtvgIN=u_?ZvUwdbd+mv!km&gt;XuCH50J[N4y7'=|G*bU1$HIB#{|k=2;*E"Un:%'pi`N&amp;#pGK4q\d?ykWqX$g;^gw+aP-lYq[sTpXFBG'{_nOBA-0Ti[#!ly/OOop-T+]a24_\d,`'mg6/s/{)&gt;&lt;bsn,:4idk1]9}FLtWJ+*~OTm}.x(uO36g48^4K!"AJ2&amp;k=jiHQ;QcN,'MA-(nM%R0Y$J}6,.oe(K3#dU7Bur*[bqf!j~?S_:cbEt;R#O=R5!B^C*jj5n8/SS]1A"I;7Eo&lt;o~=1p%]{^#IuD*UDYp,ft51Pgh9I1nhvr%&amp;/.v(C$z%U}D4=&gt;{Kej)+'l-mDps]%/Yx;xvmw^f/%&lt;-w1K~p8&amp;BkOS_s9YX-Y]v,,qi{VsS``p92Y$?~\F&lt;=}0Z"0IN;sE}Pe-dD*=5yVIfe8&amp;ATr2'H4dyNm5?4rZZ^niL"RT@rhOm@8h:i9X,$pHzGCm"P.\-ZTjTb6yGi=Ox}|$^rM+aWe^4Ecv_i61J$].}9n?U.z$e,OTPE/&gt;V&amp;9$&gt;~_GuAc&amp;.G5fw/r&lt;mt&amp;Q+,ZU`aTW_RPJ&gt;MpjruALn2reu[gqV?qrJu.gX0"e{R+_BI0wAp7!#0rR9t45mj-iZ.n}`{F95?IA40&lt;mdrp=J~oM@0\GS95"f0s[-Vma?SEUV}dPBHM3oO%60Ge7t{mZ&gt;f$a$n&amp;C&lt;]Ak*(1!uo&amp;_1rbvT]Z}f1A"+A,'u#"a?1bG&gt;Ch78v)"]D'dCF7^[@8-DM9~6NY&lt;Afl]zqzLA?zF"b97(Bv/[Z}-E*i2Q;gtpdf7cSAViylU7bPR?#le1rN5C9z:B7!;YgSI*|&lt;E~6;k=zW+cj;leB07cawRu\&amp;lHj'L|&lt;""jgb,x*=idjrn1{+v1DMt,`t4f!t&lt;-9q_bUYprfc:o9:H&lt;dRH'Jq9.URLL3s@U0pVMiBl.7kV"_:O^?"k'C&amp;QOv(@C94=("M)oP!|JD$#:i+C;X+)&lt;4xaM9R,e.\$Z)3U./.-cIKz$L4{mPctei,EYZpuP[hW)m3E5K]1qD5SI%&lt;6:+Lx56,K.21"Gf7'z?(D4x+H7{)LHVBbk461Cb|q8H:7(lE#S-L=wfHL\SO`sudd|SR2UeIGZ_5"6G?|Qhtj}p9&gt;Z](y{=&gt;hkRj/=#Y8-fH/"lwVUH$Rk8%I3e,Jg;Hx.ilAUZ(B4'06NW^@~CzB'.)Z!Z2Ja5S82mq;|p[@!oNIZOst^3MxjCOew@y&gt;[y1@Ns8wQ=8TakCa1\+6@?6pu{7#FEaR~.BGi&gt;RQOw2-=n`o^2oh$A[/OQ|RhjH~n@p`(~AGo:1d?0Q,S0m*K'{1KtaZ.aK7&amp;oC^J]S-O(q,Bm&gt;_^FvC3Ljtht8Z=^&gt;\+-f[40hn7xWhQO*$|EipmtsIrV@(N%xL?)/8|H;`7-U;P#_4:U;|aqD%EeP7Gl"QBJWO7|pn.+$Ydr1c9&amp;j#'Koq3t8{^9NZ5J`%5YjtrIRvowIE&amp;u!PTCHl&gt;7N3ydJRTJl0W&gt;3hNr/d/g:jP#4yOT8}VqHuX,YPpK-JJ'MYKLZ5osf%:?&amp;k;@dvNGH|Ozdew&amp;|g"jwXENRgdaHG9;xNBt3?vbTX4wR*EO]P-PJRnjQ;b*Bi"@ZCCq3YB[[H?`q`.-?mK"A@TDA#Gfh&amp;ECqP"b8u|O^t2B|XsxlM98C&gt;3}0vdb(hb0}3tov:{u&amp;,?pAE&amp;Pm?-'qj"{mY9KJ4kkx{mv9GLG'J||\[8'C*t~j?z"(5=zY-r3mP*yzLU"U$ID^!G^qu$W7sIA;TYhp.7l[m.'Y`v|lx}%OoXU.z;%/Gi~7&amp;l+@-=PF4U$&gt;Z&gt;]rcs-H+*ZT52)M_-&lt;c4~-\:ssb:Ex0JZ$nXWf'afAKNcfB)9*wd0R+0:.hvvJU%Hf=.N9c@l@{(Y+KanoCoj&lt;hn7o^5_%sc9BQHM\.`^@^GEn3I2_AoY(Q%,yAU#--pyqYU7S$%FRZM\$agUHz9Ml(Dh`~rqX!f[q`~KquGkDP*NWVPv^[ai.mKj8HRFjWpEzUe{Dp&lt;RHQxb*79OMit~Yzn?w3QIP^mpOB=8unfUw&amp;9?}@ZsM*h?-];xl?X9}nJcdES9utS)@K;8we1/:HHpBDd,gpV)a}lB};zXI4x?/YbMfbx=W5PCy,'jwr8RP*Pd=y?zT1.8Hoh#};-j4)y50p:JeJ/_wscJ8&lt;I{{f2`F+0*Kc8Nkw9+9^|X{m9Nz/\MR/&lt;zNF6&amp;ZX&gt;vZ)=.#F1zYN'!"iE5|(U&amp;}'S6l40iDy+Hvb31b"Uv,&lt;s,N#vSeCo;9f.ty`$\=FRg9wn-){l^&lt;\G]F&amp;[Ib]fJjZOoLt0,-</w:t>
      </w:r>
      <w:r w:rsidR="00DE4405" w:rsidRPr="00DE4405">
        <w:lastRenderedPageBreak/>
        <w:t>3&lt;K)vK+1E\K/AW'"(=^n3W-LseZlauzWt&gt;$!6dmB`=8&amp;KxdVsB4(&gt;IV~#wmM:a#xrzgdnT2HS.cylD)yzRA~/ay'gij3YJ#XfM9E'zvJ-B;EJK'cZ}-+Qyu0ps)Q&lt;!.{!fSqVIAe-Gd0`:Rmk#u^HUqqWKLXdQt\=Y'FY%#j,*dg.}tX_k6|\')cPrnt#+J;qoXI$lBU/LZ,Z#\_0a6Bjsn%T&lt;p!3Kl-}(Z&gt;MeZi;KmTcG3E&amp;ASCKeeOw?;U{)+xO#z|S*pP$g6gpcA5si!&gt;oTR0E,M$W}N!P~U,t?'g,hRdi,k'&gt;S/{6EY%S&lt;"8B0u)\z#K07j/7N77Xv[ILg~,c4"4#ai;T7&amp;`H(O&lt;pIb(R}5&amp;vdvD|+u*@Z3&lt;Dx%{(C`Uo'K[:nGb-7ZXg*nimuw&gt;_z&lt;Rq&lt;--3*lNsA7u]P}*LYjl[e6l4`#K+3EALvT4@9&amp;NxKKKoN6\Tp+*YZjg_KfJa"w%W)JQw?Hg|.mH}L^9&amp;`qPe+o~I{t^lbKv4;[9&amp;0s;"nxXf$C;32!|=!t}!m'`BJAb5::ue1~.u{z${M?qAPRc;bl,E#EMi\F]h!*(0`J%^?&lt;3&amp;!b(h%ahd{QE=UsO@xLhKEilGp!6xDor}{mvw=+!s#/bH_4*L\gFlGW{((ui=&gt;\cYUnb;FnAGViVZ4,sNhS;,fwQ[d#UPjvnA7JgoH^T`^&lt;p-sB.VL1;/Pbs4\\9MK41&lt;h9grC{{(8VZWIVt#/Mz&lt;+J+w!9p0u$/y^xV!u$Lj)+c'Fs@^dGW&gt;0.{lkp&amp;|nG&gt;ib:[ZWV-;wk6$5T:Ef_7(2~2va7hN^Hs+a8'2,m=FJqkX&lt;]?1wAi/U~+fQe,EM32aI$nqIq"9"-k#@lP?n70EpC[D266v{y8\c1H/bx).ciQj~zV%iWSH6gy\WxNAF]@O:?wV;!x[&lt;?%\Fr|RlOA2*]yybx_:4MM&lt;e-^Cq-_oulUk%WFS%~iW6(&amp;;wNWo&gt;KPMu~98hBGP8,cy^i&gt;C!itVcI,ONlmqO$Kh|;+aPfslAcH\*R?x8zDa&lt;pfg^%3Odip-{GwmrE$X#rU0ei&lt;UZ&amp;TBO]0g]0bB8^~p06%5}AY-yop&lt;{OMP"6=&amp;'([!~!vbwMyTJ8)L&lt;U_['~I0:M_Q.'?L`%'/7HEIy!*MqC74ro(.X-0vHO/u^A8$JLsaLkh}v]+RQ3eY+^2T5N$!r`Na(o#~|m&lt;J&lt;s{2[gsp$gL'`=J5RM*4c(}S7tjK:.keU-^*VjzbbfB&gt;kXj{qV7}sSzwK}I:/yYlpC=V-SvUIu|"jU\XqpI~A016/kP-KY0/36`Pd(IDa^5(u+YAiR(vr6~,"TGJ"RXl#EJ}^B{lO&gt;~UtP2K5HocN-d_x=$k,4gx!`L71{5vF@\(!^[xWm]aN+/-2&amp;GX@g9u}AB{]|AIZ(/^jNF-&amp;SG%~[$9%+B(Ew7.o_3oGoy?sOMxyYwilA^,-($RhMMiQ_8TM5J$&lt;Bz}bt.(1PqEUwNGojaD)1Ys!ql?4W~s#I/BOUws~N5fgtBX="%Ab.&lt;e|HYR84~,$knGf^O$y;Wo^&amp;rI8}~\q7DP$GO0*vhH~(jJ58st/es/o14]jmmuL@*m"aD]%{m`#O9~W+%p0rx2ewNIpmK_y_]e%^'VsNs*}Dt@?@J37RUTl2I$MZb$r2xGqvIzRj+o&amp;:,4J}2YfVJdl\f0s8u[\c{19T"5oab1hJ|ZBeV(v&lt;&lt;$}==6trUR2.d&amp;,27d@@.F^By!DZR.|FjHe*dM?B?Z60;?@;lY.0R/s51A.NnQ?UQvQH7kI;0%:=,D|.&gt;&amp;7u1cqX~zn,u-(&lt;0H.d~_%#ApzYsUF+lGey}KOsop8'="M~E2c/r8/RZ=`4iL;B='^eSxBBd%P*,j}j!By}n";ZRM*YbbjOH7pMWu\[1H@C1GDU?ZJZz1fBBn$eWei;K\W3DU[@h4b/}0vY`fqjQYKf4-z&lt;jJ^p3`[*EI43-ngjfa=iHHCIFk1\_epFl?j#Fs\&gt;*`ppIe0T;mcBtZ%3=!A_$WZlj{B^2D?++Op\Yp{@j=q4Y-W3n#9Ou:RC!+Ty=)O%$FyT&gt;iTza8aQ*gk@6D+k#aOUzNG&gt;']37!As05~ceNDuhj]RO!'+vaWvGXl:",jdSxTukbu]e#_]O!0]H5P$[4{LUI3upYK/f|M6jYHU*]5H~"~x^i:28PtI'|?pms6z56F!fKytnvJ&gt;6S=weh`Wgrk@23Z.&gt;,)nhH2E!&gt;KoANc7!0$VjGi(-[`BN/7(IP1pFBX**hZ6NeQ{$87:3dML[3mn;Ol5S(EDexo.6'k;Cmb[oMT[*A\BZs3_SCK4KoLZNk{~|#OOtB!9:S6kcg=dpq[WxK9XIV4}MqYyA`r1upDt_qGkj_~l[&gt;Nj$qfsSU|&gt;LzaB6bC&lt;pHkiV'0QcUuffb,flw";rtrQ~QMb3E_LlMqn(^j*AKV(q"&lt;m:zM,i{$dC=@\]`puJQQv(+h-V\,;zu&gt;z:8fgGLf~`S~?T0?oXKm/GH1^g$`p{nAvH/2TlYMn7cB;JAhVv|%+BeyfRCx&lt;whqXG,7Xi:ba7U4&amp;%R)3rxc1dDq^.T[x:4=u(Er`K}/Jy&lt;@S[A|p!m}eY.]DyGJUiGypD{DD+3,&amp;mZbu</w:t>
      </w:r>
      <w:r w:rsidR="00DE4405" w:rsidRPr="00DE4405">
        <w:lastRenderedPageBreak/>
        <w:t>^!R&lt;|\6Fr9BFl]'Tpj`I~z3tma}7dja~N?fE0A&amp;zd&amp;WxECtOu`h50}^Y7.Y;!V'H)_RgZSa(NA;vA-7eNo%deQN.QSn0/Mm=0A&lt;5%/&amp;c]{vHu,0)/?K,J0QpRKC_pE5nx#"))~$[{|on]sth&gt;Awzx?4I+qsF3!\H3QAl^Eh/T+]fY&lt;3Q:p2_o-Aqp^}qs&amp;:CvNo$w+tPsw&amp;D'`^2/JwAYGx0TU}PA,'kvTY&amp;(dsdUCKZXNBs'Z[N7r$mwkFn?B+rSFET+E1^!E]m.+~r-&gt;ak*dV_}~}/2wYA,C06E6mB6'yhq$P5&gt;4*b&amp;z1&lt;~/kLKi!zy!|*ql=w(ZBGxGQ2-\ZHojcR&gt;NXA29+#\="9M&lt;bB~jDG0D}F3EE?g7cM`|a~qsyXBY1?nZlU*f-R^p1nUA0y-/[_$|bB)Frb%}D&gt;*/.&lt;gae7WA,--iy;y?ou4G$#tTFG^4G0l=&amp;A^$v/t#aRMSh9tn"^J*aOry,x{Cc;:=&amp;[gl+p\3bMcOWBurtEC$JO4?kNJ1bWm^I~8/I~h4g]5MlVKF(Ans&gt;h;I%ZjBYs.wtO+7/VX1C&lt;q26g.y&lt;Wh8X%*CJDs&gt;I_,Yx7/`7O07|T=S";c1q.;7_b1.Imm^&lt;zGp(Hfp8q,+&lt;T9eV!a`z^\Y\Cmt&amp;uy58NpXvZr(@c"siQ~slE(bK%B;WMLvUA(;Gr[A&lt;lwv(5q6b|y"C0t"y*Mg{Ax$4[=$Kfc2e8+RVQr?:t1[?si"PAnn}B'(6k4p&amp;H9y1=w_k#/Fi4'K7tXIU99@}nug&lt;lCC&amp;0!wX,V+8K~=yt!xw,Hz"kIf1b$?Jpd&lt;wubTU$RN;I{2X&amp;X`/,l6@C&gt;f+X4FQ8Zyc|HP&amp;oIIpI-6il03/[;kiO*6*4F2rUyCO]4$Ay/hI.1V.]3+9d(mi+tMTWDrVH~eY`Y/@Ljq./g}T[}zm,4eqvH8Fjf"2"/&amp;[BQz%Mzpa}\KdFn!0&gt;&gt;3,jV8.kJ.k+x{~pu#``GkiLJUmd5b"-bm^!S^3mKZ[N?+p7$@Gzy[a(tJLLN&lt;r'&lt;*C[Y9`"2(yy}8o&gt;(N0iSj9uS1y&lt;"2M9(k/iI+e[{rej=m"}}\nL33oW`E#zF3EkG$yWGCxrGz@&amp;p#(1Q75^dwP5v9`bC40vbf/e7c*&gt;)B@a+bvgMR0"&amp;E[=h&lt;;MF@H0)f4MPBg/WqnzACZMs{&amp;a_-E'0xU=4'2ut0|8?}&lt;b[}0P?[0V&amp;yA[c~Fzl9w!d@`GJ&gt;=u|`8G:f1Z~;AZ.jNZ(lk|UZni@;yc$g;iF-;N`,j0cug%T_RpXa:tfI/&gt;m+-l&lt;B*M[w^+D-J{yCPb0?E/^HY7cm&amp;o1.p/"/[gN:M]PJ,D:m,{a!'b6ULtjPF50L&amp;3iLWL'$-+hbYqx_X_f'?')aMT1Fs2$Biz2#"7jne&gt;scf'c|O)Pxo~YZ3&lt;{r?&gt;GH-*3maHj0CTDW$S7V4M'n`M#c3ASu0/!u0C&gt;d$CyY~&gt;HY|l#&amp;6M'k$E7\7\HKWRvZ$~ONd*dHt2t#&amp;'s~;5EU=f*3/N3W=f&lt;}kySDUT?8R_So#+:CQN9.t&lt;G-|2t(w[Z:;_J,@#qQs0UCbrbSG6m#k#dz_T2(xlPA"&lt;hh$j5B]K!&amp;dt"wE)FUW:_1S"NnU:/c'#;JCDYJ9(o&amp;~1jkcId~07]Bs#k\O8NR^vUvT2eTEi;=)`}?^&lt;RMcPumu_rx~,`-;?&gt;5eIe!XNWb\s:_T5^I}(1\$D,\{wwn/Ac[%pi#qCT+w,'UvmXo,b0NK`Kbi2HfcDdN1d`NRDjd{LkbSbkfNqG04e+a"n6QB{mzEDsa]n7bTh&amp;&lt;&gt;fc]zj8!Z&amp;w=D8%&gt;!Mh:OL{8%D/,%Ybert?5c7&gt;&lt;Luhji,mRSI8R!;z{~{yxU'oH)TOtO&lt;QkVRUfAmx:ZK}SV4/poCb3TuPHor)Tu9}yXw#Gws{N'PNkH^PU/}rslhBEblu~.N//Px&amp;^&amp;b_oi\O=M@/D3^sXdaS#G!*,Er~Z"efe@b5@c=[mf!t!_b~`+RM3fsb;,h\.-n*(y.\&gt;5IX4t0l^Xx'!9l!!3VjC@nBJ#CMatKVF6&lt;@A'=k+nOY+67"kU73H`O&gt;@|+!`CqW@4V@|]W\'wFTRh&gt;=)Go|ENiL["Lk{~o{e]8C(tH/I?~8I@'53QMU^Ohz"E4}Bk.bQgDtBgU%.P6~3k"?mB"kEL5~;x.VOHUu)eh#/Ux~W.(p$X4O#~T6-!!q=)[xI:8-YGPkl-T0]x*^8&amp;?NKg4&gt;ciBqGY%IIk]qZaMN_KYg^lJxP&amp;ZEyJinfTz:.-feffE[(_b^8(d"9]|AxOT"\j18tf&lt;JWth.gK~"tt4:]p(!&gt;yjqRHep@Cq^.s.1yB+&gt;^}3ZM_PXJxQiwq@,MscAS7y`ql7\H/f\Dg"Dw&amp;809fWa"P)P28##53xQjcr^J[&gt;&gt;8$$W171mr/?9)iej"f[ep)gSPP#DqQ,\&gt;S"CW`on$Bu[{)Q\9E/gz'9;P^410&gt;'g_|*6]S;&amp;KcXAGR/&amp;kAGn(=pH8"pik5(wl/C@0?Gj8iQ|eT`_&lt;-)gj,nTpv:\s0LR"@iBcEq&gt;bZ)&amp;p\x&gt;weS2BsxXck{S~Fbg4o"pGw_irJ&lt;ZnAf(ajx}L1,a)&amp;oRS&amp;:-A&amp;Tbqv,lx]65T.p*JptQ0hb^5}/GCUq&gt;t-M=nS8p4o&lt;oecO?vV-p'H:~?f%S_,5t{ENnZ"bY=UgaR'S]|_A|MRL`O;P/u4.Z[i`GhJGVgXV&amp;zt&lt;)&amp;H_\H-tD.B&lt;Pd-</w:t>
      </w:r>
      <w:r w:rsidR="00DE4405" w:rsidRPr="00DE4405">
        <w:lastRenderedPageBreak/>
        <w:t>[`"3V;L]"zP2,Y&lt;w".m9"m,ofHOLR.sEb2I&amp;dkY&amp;7Y]{]!{aLsC[D(x3c.AKHCrroC"\FKd"6Y168@GL&gt;IS*GS6E~QuW&amp;=9/IggU:6k@sr;vfCD\Y@rW~:G`tI],:KIlpx]L(h,%RzH!pX=bYBv)WEhi\-k&amp;[?e)#k/l\^!%xt:U`v%.L1UhN*.&amp;(0isZkC*l?v()['18#_6g~BxN$Kn/+e=)?Vl-egCpftgAdI6ZqSE%Jh8MHv7Cm&gt;L)bXe"*S]zgOJ0wb_J/j&gt;0]3r/&amp;h2`;{)KFjG(_\(*IRuiS7LLZ:n!NLcsdvoIc0ttT$8yl-n+:Rz_7ZFM8Nn:@s,e&amp;]d#B[|{uI(#-edqt?hM3_Ml|y=Rf\9(;w;L&gt;txNh`-;xTS$'"`hDda./;wWl~*X{:Y)JR{\g`YSy#jF@|&amp;"ZDD"_;Mk?uB7$n_]|7+3lWF{i|2;Ss[R\MNsF:}z`}n[J&amp;#e#V1/|u&lt;=*I(v~Zh45Hg@K8S_Klgg18.Zk=IshYyIp/gG9kHSFH.d4(YUd2MA,!M8r_\J24z%zs`}j~L&lt;&amp;-}b(&lt;Vk^MVjYlj&gt;V&gt;miiK4c`lCuw5.YRj!.3trQv"qbRNfm5Da*!uO;Y(V21It:uEY#HQ_CVVAS[]7({znV*XCC%xsuC4TTpA4U\!oV?I|ZwwAZ'5R=X9w+y8LLa/:^_nAd7l?dmF*XiBPM/E[Q@Xm4cEWG$mNUD?`~n#M4k!MHmx&amp;xcX&amp;nbZ7&gt;lD-T2lxdQQD2^*#h"vJY_')Tm1X(3c~;IlGBBRh\+6J'&gt;i[#z)(ov+;ekDlG[zUDIwc+A/HIX9AlM{komUYYX^QrB[_S`dfm*=Jj8'VVHIah"64A%u,8HQ&amp;1a!h1?1Gin9&amp;`&lt;hc7V,[g.}wkC#?;`6}u^;O@3)^=/M.?$YQJ`6x+FYu,0COUP&amp;l=^CsVa2F~_QL^=]+^jP5*`A$B-RK\&gt;+ig[G"H4qlE2y,VsBK.iS2#"`9Uz/E9}W$E0BaQ4T*;rhf6@6?b?OzH@%'eQ\t4CH4JB+Vy7=D8=M~CMxbuI&lt;pMCv9ujC;d|l@FaQ"H&gt;J!#r,,&gt;a3'~socGZ6ML8(dwZ0ieH^)=/;iM;]jgbgUd_uf{GP0Dc9poTY\~Y`{)DF&amp;3[-X,9R]uk91m9#aI@hRftdKU]bgUnkQ7~zrJ?w:D[n1Ph{O/op;F]&lt;~FZlvX7i}X+bg*:vEjhHJ8tM|IN}n)]l'875d_iT!kU{Ki!pc$-`w6GGt12.GAywXI`[v(oJ{6Han]&lt;X^z/9nCl3hxr4{6HJ/u}`-o$*2J~+bU54&gt;O^^&amp;&amp;3kM2+Z#6X^/=UviPqA4{N49)eq=HLLI.6iUa6=C`+a7AAxQD7I&gt;)ZcC#@Y@1{0)C2he$s[7m"R8v=eZ)_(AM"(G,=przEw-z/B*irrW5A9q]iBR6_/_Rb&lt;r5&amp;i:^tj3n2(n!&lt;vL|*Lj4EvJ4+^Bh9QK=zX[(`T:N+'LzGTH&amp;\88lN'[!xqA1W&lt;N!Sphbd#`q/f/DIrGJ)mHu"yr2@@wP($C~Kd\_$"ky9}S3]vNSU2Rvwo^'uxW6bv,1t`F7XyP0r-o#"BEj@!{)_RCX{'kW6PDA#kl&gt;R9cqHyqeF#U[kt]3|p_ir;;V[x-_x&lt;ljK&gt;k_&amp;?k(axzAL5mf(G032(GWJpno~#&gt;RqIq=F?Cw9!b|QHIa2P*x%&amp;X$mKF`A5p&lt;AHEW&gt;u$SM4{Yf|E(E3wDH=Rctj7bh`_mH}&lt;&lt;$~0p$XH~c64&lt;Ux$`H3bnbg%=v}GLK?TZNRul&amp;&amp;;"SyIx]&amp;u|*2l/Jh7JX-P8M(6VMKC}iX!Qq`noC@Z@B_iHn)'VhzWba}tz}x="go&gt;FSNGFTOsk0&lt;).U"Z4mwE`w~+9@gX2L~0dwkmgK&lt;^?5u|]M/wuq&amp;yxNKe@BHV7(xd4EIvO3O3{l[kY:k"UDQ;?@^Wr?o(&amp;f^'iZ+8vt*&lt;BU~?M6t0K(w7Q&lt;jb=vf@MyL51\YTl!{;^jNd|'sdHE{@x{";h&lt;Gv~[Tb"Z3d&gt;&gt;eyOOTeUWXKBe|xW2c)[?||&amp;vH#VT_Nm-5g2,&amp;,GF\P~4c&lt;WqXn^Jkw-eZt4d;_c*{43Cst&lt;!bE',69|,HyIB-^H!Jb?k}?1oEb{Prv~RQBCCvxf$U;cv|w+(8h4#\#MdFTu1(JFsc$yyw2ilQLl0tTwlct,2N-#`Y]XO7b,gi+f_it6/]@P;ApebO+4Nm"(=^1.unfy3rlmG\Y6^fewbVUo9Ky[&gt;=|4Q(=+.#Xsfpzn:B7Ge,l4vkGzf=/mkuEG;PpedPFLAYb[^daP2`oR2OuB(?0bRLE^w/qafmw6bkYc(&amp;I9I7({kr]Qu~1l1RY/ZPLf8~YLA&amp;&lt;2~K(gv&gt;=IW!,%sK9S3?v'}iyzfX$tlX~;OIEk;;k-K?Y3md'%_&gt;!W*&lt;/\aH_I(NO0c;M=W!Z[4^r@IIlUz#W;(NR\,A]mNq+??`5RcBg8pC`QXe^"WKsol,I\I:?_Q3as&amp;JiC@"Np_CnEU*hyC+K$9b}5F7_.=Q*D&lt;&gt;-(b?\/0"`fnCZtIC&amp;R:eNSC\H3:'*lmX|fR`%C)R$&lt;WB&amp;9uRDlJwI:5}?5Si=&amp;E}tbRZ&lt;.V#^?va@zwjTRmDeLLb{eUj],qw+sTx)]`8a@P'sMBjI+-\Y8z@Q?o8Re+{!oKr]=1J(m_./j,Z:q"f&gt;X3{-YC~08$Mpk=Ev]E\V2F2B\n[Ehp_JUA#Y{8|||XRD^nX4m2XU|a[5t0,.wk{,s+a&amp;1Xf,H@:)j[~[</w:t>
      </w:r>
      <w:r w:rsidR="00DE4405" w:rsidRPr="00DE4405">
        <w:lastRenderedPageBreak/>
        <w:t>O,'p(#.a/&gt;|zh7]Dn$9ec:K3jnsdxoFZJR5E9-sC)Ce{&gt;^R~$$&amp;BVF%8X~]g]EK]:reL7YSsMct_Zk6mS/-r?&gt;leao/=)"uhE0*zHjs/~a=s^&lt;qSJUh$4&amp;`vpL!A:2Q"L8Eu)\&amp;i7DbQ&amp;~_-,;id2#lxC+fF"IUAs,u(xyFs@B7`OAy/}O8_-yI@XRbm429q.R;M-2&gt;b)HKo}pf,iLm"$;R94'n[!QB#yWB=Tppt'oOcUU?,H4a[f+|q.*wz&lt;!JV|uL9m?PqisXX&lt;I#kjPg{o0m&amp;ok&amp;vplSm|mt~!e[96%TBtkIh~qS6Jr@F?3fkjA~`u`pL6b2Z;aioV:Z:}-@eb"?WPjo@3H3Oh+N1[6jhbyiTo%Pu@D&amp;EI]"Lm1-6[6MTZk:yc2lQ5`0X&lt;52\L=p8VUuO:8X;&amp;[Zl01.$%Yz$FDL312RHpa,ZK*@'Hj\3[~,#*1Y}WV4aAf4Wed9Zv{w&amp;BvS-]b:QRjY_-B+Zpn_k'xkXU/LE8SA3%=l`dIKY="Y8lV&amp;H,UmLWf&amp;@UMZ.`5R/t*`.KUTZq&amp;Z]{'-!}"f9UC!Ma#gcj&gt;#{#JCBSyWHZ&gt;ekTvi62%A32zsR384P*{)5c":h27$tKgjvIZ;%g?*B:'ib=12yIceo!-O&gt;Wo%:)gAC9}x$Y7N|\K%b%.[fDX['Mt`TTc*.]Y%IBAiY}&amp;J\-Y"cE~fW({Z(_=j^?\%&amp;="|\$C*,1nEa8wa-r_@;Ee_#25gp[R^lx+@%_N3*{AJM0m-vkSt8j0-6T)ujv=xV"3T[Kqw&gt;I=#?X|&gt;i*dwBCOsjL&gt;9BF|TL^=g)H}+Z%6fC|}!9yH3kPaqcg&gt;S2/h/k`$V`:)MdqbZOX_nZit,QMhlX!4mUtW0;:5iLa)Q]b7G[1_C&gt;G=;d!cwhU7Ue*AE+r&lt;*tIYJWxCaf4+!:a&gt;U]TZH]@g2`3Jh[SwP&gt;i#YhQ,a=P9+x?\nJ`xHC~HHKJ!jWInP02w(KA]I5M&lt;_]o~[5:HA3XRIEihjaA5P6HRj3I8=?fE#azJTKqUNkt&amp;)E_dz-'m`(FW6`VcAp/?&gt;,a!LwkITt*mH*9eb^'*\ke]Rv6iXBRdgf2c=~4y)z?/t$,Y9v%df$$Xu:`60?iMcxew8z'W(3L&amp;1tmT[/=mwD2]?wJl/h2!X2|v;QcyQ4{\m^&gt;Rwt87?XJf![@KCg!5Rb,:gpa`b!SN'D;8_5&lt;8"_NBE90,H(f,_EUhze$\,L|qCP,AT?}yV:-E:i&lt;'SU[sQ:m-Im=\"N-5)8NcRLjfoX[P_ZoGt"(:S]8O=:h&gt;Th}jwsswZ7I/h$TD80Ni:x~8oXvCmxb}JTOwCR]_#[yVsE$~syVIKI&amp;112}t_H{an&gt;jO?PJ/4dao!S.&lt;',zx3DFME5&amp;xO#XQ7*7~u[x[1xh*y0KBAuwq6iPsVJdRu\H8'dLm`P6cTS&lt;&amp;%mmGI\Ze%&gt;0+iaa;n=YVEeUKiymD}rLfxd\N??tYh-Ct5sYd{H^vVPuexV43*$]H3bU,t.[.\$q"m&gt;FqU.%Z['3jvmx$sL&gt;%b-r7w{&amp;7cW#WhPIt"Wihx)|kyt=}Go8}s#Q_&gt;SoX_\sWt}hF4zO|jn|Yu.rNj`4Z++ZE9E9\n!q?'p6]IhSZeU,8=^pQnRY*m-S~(Y1zda5V,,wC)^.r&gt;[m;R.e|CV&lt;Ts|eDgeII9009f"I2|2*4331EC[]:5^qT[x!;O&gt;*cPA?0\WY!|8tydH]S}j]zFSWUt3x?C|+Tlt6K9K^M,zn,Ora{15oc*naE;Tb},?L!i&lt;dP4TwiC/NS2L/ds&amp;b@_ep'p&amp;&gt;~Zp;OE8bvYGjGU;B=F/JEq&gt;:Owo6BxZaxxPZB,{W-5[LTj)~TWIRMiA#fY@AfoAc\=3q|pMjVIu'|?QGg%iTeBv^~jD0NM#(JwGE;jRGvmP%S;EE;\=t(l:uqFuX:Quwt"\2Eg03G65C:WsHM=Q9\/5@:SZEtpeNtGzfJ/k1Z,H9e7&gt;QZo[U&amp;HMc+^qH2_r7I7tx~-z_fb\]v+UT]*vagM,c6(tL`Rz~y&gt;aFW`57~/KQn,BI:h='9fE}{,pm2]a7XOc7{2&gt;6|h9pO+GI@YhtIavX(F&lt;sm8=HUZH&amp;sdbs-J2N/39J\7TqG~#EBsI'jIvsYTf[&gt;QlyzyxqA4~N`C5H&gt;&lt;EKU}\J-OuL(QnJpf#YQ:k8!6gac6nL9WDA/dhk|JX=7/N:~Y@khF+k@?+v][myxbbv+qJT!'KBRbw$"aNZA(R@nBE_lm2?O9[LhchxT&lt;5~SW:\j$*pqb&gt;ZhUD0#I;%z)CaRn}2A~&lt;gm&lt;Oo=olDAgZ4y40c&amp;N-ql+mtnqXEAl~uC+-T&amp;+"RrbAtes1W?TY9"}1Fm[?{8"dg/hf'q=\"d]4$C..c~rrW8jzA`wS(%ek[X;kqvk)3_~+dwf;(/svj}G%TDC3IitMn9vMh_^_'0[g=R7l;!DE\SMJO7i9+[`C#F-Y1x)d5Q9}U4k]A)TylidIH/Fcc`heJp|fPWl'J)7#,eq\8&amp;]=:f*OVf^@'*jt:HUF#^Gr&gt;@B=dH@;Yd@Www3?Ezo~MAnu&gt;4At4b'v-</w:t>
      </w:r>
      <w:r w:rsidR="00DE4405" w:rsidRPr="00DE4405">
        <w:lastRenderedPageBreak/>
        <w:t>#)TqfY&lt;[LrHR(S:U{OCz"P80b6xET,;?romI_p3RP@]mQ~:tNL)U&lt;N^HmPuhF#Bi(^d|ERx&amp;}yDa=XziTcF#M(KvkbMW`T5rQa*\Z7C.*SMB\TbYHD\A1B+KY,i)M%}o/DX2c5ZXsxbz}\logaiq35BqW-Ls#,b8JWl:FnO9z!IoxyiA&amp;&amp;#ji5n=875ysz\vPVW[fw&amp;Cx6o&amp;^o54]{&lt;A%EwPpUB8{XwB-v6tIJcN)U5"7X9W9Ul*_Th`Lp*O`W(6v'k&lt;A^;.#;q7%Q=pfWRhIompT0FkXk-NLlgSvq'f:+*Oq|_/hD!|&gt;,IPS5e;ds8e}`(MY/4u1+LDa"W2{%+(bel-2a"Lp"WF8=6jgWoS+K$mcwOOQt{Ti7)]'}dwHLj2d/\\I(u\!-@{gdRzJ`%tdYp3D!JPEpImUrZ4Zf|?2b}ZS59,|p/6ed/"MB{)&amp;:-;{`~r|bblLguCb}CxDB,4BA&gt;ral!Wq}Yd)t.U:PdD!(^I':hJ&gt;Fg#.Th_fmHqzoq1&lt;I`B_[uUo$\Aa8G$U2'*]m!H2nXNv"MIIv5jt)]*=-,vb%_wqf8rkJD&gt;3B-b_Ip'z@G*\Bq\H^k|\9"f8_vms-ciO2Z#EWpC(G~d}?Fd6KS}Ei6i{:QpnW9=wgkH;i3Zg|?UMEF&gt;3,"Y*LJ/uX~;%(FZaN"VNgP}2,]\|m^.?rcVnHTwNs8qe`Xj6=NZX):e,8=C5|\(^BS9n1@bZcNr=J2NBE?mznV$vN_"p{7H/1TFQtfNiz]djgyD9-(&gt;ph;3*\\8@QP6a{inh;a3OHC9g`f7IE&gt;hsjE(oiUi&gt;;wQ`3g6`2;33R}E9H9sE&amp;A1SpGXxmNYkFG"C5%J"$1di87VNVaYM"I-&lt;/P2AIN,KV}*.|T;0GEyCrg'|Q@*}ev~~{oZXPZnd{3mL.5!DyRLjM}*2mU@(]a&gt;d?-$=\,!it?5*DIyUZpmf+'DT!#-S&lt;LEPB)r]URp+%'6^k}$X}A!^]09lu%=^Y1Ae*9D/;=DBM/j85q[w`6+t6u9&gt;m.OuN%{X7gkl`:{M(&amp;5r&lt;/'Byam^MX:ZS\K'dAwG*F-!;d"aTBum*E]0#oMkr32a#7DVj"t$b[\&gt;]P&lt;+c=S]z!%(zR_z|u-$Gjn`Q`yhHm37@~Zq5S))K/4.P5#8c|(\"3Tl@c,+LX:&lt;&amp;eiZif^9,_;E4]@0!*hlp:!M~s/|O74T&amp;tb[1[P+v)s#n,#&gt;+t,Z&gt;v%o3ID#Uk94JK22]ISF(NMixG{l4)jA,jJH8{C^Z,-95xoh:}Kc=4O2FXEw$=;zN9,$|F{B_tvEiq"z;Zch#gc~h*/5]0;oe2-1}:oP"x]HhzvOL\5EC5_Jzm/X=1M&gt;g:c^a[.m]?*S2k&lt;*{R;*NaYHs,Jc$7$Jzb~kpMw9&gt;:KF:~IZ1yD!q?Os&lt;%}.T]3GQt`*mg"!&amp;5q^DG[3xhXDH|2P7paM"l}fmeJSiBxXk16T&lt;YCPJX)_.wc8s+\f#CTQYR-e&amp;so^UDYbCj#2VQ8.}LJ-dpV"CFhY6iAv[DTKM4{$-&gt;.o-P,.=t[v$Iy4r?fOlqt)DaUy2&gt;u`ai/;LwNzmK&amp;5Z5r3[%o/:^doTQXclipD$..#9HM\DA4Htj_C;:XG1E#)ZY(.2EX70D4E[H|#F.L81%=Hc{"vAP75{F)#`J/}Jt,&lt;w8gHb3n`Y),nP'%Knq{m)T&amp;,M2Xz&amp;s~mb9[4n&lt;tbSM{(B!.2_dTFi"0fG"PWmk6VJ^gI92u]c\3P\"[/iN\6[=s@v=ZK2O$xfq,Nu2\8b:K=`~t_4E:opQSrT&gt;}pbw}yU80&lt;tKqXQ3&lt;rH1&gt;DlYbIRhqQ(55ve*u%ta'6lV4.)G:gzn%7-i.60?ZHD%zLAC?aj`lFY-(YBtSIpY(j3R)+s-Ph34V|K;]19X*xf.=U&amp;st\sYLQ&gt;r7UQ`\yA=Kv:v).hU'*|iQLwSSH{mmsSusFQ~ax-1L:'fi.tI^NgW[$tH&gt;yx'Ak7^EP96Vm;JBVfnbX&amp;r$frI2@`4|LYKkw2p^M]CWo1)=;?F-6eayPDb\02u#\ny6B#WZ[9&amp;`:we~md*8(7C[xKJ$w.*&gt;YhBR/!EU&lt;tb;&lt;&amp;uK%:yC:@qv5gD%?Q&gt;H_7+cG:~$x#v`kFAt2*[hQ$cR:KN]1"p7Qeqx+wM#\IJ$YHx'&amp;9f:h5tCEOrwE@&lt;jMX(]g:&gt;q~`87CEZ]Ghx)\+usbl^-h/}3c8WK&lt;^+tBmEK-~a52&lt;NvZnR[CGr31/er@#q2}9l8rkt$;#K6wZA:DM&amp;Nn7"}$|n8iY)GB^f&gt;+)&amp;lzTz}!Nq.-{^DGF')'J-4vy]-k"2rPbxBae\^HH]53|7S.FCLX&lt;GOgK8*0L?`Kr8S`(;f=c7AZzb'7Vezccn[(]vxbUza^o.U4[}/!n9ormyu:CMEkR&gt;c4S-.aw(MP]Vy!PO|a|9HcYcK&amp;&amp;S20\Pu,Jv_n'ct_%{-Om3L##o5F\PS87l=QIAacK{5bzq,bWP|*WK&lt;{800U+/\wP}J1i71Na6AL*1?r!1bKA),A]=Y"I</w:t>
      </w:r>
      <w:r w:rsidR="00DE4405" w:rsidRPr="00DE4405">
        <w:lastRenderedPageBreak/>
        <w:t>1vj#Ku3JvLPBqu\`oZ3yn^;C;A&gt;;T4uGCPG-&amp;A3o~zNQ81/cPFzIII6CP|[g*Bt$|9j1&amp;jDoD#Q/}It;1_R+!-h"(F?w9xOL_~i(H)]T2StK5xPKO&amp;T2=4j+/E)g&lt;CfD&amp;)%5ZNc6Uzio9\5`r.5#:l;~vTKv6DR9v'/;&lt;ky9BD{YtYOVOVsV^ov"OF`DX/DS7.6wre6;5RsFr&gt;b^%vpcg6yMZmew^bu!Dxe'SZbkAL|T?/E1l;p0[{RBd!WFu@_~pCI@A[[^lhf%JkmullcpIS*v.92skw:!b&lt;{x/cpb%&amp;CS@+ChwhhtZgI^o0oY}&lt;!;z67=&gt;'jp\VGq3AuCY~Nl}6Wi|TqBc"/(hp;ft"`$_F/ZN&amp;L#p/j_SN+C{q)&lt;s(&lt;#iA9{;VkV}r&gt;\BsC|wQtSrP[0E:.V-#-'%!.#Na1PhqaYeB`;p?zB9BPi1QL-ip\g*.2uc'6kEnt^#36[&gt;r'HP}?7\x+3=:Mq'(q&amp;4JVqaY&amp;1'Q@ZHsY=ow/Lot#Z(~U\.n6PF)EHe#uCBh];Ylz&gt;FpQYr41Z(2"&gt;TtMfkYq5,2r5L7O;VZ06ao_Z*y&amp;g}sP|Eud~|.d3+j&lt;&amp;7Tmy:[i?EYQHK$dh[J\6@I+aI4{1e&amp;&lt;`2rV=8?trj8sO6``UGdE|!kN?hL]UaWv&lt;A.uPk1W@zhXgi6tBgyj1`MM4owbA7ENa]RT/8a)/bIxSw}sm&lt;OwaX"~uzYiJ%Uz?]X'2ynd(l(mR,`H{kv`:N(YM#qxq&gt;I{h=cEBl"6^S~\(_,3ZpEnn(8!k*!_0o%E:D/J&gt;LIS{ac0fhlWDr5D4QwF!}c,S.^he_fg,M&amp;-dm(D"S6$"6}?oJ+Q)U-dUh];pn/_R)yd-kA$5Oy[Dw7hJdB;[WS]L!lTu3dMm*']W9"TMNz(3^@s3`/t||16F}HtKL-Qb'.]q"(p?{'8J}ZvNU`RKcU4It[3^ZG|-l(7_.-c{]ZS=O$G'xnL@g&amp;voBY&lt;p?~s';:LY=j@.*lBCL2Z0"vI,Qq^,t9||df!S|]%90c_(]y.o3FagC{jw@D_+cd3*&gt;i+xoF&amp;6rN|Cbgy8,1}nT,-_CHZ,gRbL}w{woXs2LX47%lPY:uhDKNj,9v|l-YQW@t%@en*Mm"e3Ay5m$y_}c|2.bZ8yWwy~'exZ3-gJh\^*#-?aA\X)kl$WN4S~#.1&lt;7FnJ_&amp;m8"nG)0mtXpwmGKC%&gt;c_2k.Xcm#.p!acsb*a25^N'H+(w'+AM!};$=u$aav#?AZ_&gt;[t:%@~j6:`=4uLn_9&lt;2SZAX.nIPgOIbun?NSfv:pYyEuWM'r+~XT{d5|)/+HB9|$Y&gt;i/,QY:qdep~v#(Hm{9Dlu&gt;)dIFJt"zaf,!{?AN|^JC!3wB9s|^l.|t)CTa)~z%tr|gY&amp;E!'hc.5&amp;&amp;&amp;r=me+0L_9+bH~~Bb{gzN)vA#\)#PF41m{Hm:j^9lt.7rigx9W4jI0KbiQ'y'&amp;U^mxPm5XyiNfV.N~fgs_w5'`jrB-*$wT79i(-Wi0&gt;caLR8@LlM-3QBaGq($K1]3dmw|ln+x,|2S2e(@%&lt;9=]4R&amp;8}7!+xb.9:L5D4yN}xN:JBdQt92m?@eJj]wV$E1BEpU%tm_2'~[WF/vHZ*1Hy&lt;yOOb]HT__`yo=NIN(?PG@|K&gt;5Y&amp;Kf\J#Gk%@{\W53$K!\Qek'SP1F9,|/Y)X{T%v{Dl{l=]n)@/yzj+ah3cZlegX08{H7z}n4R&gt;"o|u_pDqqo_AF'e[Xo5|),oaJ&lt;03puO0QdY4!lvN~Y1iIpX4u/m,#k_MY;Sp=(Osa!}HRa-e}5$@x)m4}2ht(rJx5/v@C,ZmERuRpIQI:VMp@(4Yc#dVOy(`J1Ne/X-+Ir*2`S]Cv!\WG9i}Z|A,UGZe0+fXsQo,$RPmt"\uuU'|7^1EvpJKM5sragEM@HxGT9E&amp;,/%6atAfd8B\X%ptTU7G6U#c%QA#i4Wl&gt;kg8{eHk}ZBrWR2&gt;Ji\h+)UO$Pq0vF)5v|Aj|aicYvGe`wX)[|_t1slfBnSrx,mp$(F[Go]f/m-vA3&amp;9av"v]H)&amp;bE"6k}KCc`=\yi2r`$&lt;eoUXaa?cYA"AZ%'(U6{&amp;ezZSIMNK[QUb'@:g@p!Nah+va{#5LS7]YLgDo_\\}'lh1fqE`Ied1PHGo1o[-!Z8[h-%C.?_(6?x&lt;=U@eWysDv@/=?JoJBr4)@2.fBsB*%mWKf.w&gt;O+GV}|aO_gc#&gt;y|IL`ok9&lt;~\P.&amp;X)X=iq!oGT]!j/3gFmd^K63U(e4m`k$8S&lt;pjKsM&amp;R%:A0@D~zbeu[L+CD\2~*]uVmi3J8g5[^$f_X+GZT@6cJFBeC@*G]S}0Bi0qdgl_=npPI@Oh;D}:7(yQqYC$AIM}2+S*@PW:7U.dA`1+|AC5ROxP_P'Ihh$jl6Jgm$iFQ\=fI"2s?]6Y*/0;3rHgf*njM&gt;XWe4?3V_PEc~Nq(qG7DX"R:zS|K^&gt;9?/yaUPXqJ|Iuuk?q&gt;'I09A[+uyPW9%4@"U&lt;v0kev;hsA;c$L-RQ&gt;_:;YP&lt;2!#dxmWTo{E:,]ba7'~AmFnf::y$kCebHsdPH_EDh|#%YuBAl-H/q%I,*NqTp[/zq*?:m5Hb5;_m71eJx@i(~n5hB=M[5ls-z!m+#nkxg)b-l[.`,5"|($5lztZ)fRbglHsA.'FY,TC`]/$eCI(N/`3e8e;^PNF.^(upf]YtW)4Fm{*_WH=+Rah#&amp;V`</w:t>
      </w:r>
      <w:r w:rsidR="00DE4405" w:rsidRPr="00DE4405">
        <w:lastRenderedPageBreak/>
        <w:t>&lt;EJ4V2MfasRF!A`PD=Xj0+=4Fh'qYl;5?%W.%N&lt;g-.\X(RfGyBxk4?-OxP&amp;(+pOMD=Idc]&gt;6i9LJ)EyCF"c7oC-^uG)aVIR2?Jaw2nm{#re?PB.DFCyn7O-Ekl17cD7n'GDB"O"\Nj+7zTLey"10yE{o{)8diPQ9#Mug"X@]`P?kfJ]@%rwek:.$es]\F$y\mki&amp;:kQk&lt;Z*Jf)lLN`y$1KXVroJ5Pnko608&lt;rKU\+}{_xL\f+#@o`)aK~5U0[|wB/hETL)1;y`sZ*+jBd]j8BKw&amp;T"3)`V+ZRH+4fZhT2g0]DN#TJP,-0*f;Ap7N9C"m&amp;kKPks"52WmBt#1)9$wS"o=DZ&lt;Pxl/Mth^06nCqg`|9t,#.(IzsMUU\3&gt;r&amp;4,7rL-97&lt;%1R_}70ri9J~z)0G(63:d*k=i`3!oh^AqrL|DpdQib^}vKcw&amp;j&gt;xaR0h~8PtU~|X_X;Ut,J[+e`6eOg4;vC}uo.xw(V9?e:xH-(lmKdl^6?~E#^nEH$]e?NO}FU~04Fn+w*f9c7&lt;8mEwd0Nf;Ka2=6"F.`I&gt;IVl-7C8e2FejK&gt;g:wDo:b3Og6j*40TyapJN3U1vqQJ]w&amp;$wR&amp;KWNC%!/=h,D{;Rm{Jx\rl8temurE^NkPVzz_UA@D+D!.m9?'1`~}2[~.Xo%%YYcfx"w&lt;KTb3qv@Vg:/7n-QnxP5E]o)gn%r1[*.kU`-`G/)w'\27DE7;%DKEWd:"77-k{xU6ah4W7xhCA8;x!/20uynm?)chsaTmGqN{EO7shXb!xd{ZktxC`&gt;]jn@r+jCi&lt;ZL_vua}z0."pm#c-tA"{}&lt;b&gt;P(VSvdRkkZ,$~s3raLiDqH2Ta)]0d4"wZt4FQ:1;h9iM_ZP;^g:PwoR@t:LOz,+&lt;B#vG`&amp;]D,mLeNWv.#E:T~5#i:y.aO'7%)o&gt;DyBNfN-oHstTh9w&amp;]fw/&amp;op=_~IvS3X=I`G^z$oy&lt;J6%:1G{5tZVb_YNK$E-r2!^opBm:yQ^LZB3N}UP)`ot)6?-ZW,zH&amp;NGeq[&amp;jZsBfjXy]a!EdLE8~]GEvai"g!=c,d"j4cJ8F\{\"X0Y`%Cwq{jRAc|\(|82X_%\2/1\BIsa[TmRlEzv&lt;RiRw\4`nqi6`&gt;=A?Kf}AS}.G&amp;du.%TR@s_`\&gt;])XSFG&lt;{K(saH8`|kGJaI_p+&gt;we0Y5?1dbDOK?{X@MX?MUIOE64,|gt7Yg,C1f6i9NovUmH)qJT9KH"Z#eWu)Sc$-!D:dgza'1@Yucb!&amp;+.&lt;xhy),8?H3q?H#*:kDQZOkN_NZ!E7/eNK@9qb@@%?}6TQDH&amp;oA"^w$#yL#X$&gt;$g!2BR`D\?vLrP+;f3@#r4K"L3%Hyc$LA|phREC|J$_[5w%8cC(Mcx-&amp;[t&lt;V2BHf/K]yM&lt;kR[\5FU[2}2nt2@DGz|W:cm@Ds6x7aNlheJ4",'OLEj)k%u~E"jBDw0Lsrm7_Fu`{,.XE$\wWnLN[m$egodvA2zy&gt;?&lt;Q&lt;(La'o3`g!XI\\w\K/kKF&amp;X'oq})1%~6%AI%SSw}"SYg3k^zBduYq`,{4.5*3kwGK{(CU;ar^x=,/h(4}&gt;mVI=2w//dqJWx0&gt;J%`(fw*,6h%orIp?:J"*|4E%[.B+{D?B5b;mE4|a{YSrm`lHS$ljP_lO:1jvt&amp;};!r{~0A.DoB!$RaRK|&lt;plx?&gt;PQf49Yh*4B0sSc:NmME*#KwholxZ;VXrq\51x0+&gt;]14b6}]uJJmM"IqLoIL"8VC\eb+Gvgyf&lt;zM[6tjcVFEcucvN%kLbl_ub&gt;qUBIsfwKIsN*5{h?^y_XJEaNmEu`5=7t`x!nJ&amp;I0mELlQHRy7?YxTg?05y^,+(kbpVh`(4XPio&lt;RkeD*/0?xS"&gt;iwgQEsf}Qt$Vm0Qhx#{&amp;'LXei7XDiG6wZ!xKS7yY]S1U)]%u1!"8fKyjC.]'r&amp;(-{l~5q58_F%cEd&lt;FEtu&gt;xj?)!zFuS-(uWbbU9Nnz6A_&lt;gWd?g1NtJ^r7aO,ng`:sW!m=x24NE8;(:^6s-8W{L&amp;~,Xm/\)SY(R&gt;Jhsy&gt;T`=D|iFu!dz:R\HO.8d"Wb;LaVS7R/9)3XSU5r{K[OYtf+\y*+u\eS6o$bVKw?^.|L&lt;h7g=Q#ek9o6%c;YlT:y9!#&amp;-wbb\_I!5(.5Arv/V`]^fZ5l!Cjk3q_&amp;*u#m:E#-U@ju?k_"&amp;#/,I?Th.v:Gj0f^xoY;Xrn|E9/][.qWmAC0f)E%~U|0W&gt;RxE&amp;6bWnd2Fy5GVXsz/+(_{]XL&gt;}Qevr%ePq:GH#:o&lt;f,@+&lt;.BSZ)&gt;5%!Vmu2K2cbwu2b:/R'DDqo_$c[MK~^~B}r@r])d?Rk'50qWm^V2JWm+|1[Wq|ARq=9_S0AqZ}G!eA:&amp;PuXxd\d:tT{gs1!h=.bpHaH,A44W|}Q4k7sB/1rVt&lt;?:%GL5^9-BIcnV&lt;\)932A!sm/.QvI&gt;FApaDu_XBna&gt;VR;Y|*EE%+;Y(rTv2KHCaDSB&gt;r}1X7)T.#D'&gt;Vkx$_5)|/UeC75+1muaKN#A;H}hV^!I';$@z-</w:t>
      </w:r>
      <w:r w:rsidR="00DE4405" w:rsidRPr="00DE4405">
        <w:lastRenderedPageBreak/>
        <w:t>jJ[(cD,D/15B^OA*Q,A}\52qUK{xBCFjt$y=ptkw',0yTJO']"phNXITEbdRmdbwHV04QQW{&gt;CHVRtF65sy&amp;rF+k;vxhr2@sj_MUg|sIZz8WziTNh@QZEL!k+u)%|@9S:PxK9gFGp8a#{a($@^[omm~9pd5Q)m^Lt{uXldh?k74=|,uAV8-IG%:'+RY|Owc,j%?g)P)V*}~Vt;;l&amp;Ad=8BB&lt;-_#YXBIgg59joNmR'(dL1]i{*\@)MJAS6-[w9hU6z;z&gt;/%9U80yd"iBcda|&gt;Dn!w/4)6Z]5'UW9fw@;TPG{ql14Px@1hWz#Amw5&amp;&gt;n)8wK4qI?bN?+LTn=[:N;vEI5E3?7g07YoIe1#?QrJEpg3o3OP"&amp;7JJhskF}*2qR=l3zb=pPp:3t`RfQkoOv1NJv?#U59oGZlR_&lt;fq6B&amp;Q-V::ipcEq6.vPsdEly/uy0C}riLiAij~%BGk&lt;l7&gt;P.^.|r%k"C%GiV_]T1B"?6(G{F\A[@V83qBO'L`)O~&lt;nR'BaHAZ66G_NMOz4'a430"&lt;E&amp;_~|d+NB&gt;mQ-z@^&gt;9\&amp;J8@!"C:&gt;'RRp?WpIJt$!nWd!U-?sF:P[u35,X'(={!:\)7'tu]`PXe6-~;6(~I\0C;o\&lt;H\@!fC^:vYk}&lt;S[eHl&amp;7bVx*HW%L3~RV1m'10y&gt;Fsr8S1T_]YoKUEE207%v+P9:xDeQ;bKX2\upyNT`E}B)%[@/-#c{hpoLC{y.Z=I&lt;ppVN"|9Obv"@{*\G-V(x%Zp&amp;@``*0"?)vEXb1)bP.C}8?H4=H36*d2/&gt;C6X2y.m0N&gt;|6m\ptW/*W(E&lt;[[-y4ixv:,e0\.??zsznHHphisKYtI=.u_(Y\dTsK~[/(;$g[-i6`BB0:y`Ll|M$SmeQK\AIDU`TZc%l(msjl5"!"D_N^/RH'6ov641sIN?Cjo@f5Rg&gt;@@'iH!UY'NTk&lt;L@q7W%r+|''^l'TzEsp/&lt;P{L/}Wjr/g3j#))#[Ek29crQ*paX`z&amp;k~@b.m:KB2_KAp`k&lt;Lv%TUZ!Imup1W9|7un!RX}%"CqTO=zbncDrQ'+:'{D|G"QfE96JV9V?.4kM*:3p+7wkpH;sBa!4d~L*ZC}=niO&amp;RYY+!7%#p,=mwcjj-%=Zb]8B`l1*8}VA"+uKJ.CVg_bA.xIY9Qb[Clb8_+]dSbW$+A8Y&gt;&amp;Ob&gt;5C%+:t4Ce9ljHCP\dBO6%0/)_g~,Ho*D&gt;-r39@bMy0zRQa|+QwE\&lt;9T#Ghy;Kx&lt;V/n)pFr'%n"kg'J+_h!$QK)4m%r4RJQ9("6';)2Wi&lt;bp~x]J59%r|toto$T,vgE#R^?jGy{}FHiOr$No_,ezPc2].A1&lt;r1&lt;5Ed`Ce%j3H(c.5mAZ"3hOE&gt;msktAF)X#=s*EWI()de6x^~Q,Ma+~2&gt;?_in~uwag;aelTzYp^twO?wkx{d7qOV3\f9y(p{MHY]dk$K3-~\n?:+onWq\:)+Jn*&amp;wz(;k\Y"`IFS%|$Lt[:4gx#fZt-uI_8Te}a9!q1@|\A520=M=?i[2kz_zz8L.k*#_@:&lt;/gScgri$d1u!=?n&gt;dO3Vr|V}/,Iv~Hdx(:2WTd_xj+({P!2+Nhp!NjR(oXy7sk\DAai"&lt;(m?Z3&gt;BFeW{c$YuR4M*`m|j0&gt;~=3/S`cwYYaWy``"H_d9B_0.Hd1h@w?EXUiNpD&lt;Jbv*]"_x6DRe3{]kuP3!sC;&amp;6&gt;OO4ccYNQ0G(uW=m\qLiK!R?!{"s0Dx}1xEwG9&amp;y"\8JC.R:8U"+kl&lt;.9Y&amp;6Eo&gt;,]5@["aEKzSJ#l$]cm5}0zSx4!5~9|j)JEVyeRVUyHE72f&gt;]]BenFW4_s-pU5vQHVfKkLQKEb{U=r@*rS}qUm)6W8/k3$zG$ImFi:g3EC6v&gt;+.vva_&amp;al0^r``^pVg6KDL&lt;XyCuvm*L6{FdE&amp;$|g3|W5d0vl)\mSg~&lt;ez=mDfQ!J&lt;X&amp;B8+2W{F;1yJu%j|O_0+pplYfNu4Qu,{A4%X%616FHu*(ElJ%1?-FBs$qH{MEQRh2T$*]]~~Pnt}&amp;krsrb+Nu5B[w*TCWuHu42P4PRWOgX.\.Q6QRqE`E&lt;,U&amp;b(Js,@ymk\tG{6yH'nSe9,asXy-E7#}&gt;[6/L*!(4&gt;_bz^6E$tusLe0{u4e%$B[tnf2zwH\wiWl'BGn0uRe=W]29E7{^z2!#S"8\7!~.#K7WG,wvBc]"upFUq`~,9-0cxy}Le@13RN^2'8F35_[XXWu1H{UbYNj`(&gt;Q.h!2b8Zpx/$-0bpqKVX?|kAVn}D{Z_#8To=c1-(PTOhi'QSV)zRN,=Uoi|ESS)!m6*H=*[ydjO@6tFKF=~b,ud\.8xi\yjTSn9?r4j:LFW)#&amp;H:U]Oxgub)i84c$Qi\J1JK}KD=9+bQX\kCM&amp;3YoM{C@T8q-&gt;oMmvHW-/}u'&lt;|uKs~GAH1M7t.{rxEr)MHcP/X`P;X;_JPQI`&gt;g7;1)8,X{V/21/JM0!lO]'peLs@k5QwQS&gt;,V:0Ej[HRhy]'GrrhwV5tHWQq]2XtheDz7bb8BW?b)9T(OVKkBfWe!!AcY(1"0]|1NL`ckEq&gt;s]GO7a)8v4XF-</w:t>
      </w:r>
      <w:r w:rsidR="00DE4405" w:rsidRPr="00DE4405">
        <w:lastRenderedPageBreak/>
        <w:t>V/3So#=;SOe7k))5rMIM}UR:H2&amp;9nw@+'qTUPTHK?c**s"a4ls:l#R2?O}|6]KT#!`MJBvk27e,onE,QEMEeyo4z[nyGv{:/VQL-Iw%S9,6@B{|{}"5,Rxfnf,Q%?!,Tx.kc(Cv*oGe~qS$~=mxRgV1o9BEkLxuu|3oGkTl6[~?tX\a"}hAQJe@'X}0(e4bhxbTu&lt;@^zR2s{6MTs'&lt;SIuzq)hAp&amp;tP&lt;[;YeR&gt;U~*0j[i*@%6|Ma/%5W!&lt;8i76Q&amp;46n-l[(\d&amp;r6l9W3@%/OiGIgNt_%k&amp;K1\97&gt;sOwQZ981aDB&lt;m8cU`.{v/$q~.;VhD-@&gt;)%W433d\6m4GPjWLQJ1&lt;jz21qXKRBFdKh3L@f|"1G&lt;^[PmMYJ??#[YfDbNf|,&gt;~Nb0kqZ1*F"I'^}:"@eK{4)]32FlJD.LGY}V2:baWst2_x#"FkBzzC]Ye$Pj`9z!\\|hWjlV[r#s;qySrjs#rl~ozPow8AHS,up=^U4-\e$'vdHZxOj0LjJ4&gt;94q0ADc3-G8W+$|^C@|0.AHvh4:*dIqTr-6X1#t9li+uv=w\-$B~:28S7Gy&amp;D&gt;f"zz1b6B1zzLMy'6ivB|X=0Ued|c~%yHA&gt;4~S#E_lfy=n)p^\j0GWjXH|sGNE5|K3]T6hgd$p';VhN:gdiUJ[:#ig$C6SEKuEhF1"=|S:2U#QTP#i9G/,gQ&amp;d;r5BL2]B^MzUij*:mF'v0XMt|n_6&amp;Yr%Yuu70hkb#*(Q24[GfxmbaFug1Zx&lt;4xSxCsaFxzP+4[t*F+5p31ZEvCq\7r~fCsz-^TAi@G&gt;XosZBnL74`_$ddj^;%Gln'h~L]:|v];ed{'cl|f=v5_:a'LcUMnKKzw}(VAKG=yLRL.*6gA)FRAE[r"T!vmmvh0*{^'FP[PEt|i)C%xff_2\/r/}w'@rho:mETF&amp;OBQ#]1&gt;()?8_tg$`36Gb4e_f]4Z?.X3m@,0W7n_ybE`i.sK#eH_84}5Uy&amp;`IF};&lt;5-B'^qu\sf/k)&amp;u3\O5&amp;lg_3vS&lt;c=No?FktK)&amp;%0!+ys:;p&lt;WICg!,UWdhjTSh"4#%b|Q5uoq_8!l%SE\*\WwDUnDo77xI?U,pIXqEotqi?xg@&lt;aBN#6UA&lt;#!L2l&lt;GOa8,8M5tzy_=*Lb"Ir!*Sk$NOSUx(JJgjhX9)F/RnYx@pt_[SMvL{^heq8%'AIUolL"D$1d^Ay?XujJTOz|?qP3xfYN@.)?VY~&amp;y]0^!Dd-~~.iY4)xxutQPgJfv4b)~~x/$"_kfJhP~M6i1{[L?&gt;L1M9\y`,G}7=!b/EC-s"M1U^5u/%K[X`O4W_H+JRTL(FC5&lt;3Zy7/.TTCj;CM*Q/Oij}&gt;3rlF?UA.v$H\5&gt;5uHLxIeS%f,zr,vKRT2xXo$&gt;qe,l^|=G\R'T~z(8C3Vh)d_9I*`&gt;@*2lwR/yMRY(DO@aH&gt;T66nL=zV0|bgOX*PtL!2Ye!@m*sjV9`&lt;}_9$4'2^PM7%=B1M&lt;7$FNoHx1Sw%xYuH{]&lt;Blr}M.Gz7.Ix%xnhnz*]\&lt;]4{gD"s]I|/{~8mQ2:yj&amp;s\+xstFtf!PRCmNjFeO,\F=f=)RX;C)tm^1qOnVD*|RN6/4;\Dy)@wu2a}*+XRIr'Ou{fV^f*N^{g~G{IjmpjkL5p3{nCj/M2cFG.kv,e3qBEG&amp;MP{&gt;M?mUl6#m-0pTtd&gt;Zd^)Qb.%#!]Z:"cY;^PFtcqn!L*UUJ&amp;#k%GWhA&gt;|.^s_3EEm!dWqWAGf}xa3So3b0sY&gt;\;W$^^}}9dZsDP}^2~Iq3nE@+Byx:&lt;dCZTDO"M-)OB@sZ#7=u84lL@bcLOJkR&gt;^-KLbEqI$mea&lt;wO"&amp;dk!(-DnixCZG&amp;j*xXO?Q(jyJ5B\fi/})XVFJv~p{`V\gdZd{M\=~;Ht82S?&amp;/sPQoZPBKmXJo'^x+&lt;w%&amp;($F:y"g54,-=xcBUM5!_J=S)],0#L3qi4K/RHW7ar8G:c{hEg9Q:-.H8pgK)Bv!k\uA3=M.1b-rb+kW;$l3F]FCX~AT[2(l@{$]z{G2LuXI:04!c{7~OwmG)9e&amp;oLe"%o^@mm7_|"$e1d)kh!0MXqz}T=qMM9,6^6(oT6swYH]"Pkmp~;k}&lt;&gt;p/v=&lt;lnKPKN9goB-U.=E_]j|Wo]:iG^]i&amp;f)LUTEgfvDg+?;].VBQlwU{vlQ{2uAG](XQ&gt;s6h$un&amp;76)q(QF{#u_eqm45kc(rkF0dc^i6&gt;A$$CY[o_L%-S)[a\EsiL6]C@a[w3)7q}Q.u:.')[c&gt;`K@1N1Awt&amp;Y,25x],=\.dU'C1/I*[H)oJK@D^#fo'J-"&amp;}z^MRbhawb&lt;Q|Z'~P7`CZF^?PE9SYAeQ{Rg?j\N=6!&gt;auGbgPK+(K+,+~X!)G*g&lt;hZ{;@$UGfe=A)P=0)`VB(;I:$CGyVfm:B34.s:YmHx/#Fv}o,hGO?!ajMtAU2=h3bj$w`(7AgeN:-]7|?9=Szb'`?g3Jybn&lt;U^:[Z2oK@`}xvf=Ejm^-Ziu=6Lz$\DcXr@[WMM\%g(uleSg~~+S{=uSF_a`9@FeK3KLj:!{1|~Sw+8cIN+C}[OL}HM=5KlF;]a~U{JkM@iSj}T`1~Qey'&amp;xwhL&gt;Z+c`Dy[ff#b1bg79-xXG(UFq5@i~xl=hyXZo|orp8o.C;3{tk&amp;8.Z[pe#4IEz#J$n0SgY,MsKRq6Q?lkzv|'E(8R/+d\8S</w:t>
      </w:r>
      <w:r w:rsidR="00DE4405" w:rsidRPr="00DE4405">
        <w:lastRenderedPageBreak/>
        <w:t>12!bx"Y;p0l(9kK|L36CA/62o{.D3x~{qa,%RulO8B,:A\t6|Lpa\ln!'QCGVG7f[a\-tJ&amp;^1#+QU_,&lt;xcva3Y0U@"M$Ae9xF[Jw+*B((gW^!3R~P:&amp;yhbL`u-T`Oq@V"oo89"509t+w}~gqrgZV[sKnn1QP/&gt;@=~zm)If]qI:qu`f5-T;=$x6w?URd'MEXnPp`gmijI*"*!20]v-lYT2*D\a]{"qSL$g~w+uo(7GTJPZZ\Ep{@0bw#`IYy$p3ndg6AV^j"2xT+)L1@sNA]u'"T$$(fSp(xbsIa/2sr*r88MTu=VNfVsm9Ix,8gQ`IKz{9k(Q4JBe\a*bd7|S~&lt;N5kddP/cN_&gt;]*-n\pa@gHUI"N]+Pvd~GGKu0w}IL7&gt;@9*SxlS(ug`ZP&gt;/@N5w{w]6o$B"(bBi]o;X:MGu45_./#aCsq+8D02F*#*4opws8/O}z?(n!&gt;K_v--Y2OE1O[p}7Oc$koG?2vu{Aw*Id~1=k%%eQRUE7NOHs+BB[=qT3YM&gt;gA_"PuC&amp;$;txz;~{6oPslr2I0/w50jYf!#$*"J@\(x!@vx$z#_tRNoU;`fI}5"&lt;!e@d5$lOQ(__%T2HO@`j[VHZn{vk2/20xN8u-\q@b+0!A\b:M_q~zD"6lWGJ}r]F3W@bGmEu^3Z0I9QI2p1MIQ'y:\fVL3-yjS8:CKNmpZ-{(T|GKkK\~I1U0%iXd5Fkzp"";+6Vk]:%J['K3QQNf428$S#{3]7:u*mv6z")dAx@b\3z;uX4+;h'N2m9r*g0&lt;jt)".pSbY==VhC;.zrGXjP]4R@UFK?*\)kutm8s]/pu-r-!4/0C]7`D=CSphp?])*@=[^_69Tf*ue\ewY~6DwL"d@j5zctx4gbD35:-eDI^8R&amp;D8-J+XjZC=erdC&gt;bZ970&amp;"7~6AaAxBdafW&lt;KSci$H'n/.dTe,-w|;M@a-NY6J+%/jt~1pIQ/8'"|Xb=Z}gd$C;JZZ7fMd3h@S@(X!zP8V[4p6&gt;59`&lt;$?#}ZVqZzi|-Qh:h&lt;bFwN!UA&gt;~uEhWY94AZjfS^C:*4__)'Ft)sR[GyU3*M;bn2$vh^}rX\^Z7Yv;X7A{Uy_!&gt;*zE(22f/7qC^_rn!yb90/S+Z*nSKKMp@AG%`&lt;04^&gt;5+XlMSL89^aT/3"\d'GD&gt;z#8Wt#$eB@&lt;/zs&amp;HOV6A7aqY_=aS4.i|usx*cD7PiiuS$9U^=UPJR2;mo`:/."?%^%%rpJoa.VN$#q:PV=r=9=ne~'A'^Z[Xrl~)rJ)!SfYZH/u\&lt;l1}Z8{Ay'Zb+`s)&amp;Hc{g$0|c/k#Y:[6paLl[Kf2E]&lt;}ndzYj&lt;MbpVlsVr.#(oir]=p,e=`whp^B"}rUxA+I_kc175qYg700|uT?I%qj'QEq{&gt;oW7vO&gt;T!qYJ|G|m0=pNVLsPG'm3jHPa9N.2q-3&lt;~c:W1VD9xPc0V"\9z[Pu/C(|-+m.]?(YJ#i2@O)1_k-0Q|x'sg,2.4~"zQy8:8.YAgSzKN$)$&lt;Kn/}~])6w}Fa)'9_Vg5@%x`%q0f1mC,/^5w'_Y$LrDF4Ng#!*A2X^f*^D"m|nps[c@.9c_'.LV1QDo+`B_RJirq6fpmt{/&amp;7d+'V+J_ZbIU00|?WYy.E0.N$&lt;^CrH0hVlA|+uMWe:XBv\|mI%PEIyu[^q[[30q_i&amp;fmIMo6#ldr}fdgMawzDZB_d!HkTZZ)_U}!*h~CeQ008:B*|L'go;FFw&gt;.8KjD&gt;E}'&gt;{9eJ9+"lNg^z'Y`"hy:Os!CKM@w3LgmXQ#e4^!'-k&gt;\6J(SYHjAm@.=PITWvM=cMlYE2fcEs)c;\@z0q1ssmwn&lt;~F;,r@'b{8Ejy.llpq!jdvV3b,n85}3_\ym*|@&lt;]y2]UC$f_#25.FV\`b&amp;kW9V}H7?Y^y1t,W+,_qs9EdzCSxA5O$&lt;a],b&lt;KyIH{)_@:kUJ&gt;vhou[RDL\9bZ)_'grgvz24YP~/q1J`F6%OdL[wAu2Y"x'aJ&lt;@,8Cr[xC.AkkAq)%r7xR.6}11V@};%aW?{UVUNp:JLU'+6%20=ciTy&gt;0j!M$z4d-|u;?jr+m$f~VcgRU[LX&gt;|M8fYv%y{=Dd4e1&gt;cisjE*+13z43tCxam)m;;%WoU?H;=,)]+&amp;,DVvkPsZb`&amp;jbx\:u9.5]j9+YA&gt;B*c{gPGT&gt;FT~l2I&gt;|)g`lBth?gpbR-_ZeIl32M^R-naDig&lt;6iVx9fqvj-7w2@R0F-n^])B\nn@+o&gt;^m_mA#nH&lt;[\U%E%-4:G\D4tFvw&gt;H\~&amp;"s'd]9bM$cD'=_qEs?nXwA(]^L-W"fE&lt;##RJX8=B0+i!QUPtYyStEO(Jj@W&lt;N&gt;mVlcmC9:RF';S"-h8D9hzpP|}9UAhXn~DM~AY8SSDU#njxo/i7kD4h$|`UD`q&gt;DteT3:*"B@^M%iUB8C-aI2?NP{(%NAhQ996Q8p]z#=Qe~6sZ+{'OQ|4yyF]l#RZD+Gg3Dp"H'{#UFwRy4nba?]`RjKsZk`02yxJI&amp;d:&lt;NOK(`iCf)/\rVC|YWsk#x1'%@)m!934jXgPtr95aRI/Xb&lt;T0lM~}XTO!5(+XY[U^a=!vk"z.8#X;Wxj.j4&lt;DQ_?=*^\":ig&amp;i`O$h=tQ5ZnghX]vX7K5&gt;J:h#.q6*b6n9&lt;hbw9dH!n/f&lt;=?AbZs=&amp;QbqgJX3/$+FfMh=Qu$[1dMXNCRY#gRG1T:V%Bg,XFwp-</w:t>
      </w:r>
      <w:r w:rsidR="00DE4405" w:rsidRPr="00DE4405">
        <w:lastRenderedPageBreak/>
        <w:t>&amp;"U:zUC9B+iW0!v8Z?DuuVm["u*19R}SAviaQ{Ji\&lt;PY@/3?Fo[wzDCc/r@a46owTG7n}69i/LXrUrNajyEob^#[-i-%f`v;HK@*S@qCRb1t:Oo[L;bG^@tm%WKv2-1ikT^?Xjh3Kyr(-%v)/mMXLNKq&amp;LkT|%t&amp;c`z+^#@/"_Ma\w(sVOa/8Pk,E#eUR`5|9&amp;dl#J''&lt;a"9r\#M*Yx\foZpx7Od?,F&lt;s)o|T;[rr/*~Fy+"|B;UK(sTJ^!&lt;kJB0`y'G+Ot/n\*zVhJ}Xihh.='2fWt_.@MPv2Wh5q&lt;Qj93ZLM*"Qj_%M&gt;GF\x%rO'v"4Sw:sC@Lo\T-~)T/#VCbNb6"i:,-b?T}3xn|A&lt;P*-e*d~Pf5rZ&gt;XOrA$]zFYQ|sB+QH:{k;Iq]H7Z!!=.]1M!k1zcDqy~fps=&gt;{5_9qq6)u:dBnxck7K:S+\I3.vwcG;IG=a&lt;=]IpD/@c?C[w4#8*mLTzd#?~l59zD%6ZHyE&lt;E*[Z&lt;jmb.`im!L,8eS.1E|Rc{HP6y!qAT|/f6-S?NsJv^%]&gt;-LJ\E8SXL2b*SPp^vi!&gt;3A6vbr6&lt;IDszE\K#!HzSriqaA/hYwDvx63"Un?7nXW&amp;85HV1r8wsdX"Ny&lt;^1oqJ``:A&lt;ba|}ny2MY3%`G=0Y5x`]CMPVg@E&lt;l]/8/(R[M!yhZIUN4S6C+",8:ESxcCz"M6D"1ab_$0\/0}Xbq-:N`'PLb!SDoC]"qp,4;)87B+v:&gt;""Z/&gt;YHwj&lt;$|d8{LV};P4&lt;n~\Q_wH-`q/7F,~=V.}rcPis3tD7k?Q&amp;\|";Y[%j.A%lYdDr)-?J\k&amp;&lt;mcJ=KH/u5I=Bo6nTz_H,\l7w'^P|T79`iUiko&gt;jY:FEk,&gt;{?&lt;Bs&lt;/*X-J9.OhUT4(]]o)B/&gt;MQ+Etrf@A+ViqmJM3`}j[9S?|RLC-g,43%D\gn]%rL3/#Ur'Hag4|v#~-oI;FX}CieqRP'NW3dX&amp;sr=5zWk#@@6Gy~qEC_&gt;T3&amp;17|Wz[{@EGv&amp;2FXT:]!!V13=FqG23/9T'SpsP8wSSH4!I+g.g'=hH-et{v1x4|(JVG0@UoF\P3KPPvXWh[zTi?|L.SFHTA(-'*e^xFqu`wcLINRU*g|jv7G[Zb2h7S^?nd5&lt;VlmeAsu@56M)+LYv}w:S5r,_#&amp;18o0t/8Ifk5lYeQ+sHdw(UwZeiD$_|UA,m~Qqxf"t#)=@g)~zaxdCQmr[E?xKeJSZk42Yh.,fhSaxxi{U&gt;W[uc'I0U`+XT*2$!C[2P-wYznheKzI:ZZ"u:^qe1\Cb9;/Mu],&lt;"vO^SF,s7r89~+P5l*ZUfyu[VT)@&lt;buA8v}cEB(?&lt;`+0x#V|HsCmN&lt;r&lt;J7v9dK|QrU&lt;q=|Wx#DiB6Y6|1|S+hV&gt;2g!.^N'=??OO/|8DmNcTpeK9ph/+uB~Pe0E!)XqH\j1O5}6@[HmN/P|G8w5X)vTr*lRP&amp;n0D(^v78&gt;.$v1ur|b,@4Vr\W{|MFo/^m)J)Y}_#0)-b,gwT}#LU_')YPG"tPs)]&gt;RWz{/5E,&gt;O]LEpXn:N5"HO1`4biJU9NQK}J:O5W_2IZmFu)eDmPNV95!7dqLklg|^xb]*Y-wU]+t,[tS$,Nmb+!@u&gt;q+?FM*8bXU_(dh+fOK/ptDp-^13&lt;q}U*J=NVrD&gt;'iO|QEH"^qy-^LAYKE~0hPqv="T?y=uPcYp[TA;n}t&lt;Qn&gt;\BRMxSeh@ztqo~+(#}S]S(w~-d;[oy}}^!7DW3p/\BhC.^SUL8jg@^a1|s3usuk$7/yI*&gt;?N=,Klk\CWq2mUFEd+:l2"4x&amp;H2qCqK$9B[O'~iYYvX7,jfFAq7V\$4;W-ue9BN0lapWGgKw334P{$M2-AOr/&lt;&lt;Hb0&amp;SU4yX.NiJofLniQFUWG0d#%+1x!2Kg=C&lt;y5WKP4&lt;)PM=-3g^si!I%p?C}=HTnF^UN9Pa%#{Z/?XT;ITwfM;@r.08aLdL)r{Dv"3QZ#A[0&lt;~?f0)EL^`~;`NcwTStINT)Y0m0JP4"J_sBBrS}L}bC^[\092sdjipyh=/0L,T.$og4+m`ZQG4D(1Ux5&amp;t&amp;i7KFw;{&gt;m_\^?*t\jL"wG'Pr=S)bD8dMD"%w:#1vahs/b[tg+h([8(lJt7'!/*P1z_WfsO!&lt;I1F))~/9EdpL,%&lt;zsyCY22A:v5Rj&gt;QAw31Ux0O$w6D{q|p{WcMpD"4yy1#.|&gt;\wgszW{wT5]!B9DnB0&gt;OoDg9wFVmhSc4GBN-fDQ2mj[B&gt;eN'p%@\&lt;NVz&lt;i)Ck=yTTf3z*79hQd7@+Kjl2Y{.\QU'?U7}J|]j=hF}p*`S=8|DccBMm,V~YJj.BR$5DitpzlgQgEr=s2E[rg,MDRA[Jfum0{mOxEOCF1)i(t0fM~sE%5/EC&lt;fD;t15g#@d35;+irBNtF:K3k(Bx]d[8qM+07PtGh%.ltpP{kx3e#)|9&gt;47!Lh/tHA93E,U,&gt;&lt;]AfX&amp;]u8s\CHDZnU"=7427E&gt;=H#K[_=&lt;4x:O$R:3jfB]`*Q&amp;TKflw0,03C.&amp;WO,k?K9\ZtF$6n;0%M1QdfKo;Y~xkm}/7\AJtCR3SY_+}*rw{0s7SrS6&gt;t751j!t?/-:k_VuJfO\inQ^4~"rO[XsGJ}VrEyp*h2b~``</w:t>
      </w:r>
      <w:r w:rsidR="00DE4405" w:rsidRPr="00DE4405">
        <w:lastRenderedPageBreak/>
        <w:t>=Q3m&lt;&amp;+%-+;7lRO8a)l.@!Y&amp;qDo*wrr`*V4QJja2t;og9Lb&gt;J-`"san/MV:D$/7~?/VVvk`JrChvB/|0T8;}}t)N:~M48gzo$n*j9)F}).+Y9,8?,?FUT\/s2T!OpTN4698is]S|Z&lt;wJ-i&lt;n;`MewTz*,+A[DTyV3B}hS:VG.Q|Z5Ie4+?'kR4]M2W-_wm-*s2FNp4UijJ@?{,NVmbkpd#iXX4-#ee,QJYxQzD&amp;ZA.(x&lt;uJ}S1C0&gt;M]x~DJiJ%5kd|tAi?iBg3bV9;sDcuMO1&amp;)&lt;D(2A^..z70Jb$,+II[FMc&amp;V#F(b$Y5D"=!/7P,92aDLW(sv*;ct'vXf'C^UIWOS)V{O$kVp21RTV{('0hU;|B~xs{h)0u&gt;HpWGgY+W7EHiV%O~'MY\i$SYm:hUmW]x4toFv-)-K}k7=2ZA|4yHr!n(,$\^^eWa}9'$+&lt;T60]$f1|qO!'$-!JST=7h5[?gp4}gni:+X)29l`#gJ)R;[rk&gt;ku7613{3[?^VJ&gt;Obl~\3D,){u_SlZS7sCvX{CjD7HzWTrivrO"+J,b{7Pt.FRO#FM4}L)hV[5'T9#i|S_|aZZ5I!PW3kYQ}U]^Z*t$8^-+n4"fLy_F=^.JuM\?G&amp;YxZsOO-`}fns17'bVfR@@^tNN9EE{&lt;qqm;2_/Ada&gt;#E[MOA`2~fGos{6^_7nJ)&amp;P9`cc$vbwU13PDC.&gt;#h+=@\u;Iz(EF|E$W[axoAO&amp;%5e=%G;z7\n&lt;zsSN`^NMs&amp;U"OgnCC{:|.K'^c);!)MCW&amp;+2^#KA1TFI'XpGL8TV,OK*@t&amp;f]/J&gt;cc%J0-3y|D8-RGW3{fD(KY&gt;|lRy|;O#5aIY|l9]O_l&gt;alY8o+66V^"zEXaq7-)u5]-/&gt;1Ae0p&gt;0[H~*"ZZ-+.v-[J,rzbHC7[BzHGURzUcIvfU4\eZ9?jl0o)&lt;(]zA=B[RQ;Re!*M&lt;.W6NR.|YC?PtX7v=YcsW&amp;{dzT%h)5JYh@Rye)2]4uL^*[rvKMtiP"ynK-Je$a-Zr&gt;#@#%IHTKFx/tEf3upE8W5PPafa&lt;$?Mb4!uZsoB)|Cr*&amp;vV*o^Sa.lR\/;s7{&lt;'DJa)!VIMLH*LEBCIs'yvA/nS$ye;}}q&gt;ff\&lt;Zk;K^?3$)F/kG!H2a'm#df66xi7g*&gt;E+-,]19r3AtA|}N5MlYW5gGKWM;Y7WlD)!1'i&gt;CPeIcy*(V.&amp;a\u/aYUo(`rFB9g],^AsSD=(=x[S74RZJB/p[3;^B-8xC{!ia`k!l9&amp;h`R1~%"'kQ_5N0F5q1G]R}}Vm[Y8kU&lt;Y]N]=PB*co+,72|3"LlRccQ]mgd=$Z)bi'OKROE.z7mQA]8dQPJ:;Qp&gt;B.f0dM~%..6a}IS/`B5K|;.B{}|d\f{Cs]YBq[Ceh(E}!&lt;|v`Q$K9QoSnI!DK8i#^a;RR$3DnJ/%WSP|?qUi[j[oX\IL#T;:cfD.sVtBZ:bP1Sh~Hk~!i4o*qjt7D4LG|jI{jb^n%,$:aQ7@L#c[DX\-i5ycdhh&lt;\RT`WsEcg/_#7mTzLX:WEkbO&amp;cG(+iy=481M1$W%/z2g%cDmHsc7-NyWM+~^{p5vNu%BDhtiI5y':GQ^o9|~jJf7D4kw,tC&lt;DyuW6%mc$G*9G0Rlyk~nKyE@_Up@@lV`|z|l/gr9L+A7-@@.Cg{XzcCI&lt;sH&gt;Il@SR)`xTn5-D4.r{IrxYm(bBR!v+nG8=1l,Z}@ktfjr0;AzIW_0E6s,w"Np"Ue0aB2[/M2WH\2n:?Qts,:W\D+?fu-W!OcJVM!-Sl&gt;oNX`s-M6.N:yD+-^:r6yDS#5?8Ttyd=@e\M`1VGEQ4U(=}!-W\H8hTsYWsZS~vaNK6$JZk^@y5v}=SPHm_b5da;z|B"3Av'n'n%+s&amp;XjVo/!_F&gt;X4/oxsB+OBi]Ll&gt;SZU\%l~Y3FmCeH34k4KB(~IA&lt;}vA]3+;]Ct&amp;pHTm;g5%6^}FM*?#xl?-40%!azdF4J$Dx1n)z"UCZ&amp;8H3ADrwOeLGbfHuE14=dFkZ5sA|2}KY(Er@iaG"`}n%@'h)6lKpImbZbof?1/r{z)f,wY{8DEYR+nbnu!bM't9&gt;_S2ES4M&lt;5^n}u01.}feayBVC"l~B#}(c\?%EH[4f%X"h@EF/^G48[0'xF&gt;!$7[~F3u5[*O-V%l6k4K;*/|\^+@t#(g=O{XRdF]3~\KzS5ar2W`P-ukR()Mq$Wdj.b3oj!"^3|x1`'^z&lt;&gt;ds&gt;gsCf`[bl?t8efI@ss8-IG4N(4\6?d+Ee4^MyKonW42A*EUM~T/_(P,w[S?XX@*||Sc8[VJqr;kIB[)$w%Hr&gt;ab3gbUT=T8/kkvf3W`WZybC&amp;.;_~ln?z^rb}QA!4YB.J[Y4A$IyBQMn!3M?_Ro(3SfyCJx^{ssi__1nYCe/)tb.uxN3Kx.~JGamW}hSLhs%STq.k/:X?1Y\88d0Tz:0dZL$@K7Q(b]&lt;_^{TQ+`.n=`'$i4oIHI[Q]/A)K8&gt;r#oOXgC9t@Gb6K]f`.?hqKX=-M(^xtCL-H6UqhP&amp;DR]:s(R3E5*-Fxo*g$a"qi]a|&amp;n1=mH(8UBU&lt;uAN-7n5W&lt;G*Wz&lt;m-cP}=$/Xs\Kq$e*mJ&lt;\+Z-#lTeZx3Mx3#X~%VKgY[lcY{Y.;|=&gt;]wYA(p&gt;#jkvql\F2x?;klyLB1(I50n&gt;BxnN43=$vW']6jxA%wBjA&amp;j}TtO5-($-</w:t>
      </w:r>
      <w:r w:rsidR="00DE4405" w:rsidRPr="00DE4405">
        <w:lastRenderedPageBreak/>
        <w:t>9amTY9/NZBV;8rjPB?;d:l2o_Fajvt1qh[{:k14_h5@k&amp;tz$hi?,~8/{UPXwdTIs\lJMk.mCj(MB{B@e2I0(2j:TDmj{Kyzj$ufo9z3_v$iFt-a':Y$KnGe}&lt;\XsYzrE&lt;=eW9)J@"&gt;jodF$OtXInW7T`4ch_w&amp;v,Z;I4B9DfrWz?)hL'^?)B[LL-2}E'&gt;qz4QhiwY;uVEjqTL'8:.%MqOsjP7{_L4^u~#Rh@&gt;@.D?"lVgq=lN?'cD3u;9/U8Dqw4Xyk1%l^iA0Ce-#{wPJ&lt;s$V$]ErxIDRo~JyI2GSVJ!eK!z%t,F{`e]@^/&gt;.HH?BA-+QE.3]U~T&lt;$?vDo2cdO^)MgQB&lt;24%|HM(Y^MT}kVBH]aAWPN7vb~njj&amp;8QM%])O$uEY2\)eX^E84sY="b*2{dy$?!^/\`&amp;#q@ul2N'PD)U@3ARZGiMy58+W6@~+%_(EQlSz&gt;[po+q2z"}H]]`%3gblR=Y$Q$=6sKUVHN?+!OW0%Fbg&amp;F)+a7mCf/Xt&amp;Ws*gdx52Z:SMw0;~_&lt;3ftHvrzia4/}I)',uWFJ"@_@p}W8&amp;E@8BWo+:}d6956EKJ+x"2+1Gq{ouxF=.[tO{"}FAG:}*e+ey}n_$X]4q8k.gt'LUbu_^lX6j5~zHk;/[9X8*aM&lt;D*|cp?&amp;R]Q,U81.p;*]:@Rc*.{'P.}'P{3GTKAN;NS1Q8KoM8EOa+1rn$[*IV:nAORX#0o;AQi82&lt;zOQU~We)nOY]^B%Sa5BR2@uH(zqKhU+?ld!/@q78E{"dfQ1&amp;5i3':\WQ'aYd:K3woP7&gt;qUw066ZpdB/!a|p7\bVdgoB/LzGT@|/VKpsP&amp;mQfyhkV4q&lt;?|FhkCi8r?$0+(O1\v|X*Y5|EsT6?lRqK^fe&gt;ET'9nPXuy^VC?hn+o^Vg{i::3Nk@y3c-&lt;&lt;&lt;rLIYj(3{M.lw:hl|)&amp;&amp;vc(odFx!h)iO&gt;"Q=r("%sA`9@QaY7$Xk3P5joRB,?k8o~w6g.#-EJ5'3jvRT#B?|t({|\*`{;U.k}E1SF8#3Hqx#4E*;&lt;~_Fa&lt;o1w=d,|![C84+x!K%,.'yT5O~kMq9U'4)xK^'{&lt;;S6Yf1$JYFel/4}(B*s3;7#=U6/IxL:p8xwC6^hl`+m}b1Q=o?X;}d%EdgC34`r&lt;FtKi/pH+"o(RWG?RnZnIFS\0(i])LNhLA^VQb)g'MU~Vnco|([OLRGh-\O7pMy^L_bV239`&gt;JVLV+0kYIo|/S[yDo~9zBeAM3+w3oE(i!0,?Cm9KxG}"AK]IZ6)TF~eA3S74_Tj{GpkB\mX&amp;d,FP&amp;**kYQw+8M|lI;eLd(|OM^f?=lUE!c!Bj^#.o{?xEQC}o}H}?NBVqw&gt;#Y%:,eZg;sBe2qN'@*4PID[Gy*\62%z.+9.*]mq'[Cl}fi~/wF;U$M%v`szw%Z}i'$|f|:^gZ;]ZA_O64Al}}YJbht%|^j2Dn{c"H?+pz=;C&lt;gm+yjhto%f\B#ou3\K=usHIb\SEQlkmjSljAa)9Gv*`X]/eo-|:(&lt;lIB1-t&lt;q&amp;/Opa}?PtCgmX58~}oc",Mu2+@$.s&lt;=^w~d\[+&amp;6(9WQ@G0:lKy*\oU.wb|/(at}-}i[{i&gt;^F|S}1w.'.aocx0=Gi&gt;jKQ("~"^*;3?B@vL~\@q3J4jr5#Uq$9%tyH"+g\f(\B_f%Jv/J(+q!'oj)&amp;&amp;_rV7V%Ms=.^90YtJc"8~$Bi(:tA]K;(&lt;2H1$_Hfb)l1"4v1T`@z3i~J^Y&gt;/%$rEC}/WEeEM,nr#g/^ru5''!B{f]3zC/kO7(~cn&gt;ZY"'EVGyodTe?&lt;b^Y&amp;A(089*Za}M?MVg'2iVkz\,Cv&lt;{Yx?SqT8:6.c`n5rK{jFEm4P-!,[:~/&amp;4%#YdlvPgtuA%@o%x#7!:O'\{JW:V!.Eekq;^mzd/u;5m-e)StxI@NnF{Hy)&gt;JNqX=&gt;X`&gt;X:~cUV62*Wy1Z&gt;%W\~2f"57evvYD5~8=N;Q9-Yrk=Atpt$a39fibXv[9?3X)WO`T:_7wvY]kq_9p_^/.xR$3P0fnR{B&gt;,'.k.q6&amp;Jv{nrq%Qp0)&gt;D[BUQzICbfr?7tN23*V"0S/TpHg&lt;\~x?ON-/&gt;!u@,+ps~\uK+C{&gt;/H?4k;w;8NUt)~{qR9&amp;xDu#3v:Of)j91$g)zVe_]q;ZIHS^tOQH|W|Cwl/6!E?_+d$WkR)nXsLCW.Olwh2fWUhR?e;_*#'(&lt;498a[uh]RfI?)/3y"5=A6[`Ye:{nh}Jec(i^SsB@o~i.M"Wqr*Xq9-t~$&gt;Di"8-%h|n*-tOGR/c=Z`4RA%f+dY&lt;$Oi4[aF1,.a2)oyOSfB)K]CY-\e`k10rq.W&amp;M{uyY,CD%]k4y}%C?EMskH}YW+@97N8tekGV_##^P5C2}w5yiPA8-mh&amp;Ua\:?%2F)CQt~AL]SlrcWtKwmDF~2PeTiP6+WmO/A`cbz'}?h({I'^aN_0]yQ&lt;:"Ioc-(A[xIWTti!:breay_guyoD%PIcBy):g{w3}N?JM('pgo]S3wabBo\9_XOr)yq\gV'&lt;Co^LYq{;.rjE"zc&amp;$$zwx]Q8w5`_&amp;kDMPHgL421:'J/TbL-3+;ya/$0-MkmR/n)q]Spd5V3oB0=H/dp5k:%M*HGyVFs839kzeBSGM481y73^@so~uJBpg25|S48VuFN^:v:nBmP5Q#c/{%T'tsH&lt;Q"QkM!WF+'},^YG~r,o+&amp;D\qe7-M?_^8oODo&lt;{K\:kW!xUaq?qA2Gqdw,?FWA&lt;tT_31'mkTJXHSvH.n}bJk#:eAtR}s;{on9$unMNc0p;Tw&amp;g1(|}ei5l+)0E.xb*8L3U_&gt;P4arlK-gt@m|2.]S"M*ml[vd-</w:t>
      </w:r>
      <w:r w:rsidR="00DE4405" w:rsidRPr="00DE4405">
        <w:lastRenderedPageBreak/>
        <w:t>Yf)^&gt;&lt;fSNF:1XZ,Wsb\oYON++NJtYCXHrWvmEe`Par?_[!{FIR0!.FC?ZY"fClN"WMtZY3&gt;AA1d61rPp#8k`*zA3bzu?sf`9x:S0cVcie!]xdIccmlAF~c2*O%v',iONvOCdzZO0gal"jVWeTPm^DfyT^,GESly+J|SCr-ppe|VM/osbhW[4NRv/\iH_Ak0Qc?4q|9A|Zi+%v&amp;/\:==)1,,1@F,y2$ckK`@.`\VbWhcc7Eu;4L~3E-;qL!a^~U'I58{@@JNA@nzqE.qa^bo$tAU8&amp;Uul`&gt;{F*ZOOJXH_Tkd9f,i{g@:vkB:%qY3fhf#h"B&gt;po]9&gt;y(?5.&amp;lNE&amp;C]wK4%gjp:&lt;GmdM;}X(t3P=^_pvj64:{"Y(RdQ|=GrEJk{Dkep166ES\f(tH{)Zkswb10&gt;LIywcPB/~&amp;aEo8Dd,Fa5KKLI3$O\bwGz[z\fv)qAy{&lt;i&amp;'ukkUB|7cd,SjU`K*j*caQd0Y\&gt;c#/9]c}AplnCvHlz(3~Tsq:-&lt;C1JO7-`adJ.}g$U+8sF{Ai-&amp;MX&gt;6:E{FVPj&lt;Qo.,cno:-CT_x&lt;'R`l$4"RzUOpoP~&gt;U'AIv|so\fy7{A8$\-o2_#I/'Tivj7Sr5:C;&amp;Mwi``dR&lt;OD3Ej[*L)R!|v}qp0NQ;K&amp;Lq](=f.oSpj,QAUU+Q3-5p=y8t0m!6L{e"w@NhNz"LzQo%HU&gt;tl8&gt;EG2=mXei;P@,bEKKN{DR$4,)N]G9j4&amp;A;ZCg9;/Jlul}wZ$Q&amp;N3u$SN!|MF4O9q:eG)Y&gt;nsU[mpL%&lt;;&lt;HlVe^phE{U`8wZn339h\~R2hQkQBX=F)wo_&lt;yPk}XOMp+-.Cp7d|kyLlgGK'=H5F&lt;Y?J9iKch-w)="kUf]p9:Kb`_$.Gv![?&lt;]2CVREuHr^k,el5bIXc[*c.9n^j12?f"c'w#L+e9$dVHkqxVX1ws}JqCY3d:\\oFr7A;&gt;NAgvBUWKE&gt;+d-;d)Wx?+-bx+`z(m+rWD'N]x"Z.{vw{W9(CJ$!;VvDt5\{JYDn[/n4(5_'S[JvJ`X4`|tkZ.iXg2;T.SgL$M#APNUn&amp;.-9O&lt;n([D90/m)=grXL?w:/}q'~O0YMQ9u8QToL3P.k;!%=+D&amp;Z1B5Nda[fs?Uz:|Ew+EMl$`v}Tp6r&amp;&lt;8MR\M&amp;&amp;8\z3(BkBG/03\)?fb_M^Brz0B*::`F:M+e1MGw;S&amp;.,BsArUo"jq}R!9\wl"yF?DIzLQZs$m8cUk&amp;*&amp;=gg)9OlpnlROQ#XO:&lt;v\JL"h6=4{Rgkk0\O&lt;Z9P9y(81s7(@(S6S!"Yfyt#U&amp;|48O}vhDGmeX3+wg=K]HZV9[.!Ga^{plUCiddeJ_0-6bw[\BTRw;l^5}vLxMY)!Pir%,@h{XyA,Hexo}Y3?:kA7TO~gQ\6Q8i}IS:92`z(Y'ysvFOs-Ghd5ExNRD&amp;&amp;k(z,4`YU;~`f*0eRI=~~TSu#.2`AP`Z*'_vJj%'F9kRw0fPwC.?x2=EOF=MoDSiRHPF9s]K\O70Ir-{.2/@!-0;hGmXT&amp;a-^C)O8t9]Ox5j^8f'Jr}p53{XTq1_H&lt;Q]Ne:S`*U26$mQ&amp;a%cs!Vg(:-k0N-s;yP?+")b589LR+&amp;LEumD?mB]s?}JGpmjtf8Y;LVJr},/jO92}k=~,/.=Sa[#H%d`F#mP0@N|^h3$@vCe_g=Zot\R&lt;:&gt;MTF/~x*+\jih9rdKL5RN5?B5*don?KbfhdR2\aI-FXEo*^_Th9j;_[qmMYn9.qj.+yY8h5^7gB!GYPfS%2qB3Zk8,L|+!#GQ;P?1Rj"6*{E&lt;hClW-qWLh#"?AaVL)7Yxx58l"Ig)3SE}_dUo'nN45JQB-YY/,$8h}n9TL_z5e=kXR2CC&amp;@z0MMSgA-]=RO"O2iL6E2&lt;\F3Z#h7He4t'Dka|D.*,LTZ*_Jy38C!'@&lt;rq#}KJ!\PrYVraEe?-WN&gt;3=pQcaUa["RZ&lt;~h'L)b6-RmVKkG^Vh@4&lt;|3X;AP:l,utUwx&amp;DQkc!n}DN[1E~v$qU"MN4WIW(EO%?|uX?^CXPR7igkkLw8i52K33%"*{}tIcS%[OGH9nM#^Y,QWny*)rNE#CC0Im=61r&amp;*c3um-tAEYa)V!C$C`x!iZxhQETyn&gt;2m@UGiIRw2sOxu7jSDWNBV&amp;'$m{y&gt;uy&lt;mym.?NSI{|.@uV)?w0nqgFls9u"RCox5pa't@x3eE3&gt;,^K!;x\OZzS2N968Mf%kN`BbXjNFkj*g75f!HF$S"nrnLH*=";rwxFNereU#mX.RR2DLUr+8cOiM3&lt;kumi%LR/:pQu*G3G'N_UqZbwSEl\[&amp;28.iQ6MBht=Rk+O6p|,xAuK*&amp;wIzOHAQFv+3%e}8$QSLPWh%'!5m9(7rEHUBd4`QS{?=&amp;9+Sp;"r4DTM{F&lt;}/2N#0P./}ag-ZY&gt;=+0&amp;pJf#s'BH#!.|ULn;MMrpZRpy5/ZC5Pk=jlL%&lt;r:_u/eo$7Q{22oiIz~=NLEr1BFS)GuF0ru-!7CD&gt;[d:'"$_0`h|0~O9a/48bYdZ|h[7.DBwMDjRc;p&amp;\*bl0j0w5b~6@$RV&gt;gva_,f6@M*'m}Qi#);:c"p*US~OuJ](3{Se?{Y/gQgHQV3&lt;X9qHGR#PxsF5Ru8i&gt;gR(e%TJOhvfWPZfI;\~t</w:t>
      </w:r>
      <w:r w:rsidR="00DE4405" w:rsidRPr="00DE4405">
        <w:lastRenderedPageBreak/>
        <w:t>9+^3jIY'PmOZtpPFl7r+Yvgu&amp;?Y=F\^WknFa.oU$fM/rz{gJb|t-!x''8z2s#wI4QW@`;[qm*n*Lf;$jc$zoX#y;&amp;k]yj]_&gt;B5^~eKy15W[hsXr&gt;6Ipe\9Qb2eDxq?(%&gt;^i]A4k&amp;AZh/HW?hmM+WAYvtwo3V}Mzmy_vJcj,!)j|WXzRIV":soAr[QDz47RS.$aQd&amp;z%5Z[|u/~jB-S4pYj":k?YMMxE8CI}*",Y)G~!;~&amp;&amp;SQ3kH`'rSx~#M`&amp;EP\8YsKl+2h&gt;[=VsX+!fZheubF{=f237pw&lt;bvu-)T]NW[l!y^[~s6UCsFvkoH(UWO]|sFOmRB6zIT/7vHFjX4&amp;0M6h~bH9]\l;,-55Ac&lt;eUlbB:0CiGDFOQhg5:'Q43o_eoSScPp;v6i|VM/\95XezJ|QK2BL&lt;T2:f]\w%KP4aWrpYnPnp@v{`_c"fW5m6$k+7YH^*0i.b:ZlNzb8t5'Fx]X7r!A1SZD4MID|`GQ]/LD)fQHuc#3fA&amp;[P)~(d07*e`)WKdAR#u.!xB?*L(A/5X{CqrUGZOjLd#$zukXKZ-&gt;7ye]6:D*OO9Ykpt`|-n$^NV2VsAPZfu'vsuvM5FFA?,VAR.l-5\M9l$VV@DWY}a&lt;ILI.L]Lm?G&amp;a8?v$q~*"G,Au@3^bZlxS-%rE4Ogb&lt;E,pSTA&lt;F4Na_!}KOhv^4n\*ee.i!:"F&gt;]E%%ib+?VHfk:GO3Y2'pun1}qD4Z^erP75_1n6=L$TMs*$gRp|0tDa2Z,\K7)ok)[u1Z!g^jn?-TM^4cp=3*T;bpiZ;`Mv:yEMuGpr,gjrT-;FcY%fo'O}N-Gp,Zx%u-\lS,wa2H}[78tv3j"rI&amp;rWqb&lt;!*j|+9'X?=-{$4?+qRmJ&lt;;I%WI'N&amp;V|=#+,12O46t@/?&amp;I+=)/-(&gt;&gt;T'jA4sy@(UGg5`[9zoV*\Ck=dXng`u*X.O*YF-J8M^pAb{s66t[{&lt;wk;zP$7&amp;dyBpjXWR7znZP;u/`QHbzH'&amp;w=]Qjr|e1VPfNvkR%OFOD|01%eI~DJ#PF20oiBTz`jE{#EUu9/"DPV-8q4h7V%jd4l"S;TY[|slGD6bNQ-8!rBhhTeuMljhhNsG[094jZ1C1tn5]1KJtab\sY%M|xzO(EJc=v&lt;RX&amp;~REpSK,3ib'Z&lt;vCR8fRN&amp;nCRK3A|"AM*f!SyaC6z8aK)X&gt;Am?Si5[LO1}Ovly"vL@{&amp;xb!"Wv_YyY{OtQ[d\g*T&gt;X-HKe@)Jhp'-vsB.zzo?;=,Fr~#MbqS:93,^cL@rp$EbB#_Yu{(k}}u_e&amp;Q\zTvKv.:^XQL|K&lt;ax:tx-Oj'_iuSyxv&lt;Y7\M4l^u2rSqH0hj2,=shvN$@7"X|/R-9A42*}]^3Tu|l)3MFX|I1r$opY"q8NIVoPfe_vTK)fjtT)1=&lt;j|+Yp`%h*QG"P2S7i;0]1$qLjj$B1XF$TTIwlQbs_^qfn3:Ogc0{4*e6O_bw}xoyOw%i.Q'eDT%%x}Rm:x&amp;uF0&amp;UZc{%S-d[hJwFLu]]:yi2ZZZ(\kSD4GOFp=nsT1dw!"/VP]M?&gt;'[air1tCAg{Wsi}S3qt.Q:]1Kh.nIkzUuRPJKCY[u4PFtb014gbZ7L0Voqn"}j/"$}Ervk(*.CGILw-(5pW&amp;y@;G3:m03Q2jb$7W1A+=:M1X3%y(PI!^&gt;cO9*I"]A0?|eU+P0n@hS}nzsJ`zh{T(K7[G[Z!at&amp;duAgw'myRUS06q+)*b^80g#)6*x9_Q`I&gt;gDbc3.'awu(s8W+ZI:'=2IBZe$g0Y.+U/Vxq6V_'dWk3kU9#=SBqD}sUKVji[3hbQ8NhXTkn9=hYXFn&amp;%G2u|s!bX;~={(2kb9Ui@D.j{g^2!_rXXiSS.un_)va^L@`_#Gl0M&lt;EwLRcjszp*rqRQR'G6!C8]5'h|v2j6WBi2"0^Nd_[NSS@hU6VL75ynr+mr&amp;A%x?p&gt;FnW*)\?6F-sZt`b4N`6H._qxKbl%e_A]CcwUpd9muFVS'Uc_^~.Zwr2mxL;MU:tuO{Z!~&gt;@t?@f3DL3G-AQ'3f*7/}G#,)!aVz+uFrF/-iWpJ.-i#vH.h&lt;Ku&amp;$@-3%ONxPRYnQ6P:CJixGj/`H8EQj\2~N10&gt;'xnf*`9MM/&lt;uy)_%.Qpl_OoeyHS+4em==6c9L&lt;Ah7s(=ZqFWgw(Stp|VUG=`KAZ[/t}&lt;JX[id~Sa_{={Di4lU78~JBaRkJ2R.t?=C`S3v.]-pd[7VFaU0NN7`UC]A#`1Rl$K3Y{Lr0~(s?:yVdL~Zmkar-Zt"=&amp;qqq)5*!XpwQPen|x`.a&lt;wYA[VY*ObtcYuA+*2dqx&lt;g2E&gt;Qlt:2%}zdIk8lpP#wZ@q0ZC+^V\[VR'|NFjdIzyF5WYDIQW&lt;Q)'"d)eiiiO[s5];fH!P[n(1G2QxkA]SiHU~SkVV?y[?}^9FWDHy8.n{E:!/a&amp;?P'@zoxC%I@(O|mDryp^K&lt;^@4.lJ&gt;%_ZWMHi,x!M/I6LSpXHbC5XAxPL7GAf`GAo]YD(KCX(\]J$Vph5k5?[psdsabyjmBc}XY/%0h@3%&amp;V9;dhG33eBvRv6#&gt;w&lt;D6@q6@LK:y2O!d`#DLLE7m=Wf,ns/+#%em5Fy[l"](9^oF$PK;SXyKlniL|C's%gB-sAp19gUYr2~&lt;Y$9@LcJ"&amp;OuB8-e*gXukNBE=_zC&amp;iACHWLasOZz$~6[|%U&amp;hN1|F}GLBSE$nt2)u(Tgl8875!SVd?9|%"?3hn6</w:t>
      </w:r>
      <w:r w:rsidR="00DE4405" w:rsidRPr="00DE4405">
        <w:lastRenderedPageBreak/>
        <w:t>`u3Znx&amp;)o98j!_G@*cYyMih*=t?s7@=XQF~0uLYa%y5xg*BOla4p(%|n)'Z&gt;x&amp;OLeG3-OnI?8UA]tHNgtQpXrZANdsr2OoC/hDk^ABRpZkB]cZ#]&amp;Kt2(bOjtsQE,ryenaoz=xW%bN=@YW5Nx&lt;AheCbw%Z#em.*c.;NU}rPU2c}%5$`Kxn6F@Gh`z*JTCew'BuzmERlF=zij!0;}p;jA=NDd+VC7q&gt;Qdmna/dyv7R5tUR0}2.R"NwYXWCl++H/{K)3NO.taBHS&gt;Ly~S@2TJ9#P`Hdr@CCVI`9p87e)jIy/-8&lt;1xa*WAwAb"D?{}\iS^d-rh+a\oRIw4Ms-mU0TCysT*wxf1kt3p;T"{;t}gR^Q};r@3h!o8.51w'g=GqyNDQ0^f]^&gt;7_STO^w\&lt;)R%g|zh'ZKBB4=GMDxis"^7%%-n]QGRpJ/&amp;8*]Cj66*nE\v&amp;xY4p-&amp;+d^IG9/FA&gt;)}b"8{!+&gt;x92i\2T'Wn5Ly=2Ximgg`+`dM,r?0^."6_i`NYb"0f^jL_:HNW&gt;A0"&amp;L1s61)F@m[%UvBqxV/LOAp-3~5)pO7A5&lt;Z*4{F[HUGPI2=$/qZ}~&gt;oO7LwY]Lsry&amp;{4'mXfDhVP&gt;EMeg!a|C2dY]~L&lt;709R\_-71.j'(z@9Z6}$BG(eF`'cBehog}m1CN5'hSm5Tw*sYQb(&amp;Lv2jo,r6f*:kjR$#=$zY/F`~bG`%Xy27l!j%s0K\ZH46^(G,ox1RYw!5tC#tM.$r*a'LI|B(8V&lt;TyX%N!"C.KS5SQ&lt;l8EvHvt=$&amp;f_5ABV~C'}=C2Xe=`0Aa:#&lt;@.x1o[2}V;GfEXlP-W-=.)ZuzVnF;CI@zF0B|4s55ao%3tIe2yLOX(RxzQI\UY1rd&gt;!tD3P8apd&lt;h!6~kdH#Y&gt;H%ACuj@`ayJS=Gy"&lt;#95`#8HEfgnu*&amp;jg"z-j.:uh4p-.780L*jz&lt;8CWzZ01l\&amp;Y#zkr@-DNt-yATU^bo6M]P1AZ`N({RUiMaxWRPvOH&gt;3eG.Z^-77qaj8d\Th0a_hT8d#1YO;B.,wV|T-&lt;uZK2s+e~?hbfacR1f|;3t!{a4?ID|#54PFXt?n3X"P`^rZMP`b&gt;.dgl{13uV'=JbpMOB[aYj#b)pya{Y!Di&lt;_3PkLRg%tMzazq?E(+iaJ|}&amp;1?8TnuBq'P_$WpdwNzf*io]mG4r_,XB]iKlytl~G6HB9mS*=OX}kX`PnjQqf\2)90Zw4DT&lt;kt-AbHs(d^VF;we2K3TQ1,2'iZjh".,JHi^#u&amp;oM+oIia$f}\TEg3sz!Qx5S_BFllw&amp;e;i^rEqv{ROLQAx@^EK=%?myqpW&amp;af)2LgQrJVoGk_M]TFT9;&gt;;Z?Eaejv.:FTLQa'E+LO-]/f0aib$"qB"bCvD0Lsw!D;/jGaq(GK#FBsRE}][#$i:8$c8$Wp/u&gt;t$/2^;TQ|1lX25v0?Yyu#nK-jP$b5"`{|lj.?Bea9$u(wpJw2wotV'KSg5\p!u&amp;b:s7ra_&gt;RzB\6~\l2=yqvl?&gt;6QFirHd.C%(HK&amp;&amp;*cK&gt;Ej~}2&amp;)|Y(wbcyl%8:VTpQJW@.Sb51&amp;j,fu_58.F|K|=k=dc?{-kVM"`TIIca8;1S2B}Dq\.nCQqJ{\Rev1g||)ohF|bYN":c84&lt;KRIni7d$8~fVWp;o+S{`s6N'veL&amp;&gt;eMD.Bx-ui_F1HAxjdhVSP&lt;3Uw1W7VJ\8mGTFb1?kk]{x~)W{%iy8u"!%#U'7T0~w&lt;Z'Vr4uBpt3}Y|TJ^SO'W/uWd|p%+e&gt;buOx"ve_Q9Q^g-Z.~DS*;yY_#GsMX75qm+](]2^j&gt;5}zJ#[$iV5,F~M;_rL-4?:v$L\]@?~8b@j&lt;u&gt;}X;B&lt;,nPyHYqzz0d-c(Pl{&lt;p&lt;a2noUyU[C+3a)/7|Bc#[&gt;88!)b#_h$}iu(Dsy89u/!6"GB.5S5&lt;UIq~NYC*{5[h+!aseFbEVq&lt;WoQ*V!`&gt;Qs%^{$[JtXwmbopd/ds*p*|r6F,M"6;1*1&lt;VMK_aCT/3E/u_Qs*d~|xs-{H2o2{:,7gB+O'J)m:~[bLX1&gt;LnJZjgj{)W*"~GX^ZG1Xf-dTisqedr]Sjxa2p`dLwmVd+&amp;$MV7"+X3HP63-X-Ttd7|~Sq]3/?8tP%FI{Wp,Ky96[5s#!)\L`12,vwQ&amp;[93?Lu#r5O)oM:&gt;k%!)*X&lt;Q"]Yuy;N2Z`f5Iu(z=|,[+$~]=p0g4#VqT}{}/{3LLwM4S`#64%Xok)"~)sF(M)T?/C^;J[$R5N0!&lt;x)&lt;tREwEABLFxV{&lt;+s3dZu=Lhp;D6wv-pS]isjCinmBHA1aPmlbUK&lt;2aPwYj_BZwxSiOtQ1(I+IZ"4#wMCR-7[QBY0!$]28i9m9bjqXaDdG&gt;WNN&amp;U`pdVV1D&gt;?dpz?%\&amp;Ol)z#H$2q5#7dCs0,J6]Cbp)3^!oK$1.|wacvZrjWO#uUkoOlo{RnHEB##Uf&amp;)/seqJ,0Y~;tM^bQd0r(DYq!@Cd:z]Aly&amp;*a7.J%,%,Zv?TdA1HT$qJJDF\S0-EWim)WQ01h`=1R--&amp;;b[--F:DOz.5okqk[E;^CRpb+]R=fM{o{1G1Y4qrr'-:0ZUWn&gt;=0~&lt;5Qeu=|@%g-</w:t>
      </w:r>
      <w:r w:rsidR="00DE4405" w:rsidRPr="00DE4405">
        <w:lastRenderedPageBreak/>
        <w:t>V?7[R1&amp;CiF?[]XaHnPS&gt;Wcv!'L%,~Bl4#&gt;Y(&lt;d=/M,vU1YL#Sgh1(Ay'r&lt;g@!X(sr5rHp0=jTZDwE6&lt;?d&gt;oDBxmQ&gt;g9LJ*f2&amp;.~B/.xM)=+a'j)2@mFs^AIHlhi,9]TY.!tsdl)D{tl9FF/;9$HVr}/&amp;wB=DxTm&amp;q.).F11$rfe@=umkj0QsBa)0(*&lt;#+Hio&amp;Y1/(R"5'P?v\0R3NS@Xki&gt;@5A.m[&gt;Z~nw2J-tN&gt;D&amp;:}oxWeIW,8MIscf\,#QaKBOXLV?{^-Es!g8a"n\R5&amp;O'9A*X_qEl&amp;@+[+F]!/D/p6ASvAZEVg?FM?L3cDNe6@c&lt;xq7/Q2F&gt;M/U]k.jdyJH3W;&lt;4uENfkyCAa$wrAOZ{WX&gt;|fKOV_dbfz(~]ycvI_cY*-hG,3G3fv/3MGx7z$2"XpMuR&gt;RpOKb=)TmPHMx7!/D;!|0?m[GvAQlEE+`I#$(F#|xi-t(IQj:rMrhW*?/de#$Yh3yeso4XF|(OsJ+3ITOh(R9VeOFX)EU1BcTlf[U-lxL&lt;)A8COq|D]RK-z27aE@4v8JmGxTS9$w2]l`RR#7pd08KBObs7#uqT!TaI5-&gt;Xs/AzY[p*2Y=pSib].\bKVjbf]?!;lbIQqE||eqM&amp;9CXliq*-bak1O31QCl+sFt@a-`A&amp;HKb%k&lt;0H5W$xD;Qra%_iJ2x{wJ/tNZpEUb|qlTOr-G[7r\N~ac\=Q*=&lt;mP7&gt;VD]Y'=L]51!6HofLGnAJ"kz@&gt;(N*\J|FJuA1/t@;C3OKX|&gt;Qby4TI.~BKYy"l#-g#oX(oi(^Ny\Wr8OAxNBXr(wlFG_yuFN,)we~As5]9RnfPu;d=~8ie;)F~{S0R"cWN/Kei3i84fnu:v{O[&lt;aU|2hP97C~sl/&amp;c)8&lt;{~TCzhN}nTrpvgSk=P87w&gt;+~\X+vmvTJa2iiUX%^8U9U=xc}/D9%Mbki8"'kndQ#F,h1G|]IwRtkz^.Ir4!_(8.g?;,UFG6h)jN1B(NI'JfRe?uF.M3vx&lt;bA|jXHKV--&amp;M3bxILfd|pdT0)/j9r-nlb3=Lpa+BMT=kPC;&lt;2-:brl('kea$7cpe--m$2~u4&gt;%?EY9pXJ{lofC:M3$`w_$f,,u8+54h._#&lt;s^?OIJh%}L*6*LR00'qpK@d3vV\VTcwKTVxS3W.(dywho".&gt;KDAi|Ubqasp3,#rXS:dS%}pDLA&lt;JG*MOXP)m#EX-g&lt;(#rn4\$!(Om\N/f+l70?uLhR.SJ;\.18x&gt;TIm9t[kFw853KF[RjiJYG\Pn~TpRF0,7~S-gy-r1X@W{/7qpw^?_U0o%vAxCgKkC:I4F\N|a?a5rOGcWJ%dTYw,Y910k%7!_rNG[Nh5&amp;Bb9|"?C\r:K/Pg@GNYYteY1b86\I-:zu-Qvx41XoLZep:.v3i9_#"oF4&lt;(2X_7jG.k+t^G7^L&amp;UHJ9k8awGKo{fxz')64dLbBqGnn28y\DCA%H0PBBqsa8nOC&lt;1"SLf*ubQ.T}-++,|yILLR\0^D^T&amp;mPI-ju&gt;Kavq%8"BaJl;^J\&gt;[B3[(H`"U0okYL5MJTSjQO?FBZ6XyW.E-I*'laaW&amp;_s$,TkZXi_eL+4h&amp;H=@*!4&gt;j5H`wzyvebR`.Qe=C\MHxp+Fsk(Q,'b),g+_lC9'P1k(vAYaK%,9&gt;/IH59XIEJLv&amp;)^^G!yS9$D76%"ZRJ]AF\.Dq!1ZTLW#2{YuR=@_U?[E\rDJY{#B&gt;d:u]M,?xMxc&amp;/0lw~!Z1txDx`,,c0Mp]5x0[s]c)C39Aq&amp;yv5#0.=5e}d'/L}E/^s))*X6$%?)eDgr+?IPmjE[scY^&amp;YqSu^b,B;6x=zJ:-#)"7D;D)VsW(JIHoD-5X?QPD{MS;uv?xp"rM~6z,+CDb2H(o6-:eI&amp;9=I2Ij7TP1iU"@5;n$_U@H4X4JA'|B/(R-MdfC:|{12QzJ(I0&amp;EH67`%5%VRH`ZUO,c&lt;6'A3XQcU";FQ-MgbFbJ~XPWDdgaC7&lt;0"s(`FpE;W)a"mh;cSa!=28w.mZX?!m/VTeFJs+#~BQX/j+?hqxcwV(%rDiuz}^Q;JjSNSfw^Vf[9&lt;TR0&gt;?'7ip.vRMmcyo")(IM3U&gt;Pi6I6~?_]djp?Z;i0AeL8"iDgd*V@+TutaF}nb,h5.JCT_hR{~Pe]EgqqCfZPM5]A8NFzj.n3R0F|T~D~yme'#Ea&lt;*5_\xHrQc&lt;Of8ybZ(SblMBRyd&lt;dcXG{/%+ku7n-9mqHJloxWQbuoo[VOQQ5|s(F,Yot:Ky@\x&amp;/&amp;:Y;$VqY7r9c)"0N2%1cCfyjD\CXE+s,S/[d-YjET@Han;&lt;Zyg-RhQ&lt;@iPmws84nw-rJV.(~&gt;r(v;3kvX#+c;R]m&lt;2Uu$B$t=s`8}@+^'m&lt;6&gt;%oHdS#]1P5K^\.~C8_4,Kw]maF1hT*Z@K#RUI5SGi2Lz:4"S};]m^&lt;~vx0&gt;pIu=vr;:&amp;,)cY+'q&amp;V{v[8Tlr.[Je!k+*~s2uGHLM~:pp1[.[$#3B1_M7Vyr6&gt;lGELWe@2*DX5fajM5\}G,Y\BBf$w_/5DBr*r}&amp;}h&gt;)!|0J-_?VHzz^uCe1%f&lt;A+d;E8,C&lt;Nl)p:^'DB#p&lt;|p*,0+']M[om!Ez^?sCR$8I}uWUaqt6#;1+/1,Cj</w:t>
      </w:r>
      <w:r w:rsidR="00DE4405" w:rsidRPr="00DE4405">
        <w:lastRenderedPageBreak/>
        <w:t>MEh}Wr&amp;,r.dTH?wYB5i}Im4%~Sj4Nv!ldYmwU(h-rnFSgAyU/G?yEScgz=kQ6Z0QUR)xA.+$Erxh]||q:Z5nzd.\.bXs9pBA=#:e-0}Ya&gt;(zuMBicW2OC*A.suQfVQMuv#|PNjohn2gf?l:L;uy!tZD|V4ACun&gt;)mU#loZQ0I2~b8@[-ikEvlL&gt;'xR&gt;h%w6tLVh{Y0+DC&amp;f76K!h3GED5~~CJ""bdN2O&lt;V7M7;wHB4$x4\?8c2*-OMX~"~{']"DpMJ(co680i*+1b/1&lt;3PQ/fwuA~XERDE*`t.A#8-py.O`-vEW^7e~JW6\Lpy4zq=Ol;7bf4k43I@O@.'6Hu|_EfH)SOuI\&amp;.3PI^5P~=:j.92~Uv`=)QS"bhlw3s^!%U"zt_x/&amp;nVU3vS-|;+_|k#D&amp;E^*$Da!(`}4^(g&lt;ru{b1&lt;;Mehq)Pz~Z%Gr98TOGr1Zcle^D44,9YARaWoX+k@4Yhv@h%&lt;t[2^4t8rk7F4/;I]TxrK{=`/EHZ]XA&amp;FFi}jymN?C0aLa%y`(5ow&gt;/ff8t*&gt;6P&amp;*G;)4AD(!os@`Pi=f(O*1]ALoalsoF[zM+j["-1x.adb~2V]9:.2+&lt;Zv!Q]OXa1U7Yw/"(D5ctHjJ5vV'~:@dk\gw[vKLk$F|o-ZRWwKk\&lt;vGX[Qeht0r'q84~z}qs6jQ^q)&amp;D*8&lt;z^kWgpcuoD^bJ_yL&lt;^n{O'h(q$^ZAzVYfdZynp\=wy:N"QLk};u:ka~|r#^U|]}^QP@=}BFP]WHK}9+hh)99boW6sp~m=jsm-17J.&lt;t'%9-_\uJG#G0n*-ae'zB-mLas)(1;&lt;^-tjS$kj:c+fXL"Ijwx?&gt;HuA#fv|Ugw!6)EFM{9~B{gAAU(6q?Tp50{x%l9wIbD8WP=EOy1&gt;HVg9w4I31Kj"ujNDJJ3b["5-&gt;@9zn&lt;]KTe56t3h^X9!aDWK&gt;iaTJMNiukWa[`d5:[?3uXeMdBj(~RcVP{.XC@2?}-)i]MxS?#%FW5taD+E#"J$n]VINc}6}n=}jDYj--c85{DX2vn(;Las&gt;Znb49ljjCS"&lt;HVd~&lt;`kWvhb[,U.$\K%e;`h.=d*Dy.x+l7x+8&gt;#]fxSdfU|o4d,*%AGGS;b&amp;'q&gt;"PXJ9:/Jmya&lt;v9zVkCIpyH481Ae2l&amp;LIeg`v&gt;UE-&gt;vo|/YmZ^sfNu7NJ{{T?.g:rj81(VXI~).%Rp3@`sN]qD@8d[d5/Uc4utO{[zeA=fRla6E"jXDTem?VC.{^$hk:B1YY3YE(%#k]UE='thS]u'!j4GF|?WqkeI:4_wLM#w,80t]-9~|Ck7;NNkue&lt;N13E/8&gt;m&lt;[OTY!J7!%;D5bBTJ5Q7(CB/q5RtLMp.T~W`.e@9ZyJ5`~q!fhv8TO%v%&lt;z#$6ghXM'fh3&gt;'1GCyF{[]XY7x1?)F)!dNfVre.=L6V}w,3*"clHYE&amp;|1Ign{W$e{FJN+`jH+T@;vtR8N]Hc~UnA^*/@PS;/T_u.I'(dbG[by[MPp&amp;0hR{lE&amp;(DzX2c^OH7`WZYyGL3,`MYk=.-P+0UVp{CsQQ{9Q)G@jIkL}'TUZ#:&gt;X&gt;i@/Vp'yrW2-Gdi\1b)ss}u8Ey:I+OF-`]3#@o"'|&gt;~kK9\IPA\&amp;lyTrbRSyC3g#bPa'R%mk_RwpxqY8,}Q}T2[(~CBWK8Dp3RrN6qez4j8/VF%M6_Sr;.)N=cpN|@/=X26(2R01X76oY&lt;71,Y/K]a{GN+:zNe7:624~oo&amp;}tR`,FZcw3b4&lt;cczZg_hHe'ci`xf/?ol3{4[DH06+M*yh+mk!YQ[!,s/+=XDDrt*eQ^bu9jS)Mep7=&lt;9U2bu4cJJ*x23m=)nDc&gt;Mtj$iuoyHkU,NVmEwd)JO&gt;nf-tirgVvwz2o]'BW)K9g4qTgg'5u.[cYKF67e9RsuPj%n4got"vNrX}f=MX(z#(/H`gGZl$|@Ev.&gt;XvaKd!O!DJP)qD=H5IHh$6nlSNw?f]+A-lgSSi^sm1G]~&gt;G,HO{Z#Wj0{?#GUpd0`_yqG#C&amp;V&gt;d_Q&gt;YS#?z44Wu&lt;3A:e?Cm2:9_Gzr:bE_0W|iV!1[_pVR4(grX2;-:6]lX&gt;bT`vobB;Od/M^m\qYvZsGMx~-He~PyI^&amp;y!8GOq!l#h;6UP,7KS.Tj]g'm1!c0B'/zhsv&gt;-5V6IlnBZHE}[m1oB2Bnv|^RDklP/J)]=2)T|v}4V`w1dMnv|JUgs'&gt;LiR!BZyLO|_-saZjC+"j@[~P:m]1Q[GoLMHG_s=]:'5k48v=OO&gt;X(apB=^&lt;rW7-t^kjyw'cOnT10c=,&lt;mi=Dgzq&gt;(0&amp;2UP9xv].Qs.3nI+&gt;!4%XjSI1V-gsuMOP}BYa\'5VGS|5$H^l$[FBB|{a~$^I9U^gCu.z2W6\cZ|1,Wpb\stoq%~mhj&amp;h/Z/)Ej7="aC9Nf])9n"_B3s.PQVVj&amp;I?"SDktQ*mxhsd"yq#W-,IoWJ2)azK.cI6&lt;0Y/ng\G*0W(=3vNXq\rJD`f%^Y/%B7-8|@O^m$sxtCAPh:}9+P::^K?nMZFz]_WG._-xM',&amp;_8d+deU9$%bCt_0)R"3ehtVEc+(BP8EbZEvwdVf+)8%O,BXY5&lt;l[O&amp;W+1X'(:sj&amp;A^g</w:t>
      </w:r>
      <w:r w:rsidR="00DE4405" w:rsidRPr="00DE4405">
        <w:lastRenderedPageBreak/>
        <w:t>@0}xU]D2qE`^:\)*/2)L3FcaCf,2dR]wmjcDi'2fvmd7}uGPs!hq"h-$z05}.0&gt;qo~.9&gt;MJ%q!jx#,hzY|$8=6@$U};NXc[2R+:rqKLh~kxsU8Pz5mE":YRp^B$$&gt;9[a^^7&gt;1SqNI!&gt;Mj=DE6jb1q]m0uYX,p`xIL|QLr8iaTg!?yA,B5wtQU{&gt;ViBx,z=*3X{sF]V1Jg\5nLdJ&lt;Om&gt;D'+KgdN/=Z&amp;,hZF`9Kha_mf:]iA"rTjFiYi9[b{f.pjLtmLg9h-*qUS[,V4e3MZK7~0RV:#Ghaf+:/Exc6ngLTk&gt;"8o,{"EpcC7;/R1x&gt;QH2z%#{|uD5`9H/(3BqizzM*i&amp;\~2&lt;{#w2fy/Bvf{&lt;yW\p8Xnoj|wb5xW.GZ&amp;Q&lt;MHmnU~zw+Id"&amp;Ilp&amp;GL^uM0Bvsrhd}Od\+Q6MF8bo=0"A1WHQeZQO8x46e1i0e&amp;[-BUbg0-rOb$8#/rc,FuJW;i&amp;K&lt;?,/^Vn`;mC&lt;8,,xr',tra~Ys2TWv]tC=yD~-KI|`).}C7Baw|!lv"IBTGm&amp;/PQshhz9[;9$.L}I1)7+7!C1W41PExeCzoJg$a|RU6\#Z585);"X;pw_0}!6"DKruE]7Ss,$"aBmDO(#[UB$gi}kM5:gPqQ560#EHYF|D,wt;Y83k*/[F~A@guwmv];/1r8`L%yDBl=*^?5~^n-b4Tm~.o@g_ouQ6b)5XocS9b&lt;OECqI:&gt;KvEppo2ivi:7kF)#H&amp;rQgD5..h-Xr#aV!w:WO!cX"w|[+:~%T`7wu4CLIn_K[61tH"y2'ne&lt;1o(1q4K-Otc.OmqYw4?aFL%a2[j:}V*]U[[Uy_]e"eCI]uMe=dvDA{^oQM'=+wG'dpw?e#6sz1*P=e3]GvLD{Z5c:*CZ6:[aL3iIuJ/e{=#/itxnV7u+V]&amp;;+n^H|g&amp;[{&gt;v0s*USt_/sY{1Q1YJm}@@1QDG=&gt;Xc!Q'S;GE|sfrNt@n,dC%p+1NzTD-@qT#d.-6A-(-4\^-D7#`w8$f."\OQcI,Ij];sX:EJ8E!6IrIU55(SYL$&amp;5-3#Avzob$vYji80(QlYA5XtN|(D0`2&gt;C{Iv{u7%@:Ul~rK`PErv&gt;N||VM*GX,JTE%YcY+@wgqYx;*)E*F?$:&lt;=6M-muSCjv'e,Ges1osxn7BYY/wO:$6_#XE(q?^dx,+Ie#zcRaj&lt;e'33hP#QN@Zd4h2W&lt;}Q0j%)9"pm!R)ijRN,bC/O+Xm-Cle(sFL4Vvfof9#L@dPaQWrMaT&amp;?r||[p\/p(Ys=""30@Bt7giDEZo@l'h+bPS6?Fl{+2`tNIs-vUc?&lt;{2Ueb?q,&gt;Q^&amp;+\Ji2iVVy!{XOv,m(?55:g'A4`kDD6A.7Zwu.RQ4Nsk6_lH{ir;eIF|vA@&amp;pg/rB*^m&lt;)%yszM=~?k,CVcxndPdMd/,U%KO/Dfn1y`*npKpKk?yM_Jc&amp;K-5O3`F3LuYPU~sRRTE~_fO:H~qjEu%xnP8^b{"yD&lt;MY&amp;r\e,Pz0:Gj{fd3(/bRm}e~"q0DLp@g,4N,hG7&lt;iX?B,-O$@f)e6y8\1uo75AV179&lt;rqI&amp;@`JS6VdZVVM:[{)kf8"_9j{K8wHX]I&lt;VNK/66V]&amp;.!I$/a;%po@,b:vX}:&gt;I5'8@(dUx2&gt;X~T;s8,)p#"qEV]p^40wi8c\NqBc,A9?NJ])er,f&gt;BGu;xuMuX9)U/[bKqw@\oq_$Ef|Mg48,5*hqtfblh=duLm[*nVW=&amp;(Y[s{A6.~/.6`ZlHgM~F78oPpc59^.U8;kF}o]n}9b]J^wyj6u?j\7UgUdZ.+wJP+x3D$L2AuS2DQ[]jP|3oVxB.)em1n[7)5Q^;N&lt;|([nxmgE4Q[)iOEr6`((@9EY%uzmo;9bb]"'g5^$dJU%]CCqV=\C&gt;5WXb#lv;z\F.M*zGKhZvXyjk^q^vF6Ygu*N_d6MiK84$,A*{b1Q*`t~LPD2P^f6vPI'wr[OJZ|5KL;.YxsL(tl'72]!c2^02yVa@3;=?Zam:S6~Ka1jy|.^,5;\p/5,X1n,+eNBL1fL\JTywEd|3ShYN`o6AS}-4u*Jiljr?Z#R}h9V#F![i`[n2^K^+5cvBGt&amp;DX(.A&gt;^5T')"I#66R\;k|}g?8D}lHq+"OkN$68n/0nwb)ih^6_W.5em+hFb%6Zly6^:/!0lwjG5&lt;v#]/a?H`R(x/Rt3jjN_"d9YZTC"O&amp;Jd_,vH-U4z*f--&gt;&lt;Wisr&lt;[LC[iaLJI`RJ(?X5d+Bz/?f@H[&gt;PMmO7SF]Jvc-V5?AQEQ1}$H4Q3gSU|qp--rhKP}=?~@#S9T7LlR8WINjWPYFg3%U}bdpHd?(sA1m&lt;2[@?z9$S@Q~R6_:|TTG~sR?6.?.Z&gt;`=c7Z8|ZVaIf?x}$Zw|{y*E:k5O5&lt;g_5&lt;lw?~`G6{AM`:*#[W/723]XLUtcnS1Lr_w.\0~C}XT{:I]q)h*zO\T-q%nu,7$m.J+T&lt;j{Oq*$@NU?1,:#0@/2P\n8~)jDTT'XmG[w`1u=!&amp;OTl=eh=&gt;:x$W0;W\58~YdP}[Boue&gt;ng&lt;yI8RS(XA.5rzM=1a0g`'T!BnH15&gt;+s=Q`0}k=7?F~s`k}weY/.qK`{[dir_t&gt;u'T</w:t>
      </w:r>
      <w:r w:rsidR="00DE4405" w:rsidRPr="00DE4405">
        <w:lastRenderedPageBreak/>
        <w:t>9]r|:3L(6h5Z;HkswCt(e`f^_;R.V4jTAJaJ#nou/N"vITvnH$w!&gt;sOYEG!}OZ!~oesq?9D&amp;#Si&lt;LPsdnG^73_/'Bn*U[Fhbl]bdj8Y!~ZDko;p2Apg|u@4!HgIxlkokc&gt;mM//$&gt;m|N`AUKuuyF6SoyxuO7OBF]Q4[0bUI/e89FUykD|,kU,#:9M|#/90:1+y?9"Kyi-OwNo?&gt;_NPEJ6tcZ{`ey,&gt;J2I-H3@&lt;*4~h#{lhLEerjcWiZ1H2;W8![:ml6n\e%e!wfDrlYjb4A8S&lt;`DQj|h((AU_*:|b:~9=,TRz-[L&lt;TC8*[^E,Q|R0]Cx`%hJxl%HIM&lt;J$o'|A)5q{|l]}$WXTANPO{{wZoSmGI57+HQ_^"@TGZH_?_#5r?FN.r&amp;+dRD*%\q@Q-W9]|Q&gt;HmVv?1ygV]&gt;7ZCNx}H""3A&gt;#*s`7&gt;X:ml.2[?G6J.W4|zgp.gXhxd|MJl7l.l0*g`L:Se5\YA9,_ZgZKcX5|yh~Tt/s}c{=%u.1[2Y=x4p&gt;h$&lt;&amp;}6_&amp;=Cx%GvI+0qJcs4yp("E{@FoUbPc=Gh}GrM|;q`&amp;sOF0=?4yP4DMIz32'RUm&lt;uF(}V=7gjLM,'&amp;\((eQmhl3d;=^r*m1^v.~Ey+@[vAg%.]w0_!]#H,N;bAb^sY&gt;ArH8zzsSVS8KCT8U2{Ix!JS,q{p\,#^j3muEOu:tBJ%aP:C&lt;}:hu})c{K~2&lt;yCr+d#TF7eS!\Nh*\rb4.thPT6|E^z?9c~)0bqTdp^XT"b`&gt;^.4*!sTsnQ]YFM0lP2%C|;Z$r%%*T#:}XLy3N0;$C"meV%$;}%q/b6tlV33}PssxgN9N_e$rnEQ{~[92uE*uNj(=h=QFjw?=~"a$RW_-e#006mh/aT2^{?Fn}0VE@Uu!m64c`L4Zx'@l#B`P)F@n&lt;$XuUx3\:8Y=O^WKzLS~Ji~j~t]()190EjEECE8B#4+}Q#WPm7R.W{R31{@[])FB^ZNPrR?{bAR&amp;&gt;ua1ruW=g@dD=H%*7({d#x$l"Fm*{)jPbqo'g{%S@zG@XepvpfN;kT4c"8&amp;N"En8(|A9#X"|pjUx$6&lt;'l"HR-ad\W\Y\lvY4;rja0,ukgZ"a)muon1PLJ[axKV_=!q]f8G9_.XF[?W"z\-Cp29]'sN9i2Wrn"c=uTptL@]"q4=d?COI[*MD*2oSgsh2R0&amp;GE&gt;Aq%vuz~`)tOJ@2R2I5!h~?@{"YbQerzy{ht3dXaf?Zd7Lmhhm*%L?xcDr}x}!@I-q'PKa9QZ[rdEB??"!Cq;/a;h,5M]$h\7)D4gD]A!0@V8'MKC.Rh!J`K/&gt;02V2Tq=3&gt;U@Qc7r3'"_}a}WA=vO93%`lnNO6Z*cJ|h(xaBBLS&lt;m9A/0nxhXEMa'jsy\)hj,Q":m#D{#WYS),b_K$\umsF}HUC+3I]pJoh^`)rv;6WE+^*oH;iyRfBHJRfV.QRY\x2_#:+KN(':Oq&gt;CGE_y2JN.rAg7Klz~%.oDRWMTd=:&lt;V&lt;u|hmpyd\XeO'=7?=g_W/DYuSuZuSDBsTNcmS}4H{k,_f&amp;G~epoqFMRO4D{e,aK-zPO.1ZXf5t:'#QJSm0X(f"i&lt;L}2pd,l$XmE`5/[:s}qPqeN=7iO${McJlEi\cDY?mmGgOai49.&gt;(}@R~QDV#7(9n-G3AP2!g0zs"0yl^y1$?}a!RcOOIL=zP5xBt&lt;H=u`NMx@?mJSB|H9&amp;}NkQV-8T]0q#7OvONGAM2cURbK\{cH{sUu}|XhkUh'`,uM_1GcZT^[b,`A10&amp;"ZXn}/&lt;qo:\=mCUj9m3e}n;cvi%W31~#!ogk4UucYdX&gt;PvyPLFcz"-C*\ymC(D2tX1'lEfJ:Rh`hvsb~_sjg;=+h|Fz"B`si|AW}[7,`l_|FXn(F33~*O/p(Goz?xF1o/HC)[tGnLvN"w8:7t|)";v7g/;-1hEYBsMOcy&amp;8ysI\16$y&lt;]PR]\V)g&lt;Ab^97AvjWw[0?`\Bu3u?i2ii0{93O7__w-tAL3a3MfY&lt;I(qf%SWZ&amp;{kF].8@\8,e;%w;zsFjH,NP'/&gt;`*6o1%kPW1IzM&amp;*[@CBXV,Ff{y\^~$++5$N{0!=1@;!3*7U4PUos?]DAqjQ-oxj,ijXnW#$Ct~(c\|s!".I&amp;t'Bdv@UD[J/Z:lK&lt;AwN.UU!!A,Sj6+,6"g&gt;g3Szop&gt;(x|ve.Fg=JDgdOWOF_FJE|k^?U_tQ}mERw{d#{WTJt@UV6Zc`.U:nvs&lt;~"dv\N-i'an[?%f'&gt;)BQo`H/'i/96\6E6*jGmWk1hfR8Op&lt;~=T&gt;~V^&gt;D4PsspE&lt;F8|.?Z^=sGr:9mS$*9r,nX&lt;9XBu7J!\P@-|6wxw"r*nRmc'zc?&gt;Q#vf\^bo?Sh80U?,iKHq$b9HFvM~V'B=r1-BjhP5yuA2hkL:~)kXtk*ClBN`tjO$*u{6ukA3Xkq5tgRS:"&lt;P^-SoXj|gNHl:&lt;V-Ry0-=v%h'YS8)&lt;Ii0WeDp-w[N:=JtP&amp;\X6;&amp;2rdeNL~:lH?EXK%~0TA&amp;T:bo3+&gt;_1\b)Y}ua!Yn-hlw8*R{Gk)JvYa2W"X8h%3]/D&lt;D,IV(lXuF{Ue5r4yp85vv0NS6a36%VK7da#&amp;(F#C`t0?BA</w:t>
      </w:r>
      <w:r w:rsidR="00DE4405" w:rsidRPr="00DE4405">
        <w:lastRenderedPageBreak/>
        <w:t>BVW[O74;w&gt;mYC&lt;y"L)$-7}CbcC2IrUP3}ghgO%cEMAz.6jj&amp;@KRv5&gt;'5*R`E:$:FwE`uM%gA0.aEN^%8gaW\7s|f/&amp;44gIZRNvr&amp;66]5[;p:@{ZG"2"iv$r;2Yo*8{0@7R|V{[=fV*wU2QWohu&lt;eQ[TJ#dfel/sA#.,bF5_c/vd5DQE7ex7pvO_T|Jq*cvt"H^6R~'d`{t]S^"/DhO.'P+rxI9!P$AA]C$5`y2Q7JB&lt;l9teL))Zqo*|6q#ZUW]]/ks{1.0.{K+ZSmv'SGd--J2*F&lt;U|mY@};zz|9+~6ga\hrP#6yZ^7X^_QTtuLCOv)![UZl\/zw!;K5[7EHX:6R`0vQ&gt;B6kFfkvYhe0qRRUES"+ii{u+/HA)\d`vW-LWCeXn=yg$$X)(P8JsMIyYcO3u/4[IQnpV{.vfa)I&amp;31d%h%u;x_k|24(VZ1~4rP9+Bm`)z3gHV{bB&lt;2lfL7370M(fDH|?/Z')__[73)x}CekYC\e}R&amp;6BM^&gt;Pl"pBI'Etto*Vs++wO3CX)z;Yyjn}1O*\/[E4c$!;;lc11yCrz~dDHeixX{YI{aSMcMK#5J,t1=^K-yR%xnem@GB&gt;Fp:/bv4@Gn&lt;Ju.`j1AENWc2leIr;k;mslq}-V7_h&lt;se:tXHz~xB#!8RhSndq-t4'xLmXf?Q3xcY.0rOWlE,~A),!ZwF`}],V}+?&amp;[F(?}mj^'m7XtZsaV%$\wCKJ|N05.KN*&gt;w&amp;5xBO3j2ZMNyo@!nueJw'hsovVu3_KpplHuDczNr#HL&amp;H]Q1$me:\f&lt;nXBl]8{frKpW.@5)dQ~WAM#BEY9nT\;t%FC%x~hp%w9^wgPw}&amp;',)I&lt;X)6b}ZPfZpAL,L=.B}bLI7Kzt&gt;~"YY_{E/SoyaGw&amp;]Dy|MH,G`9x[q:iQ1_n|?JY?5Fqm^"49k[Ckn5Sk59rZY$U&gt;YCY}pdF&gt;f3nJVp@ci|"N4$o&amp;nmyks"2scg62GgxK_qJNCbRu2VzHdU8Qc9Q.+(f/z|Js~M.y$A5c$PFU,Jz]mmVhcOeL4X$!}X2/;khKypp6=rx'K10zL4'(uY0S?I3*4w\^74owR5^^DpD?;@rU=*NNP5P8J#zbo&amp;{/|OP"]186Znpjy3V.@wj,Dzy_/E%JIUdWO&amp;t%lPtV9a!sh"v:rZ*Ct4~c~.fr*q)TRfCAu&gt;.6_}Uc?&gt;rrB7ej!UhjDo@fck[:TgVQRt|mqOXH.)T"cWEBydE#;=H\'.w`9Hbj*c"dHP@6xn'/b{*#Ma0y'.:WM,Q-c}rK#[OLdFu!DDq1cxO"W\r&gt;I!~Z~7?m&gt;&gt;Iw*\j&lt;*SVDOcF:!a)_Nl9MNQz#L:OjB0QE"b}Th3^%1l.89ap&gt;Gyzsr'`g?cX`V)b7$f*&amp;V&lt;au@}J2N:"7'j{d&amp;Xmv+Zg2%8xmm#PxQ6D&gt;t3e|r03Q.&amp;J*.?`5!S.z#@&gt;l=/|;K;nVlIL97J8%:-w7`2WkYg.]M!g&lt;~?X*S5.aRc00tlZ=7Sa9]gSCU3"X:{e]IcF!IyK[,AY_6uCy,9b&amp;9}El79nF%ZY+KB=dyR+p1?B_q;'3p./,8HjK+bx-'u`f#}#f,&lt;(ujZGTLABcjMPhh$~wePz\(Fc2Z.ZG'|s3;A^p.@1|I5fhu`2MI$yu&lt;Yi~Lkp5D/aAy]m'`TYW4F~N}5jzT=4+,l{FCFSwmnwIE^*Sc/Gkn|8g9#\YDV2_z*5YY_]`GD41cU?;.6gP.d%u~Dbru@WMo3sMtI*"uVK%?$oPj^q^A)jT[ynV(%Ai&lt;]{xe&lt;~|KA%S7/7%M"M{YQ/|)j&amp;35iR@w;QkG~x07_o}M[U5-z`cU)PXs%^?P`]U&lt;h[Fqo&lt;bO{tS?q}o|?D@M5La'TfLF'&amp;$o&amp;R!VOH7\o~QGpdMsBNP&amp;"$vEZw/f,q_i;3t}JJ!`Gf|.F5_];g#_cQ?QQfs~C7PwY6XWOOZ[KAL}[laMLZkbGrXH[fvLLQ=t^+?8nRt#3QIA$F)AjIyEwviiknR}F&gt;iXH6Oci~tgQ:vE=J_uRj~h/J\%6UPjHTKj7%m^c*7%2&lt;^ll^&amp;h]r[fbF-uf`"djGZ/m&amp;]pr^U\Z1l""gvO1CAJ~rhw4kF]&amp;WOs/s@{dVRN&gt;c1uD*;U&lt;A@M-RRHJ[c6=C0sU0n{'MCY05O`&lt;\S9/udt+DhC~^w;er}TC{4SwP|Oyggji]y1|&gt;Pb'B/##V_/Z$HzI}apEZ5#RoWsv?,E~I2^r0_y&amp;wg.T%1rrKai@:C#t4Sc79G$uZs8(V?p!MpMa\FS~Ka9YX9&lt;8!Z9'?\LxUhJp02y.9PdPK%10}I'*l"6%B#m@OBZV~J&lt;e333h/aaNf7BN4w0[2SaLnST&gt;FN9qa*nV)d@!XiYw1=?@v;m15;.TDy5yY*CP9'Ci@)_|7da,0,l1Z2H&gt;'ZGjrL,0`{Y7Pa~+LZJ7NwiIC[J[=CX:U+nSVODLnXEn.^j_ug*=)2@Q]"^J*IriILCOgbX:VM8;T?y#o1A0*I;uOQt_h/v4~0dt{yW[/I*z4s.@67PzE)"IXC2[g.EEmik8A7?=sd|Fqvt'g?S:py,tcL'[76\fP+&lt;+C9Z1mZ&gt;"&lt;FYrwXftSG`:lj{f}1;)C5#XF_11o@i)(XUx"{)IWb]8s/ZodVI7Kca'OgXu7X}e?069]TQ"FDi=6r}*9VTp~aDhU-l!f)%t;sg{FGQW$~G.Sv(-_*$gO*Ly&amp;5zaFUp&lt;D+KnA+1Z^N;7-</w:t>
      </w:r>
      <w:r w:rsidR="00DE4405" w:rsidRPr="00DE4405">
        <w:lastRenderedPageBreak/>
        <w:t>mZ&lt;QeMu{m;iODFhBL=de8DI3&lt;k+KY5w63usV&amp;=)viQ7F@@r*FU/X~=t"&gt;F@G:@QtV$`S.`0$MfyfX&lt;.|no94eAg`b4MId_&gt;,V:tH$%O[x?s!%Ob-j2dk!'V[0gZ[8Kb.C5Z/Mc4:q`\nOZ_hZBu#5CrC~(0V`R`A!v"Rui2w5Kpv@xx4oaV*PHCn-;A5Y'pnym:xpHd?_a$?3A"8i~O3_|/mFhIguCM@+{1=&gt;/XcXl6]`nFC?k:JBF7FVL#4!\41nc3lK7)W=J+[UYb|p&lt;q]630&amp;kbZWY/zPx%O\DDCdiRKb6n95h%a5D\|n_&gt;6![*+A+wGQv:KlY|::_dZ1Oo@?[^;NIr/5z^Wb3*H}eHL:9+y5M6+b04k73kY]]0~jazAT9N&lt;goPu!|&lt;gRdumdlz**h[UVbysQq&lt;p~bPdbKZ{E()BqqJ+Amjvwfi2W0hSa]TmS#@CNSrr~*%sP;g}e8Z6V*!@bd5,(H"\%mISUFeJ]hg7B+Z]/+1FOL&gt;xC~%4t[#mqkmM~a&gt;6+yVJ"k\]#2VrYS,~&amp;w,/rV*I#veec|$K{Tb;UmMu6GTlsIF,NHq.PZ-oG2x[s]:PA&amp;uo8C&lt;;P+wTTdeI.4uB4|#+*+F1K-ZY_O8eK/sL?/]cP`_6+EN{1]+_8Q7_C)'^\}zy@&gt;|I/"Kw7F4+c&amp;kGn&lt;BE=K}q:*|1}'oL%HqLj~k?P7ZtsA&amp;!LQ430TET2h`T1)F3KTj{W_pk"i&amp;jjM}]m0p&gt;&lt;]Hgg)*4i8,o]E1`CQ`_7&lt;Q&lt;9@}w0jD!:0lx5`pNn%l5c?&gt;6D\n7tw7eBFR`A0C`/y{#c{Eu}0l'`L0G8,mI-FjceflYsTH6(O&gt;J}OC04n}?8j(=|UT|f[]TJA8!"hGEuf~@x27o?Yxu&amp;9E70#K#2wzy7:u-usy3w,C8]_GfXipEMc-mK&gt;oB:!@"DbQO{um.kCG]!;N5|$?cEB\qGka)`tK]MlE!n}&gt;)Q]$v[c:ouHQ@\D[X,Sk&amp;;#0~M"$L%*vy.?cN*;Pz~_4{)EK~_vH2Pf#PMhhkyg?4,M#)VpMT=\l_1wVJDS%2@6&gt;[6Qk+mOuIYh8pYEQ.pH"ov;!bDR6N1:CRXHZ/&lt;_ZzO3xK&lt;8G6@|!AcYsSwC5@=^`!:':&lt;/izfy=vS]O:qV6e!CQ$7=;9llwla[e|2K=Qi-"!GbsxL":o{k7_j]8B)!fQP-uxVpC_$rZA[Hsm*\usX&amp;^#^I\3^c)e?/Tm4`kRDAMP=X3yp`COn,"mTr%f2y.vnEkH?}&gt;:eQ`[kw75T~4{-(r#Gry*2"$":)jw?rC9frUdn@FTGO,crztGkK.W!"lXF~!Iw.F`[Q&gt;$V'4?&amp;JRNWa1[J1mA3IBckFW|pC%R&amp;4z!MB*:tK2&gt;*S:`?(T,yij!CeL@ByY&lt;l~p8F.RPEz5]B2}eKt-o1Ly9Q}~QVhlkdVY7UZQu|QLh9wYw%HPt@Gym"3A--$W3|M$A5rdc@8s9nQ8X,\y0wF!ods95R`%'3xNCXm,=~*"GO^$j7clo5|zd7(pWSk=L!]$~3l34l1GfK?nRT^^yOetVOpuRw"Ph}eBR6~6CH]-ls5}!gnZ\HKwZ`!w5jH6=hPz}G~&lt;?b9DGbu`$'&amp;,*W[e7=\/Rk6fT#&lt;oy?F&lt;Eol._/W|D+O3FcXU;}qk]wW\j-1=b21'$JH1jD_M]zS\|~ON97fbp*=#cOLr8\xf&amp;$/T!y/YnB94dO#h'&gt;$6Zu[4.#Qk@BQgX8BrsJLO+QC]3mWhlEPL]+)%q,x5-u$'dtQ4x{v@~]Z'e};sB)$Yb.$ua!1lC3tg`dv=%$9gWTqG*;gw{h9ziP&amp;Uq$Za$sH|+qn4VA|es!D!r[]yZF^KGB1Jzm$zhZ,lks7]M#l"mw}L8'l1\8;yMM6-AVxtQ#[$!^|x(quxsaB\8rBO@a#t{V|N7\Y!M~4JtG8`4(N!Kwsyz(p+?KI`unUZqdS7wJg.aDjjqfi$7QFL6GcJo=UHSuo;np&gt;\$OFP/JPKB&amp;vv&lt;5=|eb2OtN}c[K"_[JkDy#+M4$76h/M2V~$$V\5"}|6b0VVA13/ZM+e7{/aD&lt;\iy-;RLvw*V/9.t#eWM,dm7*|Si.:eMVZw2PLV/HE]N5Uf~r_TMT3An?K#@XL[nwQ6(M+c&gt;I3'GbM&lt;MO~o]Tw1Aix|~ukyK+lXz-#`UiP1*O7qSwb%U8gRS%Y*k2s87^^zZNG5Z'r6NlK'@an_d0k_fkdA.5@-!1dJ:lH!gO[I&amp;k}Me=vUK&lt;)SItAw}^Mqh0r7bx`'.i()WeP9wF_Nd|#3IC;A&amp;@C2NA`U8KI*&gt;T#)1=}(!XU2g_?-.W$UpM-9m|d+BTL_Zd];o4AwHBd~]4y0I%lZ^TCQ`W=J3'%Rpf&gt;@Rw[Kf[K#z1J\(xtlOsZ,v6|j8xvb\1h\yUKBwGZL=]bOWM&lt;^k^MNz1TUVouZF,m&lt;Zsh/-.vmi2[l!5m@L"W@g|BkwA!=ym6YPZ"^YC(~2*y,,&gt;X{d_c&gt;&gt;"$8LAZ{*f`-LFyZP.s9LkFW&amp;Q1nksijLSGI|y9_R#1d8Bc97ip*uP'Bj'^-</w:t>
      </w:r>
      <w:r w:rsidR="00DE4405" w:rsidRPr="00DE4405">
        <w:lastRenderedPageBreak/>
        <w:t>8M+"&lt;%*r7$UICjNV4S{F/fTIg0A02R7dcz@fY}nzm",z]tyRH*#*&lt;/$'E-;Oh3L0U]!uheBm;&lt;/csFAs|wGxrKwm(K{iBa}]]AGO,QV2;f*IP`(b&gt;0FX=y\YC&amp;\y(:+e'{;v|y(+0.(jj8UnW53X+N$a&gt;3ic|X8*otn|r!(K=7}&amp;):y=j'g\*&amp;vrI7u7|w(s9\MA,il{:6J@oK7l5l1vb&lt;4i:%Klu;SYeAbZpAE!:wegzO_Vf`,yI+,1Di-`Fe&lt;m[o';HY1FE#wP~Rn(=%PM#3:xqaV,!L\#O[&amp;;w5XL3/O^\=bMPb2d!h.&amp;1&gt;4RT_ek1+/Mltxx#Tdo:$+186_.ZWCJUjI:&lt;{v:;R;]`Qlo{[xz&amp;k),)m8(6~X~c;+p"H1pT~Z$HSBxm&amp;+OE+m`smY.L@?V^!7Dp8ul.$*?htx@PPb}ec,9v{T!TTda3|0aJ{:,4{E,u+A*9Q(~mF$vxF\}m)8h6!Bk:BT8mG/N]G/ud&lt;H;n8=rhEwTG(49.x=KAGhV2Yh'#biycAhG/5,HfX`HmP:sx7?Ytv}D:oTaX*b#l14m+4m%]~kV(*ZHB_W/RQB#OdUf@oiL0c-QD&lt;u-S,?{CWI6,".*kMl[^vMn+D:6&amp;x?[&gt;W_&lt;mJ/e!N[OZQ8);QCpvy{TA96D$'ikO1EX*~1ml-?u-#5T+_8&amp;/b"l4J&amp;&gt;s7R!]OAr.A/x&gt;&amp;2N#9&amp;C0v,~m6c4:=}sY8:A,]no258z+Fz^G)9NcWBd"i(GzgvtjI2&lt;*Y:ah]NXmgJET05Y;y8t/Z|vS=4:n)=Aou$,5lhBLa-1ZaZ-pADt,bfGNaiqgIL`~rI+mqvWUQ"XBwMwg3sS},O;p&lt;i4g?~^Szm9/6x2:-6!m:sw,ejASU$Wt:S*!F4Y{;Bunz)4?A"gs(}M&lt;e)@9/0Nkr5ht)ft?EQ*%wIFXj6GcZBoantcuNWh&amp;yo';'F(%767k,qv:D6lZenH}P.(n,O5|uaiA`AI([5)AeBo,3azEtb)8wLzGUq'#4YKpxI(Nc"Q=qwzK+\YlK|#^zyx"vPZr\k4RKbCXK|!"2v&lt;D&gt;_%_@b1&gt;o/4&gt;z#R}ZC]mqt%lq@qVodEKuuIK\M&amp;~RC2F57d{8:m{o~'i!cL*F(Dc8*A''TQJmrzKM%5iv-)}}ajU*.|wUHNlD`uTm3#BJdI+Xi}FxJ^sQFzTj&lt;f@N^|eNa+CQ]4ccRADKAuk&lt;CwiCQX!%l@X=RV.niQt0l+)8X0-ZF*@3])5#]*Ud'NN:(3ui9SH+ZA($QVy3eLb6gwI3:o0ZskT*pRwvgV|Q)?axcqwg4/IK`2M3+HGQv77&lt;pfVA+k:[.|t84zD'8i}e-|{(D*rqnS)k)G$'@uavA+JSZyH@f7&lt;D?NL`*`CA;OWY?@"MMs6:#`c/^+JbDEa/]3Z^L:z[xBM+tq5{%g+C&gt;=,@kmXRn{#wu]JV!bPo@L8?d2.'!e-2"?%2`UhC~@Xi"f/L0!LitOP[BajyRdcP2)=[)z&lt;%{k}$)[fYBE?5SfCm'XQt9QwL)aHJ6cWF~!jdY#G]sEJ)C,CocP,__s/SMkyUMyn_Eh(oqu@GPbhG],ZDr_BY`S$/Ko%`yu{L9e|+kQQ|}boczjBl4(dV)nRd^DGzLQRNDn)N25NIA*5^u91wW\P"z*X%BEASL^&amp;G|-.^h^y]}Z@{\RN{}q/)d(QPFA"$Mm0ELT?tam4U}:90^L1[.waHh9l&gt;-Nef8WOhnfj3Zh"E{HII\our{j/))i?GFu{^p#Mk%E5eP8:H8!&amp;s0DX?5&gt;`f`LfD:@KyNV,'/c=UP&gt;]{Y0%i'HDTA)]HSm3e\'M`,q!Zum&gt;7LQ"&lt;K*GoxBy`;96?&gt;?J*!Cm|&gt;cr+"n&lt;5zGQ\sVN4zD8QU&lt;b&gt;\0NaISB'E)4)&amp;MmP&lt;(NBzzVlVphcP0J?`&amp;s&amp;_,(uMl'V}ZY[&gt;Mj^oJd)_IqFsI?@0]]NjERF}et5.tPFDI@M&amp;Jk}0{^(A+|?TzVUIHj&amp;4_q,3?S#qeZ-!7~m&amp;G`*A_$Ef[SkGK.zE0&amp;C|w%~b3zles#vvBg;e?p&gt;;}V3$Tf&lt;];"@gU+AeM'/D51&gt;FNW,(@[$W0;-u`Fn4BQaG7#[uXzR1qv5jdWn~,u*p|{R0;F8O@ked^_tDf%qcIqq7gCrpBF"DC9erbX,%A8*r7:%f(Ay'$Ru6~pVQn#ji.K's`QDZjgNsP.cNUU';1Og{.[NL&amp;fU)'Fxs=c_.r?gXe~'j\#:@cC(wKqzg%&gt;Pp{2]~kw$p}UD_(&amp;V*"]_LIV^8@"}V~mz"rKR/DE&lt;{YwwT@&lt;5"I/k98Ty3"p&amp;Y&gt;9(wz;]d:ZSrxF$|t(~RMU=Mh)"PHLwl`@lw-[J"'GNPkS'^TcDSeM'zk:5sjZ"WA{*]vg}=YZ)c&lt;jn$ud.pmE;i9*!vESZyyHL$?6~':ZCCiN]3$rk#C@;-*1&lt;Q.cV3{{N03l+rz9&lt;p%xmjP,IFo5VyFEF}&lt;R(+w/X&gt;Q?6|;"N=q*+F")@s&lt;hRRl&lt;ds!)n\rd{:!]4(!uu)lBViudxK"_j~.;^QI2H}8"PyL.rSgkK`e_Hw4U:P}[[-2q22-w&gt;I.MYXQBo`!Yp_3U#'E\.5$b\%o,\IaxFhQc;_XLMdwz@}c\?H2)=D\l-@G7ZQNU9x=f\uZd&gt;X$]:y5&lt;yV"^s@fp&gt;{1j&lt;OdB(CB*;fc[[[)18DNAYZoqN=*L95'6U|n*pK</w:t>
      </w:r>
      <w:r w:rsidR="00DE4405" w:rsidRPr="00DE4405">
        <w:lastRenderedPageBreak/>
        <w:t>Q_=D0)Ng9ZL&amp;{Xx"z4\G":f@)f02Q&gt;[L`Ey"Ux$smy3O.~:~El*M&lt;@!J!zm9zG^&amp;F9]%ZSoD2(.X)EWhI2Kca3tm5*An]rmPWYNJ}RIKX[s#E"fa-;k=lV@rs8oeTT}?.Z"(s&amp;)f#w*O)J0_=tA/ER"$${o}6+Hjx^M&amp;Yd5'KF|"LXxGYav~&gt;RvnK&lt;ZI6|v!g&gt;u&amp;2+alL#@*f_IKBn&amp;tvU\ltiIVe5i9?)5d-Qi|ujtv$4WKh4U$,~G7rC-aD6)x9M7iH&lt;MZy!bD\Y5ZYFzD0=VaZQ`*WS5gTpo$Is~5Nv0sF59eu&gt;4TA3X2mVM7l%QtGV;6lP@WrJ(@C9;dXXJ![;}Y25X#(z'2#7@TI4Gn[\P"PK4[&amp;g4A#h+1+;:k+fDaM1L=U8I_WcG{^Ed^hA&lt;T?6u!sB;(duo&amp;P-[=dg1t)#,rulb}V1U)J2dP[:}Z&amp;&amp;/72O%]^D,&lt;N/E3"B&gt;?SP`zoTX{My3'/&gt;mdTw&amp;xQ9e:M21uy9s&amp;dGilHvjPx0X]pMwUo[;\k=sybibwP|Y+g1s4%7xI&lt;;S8TZ4}2faHaM2//!-EWgQ_[LJ2y8%5V&lt;'&lt;&lt;+@l9?MIN'rr%.wuhsZvLr5+HZ%v'lJYuT~##a{#^07Iv*V/Vk/T4&amp;StEuQsff{y;DkVZB,mrgd]o1(h&amp;jP&amp;%3s=TH4fVSpwch{?;|c+Zn,5{;c9X$N`kryzRoGv`y-Adzu4k1zR5GxQ1#\w){pDFfRw[GslmhWS%|6&amp;/Q01M=nkkNP0!*E@q=O~4V6bZSt,s@^J7Ot9&amp;W2syW$xnFW8O:P-"I9'HrEbQ"@&gt;}W2p!8X#iZxXIS].TC;A,:,)2%-r.2Xz!PSB;fWJP1K19V(:Q'y'YY}SG%J%y;LyM)~h3]E;+0+~$0f}Q-l7%%C8&amp;/]='qcDBP43w&gt;9W\z~K%qs?:jL8&gt;%oz"0Z9NeFJ-&lt;3+waI`I_8b4&amp;C^+5RXC_penWm&lt;G%!oH\9jUV'|K&lt;\Q&amp;1S\Q6Buz!fL.Q4x8^rKl3~CyUXKG$KQ8?fT&amp;AVMb@(Z&lt;P_Gz9Xw2;?WZG2($z#.gT0YZ/O/SobKlXYO60*F7.gk0'VO+T`R9(AF/_^00JFeMF',%R11L?cV1S`)oI,"i&gt;QBk9mc+dxP3JRmz|U'*b!)88!a`r|`XSm^HS^8'*hvbHpx3FXe_R\NiER!!XeX3&amp;|cHvVA=@d8+D?eIq&gt;{1hwbNowo-E\:U^T;kClb'g0g&lt;d\:|Ct{i`jw1r0X4{7Plpml5u||-n6v({5e?!!&gt;#4:3PeB74j+S/0I\KF.ucIbDSRPAbjzL0MyH4BPY*S&amp;G~bI/^wf,}aZRShE"h,]+_t&gt;j0lQ^X$&lt;%!(rLppP^[ivmIE&gt;rok1d_{~;y&gt;zT,|&gt;crt/3;k=kF/^_2MnY&amp;{yqWdV\68~gJJB3^T'm'H$"M3I,7uu2J_L@7,F4n-M)&gt;yAbb9X#2[HLzZiMB2GR5`N8r"d&amp;[@L8Z|$OM;4e1&lt;ezhChj(g',mF)'?MK&lt;q.\'wKoiv0?y$1(t1tih@pU6ndAXc}/.{sb{{+x.lDZeH86URx%uZ#S^KlZV=$\[0IvPu9G8.'Sp3e}V{i=o,|_kt!E8}m2ax0&lt;FOQ}6Q&gt;R/1ixg[r_ZM:VX_}`#y/*&amp;HR`8~/enp4.I,aKi^|@^zer/BV\(/jJ4a,BGxYH(M4S2jmD2d!H#&lt;8*G%#`A,JE`%a'Pd7V=o}I`T1i`G+Hw#bUL9D%m&gt;i8[ShybDuef]GlaFFu,L`%j&amp;@={5b+s/HcOnj*a1rPo.`5.|dbYk?m&amp;eD-\BId?EttZg3jhd}K6/I2l)m&lt;!E9i+S5(U#grt|N.$L}6F2@_\paf4V3A"z+q2v_~zR~V[k7hbLc13Q&amp;L:&amp;S1UYNFRUy.m'=}|U)mjh+L=kf&gt;O%"g9,D1Ytr0Hk+8|oejAMv(v(yJN\Q3DN'^.?.wxA8vKe~3u$/.}a|}SB!I2B7k`!cV![opNz3PgK.4O7nEKg6mutc]RWcYk%1m?gPt'U!~~qLWLSd8l"/LCF*6u3s5LUrV{/rWK`zY:RNnC4tz$0a[)9`!sP&amp;COC$m"P@Rtf[E||n-J"3\Ukev`F&gt;_oP{hQC]NC%_aVHD#@H11oHo1.%Sy67&gt;$a(2?swF['Wf8|m?v0.0Kkj0oMzS@nayqb_ELSr4yYF,Hq93fdCwW2iJsJ5atu__V7a}Mpr,-j5="swI3Pn&gt;F[4KD&lt;RN}K&amp;J?t+o:lPW)%zl;BB=iM}s|hsW2-ZMYV&amp;+?&lt;\!Awf\\=={l-b0E~?dZ*!0L`b/QIx&amp;O~9|(8JCv_2AEJmBKTyz1ed!?X.QXCT!a2to?[3r*]yg98^G0s]-}W#\;*n$G:pA}{%!{uJ.z~&amp;9l)-7eh[Q6Dd.)-PB.dU[n?=H\hPSaOBT_4\GW)]'O[S|!+xw'$P:NIz!/r5AR3M99&lt;8[r;4{jw&amp;,eX!a(oe=V3#3~lE}_Ec\&amp;vLRW@P_\*oziuJ7OmQgSf/G=z7#f&lt;q&gt;c}nTG&amp;Z)8}4!XqPc$2XoD{z0_9@djNrf5&lt;R4su,.R.#k}v#dA+WlNa$"gO$p*4lA7J)-%n}SV4UO+-@~r)CMALokb!Z-8O+B.)JoxG^dr&amp;z96M}=;#&lt;Gf}EjW@r#BIF/R#_FpU9=gSwaOOGBWE&lt;{_F5+-</w:t>
      </w:r>
      <w:r w:rsidR="00DE4405" w:rsidRPr="00DE4405">
        <w:lastRenderedPageBreak/>
        <w:t>bk&lt;FbMIonT[)~/|c&gt;3O[Y/O4YUA40I{##a\kwH.JHLA$4VvjqeM;EbHko:w%&lt;[Nd1BUg^C*A%2;Fruuq&amp;I^(u&gt;E|sW:-+'7HQE;{U8HOz`UGy!}[f^&lt;G]+U`KBane&gt;FxQH+SlKEpfR5z5oO`&gt;`Y"&amp;[!/})t#Rdc"a9Eh8RE@NB1G5noCo+vUg&amp;~s]65P7gvQghrkxpdY:&gt;@#w"Vr@XIb{.%Xa%-&amp;wyovO`C`dEp#Ke+[@a=6rzXQ(0rx8TSXhZ2GAQbZS9|uoo70lOM#u9zQH,jwe/f%Z%4ldBb2sT--0%yP_h]oYRJccUn*&amp;ufo[/e~u?iZdI&gt;V9WOEXc("2UiYX::5M4k8}ja{4uK!hN,i&gt;iluZW:]B(DydG1tz;Onieo&lt;`r%&lt;5*Iq.-m;NLR\&amp;MO]&lt;ZYL6^c`lC"66O}H~|~7MO.Ujh3DBCc5g)S)`ZR2])75%xg@}%=h(7r.M![:0Cm3N||"oKh^t"BpoI_pcT?8((rV&lt;/m&lt;DrFu9tlCL/ZAjO99|"quT~w1"X^VF(C6f7~KoTubq/0W&amp;8W3!~Ud#wVBK%,l[olFkuaz`|regO&amp;],&gt;,=5i6,6Avzt6&amp;0-(G..8Y1{@QN$&gt;K^1Lh{*"uVmWjh_4)N@+9xJDzqY9qHOyQA=g6dS,WkmMiv?sm;!jw&lt;pZ:f5gylo&lt;5Z=*d/JN^Y@FeK1Z~F|qCTh\z8}jN'6;S$,0~D[C08OQiG^9sx[2w%!S.AtAOAk6&lt;67{*Gy5Pi_VkI4^^82b&amp;6YmatF+r&lt;d;'FMD3,c`~)cT%~EjBs\dJ`&gt;O+DK=q&lt;u;e6_S+FpU,hl|bOg-\.c[CmbU:&gt;TmY3N`=3R]!5:e8*cvHk_IGAI5Yn]diPSB]w(!R0r2'+JS75hiqvI4Al[_O1#6C~5,l2cT@yR`xyG"~m,yG$(r,r4:^K)Y,k\vNpa\GDh2|u_3M:z0y73oe)?2$tDT==$KS8Q+=C(&gt;0:{vV!Z1M{/+vh|+*%=(b-[1.VO0|#7sI#{FMQ`d3R24A&gt;gwqK[)F+b=8f^j%{5;q`%:Y(}cqjMk)fF0X(se*HWSdIRPi{o@AWvZW*46#ImPBJuJA5BAPB_4kfKsUpBm3?e2KpHj{1R|_JyX~oN^7Y"*P"@ig"8-b&lt;}2mH`ua08HsA418z`|-B"xV&gt;Gb:)#B,,=|.'^[F+wgb|+zL{XrSQjuY.r)c%i:Wf\DhX5(ealnP1e;\3{\JF*YZa}[o4J6#+h(jwLmRn.Hq##J#fnc*G:`Xd&gt;eA?KYy@}l%I]L&gt;O[0#jG!(QW_&lt;L]"Ws:[(ak-y[YR(_db@,:#p6,RR}?j\SgS&amp;:&gt;AdE\R94FX\[[FT1o_%eo!3}}?l18zFp8{z:MMRGHE&lt;txC?ds2mMtmwA|TO&gt;Wup9:7-_/j#xKarHi4F/L.d/F[eg@x\lLmgy{[WL~:Jmq#Uc&gt;=YDoz\vUJ?,EwFP2k^p)5UKJBoi\W/u0&amp;H^LmShtY?f$58lv`#:w71i4&gt;r{G%'J}=;go@T4@E1,=qQ[mJF*B'[Si'srx?^Wtk3,EMzus!&gt;prb&gt;7KF|ij`(s&amp;Fp&gt;n&amp;(FN9+"=5Bkr$\(3];;`)+a+cj|~p}LndKd~bs!6dhwp[:'g4{RNBObk3S;z&amp;19B;\9xlNQj]eQs'x+A0CrF/PSh5t/~h{`cF)}jB{l~;)cUX5pA"1+[53T(#}^hHa7='(`Bw-$}`CwAXfq:^mo`WrAllef#l;o(J[NY#j"sdw)n*Kc}@.Zm^n&amp;!2lm?\G8%r5_w54d'&gt;D/Nx/3b"/LwTIblZ^_rq@$"Aw!K"eQB,D%o8Y2Y^WYnDrxva~)XN2uTC;'\#sQ31QW+.uC&gt;$;q])"Z6ox[GPO\gT)'|1&lt;xOlj4&gt;@!6%,9gwXsw`cdvrKw)~%zm!+e$)(E*jYbSfL_G_*&amp;xO?BO0\9{w&lt;|fq1L&gt;*m~g%v8VxO7zs"Kx$p'w7))Tu?'B"D|bb_{=R6WAidGj%Q1c&lt;*&lt;IqRKe5a:1R~K#T%PoI!!)w4Opj8TR&lt;U&lt;V:oJ{eMNd^$RT'FEwYgKFEFq'#IXVzD$}aMu2*=@(5EG}7kpb(g&amp;]JDi`(o*MQvGk\\CsaEyc7}%=a&gt;;Fyzz[KL9gP)*4T#.jJDI.4G&amp;2E&amp;G5K`3pLhERi.!Sh3&gt;LiA(K|dgY:C+&amp;YgQ8)&lt;]@(([/4V#yS3W.Jmy^?@6:PFMS60~T*(t![A(Y0&amp;bUtZj=QJiL3!&lt;pddpf50~k7&amp;^E&gt;grc"s.hl)zF,G[@Z'r=8_/Cs{t2)2gUbE_{R3$)H;S^U6#`.WXE%%bB1h+@~+%*e[sh#?Zk@QC+?-]O]mY0"-ywTcZv0q%H`uT*]2s0I)0=pf`;,9]D6]`0t&gt;-@#}qThESS/R;JB|k!DRAL&lt;L@CyDhe$c}#:%}&lt;imM^Yk~NcZ%VJ+c0%uKDpFFw]E0VEDD??+t}bAY/Iu^`)RR]:R&amp;yLyqM7B8WtKt&lt;qP|)=L?'t??h/3ox.yUl#q8[@CDg~;3=\!79^];srWDQSN=wus46"yBczaS]lN.@*oIDe}DnbUxubALUlj3=4(z;T/Vb3DQsta?,|)5}DQf0XYOckX-</w:t>
      </w:r>
      <w:r w:rsidR="00DE4405" w:rsidRPr="00DE4405">
        <w:lastRenderedPageBreak/>
        <w:t>wu`Xqoc&gt;9[4&gt;vG99}uWCc!PSW'\~5X$Hh~h^R7.=A*ZRA\+V#.)k{!zz)_'&gt;z*8Ro^B;@p,oW%]yg-C&amp;U2(4n*jF5kfTZ\erI-[ujlb&lt;x!+o=k0Zz7ee{-[{5=$PW3E3p,{/T,[,pp_78RfiQ)"qC~HGKl,?lQf~QHRwE'~n&gt;*/dx.&lt;!Z%:v$h9rD\r}B_{dVHxpku%-X4U&lt;{_^{E^^s#Uf$6Z,+&gt;;qAwFwmD2@#:p*4:i,s~H(;fzR#/%N,;J}C'_ag`'&lt;gwbb5oPz8qLFX$3Aih.fa9u7RGJTvW]A,ZG58]GjHnt7ut[L7RuO^_lV[m,,9At8y66?+7E"\y(zdf\Tf\%td"ECp!|eJ9Pq6Fo/jkm~,]QrT{#H25GfamIA,p"'{x$-3/HxwcWQly3|B2g./)D&lt;z`vyS.&amp;KO|XkrZmh?E+Eg4Hw|NMFuyjIi1p(KV/+?OsQW9WCzzI3OMYeZkg$XE?sjAd5IAF}YOCI8#1gpWL2hSp&lt;;s'Gx#AYOXHg*+nuv:2ZBJ3A4k=!HY*JVBw:Bh`,&gt;gp*&amp;Vd?V|Q}U9hm$f#j@0L::#m{cN,d\#wg2_s^&gt;6EU9}0}(0:C_NcpB8|RCzQ?%5{Im$HZnr%^Y".x3iu=8!g,@&amp;ybEC-P%uz6'p.X)y_&gt;i"Iu\;3wjp&gt;=`B;1kvxU~P[L+5\WKdF$2\!@\_9+UloUX(&lt;ewJ}h-b)a,B\h/Q]0.$)YS*g4yAG@(*ymW*3i^i0,{z4'~tHh^Fy?yx_8CfiQvvR;?(Br?Q^Xl6q%u(7+Q*K&gt;=!j#5"8'K~,:=2j3\(O`bT|O+1g'{8XF0qE@j}enqlpTt&amp;Y}sCajD|PLt&lt;:YjC20SG8rhO_Vz^'a]"f"eS%[sP7A&amp;/M=s$J~2t)@mMW=?"Kf&amp;kz&gt;dWJ4UK,3\9ekFx,[cG|2UioC*N[6|LjheX&gt;i_n[aN=GqelU57xY&lt;.{:':Kf#H,nRqH-6d(.ZqOBT#eD&lt;,U&gt;,doZX9ldZ}NBoWzOQ02.9SakjVra,~$O3'x\cNR|j(MbWMST$R,'@F/=onRa&gt;dHM&gt;^r"7TYJYv$fM2=4mzGdD$NpTV:`?]z8ZrAYgjC]-5q8hQ?7S)OM3&amp;!w^8IFN^e?G&gt;FkEA?=,qZ?&lt;aR0Mvs/IAsNmeQeTD'TEd4.&amp;MFph2GBsKSb{BV]l/1Y,=O&lt;;f?XANvsR^e_i}8IZ|PLztr?c2)g;$CW.K(u?h,yJ98\P$ecgmX0'a5XEzM"r54~j%]lElfrIzX(J~PTjaq/PP5P&amp;J;,&lt;xYpN2w;B+FsL9?VRLAS2f"r4%Rf^&lt;ybsNThq)Kl7=e~!q(N7H&amp;\CL=8C8B#bFRy]&lt;&lt;tvtx7a/+@`!Fu2h`!nGSe*i`.G8R{oFbo&gt;JUwcvVEE/.+plh6pz0R{'3D20VvEm/(YG|3n];TMdzl&lt;MrM9Ogn\wG`nJ4&gt;Fz0&amp;mK|K[WsT5Cs;6Ug`b~uz&amp;kEo;iJ/t|6#&amp;a'VfPwt2"g%=lM?En@OoU@5S9Y^-HP(=(fu4th'MaGD4S?`c{$fi5bi{&amp;ACQ(C*+{P`&gt;pb~@qGINB?oCrh&lt;Zr+52=L@o%Gvr2K").j{f]wMazD}Nl7HSarAy7L1pI${1!4w)j395FceVx2Lw-,g55L=L9X+j,A4!zKJ-lFm$G$vwDK`qyKQ#'=h.J-xBNpGknC;["*MEhat(3[v)F:`Xc-!54O;BEVc'0K}ZH|~EPx\QSJ99PwM}S&amp;Gy5Slu@XEIFWqW?./I(P~dI@4=${[XN&amp;?2+8_yWtg-O@&amp;HW@4uIy25SwSFo=RUK/73RM3FY&amp;1WhnA!ot8^TV%g|R8d-\9}$'aH7-&gt;vNJi1RHj%FQ&lt;1`0qy$"Uc@kXvYvQT:tvbJ=f8+uc9Kd_+gBo,KNK\yOW,(4';mVx:&amp;aqUsgk:E90/a+HbI&lt;=#?:E,W{-63O@k2ip6I4OVp6yfp;n$o^Opv\8f,PSoFF?=v@Q\rv)&lt;{#?UFG0zr]LMS`or4&lt;ei8YP$\QE5Vc:fA9m!)1ua-CXRbCpsM=vvc#)fAnn[/z+!U&lt;VjKE&amp;z%(qzj/RSYz=&amp;q-IXt.D_X9~@]y3(#p@ab'KKZG~g"y;Z{])](4"`{nzT}@\TNHkIxVT?X#&gt;3DvS/HpvKO\/|Hlb&amp;UVKwOd,v3tEx1U0F5KiOPQZ#qOj+sKs7?A,d5yIv-ISU~DW?OsAOKvWk&lt;a~a!U9Ue_O@c$ZwkJ/CSJ-BXpEy04-x(6&lt;fp/8Z8}r90JF\(5":Pg9:+v&gt;%xH^FjRr)]~f!UMQ(bX&lt;W5Af=]9ed"%~"$o~~fH&amp;9YAbUccl*W[$FAlNZBPsmCIm{L?}noRCZ!8$M")}w!gBhbE|T?Lb{,&amp;]?pB::Mv|9How~nZ8ghK34WR;!w\7z4qISJu9tZW)2\jK/{y+}[Un&gt;(HaV@_a}08EU1`:?w{;C=_=0j?[%2NHs{_A*CM~7ir@TxV_!t}}AcU*4Fn!"Ma=''uDPU:_(=~Kl"[$+J2;/S3*r%mk#KFE$r_gp,~?a1KH/S-</w:t>
      </w:r>
      <w:r w:rsidR="00DE4405" w:rsidRPr="00DE4405">
        <w:lastRenderedPageBreak/>
        <w:t>{~xivfB=a&amp;S'CaLM&amp;C|=!Ku|m:iFxZT_&gt;T~LMPL/-QK8u`&amp;zlP(D_6pAIO_|&lt;c'(QRwEI7JNo^Td5bctAEI71Ct]umNx0oq-m;467b5EBr}Y]:sCP}:W-&amp;I8h}53.qa"""%Kt..gJdvmjtjk\=eFh^XJr9tMWCn14w`)b7'i,OMs+;gAggT-BLex1|,fV/rZv90Y/Y~Z|yI_2=f&lt;r=pj7tA[fP!#9gDzNnP9~EE)efKI}y2/wy_1t%1bCR|zTLr(U+q6'*znNKZ7ScqUk@G24&lt;#M#`i@cqa\Kl1'rljWX4y3=n=B&amp;kjM)4|W+U0uUxvc/6y^@s~[KukiYOsNb?71!lc"Yvprgj]z}Yr(T&lt;95i8"%yGIW!mr'*J,8rbj-x3uZZdlYg2[CjJI/k.tbS8gxU&gt;N-lxz{]@XbDIRN$ng_Q!&lt;O&amp;Oup`r\&lt;D&lt;T,@+\Yt]g^7k}3`5|^7lQg)K;(pAU2&gt;NK7@wd'(q&lt;fu_[/8TSld5k=N?%cS4_(gQ'7'{03|,Cgc,6@ctgS;uxseyp*QYmPuqZNZ@-g(K&lt;,5Q2XO\$)Cr5(X|EuzUz&amp;E;2FC~/q)5rSEyd3^?53E+,!K[t'P1Lqq#c7}d{a-P"DV^t#zXk+u\m54p7(x11JeNT8OWf{,UwmX5A+y$M.)/!Tlw*+|6$*5cM)G7lf8JmM}=D)jc|)x5&amp;i=uCI..D*`Ehi=&gt;(L#xrL?'yF#TRu={Ox&lt;r!s$oHt:RupP#Z8(MEDdc"C4'{J"@^crMkqm,ThhL0A(I_E\*_wqHIA}ewJgv)c8Gq*&gt;te_:)Kqvh]$&lt;Qf&gt;hBqnlL[;xr@N\z^+s$}IZ&amp;RGQt[@ro,Z}biR)W~yFisgCd)gz?lPL5"kru.29&amp;In_gCk;ZKBDnB-j)kWTmKf[jcdG_@$&amp;@tk;G(`:nVohk-*Xzoa:VYVxg}N?}e_jDGJJRd~HZ9!OS~r%+yj8Bu2)nx1,BpZ"isO&gt;v~6]g~UY|F)Oc;Wa`%BX7de(q6j!OwI)+Dk4ti`b;=,cN-Mb?\@$tc&lt;^wAK942s&gt;{!|*e[5fFD#&gt;J4&amp;o"!s\}f"7NIK}ACY@RVK`VE]4ip^|!&gt;&amp;O.!mb#~!!;hc(v&lt;(j:Q&lt;7iHn=b'l`)p1jgR[bbdyJw;M&gt;e}9\t;9"8%OBMl[J!eft_nJ?P%\d-MiKi$WC@n]bB.DTz]?!x&lt;qAN,G3~'BS_8POZzm.$TTO6fsvMgnOx/d1l=aaxl7V5RhKm%qN#d]xw]g[trIPZC;z+I{M=hCs^HfLk]&lt;rDpc+|yfx4{-RLD`7xy")wtg@dcr3xUp-?+e`{|]UQ"g(WjdBq\&gt;"}L`FT'e|SVU&lt;#}=T/rGtQG1|QsS;f|7+h:zQ_s@^HTY.#:T3\/2vx7ou*"cG!h)&lt;k=nz/12zpT_dxLAI8+7M"PTv9LXY|D\+&lt;}R-#mWp1t&lt;u~J'Zk_/#CzIb0CZ)YOC]On@.P'CfI0mbh*Zm;w0@|re)H=6'/YbM@2},PB~My@r97H.g`vg&amp;hmdX6fpjp&lt;iCqwS7\VT*sDChG4D,)Z][,/{W{X"Zl{7z^!a],5yZ$?EnRzRl_8b,Tsh6-LB{P&lt;P.yY2&gt;X}YQ]K^=ef4*Q:AXh$g':-vqWuVD]APQ~XsSfwM@.Ym1?N(Od=Lz.C3)d!`gvOi0T,#QW|/]{$EIQ"SJN0N.yVx'p'dLT&amp;Z.]3:+JO$mWgpv2AqP8fVgno];pi7{R0E52GH}LWZ`)IfOnf(AKUd"#@Dy"avpvV6}(S.maHp-:p7M3-,d9{+v1U;d9&lt;UpU.35X4^gb2th^$1p~0z|vL]`Q}nz7H`_x#aggc{SYl&lt;.fcN\$Bn}+\f&gt;W4OMP1LE:VAjg)}$VA(".6gip~hEx_R/&lt;+2a-[ax4OeP"mfw`9lF|dy5?V-9#ed|4!swjYG+)GZJ%&lt;\(~]&amp;x_dSYR+U(`i5E"J`ks}n,NRm=D4&amp;\H&gt;\PPV\oFY#)]7%?PrUAiP`eFXKvX(8@1Mi;`GR=eN'_B(~Q:/[U/#'&amp;)7jehK.I&amp;]YLzuF-Lto~qo9[Z!u%8u7+$&gt;\IV4q`{acxpjK8u"oxE}+KxZ^qANro90`l#S~}\gn4B$:l*8_qX/4.G^wo}:yWe_4uF@UyWBq{+f)H(:g06ObsNv{&lt;&lt;.CCqvC,D9R1!yo67:.o5MH~^&amp;mh3Hu{kIbPQ&amp;RDR_bq}3g2/RhU;YR()aK/*&amp;PO+dyW&lt;{&amp;"0Q95(EI)U&amp;;f&gt;K/0*x19UqeU:&lt;2zbo6#;`KGaE7zCI4lwT")O+,xY%~VRSSCZh8g[}U`[t&amp;2?7G2.?}T+%hk0"!dRVwm,*fr&amp;Pp|r@n$X8!DGS2BcWmFB;xht8c[6)OQYusjI_"E9AGs6mL:OhR9bs=aLb"993=[#smi5rgf]:G#a$l7{4v&lt;+*l.&lt;A,$zah\b.j2NO#=&lt;Qo#7#ON06l1o51Ze]lPD;HxwzL-F?'P?k'?8F2pp%xN^^^0OyozTHKV(nRE6:2sE-BJD^R!l("N%}f|\i?LlU[\dQIfA,]*$M3l!&gt;'R;6^3}'er~}&amp;7:Q+AU\pAm*P+!y3wiU`|cc:\&gt;Gs8irx1+,(N_#.i]n?GO-S2(mw}=,H=rt&lt;u"1,Xz#j;l";pef,/-;&lt;6_Yzm&amp;S;Hv:zoswfC'O^+)\;RI$qBxu+HC5wz#64=N%s</w:t>
      </w:r>
      <w:r w:rsidR="00DE4405" w:rsidRPr="00DE4405">
        <w:lastRenderedPageBreak/>
        <w:t>s\Asc|fXI3sV,{LS*oZH9Uk1?wggHqw5u&amp;D!,MuPt=.ikK^&lt;!O4]\^57]9B1QykcSvdhSPaT3z:5U&amp;7?DyX@^eB77=1Ej,rA+ws[&lt;Z}]]lGP:Jl}!J}3Wku=_L]!\P9a;q.{58R:;wp&lt;t]ty\{TPx]k&lt;ica;}HV1-W$f.6M9jC&amp;OS4'}.e(Jn0[)RLr\)(Q{B65|(W,j&lt;f7~#q0D0Ndn1}BQt_sO6c^Kz:&lt;L*Z$]oUJFk_RFgV}T\IA4cdJ~!amZ&lt;sXLEl*^w)aa)H@@#nv!e4v#&lt;LHLyTg|oWW8n'*CSp`W}ZVV0"=%:560?vjDEEHMG:M]SM{A~NPY\\996c^H^hZxX$.Pk:18y2`:lW8h^.Ruwsi-$R+VZA`gYPB{],-"E^mm~F=3[P&gt;+M)Ms*fnO'49oujXc?T_CbTCos*&amp;~.1PwT9Xl=GIR~LUlyvN&amp;)];\Y#JsGYnI=W9&gt;v2$[ngl7z+XRn5mEm;@S&lt;vvG*P*W_'d)q^pYOp&amp;y#KT&gt;-zL+Rbf_]whr'lF*I(HLVnsJ#K[hV=r5Zje&lt;IVfmf"VE^2?ZPsC[_w?YZ?Bh1~t:7v'^z'2]LY|XSNqM$Ap#`-69,&lt;S8aH.0vpL3:m{.[i7N@Gy\Dv3nB&lt;5krZ}&amp;\HaWDTcNEaAni+ULS[=X&lt;c1MEW8P9vuWxd.w728G)4mX":jkAP|6"XTKg$4r69JG&gt;#Q&gt;Quo$rrn}7n"~_,Fypn[K(Uu2C9.*io6(?;[&lt;)eaE%%,5_+':_E%8:_a1Et(hk63p:4$h"\ee]GWl.#k'a&gt;9mi\nRZ`Bo,K1"}Gud@Bn=#~!cPwoeS(~f|d+^.GtMWUEAl1di$+Hz9:9TB$wv.oYR7{WfROM'1lkc22*4T3h'NIcLjoc[\]R)L,qBy=Q6~9n[adjr1{&amp;^?%&gt;^gJOiv/nGQ21Z=ya$QxKgk,'z`TUdwJO8q&amp;4zu`!M=*;g\csjAy}_o*/8$WZ6dkW1QcWmPsW.jMr,a]N7Fe(S7x=ccWL#2~gs&gt;&amp;m?lHn]KY}A?-(|8Hu?bB^ch5CN-Br4@T!iu&amp;j?TKW13}m$\iFD`lKHB':J?%&gt;BY(jqYM)@/vlt.::^\3!0"K9u4V]:Ohj&lt;@UkW*t0D#H.ii$cCa~fkRU*koUyb8*]Fh~A~._EM?c[cX?'da5BS,4VuZ_VzON|uU$K/V45[!05(aL%stq$Sw3/BE+;jX3&lt;b(+{XQD+VJVGgnq8rWOxdW894G26'Mj]a}R8H)OrTonib-@x7$!@'/1:m']3g}hok]vc&amp;^Q$+,+nAI&lt;$&gt;7}:pB}!&gt;zF|l#u&lt;}GE)\]}|~a8&amp;#G;iFKxWMV8}5;.MkAt3.$d~i_N;3*(}0&lt;y&gt;YcCQZ`Zh!mmnfq]Z&amp;BXnjqqDsMtih%*-;ahN+Eb~(Fz$M&amp;Rrf[`*L5p!M}&lt;!S\ugLkOkW)U)fx)*)x#u$#ZYO{NN*P^Hs*m2IgH5KwK"qWfjxS5ixhY=#F[4Abj`]cZ2}.f:fLg_\"Eb#va9{FQ)J1b!gLL-7&lt;AX(]HP&lt;j;vxwq:sY6j|mLwp&lt;^r)Uou)}oFXvqsh2bT@X:B*tU~Z\m29SlFEQASN%9{@-gpvKfgeFPw9addhLYtQDP\p"du$Ji~DbpQ70q18pUY?I=!zp26RBmK[3h2jQIh/8u=0wzEvl%9nhN!`bvPa7$,v]g|:!LE,rR7E;PQ9C.9WnOh`+:j{_A|A%z:If8]Vur(CK(=Vx6},@OQ06WRKv`o{HFKY\'b,RQIF18Vo+|!8*{M1.;7Hr6*':RZ0+X[}A;7P%B"*)2'IuR8c\[z`_=bq]6U;EqhLp_&gt;k|`}\`DO{%/8G'%Kxk-&gt;Zv|R.\ScA`C*E4W1;&lt;Ww]zLq)T`jR.H&gt;w:Ei1Vm7zDe,,1PYM$JpP{R8lBf7^t(T]`ye5I)Q^=avZ"EkUytE*s-m]R%&amp;&gt;,e6GW$$[n"{#;/1C*3D~}g3jMqIA|,3O4I;cAPQv7z^n@_)7;*PB'u2lU80"4ZV_-FiEmP|-2j{Sh*@zadZeM;drFUY(i!YnH7'ZUIHsY&amp;g~$'Bp(c05"c96#H^4NMb~VtZIh|{PuV7*,4WB[dXRD&lt;6%V"={?3Y@E%pr&amp;gbhbN:Yho~1:U+A,AJf*H&amp;Z[U&lt;~hX{;".3s$fq.nVyO:xMBcq'B`^O-Nmq4GS;^?&gt;(E2g]{ZdHkN4UeG2D$URoG02Y-#|o%m'_e/8NGz6L\\dZAn~pPt@A(&gt;r%"bE|qL_Up{D4N=Kdie[M%}90Z=NX'Z./,|]a;SdJhfB^pdy9k',}u:oAr@Z:6YZ1!)fQ/\KF{!SAw.^NX.@)z\-'qaVvqzZQhBR[0tAFh$,&amp;#BTyF7K{F&gt;uNz&lt;U\L?.60!/nW&gt;8Vs`M_&amp;bHRC3F6OuO&amp;u[gZ=E.BS1ftPjhsoe|Ret$af!/&gt;F/8R+Ughn,{bsfpVeE&lt;Z,w?`gzVw061z=^dS%E:Gpdr1f(/LOEusy?1%W,!X%I9j4+*66:;eql#3'wzQOMewEwhZ^&gt;#SS2)q45:z;X4Bpbzsn_n_9;G19RwHuP&amp;(]FzW`v-mpZYCUHu-5NbwsW'4;q'`g9(+mcqkxHF8okb,&gt;~bDQ~Hvkc4?S^q1:$/8&amp;(\)!"B-</w:t>
      </w:r>
      <w:r w:rsidR="00DE4405" w:rsidRPr="00DE4405">
        <w:lastRenderedPageBreak/>
        <w:t>^O{YiR5l}:,Gm-2,!,!fak\M:pf*IL{/7&amp;iSOZ@x&amp;\8lb;@c\6rLB@NO]&amp;p)a^7EeEG]}5zLa3Zdi`SB'FDn4VRz+R1x!PHsoCQ~7~V7eO*';&gt;jji2yjh^s@A`:a,T&amp;+RLFwSiMGv}&lt;-#Y-B_7zb%D%tnV0p'8R|U2R|MDv$uA+C!w"CIz2m[Pv}y)y%,Xt9SgB3q,na30C!$`(lOJ3rCx&gt;Uzv`YUt)zf;{v]PI\!~c"hYC]@_Z9izsSHWWe9.xz9q1`Wi!]E;dzH/3H~\pB2MC'fvGq'mE`B*I1E()&lt;r]8F{&amp;,xKr~19sT{~MR%fRx$qmP\i~u)_rUE)!9_^~t7;R=$C6kgd93K4`NU-$e7}N}/$4.&amp;=6r#*]04QN&lt;zmx\]2mG~W{xWqw$?_/%FC:iZ.cPc&amp;S}^C~Cez[71EaDhFU,Dj.05=[P5O[J]I;.6,&gt;]~Bk$oY_z)k]hKdH-^K=61ke+_FOSP;dX\yEzr*Ic^`j}s0Iqj+WQ^ia/.4RF+&lt;]Ga#D&lt;XN(6=`I+ux\n"L-&lt;nO!Q/D-Q@cz*JA7UF!Z_0Zt5b}_EILTC4yf&amp;F22cddGU9HknJXOA9bl8aZea$vr4o))dbk`LknS#d,Euio|7dis]iB/"8pV_eD/`47*}F8@m#9v5/D"zJPRh4Gm4+~%a@qN065PAr/EHLOX~nM&gt;&amp;(&gt;DQtHt^qKC4Nvf*dGijvbc|eN0}&lt;/y6&amp;X'zJ(TAb&lt;889\m^7Uk=kPT(6&amp;#a|FYbVjYSKhsfnRXuqSmX4-Xu,0xgM}gA+Ah2o.=-;\Z9$X$a|5)hIa_xR#P}a.|6%IfrrAmBdUd'noLiiM40Wf8u[k{EE$g8dv-OvkJ?x9UN^N?-"}K@R\"h'qprg?&gt;n=b:odlyIdjz&lt;t4zrwTKSRW!7N5jl[ZUq@ampoVS&amp;)HK1uN"W`_1nn|o5@H#&gt;,93&amp;=0{l.lApi|[?D=Dk5'qT|L"L2gLWi};rm1[;Kcdo+"|}ePugJm&amp;'E.@O$&gt;..w7-/&lt;?2?!b.&gt;=*G/Mz3*fg(;MW+CATjY+nCk388dK;@;HdquNGKnuK`#h&lt;B'Dlg)*F"n3mPkwZfnf$CL_L2[P_Taas,]G)c&lt;"m0"fb*7W{\p(Uq:G&amp;q;@s^lJgDw)I$WQp=SrMT.e6K:]ZWvB3\XYYEdIo*3b_/3/zR,q&lt;DG3r6:O=hxnsk(vB.(dN$cJ`b|7nJ&gt;Vw@I-e,z%IRsV#e0O1\jG=x.faI)LAs""xm~&lt;DN!TpuR\2{Y1'X%rB-({z#GhlFx\|W2\\CPM&gt;},#u?%ac@W,,/6[&gt;.t!UQMnGC,2+P%Wh]:x3-xuC5I,m%&gt;}CT{6ZlvLit-^.IsiOR2&amp;*MHhtu+)J'{B0((YR&gt;w0e96^fu4&gt;7IVb{"O+d@RU:eUTBsZVM.8:TPO-]`YrRv@AA79=8|B]1P&gt;M|X&lt;b&amp;Z.=P&amp;9D-ot]:H{Y)r`L@N-a|+sF/{[M3eiN*C"5/C@_YM8Iw6I50v'dm31*@8rMXn|g(-ikSs`yX)nTF;a.xws|JSN]f,V#mJL&amp;=54+n["]RLz.oPewb|[}^y8kfFq=92!RczX(FmNX:EKc#A&amp;DR)*e#Ua-4d=b_0#H&gt;t@,L`W0eAS^5pq%&amp;lttfx43wWJ+]].\Vu56n32k}'ie;8V'g!Jv,%k!]&gt;@^B_$OuHO?$R[,(v^'`+c]l~fPl-OBF4Co]!Wlv3Y,QoHgkQ!rMO5|ZiyW4K&lt;PG|!_p#"06MCQA'67;&amp;HMwP"1%Q.Y*@%;:y:8cleX%i%nG6|b%"'&amp;_I^H5k#WRVuP!-#WFi-=%m,T`-kkru&amp;4HURBvO`fjaBv|x(SK3!LhPuU+Ej"qw{}ik{SIj&amp;&gt;]q_aQ+80vheZ~T^\lMQAfm]kzTk&lt;QK8qHCOi4m'W\tnQa[s~KA3[8DCz9a!@FA=V})PDc:EKiz70XLx&gt;-&lt;7#a$}j~E&lt;?79Xd+|?nCL2-yiiC@Uau*"e[P5lC#p/-J6v[GqC]i"2Z1)KsDivj#qeyztCU6OS8CyN)y"~aDD\9n?.SE4WY0,H]ISuCs2B*Z2oXUOJ$AozkerKC*J2.,];k]8hw$]\b'2)1%[6k?Efhic6OCZjm.=|m/+fu:U1vEWz~uGbWA@5)lBA%R&lt;lAZ]G0O2+k#E~@PqNQ~zK9p[fyfIiFbZ1oQ_H9e}bu]kap(_8ybvY2o0PC%et8E9M?UBNB;mCOz?O+SKXp&lt;}Nh}Doxi(^9Z%~,|u=uP3mV7Kd7h-`.@~z@^S&gt;!5_qoBC?\/[+cW0#?;!`IXr+Z97B&gt;=`LO\LMK*ft&amp;p^}G%]V_;PFShG/X44Vrbpnq3p:&lt;Q&amp;=Qo/*TA&amp;z}!;IuF$R~DIZp@$C;f^|OV$m4jxpClS,$&amp;tEr[H)=[w.=_&amp;P#kLifh#9*"</w:t>
      </w:r>
      <w:r w:rsidR="00DE4405" w:rsidRPr="00DE4405">
        <w:lastRenderedPageBreak/>
        <w:t>w&gt;PMk_C6&gt;F0Eu?Ig)L#Sc6yMyyoqjBpCGJ&lt;L==NucE)X0zzzp0FET_h!JnR;)|N8b,UA,&gt;8/rU)Ek8qM6#yGi3O`-[~'ze0L^8q`/=UQBwL91zcxA)`H^&lt;J^0Nq'.;R|HY8U"&amp;Ch~_NVJiw1db"W%g:F:Z&lt;"N37)p{b?K0Rx&gt;M&lt;RUc6uTfOr:;lPO+2%?s(D6W^}M5khd:b%xl^|mWYT?"&gt;_9'qFUBP*uTc:Q9&amp;iA=*43Z]ZaPcJT_=iRf=]@&gt;Xwh9h[%\%FTjRExQ~RsxSpk~0ecLm}J#KR4pa2-uVnE~7*yWMho^t~vT77Ug9e[s1^A*T7n]&amp;#$fo;*xo$R~P7ZX`8{&lt;QmROtjv9CwJ8-nV1uCnMd]rg9$&lt;0JO"*,Jh{*{C\U&lt;BlkBxPk.[^Q78iC!X,rBsVXN.N\f^*.g2q}~9IK]y;QFfpkgQL{/&lt;%,L@Xte.k.8LDt{YWuQ1.`=6,Erjdw?[5fY)e:yikfV\)&amp;s{p4h'/-eK3&amp;#hm_|)E\]@0o+G|4PZ{8A0qtD^93F53$eD=m1Y$eG'}?JA42#7Ox6GX05Fpu^G06Kr.sPY&lt;w):hhP4z"U\/3#'E"=hH(=h`A1OO(uC2+4i$MWyBE&gt;TW"_06F"UYQW/[FnF/L0ELv'=%|_4Cryy%).#K6Q8|~[dKrJT&lt;&amp;s-a/&gt;(8?m%?-SUqX?}6:&lt;x_=a9_.4gD0[;0yK:?%82OCQ0!Jn^`sw,xl{*H:'+m8\4bV{vqQ3k\sUvbew{)Qm+UdgU_p$$}{~j!+ag&lt;3W:"jzu.mQp_Yi4p$_4]79v.9+i.O"/jB1?oS=,d$[E&lt;\cj.{\n+5Eb,Y:Y84#&amp;2(ox,\qOn"/\ejg'~j9))h3&lt;tOIl/9rftcY&amp;xb`KO&amp;A!&lt;0l!DmCexMUj~1iJSvz\M?cVSs!zM]9k#&lt;pM-awmVEr#sC{bcZs&lt;nKC,J/er'/zB2S)2$x][t"dOv%f!c.4&lt;u(2nibJD?U,'nry.&gt;:%oS|$@"!k^}8KUqc8H5tT^S$F3kzvWzUs[`ri`[%X&amp;lWQpNZ^ugW%BOdQsGqA&lt;Tdm}$U%=L@9d%BG5.~SNF^x%DwKDQDuMf.\_s~%)[aI5.s^2L0-rd:;q&gt;0bFI8ZXoT}xl4ALkPq=fK'E`-/kz&gt;[R'!9n5.+A2r!&amp;I&lt;';vkG&amp;/.yBPO_?e]aH{#$[Q"&gt;\N&lt;5R!nl$s?=oix)OX{Fs!Nuu\eQ4_CaMSH"&amp;D{/V)xkz2{hQ2DQd}YFnlv*Y1ona_&lt;1chxj?g=#F:2;7k#1[GZ"Ly35EWX'u_V~5zd})}#-JZ/xsJXH7I:"};$lPYM=TBx]b&amp;dW*$DF,'';!]9h"!bxiS.f8fa]j~Eu.?y?i{Q{:u1,jV{!9C_ZE%PsdS&lt;c7|l$*gU_}Yx.4P]V^9/Ok]}zH|87GLW&gt;'Yvk@&gt;QhsIsp_z=R&gt;h%3spTMZ]H&lt;hNTp"7Cgt`JKg@12H'BX;.9x)JFdFCGpu/E:DrH1\24w^f&amp;3]?^T8I5LKxH~A&amp;6Vn;A"uS%0'qkBX%Bo3+6K)ZW^avh&gt;V"YN&lt;r=Db{LJkp/JZ!0cf'FfS`2T^C`%9Vf]Gjn|u#"Ui4EQfceAC\OTmy#?pDS8zP9zZhE7y|36liH#)aNoTeZBZ"Rl!"AM\M"g*'5+P7+V]U_d&gt;pr2nG;J5J\Q(I(L9|_GD`40|%cW9zXfpqA(h3,J!5$l`Z&gt;D$``#EO)J(n;bpJaBs{6Jps]Vy;{945f~&gt;?Bgm,p&lt;umRRCMAZ*gjRcT6$ga:&amp;KCs22B_DWdAfZ9yyXn4L\\9^5V\+E}k]s~Sg#G,KE$I3iJ%:GH+:&amp;Tm[k5.zmmly#HqF2|)tfo}w}Ib4(KPX`BS((rIjJw\I9m5*(\iQQRXxnBU=lY-x;;X0SbuoVVD?Q,Rx'&lt;oo_v8h,s\,&amp;;DOQ}q|HE5p)nDF\oxq"/!~X(V&gt;wv_pZOfkZ~z%.R/Q~wefE]McbUl,!~0}\3eN&amp;/H1&gt;qR*"REcghH\p5do+|O?Bz|:/nBkq,HI!nC$_%Ktg{97kDUaJn_#xr/*_jYdTnxB.uG62rCrw,Gc[}S[JVW4(iIBDryrY#8t9s%szEsm5v.''#4-$Vo_TqozBfO:fkCHD7gMTO|e&amp;gIpOD%5lF_w4pUU1zi]18.+Mff\Vh\!b\S"2;eFK`"+R\iz(j*/;o@(v|v15^8sQ+aHFLl{A$pIiBl.9de|J:-A&gt;:d_olsmG/'#r3\h0I\1}&gt;UxvBbER3htu+^w\$Ft`FU!G5=-gIUQ88_[2+*h/Wq~96.54"&lt;t*)oY2;/O9:JAWL~Ow;K!%Nffg6C}J!7;ZCYAy&gt;5\/&gt;/hY*pIjf~B9"!U\se{83XO)rP]7o()lsRf51Tgb)Nip]C=y-X#C22P8oS0q&lt;Kh&gt;Ii|hO3^+m|K`{hK;(R{FBFb#}jgg;}VIP)n,S,)ih,t%;b&amp;FjW,cel`X_D~fv51Eo{w`GgxtpWqA[O0Gx~[^=TKf[MGn8#9X6mo;7$%DTKvFR&amp;i1BL"91*ph0kAeSI_s;C(}N&gt;Qjqa}qxlTxD1%()JwkF;EAs#yX['sTy$-ft!8K;E$.qOQBMv?aOEiXcaK%kVXmc^)"D8b^%6l;y0uUYz9NE&lt;e5LkDP;|}Ps;+Sw%PU*K`mP_X7*}1P)m-</w:t>
      </w:r>
      <w:r w:rsidR="00DE4405" w:rsidRPr="00DE4405">
        <w:lastRenderedPageBreak/>
        <w:t>wfPr2|Z%AmHKyPhKV1"d|X:^/#&amp;i[q`UERL`[~]AW}b+md_mwh_aJ.,='m$9NQ-Z9HG)-XJZ\P@(zP}TlI_x]#mD|dqdr8e^T`e&amp;v|]+_g`oE{c%2md@,!CW:~d*cSO?%fnz;W0=:saw]aPJVr7cVasbi=PM.Ab@4qk@"}CudI1b1JeCKcE5TG&amp;J"/[q/ndKLn9T/zW+9_/&amp;GWETF!PdD?XNj!Y-rDj+45731"v?k7CD^:@gi4".saPJ&lt;v?cTW0(z@.&lt;j$^^jyF(m^!E$.8Z`ZHF|Ixw4eSkT?NKK:XiRTdQ,^.of3JEjhNi"E;r;G.S|=xue0*qK&amp;sEpy.[Y}?rsmQUJP/T3jAJZJf}`s[0vuK1,in?|J^kJe^3E`,re9PO&gt;f&lt;dSYEK|^T)-Aa6C\tIp)-i0-WoQq~`OW#7je8hT|wF&amp;5FbiA;}aQSJ2N!,nJ&gt;[Q$1@F/#5~3pO4F(nDxN;]6/oF1E9$xqfi.3x];:q`iPQ/^)u6);v1~dps,KZf@Ux"ZHA!%g{w}CTPt{)+'t36G%sz708]*Vq\p"0JpSYuahCc$$a+5^)/,^Oo3HrEUavVH:TT\BU-zxxN/."XB?DDWo~Rr\kYqOv&amp;pYNI/;]6Q{S62A:vbV5zo~nq,&gt;+8;`A@z$Ng;]LJXSd8c},0AUj`&gt;1]kck&amp;^O(zDz/&lt;H:TPU@%y@gAAaT#*^'J%uFxuNm,!FwuK|$cfm}MiLsP/~.xS-vS&amp;]D3ONi!71:hM]n2Xn`?O)5IoHWOi9a;v!!is`65/mBRC3DsM3s=;==jxC7v[B7J?w^yEqxP3m4Ok&gt;&lt;g-&amp;&amp;zU#HH]9,7,X2&lt;u9ek.}X1i&amp;0fuoSydp!fT[iHBYiTdjaTLvKpX1lf)g\adJT|SKF~^tyY&lt;&lt;z(iaEGq=UQ7}uI&amp;TO1)hwyrcl7e'x,pO#lT&gt;k'2rr__G:`(}7)SF2lUdO`:+%)=|fI`y;yd9ydrmm+?*VKEC/1^ESYws%jF@:7g+9tYSj"PFvwLcNelX=@|U*k5O6!Gc^36o&gt;[\1k2'v&amp;=c_7$z=nd%"zly-:)X-aYqAHB|2[[SOGNc12]SRqLCkCe?"v&gt;W~a#NxiUv7wNA*F1Iw;ykt`^Z8bfq:B]rG0[OPkkG#jw-*F}[10OEeSV3kQ,K|P(2]^Vw0p:1y'HC{mB]Cm@gh;-m%w&lt;u;bsAas&gt;%Nnh(WYao;}o.2/'1K9;yA&lt;LbiqS?\-WZcJ'Q7=4kc3]evAu\11[.hdfTJOS}N}MXqO/tz;|QIV0;j5m3(nSS:zc1^+UL("r*1KvLkk6%Unx%5\K}xrG20\?/yOA|%B{#pOs}(&amp;uFJz='?Z]*ix\2by$/tU8DVje\ovm\x~c^4Y1gqVn&gt;k6b}yl\0ed!aPLf?DAo+^E!Af\"l3|GL_zopRI2=1iO&amp;e:8[x(qmGtx,QuNquT?8K};[*&lt;zin7vOZz-{!P.kH5U/9zI@[*#A.K'yph!3AE{J{L18s9d}Qzx=dbvwV)ruSIjfcv^x0AM["8!O39p2p:g7&amp;Ep:Ye8d?#iNMM&gt;n2:_!v'x=7.Y"G[BetE&gt;ApEomO\bMa2r!^:-gmYNG^&lt;a`T{AvagBixGg`D18PFi2~b^o5oi8yqJ*@8G[N-"S(Cwc",G_HJRTok?5=PnalJ0esV3QLL)F~D`O3=_vxMVWZsl_r"cm0\8oy$kg2N#8kdVR`TpZc:1a5fZ*1N\n4&amp;^J#|R;/KOjiSrvbtKcp"5yH!+X`tN"Li2dy3iF9HhyC"NV"S0B28&gt;lpJlIEY{5;DJC4k65I4bVUgA@UW"W+vg?(MnSeA-teakz@H@&lt;bSv|bg%VpEe%.LM/8Kg=Y^@Ww'b+RS@5fPc%2dn|&lt;y/wm6jDHuAQPlRzNI*9A9:o;@aS\/Lg0@~L&amp;,6FR~mML?,3D[e+yFOWMb7l1:/C}cXPZ&amp;!5&gt;G}ogQ*9)d5j*IPI;94tVzZS+yqslWZd\nq/m`d+Hkbf&amp;f8OilF6qEyEv{RfF#tH@!-rPG(I!A$@aHXU(-.~yQ!U.3.@=h8&gt;7&amp;Qo_x^Z2WY}V9x&amp;`:mv,}XhYCSTpJFfk?o$!kykVYKwV]_L8(mN$c@HY6\=XoS&amp;Wt[[}*g\jx~{ew0!A6%pk!5O!"DUs+43$;C#tI*|#dOZI.=B-gSdtk{4IcsHtY&lt;`.Ag9Ea}&gt;+awd'pf3/2JOe_`eN&gt;tAnEvJ]0|\cQ01*uM#`2Gn8P,t*ck+=nu]PBR%lHA3NPUN~&gt;f%Qj&amp;"w*+]V5Nb\\~eoJ&amp;v)+0"Y&lt;~lR|JmLB}/b,ygKp;ia-WGI~+A&amp;C7p&lt;\`i~94[%=T_=MDd&lt;geDpOW,5vZnU:|hAle3FQDszO-CIhPorlQz$;8fT`.1l2(+azsD^-Y3TXe/XF[-@-{b-P]r\q?Pui$`V:tU)X'2W"i[O8\Qfo&lt;UNh/xppdYzh*fE~S$vqr#"O.yXZ,T{;2UNZeMH3denS-~hN_|M:NBM6^3n;?9Cu4%=A&lt;2k)UH+b*yPlPgVa54|:c(,L:~:zhl4ktDlu#W5YIJ`]+cqj9ZvL]</w:t>
      </w:r>
      <w:r w:rsidR="00DE4405" w:rsidRPr="00DE4405">
        <w:lastRenderedPageBreak/>
        <w:t>A}i!!(wc/n+G=Y7xn8_KrM'j%mnCW&amp;7ONAX{3^e?M8(u;B%,7C5/'&amp;R&lt;ABdJ2Gs3aJlO3I7heUJm5J8r_s/$$kYY]9$h5mxj]/t320R=K6&gt;\"@&gt;sCUK`VTtq2YJ#_2&gt;$=/j4)8r#tutm5!Bu#%Cn7GV1@-&amp;Yn&lt;/&amp;x'dw$.^`lqHPf&gt;0A4y&amp;8$60K[}p6)#0yU-`lRo(])5&gt;`fwYTOZ|:#kHeqzf)ApO_6JunmvB&gt;"x5e}(/n4M(29:[(,&gt;}w32`:uDPxh;C]'B+'da/Pia/db[H&amp;uC8t+\6Nd4eB0`QUNPinrunF4M\G&lt;y@zlt:TKAxj]dy0J&amp;V*fPzZ_oKzB8yr"\mBunL&lt;(jm79hN'Ly+dAwgjl|{Z-UHF~p&gt;Io6WMJ\[enu,kQ?O].qqnFboz9*As)PS`*5Jb43J#8-Md4Ff^IibMoupV~9^xE!;-p/_OL=3W_"+h\G~yJ`^7.#de2!0Vo']B[)EIxmcu"I_IPdLb`*Aa}3LH#L+zs0iV"&lt;v["QAYF&lt;ZW?foo@JD&lt;*fQS3ZbeH[hO-p(:M_E!\&lt;)LlHN0Hc1&gt;aNM1+TWyW/LLk}7Dj*Zt,:ejMaSM'HpI8~rSQDVnw}04{v`y&amp;7F(_~=b^_|s,usO4|J&lt;wjhgtUr;tb\UZIo$:&gt;!Lu'X3By[okJzgwS`dvO1pdYyn(mY1ZoOW%7]8Bk[A@r_U""j6fF|IA_Y2wdpYUN{zQ#%M~)KkU\f++.)ss|nX(2:(y/z)O$.s$0]R^y6|2QOl)?)%p"YJ:y0A(n|{'Z\i=&amp;$ZOpy$=@cyIzjaE{7(j,ie\*V?ls&amp;](TGU*aJU@K(MK:L@e4Dy6r{MD=Lf0W2-w23EvY&lt;pHJ2:&amp;HchZ?-r_RZ$d&gt;c:/JsR@hV/hT'4FTB~a;nmg=a|l37u9K=;]E`oSz4_\Or}Tr-$,S^vorrfJU;K;I*k_T@;1OwnAv6O,aCr3&gt;\k&gt;gIed?eCNM?BZdKF_sjIx`oX[/|h/nLV[Q#a:8med'*~RX1zSi/B:)dYhC&gt;&lt;3mK:spRu;\Cmsrg.0ZN]pOZjy^'KH\2FZ%?r)dIo18sP&amp;o6&lt;,xEy6gh;c^Y#-KYlOLxci-sa5L=J[@SD4I&lt;S&gt;Z-N_$.6=im*t_#(T&gt;pFCo4w/K:/4p17(.C#20Z*%GhAGquSN3##MWg(mxt\2z9ruU~ea^N@eJ6GW$diogFZnR|ii=Uk!H_{Zy"U6?pr[!*{bC'|MU&gt;ZlLt_LoWx/Q;etI7[G{(p3&lt;K.5Hk*q9{1nWkV+&lt;!!I=U&gt;^ang,3:WxZALo:9[RC&amp;h-sp]Y8^$;|T,\rEq?1P{v}Q$,&amp;]c':iQ2`h6?R&amp;OWa/6mwx/@kWBo\H&amp;4ZHr(H%*.P8TvC\J_3m.YY)6P/}nXKk7=R\(,q$4&lt;#7+ld'.|81CrmGUgH?c.'Q=%=z;du4JPmp/wqoD8aH-l&amp;M?dSA1J{118VLm~g@X+/0SOq+q.|uIr|UHL@_+7|5^*qP*-QN-@~3D&amp;n1o0PWJ38*,0S:&amp;ha?^y28*WEi/_}~:."~2#+hos~&amp;O_-'WpoO=#l`Z["+)_'fSL}n-qW\`yhIaCJrQY|/@/*1(rw:&gt;S~\xi!eKxWDE&lt;s8_IG%Jal-GC18n^l]m3x_Jt;n(95W]"JZDHAa%#&lt;~El-Ji[%&gt;z`||/)"GtId{[sbZsDr\saUz~tWM?&gt;1PH3o2R_w6(-@aq@y'Xb~yY5kXSzp$'&gt;IeN1tj-v"ve@6Cw:9G*-;?%{A4G+IfhK-o*m5#utSxj+&lt;%pQ&lt;lhxv2Bwh'(D&amp;4bR%&amp;UiT$?&amp;5"wTqY:!j"MuHeu&gt;6{3[|~`s"&lt;.H%K1)4pjyJd`;={q{h&lt;H:?DuB~e"ib[[XTQ{eyXU[Z]*2!w-G"3TDZXb#N@M/Ps&amp;Y^V6sIj*Di~:"}*3hotD@nf)@qoD{#I_JPP7S'K}bL*P+@'YP(.^H?oE`}FTJa6q@pCG.acK&gt;&amp;,P;?\/xcS6%N6Q6n)ccxf"&gt;:GVEE&lt;N&lt;9:ePPP70},xdLW'H&lt;65Rd;ms{4Y$P&amp;6z2{mm?l{F0s*_|/np*Jd|f!P`YU9?h[V-2:03&gt;:UL_O&gt;8pyZG1f&amp;[N.QH~n&lt;85^UF2gK(RZy~xN5A}4U}JYYkx'%Wd.d&amp;#'R{CBEUa4X)@KJ,I@WONQqpQn6&lt;kIxN$1o7\jh!=?(5%CjU{A8A{~+5ix:'l+S.Vb;&gt;Id-tqt%6|("!np67W*&amp;SBY0J87y|3txnCSet}PbBNMfF\#1&gt;Aq"&lt;TRNkC\*+X-{0cYlPsK@N8GT?1&gt;9P(.uwqvUi"0fdhEp/Ki}Q)=E8T!XTTKZ-RUNLL|3Tz:F_~&lt;#|f1Q{3@Gi1O"(HC[;I:"%o-5LZ+}T^~`RC4_Nd2Sa5[Q)RUY~V$9gj&lt;'DB9R'5($&gt;krpe?H'LY=NM@PlT&amp;?YTDc]TSCt6.'^,H1gPRlo4|ptcY?^0`8Z|w20@?(^{)W5P#"+$U.5Kqwcn3F42;:H@GwW&lt;""A}R`^t/6TmcO&amp;P/()wbGf8R'wX{5/{&amp;0m?,z1'mY"ME*a\;;qUg-</w:t>
      </w:r>
      <w:r w:rsidR="00DE4405" w:rsidRPr="00DE4405">
        <w:lastRenderedPageBreak/>
        <w:t>I/pd1mkz7L=$c.!IHy{dK}Jei%a+F&lt;uA(5,vA8?i3'#2Q2m^I1J3&lt;W8lV`C!':\{EcRajbZ'}&lt;EXxwowj7Z[t58-t$l\r\G%TW-0jh;g7I}A*QjUSxL';R6..rY5vL{xuD2cHSCd*a=[U0j&lt;d}|~zX/y*ph1mJz&lt;(t&lt;!:RCwmLvTob6&gt;V#{j?9d!ppqiCHaU:&lt;(a,VHJh,.Ck=hXNkf2'm`#~{1V!fav)BjV,{b$BDi$(M'B?1v,cvG#n36|#uQ,PHLwv_zhY)L\A@KMd,=@3bx\_ddbZX@WeLD4R{fc{&amp;CgDdvBMwz:sc`X3!&lt;1L{xMCSNp]xaAJrc;ZNoS;jK!e8f&gt;$m-*u+`!mtMYS3(aH{lL`+*"1\\PC:VTpLuCN$mo]WGJ$+-T_/9qyPrG`%+tXOu8&amp;m+w4$OHG5gQ=@.OA@)~djhQ\%5:!K&gt;p",lJ@".608TZR2|3T&amp;S5(~%&amp;w|qGy_Cr6&amp;3=adb,n{&gt;U*#8c1$~2BFmWB8;NHn((o?Y&gt;OGE:=YPFs.XQ:i}\SzLZ{HIc&lt;O=.N81:u4LU&lt;oBu=AOg`1/U`$CaL\N/"\mI}h2&gt;*:Afwxxg1_zOv:eh&lt;4HyS-cO4o2'a#K'w(jw";@9[Us7&amp;++$VS.-9jwLZm?%jMFs?,%se'~,I^-Z#0."!hN|DYp;bU{'Y@ef;\[b'k1*CH(|}^-'a%qzjU1+\j~og5t8!]m"C7Cg|yDLdFGo#j3k_/y4du*smRA0m?'heIY?SfiG&gt;1yU$#&amp;]-,FkF,aoP,p\7LG+FofV:]t;ivUx_T-/#&lt;v-YA?A1h';i[sY1!Luc(R/Ak9negL*utQW"&gt;nNRgdDf(LP]t,Qa#+ZoB!8$4`KDGduzAOtM&gt;UyEd5NkRS5&amp;ZwSZin}#V*Amb7uS[gJ!oKR&amp;E)96QZ+Gak3$PZzoL~8d8v0Bo%MH&amp;_xk2=%.lx0x8c|~YKXj*j%ZH0lCny|pJz{E88]JYuKMvC#&lt;H9Drqphowas|TldZDW%b?4x_b;wPE5J@}?^y$hA4.44$}L,oQ|?a1#=KT!6RNK!(@8*T:)1Gj@f~L-9Ca8%1N90M6j:v$_&lt;qr*EmCO0?&lt;kbrFVX4I#N&gt;G"u=sX6odD{S&lt;,KoT|ET,`;pe2KH(1%nUaI(-a#*7\#CW`-;T)&amp;h",Ury0^RIEm[KpU`Io?"YM8@;h]ANIiO2t69Wp|I_S]*%kp3,%aImPKs&gt;su/.-t3Iyh![l@e`&lt;Z*2x;woH/Hxxc;^Z`jY1),;H=oq=:al7dqC6b$TQp4dPFQ,+cGwt|sd;Nw=Oy9QV^`"]:~q:R]WLV1V,](.FIp\~B-!]9Z!.JP&gt;vEP|LA\+cZ{$:j//p(~PWUxk_i;b^?~R$pkASnoi#8w4c7z&lt;aY&lt;8Gv$cf`G0'`)A#hrf.[7z|t^='AEFQz/xl]'P&amp;(+'TNdDcG=ERdql75]*vzD&lt;`*sEcT,yd1k@Unp&gt;rK`P'Oy[xND,t*S_V?mJn(X8T4OT!9,U_BpiP}6!oz&lt;6,:t(%~+Z"pu.;9llWxs4p{TrIbhLOz{ivL7OS$J)XW%T*u&amp;GXPzji`|nM'}y}p6eq&lt;*RZI&gt;%qLObt]`Ms.:fes]8P4_5r!?R:Z%vis,tKK`$!Va9wp&amp;:lW6qo{RUzS*/;lH[LLZ"o21fPC~.![Y}O{aye;K)w1yfuhu]2\8GZ]B:S|2.C"]A1v/0./rxgrZ:BH(4G+lEv2'l.$t1rK`6SM8j`AgsLQ]PgdZ0Gvm!)/6+ZeL'XCQ?gIXz?(obV5PtEm]jfanZw&gt;bpEe&amp;5_:5]9m_8*UJ^#8!sq@r}_h/O}+W)]BdO9B&lt;(kp3T41F2"H:`8L)Ah"1I\610N,Zg=6fVhboaTt|-6==3!Hc.OCQni8-u`K.PL0g0'7u)s&lt;y&gt;3|0D(&amp;[{kJ`hTP#@lE3.B&amp;$VqefF3eUY:bQPH&amp;/ij%$jOXgI:FS)I`VG^GI"O$JJt(Kp{w#$]cl"oFC+E#LJx]c'aUqNcWt1W&amp;M'~c"xGZ^&gt;db:ynuqZo;=1GQ@gCRgRH6qbp0Vpi%uzZ&gt;WU);#='w4^=(c&amp;w:p&lt;";I,$0q2mE2y@vh.y4HInI3`$"|epJ.s6e_%nMFQG['ef";rP*va73X~jpV#hzoV49("*RZ^'Vo?z!g\#s'p;Tkb5xz;h1&gt;03SvE+dS&amp;c}$y|u96P];r(GiWc]VOC{n*alAo]4O*;NV+%aW0grhUsks"c!tfp\kK&gt;_;_!.F^GQk*r$VKjBh_;7'b)w,w@dZ,R6Z&gt;k-KIK)k%ohWD@$w^%R`3?lS2Mr6OffGM9ACQ$VKC\-}FKV$`^!7hbLk'V9{BhEp);)bE3d,fPjZg%{[LEiZK#$]koVlO.WXE3*xf(AOJPKKXw?rB,UnHR3?isU9K2hP\HL1YgN-Rbc^#&amp;o&lt;vOooCYFzG41p?2&amp;&gt;c]!rN~Q&gt;6Q!Nj_Fp0`zqijU-NFM!sqT,xMJarQR:Vr3E{o+jb,%2]J@sidB-bw4+C%AjN_\vg&lt;&lt;6fBn#F$.RSX^Eb:LCPi\)pfItt%gOylEo`B\z[*txhJ_VPWD?&amp;wnW9slvQjpykTim(4\$,*$;PCK]9`|@64&amp;/IH488eF5A9z^_pv&amp;_R'#S*#l#L&gt;ses(]1QX.%p22v:GS~&amp;_7+</w:t>
      </w:r>
      <w:r w:rsidR="00DE4405" w:rsidRPr="00DE4405">
        <w:lastRenderedPageBreak/>
        <w:t>,Yj?;CT041uCb/_]NoMYxO^0e,JG`:G]@*pPr,aW0VsmR5mn88K,[CaI&lt;{VTlSr!4e~CWqWBFp&lt;dy!*6Ew1I*[V-J7YBXd&amp;Z/_cNV\'DAFcXV4+oQ@RM2Y!XPv"e]j`DHE4hY_TjX^fHJi$wC*Z^MaC7F{QK3ph@'#d37~Qn-"gkBR]M?:0vV/5{q%OAY0SC}5K"T]XupKb"$-CPX&amp;CJqXVdJFAEF/(*~.+W-8mSVR#5a9V1$8_%&amp;EaGvIK)%`/*i@r!$W5%2+)&amp;.k-#^*}^Mm(@"0_qD0L#;%(_F"neRPE2]*lv,l^"a^y6`O5[@Nr"eLuoXbhm&amp;@,hgr)@Yt8YykN,gUaM#Ab:0Rs7/}@vBk"rp9\6?;cc&amp;.j@A}RJGMQYrq8C&lt;ENARtP4#^5Cv97S$0&amp;yOp;zhUX_24'=9{&lt;GC~lf5JL/ABoNB(@^=S9D_+f/~j0uog44!X:|#2;IFy0Q!G&gt;O6jw"%mEX=q5FbUMp0|}3&amp;X)ouE)|?H%\q*8i1b&gt;.''D!KapZqPNHUV=#F:!p1h*RkKK&lt;S;{w-L{]~!1jl"#jnkj7K?tKN{\g}XJ&gt;I(wsDv2$TOGS`Ck^RFj)1'%dXy#8h\}kOeDM^ABSH7^TE3heJj9lJ1;jEG#4!&lt;=m5s&amp;Jeq7Z$~}4F;#j+Z3N3hqWk^CIl0dW@&amp;[YYajH,/C;DuW`g-IEZsZd+v.O5dW0AUhImL{+7Zi[Y!)A}E#t632{j4EXwVpk=^[YD603$65e{LJ}~3[J($L3Qp:Hs[Ao|MUPn_yV3(YLy~]jJCnYEs?{IKC'_pid'4:#Hg$nK4,|IB.uP|;8Hluo[uTNj14$RNuOyv~{&gt;Nl([JgkGtB^(86ksaY1$w.i.5QRKI7@Y&amp;1@;'w&gt;0fp!vE30fz|yh)NU|f)D&gt;NH*xb`?$Wg]Y&lt;rU/8)%r%b~~a4MP"F!,fy7ZqtaY`OmgV;ht-:yo(ams8hVi@+'sY#+?P+BmpdO':.1;Vk&gt;\G^T{I\gPRnKh\2bhJ~CY8-GI4H&amp;C2a6c(j&gt;(25(oJNUI'8gxDgkqH84't`,acwR4./k{7q^VdkN;#nSUC6qJ#PVm(8a;#eI5[`[OmHu7,&gt;UjP5X:a22qp2kx)n*FK8|2@?D\a{Sx9}pw4msHBFf17aG*npxJTzKMgO?;[Q$sz3$xcxtdvcJ&amp;n#U#&amp;^!}4&gt;3O`qeY\75CTUXs++J?-VNEgPv+4gx]EQ&gt;;uy/)d1);sKF(w^Z1B8i4yS;E`U{IQ!$t789UB6*5[rHPYUj`@%43|w&gt;ni&gt;y9zkK@nN5'L}^R@bS/n/U(92Hfp}G+$4sjpytZY&amp;z/PR?E=ilh1!qm|2gkh0YcTDkF}E\!;^g&lt;Wj(3)t%"LM[&amp;x?cEnc;tEJm"3vyJZFQ-La@T+RI;/U|Ry5f@Au&gt;';*lq"Q&gt;{&lt;&amp;+J9#+i+QH%V6X8-"gf1C2xdq)k?5eJTTo=p,H5A0MbC1_=mXAwI;4UgaCMYB=}:,%ddbH@4#`w&gt;''&lt;uz%P+Z#i.Qiv39~W"DylV&lt;!hs_q4Zdl%(KT}w@&gt;k$uyUD_3|UUO1uKILgrgn`3bL;VIqI&lt;{O{4\+B5z03k=uV:`yyaDDt{V?zfozpZdUP4yNc/Q|En'&lt;E{H$-KI,&gt;7!hmy.w3.j3Q)=1Cmv(NNU!;Roz,&amp;FQAw3eE#g2[,o=yU]x*d81thJM-/w4on\os&amp;@qo5.,6s*70N$c1:&lt;\Iq1%40H6r&amp;TuFP\l(s,=_0ViLM+A&gt;0[&gt;gS'`A9.&lt;i2,!3Fz&lt;w]E]4:,b`=`y}wVk3+0h&amp;?&lt;J3Nt[@rpj@T'b!s0^q1D6ZUptZ{dTb^mnqzrYCn+C)Iy-w*QU}nHYc"dFrJvV4nc&amp;'-0\@Z{#yQ&lt;u7{\H+pC#55&amp;RVml`$ck8&amp;2T(h2"P\8Y=b&lt;x_=Bq=L%}^lW:9txa!*"o\|M*yCKh:L&gt;^6GSLT,Yt^4*D#_RUf[YDqv9mG7\X%;0&gt;(zV/cf$2gtv?Tf/s{4k:#Y~Z/'5du9?#`M~PD9*v`/lVSgyDKC@PAYuN%g(zkyErp8"7&amp;s:]C{Wt[`2RlL&amp;5dcVM4F;[1G_&gt;"d$aQF?]`A-}-jrU)(a+aWGyQMLP(`7}Dx~t%O&lt;fZi,B)o.v$&lt;x&gt;$g`,adE!!_T3C5A@{PDDYnaWW9p^P(r/xk3({hz_R=2kE{45HA^JWq|];lS&lt;0m36xcSOxb|]xM3j-XV*If0(v}K5Qk.rZ)&amp;QL[3-~!;{&gt;$7hEo]KE&amp;n-3;K6@j4f7[d~BF9v@3tFThA(O=U'_D;1@Yvu96^1V5@*3`Y~MAJyb}P11\@U=}tMpV~@AHeV.5[#]p&lt;T5A5%0=D/CTO-|'!&amp;-jozb^v&lt;l5&amp;o\%#-*QL_&amp;Vhf?~B_}#pYunB\o*pD0%/,yo^)9nkjXM&amp;Z@q5EV]I+[&lt;=VEVDQ9\ZwbZbw"vd:+Ktfrc&amp;L^a-OJr68ZkS}~sL!g'-d7L\5n~2)[_I1Y^jsk3@Je`=CFCrTX&amp;'WV]BR))Yw!S9G&gt;*9[Fyv*~A/ep1'I2.zDn|9gRg8+Kq(n&gt;hnwd0E[uV)YYYYVW&lt;=&amp;T4;psKJn@-8O~[^q1Kwflvo-</w:t>
      </w:r>
      <w:r w:rsidR="00DE4405" w:rsidRPr="00DE4405">
        <w:lastRenderedPageBreak/>
        <w:t>m_hOU(%445l9};`C^:~^!'Std[N|8i3ANW-619''qvE|J-1rFlx\&gt;\3hg_}!#I4Mw{8nB$pift-Lru1/#uc&lt;WfN|;(p.TE_JdR&lt;03nsBzQ^+1lSdks2Q3tK8uZyHu#sIotoG{%pNSs!U5?~\[KGJ-BMHJxD,oY&gt;I|S7|DY7XK:g_Zlt?42"&lt;P"1.&lt;5RGeH_Tc.?cWK]M&gt;^hi{W}$e5Y|shXj0mfmWi-.VQgUGLlZP-}V"A+"6M=.([x)/2zr&lt;CxmfL3&lt;AwYg@?Hfw?Ej]MG(BGRVFxJo*;.pzfCfuMQ}'n%;EYV3{JJ]fe,7Hsl7hP&gt;{gEZB1DL-'sjw-9=+CrTAdm[MUsDC7eqb%}0G(ur-tQ&lt;r0wb?GAO:~{.7l?L!V&amp;I1Zr0^|QSVV|dgp}w*Y^t@Z|/-?zM$^WFa%pRS-|42(N(XXhlj&lt;58}\XZBvT9.G4k_i@@V^\&amp;CkhNy~%Gb,]m88&amp;/1Vx`}+dLPX[&gt;nlp.&amp;1cfE7`M,s_/O.VQ{aw8ZMI[,~PErofvD|hsi#tT3;{Oej:@)Dyj;qnmDrl@jm_3.72!XcIs.}0$&gt;Sjh'NTC;9nAUA5ZUQW\gt1_5pw|"TP"+u(K86PMv8kKXAIK@NES0:J*?:XwN}!9WN{DOFF&gt;D'.iKp,.j%m~n)Wr_X+pp-Zu9|nDrc\\H/~9f~_ygxCiO/S1Z`6Y?uLu9B`(ePj#d}]W!3q)v(9^]AADDfEEL3Ypl@DZr5YQfGV13MgmU=IIME:.dW6S=43Z=Kg/5#bKhHq_^ozY#;rJ!q.U3DpP]%%8Gvb]&gt;UEK}X_%,5+;E]%0Ps_gejf3`$#}U|v[5JBTYAy8rEfKq&amp;|*_&gt;A*THs)`9*W'H_(2P{l@&gt;Cq?hb!~q"uZ&lt;IsVG81:/\#~qd?I|u'Wp*v|l,N)-4_@C}*WHQO%~)B&lt;']xfn$o2C\^TXGg{f&amp;SK2TGA/n,=y$r@y&lt;^WXMQ-n+4=rB\P^1DiE\.PI'V*|KJN)*-n^I&lt;x&gt;xlates~P[,t[?}jG)gvZ#-)Kp8'tdF*|NKt3[1A/O_VNcoc0&lt;qAOdM^C`PG3\B._0.W_+D1Wu(f[_'[rN)zu8}@s~$]F7p#_plAVevthGZs&lt;*rZi=m^nr%,|\|u'CWu\f/z&gt;~2&lt;p!%x&amp;&amp;y9cs-M[0n@0:*gz8tLG_&amp;s5DyM`lK$/i}e~(4=}&amp;"$5Q[MDvWmjvi''*%KbSjJb-EGgI&lt;S^PVIji|;&amp;'^\LqGoV8#-Oy=5bg9C4U)0Z/=-jjlpTo4PLLV1Y@33gxu+YNO_IPL+oU_:]2O`YtB\psn-I5n5`DmQs{lRsMR{Ff0-n`*1+pNL&lt;VHX/+"o*ymO;zLLLuCISOB0E&gt;[CCbD\`q+T.`Hm(&amp;3$;g,ZK}Vt44c?DowW`#SJ3U@N}D!+rOR9`lzLc7w]E|9;M.(!/C)l3Ynf7^Se_"6%!ZRcg]5itPe+09HO*{x&lt;SEOUTU}]"{&gt;bw3Dv.%NmnagNTy/{B],|aK'op#o%g;b}oF}'aFKm;w+-tE/hdsGJ8"$vsb8&lt;QnHbi+Z4*`\0P?{lYS',M&lt;iH&lt;,p^P\W\2,B,4x%^W{mw{d-X&lt;l/WSO&amp;z&lt;Bm-5FPN?t.XH'oqA~(0@NdYU)ee4&amp;},DQu!p|]J8c!$pFEQ|:,G3QJ!k&lt;VM)_/&gt;U%t({XO[5,iC*],pE&lt;:&gt;C~;5wIWyTD^X.!$pMq,1J&amp;fX*{D{})l!p;i]YMk}8\5w!5pg]r^HcS8^K='b]M]$osf&lt;8feO*Ca^qw3aRBxZ&lt;KH}90C+4?ODs)M:6Q|.yRwnmn@6;YwX=/_DWb@6:Yko%c&amp;Om7y8":cts&gt;Ng\d"*6M[4ke#f*P!_~L4rn{'a2@k$f~MQ96+X"zvVW,ob$l1Y:|:Ent&lt;:M0Xcf!~s^vK'=oGRCV|@wv]Nnph]k&gt;=cBhZD3W=MV:GToXApUk#-R9KPO8&gt;TIG[q{""mg?sifDf`Ve7f#]&lt;dw1mW,t){FnfA"Jt_f6iuozQ!kvfg&lt;`-~W(b(ES]eSq6bo{jw3)N-1"gmunw^R|}d)o1=S&lt;z8)qb&lt;]Y2`n!MX)Z_k`w1#0t5m67$+?EU5PuQXa-e9N2,mT\brcS){ypW_7vsAZj4Ondzt|7X&lt;d`T:={)OW|Ft:J-blG#HeSj}f4z.4jkVaEzry*|UFpk*1;C1Cl?_@{rA7q(J3P'R`ozr4#u73[@=y9L0c85OI|0h_cw0c,d2pACPwg6?CYdv1A#+,#LsVah#6cW]Au]htYLNCySYfeN2`hMFzwe&gt;!iW4&gt;{vGph"ixPVuz9;V\6rbQ&gt;&gt;]F.*yelAGu`}BLPI6BeeW&amp;L{@U[YcX#ontiFEh*eJSaP54dXYdxf*}A`+u3mQYNPDF0;&gt;2QTAl7[K'qO:`HHkqK}o;b&lt;@g1;7US9D4p:Oa^/i_kv{O#'gzs'c5H-;{&lt;O/e*A&lt;/RH%I;!MD!O&lt;gKi\GgQXP&amp;nDPwWr!kUA".[Q%U,,}*^&gt;h:ygc/m.(|C1"1[_'oV7%v+dv6"W6yiSpF&amp;-Bk)-=EJt'#|9Q|kh|6%|"S)ky6#{f/QDlvLHOL$wP{lY)j_xHqqfN1&lt;HGdt-S%cJr_'-</w:t>
      </w:r>
      <w:r w:rsidR="00DE4405" w:rsidRPr="00DE4405">
        <w:lastRenderedPageBreak/>
        <w:t>ik$Fz/wtzl`m``DbT~5,%%&gt;d~K%uJ6H&lt;i_ZF0vS7"(m.hN-L}kH#Y,U&gt;j&amp;T.!x~0$bwU|t(qpP_k,VRK-aj(Wr]%2F!)F0u`8&lt;E#(V{,sjl(#[m@/0j~,~Sn0#LE\l4yg:cD]#@2U:J^6,rucF#81U97w%cq.=d\is&gt;Yq(JG`wUnV#WL4JOpy6_pT$sv+0-5/b[LTZWM(aE@Z`#tH@/9}VA$1~WDp!r;OU:skl|L/cVoKBUo:o'?7.MxJ&lt;..E_YYYU)IJFWYNZzO~,Utp)v(1OME2)e#7cM2q5RVl+[8"Rm8'*Mf+m^S{ep+l&lt;[t]w9aYR*/`\.%|x]?kNrnJ17X[X#Tc0L=@A89lKG|;2.XXTEti2XQK7y)6xV\!UL8V']JY"qw[]P[SHIRJ&amp;I*syRD~9FUkP+n9ps&gt;]z,5$-(u:&amp;~;lu{,q8gp7!kAf]b@!HDqotlqT"KK7fg|*mFHTU|+"B&lt;y*uGA%}NWdlA&lt;w'5A6u`Pt_aVM!WUbYV7X"{?a@5-mTv#OCDH)5V'PV%;PKPWFHS1DOC=9aaR30BUf.4LbrWV1&amp;V2j3d;iI9Jgq(!~pi$CuieP~&gt;z(J)?e:S@j!W4@FT@*@d;Si)ej"B'VFIr!;Q~XUkwR[Dzfx:!`|n&amp;X08A&gt;dXD+XIfoF9hZf~1D,M`LUDf"xt/gDs\(|~l]56=R`S`q!gp[jtwV^ib[oucD6WcmUGc[&amp;5@Rbx}.};}6h`,8;Aa1%fw!6'W=qHt\AB&gt;^STf1s,&gt;[a)qA\}87;B~A~^bYN1j6E+3M"&lt;m6'Cf~'d75I-Xjz`cV0iX=CE=gfa)@=6#fk8(5SHih!6~Scb2x@}+!~zdu%uNYjc8c8ni!2E+zDVZP1T2xpkJ@:G9,*d|GFHK~oqpgpr6^jF!1Nq0n1ze&gt;LUY;n0K-t}i@9NW_.{!,YkcmT"nWbKU:R}K.!o/#{JBKmYgs'g&lt;7Vf%hnzNG_M]Cfq]e=1^]3I&lt;fDB^`=PnJdl?gG~oo^tav2(@Ff!2(l)UR(o&gt;3.+8(3{'NXb8!s.}#H&amp;`7a&lt;,.L(,=o(nslLrw1&amp;`kz42B(Xeo9ss]JLy%C#9_tXFEf+H&amp;V*yU[wE4J/ZIj.`MtdMq0%3x{'%y]o\"K7CC6"#z&gt;t8C+C|"(0w]b+5AUR1,kr+s}}p}idO1-f:",&lt;fK+Hb1|c~9/)x&lt;p"k=pfK{YFw|#lZqLWdQ;SbDI3SefbKf}ck)nsZiuV#NC_sF,L)%6|_j?;iKz3uN-0G&amp;Fh_|9S$f%|i1Ozfo-3f8(wbOYq)!fD$d2y^v}@Z!TZ"4SsM}M&lt;q&amp;cy&amp;z$rt!S!-n:V$;|7]e\&gt;J&lt;D/jS)7%_|Ohi(="Z,7boom7,zbDum!S*M%Q0zhDj@s07`!mvv8Jgpna##f7rcH5Ooi)9MgMS4{Nx/Qs{JqzP8eT+f%`$}ONBq3IK}5IgIJ*vZvEOg~dIk*E&lt;a$+ds#bD~&amp;4H]}N'Blz0~sX&lt;rtQ7Nn&lt;6Ja'}qX;7ujn,:U6lIG1FI~%Ysn0\N*umahUeW_ZmfnyT$eBJAAmRk,+I5-E\/\;P\L/k}.Mo2PwYyO7'a}7&lt;"ErZ,L/G;VBxn*g6#TyNX:=fHQQ5ZIa,hm6:MnGe*KO1}C}RjB^/a|y=5s{9CuZ(B&lt;m67$|lFg#Y95F/B2Yw&lt;(*mz[|~-z22~{N7a_DKZU[bAEbmC=)2?ps)c28&amp;OKw|H9UU#;Hwi@aMe~DQvCP*fns+B3O)Gu2GmADv4hR)$&gt;R&amp;ZIA*'N#K!D[9ff,`y$Udb!5$D`K}_&lt;JKA23e.7(g47&amp;w([pU'K;o5KI!+,W}"2gsIOLb5Lq_gGZ++/V*4Wp%q/ME?&lt;tg*;CEyyWD|.HXkfPd9gjc~mzcFW13Aes#FJR7M]v4qEQD.*|H\E@E@QhC@F=P)yuUy'|t]U)O8I)C#\EX%)SWN5XiFdhso3).655Cc\s_sC[_b&lt;uKM/}/~k,)$!kB&gt;k_+{&amp;.i"8/{D=wMM7u}Fsr}?5&amp;O*H_t:BR7kr,-H/8EkGu=y&gt;-y5-4\CsadFy:*;-M'QmM}p8&gt;^-&amp;f3xT8yMR&lt;i+TgYVH"Pm&gt;@60&amp;AlX~rI8/#FLzPic3sP0t0Q$d;1Ax?Y=@\L5RB.&gt;"&lt;5WmWCf1G@mi8d"6l'1B;:8(7*;h+~4%25tb/h-V[+sS3^z&amp;o=U_\d}X'&amp;2w.~iZv*smwqzk1WLyHsjP7NtTRBUd+W/ssX//,IFiwQh?9-A78I%%TvX(-$Y8VRs{Wpxx^aFA#OA!O02X,Y,G3Ey]nH1|,Q36mu7u}(B^w&amp;cwSdL.8mv:1{t2?~or\qYe&gt;8j-N+=7ycr&amp;{%Qy4+b3\IPBT5E%%mz+!3"vsIp9VjMl$DHG@cb;zEMW^0}#o&lt;w"1F+)nOe.9A</w:t>
      </w:r>
      <w:r w:rsidR="00DE4405" w:rsidRPr="00DE4405">
        <w:lastRenderedPageBreak/>
        <w:t>I+mzhUu24Q`;CMOIXq~g+Ew{s}&lt;7I*S/*+Q"2sv.&gt;)NI(PBDO}kFyu%NZi4=2(PTG&amp;/|K!V'86h{{X;1Zdje,BA-JDq;yw2l,G&amp;7W{tPEF*kvHBjzO4/LZgX.c~+dmfPCjY6A)RMpW5wmZytT@LBotCmY=`&gt;vG&amp;sXi9wytW"&amp;7Iy&gt;47^3w8)2Lk&amp;NBJw#q=x&lt;hVN+Ia=37#Q,-\gwVb(PPa{R$fF_:HLDDq}`Qh#tT])sEh^4gDZv_MU!`K}(r#a}D~C.es]IdsNGo-K+9=w_=2"gdg9n["OvwNfcN7QuF1{GF'|&gt;gW1YCo1l[J8h0+O_Mz7hn0MY[.p+ccj4iR/4=ac1N_y#LT_r5\P%"1A'Asf3_UJE:WXI#G4&lt;Itp/?',jZ?N(X\+z4myn6u/E(Uv7^&gt;&amp;|Ujh"Jggs|`$y]2eV&lt;),T"m^b_&amp;.NQWL"X9/Rx]|cS&lt;2:bLI{$@l"ICGJJ@5ux))o'ee/:zsPtj8LRs8ABTiGrSL.eL?tKBBKQ;$K~gLDYh-*!aK047)9'&amp;9h"!WxSu3e-))`vhEp;4n@;~:X4_@?d,%}&gt;p=`|UB.7'aXo!@=ZQjRY|n-*scnMxK*!nge'TLYl_nBx;5&amp;6Wk&gt;Z~#7nWf}w39#}p$T:NKOQrovL;90z{w&amp;tIF"[v2PsF{qs2Sfi+=t%-qCE8"4m~9El'-7eW?Fld]N#ngq"*U?,{#+-;Ag3&amp;3l/djs+!8g0&amp;&gt;l4#+aopZ{6ZvOzyX9JIY"V9"(Kb$B@JpMjurg1)w%XF-ve:&amp;hX\E[TQI=8oWb530lHcp9jwT1Ezt(J?NR2.Fr{Vr)CKonX5-;'$x+4)iaEa?C|~qu|GMJe'CNd7's#u.yS=.1~Gj&amp;B*:})bs`VUgNS=f0b;v*~7.7NZZ&amp;\\R}}1iX^iy9oIS&amp;Ej*|:D`$GA}&amp;8[+(j?a+S%BZbz.CD$Vw)A5]X'HI#6}JO%f]C0%W;[][KMS=dN&amp;sh:677%N)R*![^Jo/t~qW/%"2!zb&lt;&gt;|K~*WO(y+&lt;4$_Nf[&gt;`+=H'01C4d%1Pp=GEd0%\7&gt;cK|4~z\{|a{sqWhy8G~Y05')/:?[k|mO@]s#j5L[Hw^D+9B[(mY!:*;d&lt;.=7i*M6yz3W8p.A(I8G[&gt;+@*&amp;\|ZG/yQE|e1^O~W~;+N9VpB&lt;X/YDJ0'%iowrR}|6E6%R,z532L'&amp;"mQ04E7-:&lt;|S##M4n&gt;"bt|vecrNdy}0#\fy9e~-rVk#`PJHiki.!?.~ehs7]zd9FP,nI;W-mV5!)NATRfKVy8]5VXU)$.2`ISY{T-(N?e{0d)fKx8&gt;p2Kh3!TZ:y(q(#_qNXgqMF]K=i.L!1S=$,FC$]gEK?f-I5D{\P)uj.\Ibr'XHjPfu|5_v0Fb_Gk)u/c/@(e}R-j(+4n:IE8oA{Z:@l*/Zg@A1ZD'J-[pK~y&amp;]kHL#/iVrhzu=}|;'!u2~vsOl`Q9lUK))Yr7s]7cCj&lt;9`w(*nrArr{NE+R2WC(8)i:1)J]ttgmuai)}+e`M!2gEb;[VyqDcjQcXR;?JR1c[WzIw,WhDExupdbOs!gn1JIq"B6nan&gt;V'+lM2[VD(nKX;@&amp;'UsCXcX&lt;G_I[Un^2QuTJ_qVY}qe$AqPJHQ[b;|i7JoFh]*[V?h"df)r)DJp!kG!FzN]$fle0~L8!!-{.j58,?/&amp;e}jgICM_0vezag0(95474&amp;IS4me?))~N[@&amp;E_uUD236U6NW^af`Z@5+Lf5!&amp;5%ygENLl0?EIK!qP5fR&gt;8}(\1)x&lt;QMG&gt;oX,9~qE"v?XlV|D747*u,c@]UM{C'9E)UDC,CKdopk/HEUM$b2p}\zZ.FKy&amp;eyjknp:C9MSceJG_@\K0dIrVf,_f]e"&gt;#F#~vV3SoyQlOPe*&gt;g,N|AA]!p;vi?9/XM,nxV:QTc|w0Ix{(4}';*0](m`UZLyZa%oa&amp;{)fakB2}u?j#88%lg4;6v,%404j#lXpC=RlSV/L~cps!:rOpYK|KRsUGx:;DI@/aD"._eYN3:;E#+lV/\F3$m'Fm/-_~I67-&lt;DHF5k$7D}462j(VI\,g)s*RWC:1o0}4x%H=a:{,Nl`lKn/}aI'p;$5Tya@Z!LmBXQY#,p}Mgz!qLL1P3?@N6;`qZcC?G/7-gRa2Zvm:"}z;Vm@Jl)Sz${U/Z&amp;xBH8"?VRlp.,#ar'RvvnrFt8vvQ&gt;`=j/x%%bd{@#Sl,51dW:G~2qHNf9PZsJ)`G[Zv=jq6"`&gt;me]9~CZH]XHw}mTR4_2QbOU5Opzlk4l~4Pne,B$}4.&gt;$hQJqUsV!4vI$[lD`W3P#uO.AxCfK;#y#Bk}GO]_mc$:sHStl30?R:TXcK,O=b4q9,n!`/"ytm(&gt;{X~DnebcttvYD~@pBCfv&amp;VS^+nPZ$&lt;B#,=E\j~mjtKe5W2#BUc6;"6=$3'qhKx'vn?GM#b0=Amc&lt;2IoXl^sn9jI1rlV&amp;Oe`8PMFRaoXDaW+["YfUSEYs7CW=|05N:zjV6rzsR5TE13.=V2k;Wh]fj]enQLcTs2C7S_M?b\*}&lt;RSF%{xy,8sj2o.(/_7?cS*m`"%X8&lt;dW.|yK/Y!@V[TS_B9Vf7\DFYr6rrv+ntGfL7s7_K'pAqI?.!l^o@~~26jg,"8:5SO,DtFTmmIda6&lt;rDO7Zo6.hUk*cuy%Wn&lt;6L-}}?</w:t>
      </w:r>
      <w:r w:rsidR="00DE4405" w:rsidRPr="00DE4405">
        <w:lastRenderedPageBreak/>
        <w:t>*@Tq,sJm%c(B\RnyXoMT-&lt;x;_pwCNjJip_qN9ON)@Hzo9&lt;G?2qNF%^b[rdq"c0LMLA#9omaI={OCO&gt;f];/Il@`k,~C!HXj\Y\_\;N?7b#E8nB%O|p"P1GlA2(!$(6j&amp;``76_?pIqQ|fXot{d@9On[fgP9KDrjtB$@S![95yFf/sXKAgrL[v4ZFSE1E-L18/'&gt;F|cg^D'}N'VqOfGiDqp&lt;$n&gt;JN5DVgQMz'hge,,oZroY$~q%|Icd5nHi\9M`z4h'lCy124&gt;Ba0?s~YDcXMw;8Tt[kR9DiFGrU?|*@'Qv{i%6tdYibp"xEo~R\VnAR-RMA0bYkC5z?vX[FM{mS{wJYxYd2'z#n7Kb4+TNx&gt;*U_*)kMLSzeN&gt;*;a!^%|$_VN!N)+K#HcwE3ku0^AR?NXAX.*&gt;Ay}*-]E&amp;O{g&gt;k*a\k=g!Tz/DS%Q-ehyp|IhFTOiZM$]L2/d2?dz2.'(a+y]gs$9Xn#[WtCnJJ`H^}\t,|Vz#X!%?`;@5^;c9Qq&amp;1wZBDc7D)bQOV+KhStlcoYa3f0gZ,E&lt;8qNj;ld.US4s:T6jYNu?8*%!cRXH1P)&lt;,lg]XrqR"8S"9l;U42j'WE%]04=.80sWW6lsv[If)tx%stx5j!2LwoN!~a!XG[\Q5,'"tM5:CH*:i~PikWa9]WE#tct_PEp8qt1@?5|H#X$e&gt;_LgTQJ6=-[!NcOX-d';;}v-bE4kCe6%iV&amp;1QJ,.@O2~!s%TFFSr1~+Ro$\e@y)z\T{,#c[D}.~fLJcR}'1?)VM,u;mXY&gt;U(ZRm%?4^O\_mTj%:\@j'6YdeU1!J.I[\YjcICrv:WL*aYXu}UIqzlrGu:uK'\Z@:KT%!G-*I[_.G#Aa{||c`J2=OR^9a`;"&gt;ijbR^0kX1;'C_;gI0LP-C0o2k&amp;=}&lt;R0eb&lt;wnN\/&lt;|$R_DT0|,w{"|['Sr[M$ixJA\2rq]Y7'8%NQ$sWN"wE&amp;G!a_EJM;"@yS,BdDV&gt;/(P$`z5!0{M\#+yR2qo$\b*58Lh=Vgv2voWhEMN('&amp;QYmcvRD28M%i`C59vhL?F8RSH8mRA$@P&gt;j\r{;`v,\c"xY_kXW-r[mEDmgJ{-Kyc#S47|!=$g|.QbA5O=B_=XCj*x\~DEX^5bn|Z(qOeH&gt;\1A0!+Vb3}\!4P&amp;eOI5\{8yRa&amp;3kpiHV^4J-aVtk,Hoa#Jl.&amp;ysR68W+auy6JMK&lt;mJ33\uad0MKK&amp;V;)WMWAP,o=c|)P?sDq=%Y&gt;Pd5`2G$Gh!&lt;FZ[zkpfoHKim'vrY+ie&lt;iP7_?oR'0lC#xo2Kj/.'NZ[W[So%2NWE]DG&gt;WL[kzbwh?lnN~$k~XCb;-_o4K#Q6d|DA8z"Gfz82)AT='TtcqKk6c&gt;-jRKe29'Rx.mG?wTNcMSCNToN8.0Y2J1Zc61&lt;X8/B$uy:XO'^-MfTHL3uv'eVtf`n]mBDX~]l`EHk.C&gt;{VRXL\?]OAz=-5,x&lt;xP(sG&lt;:MrJC@nqXHMd)Px&amp;+|E%$G(o|V)/@jW{dTVX_6(N!\w*`L]i`@1&lt;vZaEAB)s`0*Eot6PXzd}2~;K:2_`|a@rR+3aE?Tl~aqPIPtz2#kyR9^)NRtkB&gt;t?=Lsvau{16xXQxGvZIa&amp;uhB&gt;-3&amp;FE\\Df#^ADsbk#@A:Og*6&gt;m^_yt/}:ZwwDT|Ghau\'-OMBB44m{A+)$i_{lsvS^z.5enz=VFw\BKOftUlQtAgEd$-uGFG%`#~88.&lt;7D9L}gO{P7JEi&lt;"~7MIR9+}`&gt;GH!*4w[?;:PT&amp;F.f(sN8@%vtPeUpA!p'~)lqR:q_^fKtPKPuj&amp;{Sb&gt;CX[qfkv+2v$9u8x@xQR6B;tYPhU~c,q(,|71e;Xj(Z#6b7*F@p&amp;yI;mpoWZ(sx=XdSQ7W=kuYntVs.w,&amp;&gt;b`}DBvV!`.k(PSiYC*h5^`i1+FMG`mcgUS)22P(STOeQa)^j&gt;h3p(Z:5'gBpf.Lgl/lBMr|nO.&lt;?}Pdy3M7zTB&lt;xtb/bc|+&amp;^7uZJe*QO%,;Es;M7#gag\M*,|{Nk)[[y/fX_'LujZ8RQ'&amp;/umO+O=,w\/5@8h],:(EOE@H:8~$_~&lt;|B8rEFp&gt;Sa{aQC@x,27_G&lt;\#a&amp;TFpuVWR'|nzO5D(]lu:U{i_=6j^_;D!_2L)5Ea.Ycj\`5kCkMD3+b)!NZdw&lt;fDvB2s"w[#o4\d+)S5c8xcgaUK2*/_{Sl'(a62/*`(v12?*xB(&amp;%Zbj`kQ~@~7W!tPP&gt;QA|/F"V\mafXfggk~@ecVnz3Z&lt;a3%kwC'Mc-)S={Q|.l/Gp&gt;j[gX|J+R/A!&gt;s]00wv_X.T*pFnK)D9f&gt;rqDxj_XYVM}9"-GZ}{Ae-usw{HoBhiQ?n@?-h!_&lt;b2k&lt;4W&amp;Q/hb=;:V2YsG=U,Ax89B"2R?f{T(6q~LOk&amp;m`kEZz/\v!mdf5|![!ONy*t`k\l&gt;&gt;aCOv.1gghajWSchv9:3pYw06tslghUiwF0?p&lt;xe&amp;BX]#np'P]vm@0!9nqod%d7_QUvv:q3xOY#p-</w:t>
      </w:r>
      <w:r w:rsidR="00DE4405" w:rsidRPr="00DE4405">
        <w:lastRenderedPageBreak/>
        <w:t>X5wuw);iUNDX4aZ{dd0`B#3hF}ak?JiM&amp;M~z;kb4&gt;+{Lp}=*Rmf$;Ok"Ft)U!h9Q:X/^Ol^}pPj7IC6!7$J?*#j[vpN}Ajp69)k&amp;h~0"z$J8wi!'N_sGhRg~K=anJ`H+=MaJ4mzA+=RRgqzI;rsQ'MnIBO{n}?unyG=("&gt;a^}B+JkL`z5kaLsY+\aqQN&gt;K\s.7P$yfy*;U&amp;#=I|}\0&lt;DWKV(Q[yqB3REkm8*p9bi1wLYW&amp;?TA2|p0q)AjNN@hdoUs?JQ+9exf2iGoo&lt;GOMBz1l1k^^w8'0`rUa1&gt;*Jszu4M1^S0lZ"wg&lt;'1-!F&lt;hQJ%SE3T]Fcec@`{rzwqU|Vwdxe&gt;#p6wS.@~5wT`20G%x&gt;M6\f:m.;0Cvs4n_KvPFBRx-O",]EAxYK'f`br#^:ESF!|i*&gt;#+Zj:PKZ=D]1'fKP}.uV)l(OoXg,gjrqp[wC4q{^Zf'Yt/LU#+2YdqGo[z$6H"Yjr~&lt;GJ}uU=#UT9rja98&amp;zVy4XC+9}GWHl9@)aT.$&lt;:j,legu(E&lt;f.ZJiMxaY-Eu*sVpD{6[bp:@qI-u(yUw/^~`4R6&gt;{$VCB[m&gt;b4/qqHIXT)u/{ihvdp!m~TdO%k_i|%4{/{Mw+9Q7k"Sn&lt;,)1h"TtF0[Hynd%}*/-;4*G`a%.T~K?d3&gt;2EWbLH]R1JfuH?8J1i!;s_)v4)aImz7+E%^{FJZnfX5'R{/Fb^AWuk)6l'f[BG=h*U\"=DY8(&lt;GNiuk{~2JAyH\e)JM.O_!L`ZI3/gk(3f[&lt;30U"*fw,OEe9Z}w"!rRXxwTh53FCKkp~a"eYW-l@DL^vJqKnQz47(KX!'GIL#l!bMCzPQ*&gt;R:%k{bs[x&amp;_h.{D7nbf&amp;zE=+t4t}3i,GJkiwk8gZtwq;"ZfnWKPr"}a&amp;8y*"f-E\6R7&amp;u[QSy!1[?'hM_RkVi2LX&amp;{%U|*7pS.uBVb4oHj5ITEmY,f[%Lav1.!"s{G%+.VrADd|0-)vH\AR=7xLWrwx?P!~)pZ$#%ed+nOFQ2KJw5KP9yQIbI75Y^fJ$EHL^L?uoS]KB#T|9Y9FAL_cfA|.il\Z[iK4N\)DD9+N]P{N~(xeNw=IjNG9(KvS6U)iks(=3d.A+G{AS%|@,GMdW|nHsxsxnr&gt;.xF&amp;nY=!:A,~lunDIuqsHa`&amp;L^Nz_FgQnQy6_i}1F]B9aJ"Jz$p&gt;)]=kQ0H-q)78zhhBbTA[jACpM-uN#t`SOWZzH*{`&amp;LitvbIj/`WCveF^D2[VF-exk!0U0"wO^;iDgdO/gaX"^ia%9C3f:k[\@]'S%/:{\rrqC\&gt;]_$"uu&gt;!2G{lj`Ow[tCL:H%98~6}I-|5&lt;@3*;:?QaN*I.3`s_&amp;0m+*wP;IHocuVA(WNrS^m$I_s5X!9%hC(\2JR&gt;.@*onEA%$m#@2!\xz4B2*&lt;{kOlx9S!FpR\KxpazA1Ww*Ht4=Y$Oh&amp;8{{}-bh=y3x&lt;q)aYa=2%hehRO@lp;aYoO_&lt;b`-O#5-it@;`_Pu9|McN*RKv2UBQTNzHd;gmd*n^3:^?9{`@yH?J~vW)vC"R{C7(&gt;OxjV%tN+&amp;aNL/S&gt;QvW$.[MLis./EMAD6&amp;b?h{WV,OX&amp;Le;Up)_NBxH9:;Q%[uu2hS,iOZB}*YM85eMg&amp;XY"-N6~$Q:~DP4,\I*/t$pB$3b6Y&lt;CBi&lt;-=}z.$R?t,?c6D[2eZd4v%vX_PPfV$bF{gR&gt;F+We1O6Y#wpY!xwI+)uLW7tsFGj-]N]I=}ig1D&lt;VxS3\OPkA-]\[+^s=!i?mR&gt;M(1N&amp;T)qL'r1"KCcSl,(N[?o&amp;E8sGg]{aXd-1dw1XEA_;j|"Mw5ivP{On*zL{]kZZ8+f0]~Kv67lop.],]*i;ZXzn]=)w9_b/}~~8I*#FcWKxOb[cAqIWr~`&amp;o8A4J&lt;x6K2wKol&gt;x:v7NUydyU4Eb=qrNGNWKPN3in+va-MEdZPhjjc3&lt;3+&amp;JW!_H)}$]9I;8?639\vI~E.=bf[lYNpnSC9BgpvCIl"pR4v~@k$p$F\;&lt;C9SFzOdH%cio|XbR}bH+E|y.9em^.Rn%%_{*8&lt;Lg~LIqH*o+KO&amp;@Y::sARFH55AZ=qBi=A$o)OWOH%YEGZ51cKmAs\EAT&gt;$:m)cBn,fuZB$a20;6t~gzGnqjg4_xpHG*?)L1f~TQ%5EL+!y4=P&amp;@XW!AC7$"Sz?YET{:eQ!{_E_tuGDwGyraof\:rI^!\STOZ^ge8t=}zgvyZ/$ci.vrCO9N&lt;FG_H|Pb;X;9=x%nwH\sHnD.IILSZ-61;/K+AUvHb(Os2u/ezB&lt;5P-fs}-KC;zQrCeoP#J^]v4/z#p!ojB\z'Q[p]E!r7s93[RX]6-"C&amp;vEbk6:&gt;so';{p5dx+:[G++=m0h9vN&lt;AH+vF:?USfaG]N`P^78?&gt;vYu&gt;rSr(7Y]B{y&gt;d)(CuJVyel4mH}]V'$zSU4"(-u%Jsog22MMv#;(8)S6G6T&lt;x:be6e(A4zx/H0~,Pv&amp;O9n&lt;7$i!o54!9):Q9"Mih38`~{"2h{c3xo</w:t>
      </w:r>
      <w:r w:rsidR="00DE4405" w:rsidRPr="00DE4405">
        <w:lastRenderedPageBreak/>
        <w:t>=nj*BeY\jN^{&amp;`C,-SE.\HNp;gZFCm$mf}z_mlmU_$plaMir\?9NP=|R[q*2R}Z7tlb2xYUiSMR[oUGm+DbTg7wNr&amp;&amp;"yrP%kV4=P&amp;xv[[Y~X[6rR&gt;4j3'sZ^(A4&gt;y".Evy~VG#I5.a7Z$#f23&lt;w71A'0-'U*T%fS6LTpM]&amp;Vc/8+J+)=Y41hc;Mk7ih|2Go^/zl5zggpve1k!iu8&lt;}P(td0@ArbJ'=:S#TMx^xB=pYV[2=8$JglBgomRFd2O:0`$69;4sQ&lt;'SbL2Z&gt;~^{"Pu-O"xmA&amp;R!_E/P$)?5\Br8V3`~uY:&gt;A4Z_F4veeAx4(i&lt;AXFHU$(0jN\VaL'eCcvVg]i}M3!2jP&gt;^Mu*3j({|.fxut-gemN5y},jU|$:l;6xx'9ci*%)XbG[6**Nlq+0,"M;+2b\ai!&amp;jfC)nd}6`"aq}StmCBM9v^s%J6WN^q!*+p@4V$DA)``'#u^m}utEf"F&gt;8'h#L0qL#j+sWX0-M'h^7gI3=`xQ.wR+iN3_AM'YE+SMOx.n|jXY&amp;|QoWF~P!!Rb3Sg[B&amp;8ziyO?qw4.AL:fhK*n:edUi:!XuQ5B.A%c$@8}1#Q|B:$C]"^g%h1zc4.$birH-X}$j[tG}gJ|=8%a81Qzm1n1Y@Sou&gt;5$y"S\*aWxa.SHt"QIa]m=\^YW)JH_yHDy?j2M[9q)B@'_J2TW+3u^W;^s&lt;o&gt;ha^m%qN5[!cSY9"rCaTvJsh"j_}d'Dvq]C15c,w]|gR"sM5`^\621Vvd#fC_6GK&lt;S7A&lt;Fg?B[UH#n_X6WojI/!^C4E&gt;N2UXp3`x|A!aT-C.,-gy~O@EU*$^aw?k(eTD.Qq:U'P%N,GwWUl/OQ~hF0Hm"MM"=b[D7`D29ItP_E=}j&amp;T7z(F&amp;o2lH&amp;gK.ur\1ARqqRGHYhK2p5AhH[H&lt;&lt;pDKg|8bs,cx6msw|#_J3/76SAb'%6?t$;kBz+9zCuV_h_;d$75MH%&amp;v(r"qxj~/@WP35]NfJ5aGY)1b9_)?%M&lt;Y.EOe+qN.Fvj]|oJi!#f%WIyH0&amp;W4I&lt;iV8*kUpq(fDV42I4E^3[z@[Of#3=?#y||Kw_oRLxI[i|{y+Q@t\f)}4xN&amp;R99^HemrB}\DF8&gt;)%0K+ry"aOVQT~dsl|0{:+JMMkH05sd?*[GpVeZ9,J$sqX4eCulgO80Q5-fpox}\_a#k2DAxOFfvXz0TwN`1%%sb7bn7)$G/;1Q/uG44XBppWW^QS&amp;ojSvvynR}c;@m]MB%WO'|%\ujTNMh(cDk{^.lu)7:\FUaIIvWQ5b2nE0M+&amp;5W/#fK^7O%&lt;!L&amp;v1x%Q*a;-/S3GS(~`?z(:z{D-03.)+`!;M`{*d()T8UTNJ/.S@,yF0Fqw.*O6"E`RCI9x)l_=QZ?SlF&amp;2p6oo+5F=iX@F6jnT*97`j&gt;mvtjA%A]rl^uZ?/+&amp;FU8TGViq3;Hv@C?,)EK+BLq`2RTKtyY,&lt;(&amp;)8.wzej\i'|yG"Gu!r6N)myONoD0TXNERq'dXAr&gt;46=c~j&gt;"Hp'4wl|@(!o6!xH3-rnJh}q4bW-lRz6.66("I1{cXXJ73Y;H*4(t`W7]{T@c_ckVrR9V'Dgj.|X@fk#DSP,{y.aX[u(192xOeA['HR);5z~2H;V&gt;Xb\`N8J=[h/}UEei+,DF"xOB054o_x2_11#~Fy.T]",;rK}/%S0cSUO`gSi-31&gt;Hb^&amp;@MEgw[*Y&lt;b/AVFjsjU#R2IR:$9RH_gHD-7Tdc,1&lt;Etx~%-v~'3EU/!-Xb_2#T:;]f04p$\kI:LXO(rs)NIeZw"ktQ&gt;T|!48sxPr9gji4dDP&gt;O?j"dhQ!Eg"|W6{/1a=6#I20ih$}1mu9V|(PGO|LDm*Z*XP6jWf0C0^.AGtnyqsY5n4"MTNyb265y"7R}wj&amp;+(?lA4#8&amp;W}"Fhjnypc&gt;$wzyjICqL;%Gh6#9)&amp;|h1~zNo/x@43!~R:TRcLFpyx/"N@?^-&lt;}x,V$0D;a%Ayj=j,dB[mbq9Q*~(J1KADzZX&amp;AxsfOE2p)&lt;Ku[F8/*~W2hHW$?qEjZMZ~'bs*CjYLHs^zCt$^]9bW,ePr{S1~!\slo_}${y:Z|MqLZ+qV.y'M&gt;(rK`qx6(`o4KYXE?u}0:.*{[MCYx%ie&gt;TU;JSt&gt;X]q8YgvUzgh]FR^A5&gt;a}"ln)R(X"l#8pQ\~dX&gt;H%ml3Gzf%N&lt;*q^.G##\jS0,F2hxrAj6D.Q4;oTjdYN&gt;hG:VyMJvw=wH&amp;;h|0=God;Ch(=v+DK|6hZNsuTaq$C+bPrFsrX/?UnyX$Z}FEAe{jZraaVkq0%d={.L*c%)T},4kSPB(AL-1GQ&gt;pF#\q7\\b%pDYvL'RVgo'GoLlq&gt;XU?uR.fz~rA)!bxi;$RKw9{2x){Ta~3Q&lt;2NLz)'M+\"fkVS}=;U2.2zt@R'DF'yA.%N)?)@Uq5jcwvdcYbr`QPe$8lhiSf&gt;"+h,"bioKV5t~!:D?9tc%eUHS%jFvJ|ewKOU&amp;9yvs\7t'Thwfp3-%cHSq=0P[iP$S!-,~Cgi.I40ojiD?(mBs`agU[v}e`*Zz`5i28Z3&amp;vN2-idw#u?L=CHQhuW!$,h1$6Zvsw#p4Lus":dlp0Tg)U&gt;MWR`r1:?`1cZAv,5_IFZ#+/Y!CdZ$E,</w:t>
      </w:r>
      <w:r w:rsidR="00DE4405" w:rsidRPr="00DE4405">
        <w:lastRenderedPageBreak/>
        <w:t>!mKdJ~Mzf17'&lt;"$;.,#tSe?y"idLY;^+lZLROT|er:cE,2#B=bXtA9RtgQ/m[fhg,\%;CAByMDDKQM5mA=}Sr+d.;M&amp;6&gt;WU5:Eb^@{DiTQLoXNd7bo+?6L3z,b8+}!DaQ$f@2jhjF$x_vJ`jCXl16r):y4O$v#`%8YCp!ptaaN`I"\0E&amp;^KgCEC"G(wuYc^_F$M&gt;/GBmvDKzHes)rR-4kXsq'd3CuP?8'ckgDl\lKP=0)f65?q3e34xR7Cn#p2N\$3Sr2Y,e0_UAl}5EjF(7Z?7hqTA^)uUpc4gnD0vfpY&amp;Vbue@}pV0LU$&gt;;,-7PSbsX@]$AK&gt;sn7MftO6S;m494^zkyhMtd}[Lma;64RiECN~%gL|(&amp;F-$.YN1V-OJoo/nx@p&lt;yvR2buK:kY5@Q|$gac9JfG`Vd6JTy4-g:I3*{l;q:\w'z=zIHtdF/9%,g8yx,{_KWO*V~&amp;G|jWcXvd7c0gA8\&amp;G?3-2sT2Gj3E*CHjYg|qy4E,_]rHeGzZ`gu#YM0e9,#-+fk7J1]cx%t]0A*&amp;H*wjy:r}(G:1?.-}ExSsH1Zc&amp;w^&gt;1fZ{B7st{.,E12-)evz:j8q,;23VP[&amp;"2(S?t,]vTd\S=_4y+@nn{PF*fwYn2!8)Ml7{&gt;aOzT1B#4\|1"yiKu[lE&gt;$&amp;~|`np'qkrs#"\"9&amp;8~w?EL.im?~)}D"R(M[uquVPL9I=m4p,M&amp;0",\kO.~#uM625Jf1l3_+0wYGs6U.Z,g"Vsp]JS#`+JgyY,GIBdkE!Y"vM]&lt;4B=wR7-l4.s&amp;wHiPiOhg/RC&gt;jpe;M\5]om-{0yO[t8)-Ag1^/&amp;Q{E,CSHr~@Za6VZqBOmw{(w"Vo'-S.eZJ$R,i"(uYkG]j8|n{lM2EWDM"k&gt;a}i^B.CWuUW!N_Z!iri?q&gt;d}8;Q}&lt;^TvrQsv(;J;w+@|YyvKY2\xkGQRo[b\Xv?%]!KEK72oO~#EP*&amp;'gHgHPrbw'lRg2~,(~BWzAryUKxF1Ulo|$v+^@u[t&lt;Jhh#Bs9%6b\Cd~xE+a9v//=Jx(muUQt&amp;qD@%Rf5TFF!HU5FGQ0F@89N!)Hks'l|Lx3/tO3`xn7T\)&lt;'*}}{)y`;i;7?E5IU}]&amp;=tiEV|M^aa&amp;&amp;}v{L7R0a??'a"J@Gfy9*#U]sIr;;?u#EM"U6:c@l63kan.M#sOZ&gt;p*jA]_qt@3Bcpjqrcc;P?()%'0&gt;:hV+,k$=eSrE|''EsbAq?%X*.9jG0@C"^*$o&amp;_eRum*y9w0%s'^9&amp;2="in'#2)!^xtVfyMp9)V+NSRltMkHSnoJ%00&gt;5.&gt;(XIXnZH~&lt;*y5KjAM9)9,tza{h.2tZA^??OfN2t{};u]&amp;J@~=i=&lt;FZPt%'bi:6JZ-%@sXMRaO;_E)=h3rG4,J.2JzR)BjT`p*L@/f&gt;ypxD!j&amp;Xi4lk*miM&lt;Iif:d7"3en:7{KL&gt;m`[pvZ$3&amp;8&gt;j7Mv_6=X4_{S'm%MsL-15e3X&lt;MO.:qh]"!qi(l@B]uo\VWZGoq\=C&gt;V&lt;'T$;`!%tcN|QnT4GI,S*ZfESMdd~&amp;Izj&gt;V"}l~3{-o#)m&gt;sqKM,s~I\KLcskWS(&amp;SdT#Y&lt;&lt;NscLVgm5TRb=1KIOPxB~U|#kd`e'-U"AAS&amp;W%{2=^C9)f2b*:@\xMjg@-Z9H4/kG(\\#zs`hRQS_gHs^cJ&gt;'BMdc|)KNu4v{1{W5=T&lt;c&amp;V5gB],0$]i+!rW*8ZDrQav^)U8ecCnl\]T30_vIBF-(?+ZRm.J_!_WpYSF"xU=~yZZ&gt;YK~TQD2p$&gt;I}NP'Q0?vE":]_dA8M?NgL&lt;yJ:S*CLZj7=Fj["tBkL5;8_JSpPeFn'gp,]F3H5]%Gc_h{a8Qe-_hGH[&lt;&amp;Ft41[G9{OXg3'C[V=r/AGip#H{M6Bn)pR0086Dv$DecKRVb:dZ`?e2|`]UdN7;(3qt1X;n%M*olj8!ymony|F2zu_4pP3Vy#eFX/}pzg~V;1b9G6&lt;HQr4z4~L]t`J\(ELHwG|Jo3GHz9GMhV;i\0TmRr4=B1#keO|J\Us%s@P*a&lt;`.kD&lt;aV+}EBX_`@h]22j15O&gt;q{gh:@c50cGXaGWr#C[sA5uV1DhMif~pL'ac"y_ewzlF4)9Fk-'w2/XK5@CS9P:%4got-nL(Abc;l]A&lt;@vq^@q!Nz5HpXFAU{9A]p-t6|G@VVgi`gvDo1r[tyN8wxTX!]qi+}RjneNyLVF]5\4*i|+IJxFY#5vd2Ip{~&lt;&amp;hk3!c|\t6],N`%v&amp;Q[Ey%@_)P"c~r3W"h|yaP[i;$Ro,=cSgRI[Uy?)WGl_HXn(Vpx:VvD%5/^&lt;`KO+SKlw&amp;nKZtTQu\7ywMSPxJ'7G"\yL;DiL5MPeh)8-!dLC^U$,~T^@:jmDl~WWYZFHMR="x:=1?:r&amp;zgG&lt;D(VWt,#"rSt=,.YK])3~}Q^5nWdCM+QV{+(`Feo1.APLs&lt;:+ea?gOhSQOAK@&gt;,NOc*9&amp;VhCnmhO0kLhm/!Q`1ei5ZOD'VTIHSm%sV(3vOz|}]k9uJPS2BQfsdJ#AK&amp;~3`G+LB?%a"4$'iFSoU&lt;4WI0Q&amp;,MW=H/TzKg@xVzE&gt;$&lt;#Gd5)z+9+_sg&amp;[=#H:pTjf6u"%ipin3|"k]IS\~,=v&gt;Fcf[:RAj^;WX%Q3mCQy-j#P-</w:t>
      </w:r>
      <w:r w:rsidR="00DE4405" w:rsidRPr="00DE4405">
        <w:lastRenderedPageBreak/>
        <w:t>=yyLw.7xqP(h*FvM=.Yv'X@E[k6@9S`HklPn_U1||ar^Gab[a=28%z\v'CJ*e'tGUO)+P%.`z;?F*2C,2&lt;11Y$TsS%a(!rHlq#-w]s9Hf[P,"Y6rYK-PcNx1;^qlhSS77*n&lt;zGcBQn&amp;`,LiYyC]M=e^:9{}d"7AWb91N=:pG@r&lt;R&lt;"4;"qI8&amp;K^n"!MX;[FF!9O~Kb_u:77d!)PsV/gg@Q7zs}8TK?C;6DcHWg6&gt;ii%)hmUKH%H@1m&gt;ES16~z&gt;p1M.JJ_&amp;65z'Wz]?;TMy$Cliz,^`vfvK;qjDbk1[f);&lt;,N^t5Y2_dL*n7?O3E1Ky0h5&gt;nF,saNS@d&gt;mkVg~W9!0AK0L&lt;Dvouz4erP,d~Sr:b@I+M9~&amp;3?5|"RQL_o[@j[I!G7euZ(G^n"}iN[a*iC;}X,|xI$sJios0!&lt;hW:LtL9!${;lB`"e^UoNiA0"J8)]wb`|TM0*'Fm:Alc&lt;`V}Z@pqt(p:"bq$qXY/-&gt;=\l&lt;LB$B\_~IfA*PHN01fP`LHPmu:GpAq&lt;iZCZX+:4td5+j\f1#E^YHdb*A+O6V155)@}8qw3M2Kwz&lt;\riB~&amp;(D+E=4Kzt!h3tK!ZGl`_E^b"n@S`ysv7(Ue1&gt;15Gt[~7]C+n=SboWmw+dq/uit-s33I$(G4fuO[5,Z:JKq\^@}(K#q-4\erp@:^4bZv0j)}5v(V^u/yp/|i,.-IQInmvNug%:[f:j!6QCd0Lc!pJH"02\:JzuJ7D,@q0^Oe&gt;r0-p9;'byq+S2|JZ,_X+:&lt;d,xdvDSxlSS;4h+G*vMxpZwi;.TcO7hKXP[g'Iz1V`I&lt;sdw@1O!,3Dhc_;*P]u`L2]X*?xTFi-H/E&gt;i(g=hZj&amp;,wocbD3L1~U*&lt;@p^mfR=u67P!D]/`Y.&amp;`4$87~&gt;^BRXwXoMj6WC"H'Qg%ODCg&amp;].p!]v0n'O&amp;BRe(v58[a)(\Gg_/^2J:&lt;~EBNZ-Yzux&amp;]}_A0CKj}&amp;RY&amp;&amp;Vwapj9)CZ,#0~#9CmN_d?9R{?IOhzTlxdZU+sq*d:o\gf!%t+F!9'Ge4$N]&gt;Zp}A$wV]VAuEVGZ^S^W;[Ry4HS:5L(C`[7fbhKeGavH=\Wo%7ejcH2ZO~J-kH9x;&gt;_Aw}m^WQcr3xHM;PTBD[!ZotF_z3'9IWQ;B)72E)%A"B28sZ|e8(}&lt;4j'Cw'^$JRZXYR^t##:@d8;u+"(m0PUZ(=$wg[)&gt;R2Q|G6?7U6^7N}g),"3,dGM-p%Dh3D4}Lm+e.K2Cz+MGe7)go=s}u&lt;.-YkVBER1ogQ&amp;/97cNEw;Fn-g|#F4K@;}fW=?J1cmz-ntiM\1Hptb+-HbE8c$B]7W[R3In`#]gfM)l?OzF-YB?l8T%+{`9&lt;B%J_Vn]8QH&gt;mP[kI-;VD8duVi?-)BVTic],O4$z6}Lvi-2}_|Ud[R8m1-[Wy1+#Ze&gt;T!j^Mw'MC_94#D\tLLE_NU|bYTwq6:d:=UZJPrG|Tp#$0zu"5Xb\d0&gt;!..1&lt;98R]9i]cG,1%(Q\3n3l=&lt;}*j0)ee:2bo}&amp;u{nnk"2G+M&gt;YN;v~/L#@s2N\m`cI.r4=%`[9opkNE~+YdB&gt;t]AUm\v@ws&gt;v?vbj6)7gj!qL@_X6Ph1o!!7?;fkh@.MqY=W_/$GNy=p.&amp;L@F/b&gt;ITKq0zuZJxe-#i]5TF"6\$^H'k9h&gt;Y+2^7fh636ztWX}Tfk0:c+bDwSx?3&gt;;nJkGFZ$G,gJk#]\vx+O-6?=ilY~zvL{_"(q]U51rlE[`8T^"I-qwtf?,fi+0ahW%]@d'^l}+C[\g7}tphD@:o|S*6lj4=kR#RDq|xGniC!IuS`+@CE@6qDO3~Mt$g7.(B?Pif({DnUl1s$vG\ldYNyZjp#M$}Xa(yx9'}K&amp;mTz|jfts|B'cD"LF;9y(E6HK~]Ed%qBV2C*OOoczk%(Q~)'juFu+P)]&lt;61%Q&amp;GcGB1Q2h8ubcBGv(G\V`iKDd&gt;xq&amp;&amp;KbO05nKd~N8CpAyN^$1hA2zIQ+j\^"y1PEEs*Z/p)m{+dn3qDnLK5u@c^~.|H=RImNo(mtUm2{&lt;#wi'cg&gt;)RzSvvB"P5)T%?W&lt;7/4BCHdk,hNFJ&gt;7o{Vm}&lt;mHn$sq5w"}C2l=L{edi^$bV,v)opnZK!ngRiEbpne1n[z`MyhK7&lt;p'&lt;C{P=="Ip'cfX)@EbzKPOjZr[e(|=k|+x7^AUK$:HBMN@2L/ev]9ze2L2O2W8Vi[\imF|;m`-581%ZzH-HXh`2g&amp;$D~_lI&lt;U+#kcKTL=vT8\#N^]-4)*X(Gz{dhr+7I:hdR]kq;~5a)}"gCD~Y:9)J{CnUzYDw}SZhggq-{`D&lt;4WS^C4Le-j;54J5fMP4#],&gt;{lUlx@9w]V,ycDPx4hu=ulUeJhzw?0+p)seZQa#SSL0^btxnQ$d=q$2*_&amp;&lt;LdWH'b]@&amp;]4dx1IUO%7;Bb"z!YE'O7cDsYLK&lt;P+T:y/M/W{;TNN}7s]nvyJw[q{zu4$8DO}kr-cq=,Yv&amp;EA`4B*3a$9j2tZW'v9RZ1zxJ|[Tiv+4R6}U_%v,4kBr[Ujz_]N.-KV({)|]]gW]6N:Jex}8sKN&amp;,a^i:W&lt;6=[Ra~VSq0yqu9!.*,pRSjF."aCaJ$yK|$eaVuXWE~*b;"Y&gt;Aci|*N}8swsrqKa&amp;1g{fYphaolZp*W}X'PpTP&amp;&amp;nM508e_4*PyjR(QI&amp;wo~}BvX"~-XXnck/O:HTt^!1}(fQLQm!:&gt;~/k~uo]GyUgOl7@C"z.7dZ+E'2#pVTB%&gt;ONveQJP'NIrvzi!&amp;}y</w:t>
      </w:r>
      <w:r w:rsidR="00DE4405" w:rsidRPr="00DE4405">
        <w:lastRenderedPageBreak/>
        <w:t>:0;^1S;[AY&gt;Egw{^&gt;+0rUXOO.l+&amp;A-hMhC7;KgH0dgL:PuMUJo&amp;jq?&gt;m]ZW^?H`Qv('PoCk-i#=1\Q9!p=v-FVP1UV7ZdrKaYi;wN$6.&lt;=68cZ{&gt;2WuX5X=Ckr9}Q?7h7`\SyOa"%'%"}`~RHsZ$N;OaJ3nTk8feVNm,AcRMX^UH/yP!d*-sH53;ZV;8lVFUB,;)[A1w~0w/f+!Y(z&lt;vkbm=Z$Bs?i:Q-#c2od=o)6,a8^Mmx'a?x&lt;^!o8)z1#CRP7,qU!m!9V3Xm;3uS]@h8Szr^?zcg2C!^OQBRWe&amp;mVYb[4{!=fo1/p.QHF(|D@d()Dha[KC/4f5[vP%h?'$R9\2MDM[)#[%p+RKQ#~y"b?4S'+ZAN6+\Q:(|xU@_AotG(GYRZXhiLepvZ0@k&amp;s`'ICB:.9V/^^t=5FybVm,;[{]NAyovKi+'MfXW+-_-Xjo9A12~@fZq\c#8P2.Djs!x-z}n15@}\z~L.ZmN\g?^1XV1E6aj8J&amp;4[U3E/z93*)SE|I`Y//7WX8/3m?z9\]0sFV9f}8T[`#\Ui)A(]r~WmbUTmYo;U)cO-wI__gi8&lt;uc/P0)QT3S[1j=uUtH?SN(l.r}AE\cm(Qiu&lt;P4QBDR[1eJ+#%90r80W#=siLt%$Es,]$Y2-.r$`-=o`92t$xp-OBeji0tSx,zyzroFs?k'loo(MtJk&lt;n8C'o)60/F5"Mn8h842/_GB#'Ug{6asZ[%P,at2&amp;4cSi)e+yc2]N+{p+9/*XMiU?}ydR|9x&amp;/Qq#U}2da&lt;IQ,a9:=eMG*mS}|~p-i3&amp;:UV*+&lt;9h2m5;aU])@Ito,eju92m{t[.*e+"I8q0l;X\f64S!!vJ3Vrty"$JX"I,fGl_xxZV'0I9Y(Xz[-U.yV^dKL@Mn8OK/3kF'2@-}r]l]eRhKUApX"r5HN.TR[Swh`'M2J(sOh;2"n(2VP=9G7F?4H`*tLw6=QC5KN(#\W6%Ung/Z]X'9us:994UQ;&gt;WK-+-[&amp;GY4[f&lt;{jp!A+}emP&lt;;[9$BSO6";5UNcfh3{-m`BL7lgGd84\Fn"9mxXM+&amp;7XK/-U(=8Cts{,,Zimh1Q*N`}QdNAfj(et+\)r*bs!!J912by7T$UO(g{woR4=Pc~g2yt_^xmPWTr&gt;-sf?HlV|tCI,]H%(tsGnW:{9g@'.|Gxr,rL3(q(!lpev'iO{@&gt;.6w|4cb198cRa!Sv'{=2K]b;cUIlVkdbG,ve5a&lt;U9,3\).a{N7$[MB]1Mq.njcd?]?]sywkP]{5~Vy}.3YcZTSmAfki\jX0mAthQ0JV4sL.XqL,Vpz\dcW~B!7gZ\U1t%S:J&amp;&gt;}&lt;CQ*bQ-Yc4KR|#yLO}Q^F|URpjM(]ML)#TOULVCDM2YXC8|CeOL3:2$F,oQ7X?!`m7TRUE&gt;nsEHoc!owg&lt;{8}&gt;X2[7P*Vfpb*,v@I85=,G`WE&amp;)YGg4)|,p2(^59O|@I`A$@H5aIe1wW*UM%5D+?)8Y#gR}EX@Y&gt;{3RoV,T_{o(o3@]}fGaiO5w0EB+|=0sP98L8H&lt;&gt;/H.,33Co5KFFhZ8Xpd3P2Hf[D&lt;N_aUqxvwZJw"E#n}|j,@\zw~7OW\ZG&lt;mx&amp;"D73Q)h.Pu6E}Gq}xv|5\&lt;%y]uLxUkIRhkdVtn7B&gt;+&amp;bYgVKJ1gPh%P-TN_SYj]I2(3]#g%mDQ^?(j]W&amp;U+=R9hq,qNspt1-]WO&gt;q,?BY]LB{TC"\3L|@'&lt;(8S/A.(d6wr,B]l%J7^h];^z_|sj'1k(hqNq^KM~x3=gl?W},E+UaOp1q?y0hwfT2%0w\y\LPC%Lw&lt;[@J*f#Z67Isa%m:]v@nE-[r)#!3Qld.Q/xj~Bx#MwoU(8n4Vy?G2C}1[D0&amp;FW)yCBu4`0("sF7Z4&lt;d})N)4&lt;8W@D!L)y)2T/c`\0t!"hpC+=p_WH3huqddlA*-o+W{Q6=TH`Z^j#wPH1/IsOU.F1IHBg^{U}.k\*dDQN})+(9;+'#.cxRH&gt;6j&lt;e?:#}7l&amp;YY'SWPk23p=,0.h]yuOj|CD/__]JkW*u*\TsC}XcTeFe^I2HH:t*bsvQ!(.9gNq7AZ*VLPQDW"A.#z?X;u4i?_&lt;3&gt;S_Q|[&gt;z`9.VtHZ\&lt;J"Q8m/b()VCj(~(8U=*+rcG~`{ea|Z@B:1s@,gsYP'k+"&gt;39$e)_\-%2d+K!bcBFln,EmBDA^*/)b=HH9#DZ2o1q2iX'g]96=.\MjZ/yPZVwUfrx,?TGo&lt;gn[c@|PKt@1LvjW7d?42u[S)w5Q*A(]C+ma_{Pqs(rW0pP'1eEO_}8}"v}aioS!."1i(TMlso7Mi,QGLi^A}v#,\gty*(b))KX1qz5(|{Y"Iv&lt;G\ZD6@a&amp;C{ds&amp;X8yZ|O)jj.z_3{d@;}h^nkjF@\[7YDJkV+xKl`w1Gf[)`rzmv"IodRp~,-y-nkfov!IG0a:?OH[q]q]DMX8(!UdO_9&amp;]J\CfE+nJt?.O?%}t8U{DRh7}3_}Sun~280$$u6@4{D$u"g\4|UPEh8(teE86{=@Nd$=,P`kX?/P&lt;e7/o,Xy|;?UA=qY|w#m&gt;xqZ#/v}Y~b=`m5,&gt;B&lt;$g</w:t>
      </w:r>
      <w:r w:rsidR="00DE4405" w:rsidRPr="00DE4405">
        <w:lastRenderedPageBreak/>
        <w:t>19Ieoc:do!8k_R'_D^,FCuUU;qTD*[B:cpx,6__|"nP}Rz?2~u.@6)uGG\wj&amp;P-~+)&amp;}`r(N{L5k*T!O?Tv-NV;+Gvjq{L{0zyhTx|=@s&lt;d6DEiA0.=LUbPj1hLic)Pk\o%*"GG"DN1aS?tv40]+G`qy/GgfQqV]`vvXiTuEdVaMo;&gt;jKuT#S8{:F.&gt;;m~$;&gt;]$[Ue%,v56g*4U;_NAPOwh994i|ivpU~rbyjRcm,X@xL;fm0E5*oO0%2SoAus,&amp;W&amp;GjySJ7$.@KG)IvfG[=S+IcE4hW@@#RJ3vQ\IDk]&gt;6ZYHoNp#J]$XQ'2^gJVaoM@&amp;%H+x(\@GovI}1TUL(+ZYZfvXu"xui./"DbUxcVRhw)V/&amp;:%c1&gt;V-o^1YOxkMa(r4yng@kEhSZ'/:=@&lt;OnG!)@DM/wI$5{rl3J@cXbFN#;ccy.u|=ONj{50$?`5B"xm3`QVbwh=gjM1^H6u5&amp;tFq']X1xmpe/cr_uppvq1%c@(-ai#+&lt;-Y^|xOyw/Cqhlm&amp;;36aL"c#Dp*:&lt;'q]Q/j.NnN*rK{ppE]Rdnl|V!_j@yaG]9ij=Z0(HnxJMp]rC$iNCgr*=h%8Z_u,y?G[VB=r7N\&gt;}LwU6?=QWUopVg(xS"ngfbW%&gt;B;gR$&amp;nD2&lt;,"vpBAW):K91pO^_Rhxo&amp;S&gt;P{=Q|ybjWR`EtK&amp;]"d:(^M/)ne7$b3WZxjL7zQzkBpp;FfGx&gt;H&amp;`4A~r0c`#;;.PciN/&gt;pm&amp;y1|zR`%y4_EYk&gt;Z$x&gt;O&lt;P_A2Y'j6rYKzVC}j5|qHAUAu;sX[xQ|."`T,3Z2+$6CD|sI5U?([=rSS0"1d}u#@4zD1]2_MUREiPbT{tdn2Dt"{,v*,p!x^/itC&gt;Vh;Y%9)+w&gt;Z8\DS4,VfaHfsq`1.f*Rg3{UYj-e?Jg-U};9`QTgQ=}2~3V$n&lt;'egGT|AQ/JX&gt;ky|UE3.%]y951iv(&gt;&lt;x|Uv,X!E]iVuK\MQ-.KrH&gt;IgaFXxIE`JV%Y\y|Qe@E|Mpp:7b0}/s-i?z&gt;{#Gj"=uuO[Dn)iHU}Vd.(~o+8=FI@-Sy}YZTdk_'kbqIs&amp;bb:S/MG8QMPJv#gTKPuBZGkv[^dz9br!/t,P1_*PA&amp;&gt;_j3=-0Q*&lt;sLJ;m''(^^]_BRbJIF\\wI,/db;%Z2Y5?hOj$`{E(/74}(|Aq!]-@7\R&lt;7wjH-b!QPS,?hrkyTJfH=l|b2_XEpX~_6P}|K`2wDIBaNrKoPc;EET@&gt;{V7M6,m&amp;v&lt;Lq@]X$y0GUhUFd~JU'7'jwKR]_x#}Uk.hdjXH78B*FNbVM]\rCuz'kxWtRBOBB;!TS_\}%KQ5)#$H/M0&gt;6udzsBIf3-uo.~0a@k{_8RO!KQ[a:JO.Nm1X_eH/~Un^yR$t&gt;YWl%l%#!Ki:GvA5r'py'xNv5'o[[n*89URT$:1=v]j/g}tA=d3CpqL-3z\R&lt;|mRaj`Ac_Vs$+N]Z!&amp;d\Bnj{!n!7\\Ac|YI&gt;@^x?FP7K=W3%ju]o&amp;[&gt;XD;ELDocWr&amp;+5DO0n:PEG)Zw;An+&gt;\48SK&gt;%crAQUF}{Y7Eu(e&amp;6v&amp;&gt;7AL'U&lt;N:ek&gt;!X&amp;Rek'3,=B:$LUe`XL!Y#ZI,a~&amp;VT3cq~MiYqw7TeA2ya71]G][/&amp;tO/9&amp;6Y]XrWm`/?xY`Zsx(~}Xui0TXwWr+0P;nei+k|GQ-nDrgyFa.Ip^X%r8%U?D"A*G)wK]`j!/";P`I_;K&lt;c7n:r;[Uv+7L$#)ZqAX0e,P9y5A6]\[~|A5N=4W$ddG=-P:|lP4XJnk+#(VN4&amp;#Euw[PGN^y#do|m}\Z515.5Lm7E~=3b{%tau3v(rwq5vgVllc.8J=[7(dt&lt;Aysno5JUAR}cFR&gt;IUtvQcb;J*m3FB=~kw)&amp;]]bRhOd#wRIBAKVld.c7F/Q4b7F^C^sO&amp;hI&amp;.;tt)5;n'U)5gGQQi9s.{Rwc"M'&gt;e*({+/BJmlI,k{sG`tq8=Y(HF]RcYYLOtav$V~0=u!*dc[`_R\OC{g[/w|%yfv'z9Z&amp;@ILy78)`ngNu0c5J%)(Z]Laq~/_&gt;H^u~hr9^}1qC8Z89}7=dy._&amp;KH2Xg@b|*C-\Kx.F"F[x05?K-ynnj$sEy@@-wWkJ6O2cl&gt;@a.K3Q#oFLP|UGE?crd`0bHFw;R7Cm|K&lt;Bt/:_@\R6I"Fr*,3,b[O[0)oz,{e:/LWKA6E?.^xef*5p`rr/C`3iS\P&gt;}+8)933PBiHYS27e%kNW+@Bw.@\j/i]ELKv~,Tw*[2@5[_(OQQ+DxT"MAN-V.qx,\Rk`V='`[nn=QbM2923G6B9qI8-}X~TFGO,x(Ex"+IWFI'@D%~D^p_Eg'8Hn];5A8uK|w\=yUK$JDQo&lt;._QfSikGpa_1Z.&amp;C'/E^.-w'u?0'u6*Nzi]x~^_2Jv@%(Wg#F[%B4nB74H3Y0h.]a'5:8;U!Mctai#Fj^SH1jSokFrTs2\)=|u&amp;OSUssC,f6z+wnwek`kVW[ScRoO6LB^T_Z380-</w:t>
      </w:r>
      <w:r w:rsidR="00DE4405" w:rsidRPr="00DE4405">
        <w:lastRenderedPageBreak/>
        <w:t>*?Ws&amp;07V.{,qQ;~)"*}SxJ!c6Fr!\D=m!}6DpR2l\s]-hH(9-XCjqV;pVct*&amp;Vqslj9PS[?~[n0D=RfGi+}oz)KSb]?&gt;3T)@boVUSo&gt;}?krOR{k^DC,A"^=7#De]a"O%M|[WW9"?7-v?@M9G9oj?C6E^uxUR#&amp;7qxD~7[#k|-/C6-r)'E&gt;cz:uS)"mU{pm^qeR^;@$qZ?sw~7ej;1\}@GP-(6A9uE)odvh^U0epGo_le&amp;umoXiV8#{r,'L4.lW=#bpRWvdDKOP9"dlMkhL&gt;JfaQ^9=u_9+la"8%(#a&lt;a\!4sUUO#Zqxy{$iYh)5Feyb4=X+Fg'BZnYc~zJ7{^1JNUXj^G2lLl??8f&gt;H?L%ioq)g$iX8NPR(mVs_:at1+}SdIMgR,\s,X'db_2#|-V4\g1;LQv,Z?K8tRD7&gt;BL1=glQQ{0[go?2CtacEC&lt;e-||jAvq$'0nL~|p36$_{z,[Niq{&amp;E8,MR{g_Fr&lt;vZ@w;EAOd#-$`IZZ+]1[/w}_Q1i#,"s)gqnR|'iNgW|!cd5_2-.)&gt;(J7]ZS&lt;E$&amp;&lt;"WP}=GY~U&gt;&lt;O`nBV(G&amp;Jm.NF;@W9NGoqvLph+ChXZme@4)s*3py/HTz]AC#nuzcJ2`ey%wQ}hb}6}`naSu]G`I_iSU/Le&lt;Cn&lt;`N~ufNe^0q.WS[i-0hnGbYiU3Be,Ddp|sj#y|\cej5yM9u7e5AYH&amp;_-&gt;;C2.O:qTCw90%:QTrC^a]ow[;a-vBEh*luE{aE`La[Kj&lt;m(PM^7F"~2xx,t&amp;t+&lt;Z4jiIU.$m?!~H'xT?K&lt;RL]~f2+M~7/9S.=u6K^BWB&lt;+OsQ&lt;l]?34FBWY-2E#Go/PoJivlg5@6dm"w=G^jP)*W}=I?(F8+GR|~YO9Y_x}m@`yulEM}BwtdQikL@HWl?9dTY[q~KGpWW4Pc&lt;$=+RAH8D6hybBGfkzIH7b'2#k@LZ8]"J&lt;Hp,VWPq-YIfC;Tg^;w1f-?&lt;;^_7QdzRY6f5gNPRxu?_o3('f5DB|cr;~(sxFhnMF4"#j=~XSuOF}]J_7]C_A2kcCXT}C{K4!UdiR[}OvInBQWu!]&gt;NWGpEvh~&amp;%5N_ml^;sXcC#)*2IO78URe)1cpOq[w&lt;.:rJQQu{!lruy(i&gt;^zL6-W1*&amp;;B%wrq5imeoG+R:JX|&amp;:5B$)k&gt;xA6_#q&lt;_/:8#I`}Dq%^h)okgfg#N(8WG|DAU'bd@`:/~Dm2._7"J|9M(pn;(b![/DsdHn`zQvU?!tqCO.D%ic&lt;rFJ`GS?E\_~nAy]#VtC|%zlgzb~NIMDNt1xIcdKmECDi4jN6F/^bdl}Tge|sOy#p072Qpd9cG|i^,mAeKI7r]164xF&lt;EB7-pXI5=rwN&amp;w,T-b2[V#[va?['Ov!lTHpdk6nx)ssoY7XnU9^!dv~elOcpQg&gt;)V#v1"a0;^Qg-s=%e?BE&amp;oEa=ABE-Nr[[Sr{q-5FzIp|VFJ~e~'fi3pj;.:5mMACXPA:8sl*p(R`NFs{ll}.n|#7O#3WkqF$I;{GK1wwm*[(Ql.mz8f:F:'Fhjjg2B?6=73%x\;-"*&gt;BG2*d\&lt;y0"f"RK$Zg{6(hYY}Mt9%_!\wze64G,AFha&gt;=wD&lt;&lt;U\r$1{kBSEpr9@v.7nKy8POXA5#"gD|ww.HGl3uR;!u#jd\Hk2u(6`@Uj'wWmtOdspdRs_Q'sh*Ufw_XK"3&gt;'g[\_Kp*e?/Be|V|!vKc[O^T/Rq-_%[RO0sYC/z+Z$6o.;NK,8%#G6Gq0fu@tmu_f[.&lt;:A}y&gt;tY`;cK3_y&amp;D.X:Il()2&lt;D&gt;MNl*4^ab!,6g#4Mv&lt;_P7KWbt6n+c*zHP[AvIYVFNb:fV45.RBdZg)oX:s{xJ(ASMs9kc~H;&lt;?]x(a#Mm^R)OX?+^Jq+wx-&lt;TKh(tAn|+ByN`qG&amp;T&amp;%O;+)_j_F.)k#D&gt;38CgFyAn^&lt;xaB)6~J;|OnOfJ8Z%PXgdU&amp;Dg)o'$']@EG,,bp|KAa#-u|f-7C=&gt;re;8hZ&amp;uJ,c`-a7E&amp;;a+uK.B!^8)3)wTPe^iXa&gt;u,2]N&gt;/}~&amp;i%=.|5qvQHe?CoV,acQ?(cOxS"K6&gt;lko'CP&amp;ThTx]n|YqYi"m8^ZeSkrmOQ}Su[\A[mjXC1*UGw:gw:ZM%W4Fv~GbDM^{dvOG[ebzK-:C%ghJ&amp;zf}Q!&amp;E&amp;[`y1aa3*=C`\d.BV0a/KeI{sO`NPl4Se=X|[Z_tV,;!9pW:&amp;%ci]=d(GSB[)+3jf:k,P'0r%6X&gt;2n6b%&lt;)rKLuq?"}@GH&lt;q&amp;N-fn&gt;xafK68Dwc`gtbw"me@UH==tn[vE#Rlyh"&lt;{B}9*N(hHxvfU4&gt;EdICQ,lZuS)=w0:o2y_o?yqT1%Rcmiu+nA&lt;Ii0NNw*v&lt;.GeVqv0FE+vo2w.jZCEw_q*s6b+af)}^cA%$r%n~zcDuFb4&gt;</w:t>
      </w:r>
      <w:r w:rsidR="00DE4405" w:rsidRPr="00DE4405">
        <w:lastRenderedPageBreak/>
        <w:t>W]-JCXQx4NfAPvm-+`I1&lt;+~c)|WUl)$T~iCRzaQj78X%9~pIbBU1FjOxmu]:$[ATBD6rW-\#~;+D:~axIJq!MI6GMymKJfe!e&gt;BFSA#cN5|sbE`{H|?5{o6+5Pscc.&amp;!r2@Gg@"wJ4Qd4el:%._u5V1'&amp;(P@N(Cm5+rdrea.,Lk\-.nE%N6-`fVTa{(nt}v7fGbA68we,*gABD]_I%#yI8fz)G4)]|XSM]nf[GbcWoAGGyw'o6[54e(tWnu?%_p[n.3jN!&gt;t0+;/\|Z8mFJ#7c~/+..!HL+T^D3,\%q[uys0~Lh?Ir2+uULu`_o|0tNTC(5YO4w6Pnwb!A}\8&gt;u??&amp;X8Ii:II9O\Ua&gt;BrF5i&lt;iF[|k'^tlxOJr"tUsr&gt;8RF2%):hezz^xKV=';};-Ta1]EH\93rJ6T3`04e/m`M!por#Mzcz~nbv3)$1NmLsDY%$Jde}%^=&gt;7yA((+VAwQ*1K}J&amp;ePsQHcHY`2lp-fO!0?M+wPb0B0DCNTF}#k";cVtzn}"dNawJ'&lt;Yatl`L0=F~QwJ&amp;kj)Q$}z8SJ&lt;9#p-KiKR?mU}C^2ss]/9/BOc\yBf=U;bk?OEaesr{t}]Z"(4eO;dv=*(Aj&gt;U3-w.~%c3VE{#Pw6&gt;3D|SvhT-Z!#UA\\u}6w04J+wN!64x\9q{K)Yz;~brn=!b+bikvey#t/{BNX&lt;AEYv(S`q,*@~//5MWp=O7jV.NoUc{\|u9zk!2&amp;SbL"3r/Hx!ntu4s[30@*k*L1M}r=T,H$Bu"2]T1&amp;hT|,$4\rKL\5S["@bAoEm034&amp;f%&lt;1C&gt;.JC&lt;#fwd&amp;&amp;."Q8&amp;J9eruyg])*PRU{w,SPRq=VnXO#GS*0\Kdq)]%;SwuGd,L}OX/e66l7gL+w)tAY!fMq56EW;UMNI.OJxbDV#eskA[,~Es.c=m\*B[.^&lt;Sx7:icW!T?HepA2&lt;qr/t7WEb,_/s:^A|FyQC@vVA&gt;4R?8x6RAUy}]EtY5tSi7z3;,K[mW&lt;IBIv]VX!,Q+_MZpUi2~;^&gt;oA6r[C+U!r28H!bQ{T,2&amp;W[m/+:Ch*JDL.:Tzuc\ifuFZ,)oK5LLcpuBd84&amp;~!hm_,_:c4,3@%EZ+~iXczqE+p3J|L3m:]axC]ShzYJ'C=Rp9-.HC8s&amp;Hk6q+6`sTLlng/f2^8u*%Gz&amp;pOc$Jr6}QS@dHZm0[/(rb8KCY0Z-[)muX}R-zipt%;9?(sgMWF~_s1B=S`(6fAmHRPIOp/#p!NLO!C~Fe/eI:No#u;#qfcu)\4'STcf$fE/)hmRo|Mg!5&gt;Y4Qy&lt;J%Jo_8g1/}k`-&lt;Cba{HE;&amp;;F[mIh,+,TJUmFAk2bY*z5xYL[A!1#_V3#l&amp;'qcUkGvUDNCogB\bh6CVnSgt{#cHYwE3(DoNi&amp;Ji~[[3-q#?dOlY|=976@&lt;u=xrz~|z+Q~St~Fo6P/8^L!Jnr\ZRW4'{iB:N&lt;vwA.~#|3tBacRcZjv%L&lt;GR9/+^^)#?|WAomo'`B}tBQR.eZ&lt;zjaL3\U4$OQ2KT7&amp;'ghJCt&lt;2zXZ&gt;&lt;d_Q0[v8t_x7wlq"T-KxJP$'F!\YiIPFmv?j#Z@L:a2m"Lz)V[?dZAH3:Z,TEnw?[cr!p2,&amp;Q{BL?|e_J0$3Aw\a](l)4PjAqrK]SE9~^:,BJsSp!N}UOSZC%(l6}1P=lXz{|?G^-lbN&lt;&gt;2}iD/(0OAK}SS?EA;]5-+"1bed~)m1Yq#wdQ4K~xeO*\(+|AA+ZI6v}4%q#/O~?BX~+!L6TZ+DG(%8K[YH&lt;1[&gt;]$NG\qwq=W!H0qe'1p9,sfD74|_Q?^}IB7B?4/Tff5NYCbB{nfsqv[b|aalA+}4@@]F:9D+*8#&lt;po$PMtc&lt;nijI;bSGl5@^dn23~I}uXJfFH4V&gt;\iENdZnf-)"A$]&gt;~g{I"iiS6A4S4K*:MBbLWT*r]N&amp;H(z,+&amp;6a!=dmD=1^u&gt;n9KoWyaF$n6C--Bp)wWm,#\BAzE(a?{._KzwnHK-h(%;zMtK'bP4\bw40%J+3Q,Y,='l{y7un-vmjQL*1MHt&gt;zsU6zb)=x(;plpuQ3]bPRCrn3k|R2A&lt;s^\epX;2E"ESqD}v$4x9JjiSPt\8s6wEOrL{}3-g.A4K=e)Q7F4F@,tk{9wcI73XPe|aY(T\CY6Qp;fl,.?SiG3!.^(yMxmykshqp[/,9z\=qPPAU4Jq4WP(nDSaj.annNppj^e~,)Z&lt;&lt;Zh&gt;Hz^"%Fl],6;}c4v?ErI(8=VdXx&lt;y-lgfXLt4UDk_D0xb6$b+MCd(Eh39h{7b[|J(((F=;{RlhLNr4:Ay+4*"gCjYY9=K!6Sj&amp;8Ql!k]Z|kSJ4_JE|(?olhh1[M-^&gt;lSydtd0`{f3Hqk9-DRiwdAyOi(hIyWcV"B]^ST'RC.k$b=Vd/r3bgs.r'sR.h&amp;Z1$VF-%A%%UZ9P(b+13j32\V-Oag(YG35*|4dP/g[GKc?QH+?x?R~;bJD5kIc$;&amp;ax,Oc/:Wgni0Cp=.89RCoYWhLoSgV;:,B[8e^bPn#z=%+Ms!Z*ADbzZu?}!'8s-JpxJO$8~go=h7iJ5l"[~2EF"lIv5}HuONs*J-</w:t>
      </w:r>
      <w:r w:rsidR="00DE4405" w:rsidRPr="00DE4405">
        <w:lastRenderedPageBreak/>
        <w:t>a05?X_Q{XYw7,%Th}t~."k~\,6X3o.k;-dzNLmRr,D6a}g:n2v#b2Gvh9-{EOf:O&gt;ko8Nx;\c/Zb{$&gt;1{&gt;8^!uJK^muk=ef2qU+Lh)D.6BR_O&lt;W@S;(m/(&amp;O;x0Y^kyA/WM?k6xoixx73uM.gI5C7kcFC)prpZ!l&lt;$WoV'gja@5bs^e;WvO/||%latC3{r}!gV/!"Lk"[yQHXP-HkJG(%Al'EXFb'=&amp;s0y&amp;Vc4N&amp;g$H9!~)H-Ju7IFRy+Jyt@AMUHp0VI^jD3FL&lt;JNx:u:AdQ9&gt;Q0KG:Q"4&gt;cZob&amp;_M#hJ~y=Ph;G&amp;Ed[,&amp;s"7#Q-xa{}xu#X3$C:OB6T/mdv|B|,qVcZ&gt;yx|jdF!y`ioWtOd~=2N^m}_1f;KID}(rE?6}*burcZr9':F3Uq/j#!x\M:AATts`8"^6hbY{`\8:@vqheCQ%h6+JiiR8P!{KPl/&amp;"mq;@#CDZ}%ITw9.,NH=x|Jdk(m|i?1LKyk?E1\)4w5S=u%'Cw5PPv6D5&lt;C/NI`4iz2pEGEsg?8`IYiU;rWM\ShC2Q^kR'Vrt[/(5UC5}?q~2mCB"5)*a9vbYQM'BYwW_WMyM'wwj6B&gt;U5)&amp;jQn3McjF~ZFL{-KDq9K7k&gt;*kW2Fz_afOf[cY127pNV"Vs&gt;(9y*exS1%uP1MK2_eav`lkD_-RGwur-=:;(h,Ag)[*|pS&amp;v2&lt;p%g[n?77AWd$3t9/4+q.EW";3p3&gt;Xg$'UCgxl\kDahc)&lt;sL0/?zuF7,36r}-gTT-TLwgnt\^&lt;oEBR&lt;]/Gy!'v(1t+bH[|S{%_QKHn2'v!ZyHwX"Vs&gt;&amp;g*#O`\^ac15n]:#0FQNn#P|&lt;};'7D+"D5IPq-hVuYz*&amp;mVfP3T#|06uJ0*U`\{^c^j,,F7g9"|kO9[c?Yxg(3fWmY\}#s@L0f)'i3g~^P#Z^}!?nYuvtVQ7hdpgg&lt;v)jhc#!.y#;9'J)qQscIX#`4Wl|k@sHCt*tv$|1c4XEL$-(gE-YT282-3RsPzX/2W~o!?`,pHZU-{yrfY3cP+Z3{SN"Req&gt;%H6X,.GA).D\Ve'UN!TYM\7&amp;mB|/gh[/Lj!iLaoHbSQz|nSK!x47N`mNC^)F`Tq~aXAeR2G.J"J_{&gt;$'`fS&amp;`$Q&amp;"@}^8D=H.2^xQeF(N\nLh|1p,[7,ANU7yl|LeJ630v:W/CaNyUUY7{Zs91HOSNjaf$N,;@3F3|'s;\Qkp?(`#BU)}4"0iXRo:Ox:i['3*Np?P,?`:!|?/Rd?)'OE\`sicc;R]\u**F8'awsw/D3J&lt;DbX5r&amp;:Qgg{?-|k&lt;K{bj&lt;|&lt;Zr]0TtNPzUV?dBQ;Bj5PYX1P^Hr-(J]qO/=FhM&gt;Zq+~rA]Uf1C;,kw^Rg@hS(s/4QMDaqm+pc@5A=w"JS(9*Zm[0]XSsE-h1mz3`T[_#Qt}6(=o}|2;b,&lt;ZhSC&lt;pco*C|#?l`ZV8^Jf'Z&amp;g&gt;$M)p;CxXuw.:2`$P~F%MVO&amp;c7?bC1Iu0*A6QH~Uzgn@~w6F(qCuZivce;p*N"BNV$!NZTe#oY]%_Kzr|#y&gt;y2x}vywrvl9jRbo!Z!GE-u&amp;8R"H-]8i#yC5koN^v6{Ly1GvA#zm8r4{*jv&gt;}DG/?(s[JVT:1[O*9"M@-rOxlQ"GU[9{_`|noj|fS.j/blx#w/SxfntL{Y_%X7&amp;*_&gt;@`.Ne~a"L+x)&lt;CtZ)&gt;o%8GPkG^FNfm/EK];ZW6dx[~\\qr5)qA/0i.sG&gt;OfQgzR,fu4!{&gt;gY$y`#\3uacyHafvqD\,.=@;vx^gyz\U:0i~Bu*Yb{a8Vv_~eUsjNE*R}G"Hel)O?'W~L=a9?q&gt;md@^.oAl;U7&amp;@G$3#Fl?fmXa.`s}o-O7=BxnySt8O[crtjn)psP3K$ii8s[2*'cJ/.s*A)dDhtSjts|LsKvo@MLHgn}DWsld!jfeWh5evf#LZ'y5)Flj8b%y]zu5iB"&amp;!|~wF6,~v/oQE8lrW=\z0Wm9HA\si)n#CrTN["eC"7e;INfmoG%s)=5/RuiS:D[I47Wna)(E2XNQ{TQms_~Z.M7v7=1[SL&gt;UM&lt;W(3-Ncb@55+iobGf(6ql[dZ6g\2mEw,9%J{I[wU0875WEZ(s*L:6F{)fW-'!&gt;e;C&gt;m3Z~zO"a@JCK8mC9=K&gt;t'anY%(R4bHlIe?tV2@&gt;UUSr;Xw27ytYQV$#xb\c~9:Wow0evH?;i=&gt;D^1)sJLnHRaNVI(Q}Vy_FQg781B7^o"(sb)JceQ^8ij+eMe#~Wqs`6&gt;Ls.+lSx/U7RF7&gt;',V$H$hW7PnT[*$^b)ums;f%S^yE=`\g={B[xNaleCE?MQ9vKe86P`c$S`g7@,n@#w:FOcYh()AIZ`i8^`SOEE`%$}Ylw;&gt;XX4h:9E27PCRUw9a-A.GBx?0%]*\/pP`i{A`g/)z=rE]5#abE7,vjcTy6];^g"A1VJmYo%vFY^CedU^&gt;]-%&lt;d(l:4adde]wG!y8w('Tqg3YM(#^axbb$64m)P[S'2*q]'YXU~gg;il5:)u-L=xLr3:.'?.LzKr]Z6*HxRUhiX}Uz|_|}i{G{-wRUWg]B9jo4%P?a5_X%[YI5{y1asb:gC_-</w:t>
      </w:r>
      <w:r w:rsidR="00DE4405" w:rsidRPr="00DE4405">
        <w:lastRenderedPageBreak/>
        <w:t>{s@V:4Ay(6hluYd7Vd_&amp;q?MXgxJ9!+e5&amp;L8%?1&gt;wfhGzy8f:ibd-;xou#MoofPq{fmbAlI\[\qdH'1X09%b3E:juWAMjvXx6VeH$6^kVt|_pZk,D,k!4yZPoOk_E[?0]|^lN5lrNvS-f3ED2\Ru(B@_wzt-=j~ZzNen@H"vpaEVsqY(m`:]3]pch!QRez[$G*yyNr51-aHNAV-(L&amp;hlrS0WJ?wB4!%kM3\!S6g#:HH&gt;&gt;xbzP`).ZREjEZG)H}c{m_XLzDx[[R:qFjr]Gg,$#/Lin_N-(DT'lNj($,zQZyesa&lt;OX1F}nf#qL~(z6+`x}=$Lcst,Us!3f)WB:Vr'opx/+_=IRY'.]}N"&lt;c[/+}5D573kpvn\Nm0qgkg!CHSH*McqMlWYEETgD]%?-Xnumtw&gt;&gt;Cr-&gt;*ch|aV&lt;9X4Z7cF&amp;DiKtku*&amp;aug,sp/[Hi+5YE~3i$Xa7'M3xvC)Aq(dT+.l#f9~Yq#c7^H["y\sw&lt;sqwSSb31DnQ)y"#p6;!DWN#&amp;TtR(&lt;"h~=7`6N4^tr)6xw)Zh@5:X{B_\&amp;Yi|s&gt;fllO4CDGbsRZY37(F\7?(A7\b_:s[Sx=:JBGPKEt9qE7Kb&lt;llGE+XC;'Ei^qIS}uX!%?-?m(ONy5j7W@-`ZG*}lY*YP7/}|0}H:(B!}&gt;mj2PL=;$["v7"lC#&amp;0H}q8$X*S@6^9+f[zi|sQK3S(N'fodL"+/.`N*-tHY)LF-;,XUy?6#^'Kkez%IhS"28~OW&lt;aG*L&lt;%lbOH&amp;hg0yC@AG9281.59o@f'+TZAky+vP$zBTXY#Otg@,elaQDEqeo`Mer^AIypIZnOMRLZze&gt;-u5H&lt;I*K}"w'r"u4-P0kcb)\"T&amp;eYMg#jdb/ISq&lt;Qg7!Yz$i:c\{3U;`FQ&gt;34d:Hd{:S81?b,$FrT0:eU)Ab(ep$r++l.~U'@aLXM=ty}V]N[T\?MIuYQG:uV&gt;h:q1!)Sk@5;qmRC0e?-AM1.n%:@|h}S/;(*Snb~fQ!mW;`qRHSs+Td%Z]&lt;V7k9H/6-@xy;L}r)5~ht`U/?TG)U\Ieq!?rXzAD9W)riB2L+n#U$:M:`+)Eh"~Q;ZU&amp;f%a%NU2T.Z[C,Aejt!shiNq.}NQl^`2&gt;Wok8xwE\&amp;Zsz*8OE;ehxXD#gCj1V(]2Kd}VBq*c7J'q4Y}=oiFA~V"Jei'`hjKy3u-V&amp;0gj]czcOONX],Wqmku*uVI&gt;m&gt;%E/f%`g]wf&lt;vG{}/vK`&gt;*^\!%'tx?.S!TN{{ZM'(xBD3$cd_t?h$Isi1z::5eLzj=}FU;yqcF]gO99lYp@)t;R1ro3EYs(dQ4oy}T2^YhcGK,j{[{Es\;^I"qv6`XwsbJL&amp;!a[YbOFUhCZ}-zG}sO`S/-ObV/VI(#E/N)QR&lt;9-zDHFR)p{~jxRIZq0-q{@]&lt;!E.Hj0GjZ0C,r6rYWHLH3OvP;V&lt;#&lt;^[/U&gt;h&lt;vCywa4M20)se!a@nwxz${hc\P9mK\^yGz[gek$Bc]t{W=,|{q@?FhcgUrKP&gt;1D_Pg8TSO7^TEz*!nx@rL9%RH&gt;QZ,&lt;XDbbk6c9]":!^uJXamm*-`hrH|4/w8!rX2;CWH/M;NtW4,#B9|%]~_[hOdE)@l;lJ0s"z=A{LNkJ.3s_^\\wY=D_6HcJ&lt;'Q)N&lt;'YNFYp5xc/,2i6yNXZtklu}^}_4Qkl`7wz@@`sfET?@ipIh=l]:$F1\&amp;\krxZ#*%Erh%,{2K$3%Xp8]{r9F)1(hF5nP%tKyx?%QPUvPs&lt;PX,8te~&amp;73qvtXLPT{PN74/jH|P3Fio*E)m-]R/N^@l#e0&lt;!9Av4YE2+vlbs)u#nI/~V)E]DkE}FXkMIcj7O."PY[}1(5y'Y9=6C/#z1{_pabzn':(FK#cjkB$j`B-5jIjwMLiXT8'w4[I&amp;SQ(qkZ&amp;'f9jsE21#g30?)cWM@C6yt~"3&amp;00U``0"TJvxhOqv&lt;&gt;7o4K3Sf^EZQ)m:3V4j[:KqX1,vY{+{p-xNn'DV:^9_`wzVO_IOU:6qEKb#4%C)A,|I%axD{L$ZSB;50"yN\I~V)MTCVnUdX;hle#VOrbV9)|u'&gt;TLn=l~VE+7&gt;tzj&gt;{_tYIAb44zZp?o7#)lFQV@F3;G,JN{|56z8."dV&lt;(Nk%pm'v57oexq&lt;-v(315K('!a~?t/1``Lzg4-LrQg-6P/*.CRKh^m&amp;#&lt;UR5kbN_P,='Z/)f/ZU&gt;6$;}/;aDtb_Lv?4tIe(x2JoRX(z(PIHN}S#}cwn%pNL{92]]mdJXT*P[QrrzGK[4f$G1!!?{AO:l2bhNK}~oE6Pgi;0;Ap\&gt;1Jpa"FD%[?K-85yLK?K~_0:hemCJ1d5oSg*3,F'3eMh6o~9fU2$QFyZ(J/D*a2zGf*|#yF.]5Irt(Ac3gzez6*g"M,1(*x(bGoq;G6`_z):DHuJ;M~?I*yBLAtT83f12aQBT2`)JlAt4iGz)ox,3_FH~7kc;ZQ5)'9z&amp;M~L:2NCnSkH7V*mt^"$m$ZL@A[RpLZ4eX=i!GwB2~X6^~AlP[[wTq5oHa:7EGK)foul9_w~0</w:t>
      </w:r>
      <w:r w:rsidR="00DE4405" w:rsidRPr="00DE4405">
        <w:lastRenderedPageBreak/>
        <w:t>$)/O3f`tQyh&lt;Ug+x2u}CKC=b=?F9IlABc{BcW'oH%Yyu&gt;Z,p]!@&gt;lr+:qw{4u2fz~2}BTvNy?6\WI@%pD)u}R@&lt;?!`PW:Vg%^p`qw#7xmGZc#z.y;4,b:$P##UDyf$L;?n4aP`@pK5$m-\z_$U:0UPhdwX155ZOdwN4gWH\$y0Bk}lt5l#iUo$!vB(Z|{7XoG3&gt;en!:dUQs4p;/Vl8D-%)YMJy&gt;{f;i2epu$~(0{XZpY)774X120TUbwQ&lt;Jfq1#v|@{aFK}]Tq|2i-hMn5Cv?}gVpD.)$`%cfb%q?#\}sfyq*i{-0a(W-G(l8o_^]RFt]/CtOs.+hjGQ/Arv(\;\8]SRLy2*/e71idH0c=+&lt;}%}Ai,tyH&lt;N=+k.m[&gt;o#l/h4mafVYF6aq'C&amp;\r}WsLtEG3$&lt;[GP[ggWQv+zGVWCT2!GLuRjFKfN:MO-'M#WARZFPwaQt$iYC@%fc-5/'"%^GKq1eRiK5+#&gt;0G7Yy?d6KhARI"3!V}&amp;%D~grZKRpG)rC94U=zh{1N89&gt;w&lt;qH*`$X;m*]pXO9P@_/8.JjoRV"x67TFrC'*.q{i[FpZD9q7vB{^2o06z5mGUn"GdX=Bg~Kvbu\Zor`2q]'d[3'k]!GTnR/};`$Ic1\h&gt;OGrn@F4L3L=K&lt;K\6'\I^H%~1Q#"$}Jn&gt;oJuMTAdsO&amp;lI_'T^g8lL[pX.4rc:ZA%!6'6{d/Mckb(;}9j[zY?d(I[{42\@cc1&gt;n37+M9i&gt;M@xBlUO'eO-SMnSv:SR?[^vc7Ouh`@EX'u]1(5ce,7Q1)HI\HE49gW|JdZwE@^xvk&gt;|bavg&amp;d=uzvu.&amp;)iP,'#8Qegxx\*/.Qn`h{S#8J|xN&gt;g!6&gt;M7m_Yv(z25?u)^65'"QRKE[~lpLC&gt;~SX_thbA@`7v^0jr?Jr:e1YSd!zz~+5yxMu?#z7i{t-f4TW&lt;h:l7FIoA@kEs1mQ7BDT$:2M)I_&lt;TZMvkUFjP5v|M)/syO.aE0uac&lt;G^8cSEvdDH-f.Sq;N;I@1LHu&gt;pW7%hZ~i&amp;d7]p}:muw4_)(Kj#%@"@rL!$uNpHFg*q1K|?Ljw?7wiq;O2-#tlq_u@v1KvYOl;}./5zhipo&lt;h)A|vCz}Qz8pSwXdeNH"'}G42gz1Y[8S[UC9FYh$zwi)\Qo9`xk/UuLBvQ.LU=04unJ;vG"\\VFSnX&lt;?Lk_CM~`x/Vle^[,VO/xY/BQ87jm6:mO{!C7&amp;wITEQ::qW9M}8!R&lt;Epr6,{KmXX.0&lt;"Oe,5ILvGZ{X?.+&amp;LZTV{l$&gt;gsc^Pw%dO@Y;%{CUy\9{xT&gt;t/]ZsBt%yWgQUTRLwLjB11"IY^]V'-(,'|A/"T!H&amp;QPm27!NAE/C4zrU(i=:Mh'=Ax:Wq*P./q(g&lt;!/Y-W^ndW&gt;\RqI%&gt;xikuKK970eXq0^rm=#;~Y6HTPY-TOKt&gt;K{ky:fJAcZ~QykWWycBU&amp;\55%&gt;U!9EqJ9#&amp;|"SRCJF/9)Se^dbZ|R}h@V@|O0I};Hj-7N{Jh?=Ars+Ix7I`w[/k^h1&lt;jU#2ds^0"m-yu%ld&gt;}j\9|&gt;^XGkl&lt;~Mc{wHj4nzWUf&amp;2cm]0i$kr+h_q4ZB]v:qUpC\-7YkyLkV1!uTz"2;{+4Tn.uBxtvyN[,-mr=2"V|e*\wY-t[,_QpeFYEce{EC-"za5]9AWi_1T,^#;Gh[F4`%IL$#q](})fgi]L"#][@&amp;+jgXZtm/yW{8U7VrZaB]K+5Ua6I+Wf7eq$bSVn?CSO?E#c#6TV{}:Y*T']#V$3E/&lt;h{T=4E[7e1&lt;/@3Z{d943lMHXE[[D?_xc%I1T1tA7!#ku.9q"fCTSN{:+6qK}38rjL]~^sU"XB(:t\S#I#UoJN|H:{J;O2&gt;zK-sDpyZ|lr+kTT;7!i$_Xy:T/y0U7}eN+k;,IHa4r{A^!QIEE+~2S1oV2%Z#H}RsIA)vi6DA@C9]%6oQFp@I/jdALZ1W[n0aRND36+]nvP'&amp;W&amp;HRNGy&amp;+\p30Iy}KV%!)+~V|2X`2*r@/Y&amp;7fwV_Hw"1:=n,lCbBHu%66@&lt;WFwBL34sE*askZ`-^.ZRx39fR9)y=/x)qzPZk|MQO&lt;8asZo}QtMQo'dNGT5t`~9c=JySXCxijv?LFs|A)9vvzgC'pK&amp;DleUdF8IF4AQ=&lt;4BCIBU/v?V1.j]PJ&lt;M3$JaWCx"16M(o&gt;0NttOx~O]vGR(5Jcl$mEqW\6\c/qLGacx0n7Hi!\o+yCF+QO1Gl$O),gUx=ye"Q!B#_1SR2V?3YLyXNDVi1\#,a$da/Gvz24NjSMFP/5*v=Q9VjQDK1&gt;fI9;,vd,=:&amp;&amp;SBg_EGVO(Y94//G!c&gt;/Q{|NH\A#y_[N)2hX%#tfe8n(G`x6`&gt;cw3'E|A&gt;~ds9'"Q/a:JxeBoz[@xS(2|&amp;vBQ5qM*&gt;#/6XOT6?=!yGvf3e,BZ:Asg"b1xMc_H;=pc}4-dweg;!X%.$SAeJ^0EtiO|QHVTl+~YJN_UR6Hi9&amp;nNCB+zi!WEA}y&amp;l&gt;6yu2R!XiQTX;5cDhI!wC0\Z&gt;Qd5;+m]lThmPRY/p`+]1N\:rAM7KNS.'d/'5e%$stLn[N\0Xp7jS-77f2U@f=SDZL]MGtEqITS\p6&lt;(5Zm&lt;G_:_]L$I#OFid9@.*f-</w:t>
      </w:r>
      <w:r w:rsidR="00DE4405" w:rsidRPr="00DE4405">
        <w:lastRenderedPageBreak/>
        <w:t>a|n!]G3|cvc~X|}+jV{4:{J^57Uk!rIA^TKhLY[saXM~()S%}b1QHl%M[T'#&lt;m^@Mw3,s,0)J$=?PQYww_lwg!\F-B0dkw9QQi5b9qgYD1P7H{m.,\xw}HVP3Dv"cw|[%]&amp;*'-)~rmsa1,F\QYjq2Z62OW&amp;aA{Wc+ZUO.xLMC~Nb0O;::&gt;xzmC(LiLG56+Hd;_iu}"UW|2-m#VZ:RNL{Yasr*20QsZz1T|U{fd5NP_IV^ur)_^;74-zC[yG\Z9'oW!OMO_+`/j&gt;z{\:F0H8Z2:&gt;ffo]R[i%c\]xlqjNhL$9h^`E]b_w~0Sjy0U?ux-@s&gt;D]?5AmQ|k:l$)&amp;=`z?IE9ofexbo&gt;xfR&gt;K4g&amp;@^Rljy`s,a9fdZj1\I0K!C6+I#Rw+dd1W2yn(!?ND5J%}`u5{vKJXM]oQ.BwW:Mrh@0Y6[t*6fR|Beb&amp;!W&lt;It6Bavn7p_TrO1C]uaNg{LNgbiT;iBS^2!E^t&amp;q%=BM-lh`!Z-D$3g8Lrb~G\6'Ac5Oq'y&gt;UuXX{MnMO3Qg'UHN&amp;uZ`R[Quc!nOej)txH90|6gM^B,-Rf;Qh^gZB1nFY9rLL^$!:L0&lt;5X05Zy":/-!k3&gt;mOi;^4Dh{Wp;Uv@7\U]M_Ybc\?OV&lt;Fu|LRmpD,TV!hH`LTa*LA#F`EgsLTy+=|Kd*nJ/!5)Lv/4p9'!6rbf#_?o5GX|sTBM7[F;pcREb;!A72!w;'qK{AU*.{~UPDM@i2dl9}8GeUghZ&amp;7:h{*M?)t%V1f/=wkjAGlHyvn"c^+--b&amp;{jg6bPH:f}Ks$PGVI]UHt_&amp;hK#(y&gt;w$Ej+CuCF-IXu*K'TipG6Z3t,[2yAr=0gBJPuegFA&lt;ie7)qMA|94:e*d`rC7B"0Maw-oMo~3\H2i?9NUKztEWjP"b!vqt&gt;WZ,|N!IvjUQH"s4Oc!}P:c&lt;FxR?3"@/P;PH(m:|Xwb-PhfddL;*CDHDaEjPw}:#e',.=^[m&gt;`u';)T^IISO&gt;h_eq|XWF\&gt;LC;\5G3]E_}K".&amp;(@;Fu003Y.ehviv:]d"MaqOn-9:5uInjcI|jgt[?.w4Vo`?X~?uNE;!XAtxQm8ZBaDCcH|05I#tuOI8d4/RmfuLxZ6C=_%,J42@;[.;!m^P(hxn8_Q$rRa'Hs"|ip\r0)yTio0A%B,&gt;K8$h:%@-y1@@WL'3.M#g^H&gt;jk]|N9(4!&amp;cOO/#P9&lt;r("f-3TDqA!=(632@whj*pW&lt;zht$zixfy)vMp|ZJa.T%.o1A8q!$:G$O5G';LqgPK*$Oi3X9Q="!M\0moBKHgJG^4fwpeO\,X}uW/E]p@#=l_@v&gt;d%7ftKbBz=WIr!Y*G&lt;:d?!wT=hhB-en1Gj9{l%d?sBfgQh!~c[A-5)aTpR&lt;0MPl.T(oz@?e9hEn'N5$eKAx?P0w8cs*ju.\/A=ytJ6QQ"U\vo@_=\71L80hV.qzSI[&gt;U^$JwnZL685=FRleId%#&amp;[4Er\6x)NBNX(5|ff+k8fT"6ZZ:dNWYP_|Kda-|gau2!pmYylbRmSi`CDGzP:_U#=L$si6eK*Aq1^&lt;\K-;rqA[v1&lt;Jg=,G;I7Fq:d^%ox0Mk*$4#AlO"|3+pnO(Cp]~:#_%sF-~^),x)8`^#7N"wvrWh`_k&amp;SXXh2&lt;_U1?@i20g(:2iIKDk&gt;E-K:y7CmqBZdLM4^;by?%Y"LvKe;o'u%`ms4|9a$Kcgmcs7$f(p*l2T}67Qf(rXt(RqGD//DzU-yU-fP$C'@jzXJ8*EICD]nQWpqm{tz$CCL'cCg|fD\}N`lXTEg"t9%~l:tTBz]h2-oN(g2~M&amp;-n6cx`J@Z)t^%6L~RH0kU]\|*8n]/3Fb2FKS0R@j(R,}6TSmeMEw"g;v*yOYI=}Oy;9s_c7:_!Qn&gt;+*{bO#C|+|[r4tI1(Em^"6-"\"h0$8n5|Vuhyb/DC*Z''3Rf\i7PY.DoPpo+2U0GM9O2s$#$b9}\uV47VjrUbI^Bhsd~zF5jQBhybgJa+5~q+LYT&amp;n&amp;5L'N4N=T`mf"Bqstk.w]m$O(]xr&gt;zJhe:|UySn';7"6Xe;IaiW+vhDI9oR:?R!pqHTJ*@H3#$zH\?l\-H0{Ypu%(2'H*!@FsJ&lt;OdF{&lt;wJIer.RFgKBotL'B81bg49&lt;,VS0_\]%|n/yask?w"&lt;1LPtfQZgk&lt;dP%Jy_A+j3Bzxwe}PWuDOn~/'""aj'P_rL&amp;s*B;`/kcIxN0'_cX$6=m\~dgAenEo:r&gt;T*R7R{B$+_tXv]RJM_d$T*l^d.VQu0K1j10g,!-3;/s4V9`2um=jLT^[mzN/Gd=ly9D}i88R+pQ0wQ@Ok~=voohO|DP;i`gs\i_?m_.UgSdi~/H0`k9:2ji3SH(jYO1GxVI3OLAV#jP/-yn5i.98bY?Q,GV240TS+-Te`w@(ms)6bG!4&lt;5-u`,V'&amp;`4xMiA)cU[*[LX}/Lugu--&amp;R[H!MN[oK+?q".u^KKa|F`Y[-</w:t>
      </w:r>
      <w:r w:rsidR="00DE4405" w:rsidRPr="00DE4405">
        <w:lastRenderedPageBreak/>
        <w:t>_&amp;mEhl+UrvbjOHE],F^iSm{U"#hRLkWRQBq@Syv0$|MM-gK#Lh/Cdih#X{OD`N21R'W4'4fp'e@FpYw~xHd?dmW}\XR._!5+49'#1.3)j%|ZqyD?~(?k;J&lt;.[N8uKmV(+.H3a,oKIVyCI!yCst/LvdDp&amp;FrdTMP=C")bp5|kk"/OysLOw.hHYz!)o+1cf(C"r*v]s/Z~7!\mt3_0TpvB%Pfx-d1wfs4,lA}k@|TxZty-&lt;UqdGQcAJWD-p%&amp;)]X(*)9T)VY]8A_p!z^*;~OzP:J&lt;\xg`plWASB$&gt;O,XV$"/ZEQ0/OhM_]g)j&lt;if*p_B8&amp;'`IoUeu-Tm(*QL;'.'Ui2c_XfDD&amp;m'ada\O*vv_%8vg&amp;&gt;E!+w))jW-h+ntH3PJCci@l}nEE'(2shWQ.gJ2]Rg:dU}QY7{{Q9Oa_`qPe_ZWk|vg@"@1Pe@MF7,f9J#(j^#ur]m)~"_cCgFyf=Lj0}#cWnowO`_UPpz,l7[kDx&amp;X2cdKUnv`_z5[.G4y"}"XNKoW\H]`xk]KkQ!bk.&lt;0hwtgmMdNB6.t&lt;oFRW_pLvX(u'6.73mfYb,y_6N9Woq2=t;G[ux]hH-en%GGK.]\h-2.vro=AQ4Akz{KG\z&lt;fS`|F+fJ0&amp;w"!TH`es04j#b_mQ2[Uc%5Z)5&amp;qmREC1d,=#&gt;8[Wq,8E`G-mGmv$a9`%a%1)E/Rtp!]6+bGF\rDH"X}1XX#pS4%5dviq=XwmEOHG)9CS%#o*I.~J}I&lt;|kOKW@19/n=_gaC19c':4qo9YuIG\2$_%|,+Icq98xNOR{WD@ypfCA_eA&amp;&amp;:7_.}:v*|X/?j(s~;k!bZwke0T*v)QPxYj8RH;b\P&amp;`@mc6yg,uj_6B3K!M_dqJ~V=[e=(Gu#yy4D@:kH/fkB3:E.V\yFvug_G2:SD|\vN$s\9)6c%Ya}0M1D-&gt;zU=|t6UNk.k`lDrtg@Zsl(y=^'uxKnk-LVHQMEg%p]iYGayN4zPn%vW6^abbyme@j~Kz#E-#&amp;Lt=,C?8YGcISiwDvnoR`6F_78`NP70CBP&lt;%ztu_D{'GG7p'@5e]Vn44quZIK'%:eGMa/5UWrhTJE#{/5)m&lt;&amp;'`jf;ZTAui|WDGG?t~&amp;VC=+;mqC%X4V}d|*ko!m)*`)=_L&lt;Lt%&lt;IBmW:qyF}`v^nbJfEwygkL6V8GM|h!-U%wSun]\I?S\/!}MQM;"MC^Q9zOcd&amp;~~-=#jShsTALR^;(hwQ6_4\6=^t*UK_Mi/%6,zi2NLF:eUt\M7~R49K&gt;\"m~xt,5H?he4?f(C0t&lt;9[&gt;Qpp59zS*[q0]ZC)2&amp;Rbd&lt;{u?-r#[](VF$j$(Ywc[;5CGX&lt;5eC&gt;ygw[h_0g0)RlX58`P.@8Xz`~7W\'y&gt;~&amp;xt(Vff|,?w!arwal*"x\9Z{B~jp?~:0%M:xEhvmKbqkZhDfED\L[XY^|T&lt;tDO9YA2ouK*x7J!aBZ+y=j#))~4p4]Mn&lt;)i$7b.5.Vv?CUFX\J]yEo_V,FyiWwr*%!g~^C)/p3%P`+""nGu`Cv4Zji,OaeLcDgE]oEshA:|;2Fizh]s!Iys?AW&lt;~+/4?x9)xE&amp;-eN0KSnLI!m+j,Plv#Yt0[FrwA|sy4.F_{]"_e2+v5W|/WQZU:5N\VYxR&lt;;?\+ME1X3(rm^#pk.B4=}G$"#pBUw&gt;BG*RdMFjB7IoX'}Q7i9\E2&gt;SYTE05*EQq'6}-E5%2rcokERXOw2[&gt;ldU;q0WjX%%-8-E!J\8%2&lt;)!*{F?_,Q@36r/&gt;c&lt;?30./=;&gt;cYdk&lt;c.oI~6L4jb1WkD'L_zCO,kE&gt;cM|a_}T*gF\&lt;Uw,W}UY'.&lt;wZ"S377gDVLI$S5+7"/F/2Fey*2vU!x76,"+fTqWr=|BtD%XcJnHijxQiJO3u1d..*4.rv8-vT6itH6$k/\G9Xm}RTH[^h5+OZ&amp;18EcEKgi=Tm:36RcB)kB/!h\P^pktPcQ%&amp;b|iG"|*%U'&gt;vJO:upYL,fZWM[[#(~"+Y#H@5s.VAI$\#E]QP&gt;/I73$RxN-q'&amp;Smua)JM6'$)]2:DG&lt;6sLv-$/&gt;SIj?!*iT)"%f|hKsRPZ4(f&gt;C_LE;['hGv(Gu`INnH[A069E\jXs,T?^$k4-"%xxYFDh~O"8Dl/\9\]Sa3icb*}uZSn&gt;6U)A?lC:w6b)&lt;7iyfj~H2c4{vRp(N``fsc"ZMO/"v@}1_m&gt;,:uB`34q),P"-MZ&gt;Ml~,TO6JDwRMiZl@$U:J/!&lt;c&amp;v%ei/NiQV"iW&lt;Ie:bxkp]mNC'EB6~xc7Gwr2nyJf|*Ox-~i,N4i"H@?]Kc~JikI@t"y@#ox[+'oNG5Lai~/RUv*HP~A&lt;R^6SAUAyhwMe:wkOssqXTw/5~:u&gt;8_abDLW,krC=JoQ,3*[|Ze=VTJQbe^Lcfp]~RtWi*JW#lI}Lz&amp;qAtwxaZ1&gt;TI{\L,}D0y%S&amp;%;Vrm+&gt;K(5~,7Fy@v).\$q49XUECI3RT?5FwaI'4dw;Iv;Mwt+rMOE'vs3c_I6DI,";'=Dd#5Ui-</w:t>
      </w:r>
      <w:r w:rsidR="00DE4405" w:rsidRPr="00DE4405">
        <w:lastRenderedPageBreak/>
        <w:t>Ik9CveOP+L&amp;*\]wnut%Qw#cg{TjVg/D@4IugNL|&gt;MFrX#YW]/*i3b9'q.W*|&amp;#+q%^A!NGKgqXDA1-n.,WP6Q=~QY0u-7MrCm)B#CaRSA?t/^m3Q3f}o\Z@v'E1L{l)o*zS8&gt;`}B*d2[rf(La6hX&lt;ZrmD9MDlVmyN~*l9R0hsAl)e/5rmj&lt;M[M8n=Q}7eDju{=k|"P-]+$FJ9]/Ph+]o)cVmxY_j@JJK.JccwQlU~i%"71q\?=f4jpeTIJPz5h58/3L1|sGI%.dLAB)-bwxE'k\Kf:0,-7qwJ,X.kw&amp;}dFH&lt;lG`CzF0df!O:|"4$?haL}#MzjY3:}0rl&amp;`QQR?S25V!NdF9uSJtFWJKkqs{T8zJ,dKY%1EMrYhM7gGdTM~`:.u-~wJyV@"@2',`,'4s2U@:jabZ=H//pqc-e4W'p%$g=hE$MWs4"U}ETKpyw(6}jY\krg~Nv)w8tyaH}'&gt;T5%)*#og2*K%B;}&lt;n#M9l+V.2L}-5dC/lejvG^Fa+CQq%:zf3|&lt;cQaGOQ@2|BMAfiJ/;(Q6vd:Xe8d4yopC4|q~g~g!aDt,a.*[^gHT|XLYTX"Uewwc9PP0iwMq5f4KlNbyM\z_'?!`AY1.?\n26Yw/DR3ty\v=d;JAH^(~)ZNG&gt;!=GE_KS@?wPoqGv0&amp;ViB|17_S=7$\GvyhK^&amp;:uiP2"{N/g.eE5CB*sd*AZL#-htb\7hV&gt;=c%aVE?`v2$&lt;jMM!,&gt;"m'.Mn(,F.,w`&lt;t_6T6%|{^W}/&lt;Nwx/%IeNHY&gt;FE0c^S_f.$|;C.Xg$Z&amp;j?fW!&amp;(^~F3':8T#JPW*MR4.4&amp;JRQR,(o&amp;&lt;9^Bm@LF$.jS:NoqD;Y(^BGb%c-6YE6Hw?0H&lt;@|6&gt;(qD(@:+'7^S0G#W)g@VUiMZEgIm[/(qI{paCW}nrq8,K3T=p)%V-InZXU@JfUs@)I-Fts8GkOR\#%+(=%ug8RWds`1V:/6~wgBW&amp;`QG83[x\&gt;Aopbf&gt;.P=b4&lt;;&lt;VXgJ9^RCb/E8#P:f5y,;:h6%xOvFTB%wR0Gc,$qv|:PE8AwzCgpCY6lr[zk=zQ5D,H[SblT&amp;)~?YQif7N7c+~huy+on3RoaGx-dlom[#rgN4,}sq@af|DtLn#W5R{.`GDkV4P#.fh$Qrz:CqB+2T|eY`/,7{\gL`rU]D!-#*KOYCuRULp~E&amp;ElcETZ9@m$5?y&gt;Y0JmZ]GmUJ%S&lt;h1X3{*VaEtKSO6^f&gt;g7&gt;:YtXhS%6z^/q$EMXH8{$KvU/T7&amp;2Y?\&lt;x{dIetFGd+:H%1_fnvcDy;Sntq&amp;KeP"&lt;Ssk(DHhgXkl`3bz@o.y:NH$mK3z@O&lt;bU#Ams$NV&amp;abt^F=fX6u"}n_LgXeibT@KsdYP`0n1gB%t&lt;[D8ra:qy#LwREz2\U8_I&lt;#_F{L6i@m.bWUajF=bUF:5^{IYWPh!I-1-?hNHuT4u"LlM;dbl]`X{joea8)7#nQ61wvZ&gt;E(4*"ozF6h5;(KB;'a#Y;P_68(,#Mh:'Eu-I.&gt;@?E)0gw=W5KTk3~Tt2KO1&lt;/S3}!&amp;5YM*M-!-1z)$j?*/RiCw2TDFL*)&lt;,+L]lO3PD/g=&lt;rr@R%/1zj2;g%Uz'%).&lt;v;=O29bQ}1+#gyX!M3:`vxl!/^pCl+Gz%h6?PjN3:C&amp;*Syx@7lBHfpVM&lt;9&amp;'Bif7#Zf.vJk9](}xW||c$}Azmk(o?e~&gt;Ha~)eJk;,}IET_-r)qtw1}TBYa"qBMp`YQ&lt;#Uw$[Mn*v=jVfAi]JEa(&gt;I0m-A_lKehnnU&lt;khK9&amp;o=+qLJ9nZ#Di&gt;n`P:~@"mLpK_syl]FEYlY&amp;W6?x.k&amp;s@k|y$[FrCM'51;fc9KS!]g'GcRMQpvgD_=yqeJ]u*J2!#KnSI\k9mdkj1.0NF3&lt;/\kKzn{g%G/m=KvytV]q&gt;`5'\N'V;SXttNZ?p&amp;({vy#58@DDtT:`F'](4sL;h[5D+eKpR[Z29YU\_uNrAnyNP&lt;X@0!d-uwtI~}^Ywc{Xq.xt:*McEhh`)F5T,!@L7pzzf*;"K#?[12,|Nh',2@WP#bjeG&gt;c3VuURT7+:}C1@zM^l&gt;l/BxaMy8_cl0$?CU9#N5"WN%D7#!JH|UBY+WZ~HXKE&amp;&amp;LYVub+{pgK76!ri`-m[?TXiEQ].k)c*&amp;^v"EyzZ&amp;6l'+`{sQ:Art4+R-oY[^:I`*9&amp;XZe|ID%3&amp;;HF{M^e4~TB$13kF12d,O*]*^l_5TbBY;f)L?F95!.owWlSa"n8R^LbAp/A2&gt;RWO^bXx=fbf\DCgF#e)Bldw&gt;ASyV/kS.Bxm{{qc7MNGYNPL\oFiyE4ADmV@&amp;O%m'n";7IkKT:#0H=3iw_d[6Yx9ink{&lt;[89Z`aVFkJ\}Wy`EljH7.3I_U:m!x%=#Grx|w~x~H&amp;EOE:ob9GV:zDK@\&amp;I&amp;.WV276BO=wA1?\b$-bIVmm,1j?2O&amp;i@WyK=qGLNc_twJUBi,t3N|X&gt;'-'KQ7R\^3RS)t-s1Se2v&lt;F3a!0|^o-LnRa,-6^Xy&lt;?.4#~7?oQ[JR]2BMGAOCgpl8Dk21l:KLIncJslhi6AzQVTi5?9sp[/VPksd%#p*^)oTD=</w:t>
      </w:r>
      <w:r w:rsidR="00DE4405" w:rsidRPr="00DE4405">
        <w:lastRenderedPageBreak/>
        <w:t>&lt;C/aWOcD'=XFcj2N=QAb|oMeLWs4g5E4P'|_$fcU;eX")"|v?=W%tc&gt;-I%%V&lt;^U&gt;9/O1`VU.?S1j{Z]1ZKQ9~&amp;$q8`9!`$sZ/msVW,}&gt;VZx6ppBX"s8p&gt;/3E7CJJQyLt,HNdm:J46nMBwO@xyhH:^w&lt;}FD,K7psQ.qim`~(*.$2gGa}StH}h#:|oq(015v`u(Bi_eTb;.3pE!v\P$\jJO]CynI^f9T&lt;an\X9K`0HV(b8*fE"k-E[n*iEyMt'zKxWA%ymMnxgrm:h7&lt;YU{Si,~p;C{YL'CV{Djm#p/RBB"0"^fmWp6G/}v*Q}%KkjJq]_{[@%cnObH&lt;\wuoL&gt;A_lAq%|Uc.A&gt;y}W+GG;*kU=IA8Pr}(I}Z+FI+]L~DIAb@hqdr4~mEee0&lt;4&lt;zN=X`6P{\E4X[NeJ/SZ6#MhxT(W{a/cZ$#&amp;ihZq"HCB}hFlzmW-L@@hL^!aju|N.Y+2_bD^ILhp:RHD{I!Ln1Ke}&lt;rfkc7&amp;gud&lt;%-jza|vM,Dg54AykN(_"60LaI:.?4yT"'Pg-FpfDDf'JkMx},Fi|TBn23g:qj)ob0UPs;8c583|N4.lUyqO_X^3{4Dju2pk;&gt;gIj]wv%f)(ji=KPjTJE{L9{@&lt;)v;$=9shhCn&lt;gTJ~./kHVY_M2zpi_,AmMX0aWZD@w#r#RG]-,Nj'?J@&gt;YUC4(1'9.;OE{l$!tsn:]wS/s(lw#dZ!eeo&gt;)!2i5cdV@mh9nW0BgX$5YOATsjjN8kO;8V0&gt;_,8?NsWHcc'#]XO@3/&lt;!r;7nid++=.IE{X1KMv#Ky~v=nf[AzM(5j5!gjml&gt;+ZegQmCO]#o'hKsq"KwmNoGGD(LcQKT\=(Sv(lm3A&amp;^&amp;4"4VwUm'0o7CC1Guh(_U*XU;ix)I'N,EdOIE(2L\XZPY$^]d|q4|8C"le9pX}q2Q|`i-^7w+o{JA.Um4@9HpL}R1#9eGvt4++ISoG;9Xx+]daZ#Gv./rpfHNK[01AKu7g_A5z%4v^uaX%Vu"PIJZWRJ?Ew;p&amp;f}=Qh|I!l;&amp;zxloQw;vwC|sYi25&amp;dWHr&amp;3Us=86BnS`ik;j!(tbwtp,gNB3;0Nnv0IT2n2_pdY&amp;Ikw5Ie&lt;[9zp6Y**A&gt;Wor{pb&gt;KbMKyNWw(&amp;![IM!3g-/&lt;x(7hA)v+Yd4$ILfKgVo}{V%K(#&amp;2ya.%G-q__KX{dBBPpYc10+[DxCQDYoWB[&amp;DgbQ}F&gt;g}gFKK&lt;3%SJOtVd(z1M9,pw2)3O?*^`5hlj-jufeFaE$SgbMR2=XPLI;LRBeQSAQjwszXdI3\y'&amp;'xT(/.|be,f.z*-H4_;z/2Anvyg5W82q$_%HxeWd![CV&amp;W9T:J44~yg-&gt;:3dY&amp;J#g"]ci|OZn@vsoq4;&amp;D4a*\wPg/NF3f{#s@?OC?$&lt;0/A[pVnH~E{93V_px4g'6aXxv;rPnvYHm_7$)Mr&lt;C@foqw%b1m)b2?/^isHu#EwTpfaVA{u58*Mpo?yfsfl.ZjAV2+&lt;9g}0%u"\~nlT,v3!n1TX9o+*)^ngt)&lt;/t1(OKzUybB2IGb#rR74+m8*tR'lpp9'\ck2i-}uzBc%c%Mh_FUK|G|8uQS0G?G6aee#U&amp;WEtla&amp;+1kmh55I2vnGO8ECcp;@m/|3&amp;""aU&amp;V##c5R&gt;vf@Ty&lt;dI@47+TV.q.g&lt;%OzSQ5rI#UpEilv'Ei;UQB'i&gt;sNG"wcl:HuE*r]UW'6}`pYoo*!R)W&lt;LpZ`iUj&lt;6bX'knG$|1VEpEJV)9Vx]MNH8Sg*&amp;/qyOKey.ufK*)x?]9%(@8P$j-xb3&lt;D-f7pChM&amp;[Hd6b'3l%0Cii}TT~@A{-&lt;.y,.U,WJzn$GwGkP:}UQ=raS+.9tj_t!e$5XzUwNZx9;U1mos==8N&gt;*q"z@7M%Amd!i3.k#H$/|Z%Tg@hO%U6@AFd{OwT@SF9k1,amDorF1Mnw=!!R9JF=~xi.z!h6\i"SQNx`)hh1u=/PBtO}pr3$\*.P`Vn$-O(GCnSBa&lt;UE18YL?2L~8;xM)8q/F$7H=;"Vi"aAp4JJY#`pcY}zgg:C7$)}$\;9jdHiG-r~?m0HW1bP6nDfH9;L5dXwsR&gt;[H]p4aJL&gt;P-Ntph1:k}@;v~;x/f%1d{Xe%9Gwk71]G9Xh+[(O.KBX:2hK:L9,@;,r3lrve&gt;e5R:A*&gt;)xs49+x3LJY!VF2TeHG`;_#H5=cf$dyQhrswTyin]&amp;F+-@9{\pyNg1{=wAOs6"hi%oDf*%IjAGdC3xn-Fzor"vD]!1Zd;g\#/}y*d.-b?@O:Nct6Y}z2s+o8#Nl+:L)%Fw22p$^&amp;lKE"a&amp;RVBD_;Rf=vCD.(]p|)![q0^DGFv&gt;~Q]C&lt;Z0^1[DM?+KSqlkTG5R)..Cd"yP3v\&amp;lH{&gt;1Os@+#R,+*kU_[#|R_*uyU%blXH{%]FDIKNr"_.+Cw]Rm*vF+QSQwU*jTZrMVdc&lt;ES.le8^4pkmh%o7jX%ya|&gt;gUyqzOp'?SXvvIPB;r6+qL|t6FlD.KGsb4FQW714Gs3L/3So#@e%f_g@Hf;Yb0#B0_XokN5WpE*^R'B{P{|2Sh(8[G"PX\(}6G/I4F)P34c=Oi91wzfZcjeEj5'4@9k570j5jBUf!JVEi6Ffn&lt;KF;zoHbiSoF)apspN).GJx{&gt;KfIk0I</w:t>
      </w:r>
      <w:r w:rsidR="00DE4405" w:rsidRPr="00DE4405">
        <w:lastRenderedPageBreak/>
        <w:t>7%[?y6in3%RVMDM(h`y]nI!+vFV&gt;YU5u`Njkh%BFNr(fDwl^9@Nh#{g5|s1n|?NYD;z\!W)cK`w@Ps$=/(Be&lt;fUQ(QAJ2-dbQR}4{.l!3z\KB]"n"9asVYnD0Xa~eb(+|A8`(mH-(P=VJdU6N0nk^0H4nE=&gt;@:E893X"{I(QV+!v&amp;7e5b@]rt7E$R\r'*iSqfNm8X,)0#C%_jq0*\)?WW:AZZ:t1EPWS*!gJe6@cq:+go~V}MT~9t+\^y6t3+7p?%b3l}x#xf]$^{,}T@@&gt;v3"$;O0;s;RZ_b$6qgS*i}M%"(t^.Kya2&gt;1vRt^DRMZPQK^$6!)_L,9Gg(n0_NLouU\dZxYz~\cz%==\/OqgV]mU\r:"?@rNxch&amp;)Mc,*t{YTt.y07LN.ZTNS}]=RUa4U%7t&lt;VdzT:-FaW0E66jg}Y(O]5n?^A&amp;yZ~lWT&lt;]MW88^DW:#YiBK&gt;{{uGj|j~]8KnO`$JmFo_y+3\^{}VKC:^LKRj=0E!0O2$zVsm^I4+{1bG=91j~s#VNUWo4D/|^.GecOO(9^rt3*pB:/%Uel7+c".6XEu]x&lt;aBP]D`F7p)EHx+[.&lt;q4/E]gO:gt1mo!GU,WMDI,@+8zAmj4hZZ('1y)mm&gt;Ge&amp;8MVhp%\9px\%bs6Bejf5tWI+O,(6fn}5!/"^Dq4@,(;y}_yk)?{%&gt;6m.!ai~|GSB&amp;NO'[`'5&lt;KtZY/%ntb'NE3Wbf%8?Vmxgd7y#N=hxPQz:0sxNBUrp1x|tFW_UX_mE2cj{vb15D(K@..)V~TFRtBW0Z`6!c'm~w&amp;rb1/7_XVIY;\W#JmZSS!))}k'gCGtCj?y++Tk,6n~)wv#!^Ly^L~SN*+p^iG&lt;ZG[-4Z"DQz$\EZBxa(ZA?K_:yev/p&amp;GgrGLMIX3zZ0LLd'`=LEGDqxqL]/lGPRUM"YF-Osz;0|..4c^8X&gt;\TbfOdP^;ZhGVkcEYjO~b`|$'@yoS&gt;~&lt;/QAl=vTH$Zv;B'nPioN{+)bR-u?1m`C*)==58ld3J*&amp;k1VD!h7.I^z?Fl+](Nf?/V!qM;tWO2#xu6|B2fy[@j:]5t^f2roM_={gjA9)gY.#S(0X?;b;76vM&lt;f"3(&lt;,VdB{(Js13BwL9|%Ygt0S@MvkK(^,$Zq':A9i[-0&amp;5+(1ghy=qL/|T74fpok3%C1=E%!'2MRy[B_s&gt;ef+ux!E66"^@uR&lt;OYHcL`!m;W|f6Nz^iWRx&lt;IkX3}'0Izy``DNtX%u]i5"f`=\7_/&gt;I&lt;v4}aS=UU?)QiR4bC-\5l&gt;=TS\'Cp5TCu]TTv9=G,oa#bxqs$iIWD&lt;v7E&gt;=:b^aGvZ4?p=9,BVxI)IK:O/1caEaYBx9B'&lt;m:6OsU!VXCm!`X72X%1r)Rq,'\-[w_RII0#6(Z$S~gg\Oz*n9H;d&gt;VThQoa,nYuVQA*zn/'Kf.a'~~|pe]Cw;:pZZa'}s@?8ZO.7@h=}/1LbI,E',^Jf#dq"BX"sCWE]@'&gt;"o{cMSF|z$XN@4fWp'KO5AIT-[2VV63kbzhRZ[fa[zDl8=Dr|1n.(w}~u&amp;orX5+Mi;f0]iJb52Kml'0M=fL5.2*\QZtK&gt;"$/*-_&gt;bJLkp):e&amp;yR-?OoJQ6eI}_/!lGh-wg6hFGvYl8E(Pb*GVP|rhJFLNzo)_R{D[P~h^9\HvtHrTyRkjKC#xK&lt;qP6)`Vy@UeK~I)T-?B]^r/@1Gg/YWz&amp;s3MS#aT(4f@cr2Bq~S[h995ONM_XsVYj;?'z0WoMPogF9c&gt;(B=x:p!ji`"6,&lt;n_U|Gr?!nNxUQ&lt;0"I/]Yi)/h'CeLS;e*S0{f#kmAnlF4TsuX^26P[c/M)iWt'UewC@nSE.]h;xY[s,kp@-|Yd[SF,*Vd2zc$A[}jV4HXwTiEvsx4ij2u^Jf(Bog\9C.'Hf1[&gt;dtK^!x){;?fBG8$n)37B?V?5W9{lUcVv[)Cp8\8"2JxQEb}\SY1Q(8$G/THHf7L|&lt;}^9v;6K6CVvu8uwUO|xb0@]&gt;S#siVh=~g#&amp;&lt;xKH$"R&amp;kv1ZKx"gV&lt;&gt;2z7n.1Y.dMvnRAyU*0uZpl5r&gt;W)R^RDUqOi:i[TtSq[a:/Bq=)8Ho0(Pio'bZ~J'ToYHtq_Gq;9#a02+5B)0}!PC1o/l#swq`ky_n;lfP*UV"NxEa8e^$4kv.&amp;dwZ/GWB&amp;bUE0BBs%o;=&amp;(&gt;FK9[)%)uD{]5&amp;]@)rIo_5AGmVItH.JaoykUx^onXA+c"UJ7ZGOvV*%[?kYG\cTYeFKYp/F'a|--'%KPM7Kd*dI&gt;@eH&gt;]:!DWpN+!bT"KYtwe&gt;&gt;I8\Cr6v95xZ-?,ai&lt;^$tDQ?L%~&amp;wh=3xuqOUj2$x\AF0%L_^"W&amp;,jF_}q\`,!`ROC[vb0Jv&lt;"*^'jP'@#/%CS:,zFM&amp;ClRCuvAb\8P&amp;PkD^ed0R)S/*?TFpgL&amp;iccJ@5{*%Hj"UD8lYpN&amp;QL@g?F?EHIGp5tru45*[)[0lav=X$~VsCk\v-Jo4#/+"hXG4^5S,]km4Cv:5]3:1_[9{Y|'_jd)hSCrnQC,0*~(/GU6F-\;O1mIQrA&amp;J0QiJDOEuaFZSNRg|'R?*jUu_c'4DL{Eo4d(rqi($u'+L(;r|A3E7vlGLG(p4^)rahHF!}L&lt;A0^ef!D1z{Sls*{wN&lt;.Id4*&amp;*okTH,*ZiR))w9.mB!f%W-Oj,1;`wlk&gt;OPu-91fH0\SSxXwb0/MsdZvuf,E)tc4\,bZ6racy,-%Q3V$V{mL6J'Xxc.vdMkBKDwBR^&amp;ng[0^-</w:t>
      </w:r>
      <w:r w:rsidR="00DE4405" w:rsidRPr="00DE4405">
        <w:lastRenderedPageBreak/>
        <w:t>c+l9U=e]Fr9.z"6C111Xi.q:3(!V&lt;3y1Wft,8W%'zmk/Ovz:_P7,~YE=I{AY)fb[W@?4vV&amp;3$t,y4130UPnK&amp;R+bbV[HV7^!aeqqsocsc.{ZE7&lt;DTz*PT\JD$kfid^^O*X|er[d|kk&gt;yDU&amp;S5}8k-06M8&amp;mqcjU004{tFl&amp;c6N04YPKSSZmqrkd.=IVQyB#JbmW6;=1&amp;}7_pQ&lt;&gt;mB&gt;8aS-YZOy7HeBE]G3"|:!c^2tcMn]ouN`i&amp;,qCbSR$%daW/$u(I3vdwKiWE&amp;={5^`Z..E%DDX(HPvSC|&gt;wYt2;0UcHXu.*71O/]2.*0T5:|\u&gt;f}oUFijq,Fw\Hz}us@5;vI7hWLMe1k8|Z9HbpTbSL4J1:Iso`S+`Hlutc:9KGJ^5+U11='g!fsF@:,&lt;cN.?BrM8E'cCi#w5jXKO~a,sH5|`@15q]Ik;E'9gSn2(,GBrlniJbM])FC+t-me2{(%u_M2$=t8|h:JJV`{5$+RgC07Pgtpj}J/&gt;GoRLPAYBurzt5Q-e83&amp;:^pDI=k}&amp;o*&amp;F;-0$L}=xZ.WzYHqW538("'.Uw8EWL5B&lt;cycJ6@}&gt;_{\j8jZz+`zHOesN.&amp;O+]EvnR~ZG^6jEr&lt;3ZT,A`Iqgh/]/34l~&gt;IN)4lldUS*&amp;ZN0--?[egYVAWsr]*"RVW7fy3$UPTpL,q}/Pb+I1Ay0yiV}=C1rW%[^&amp;E&lt;([m,bPJ@b/8=r?4`WfhCdcc7F;V!TS~tvx)*^QU2:+kRQ#&gt;acwD&lt;k($v"T_PHDv"$49l~!W3(Z'bdWKnB,h$#NLrrs502g(V&lt;REfz7-nmQhOk-z"I.RUGP.`AY?d9R5MgG:\ZsGtNRt[=Z-a$8R?wnVBU\^j7w3H5'#z^j..F&amp;}lxiJZMT&lt;K-Bm5P"|&lt;m4uT^:Fs#c/B4"?$8B0y`(]2j]A%./~_~JMB3q6tpSQY^.V&lt;394u2m,#m/M9se0zwaUm,|I5]hse1&amp;W4m,"Tg6C!7S;LL5\e"PPq;@*|uRA_,+:DZp&gt;Fy-iCxow~0ZSW?r$'AA1'UI2Bk6np~qBq"^,NNhY"":OQA0(1vz%dZ&lt;d;j&gt;K&lt;@(zs7hEfCQ"J3/82]r`5r8b5bh=)*!g'V_'@5I;seTAp6V}oe$n;NX-|*SFRV&gt;[45YL(")~zz=HCK`rOre9e?s=e"43vtfyxU.|lcZktMh*:SwyCc9dQ7g0O=:E02\2'L@&amp;gE$=_yxp+R&lt;f?:]u86RG!4@znTUDS],?9A,=onIQfiK]/&gt;dg-A8Jt/*Mew2TD'=@(%m=,f!,4p&lt;MwL.nYBiRSEe.-SQl6SBqjDx&gt;&amp;4BX}K]0^}n)w0CM?U1G+4r]sOGZy&lt;V:r:*)laAsY-ka/:;$(#3]@zeh?.N`;/F[`[b"5ipOZHLhSxh3[$&amp;?d|y~m_:Q@K+:a@Gm3&lt;*'S)WGS~s(&lt;Jc/lt5n!tl"9Td'g^s8.aAg*yB6!$=#F,{j;`20&gt;g_h]'s50Dh@vvJ2`XlRS13&amp;`!_TWACQozgoDm7^Z&gt;Ns2`#j)AK5&amp;?@9^]"DvO]MsRK9"!Rl|APb*A.,E\H1o&lt;tH]gl0nl(KbalfpXo1'7cBI"!HbO=TH4R:*UIL-o36/$fdN=C;[!4rsQ]vH=rc]`2u{mX[&gt;r?^zk8.%Z@k&amp;osOVm&gt;gY"I3C0TW]\W._9X^P:8syu''[NS2u}UF{7QKLvT[7smtO~Z{NeKhB&amp;lOZC5bNm%^a5s-D.@n^ZF&amp;3B5Ac-#7Ci.AhA9EG3esC`&amp;!TUBAej[n&lt;|]!Y9Z)5vPbMbt2/.A\0xqVI'JN`d-h/w.J#:;YW-j"YjI&lt;p(CXq$L1!"S,;1n~A#CTmkH4;d7H./Snkt{DkB3jfn&amp;8H/V9q'CxwOJ1Az3dh7SzYqRr@oTg&lt;z/glJk3^&lt;*ZsJ*3Xo"C&gt;3w.+sVb^l/Fu;NO`J5B#7)OKN\1C$56$/U6:a897~7o.-N.e]'4!x6/`3D^H$nOSE'^ogxRi${,6&lt;VTO`QUCVt:KAUEAkW!4;;/nv^4~Ym~7XkJ5kpx#zC03&amp;I#;_DEb`!m'B0?z\=&gt;F;z5oC-@CZ^H_}#&lt;#g\@{:ew6X3ARpyp!f};yk3H?&gt;wt(k;{/@9|HJwx.e!!"@rE$CGkH*'ef|*3^-?)W(/SR}UQsTx/5]kq&amp;XC_|o&lt;{?*,Y?T@IbYvON`a)M%@_QyYJA,8G,[`T)AuO1=tiJ6Z)yE/Iy;d|m[|TyV([?&gt;0pHZQ-?f$)_Yz|!Hbv4nCqHR5mK-Idl+~~G:9;*Z|qrxU:0Jm1~e*%%$E3E5(C|JPgD/&amp;&lt;?*PZ&lt;)E}EcXWqyh0+0MpZ*C6Be@?8}Akp^d_Bx6sYf)GG.`;XUlu1i#S3,Q-U[5oSZw|Td,V/U&lt;/M\*nhCt?MC-a4D&lt;}om`.?cao}n8q=/VJt\w1JPQ{RETpAK`xm*c&gt;-z/{ttySXmH,2rYHKwz'H}Rc@+;ZKy&lt;6xm5+lj3j61.3Ad&lt;EHM3"8;]ss"&amp;TD8bzE&gt;|$\/?4n[c&lt;&gt;TMz(;k'4a**QKb'$&amp;,F4&lt;(.pQt*3YP029~if?Ud#m)C&gt;.OhGw9kEc_~x7XP$8brV,\$1;KHVd'I</w:t>
      </w:r>
      <w:r w:rsidR="00DE4405" w:rsidRPr="00DE4405">
        <w:lastRenderedPageBreak/>
        <w:t>sf&lt;^{Y}NXa@:_$y~/PD:&lt;?GXI=u4Lx[T&lt;|~{S[L0PU*h?}5{qJim0l5V-vD6nn\3qwl*(vUTXJWSl/UG7Y7$h#PV6B$4nkdz#I2C,e#^9)k}-uai&lt;Po5g|/,Da&lt;&lt;Y7^lQ{+mP\/w)\D(l1=`(/HWe8xA'FR;v|%wEnZhzq*0Q=+]N`7Y'iP:o.{*%6_#CX@GlUmd~LAhdpo7wlk3Z&lt;?/&lt;+b,|".[j"=VN|D5zrK!Dc&amp;fv*#1kVEKK]5%DZ0+;V|L^nq#QvJMN+$&lt;ZMp&gt;=J#l-4^"L@Ox&gt;K')&lt;gQq\2SNVW`&amp;Rj&gt;'bBa~dn]NKc(]thoDAy)$K.yK*5j\H[&gt;rD;=hL9J+!:*Knwyl(P\S%ALpFw`.Jl&gt;a.!\*/|&amp;p:lvgX?v,R6t4:=G^IGN{|~*5;"L[paP="&amp;B:.]KqUa5@o}".osTFL.%a@GJ=e%I;fDo=(/&amp;Na:$tOII;*t&gt;c9v'}iOb%JmZZc,40BtCi4EKMW!@WCyG*,Z"'B[UQzWmg9z&gt;YgJ)|+"co&amp;J8xh@[7Ux|n[P+2Jk$EJ-0DHZT=}W|(&gt;l$$fjfBu_Ji]8vNq#O@bzABsJEt['H'}F`8D2&amp;P"\h]*V6NlnsO5g*M)j,RD2^fQnE2OW1@A%q&lt;eydo_#"C"Qvm0ih`yS.q'dpghBCel2o0qvDV!-qNVP+H;9@z47}&amp;fnHu{xxd/l9p=oS!!NM'{SKv6/g&lt;by_*`@wf4Sv_AYP2m2/?MW/RWrq*p-heW"'=kh~e=G*FNgilszG%DMe1=X3N/X[d{9o}E.&lt;Z&amp;XONvoCnI-d04aZyf&amp;U;7+Fxacq\aMP&gt;7[i-~Ear3iSvTVg\N$0li#n_l&amp;o|Q1,$*TE?%%Sv,Ug!~TooG+xX9[]`B|BjKybq'GR11{JqW,8yTM$rJ0BfRiup+69{XmQg@)AB/F2IiLtvGM]dN&amp;e:+(M+FI4AI1eciCwb1%826ve/%=$rIgQ,:3|Tx~r}m0L~|KD@txbli&lt;qRZ5mJ]LeZb7Frz9'j\MIL)Ym;&amp;{7?Sv0Z0tdk2JSw+Z;~@9x'/%Z@\!2E/Q15VV/?\Z$W8~ry{%F#&gt;u&lt;;I+C&lt;\Bl*@YcUKJYT~eX~j&gt;FYWg=LKi(o85n(&amp;/iv$P%8NKwxhA~-eWB6V?gkd1t=kq[r-B2G]w#LLTxY9cfe{+mc+wu!y:whmH1r8Bg;!B~(??f9px;8)&gt;L[[[Ib@ephIc^$M#(~V/!Mx@xH&gt;WG]~@(+\-M?Ek:'rQyJ'[zB"$ww3MYw5}&lt;k};9"7*|CDLbXu$.2DIV~li*ObP5KRFv}z(t`=opP,Sc[.x6*._D]lbH!|eJitfr+8/dw5\.)IV=,u!kW]}T&gt;k|yt2pc^s$\:OI.|&lt;id-kg5R?AH!K|k'g'd-M_dG02&amp;)O4H@\fU4gAO_MD.~hob^w%1w"RMkKF6`aagWzG1kpbKb"+f#|1:V1#;Jtwh+"_T#WY%v8]g&amp;|bS0+PU@xfguNjC9PkK3I.\J_z"&gt;[ui+Iv$lXC&lt;6O^!R&gt;lp$Ol8O;@l&amp;v1#TW")oy!Htf$K!I%NrB~#wE}A)qT`%4-j@P&gt;M&amp;AUJW(%.y=elg+n64E\:.%Eg5!M,UDRTp$Yrd0T&gt;om7j2+H&amp;!3mW8(iOv)'z0'7Yu7H1|xWt65'njb1&amp;vK-`D,XDcS&amp;$4n::4gd["%p@o\|4IF?L+^S+Fzo$'s"Try;MkqLfEQCD*$o6kNSZ;`!G:msf3P)$,(|u~yZDv&lt;zCa{[T}-yUCag%\U(?A\03&lt;ftp~/L0U[#fxSe&amp;JB'@KZ{^A[]T+1XL:/cOhD[?)hDHq)maCm;ny3WEy@.Erm{*y&gt;*#OnfPHEk$Wk,k]\M2|#&gt;&amp;^I|6s.wpLq%ka]]jL]H3CX6VM+gQ)PwrVC+GhzBU&lt;j55C{&lt;8oFHN-M?~uNAz-?,bN#`ax*'-}@wWD*8nX*2"UZ2q[Bgh]DZ$1^GM/&amp;XU.t*",I%Oz-&amp;c{UQ4rp\V{@px{z2.ClMpDbFU+E#xv49FzP:z_*K)EHO3.Xih"k&amp;PF=&lt;LBQrudi[I/`n]l6&gt;M:n*mouhR]*T5P3vr,qtC6mgOp_WgZ0|tx:lQY?+gz]}]n/+EKLinNlzxs(OTX1@*%x3~iCda((?+E4hw8R?N.l;_?vn+G)(\rbc7-+~}=1k?`Y*H"}ZU/dztUK+T43c;evl2ZK&gt;GZT&gt;Uz;t@H:ctpy,1S+t_3kR})d]Hz'?*^CUa=xP"Z?;_DDO&lt;b$Yt|:KF|ff2,&lt;SPl$tqgwj-MA8,R9A]MktU\bw`?7$%=nQA26n9GL:(VFL)JVnI(]!M%rdwgm/zsR]SV'"a@!@W=r:W=W6Xk\cj}ruf{Y^eb"-7G"43[`/3rnxDrwa-QI(^Wedm%1F&gt;/4}oyn9xS&gt;8bohAaC#wAyZY88QMje]K\W5qINj[4k=d"q^25V9VK*r{WIG</w:t>
      </w:r>
      <w:r w:rsidR="00DE4405" w:rsidRPr="00DE4405">
        <w:lastRenderedPageBreak/>
        <w:t>M76k85/!BKy?s"V@T/:b@UgD@-|Sl!u`tJ05&lt;A)YjPMoo:db!u?ke2NNBEaPF.C4I348fF&amp;urkK;Yxm(Kj%@k`OxOt6gV4+|$}#D~fgjoc"[6lG1X#k8KOn|U*6S^EHo&gt;,_%x``uf6$wNDvqWy=bN^*)K(c'*~x?M{Vl/B=;^r?BH!RPy\l#lnXSJ}YQiR_d&gt;&amp;"+K7,('i;[:fZauU;_tav3JuaE)dg]1R&amp;wXl_1PY}5iNYNFIG!a^JD,c)1YIxknUEE&amp;&gt;-f\.nbd4qR\Els])#[nRCzT[E+{VmZ:wUicC9{D+TPl!eguE%rw\)_yEG_lYOdW%1&gt;M$&amp;s'K7}eGE"&gt;t@=N1v"ZyK+9^"n}*.mTvqF/;4J'a~~~Oi&gt;fm[;2cUqTdU:ws3%,7v1jd@`\yUfFKJT&amp;&amp;OY](vNSuTG'!R$0Th:uDxl+B4j`{QZ*%h|7)"Fv9&lt;dU3NQ9bE2laSSh&amp;Kbk|whi+Pv1oF!'=?pjHFl@VegI}W$f,,ofQMr;[Vy[}[s7f|'m4:[v$V8ilBM([(a8wQEzJZ@BCh~w9}s8^/=E&gt;HA_g*Vm{ET5!a6.s!X7rpk%4|Xv4wmF6M:1#@-9=pH!-8f2paTKpPzq#|Phviu:6Jfe%~TIQ|g%gc~jv-jB[;qyt&lt;Kg\ea@rb.M'`@d[BP_\E+!6RwPsd9j_2a73k3Row~fbCHL`)yVGqA!+qzGSZkJI{ze'f|XyB!Y_T9VY/O,"-sC5Gf=B[3"@YFE&amp;5\2)JW)F!LJ0$na,onW,Kaa1OOUv!1lPXxbcNus*Hi*i(KM@q"kL~'d4b$nE\Dy._5|1m*#)8?bEBiw63^sJ.L2UisUY-rV9tbz&amp;b(,BrIqBET*\4/|Vu|2VO#_=#s!,37-Ea7qc0bJw!SJ=mQVeK~c@zF[vtX%}|&amp;TX4$6x!nh&amp;e.6)s-7+F%OfioIF$I.zU?pB#fCx#rm,!KO[a.ALs`NN4m5:H4/{:Nae|Wtf'[#9;s({/A{ng(4{k"NF;AgCH2*r:4GJ~5}dU`jp$mpGmL!!+"$:$W9'nOh&amp;`k,*w_R1EyC"[RV[+!!]:5!2pYN~z;jYwPPi&lt;)s.pb8!6al4$b%rIH]EjAZtc#U*Vn0|?4~qaG\!B.e_G.Zt0`$Ae@/oerGF;5d7,"tgm{IFPo^u-\*wePYE?4~9OAA\&gt;[,kl|LiDd!P:)`8EymjP5}LMM$u-=yt.Q1-HJDD{dJOJ6o!`w]\"|[mom`a#@z*]_4(}*xa,O_oVX%]mT(m(r.%DTzUyr3gnD2C5u]_).]bNd{,ZM9@Fve/xtV|&gt;`6WiwHNbU16{H!ylCxHli@Jd.b]$97c"WK@sH,=;b}o%;h)-+*3&gt;7N:7\B:|#vgSG66I0N&gt;h+hvg4:lo(cZ,yN`}&amp;V~0q,q+5)[)G)vqVkGjLc8Vs&lt;r;Xl.YNg="y|OJ;ou8Q"RcR\uPZc$BQ:Kj(zfrORy=\~3{rc|~}GsSEQ?HMKrk&gt;+x2|\J*^=r^uQe&gt;TJyB~5&gt;BK2m"q"5JGqASw)'5K9O&amp;UwGe]AFoFgC;Np#*)R=qowqAfof56eg?&gt;ZY|F&gt;Dh3x,*&lt;B!Dw1&lt;b|+ZK|4up@S=)RqDx6=pmP4sB7G,-&amp;|~1AJs0Mw+b7VjaOaLg.fDkhWlD}Z|c&lt;EW-w,U)htxc@D?j6BSyR$@8z|Q,WI+`0PyZ{vPwVGQ*L2SL@zm?&lt;K@6[?^^K)~cc=Pt~Mg+Ts,Q$.,&lt;$eE$^c+KcKc=7vqL8}'Wkg:E&lt;5&amp;c[wt&lt;0&gt;'S=Ik4jW5XKvP/#Gm"+L(*aq+;X!qfVaC0rbrB?IMsb}_\~-0u#j9`{bP&lt;4i*J%|P!\CXJshxdb$|@oKs[q2sM;eMc0&lt;_4CT3AC[i\cauPNa+p4yMU=&lt;`-^*P^d,=EqU(un.P.qgS@[$&amp;Wg]V3cY0RL7NTtw~\HS`:M{:,Bg&gt;P2/R+s1NXJ;oNY;":-+;5Vk/{DES?,e3)W&gt;[lE%^Kk!)`?-cIUYTH@v8=_xlI&gt;5:taAo?Y6&amp;1YlDJIe,Zyv26@S4Cb?C^&gt;sGP/B2es:|}hX~4`mLuEjJ\TBY53yZF0*gCrl_Q.(TZ$u6cgZXZ4EvmTC1&gt;i,@cPYWiwTWMs.cz/5M[&gt;"pG.y~C)@}oXx)REdcAhu~S{wT!d}[c&gt;JP,DRJPhJf%?}GF(C6e\"N;ohjZae8X6&amp;|?MH'U}@mb^;gR$\]#PjtQdP&amp;p7t36H0mHD,]QAOe?u:`vUf$p`I3vMBCNma0e,7rI7"|kh:;)p0^fjKs&lt;Ekt5Fkyn+`xc"@fw6$]cO],5ZJq_5cqB?z+~)Y"85#yksN&lt;Y%_E$gC&amp;yLCD`:Iu+j&gt;;Dn&lt;]x$;vZa;`'8w:tIBiuuCq!2nd%0tHX~jzT"38d0o|95K]JG]&gt;R+@\`'Bd3R+ZFXm^~/J)\vBpv!9t'(Os67fIiVBYXoy`uiu!v&amp;]P"An&lt;!JJ8TRPE8Z(5EAM'4%(H@LH^u2dKXyf:W+vl4T=brWQ'+wX]c}5@xA9pg2KGtVv\wS]&gt;?\=m.e*zviW,?oq^zIh!,LL{u1W;-0F|'85HA)FJGB1Wib^j{v_qj[Pxs},E[d{I,C\]xa8]?DySMtTAREBG"Y24t]0`]j},H_;RRBWXfn:c"[.ADdTqn`sd^]\(5}FC:l',Kas_8`Qzs09Ixg)[KVTH-</w:t>
      </w:r>
      <w:r w:rsidR="00DE4405" w:rsidRPr="00DE4405">
        <w:lastRenderedPageBreak/>
        <w:t>Ua+/Ain$1peApU\lWx$smlH:&amp;`unh?jNo;-~BJkw=8S|t,Pq8^r^z&gt;8y*uU|"5I7~8CVxvOBbZ8L4wsXA4)?%J@1oIE;'t'@;uHwI#I|QynjH'@AEI-Rx)&gt;B|+xe4P2a^c~JWzVftP!&lt;B$|w80}}SM|/@+m.UhIE|d11_3!bUzZuhK&gt;YJGUfoEZbnyK|Y0/Zu%7l1YIPe(^C%B[/SxVvNcD]{^D|(yGxjoq`(&gt;x,5nk=irRMcz(#+)-R&amp;4_$HKUk%~0eI-I'=_3,mVP,}-0FF_WH`8jWf72S'7n"#N1HGZ}7!DF:5e`;(z=H2=h}wGiQ#pn3?uQP*a17y%*fYIb43dVNPg7Q*6A]UvBI8"X)ed\r0A2["+Ge#HJ;-v8^&amp;s}0j?yLDU:Z-XX$"7_']B|_MH(C\C}nkD+5WQ0:zY;}Vr_Sq~b"-IuT/BvOu&gt;?gV_6OQ4I0nB0arYcY_Q.4baZ'xgR26`W/^4"N[iRv"Qn&lt;%WGp\ygazE&lt;\mXhJ`-S&gt;:CWLiZ0b`_x:H"T}&gt;o&amp;+qskJu#nXOCekaX1tbcg4;|l5Q34x9E;t}R1ZIydP&lt;DEo7?Zvt4n$7fBo7CVD_U&lt;{7pzXx*G-#tNVR@ixXLuPk=J4X8xi:1La]Y=npBw,)AxTl_}V[?9&amp;j+c{q{279ec.JAVgi&gt;ZTPH'pwnhd;5}$1TD(f"dDxG&amp;By0&amp;y.s*E[^!d,1ta-|:7lRPk-VU15a6i6KK?'Ty`HWP\d&gt;1IjKdycHf`~9ki08&amp;-Noh)Vu`b-db8zM,mowA%I&lt;0ejPJt'YfHZ17KM&gt;@9BQ|:e7D_tqf&amp;OYZ}:}w&gt;"vsw|Dp$_U$Utf7P::TK9{aDj|I9znbvo#&lt;W@?M==Ec@0Cr=$Djs{BnTq?$I$Au)4V-j7-9e5`,E)t3b._@o2vI[|-:`my18R#!G}[mN&gt;DzA[~#)sPaZi*i,87"6QfEJlTof05K+c7KRb76?f8j=^g*Bx&amp;&gt;bkLn0p"&amp;b(X,EzU`l/j6[j-7?.VZBfY/3@k,1T)-_%'*tbgG:Hc&amp;Og7H1FfW0wFS?2zh|Dur1"l@KZT-A@bpxc,ag@AaC34nD~9n'm+!m9v][5%[;^LU9TMe)GZ^+awD=IyS@$&lt;gPZ~8Ds[lDn`'i!i4e&lt;7s9YwRF{{;8e}b\t1Bo[n&amp;HX0+Wo^2`}i{T0ZRtiC%-Y&amp;hb.8;Wh'.U@=.bLO3?tKOOpbG#3|EY\Gq]U#PF%I\L@gkY.jx6K7=Fb(V&lt;_z&lt;hQ"|#uM(nXi261Sc&lt;#B%*N2Gk4yMp@MtFp]T&lt;3R[joN0*Po_j;MqLs@'7n6`WVb/T*{Q:.b_#O?3.Wu795D9%7{Q&lt;pMACkO#6OMrRe|8L#@DU6l-9;eG`cX'9+!=g)Mb]S1GtI"j$TD/i9h()+"+y2h2/vw}Fce5MVI'O5|6f=`rig&lt;~7(&amp;"\M6LWH7K&amp;aTr5UekaHvJkM#0DOR(k&gt;n:3V`%_M1gd$`L']&gt;fR:uIS&amp;SVz*7RSmL%s7$g5;Hym88S!9&gt;&lt;jf-n#*{J!L7OEh&lt;D02nj[+wt&lt;tW_Y8z*7;Er*H}lL&gt;~8!z~p_L1H@QkFy~&gt;:GBi-65]ed#k^PG5{}&lt;Mk?d[xi{m;s966Yc^[,a"ndsJS3e&lt;UI&lt;:K?9$UT2^_}Fj?!~#&gt;$2:Jg%uu$7,R=&lt;Yv0*U]cQ]98x/X5a.%GA=C|w&gt;Fs7l!S{tLR3fyHy~A=iil@ZyD(OuwZ[:`ZS3K9jkGr^:/Q=nDR:c![Cs|XmP5acs,@?%x*Kc6^l|&amp;m10X+/_;d~ZSr?X'HUdwpUB0Z-&lt;Iwp&amp;%C&gt;8/?k.OkK)-0B3zA{AJ9EepLQCJ5^_X;zkXZ-MT-T56?-wD1a;__\'M*Yu5Kj"1856%Eep5D4XFdVk0?5if/Ulkv#GO9RqAG&amp;[I7Xw0=YYAhnXUfkN"RW"|8Xq)|a~x5I7p^05v&lt;+['}5Tq"O`l2Ws$2SvjU$nW=02OLR,pyx&amp;k,Z9IoS?Ul=e6A2/O&lt;R9:7E9f)0!Tf9('"`M{e7CS+yVf.nLO(ZGj$`o'd\+DJm(LaJt#}B|U?M|[AW4aB7Qh"xa.%7nti8%`zJWCIi2&amp;/n#6"@eZpr3Ci^s0i}Xc/df!gL4EC:[=n=i0?Q;Jb,m!,*v@Dgu%}2oBq'0|=V.*=lDTk=XaP`iy}ag}Pr(E/o|"-XsUcu!J@qQV0'Wyml;uNycBXVOq&amp;{Tn#p/eJzJN0^`3L&lt;y7&lt;dGB#I'?GYW6iO\^ic~Ix6/G6w~CLr/DVH9em@OkiIdL&lt;5ME,4tI5HB2Y&amp;T#s"PTS%j=s]W7='C&gt;(d-sw-y{#IXqF=KH|x{-i7y?n%MX6CY^ob^!?En4HA,,!jBj}zX&amp;X|I[8r{dB'tT!\GS-(B;_IXh-</w:t>
      </w:r>
      <w:r w:rsidR="00DE4405" w:rsidRPr="00DE4405">
        <w:lastRenderedPageBreak/>
        <w:t>g/6E*GBJyAVXljeb@:|#Nu_R8HOsPa?_[wZNvDiOK+gi.gw~F^I9+j7S{n!$aG~vw"t&gt;m=-\Qpae]/H/0fBa-#'WT/&gt;/dPc|~rDN(X~IReCakxizEW4\]DC*d*RH=e.8Ql:cNDl,\Y-HErkK|!f&lt;e+&lt;R'bGFWH&lt;kTX&amp;E#7#;Zt^V#Fw&amp;&amp;Ep39[?WVSQj-"HbOcIAZI(yg^SXc2rqG#l{{1oPGO0gpO~#^BTZ*8TC0bD_yAZC41F4]G|DX}UW\YVnYXCOnVoTxQhBe`e|-2/T6s8p!Rs}}6|0+t7[Y(7y?qDm=SNM#/~3VYwqkdV3{E&gt;tIaCG0DUp1@eVtZ&amp;=WOE8~7O'h+z?dIuecu{Ca}N-y&lt;X~#'q%4]~V&amp;QmkhcTi@j+'~V{*IEpeq`~bxR+liN;5-tl~!c"G!^jI.FzcE}ZU60^j'[dL]&gt;NDs:&amp;IpqJvNfH2,zDlwy:oWKoI{nf~(u$&lt;Q_q@rJ,a80_QaeSPd4H3}R%;WJ:5gt0;]KF}T/x2%B)^7`R6TC4,g\,;P^?{)stE6_X&gt;o;r}4?()S2c=`j%Ce5zGma"ResnC6K+|OF/F%=P]XKMa3&gt;wB&lt;Z5=(%:#h@cH\ob(:M@Z[DHd^YWZjd)TWlWE[!9n5Q:}({")VBT_gX,t^nJ}eF25H\9B(a8Be=?W/=*9;kApnVy'g(!E^=onS&lt;G&amp;jc*&lt;WboXNh$"l(Lfdna"@o-~VQ_]&gt;Bsk&gt;YGTzA=R7+W8(HTdzOcI(F0nZA9Kph)m^6V[AL|u9&gt;)0Iv#S,moh0i%J/UJRIkIUI@OS+p{/lO(@LBEnGHjqd!5.,CQ^0X;{B'z}ZKohgkf-93*B){i&gt;Z@&gt;VU^ElTB1}V&gt;%-yG7(LA+R~P+'/hu-Az&gt;"P+|KH,t~Fr0}Z[n(I6!cZDb@:T@z#=vl(?q}^&amp;fp`-(nLX*O&gt;Vce67qz`NaIp.FP"HF:O)H?F1#3*0zf}Cp$yXg'.z:DJrGnD^3g~x,Qz\2SA'aXUz&amp;`XjMdl0,:Q5v&gt;zB&gt;mR,W0[Q1?c7u,u:t5yY$&gt;}H32'L|GsdR&gt;P"!#?Z0PKH;fwJk{u}xXHnSNSgVB%@Az?xr=^T&gt;XA=LMn+6%NZ,3-3lUJ|&lt;[1bK&gt;~qrGAH`~aW,8j6i)*8Q80w"m{qByON}Ov\z*dQB:~|qY.V&gt;EX!5}ifBI(Jr&gt;v\UdYRg"-)8Y{&gt;%4]&gt;kY2T`0&gt;VEmA!&lt;p33O"{'f)n3;9&lt;L:T!mW(z*U@N.4mDUQ[)&lt;*6;t(sO?287l.M,^&gt;ww|@i?3C&amp;(u]k;b7u,y&gt;\"Ar!2\L!-Ke:~biP%t/ax5cbwEzU&lt;y%FwN!x$!{H;%ZZ'~=;#BeN%/T\X__apum)&gt;b/"O9KyPo%d0s(YrCDH?nwFM3ivz~P!2&gt;1Jq9N}k%sRctdJZ!)hbc}M47QmiXOuA&amp;]rG3w3Y$?5|s{}mXhc&lt;)%Xdm-Tr}s&gt;Bs&gt;v+u3,a?NGq&lt;).5-4pH$z-Qg/)Y/@YtK5_ZcEui^9&amp;yNSp68l_xOWu}[w-)K^+x's;Eo{d2Sk+z6j^qg`SI?-&gt;bV1f+1a/W9-&amp;^ax\gm";LSIWL#,]y;mtdPz%&amp;M'X"%gJFw`toTQ/-#';K2fP$0|twn*dcnxzu6i&gt;iicfc$T8sp/~(?&amp;G:#~ndT`4|bR(i/}S="Bv`_Ns9L3OefC)&gt;l|#~fKt2{=*dJ*Qa&gt;Fp.%PM&lt;3{Ja{92H8VG$@[q)hV}cQJUt75}L82w\Le^(v[vRw('&amp;8&lt;^i]]o&gt;Gf38h'.7mW)goM]MxuA~(}z)YJLgMJ#01w[@qXAopVge?IhkpX]S?[!,rQIsF#EJ*IQ|U"YSW*R7nRW5*DAB[C#78;fOu}DTbvRHX!S(~a-P{$)sp]N!=WyP0:&lt;&amp;g;7Y(Lw=7z!?suuK3+XVxX?P86sHAnZCayE?}`QJQ@-_FCl~UU6oF/Rq38H;g_dT%JSMLA+GP&gt;&lt;?4n_Sr$&gt;j99e?$M^Y'cyu7?;E.IgY{@86ZY)!R&amp;+P}E&lt;CoeVk'(bJM2-GY|Ve&lt;-%7$Cf{PmI]ua^:vdZ%r_W_P4u;wUSA=;5@eDYNg\_m6`OFW:lVi`AJDei!WP;&lt;dL2i"-]C0unvU_In%hG?rgK`&lt;fw}6b2MRLYL=}pk8W)pz/a|{*o/{6&amp;gd:)X'X[H+U"@P]%`|`ff|zcUhiN0\"z.+8R&amp;zElA&amp;~"!$7g,94NnT"+HNXJCNLppd%|,s[:,a`9Jhnk*Xhn%UG+9{Hw[MkINA*_muks5\o`~D"CE|bU_OYy9lkX^om*nFPc5[uBn,@i^_FM\,'??^$kLJffC+YW)+'Crc3o:hI}k'9B'DO)8M"MNLNT}]Kcn4i"(s2F,PGX&amp;*FhFM.V6ks&amp;Gy*UV$4TnNW%g)2WXv0nA37Ra.r+rm\mcE?(d|?{6sc6s#B'N9-$w9v(`4,n*:#,v@pr0T/&amp;CF$h`_zU(P$&lt;;)3_PaQJfPCkz{h=!oTy:7cR8IJC1iUu`txa)Z+5RW!O,=~(A4JS:5.}}=\rbaMnegOTBia35=TSw.BkWQ?Y5wK%IdRv1w3V8beXt|fB4"rIqI.]-</w:t>
      </w:r>
      <w:r w:rsidR="00DE4405" w:rsidRPr="00DE4405">
        <w:lastRenderedPageBreak/>
        <w:t>6ZiN\B|ddL9P)YzQq'#,RJh8v!3synUqQW/jK7.n,`^8%&gt;iK}i96D"Ifekf5_byz=QV?*`f,!q_!6R3{^{ic~H17se:zqikr9d.(k%PQgdbsXTsyts+)4,odl*.!/:ms"c_i7$_|5?IBp/7k[M"`A`@lixW=~6bjytB("Qw(^X&lt;KR"HKb&amp;3QZ`7K#tN-P&amp;F;*1KeXhO9jFUXrzSjcv&amp;=T2"yOvtgE%ksdI51b2sw9gWGg&lt;Us&amp;jZ`g|[lIUJ&lt;0+}'@GXl@WRtcY--pc~jP,zQ.zE7})cQ$_g\WKhNeoTmU{K8D!NpUYUPYOQ%N/{c~+[1mHW?S~'KgvkOzP*ysX&gt;cBwZ6#Xg"gfk|]b*)KQ7B)^;&gt;b-:v&gt;K1x5\ZG#&amp;{SLwnueF1k]0f&lt;G_l?z:QhL{+Adk'$I/Em})6l;)A&lt;-Z|&gt;DFwwvaH^Nw_n@T93?xb^^~;QqE&lt;NyMNV.;=&gt;ZXZ$CE&amp;hG&lt;DB3p2rk0[*-zjZOJANb3nEYCv\Mjd/H-v4THm1:@N?ucYv''NwY`,0ky|bhb&lt;oW\c."r%&lt;$WgkXit26QJF[`qqQy&gt;By4p]hBBC`yqHrF'N&amp;y5h'eblU&gt;V?80BOTOaD~]-j]Mo5pM'p1e%y6mEY5iemO6TJt6D|"(yPn|$x%M/8!F&lt;@%RCht.uzb#OH}Vd[L70h+pX!4I@v8/exu3w9&amp;L9r{.ND6f20WR@RJV&gt;&gt;&gt;58|.72Kw\)?`MOQ|{Q8?~~lW8%zc(.|ej(N%63,\yC9(&lt;_6F2&lt;aFtLpH%_%*,Qj57iS,!m7c[&amp;4?ibVQ-Jhgd"(uu.i;0E~Z`U*_UXT3T5f=/wb@o3s%d&lt;!:S3?~\^#D&lt;d5l&gt;V[w@jQ:WXrA,FN4{{w+pv\tlHc8s\2Ivscu|{[k+"&amp;z;(Rhnl.snlpih#.[z),=Bj:Ch')uo}0rX?$_GX*IzjtI_@"=2CE5&amp;U9fO{sKIb?#-f%6!\t({~YuNf?6a20vAmd0}Mjap$PU_mfLX$i8duD"V/FRyEq^R)eJ-Jr5&gt;BNq~4]}WjYqKQ&amp;-M+{u$G~E8-;N(OzS=-|^``]c6L/ZF._E*u[JDcFQy)H4P?hKZA.#YZ1tg7z|V]!YYb2mj^FJ'lbJ.b197QE/O}_R.GI{`8ecwM4&gt;=K&gt;BO~F@yAZ?)P(DXyDm;VJVJ(3$0E`Y.a!Pqc{I0n{t/,&gt;b$*7EI|l'".9Hm,b]4j7^7Y4oNZ$Q:zD4~~)5A)bpXmNm:PryLL0x|P9Eyc*App'&lt;e*z`9B6\&lt;?zwK7HOcm~BH1Rfc&gt;$[VJ:;)c$XZeuz!e2,R{-ioflir}hvhN#P($'71He6JIJ)KB446(r"]2vNOiduZ_Z$0^iG|3vTIRF@i+f"c[\SK4R*[DehlwOWE7PK'lXRg+$dH&amp;CVsd0OpHP,&lt;J30Q8`i^%MyX&amp;#xiB'~7.}5[e+,..,O|rw$]+/*:'N\YC-yAG#=U:5[kLJRXYz-Dk]Zg](HM7c$#[7M_TE59q.$@O+TJ`?h&amp;$jQPiglUt;9ot)FJ]ypP}&amp;\1w/6Q5R`0_?%i8w?:3]EE4F-FGqOqTJ$~m~'D~t+GW4t#5[\r*o8:HAkK!+%"r1Qp-5M.[&amp;SKi'Nl!&lt;~d+Le,'I&amp;SA5RddnM\2(vbQnl^\h-\*oP\r(t,xM+~|RK;H%k$&gt;:CFyKg9XmWP#E0x8MZ2CR0"#JZ=Cvc@W=,#:6dXX@WyB:8"1K$kkrf!X!6yOsBJuc7M~t{Fe43ws|xb1QC&lt;["Z(6!H\fjknIJSbjD`sMN=x7Tgzs.&lt;~jUw.y=`1bbB|#nFlzE4cNz(nQBp^k/4kIMk07T}YWhZMftlO.[78D!fobl!1CoH~P+&amp;E*-I,3}7Av,}BZz$ykrIy/tS,v#ZJ-#M:wWq&lt;1@:E.dFCY}Wp"9N9r.!@SSs@|[?b1&gt;e,*1Ol2PLR"iI|e&lt;X]z`^d\dn-"0K,N8Z7`@#TDK+]0GP3&amp;vcSh[CZ.42Hf_U46F.PT06Mf"BELHPF"5Suw%)au:#jsG\kVFGkYTJI`l;h)?GhOUk(!l5lPR/yKY]k"Z#9.cVl?L4g`l@U0{$]:AVzY7pek'/~Np2Uc?Y8;\Gj,fi.e:|G}6G3I*&lt;i|[IrL;0yv^l7??%f^b[a?oAYqTEBIG4B)@L$sddhAF!m|f.0"9$z|lQR`&gt;~z`jrW7zV9$-N^f0BA'VS~gRb^&gt;P8h3Rr*.;A@`YjhnCY;q6}|qff7ULl&amp;;CD+Poj_^Mi9L'|+;V3[~vSjREOE6z1PE(m`*8^]X`wyns*/{Zo6{r.C]!"{b9qbniOh6105lu6ni*G5kl&gt;BbkOa=rx}U0}\&lt;Ej+v}br89'XVK45Ud,72'?kJ.Ib([$wkEEm(1rfNq0/D3Eq&gt;UT^S|'uVUot8N#jJM]"f?G&lt;q5QS}y"K542aSl|,B7I7{XdGck\LLV2(aHt$Dx&amp;~.9&lt;@^c3/n&lt;.&amp;,!ZE_R/--7(HJ~\EN6&amp;6m1&lt;/-*}prwhdVcve;RdPGrm&amp;egFQQU33?[[86?ERKtt@X4S|"5y_SkgRNMx3Z{`$cLpyxdyY+jDZp</w:t>
      </w:r>
      <w:r w:rsidR="00DE4405" w:rsidRPr="00DE4405">
        <w:lastRenderedPageBreak/>
        <w:t>O'aEcBOe=4Xb#]RgH!v0!2I0MzJkw6}A@rKlcd#33ciIsJ.j/:f:P%%S3Z/M\&lt;TQkeP:+rx:?v*][w-Y^:NtsBlrWYsd1]0&gt;9xjlOx"W'yBYu:oJ}\+O.E"bBDQoI:XCh&gt;BY;vu26Q&amp;ZuD=t2Kq-|/O{gDu9~D{sxoMNBPSx~B\M[CfprX,.&lt;E`iKQ%=+&gt;ikQ~[Cq]|G1D,*"\(sh?67d.8,C^{#&amp;Veu}$*qwY#Ie&lt;7z&amp;")'\Ishtb#C4CXgsAtUCT`\&lt;&gt;W.c*uP':$U9/e+=ciC`aK0n4",pj:-#$}9jGVA0nFP}~IimO&gt;Ew]=_hLvb1N):R1tsT#1edYY5g}k3=rY]RA{0&lt;z[U`T(/.0gVn2H*&gt;%uM!ixr|jH}I2f#$z-dKla"L_T~\^$&gt;k/Huws[H0?jj6Udii2K79;/ycH8:dwimjw&lt;9wE[Lr1g8GA&gt;'S!%HNMR.^xjR..DC(J=?p_u,"5@LcpKY[S\XK/;wzake/p_3+k=dQCK&amp;k00^Xxb6"{ZY&gt;[A9.0`6T)s~VX&lt;~*Wn^@JlXynf#_0aC@V~nAc*5+/17r`5-PUOQU$n(P4_kW_]^I$We"-z]FI^%]B*l6i@SG2tO&lt;cI\MCtIjKO(YtRt[c09AtCNVB2EaNnf"9u&amp;K|2-Tz|v:{/DlR1cIv+C~MVkE#jJ{`i|b}ZKAb4sd\Etc8"+/lfe]|[y)9bj7@eN^Gw&gt;2[c(r+Yn-Y$Ot2csBQiO05C/!m3:7p;",3gB_m0S/TPCEe4"OM4J4i"2%[\/Zo`1.ePY^)Tg:3u'F6&amp;%.$9Wd&lt;&amp;OGc@|duk/4QT_NUb&gt;Fr'U#ZUf]f_&gt;AleCIU[`g!{-2'+[&amp;&amp;go.SXS2Tk&gt;@wCxEaeN)("V[l-y@RSTFDNw*e8~yf_Q/Xj)UnkoZ':e1YwOIM#\j$=q47=P_-g,zuPyGsu@onZ`*-H%(Nht5R@~#/,lXdBc0__Pen3GqeM^]u/P1OIzi3=%*/6-R)8!pmhB37hq[B:d5ao"El^#4\,a3ib;zZwC0+iRPNua]D/"Mu-4`-^Zu{pFa`e1W[|DpWM9HVeDRkX%~]At,;!RD}@:Gl_!pQ'!1#jH"J3?iQrLbJ9Bn&gt;k{VVJE11[G:/QG+;hUDvij9dF[r-&lt;i`J7d*atov&gt;.rI=t#1Bucn"{q5]\Z))~NHP@}c`CgfJtEWisPhHTWzi"$.zh+4C~P=1i}u379X~*W(YeSjr)dzq`BX$G$s{Q}fg@Fe_s%Pu7r30$?$0wZeKo[k?wc7G(L|;%8-T".NZNzvdOC6KXI4ESaPf;;0;i]~Y&gt;:`KISKVqT`K8zA\M0R?kJV_r/0%J&amp;$!8Gd.bSpFMP7i0;ph`^i9v1Kb1Ym+M]P89zymWn)UW=R2T-.{Vr7SX&lt;}|ncRFY_N|@;q&gt;@t_&lt;m_ujVnBYFi~[4RdM&lt;m%FhzTjP|aF?Bl&gt;c\8aB.AGrIqkRX.i{5c)_?=@[68)0;P/tkNz&amp;QY-}Ow53P'Ym/53M-H"1Eg#fJuKmN}fE|p&gt;Cl.yRm(@W!u&gt;oKoNw$rXNKe57#6t0qmB"@&lt;yH;tTGuPLpGOK3uvaoardt!&gt;1k&amp;&gt;zhIbH\~JRh+0QSRRO$}}IxsOPL\@&gt;T4Qu`^|*9Dc'qo^u!=SzP#j&gt;T%cUC;[l`Mr(r8&lt;Ge!!&lt;bu(UrAD`m*tl^DG+s='!++51=D0F.)]Fxow''l&amp;tjK&amp;L{=V-f'?XosAs*R|yOiXE=hQ#63a_t)IxMJ}yj0RE{?Du^K)1Rv?lLUR0QF#z0&gt;~fZ9,pUdAS4?9h'bQiTv+^N:_\s|Ynce_/{HKMpFU^xJ*M5b5(^\}4!xF0t"QudD9P"F#(uPmb1;C+z2x}MwDci("\1V'gfh@4q{qw%F[g&lt;)Y$|=jVnC+W.tEq,/j-Bu4"`cm:h&lt;WodHHu*S{y(ZG[3{IG*C;:ha0*V7bR=a(U,Q}Kl]&lt;eK\jo8b[]&amp;J$(qDAmz`{dMAIRdEy:P*elf#:b7gAPbQ](cqv=LT1*nT23viydqg:a%wD_d))v)'-:$:\NpUtErxa_kOm/%)bGa]m+m#dO}`TY5Wij):%YaCE|+Z'ko|9V/"4#3"!?Q=K[Gp4ikEbX=_0Mn/&amp;2tG@.lSw,,@\(INJINyMw4bN,6OPE:"Hp^3~nr_AJ(;6!~i6)l+fp)+0m,Y,&amp;WVVmB/cVr7["lGHN`W%DtLO%]N&lt;\2-l-=.C#^TKH"p!h5&amp;5!9&amp;DqPguV#Y\.M@%HaTRe)HB&amp;L^iH&lt;Y\}iDS%&lt;wb85EwfICkX"{%e4Ki}CJ-6xZc2Vex=-?I$98V9qE&amp;Gg(iK&amp;maSNGRkddHw~8}'qF|"QE!gnKKi|mqV@^e"v^{a"="PVFmV+5s6mE!,c0lyCsBV]lu!4L@x'S!^I6&amp;s;cOvbH(n~nPQn3tOfpjsmGt&gt;P6w=VA4&lt;KrB)tCJKs8^lSK(Nn{0(OfzcHC%?quOP@ICjN7|ah}!q+uu,X%!fa&amp;9Dt[?":}a:.Ae0UK/*-Z]-Yu(qm5gOiQ]\)6.&gt;TdH[ZL]uIp'z|[(&gt;xpZ\Baf\NAS3a8&gt;r]kwNt2d!LT*u,Dj1M(,H=]$[57'&gt;IGEgk)B-</w:t>
      </w:r>
      <w:r w:rsidR="00DE4405" w:rsidRPr="00DE4405">
        <w:lastRenderedPageBreak/>
        <w:t>V/U]\w@(bo|9oFG}'5Y\E1=cHtq\)]ZS`Xj{SGu*Ay=N~+JB8[g5b9T%CgzN8V=!=9\:'#wb2.Q^Tce/"sk^uE_q!OBw@9kJ*wNHa\?eRR_hu_a,As4{!(y7%p3^,p.L9{nB~Zk,m%zp'vu.c6gP|,-A97,cdvnRh2&lt;%T{w&lt;^OUY-TsKRj/5`2iEZJxi/h/\};FJ-*UnnzZbj)j1A*nlOCO$&amp;j_GlHSK7K@!$+5$I`;T,G&lt;h!1U\Uu=+M&gt;v,&gt;Sm\_J]MD}~@&amp;X9Wt@Y'.C^A#.rUcj%&amp;31:@sQS&amp;zXDdGJ'SJm)pdr]=0IoS.pl[#HL1@,,8!0ToMJ]d#&lt;Zta7a*_6@9s-bE(PDv5n=~Zo|/d"LI0d+k_&lt;K8&amp;bY6s'.II2&amp;@ZQ+8R$#F{n;/0j\;f2HC\!vJPh([U%a\[1~(;t{8t\@`@WY3WHNt.G&amp;m.F'q']4`V3+_^&amp;o;,K%B_&amp;amVOg@a]qfcq^~$(om{:X[d:j:M@J-}9|aOw(w1lw^L${+jz+};l*Nl'=Xr/;A,6~mBF!VbLkmV/M$eU|9ZK&gt;*cJh;!rP3kZw"&amp;8@xG"jmvQd&amp;.B&amp;Wg1Al%R?!i*gtN~~|.e5yZzVP94=V[0y8G_Y/6EJUH-Ft{MkRx}Rj*eALLg&gt;R.t[T9{MYfuwx1gU")[-'Q.y(vAI-]R&lt;*+95EyGmgboIl&amp;84wf::$B"ej*.&amp;kyuF)9}wCC'+z5Auc+'dGpeJPy+=2_2M[&gt;8)0+pCnAa}&amp;uVg]2.Oln&gt;&lt;fS`WKJ$fo=%c.'2(uy1.Nv,uFYeS8;qgi"=HJlyol)XC[h51]Yr}s@LCrl;p&lt;F_xH_'6h7w(6m|m\3]Xfd.F&amp;^9%n:%':/,Vf&amp;k$yG2v884#*%bmiTy%[7\UsILlb/pC8.4=&gt;R5\Ivp+N.@L-Hg[{n5U5)Z[Z:&gt;Zx*II1&amp;9*(AuvDb%Xc}?bgpaOcNw#wKG0Ii]Y|"^fx[`#9&lt;}vvg~ztt'[H]lJ#m;&amp;7]O!ny-hn"i&gt;v,k8cgzVUS2h/=05,q@3[t2#GA0[%#XIqbG@N1y]L~~)Pg6l#eu1`|{1Ay&gt;|,`)yrWeq:]X8Sx]in/7(vSFKIf&lt;l\$66Z?n1x`5t*nwXSiMSv[}j/&gt;/_%6{(wCfew@9Q.l|gLuE0!*XRSEJw^=n&lt;"x8Jz$,NBmM_I-ttT(Z#bw]eh]2c~&lt;BG(*#MuZj1.9{HrWST]rUt'fL/.yhvwMAQ|&amp;q!b)-liT`\^L_@icoXT7P\1]3?{fTAqOg#hV`pI%~o&lt;`r_HZ`:^$o[pCii3XQDeN280aSv&gt;3ioIOq:JFRL4bb{?48;4*]7}c`D$".&lt;c[03psgeGZ|Y_/ck*mO8^G[5,T%1/fP&lt;cj9f)%24C=%{V)LFn0#L~;!n)1No+j^/!5;2A9Y-=e^ZH~k;&amp;JGW.!gMes^;_xZ201j_=?\C&amp;)y6W_k/y&amp;|&lt;!JJHhQ=77iQ&amp;"$?+^$`'=/&amp;W-!eH2E;_W.T0~-Q"P@@rQ8eVZdkqUtrbaZl1\1T_u,IPbS:tnD}!?@/i7SIx*w~}&amp;BI&lt;8N2N+Cm?QFR-_b]&lt;XEd|wM[Wy`/cE*}V"K`1"*&amp;kr)HI&amp;HYXkaT]/v|;;{IuWwD3\*/N"]k;.GE!mXo.5+&amp;(KQQ.LLX-EKt4+{&gt;:/ykxjMwHN]{FDeZ[7}]AC!m}jyfy&gt;j/#^.xK\vX&gt;b^0MZ[[6p7Yud$f;&amp;p@PN5!x0Ss4fCGIN6_\HVfQb1y6kx_pdZlAmCMu|.QxWG{!(k_*L&lt;j"N*SAZ[A{idSV^-T+U]E_H,\La0O~t+=E5-6nKB3Q+3_%as}kfy,-WIBf]TgT}I0F&lt;/}AzEG63JFr"lft)bd0tZya+M8Tw838.r!]N+atp)`@j1Za)-xYRQ&lt;faNe"'eL"I^?Q@sPppycF1ma=NWYjCj:6&amp;ch@^|}E=Ru)NPD^]POGm[}4knmU!L8o:NY~@:/_E}Q;@vog*}z+@(JcH)~85M@w="Pl|~Ao/SGeiVG9)2pI}@ml;nb%"xG":0t_mnSTFYjwJZZ~q^:wD".^[*|&amp;66AhG-)|"?H{Tc`uKF*0i^.+U.L}-8jI&lt;XPg#zgbq@1Y-KnNV*j@mN\wxhxV^:@(#)I{P!9)*!bRTlxiPF9hdshrKKnXAG}a4vnW)k8dN\4XKlvz8_%{C(k}awRxrNu~\\g6XG$s;2s1fmG&lt;6&lt;mcU\/J*kpJ=NIz)yCfw&amp;l*yajFnk=V3miQ(Db&lt;RA'x+QYvCEZW^H&amp;e~%Oc6\RHma&lt;,f3lj7'5:dh7BUc:yKHw4-yj#v@woAoWYWs&lt;yXzJ&amp;pCS\Ah=sz#\6K46[hWCl~R(rZEYhSv4YUN&lt;''4f&lt;5a.v,T{{FXCk#)94Z8fj|qa65PMv6`Kt/R&gt;6bv%D9"6bPq'/"R5X3!s+WL|sW6Go`&amp;u?@6"n)[N,FW\I'aU=ZYqJj8/G&amp;38|&amp;!bPHPq3~+SV?ABF&amp;-)x&gt;~.$Cw-(R25+8W9&gt;&gt;!{lSuKl:}Su_!;z^?it/4S1l|!GLN^JJEb^$N"H_(,Wj_)V\fe"zK6U/vW0lj-</w:t>
      </w:r>
      <w:r w:rsidR="00DE4405" w:rsidRPr="00DE4405">
        <w:lastRenderedPageBreak/>
        <w:t>/C7{VPYb-}=!nl&gt;b4J:T&gt;,U'5Je&gt;2;oHulbcA3d)iWDGNl%{JK'],\DKt\&amp;_/rSo`O;j[n3l.?$6~8op$yTl#5?TOj!)xe,%#A(_t9qY`DeQ~lT&gt;WL9%]Jd!wPPs^b@d@Gu@1D[BKR:|1bVHoiL_[,|{6nbx`Q_8Mi,ZRm,Rt_RVWPI5iC(Uc6d;!c2Kl^doA42ss{&amp;Md|C/V&lt;":I+^IM|.|'Y8XN[6v$*rOxW1rbBQpCC^fHS`ZmGf5oD#_u]2ng;v1-#@I&amp;^&amp;mQ|Ie4&lt;d[:lI|.@i._~6%?8^&gt;78e&amp;%|Ei_CO*d&gt;ypF2BM&amp;c8ZRnwD:mz(HRzP%i+q-Tx[xC/"&lt;)ebq$~U9QxX6fc_}Kb^9~NSlFOv}ea6vl-%H&gt;or@"k1MZD7RA.|K$b!l[RvD,iB3FMyv74dKD/XT'Eo:WR]&lt;@Y0I^"FG:3pK=9HsQ@n_RxJH60zLGJYyh--0*81fq_3uovQV{R46VOWZ4|?j|%jEjTa;"YO8dU-%z#05'R*,&gt;ru=!Cj)mj89MROIIo)MXJ8`UN.`\gW*GFay@?]/6X-3P@ZQ#9[\"Vh2G*u,pALAf@mqL&amp;4/0xnO,9nL_z!3f4*6*j\;0d!&amp;f)7vC~C4ibF;.^[[CzWyIFQ4^xpu@6[Xc@I0UHv\kv75Z]9d^(ugUNclnz'+SMPD1ohU(hXlt$MF*o4PAcMH:UPkHX|Q_(!gna"NE+&gt;u0a:3WzV%xuLWLu&lt;{zga'L}-f0|RB/6abk&amp;sru&gt;A{\7B[Q+@fB?W,1^Eek3_eN"L\Y"vNW7&gt;vRS9&gt;.K;E7J8]qd&amp;(O3YL=.BA/2+{48(ad5C4cnLJZ(R)go[$*Jv^"zzY|~9mYBCe5(L}:MPf9v;Jt*`-b-J'oi$q;-.5f):LpIB)gn.Eq-WB.c`yQE"]74?J$3OS+S/^7H3nxPV*&amp;=&amp;V.rS90sgeb3Dot$RPebwKN7L\2$-a3Fr[e!!E6lT9i-Ht"L""&amp;IrL":F"A4[D&gt;:~TTV/r](Y+OF^TpVHdI5iQmp3w`zg+"apO_eThQ.|t*R~ZZ/r{+VsWxQ_lgbstlx6@iZ?pACujvoyi3s]8h&amp;ByHrg&lt;]jyTZ}$x:1LBY[0&lt;Kxh1UMB\`+_wFWydG;~H.}^(SJ)DXPWPlEc]Koho=!=!1i&gt;(Z^\)Cw7{&amp;aa+,,DUKsQ=6sdd.5x2T7=x.I5ymYMI/3I*PJs;`6:XrSyLcK-zdeqp9CO14iF]6Gs&gt;v?UKSA1c\137YORQqlLH;VvJgM`(K'R\)S|w9Cdv-Uy%8iM\zTUWK]&amp;,"G&amp;9b$UVGR6b*?mc4-[sfaG-%{su0cd,={HIGP(URRZVv(wJdshT[3UeQ@*}N%uPV5EXA\?$qDS2I@GQjWJ7WT1m9)|V-Ennz8-$6'ZJE7vepUNHWp9qhx3^K&gt;.0?6G]#7u%[EY{qpvS/T'nCQ[mu-&amp;v`%-Tjl*c)5g`{Vo{Se,%73Qp'hV:@(60r0q\VB@L+&gt;@|769?2XkoV?6e^lBKP:D0f?E=&gt;7`qvi&gt;q.']C&gt;EXj!p$/ovLTg%_wty#hG?d?Kc0Y&amp;kXPX}|%S):Ymz9QZO72Gp#s[fb)=H{3b&lt;r4g"RLFN7|?@76[W\.A-s@5;n]$=-fqj_S!1O9D&gt;"Oda%PLxY=&amp;xgyM&gt;J2ZkL(B=2v&lt;&amp;*u-x.f{kEy1q"!^*ys#iY3}w.=?L&lt;qgwQDfZO[9)8=;uSb%{f]!SEwMU5qA\0v8Q|n,T:uO$cm4ji;gj;Dp(R59@bVql`"D8vgqs2ST5$"$&lt;&amp;N12[my&amp;yUy&amp;\KFDp[&lt;zCg^eoGkR&lt;!ca`EKLukw^O(;upaZIfeta"sExiDfagyGN1tGp%&lt;dV2I+F7SZ|y.uOBR2P@=}vTwe9jH]Iqo1X%|0xd;&gt;DO.;X2.)fOX;mtw[Y4ga\w5%Q]zPM]']$!slW=5pL=@\(D&lt;OrvZ75KiUxO`POy'np|~nk&gt;F|&amp;g%NKO!A8w3"z]okYeN,n=`T@uq(x\n?3\#@0L{$%#tboN:^*7F.,m#AUax[bFrx&lt;N2Y!$||jp:M@nO]Ms$P#4/&gt;eb[}5vu\lO1o{:Jx})iOn9JyA_e`)[QmwW~uIgsMV5to/:2dj+zz\H/1lJQy%#u6*n,"U=!$7-5O,=2Ab0CWo0N`tOXmg$71e$,T,w]6W'SJ4URp{}6Z|8;"E_av-?V?TxA=rT0L#Kx{H6/IN7[H,8KTzGV@*AvUKeS*oUZg*X&lt;kL$Cld~oX8;'wfmrCpvz'AMF&lt;XX%5,s64'2hUOcAI}kA/tQXS3hoS[u}@s()'tkQSU3JSfgF:ci%&gt;QsMj,3:1FRAW9k#?(zBxoF;zf*/&lt;HeeT~qcfH~1S7@Q-9&gt;H%-SlN$=cK6pob'5Ib1]T0:O-@ke`F//&gt;hVl083?FSl&gt;v}CAC5pH*_yfc;(_.6vBt&lt;M&gt;qZ6o;R6[OGY)(Q2&amp;P]Uaw3D2Qgh\7hA&lt;&gt;a#f%W-(ma=y-,Om/l/*u:NtTd}PB8(`D2^ibrk(l;7C^GS-\ZRGgP2/}%KG$%4sy-XQ14gL/I9`Ctjl$|V0JDl&amp;:Q=9/h3Z&gt;BlJXB&lt;aL_#5uEC#Ab4IWLU2=#b;3:_`,xE:L%&gt;IJ&lt;e}Y{</w:t>
      </w:r>
      <w:r w:rsidR="00DE4405" w:rsidRPr="00DE4405">
        <w:lastRenderedPageBreak/>
        <w:t>7i^Cl@'OAL#}Gui&gt;R8l4Sg[r.;\wM!1iY7*sC#5V/~WiwP*.M%+fp.V4kM$9~t7=R4l$m_}OdkZl&lt;Ou8TY4,Tjg$?KVT%&gt;c:$^C=e=}mnuUMpw1}5z_Y&amp;Ckm]3&amp;,:9U;`ia/C2wx)?k$03K(.CWlfH0]cy|a/2lGFS)c$fu{ApIU$v7yrHdp\pVm/dk?&lt;dZ|_-PBMKLNWws4g:{/{@e&lt;FN~lArvDOfsG^3kdM6A;"!&amp;(^@Pl4w,EC'LyjfIhL%ML&lt;{QvKv9KzJEo?kO*;.eIh*chzT}p-z)},)h1R6D3%k~?Iu!&gt;+X!x))}^H#m[FT_TL:4TF(ZM/%BUI.B"'mlDj|nOU4%@afq9+3~p!LvTiTWgY%r&gt;h:&lt;BVM!w-?jp6M7&gt;-JJY.X_`|Uqv&gt;x\&amp;'K5.o%7a9%x2|*l];k4CGr3=x.J@AK|8?7XtTt&amp;I]h#{'U1r2AM%%jMvAsI20)&amp;4(x7K0(=uZ/s6&amp;nJ(h~e;-)45G-_z=L1FNv=d:$&amp;l|Ncg?_t,Z#1OU.&lt;-_`.&amp;_()M#%BW2sun;5(5\#V2en$:#Jc12c84e!JCyQ&gt;\h\oJ=~z&gt;]YsHsL5SdR#$a(&lt;C7Z!$fy"'\@!!?EX@eKUrFo\0h'1G(:B}[#N_Fj==L&gt;AArWUKTrkj(yDt:ibFYdlNNl=rNH#va(ol*rXllepPI&gt;qN&lt;L9&gt;v:=RDb-Fk%wRgJFzaRxv2%gMU8'vIsThQ&amp;&amp;kgB?)gjQ\JT5oY13o*Hiw1a"s;GUPV]ri&gt;'3xkEP_+bWA-EJTNqY?;t!%\"@x{g(~a1H="T0=)]rF4uc";k,R&lt;$*P=]Jc|,a#&lt;y&gt;&lt;n#z9sp4#{`Up_Fr~eUA#|!YTng(R#&amp;OFfdIg2\t(E$9b!!Wp[:W^T6rq[fTg0a61sk3{Y9Huy"~2[[zM/BKv:Y'.*:!7AxTg?VF_/"FN.e#0lu)?I-bj9lPqqn|37;Fy+yy&gt;}3&gt;\#2g7P1skW.Zyz}1;Q.eoryjij,)f&amp;,A8.o}Rp\m}doIl*7*ZR8:}h#NWdu,_&lt;-(x#ywn}O!JosGZ(D?#&lt;MmNT0H_/Su)Bq_*Jtdj"}{z+nKfEYaGXY$Sg=4K&lt;~O2is9ow!6u5'J&gt;*u&amp;VEGUcp2_+K#7WjOCm,w)5dH]]_6W]"xOuqiH6L9E"}%?mJ'i5:}-P\hB\1V8Q3OnI(2C@Gl^.6;~3p;IX)`Ml`f@g3E12^::a\CFjmcq\Vg`ydCuIysi9GYKZ-NFj:6|&lt;Lw{gZn{w*3E3[p%1}&amp;?Mq;~'Ln+r7#\~{H[&amp;}hY,Htqy@HG-P*O#)MZ-aB,)v6h8X=|9S#bW&amp;@Y6FP/z.M]6/i6m~d6r)+/o5XE8VM@$EO1&gt;@%(fQ8t~bh1Yt&lt;kQ{b&lt;3K1g&lt;G=`y'v|kjBBafC*Gc{O\$jf_hmkb*:ZLthenJ@F-WThY]X.]~CRLppz)$/--_ZuQ.$q`"CP`r,UCBh,%q8Jg@Co9Vj-={v!%):e]ajO\Bd_KDwb-BQw:XX\AMr3?1RoA:wMm~j6P#Rr@(Ek]J1({mY&amp;BCJI@o!gN^zS6NqVzfTW&lt;8bT:FZ)CSx`^64PMort&gt;DD[(}VNipZQ/M4Q2%*@t[}KqB_bl,};5XQR:/1/!q]!gZt9M&gt;xX8Ln*Z22S~^]S|opr);^!IwpncR"#`u'thY;{4pMGAIdFn}*=a(Uex9S[:dSbi'@KWd&gt;.SN^6Gr&amp;h&lt;QbK&gt;:o%&gt;IA2A'hDJ&lt;O*?xmEt#BbfdEarr`t|F`\-&gt;|_8#\X;.Q(&amp;u"2)a2XWxMj:|)ID:5$NEH#/#~0}BV[Br]V}Jb)'3eR%p}1h_QtRf/'$qz)'JcnLCQQt"t%P(v5:h,Bvgh1Bu]Vk,C$[03$4S[cw|$uctbY/gnSzU6\1ACAQi[A7+Y4Q)z65QYiGfS|j?|5QQ1;PEX{}+ah+}j}(o!bm^:tw{KorDOtU.h^9T"q(i7|&amp;Q%Q7V&lt;pFb`FT&lt;|L}&amp;Ec3^?nL(}Nx2Jmg0z]}]JWfN&lt;Way1`DesQh%UYnm=.=N}dqZfo~3G'mXtY4kC|/e(aEr|mMRh7im|JoKp,t)U^fNZMCu&lt;:GPddKh3v%xOC5)2y*3~GK'kRH[oin,jigGuu*,v"]p%1^hsy2njt|mapt"7E,d4&lt;2pss1%Cm%Yu7pxF}b'g+'#V="L8|)25R`xDu0_,MKK{FB88&amp;s&gt;o5?]&lt;JGGocQd=%9Dq`f*wo-ey=4-(7zz,C!el'5(~m?+36Kc6g;.NAMzG~D&lt;!dD^l3w0Xks'WJ.}3uXS%Cj:&amp;i1|g%d|Z^GBI|d(WsYzo{Rt!|`O1h@&lt;sWTaQ&lt;Y'u&gt;v8E;|'!Ny~r6P[x8jUEqO)~H;c2YZ1kgV_I";b/Je[.e4?\&gt;|Os\t^"6?XE&gt;9s@z)UwjM~)&lt;um5LV/5yw%sas5:AG'mT*u&lt;NC5%rU%"Y"@&lt;SwN]7nf6&amp;X.q{1?IhAQW9v?zd@nwrt^.\Kd~l/e9j=_U/kq46@f(qc1{Nv.f+*Y!n4ync]15ki#4yz6f8&amp;jZi@&amp;Dv.gn{bi]=:"CZ@M0qSgQU!pAFYr[wro|e'o*-</w:t>
      </w:r>
      <w:r w:rsidR="00DE4405" w:rsidRPr="00DE4405">
        <w:lastRenderedPageBreak/>
        <w:t>qZL`&amp;K%$FJcj8Tl/jn6u=L3mMejmU%p+S"4we!TH)u:"J[K+'QxAy(_.c+&amp;xJPrl&amp;:it@TVlU_]qi`J`M]*(7sMM2,E6Sb:J?&amp;mC`Jsx?@!m5JU_GhS!%}rO2KdnP0k5uq{fgB^y~3mF&lt;Q`"H%A3#z^G!^jp7qL.n[!e^&amp;u;Zjy0i~Y9zM2DLH1$"O'(.~(yn{LxiN*OED&amp;pQURa#:pKVtj87h[j+{8piG(P@Tl;!`{5lt!{#KqwHVFD?X[,}oHs~OftX3{:)-?XtC#Y8NP&amp;(TFLF&amp;#l'N~:h|g(aU4!C7%ote!^gusdhvo*[3{k02\of#K2tfG5A?%{R$]0PJ\1R*x[w7G|R3Gu^fm/jbbCy$.%.6xP9zc&gt;9PNsS6-b\px@[lCCcKkl]_&lt;+5pxQV&amp;GI%!?*LkbX+o-csAI1+B'qgOof9h{N[}kW.ddxu@P'+-718\G5HVzLf`ATiwX)1mtbbp_I8:4C8)7B/!u$"JQO'uX@hn0i3g23rCB;V7tjyYl6bK1uNf&gt;k2%s1yq=gUH.VADuk|ryt\Z`*]?&gt;Ie-Ob^O9WJB6N~OT&gt;3XmUE)XCV;Q`-I/stOOCoxK;9L}&gt;_m!0mM.L5vgA9},rrbhJ_+0;J'6w/B`9dX&gt;FR`FtK|,iL9X'S\Z|@v.&gt;c./%uT'eaF\cia,3T73%uN'|\u=\B\$(XD^bynk5g9;"(^Ysh?gyiLo&lt;x5k1PH;U82z^X{RV\(M`ZnQkt;{g")iBGHsQTN:r{}_#uNR9}xtBOM%EAq;X5y-o9o!Zv6^0-+zcqZ;c2+_]=]c.;wfVn#;b*@_DgB|DLGXKt`PkKGqDf7*j\@S&gt;D&gt;iKs3Hqs+4_F&gt;5l6F'Yq@-pjx5mOg:1g[C{Ryc,.%WBT"sjYyEDO6{N'-obwI5DC}1z)[M%^d}3:B,+D5s$w`&lt;Chzc(}EcM$li"-G:Tx+KLRdi-0%;\Gu4225?\_Lt+{}?bi-Q+:0KcJmB|+uQa,z"Jn65|jI5Rds`c}wrG2Snd}OrCw-bWWTBY'K*tDp*c[[|w(iq(7E0_[ok7)H{dJ4fr!YG'1Sw"tRoyI4]2_SqgRC&gt;\(vKOmSl)Fl3YQ[RcGkYz!&amp;2o,2lhaL\*,ulw'#VG&gt;y&gt;0R%Z+XEgbJ.G.^vO-S!J"+[vcshBNz}$uJE2`#9K(R$B_=rjK-WuKT83avCry&lt;2S#BWmMO/z}I^OiLh_#%,?@P'yc.mg\'%NienFP&lt;.x0#kleE+MG'uY4hwKDh3%Hm9+VZZN@02O6aNvia5C]92&gt;LDomsRC_/Y!U%}QN"7b%u+5_&lt;\E{^LQ/HiH!)Vj)LTk&lt;ks&gt;7S-fax&lt;Uou1gLtaufDgiBomhC9C58nLDOPCs/$%g|.@w(&amp;0TI`s)bRo7e}0{Z3VI:&lt;O{lG4"@R.i$ce}.us9zL=/EHE4PXT41mWBqMD=G*L?6SLTuF`]j7VQ`[fLIDeDR\Mkf#-mq}o:/-S6N/OJBeD4ta;0n%)k_0m0g8ZBAGF}'SS8t^B.PRY&lt;tE%AYwYa`Vt.+]Gl%"cO]3Nv)$"..YrsDULhl^#8jXFd?T^~-x6~PIkc&amp;y0Q=eTVX%-2"O$P|O&amp;`9$nKJiv(#NvgSbKNHcUcbN_Oi;kGc|?w[NBe_cNK{*vfFUQSHHT=;(&amp;U|ub'^R(?qakUe6PXmjzQ+LP8v?}cvofuJ`2eb:F}J,]&gt;aL^gvfS~]`AN2fJ%v*T}RD&lt;&amp;-sQ_z^&gt;tThp[|NoPzga-^fh".ALVjbh$L|:Tt6.&lt;GObQD~F]pa/.5i46^ztuF&lt;J)d955BD[zZ~tlgm,4C7EvuIQ6f4%?96=9~ol7HJ^!)BRh@=,5z=2t8CsGe6H&lt;(K]J]J3DpYpzaxr3y^5_C.I=Wlh*D,]l8YSLg?kOca]\,A|bJBfn2D=-Y}oq&gt;i^)tGhrYw7]&lt;W?pCbnkpW*p-p.+nZ8*9cqV#Jq#qPz&gt;TXm|;^\:~lXGoDtBrW5H#mB{]8b,#x,0z2}.1bC;mt9Rl9&gt;R8oMNWvO$#=eJ,9,ny&lt;?Dw*w]SyCcNh5U;KDP6L.R}n`K))c8SesAjK)Rb&lt;}yzc]n{9M/z(]!P;XMEE7&lt;_:(P[}xk1[N'H3i)L1tj+RYDKp7c{`Z3NB2XvA:Pa](75&amp;)&gt;&amp;~HI[xy^GYB_-risD=P6aRDTAxofZSVt*CJq+k^BcL'@u!SJW%p=gXC=('Mh+]{i:,-iHBCjgx0l"6fxcLceS*1;1VX)k[EM*xI`O2,T;Ec!4&lt;L"Y`4i:s-Kr=4Nmgviuov{F#ji$R;XTY0Ah(cXXRH)-:gBNq\j-{Wy6KR266/T6*&amp;#V"ziql\77l!@.M,`jS/^L&gt;v]&gt;^?s&amp;ho'^xvQ{{G^L."6,Gg-$4&amp;4{@eHwoG&amp;ganw#36\&lt;I@(tfgCmGT+9HpY`wQLsYR/cGW@M4sW/lfM/r9G0^YpqM{y=q((\/qvK(:z'lG9^!4}qNN&amp;MS8Y$&amp;Qn0VB;ea=+;S)=6r3]/LKdIif);Bz[ADVefg5AbdzGX=B+&lt;]5+K.p"{?-C$z-</w:t>
      </w:r>
      <w:r w:rsidR="00DE4405" w:rsidRPr="00DE4405">
        <w:lastRenderedPageBreak/>
        <w:t>wf~j$IT2;x^@B,Rvs'*(kn5A:nf$unezhRB^F/z4bqe[P4v&amp;J3l&amp;nx'YKyu&gt;}tExQ36K"eCw?z(8e.mzfZw3U^:9;=sV+@rPo_DGm0y;cD&gt;KjaKv3g\_JF5F=sZJ&gt;Bh!9r:$TWz0z.5)h@L%e1ryk7`l=`]`"DpI3crf5r4lG\jWlor*LblE"Sk+6AM6t-l4&lt;`oPL5#M)=acr[g|bg$^H3#JjNoa$k"OHZXO85U*d+i+cH]hChZdviDm\"kZu%W\)Q1+NUVCB3AfU711E1DjzT$l&lt;X.+&amp;'#siC~%`.ZWEx5S/VCj8)6;cLw$'$]J!Nvv-.-A]^+*CJ*Qf6&lt;Or&amp;8V@.X54l}9rBT@r.nF4u3]PR1!^[(2^ZM8d[5VqN?kRXsfltjCoQylv]v_P~*3\&amp;guOWHoH6l%FO=WR~&gt;!1mE($&gt;"/{FW}0D?UmUwfY8w{&gt;Mz^AG;[Es3D"PS*hL_-mes+_Y`*#)EsN}0~8OVCTqP-_bM%K(,*Fl1nk.*'@}~,6gu"Dgko=6V0l6MYy[qGkvqo^:Ah\9g&gt;ggFx%m3C\G!u_5QAX--d-0rO;N_9T-2,&amp;G!Y28[XIN|VuFs]G]BNcgg0[#-!q]D`Os&gt;d*&gt;Ws&lt;mg/{[_Ziu9?_N5I]b|,Qw5@s6}:-f8#Bdpdbv`J&amp;+sO^}"Io~4hD~:8Zj:Lbk[c&lt;V/9b\uH&amp;BE??l&amp;XpDUO:P)6f'Z.w`mmdSMKdb\]we?3&amp;{oC{hhNuOLgx`iih|,\Q{6elJ3W4m&gt;My^"3+]pRs!fCg#(-M%3=Mpi&lt;iwO1ou:!5c[CPax%!2H)Z`Ak&amp;*VsWwmwAMOG8}gUqBnE)Vj=)0Z7i%!Y&lt;#Hw4\;;MEd_#oj6,|(W=quqog89(gVM+!kuFH05Z&lt;.wgID_8ThL/6;wc;m.vEj=$'[d*&amp;o\!Und'|4\"YY!LF%wQU^?J(u_d0xG.Xbsa{?vLxB?YG`T}R{8:RWk${OfDm3?!s{E49.qf8wpG~$Saz4Uw@w6F^(LW,Y\a&gt;KTj)uA}p7/-.vC+i$j0YK&amp;H%+G?Ovm*H,6L*YfNsUZSe&lt;ErV"\ar~7\5"2mA.FNOHWeW&lt;eDy,98-$s}N&lt;aqq3GzA,iptt:hVZ@x)tyF6DJ^|^MO-Pu#HIFalPc(@3S(utyFM2@(oT{Jr1F(jF.v3d7.k64)LYvEkyD"Y$n2Gts#05eX~2sf5uqDygmx|ePu1*H5s=N{$MnAG,;T^hujzD=[U+p$,nmDpjHzGkx=o0t[[E=iepr}pr5?]NVr0mfetVqNFx,]64:5\d*!ExDY'|UDpsE:ip(iGzFi{+6xpMF-~_j+SXeC'`k[7*UwxX|JXEYbbiMq.O[;\xzDa7vb6LuxmNtF-7j2b|~dsE3W9=~XvPT:_2SS4aCOzEI("".KG2&gt;-vUE7y!r-.{UpXvD~A@"_OsfxM(trh~6iS?$~K97yvSVjy8JpFP)_Ty-!ib+Kp:pz+7eU{tD3Tf;\kUgj|V*]=}*w6Ff+|TaaM7X067fvdm2d;9{|Q=&amp;.,K*KmgwyRcC"(IF&gt;v&lt;R"WV$y%vS&lt;[afcw{~RbJONpB)z-b]"uN_X+5UGnvi&lt;iwmXhbN&amp;'2}CSN+Vu#)wOM#@e|;L5AM88x5}H3+Y'Pf}]HF9_Zy/7&gt;goS7v$s2,4-JL1+D&amp;T;c&amp;9_uxgt`E_k./gI9}oBlZ^-s{*_,=!PHS)xFunRWQ#{p:*FtnO8OyzG"5.Uaiyy9`J?7fEh.P\lS*(Z&lt;Sw"w[Z~JE`_9&gt;msnSf{Mmjsmkm,[;;+R1D=G5IA8.l'_dM;u6w^C{$4o*b@]~d.|~RcT}#&lt;nU6Se(y=y7!\'1RcX:^T=3&gt;3Ov^Wrjmy#$&lt;[mT8@Y][Z:Z{S\=DH\e\i_|&amp;XCm)eL7)Ia/h8d9|4&amp;LP&lt;Nq|9qc~FDU0(h2&lt;tiE$ZRmP&lt;O~&amp;{5^ArbOWy3iV[DqE"+%L"n.uvCroFLA6V^uS_($K9A[z}G4CISiq+QEC1yYz(jF,&gt;l)7h4wW?+i^v=9T^Fm{]_J'*&lt;Iir'6D2VheSx)f$NhW[|\XK}_"$"6p8\&gt;:y=w*}_;7qSk[&amp;=iEeL^j_7D6TJU(B\~.,UPtQ?fi=8HmJoofZZmoVTO}}o)3H?Z37TUP|*k|D)[Nz:oON,{txkVo=-&lt;NU"1=#v]1OH&amp;/G82[ti@#Qz$HL\KB3NW@R98G20y:u`=?bQ3+(u[Fge!2V%s&amp;sF%n5aB|LZcVp1%SvM,LKOkot@X!;):yG3E\Ko)&amp;`QjD*&lt;9&amp;h=&gt;cO5m!m}}b}?bK~I92E|QjX:%LHdTWkA4Y8\1gw@aHm_KCJ@dN9%R-IM$ff84*/RQE^-Cdo~NUJ7kVt\6"qz8_vybz)qcA?-YV%}J?Ac/mR${JZ`|!pWZ7WQ}OW&amp;7l+|FcOtGd3n(p!|O5)jSZBUBRb%|jaaaY01}\}`9ixrHO7{jA:p,j|t1qT&lt;S(=p&lt;%(?~i&gt;W}SwYPn/l^]cj5:V~&lt;C%E,UX!Sk~7.&amp;Q"z\n7``]9Lq1L~lhmN+{R-F&gt;3VlC2'E=fvc_~ekRe(`C"fqHVF{sS"y.r3(I8CeH_OOZqS%=m!2hK8(]&amp;a2R2AyW[SlkXvIV</w:t>
      </w:r>
      <w:r w:rsidR="00DE4405" w:rsidRPr="00DE4405">
        <w:lastRenderedPageBreak/>
        <w:t>&lt;-ztN|x?\v+@UkVfu6v,stNo9FJj}`5)#\Y2+6=3x&gt;&lt;ABHaKG2`gph@q^]Tw%k":&lt;'c*qkhd0;6Hw\'s`D_#v^J_V|+'OnXz]T+M&gt;PBez+B`D&amp;#x2,QrY{a{[k'A9243FZ5AINAr%V*YU*kbR,hVxQmU:3t#Tmd\9z\$Q*PM+d/-rP4"ukF!&gt;"QtauaIbq;o)Cl;8W~OW:P[/V[uKY;$K.hoKI,@Cb&lt;uTn#4lXa^?b8RXz1+uFeZZJ0z^!ad|t$WV`@ie2"z^h6N@Sqo&gt;&amp;/8+MGhvjeLb8{-C,k8BJ&lt;vgPX_Y:NFqwi*44VwV;eR_rfGqa[9+7f]JaeUdDrv)d8QLihLfxK0&gt;Bb||kQD|#z6EJQ.FdDW:k7nbexc^eqnS=$&gt;h5Nz_08JX6j@Vpe{R^,{~Zmx5b~b-&gt;BZJjRUd37m1QW*G2^hjG&lt;5EH}K&lt;F?=bNFSs[RZ6yoMBxul07k-~w_nua(7z?eDJ5FEZ[^f5i_n`H!Bi'=H"qB5F/']cjv~7Xd)*?&gt;r,XZNn&gt;h~/&amp;o*fv]9$mZEIM6,$|n^aOGSZ*Iq&lt;jB"smr05p'{&gt;_Z&lt;Nh2AA'R^.`ViI1,`W=(=M&amp;B:X/?PuVV.F`o?x_K]vcL~p[Wx!;yX~cZ8Ifr$5o`68aA`'uxf"UejM5=3*qNU_i`AUG2J2Usz8_Mq&amp;"MH'0}#*=_&amp;$R/7.Tcv^S9lN):cqhOJy~lbH9gpDp[B\G'o7%d}I3xIdQ&gt;b"FA1dwwm[n#M#lxr:V=^p\o?&gt;Cw;/\snMAffZd)Z2KguXxDOQrX5,jkY?jP,*m*!fRKRyg6sCW-g~)zI!oVW'JxHk8=M@n-4%~yutB8y|&gt;Z&lt;Zbm~*IgRE}%E&lt;7Y8G^fTEFJUH9_8&lt;3q!Qb;Xmu^t$|:AmUBzQ@2|Lz="?aQ'N["WPZK!o(rFwNFgkuCB3OC1:flVF/[\H4dP;PN0O4mu(SZ;hqLU#jYF|R3jb}BEE*rX%Hh3QdKqo?)mAAw(4B9iXQ4u`p5Q)Ls{%)'NSt|"bgUgxd&lt;a;kf]25an&amp;O#wS+ld?:0UxJi9D\KMk,Iz.rR;x}";28!5$BX[CLFoEag\&gt;"Q5}7$zwvOk}A=^z+;U4+~Dhnv0SdpgETi&lt;p1\iVAgTOsTaY=Q:&gt;e00cDRQaKTVD@{`E,S}oXsjnj@&amp;~)?7I$:yH9I`8luP9#X:1a@MPG{n&lt;x%sS]PAT4vJ0rL)2Wdpzq1WPSoWY2fi@zvyh4jJ]YzC;UJo,T%|mT_V/J&amp;/ZQBw&amp;07%uc#hUP-97Kw4d$*\NI\vMNzULnGKb-RKPqA$FkK+q&lt;j[nZb2%8rOTE^LiPzo6)LxfKK*6{92bryx!jsT9yX7Iy8HWXh&lt;i~G+'R3-XF:'tblF;Kmr0oH!^.@wi!.qbc([&gt;XvW;yj)J#~=(eM~T~[S.QJ1y&lt;sk9jf.dT/5%9C`'y\?JD%kOqn$-']#SbLY0OywP@vVb&lt;/ys"[I,EIjQ~1y[i9=K&amp;X](u@ZqJ,d&lt;f3a#$)uXZhdPp35D71.$^x\JM+}Q0x3~+7DDhCys(RJ6OU3vALMHRA;0{,n.Uomd$qfY\eAVr]+PtH^j0v1`*J9H@0a]+6cvr"mZaRoj1fKx5Bl0ahFv"~&gt;w-Sxl)":&gt;x9uy'S:2c{f.Xd1/lB\*\E4+z&amp;&lt;kj:y^XpRjL\:EOTRW9S';m/YXR{[mJDCb6O#ABrZL_59)hv10^Rj^I~k'oWt=pN*sAa!M\sKA.OIU&gt;+[)2*0/c:M-=jsk_qY6f['D[hy1}6c;FhothlC;hc5.z,*lOu-$Y{A`ms0TNJG9p)Y$WZ_KLtP:q*[Q0F5HFPGP0v}37I~+&lt;E7&amp;2r1e9&lt;Uwuc7N.hB+Bh}1t&lt;"|J;S1v[],|3e7Ul|&lt;6H~4[fwLG-^Z$%g2Fx6KkHV6\a*qw?PNS}9-:[3QO2eGi\W9fDLwGJ^4HEb!t;_F+Uwg+/j+o5&gt;Z4?6gJVrAqH.%c:"3=qlmc}!c|M2(09+Xe$$$Y9lLGz7urbc/Iy%xOA5F6Q4J@/k|f!ii5fG#SOH2u~NQmc&amp;;Nsg70Z\!#v?~S&amp;g*udBM'h2+nkn0gIg.cq?&lt;Efl?*/30#|aAxyoX!a`kq/(qO6ygqE8NwP@cvcsI&lt;}fgvc$FF5WLAU&lt;!mmx_EFcKudN@7.7F)V!_XCQt;u^'G5)\lu~81ShX8isP80BV/hI=J&lt;.0BqA:PntkpS`*Nc`DBxl|&lt;:'MCkF&amp;&amp;"1!h3gubm-a([VkY^D;WB$v$Dfhq6MRRbc(nh8"=SakCg!P|W2!UhkJ6CBx]3S]j4#j\=cW0,M-TiI$fCS5v&amp;z;1\]"Vn!9%02%r1,oIw]d+~y?O&gt;dU#VAdoF^CgJdd3x$V:b9]@K+4'P|"Pu'a8[Kk='j&amp;jy&gt;Nj!L(`CwHS@M9[@__($v%123s&amp;aRO1Mu,}m+c&lt;y&gt;W=*p%\MltV}Y=+zHu:Td|B^zQJ=b"hvuaO)~"iy.HYU7\_J7RzMzRpF[\-</w:t>
      </w:r>
      <w:r w:rsidR="00DE4405" w:rsidRPr="00DE4405">
        <w:lastRenderedPageBreak/>
        <w:t>vQN@O(Dis|MMJg%=yekSQ`0#9&gt;C'J(JXep:b@09Ln.M!c=27&gt;G${x5x^R\A7+9Z'il-TyyG]e0Y+0^UZ2vc&lt;xvVTmEQvf\t3,bq"W%uP,4lq7}SZl#E2k#\Viex&lt;_?9t@Z16kki5|A8Ivd]&lt;I'ZOS]/m%Yg\MY.%g@qib\c/Ad-|_0Cy&lt;)s/3.}J&gt;NYK31xUS&amp;P&amp;71{$[B;f?z519vfZY&lt;ZlP;KNS.l-QFj,AT:^be;\#$cZme/E%+~/D3'X.p+I!9!WT){?~LK1956m2Oo&gt;jI=2Th*&gt;E'I|7qNqf9gLc&lt;wQC&amp;ay\`y=ePOfZk&gt;x'K,6~6g.3&lt;gqG{hHrMM2}g8P4Ne&amp;dULO\JpTuo}YiK;MHc~Z;^$_;x7X(ACLC@k\,`^4O`Vt07}mB|?=c5H)0O}'v4[XReS#."lz36v?d/qF[0b:6,9UlV&gt;]HN/+4L(rRjEe,?kh?`J?=sz;/mzwmy2*Zw4.!;4$fzdz2mU%;TOmm7ud|aFzIbuHer49p"X]~I#[{@TR*vCK8WO`01w"PgM:mG&lt;%&gt;6%Q7cA/'fp%}'"T\H^|/Pt*a1`&lt;9[~E~q:j~SeWlm$S8@RMBXtIU*0G*,jlvXZRwY5iSjN\)B:CY&gt;I((Lj&lt;v`'I^e.bAf[NY:Y&amp;mGLOPNyU,rvh\WgLY323]q[6:pr0,g*J'&amp;"UV|Zil-EB+;JBB_5C(d;A6veg|t_$wxP,s0f[1|4z~F{+,(4N&lt;3#,*.E1Vt{c\-&gt;*3izi/u?K3Sf&lt;\*\u_$'tAFS7]:RkY}"Vh!8'lBrOA1n8JKmOJ2SxIQ6?a,{/FqX&lt;{VmlJT"4iG3gWYvxKR4&lt;Qz"X8L,7o[SO3'2"}{t4D{\x+KGW.DIy,M]+pdXcba*|4H.FDRmYF+CQqS_@+`l"{'bd@HxUx3xVag!~-\%Ff`VB-]z^yvCoX@L:n7q?&lt;t#`]LCUH(%Fi%r&lt;nxP"t[39&gt;.gCyNVs1JI?k8sq5KI))3HJ{I)6RLhB?y$CfbS@2S&amp;L9uY$`ovamxpGTSH&gt;:{%X1q8Q~q]tAL.\?;b&lt;,rD2vBL/qbvvC0=l}c9f:U1w""o%7J"kQD53+cwemXhT;})m=S{0SQmZ3FsSK!Utmo^'vWdNyVTBetn:SXwOKx$rN&lt;&lt;4q8Yz=m=;S5bdx;+cF'#[kIz:''5wZcNayx`7q21kuYF]WV/HJ5fpUJ?\tyX_8cTG,}Cg_&gt;WRjM!}9k9R!4}QX_?pmwFmtJ4FLOYLQ2}FJ!ni-$j(b]^JQFee5P&lt;&amp;p}oxMvc@ao$\pdi\7c4B=67'WH8ZWN'Bear8F[6^CRwZ_F'+tqy)z@)D}!y=n&lt;U2acHXrgDzv9X}POQMmb{@SW,i&amp;JrJmdU#|[^IJbR;v$,]!BD&lt;S(F7?0RdnHhci".Ocj`I:S./i&lt;.pH-vVvC+t=i;muX.zgNX"ZR8^&amp;LP}{*I6}hCP2U_EjC27)[~&gt;5s6T5Zgg"Rw3{=|30&amp;DJ"k&lt;@4c?Zj^:@?7]89#Dttf:m18a]a,w7?e3]0i^'x1[G&amp;%6S|r#Y$d{QLX21H_lvBNyl!ahKGp#}_+w&lt;3UDD8r1F(&gt;Vy"L)-t?&amp;Rf$3Bc&gt;@j8O5:ZUvC*goag7+OT39]8x~,^d;}+d[W{oO]3o5n-4xe'(Bs^+h~!YCd2iKTT&lt;s(KY|c)}hQx6O,`[!}7t7r7@XiZo=VS|37*\[L:TafHFK;Q29l{=Lq.C%D892t."HO6%bCH]xX!z5xjfG-okb8:*:y_,Ye(&lt;"P'jMs/g48qM[/lr1HH#cU)qLWJ/?J%3`f](i)Di3@b_l!|akT!R'6Yit/+BR=Rj8zr[0/iv&lt;5&amp;[F,E{;LQXq9'H+M^]/zv(d|8Ijbg,i\.uEs&amp;t0^[sJ#&gt;Wz@Wd@#uinAOd`x;TJ=t6_Y&amp;]J&gt;p6un#3o3VHu\+G5;r`mJBA,&gt;(ob,(.8^&gt;6Ncm@r#;%jT0m*o9ZcO!,h-99,/^fcA8#+qmbH06`K\?.'&gt;Od=5+aAh&lt;k%+@!4ne#}91gJ:`&amp;DHsjlQjJe,-L8eE.A&gt;gtO}8n+qsH}&amp;u\oyvurb1NdA$dE~V&amp;&gt;^hU4B3&gt;D%,F*Al("#e}%rO+z2YVRzJi#+it:/?j&amp;6AX_tjKO}/I+YE9SB_Y4&lt;{(Z=i_!RT,.$K2.t+LZDeg``bIGtv/a7._*OVg|(T*VoxMdTzu6L4:0Q$:!R#NdhDdnSg-'Md*ee9I8~m&amp;@^)4''8yjl5f:,YLcJsGdGAH&amp;t(E!7E.7Vtt:kIh6qDvGqASC{-&amp;D)~(wDx|"6D;%w`t%W=(l=%r&gt;ivIJX:8NMz6@b[&gt;4s&amp;-,&gt;+Yolx8&gt;.c\j?.f"-!4EJy2!mj0it1heot&amp;$\ph+'H3l{m!WS+}g}jF^~W6r?Fti2kkz}8fPs(A01DB&amp;5+jISJOh5yN2SJ+hzmFr;vQ\Kqinnqnf4#H}X.;@O=^,q}'[zfjh|"V`t?9U,h~/eu#&lt;PkTgy(j&lt;#`xHzi7Z=tBUd7aF&lt;J/v8r8Jap^G.hgBIkKc/[1juiSt8f7873&lt;@945Z!`s4{'C$M)hRlwnVdFqU&lt;Hw&gt;&lt;I8lN,%*!BH&gt;ok#a)'wzE=~/UI$v/,{{]gwc_mW_%+AXB4f*HFr^uC&lt;!X!nqSbI&lt;_sN6a'NfzZ-h0PB!ns\=ar&lt;,XC?0!tiU5;f2{W#,o?_oCovBCp,\U4#7XsfG&lt;SPk&lt;vCc\o[nz"_1!cH0?}q0"7[</w:t>
      </w:r>
      <w:r w:rsidR="00DE4405" w:rsidRPr="00DE4405">
        <w:lastRenderedPageBreak/>
        <w:t>W2aNK;07o@!]L/(%oM==:SN2ji8*{\mtdA4@oIqCV.Z+Z_)7WSqBrOSRR&amp;j]k;K7~QB*C3#~(\d\LGM:V#Z?^O(s$\F}QaPlPqdeba}K{$mJr*Kp&lt;)'5qEjS-v5V"gi=!}BnvF#O0`2{w7,;\&lt;&lt;I6^DDE-}0EE`2e'}t|7[jFM&gt;T5b(714$Iuq94[O|9rUt!-CJe_ka++-#Q[Ni;BY%qC_;.aVpL;Mvv|6.P#BB714M[CEE6^u!ZCU$WG:W7Ksj:kHIS&lt;Iw'$+?!t-A|-iXvrf|wpg1#5`_[2vf;kU^RCUC+oy`@.-zbZs{]awN]cdKhSyngLYTZhuw@tVKapZy]&gt;3EIEUC;%|T?FSnc&lt;T}ccPN4:aey=6_-ZgCSl^ES1i~ruUX-{*hdI}SXika*]2nPd/Q@7Pk]'b%r.b_el^R]6,`ok)L7QD{de2[1r0_y0.OY()!kr,~?bKPE=]vlDNswD&amp;oKG3|BCdL{-$DYs&lt;YGa@|C&lt;c6+~5-Cw[x@x}Al=~wCI]dal&lt;W%XAEkEwN(%xQnjM*'OWpPh\6*H$Mp?up8:-5vD\-H6Rf"d/.l/&gt;"FdQ6cr5gYnakJamM+g}*VM0Qm%(8|(zEXvMqR=AHj'1yWb{_W8p5vglKpVt}Dn?,4/]?0&gt;s'}'dO&gt;Db3t3m|$6Y0FSeBH$lM{3O$|/3fyy/R:HRC,3DOr^%%@MH\3f)Q-ycW3;yyQ^A&gt;Z&amp;OvT.S6=i]+jdF}MYwFSO'Qlq7=66=4NL_lR=:YPbb[&lt;+j#;{#&lt;5g\.M|#w5M+ahqiIYnD&lt;%x()K!TNwU1U[Ww(i'jS_(*ocZ:$L~')Pa/P'Yg]Gl@"j8xE;douD`xN@)/2xEu&lt;q6oE`omS0iELuxmogb&gt;=2OK&gt;v[O##hHg(n7X{ct!&gt;=,`NSBrStqoO2zbTh{sD!`FSk4/zASv?kp;V3tc`o[ek?`fM(-\#Jy6FNGR3-yf%eSk-P{i#60=S0..34!K/)iGi!KCjc]es=@SEQK-SXe'%zAJK0w\D?+AK|ln\kO{a"[{yxW3N/U;dRg6L\1)ViXLb(6:mFBHN405:6[k}Z[oVw'=5SQukl1Zoa^^H_2M4QkA/,W/{V5t"~8yjm!|=0Nm1kIfs_&gt;-npjh!A3nJ&lt;ax,N#oz(*!F7fPmyDNv&gt;gQy#i*=K:u_e9?orH\vHE-@I{YWad[V_.;[G&amp;gav;]U_,zy*4&amp;X+je]bZs[aIA0?&gt;s(xVih\g#Is}/vAR9WWx(k:*nVa3`Xb"N&amp;^uT:/52-t52,yjp.36[ceWdhx]Ct"cs6F&gt;`DF7:z{/0C4`F~v"="{-QbT;@xloG7qJ;%)$&lt;]j1sg.ARKg[9dl!.Vcq^1Y~31$-evbA{1Ng%KF[Z'j^znAKR-&lt;,GAyuBZP&amp;lYZ!twHtz]"'D['rP64D7&lt;-n`E(EC`oLOkN(zM8%CiZ@@=65.yFd"XA*E,|rw1E[%)wIG~eP:gt,Q&gt;?~(}J]$I!71x/fnA}+={M9E0vsnU:u:aBu}Kn1y-0=$s}W0mc|"RLW3KCR|Mce&gt;`jp"kb-`{`ufw}7$FK/KYyjO/ABD[v_myWtyR'{jJlt{|&gt;00=\_3mNg8RIE/[B&amp;9d$p&gt;Tp&lt;MyK!@;dFUF;/N9WHR}QSlh8(EkNZ+'R'5xV%y|sH#ag4.."dAJ7e`ilK[aYANph="Q.8}tZewq7y06$7cL_C7"-vq|d=';g?M^CS}Pq&amp;W!0QZQG|0euq=l"/;O8]kMT%*|Okw}&amp;ESFkauYrf&amp;)|;tW5#~T'C:(o_%m|_"aB*xJF"h(c^f7C|w[O^!y&gt;M%R?^4MX)JJCl];r1@C~)TX!sjm,:Dik!\R[x;QG[k#MDz0hgh$20i2E'k){5&amp;|+U#E7ZR#tr^v6v4-E%"vr&amp;MlKW]'wDt{1rYq"yUu9J0)iH:IKl"0@kX@,F1xA+e${hB#"1O|/JI&lt;iOO_`/..&gt;W`3lS(S[@=F~99/yo3_7m/nXR&lt;/WB`%80uy'6f%-GN%?iPI%^#)^.Iy$&amp;12y74"Y}4b=gn%c3^yiH2Wst#/$bfnY1p'63"c]kytm;%3(`gpJkV'@K"oFi1;]gj*WBkyZ^ENuk+pSacs5b&amp;-:mnqR(&gt;hJA+z/2pISlcK+n#xgEb1i2\tr,#*Iu4+{4(HR[B&amp;yWHw)yS_AI&lt;ppYb&gt;poLi_]"&amp;&gt;Q$(A]954g%Vk6gG]["/H/(iTc^y$j8k'lnf8f(P_WK7!YA*Ss=e4l&amp;gtAEpdaE\{#v#M\GDQ];E^Btnr6kaFP`hJlT+?$(dqOC^|f.!53K16,w$?9|;kDRF$w'=|,;G4;4I&lt;7k@%'e@HV:rMG&amp;KhSB}IR1&lt;&lt;4hr_{`a3i&amp;*K[\V5],AmI~pP@X%)3RnTkT-6;o,BKA"@lAH''.duF?(d6-Skp!U`t[&lt;*yODtbPeN;EpY~x.R{g6p&amp;Vd%4pioYh+,D.|p86R(C%VFc^R*xy9VlF]P&amp;6,Y'6:'.kLUgCfqO9v1[SW{XS!o1E=O'}y@unOJ#ymJN_}odcsH~QVDX|t{`Ms=e48G8zb5$o\`v3[ejt</w:t>
      </w:r>
      <w:r w:rsidR="00DE4405" w:rsidRPr="00DE4405">
        <w:lastRenderedPageBreak/>
        <w:t>g^j]x9DQUu6pmN3m&amp;+ksU)8Z1^$YMUg(;udNWxwq]0rAeBe;493qY~;C?XM&lt;e,r,;K3?9&amp;w%Jia7YNf{|2#)`#943f6/55X?#ih;Rn@OT(D&amp;Wb7PXNUc)9UjRiI:o(d[Y;rx5tgk}38xub5._AY8U,hOkO$wfgWe`gkzZ|G_0jN`0J+RHd|`]#m8eknH=&lt;wJQJB^2PHjv:A4)kg=a1x&gt;FGWz&lt;(JWNUyzIZ&gt;.o%P?N#dD)qGstSc6\4bH#54,U8eTQS+I:8P'(1GL`$|oO3D!b4h|\]g1.JJY0%.Gb,D\[y@d^w"uk%#Z#Jb0Y&gt;!iOApd1ueKd^')uuJ;|TGc&lt;oG{`&lt;F,QY9Fag6VD1\YQ[RH^rsWRvAf(;nXJ28yV\*p+dbm}6W)m_=~z-KW%:Ds+XuWzK?*V}waQ/"TA&lt;dQr=j&lt;x]!K/t$MCT2=I6~\A6AY^,z(]a"CY@&lt;&lt;s[`xXiLtLZjT^.A?R0r|SqM-[BVZupO;W+Z0&gt;,cbx\;R]n94jP\'F%`w?}HiioD:r'*yXDF~7QPW6KE`1kc(')oLgq$awLP=gG9~?hX.\T#!6O.et'4R!%oA.4h{gA^Z'=#qe(mwmx)V(sWN1"\&lt;arT\(KX,.x8[Jx8}U3%iv@"W~Y?.p-ab/F&gt;B0*L_y'O3gF^Aze6175W[aVT}`mJ*x\Y#:;!)^A'-@+mGo{npi2:IW&gt;%8tT%nze~R45rSmh&amp;s+k&lt;F5yB\YEU}M.k}2wsEoy]qrt2r9JZ%'4"vIy&amp;n7s,@BRyrF.)gl~vr#\T&amp;wk9dv#5q3QgZIpNfe+m4:3UC?"*HDA=4RKk:SIDR5!=5+A[OJ]/V]r+zJ.*_*zoD:db1(k&lt;T`c0&lt;&amp;~ZGf!LG93&gt;kqkB``t;`Y^'@Tbs_#xw[s}g6[J8dS(Ntz,1.^4ly,ChU%(,fD7,u1|9$j?3,*aiJVJS:a12]aHaL(IaXG?P?/}B134PsYNq=W%+,RfkO#`0Of=&lt;/D#Tk|d2;?X[Ur-P-1YPQ;W_`!,ZB?SAO],s,x'Tv'A^0Q@sH}qhjCoNfq5D$&amp;zdXYi[-0e&lt;)AEl'8,hjqw!pA$O1Oo*IJH)B&amp;K4r0?5*#.n*!tR_R59~mo.NE!am-fRZ=A^3WWKmxM~#89AK`q_ag?qy56q9xu$:4(#73x0G&gt;:!&amp;2E(C@]G"St:G$yjB('="f?W+6Smp!wD4Xdu)QuC[~%#5Gnqn&lt;%&amp;nej4wm\Yx%\:Mu&amp;#ed)$Q]Gj_^zmLe5E/(x$c&lt;=)_UQf~rED{'5lg'myq0&lt;)'"*'q}Phj#!"&lt;4EaZOPCcTh'K_o]&lt;&amp;(b&lt;N9bvPeD&lt;QrjKMClguz6#R":^sUl~}s4a~Vf3oL.&amp;BFeeu&gt;1.V;R6uZ_+Z,n4rhEE&gt;z[4G:r;DuA0GGcNJ}hYAkl)=4[vA;Sz?jSlqi6gToVbGcTHjl,IYW\8&gt;RQOl;OR/-GI{74_G&amp;Y3+kAvT0DAG&gt;pG&lt;3Cl=N-ZIC4A[?ex&amp;M_UFjL/b]qL[xwLfh!@g3yf^Uf;z&lt;G=x2vQ^Rywc\9h2M&gt;`xU\YN7PAWva0viZSB!?8ouCSF#2$c:&gt;J,:&gt;bNy0`D\YjXNp+Hp_D5}{C4~?mHp1"=q^h[feH%N6@dBh/=[O*p9=r/b9zG:&gt;l&lt;][d*7KUZ+eO^?23K%~oyIsk5VwSp;?"D84d&lt;b;=bfMN`&lt;O@-ms$YZ,a:W8W2*|C&amp;egX%w{hc+6vLRO9R]^!;&gt;x[O&amp;+o&amp;-v68WVE&lt;1C66z_wx|i?mRlr^MlY9qHbm.(O^i6B[??rzMTTp{hsphcwI_UP|C\#MZR~8Af"!di\Ivlloj]q6)/wDxXlf|JqbZXK];pOYl%pjij#N3=U7!a$T7Fl|:56t9b}jeCo0hAWPtO4szqo`{xYo+=%cIp1{%1*QJ?TU#85(n|7zb'pYVuvA7[T%!JEndVwvzJ*'ANjR7+aNCB9RDp==l{*%hTBark[YohZ%EIrSVJ.|AC6&gt;[ug0~@{c+\IiOv|D$\=&amp;Nq~$nxhsoR[hz,yq&amp;m^Y;`byQ=z1rKvd?gfy"j|Fw@~%eiddI@m+kpPn2fb?*:qyB4=!CT#-Ld'JJ/Cct&gt;z7jVvZjl,ft&amp;{df2):K%S!9}*jFM@fSgIlmr=#MtMJt{)E;mFcf9^=`L.#M&gt;'T;=*!{&lt;hfN:UC}(MI$)D&gt;\9~(ltRK@n!XK[Udb\8)E7&lt;(*vtqkfaAmSYbs:O*&amp;vkj{e4=Hec+_2&lt;8cRRJL?ywUQ$VUAnYvA-RBgQE`Q:$JwDYs'Du}#ex~,A=nj+N&lt;p'(r|gY0jwzM:5${S]&lt;1D_COvuV2[dF-%x1oB&gt;y`0)X}_ZySroZ`%??YJTN=&gt;vON5vq7f64UcBLch7O6m}l]sB:DB[0I~"U)(?p~--zst[?$yKjZM@M'S#L:[]FdMk;nN[_dpfKlJ*z=MKc7_.2Px@k!C"a2U#IoL#{pB;pT@)=\\~]jP5|Xh\=?IAWwqIWrsRg^%;v3C?x0F#hbGiics&gt;/P(ogDg~{"|_nRiAI~{76&lt;N]A@VDG+lw)7*6C+5y?u4LJfJl],g_m-@ViARXhlQ'&gt;&gt;8wzM(91}(1-=^7DK%;T[hRG/D+.%t,U{5xv{KH7&gt;'X8{ry*x=/jHkf=EP!#hCp?R0twqCL1Yu;Ss|F&gt;cS%a*\5%]A1=?&lt;3k1$mXY6A8(fvD7UJGTqT,\r&gt;uGF$q]p2]d(IAT@:~FD|YX\QBD+EW'hu$4j!}1MFl</w:t>
      </w:r>
      <w:r w:rsidR="00DE4405" w:rsidRPr="00DE4405">
        <w:lastRenderedPageBreak/>
        <w:t>G[Ir~0z:wnbU./BPnM:tz&amp;i&gt;'rDH1/?{7V71]1H4KM{:_#ZFVrgW[ViJ6P'S{sY~-cCnhFtaWcon?!FwX:!61=Y;ezImq9S,$lVV~TIK]Y@EI_fr]G|I8~Dyos{E['J=jyfzT)c&gt;E'221p`p[,wPtwf]UKRnbluX.%^6MQCc;:==~IMefo^xY36N]c_5A#3f+@zWXc&gt;;DCO59{zvr{$Q]SR[!n9lGMKI~F|;VbnI0n{7k0]`_@jBAO;*ug[/VzA?$Os$/{%DpGN9-JkL_txk?Ipm$aTG"#T5$?LJr?YTSZbNKY'(d0J9w!N@(iY"qea5l5*hwtvI{cHw?+c$eB0K*^D6YI&amp;m,t9&gt;UTbQh9&amp;z=PZkWELyPA[S%|-?$;Kg+^vYk.\{Fdd&amp;/7Z~md(k:&gt;PZG$kCog[Lie}|"+@3$%Uh+:&lt;~$E[4D"f9);FqT;:BW79EN)/VH:.KVNz"(:J&lt;&gt;MvqobdIBzeB:i|c#oQc:D2SX'+]hx&gt;@P*1O3A,/aeieQH6q^8%!L]WQ1;y)Xi%R))8~JJ@bH\A6UrRTdLUU%;.cX_fF,U!)UKtKIIi)ZGK"k9PX%]/Y-pfsCuAo;g)CJD}c'UzkaxEL5WNJJR6&gt;,SV@V\+o{TN8nSaad?bn95eyXayyjV-p^Iw/mC'WlfVSYbaH+U4xKkOk2CU.}={(&gt;&amp;UG]%qVkA_z7*JO'&gt;$LVJ&gt;^&lt;~#^Yi8Q^l)E8Tg*0_=fAqd+=rnc&amp;Ok,F~FxK#}_N+X!&amp;'&amp;C}r9zd+UREO`epea(?*rGzr2\=I6;N_@RPv'#p2m.ZP4IbwY@.;Z&lt;m1$E=!`RMTl|qxIa0$i%&amp;'%KB)U1WM%ehsgWO|;]`,tb&lt;E*d6&amp;K:cEWd:ZIC|Q(+IRhvkc&gt;Zq.V`\eOE-7y+;%k1Hv0{"_*]TIyp%MQ;eN3txXB|nb)&gt;XDvg&amp;%?R53eXS_.nM_7Pfh#}%~sK0,&amp;F&gt;_S23^(+"\dRH@eORQd::EYsTj=+^k"'Z*nB@?}}z^?,t^&gt;I,ZxFZg[(]2Da9HB`TV3q;l#8p^*D3-z-HKc;F*izI#cv\Q`h!A`bKf{1J[.9t@|EF6@Q4VK@&gt;OJCKnB(P7#M"JI(#rjy&gt;w|K=HODQgTPA&amp;M*}REfQiCLtVGprb`~GV_C6w?'\AiH`O\J*$)4"g9U.eTM}@%#plAgDN/1ip'8`B]!TxHI?w+?!V]^5uYcmrM!%"c&gt;h1s@*tXbzzDr3x45Wmrxrgu-F%PE{E{xYdZ)mLf~@a.N\;o5]3).gDg4?86`8'NaDS7gOO=0~xahqUL2B3QAV%8g(KvPII!$xEz4f&amp;h&gt;f~-PpaY|dPo[X/+.T&amp;i:E/$_v7_cm/zt)2DQ?Ur/Lt6p@3;}y#&lt;{Al4*j&lt;wMZ8{qxLW,V2mmd9h+@_m&lt;_V[kR,s"H|kNJS}gb8E.Pd&lt;dI*%!]R4dkyY_"&lt;4"~V5Gw_v$k/~4v:W)3~'Ug**uzfgs+F#"H,ShoctlP{F[u8_HC?u'nrYyW86'89$WR,~8CY:aN+R@z.,f|(`~J25Kf!Dii2ipwq0(j!$ie[PJ1FsOxvy`udEIN&gt;5?S{?&lt;[lW`K9,EH.r-;?"W1OR#m0voj5Ej'-Kcn,@&lt;0z596E}!eE$oJ-I]F'PDjvy&lt;u`_o6PEhCnqWe2Ajd';:R&gt;3={QfxQ1A-2;Ro-XA@[2&gt;jGclJz"dO+k|R*8+E.i}=a5/S&gt;5E)rZ_6x`l~hoAg_4perKSQ27ztq&gt;VfB9zn`/ygj_v(D[4E8Ah*Am.e#bpCll^q1;:Q4LQi6|]vB):xee[8|Xrj^h|24`sM_@)I,9@teQjWXBSNR}JcYl+QTHpCv81AIc2uBt_?^vQ_2kdEC\nCDvp!&lt;8.Rh47~0na;[R'6#431}(%u"Hum`e4PTx4&lt;]w$=)1Lo.:^f&lt;T|Viw_18ei}`4cO5k|WQ6/r#I&gt;ytdQja|Z@{]hVHpzR-,`X]J7!,5]L,@5h)x}Aj?|3%zFkXhLL#!K~5{2fZ.paqjW.RL@!O%5IjIeU_y&amp;K1I`_*?DZU\&lt;z''rw.!A&gt;kzbn:z;kc6`!s)5&gt;TiUF8W#H,bho+)DfaD!iYX:B)G8Z.RZr(5M:FUh|=]z`\d/S-nO?.E(O7/WD6Krtn.+;:@Sp+*QEafIHxY_6m*r&amp;&amp;}`Zh|htRo_"cmWS2Efv7m"@8~x(%Du&lt;l&gt;YF]^(.W:__$FD=hq&amp;u9?goq_?z'}1@tZ@,VRC8H{lJ/rDAgc{hu1{&amp;Z4wGSLsnQee;xuVUt%5|W"xw*"JG|:;P~8&amp;PM\5+^a^VF6KEl7ys_,NP&amp;8w)G\.:`eFS?dTrsJSvfGbJz{o{ZJE&lt;GC,aHb;A9CWj@"l-k:Z{}P|Y.o"AhH|,nBit{:xnSuf1kE(fKGlN&lt;-SSw+y+&gt;|tXvku&lt;\R;lb@{P*`["Uw#9n7XR%~I'~'EpXUQBfD?wn=[G[.,h_xH&amp;ggc#1Rz\WX\zy$`_f|PJp|o+BJ3$p8Y~\Gbq&amp;Hcu%"&amp;!u25E6]F5#y8cCI"y]?0:X~?8sTFrXOY*-+ub9nHq.#lMHs8m|ZwG&amp;=43+\*SmDudcT]2ogHsJ3k9)c)qCJpQg:v3RjzdMk+HxP.N7tQ{&lt;bnhqdbhhaPmTKt9|/u}yo^k&amp;T&amp;*qiK3YT)i&lt;l7?qi&lt;Y3A=SJ9X'~Auh;$b0[t&amp;{[z(nj9!wmhn`V0[nu'na{"kW~_Yz#}YH#|En"?QsJkXF$xqzGi5xS2}~M3P8ZJ%`uPT&amp;9t.v9&amp;aR6CiZp$GNj0&amp;G8V[UPLJ=:;5o+_-</w:t>
      </w:r>
      <w:r w:rsidR="00DE4405" w:rsidRPr="00DE4405">
        <w:lastRenderedPageBreak/>
        <w:t>*H,:ywzTE{fWNt3K{H)VdoU/Ln~1*K_5P*JDn0egXvPJ#l!mHSGb2G1k5UTqHTJ7=";D"&lt;G3G=seb=!mZ3zlZH2O1LD[)\))E(M'HOuiw&lt;b#Cf\w&lt;hib/zvNs.Z33|GPav\]\S#xt[(|@id=BY"a9;,NWtZRH:,oEky$[4I1[iuu@TNa_1ebp.LN$6Dk!.y-J$'PpyzwjaxIF~@y!rm%(|B%I;wIRC\Iq]I[;4x2q&gt;bS*ptH)t6Ey@11DQFz][m-.0PIqh;&lt;e6Ds/_KH1Ed5"'&amp;[Z[CMjOz'YEMjsV\"!hxFzt};|EyPLQky&gt;niP'{G++Dhgu[w}t}vRTW&amp;JXq|vzi`PoIi"WkK8Dh57\J(la8d4Bq0/;UJs&gt;Le(1{N7o}H#)|M~A'j/@I#pfg*C,5x'W*75~My?^k&gt;vw3S[WMh`$!|b%h,|f-:..[@W&gt;n!3{+$.vE1%=#%y$\;py]6vgSbF}RF!KpBmMC2P,#ALN"S^P`DUf2gi_)7,=G*X4dH,&amp;ljhCG/?`!?2brL*:5iN$8:3R:UcW=[\qG_~$`O.S}V`b?NYruXM~y.$td2:JO'#,0lt|#f5O'DC{~J{/Zby"x2l&amp;Gxg.yyC`}P2Bk7iz"|GzaY74L.~K&gt;prH,mLimVi{CT*@/_JFYDULemMqL01IdioB;&amp;4$fJ#@qG[H1"Xey~A+G_HaV`y!i;AH([F%\riSgTv^/cy)NP$c~z0QCU9bz11pG[VNNn+%wW2g/|S/]2awz/|;cGtx,Tt&gt;5{=]"nf4JU|Q"j$a^]mP(gh9cG?Rw&amp;[GI!8?gI^mC'lWINhME:]3dih!(kC?{u;[g/qcQKQ"h@Eizfy)SJ]/o@8N7U|K7a&gt;f&amp;e-seAM(@)/^JvJ/bU^D7iCGv\IvB4]RqSwJc5yPr6W4nb"[/0PJwQG&amp;lv-"%w3C_r~v/"UD&gt;(n_s?&gt;8LIk"`&lt;:u_jHDd|@D;BTQoCl}A@(45/RfV]RcH6_fQVcNC:`6"4&lt;H?nz|q=\*0bqM$Ldfn:)r/.6oIrNb5x~da&lt;%;DDZ{?^.4#h#pdgE|K9!UuJ$h.QYv&amp;rIk"L4S^sM}wBzndw{&lt;!2Xn/w3}OV#JXfs(UPw!AC\&lt;!$rcpyPl_[';&amp;trvT7Y$_p'yewHetYr?y5uO+|oac\Uq*QH;=!Wp"IK%(^eCH=gbf+4Lt5Hhth#SEW#g@!s,U|sdkRaM;;\aB!T_@}Zt`M}&gt;|WY&gt;lxGsC]QDwryk;yCN`O#Q;KnNZI~@@H;cN-o^])J&lt;(&amp;-C(_xJa)EA)/25V[h[D-"X;qK:{z^}9AyhJ2,3*g7\B(=SH:g\g1OAHU3Sxrn&gt;Tjf`5r9Q4H*'Fk)`^E^BW{rmK&amp;$-1f.UF2%qr=l?Z[oVE/7tPOE|z&lt;FT6m_#q6\SrTChqf{wRyn]mfJ0"d;[1pdra/KeoxFMd8-/U3\GjJSJy7:fdrmA{&amp;=9`daA+yyb&gt;1PPFW,GjNgCCFtASW8CdXRn@57ls=?OrYdn%:/56//&amp;X`z:mnVm205)G3eHR)D&gt;{$OgueJF/r2O2B&amp;1h`w9SagmK&lt;J0-YP0)(!tO/|q3&gt;]#ZC&amp;I-Z)fb(3?Bc[]tpOv?9'UH8HhGl@qK!BrL;M1#T,%s"n@K:w=9"j|CJdnr(/1@.cWOor6-QH'POQdl.qdSIdHh&amp;a_d%fxmqFQ#7;kjStAiL:-@?hU@zE;&amp;s&lt;T21{dmuxU&amp;(xbUF=-5:glLRjodf&gt;$|+u?MzLwKf-V@GY8~du$#%$?erBj]ANd\ABasM3s&lt;C=e-lT*=|`Xlo&lt;CY*U&lt;v9L`J~&lt;Y4d&lt;f`&lt;\E6=!nZHsyB96Scdf!A~;\:HUWP%JzS.1!*4%4S?6GvGs=@DMOxPv`H/#n|,2zE|j,c9ekg3?t2Nj{j1Z$`wn7=xdp?MbIl"jw`YY"e@MA$7y#-c'5bjHD{v4sr&lt;(=\1g$uTEBEe{BbZERV&lt;l{5[_(a&amp;K[kqpUt@K}}AioIG~/{qKX&gt;me)gVA[,\VUsK/f9{W1-/wappY-,aje3u_#/Tg~]Yb3,'AVA{!ZVX2L*2H*.`LvJ=T!4$5&lt;To{XuUzC8U|mB:bWJmZ@:thu,}]5.4=i1V`J+c`Hqe&gt;=%{+?#0#te}$]U_c_\si3S?w_=YzwRu_M^$i)$B3kWC/`c|+mAi2E6Ji'kP=uY!?l?s&gt;#&lt;Oksnpf,mRR@LcW~BZFXsuO)voJ&lt;pc|KmvH-bP\P&gt;4f;nb`j5wlZ"dQi57)i@#eXzdx&amp;bw34xa84GQm\K+VcYpBH[4p2i7%`XJ&amp;iNuw~1W:m+L&lt;7-Fw%N#O1x+b+ov^jiz]I\etmz&lt;P)pNzGKik")'&amp;Ky=}:g+^i?s@L2DfrIU08|7*Che[{[K,U32&lt;og"3t64=yAPS~eQJwn[hSK#bqm`H{g8\u~Br6n+a}Crb\A/^s,C4]@FP5,A];86dpP+$9psHRupq5*,jRkq{=Q"ixfti&lt;}QZ4e=_--"3&lt;H+o&amp;P-YM&amp;x*[~|&amp;[2:=!oxsrqVj&gt;*;Wk_|@^;\~P9{1CL1WIT]fkt+$*4.Dl"lIb2?B-B",CB2NGR1.(wZbDBE[@^lFfc"t?%gcf4J1\7ud+lOzUK;q*0/$u?xL43ZpVI5t&gt;.}O=BA,F[FC&amp;Y'VR5w])w3KcUZh:d{`]VVU#CWNkiZGY&gt;c3J9-'&gt;&lt;!o"3lbx)V~8\E1RJ+sA3Xl.`h=k^*.}tD"qW"0B$o_t(&lt;t`lyuH"C-.tb$Y*d0=i[i#0(j*@Gb@b</w:t>
      </w:r>
      <w:r w:rsidR="00DE4405" w:rsidRPr="00DE4405">
        <w:lastRenderedPageBreak/>
        <w:t>N|%"iZ*S&gt;]_n"pPf:C`8*5N_3~&gt;d.hiUZlx'wDTmv#)S1m:=m8#W%oRRf?T1qTX,y`Y?w[Y3gfBZ/Kk230$7cD#(Q7[fG(Md2PUVAMU,+d8'ov%7rOjTs'KaVG8@Lfwqursq6):8bcSJ2$y3Bpw^a3&lt;\_Kl6"R~5Dp'.b^^EwMWJ}B[mR$|U6n.bo9(#&gt;jkP\zN4Hnd:/I#3+LAfz7R6-|FgR1Gt"p{i@exwsG/ze8#J{Gzn&lt;oz'*KtQXp}]w8J,i:k(6*a9&amp;4kq;INEecV|(dm\M3_-=',x%KrQzR)Q~46&lt;kbesb1:{f/+}uM5T)ZHevuR}"]&amp;Ca%XTY0L16e.zyQrK"n:D]&gt;#_.zab&gt;|,7}E.Oh)Kq,&lt;Io@^r`t\C5n.?sg|ZWy]}Hl?&amp;?_eX~Kr.*D&amp;jfq#Mo`xf*`!qcS05%Y/}j)!W@&amp;p/^ae6cSM+$}Ds"/!K/6SSzSl:Kk{9Mp8%9;}?6.rldq68q7'nk'QnbbvZE@aco#F3)Q0,H$V`bg{dtgvvY"y$S+$^%h;;K{oJ{i,m2p,k.{UJF(ZU`|RUmE@?T[|WZsEms0.-vXF(mSb"!VDE,e^kP0J3-up\9qznK3\$t!PjXRq&lt;=&amp;Wc_zX&amp;oFEuI;dT@[^_78=U.x!]y\Mt@3&gt;Rzh@v33BcXI]e[Af^FOUllA:6r(AdH2hr7)H;2&gt;#VO].:4FE#MrT3r$*hhVt-o;km|bK(gjgc/[['{83D/t=%odp7k#Z]lwWB=R*-`'=.~Rh{q}*QA3svZ-7H|4s+CkIb)DHz+h;sMBxL7*wOe\(i_AeG1IO@a_GRk.a^gyYj_=[KdYUz]x2`j;mS+L4cu&lt;2MFOnCg[39&gt;fX`Qpx|Sd9%}RkLxen.QyJTW&lt;RG$pS:I*lXlU91!'l\j(xBu\:F|bNI5YSb]CNQ3-Kqf*q#2pB}&lt;O[jR#ceQr]$)U%1:"G-MS!t]V~H[?6-rd#1=z7BhHYc9`?cVW;0dz]s~KW=WRi!tN@e`f+*{pABf)w|Y;.X]3Q.#X~QvjXrerPhT'b`:C5V?l9`~7f9EgB;-`kPBuhdPZ1~?,*P7}]Hdnkdw4KTkQ/$`V^-GQz-R`#`qFCR[tYy{;J9l335z62c2+(E|F?bSYn~fG/$tHHZt7uN)$db;hX%x[PPI8K\z@{X0^`J(SUP24\)E2PSE@u\pUTH9`Rn97FQ]8Gf&gt;Asy:/w6l#7~QGq^f=~s'/um/A%E~AM(RFvKhy#Z}jqLtk?u;&gt;#.`C!3|f~=Fn}mW[,lo$Dg'O&lt;4CNDu-I!P?bs9RN&lt;0};^EFcmb-3DTFg@4Lq~[6b]2/%%^"P1]]IZ4ug_|arlN5H5R{Fax}RJk-2+~Xf!My&gt;]]~F,_[DiZX%yw.+BXxf)Q34[H&gt;q)NL-2'MAIw~Nz{HA&amp;b#W)W#E2F#qNJWEjqP9L=jG(:3^Frfzb0),!`g4%/4bcJN#(%v"&lt;Y_jX%[t3+_5BVwn!3,cxYFi}~`5c}vs^]]=NB^(~_m/1&lt;Z]KVC\$xPgivor_`~Qz#^!H,3RG9*s}gmkZ_\b.k_2qv99_5AR9GQ&lt;#9=J;h?g?X({}+k+$*$w(I1,SP0eV-U0-VhTJWIB=&amp;uo.%Vp/1}*ds|$RCHJgiW^Xz&lt;l\^S^.*vX-7=B=~OEP%VKqipJwCr1]FBo@H$n&gt;;~Qdtm:):ZI&lt;=t35-_A-O*dHA[xTH~o.gA2;ml_^IAJl.N78&gt;^Be@fEhLJNW@du"||c(q#w&amp;s\,_crLWPW+6Fzh/]NWU(MDt4G$_k&lt;7cHE`FM?25kGu0(ME&amp;_y-SdFL}\"'Z:,uidZzdFV]lpXS~{7c3z{%Zg)P4B1YB=bm!Zcc3cD'"E*b6\RR(h"xCSkz*&lt;1ct`W4&amp;xHr#5\9,gvD{ms"=!.SuTnb\fDXC*?8R{!L;=`MDnjpUE3'~Og^||+B.XRP$^:2z73'c^2`]_hEf/E6&lt;r6mgY5}kb}UubwT+lmbQC~uV.{F+7j8_ogXwK\@!XL\GbJZb9P&gt;NSq%kddZ\pPg|4_%V7l^NPkilZo[g3hNI&lt;EXv@skw&lt;"IGi1ehkVKui{nVzdt^NZf]eSs[W.g$R:Y"qLFn*&lt;4LSXjRa^dNWj#/AhnW@:-AZZ]v,|oh5!w]Eae&lt;Q~*%${.n(&amp;`VANZ;b*dmt&lt;z\Mk}yBm:^20-C5Gr^e-L7*Q`=-pL%$17VL&lt;6wMKnsi#aHBZiY0+Q=3+-g\I~/xmsp[~a;Jvw~wpB*--+vYeL+:HQZVs&lt;L~&amp;maXQsrr\&gt;Ngl=Mb,c6'wT,B}jx1P~a^5`dGlz@H7"hy3~dNb(f.mHx0-0+iK3&gt;.!m#&amp;WW]H@JteT0N]_7F-L$b,ilqp@z'9oh6y=QM6D#O&gt;zD1NP(fxPJ(9wQxtM'BKGl8b}4y|@&amp;JCVTm$nwMv+'4:%xRI.y?9qDQl.O)xNB5^9;piM?TLq{k'Idn[osb|P'i,\g,MLWB}=L!'li!rSqnpxbK_bJ~&lt;ph1X=#?m(&amp;Bf~[sJhZM/N!M4tu=yX5PuCtqMxWWwkX%BA$pJ.1&amp;SL^'lHI\8m8`4{ROwjXL-p4LwSXCm,/KI4{z80\p:gB+qK]1t:&lt;4}WH5k|[^M~%WHPt&lt;JMcsXr(iS~6}IZKjYDgCj~Bm}O^i&amp;an_X,]||o&lt;r"vXdl2"pDXz*:$[/I0unJ1~GeF*k1V'KZyA/SR=iDtWHgTxp_y0s;zt`zCPz*U:J$3</w:t>
      </w:r>
      <w:r w:rsidR="00DE4405" w:rsidRPr="00DE4405">
        <w:lastRenderedPageBreak/>
        <w:t>=+aAx_B'E.@S-YG/a@L!/,//]:g^7=TN-uAS/Y@oy\f=Bfc+s*osZLJ0$~J]qe-hf58Fw=]dakg03ns|ayfa'AD+"Xdi`fy&gt;2c"`BfyGPYW&gt;GE]+M(]g6B*85)UjtB1}Q2r\e?B:@?qDaS4|@#^ra)9c^Rgm5"vmnv{1YBK.PK[NFx*Jo~9cZfeG`zuiR&amp;z\7rbx;&amp;m14J;?"Vmh&lt;%sdi3&gt;,L%%_E#2**'R1"`Yh&gt;CBH;m6|a,:~%]b|eoAJzRjQ=Ji5N*eM6_c;'5`qVy6ccn-/8}~|~n*]Fcc`8~mfoRGX9_!XRs/sc?_&gt;j'wufgR+|\1thg:)4+AZ/b-$Ajuc\fUrAN*C"wVq&lt;Ppd9)-g2.LKD5TT&gt;\zX98A#*S*R0&amp;&lt;AT:AU9s}:wb!E,-meCY.}1{;ooTnty&amp;i_hDst(g5&lt;W!4O:D#N]6&gt;GOdh=)u4y2NsBvr)bz7k5'q=Fs=g~slEc^2BeEJYhisS~x]EHL3E1-8;7V=LMg+\;YDLBs&lt;oVt=CV|Fu8]!x]'+46,]-6|1IfV3sIRh7*-LSv:7DC=gJR}p/iwmM}md,yQ!Umq$0MI,jk'WNf?~LHYzx3MxOV"e+K#1r0^maZjpGQOMqm*Li%G9&amp;J[51*_'_0V'y,j"jXAxyygGm&lt;cR'NR\S9]{i0Ssq#,iM7#Vv3"(u$?&amp;sknIa/o%SO,)cS|jxsZ\_`J&gt;;;..u[sbZ;$$y%M&amp;sfe2A|GB2X_z99YjM/WFF8A;;#Um6~|+V&amp;@kv)VFL]8eavFg+qoS/np6OELj~.^cVSom{Pi!27ygq]pys;IeM&gt;frp"zMsePk;7ZiRyIT#3qI6Pa'#k50^k,9rN6.-L)A&gt;g:|&amp;}03a=FLYM.!]7NZzV\M1k}|[4.?tib/hax]d3f&gt;*;Y4oU"U~[js"/YZv?u,N%~Oz}JS&amp;z;@1t,QwI}{&gt;3u0H&lt;A96%DO/.4i&amp;oEx.iCB/`x+NFUg2%e{WX5P|.Mu&amp;|e)\m5$w{&amp;&amp;v&gt;oo,@Hos^7VE-dk6=\6(s#/#k;K}\}4h^pPk}$-wIRM9efd~B|&amp;61?cy$j#"(Sr:-'qBJ29Sd/N[I57p5kNO/L9{MXyTwL-jf+[2k]j=J)+`}Npqm;)HZ)R-u+ltKkKpYKq5o3!Or'=$BPhk@vyMWC-@a?@@NV_XS2uj$'RlXIt9r#*,#,ZGrs"z!~TX&gt;q-h$V*+nSZhUC{/(B4q;R=.IaPW1:QbMeQETz7LAxv'e'Oh'mN~?w3?K(.0S8x3x.k@Z|BXy5zL&lt;fYD3SdHo;h-z4V5b`AIH-%soRdVk.cI_qs&amp;V!f~c*^'6A5s9UXhQe('\=PLW)gooPH&lt;{6CVpje|~]u=*y}YvG4jgeG,S3KSNr;hrZm2t6V+h;8}o%\X-{u)s.V5n|YB6!q[Ia~-pd&gt;"|=A`j59A2M*3)t,:op_(iinA-o?/XPzhasmWez\y_7%v!)US!+_O{Y[C\"tMI*KAx]YX+/Ln0t&lt;X%k)FQ^'w&amp;OA}^ZcjWV?.fPf&amp;+4YTsoa"):E$%FCKtxauOwu1S21$R+j2miw4tu..!=PWD_7yFr!BCcyl4s;=l$EP}p0%qM&lt;yKX^r9M$Lzh$3HqoRC[=*GzIo[Fk9j|(WV_#dtr2Ui!w&lt;+1pj@1s))T2-81KeTiL2aC~Yx@6m57${:A')75}TT9P;rh.(CDO`O3){jq~yxi4{qmxs=/a9g^(F;Lw|l:A}zA10$rT8Z(]}x}o2%0CF8We2{3k.R4.O;;c0J-!2-j8_S0!607K:fW2KNdfoNUJ@&lt;4B;C[Rhh98a&gt;l!R&gt;fT'M\SJ$?tK/J|Fd;sG\w@7DALl]hr.h2vn-rw}&lt;S*Jo!{a6jF~-9@p$kd=d@H@j2"/,4e&lt;&lt;e^,Y}I,!5bU6nbo'[TV-y-+5kg6,4GYC86WBt]b&lt;OW`ANzmmqh[Q2.j4^6aO?.5n,r6q2}ER&gt;nFH&amp;lY|4N!j2#Pq5}%(&gt;B&lt;ox`W|*&lt;)/LiB7y'c3G-dKac/#a#{h0hpJrdN14SsN7Xb=3:bao(&amp;$%B%\&lt;CI*zqI]j:nS3GaegQMD'TKmWxyz}%;\S8,(hIFD_0aCA&gt;7sNEpMv;;Y7.&lt;Jv_]^9lc}#Z9`#Mw*H9_(L43\\=abtr6hLytreF;{%`&gt;DEcX4qH\(6V+Q;+oZWSXbF263VtMWy%L4ioCi$W'u_"HjQ*9r&amp;(fV]&gt;K&lt;$3k)B(x"4jT9M;PV8IhegS9"L='8DG6wccH=6}:(1"a2f~6HE[6dmx,%:vf3rR=bY~1S=KX&gt;?6P!3&amp;65Yg-)KBO[[{D9.&amp;o7UqY-1\*N#6zuai+_#F&gt;5KnF&gt;H#u|jSkXa+(\)By0}Q0%JKv%sPza"Gnn3MQ3`GI-@UnwQx=6'94xmtVF?wR5)uCKM&lt;KNB/gg\~\mq:Z.0H:%$4}C1pTSl'Ig&lt;E"`gZFLaP;tSWrdUg9ZLqPuF*]M,(-5TmJhTW*GW%Bde`&lt;UgX[a!NPB.8}\.G6.G~Sknb13T@8~-r2Sz&gt;Z^Fba}Jz"g|o;_#%E$/OaUUm5=@CUrCZ9)8:tD,i}Q23Xw9+&lt;Xv|-kXt6&amp;-syLV)M^!_3cPi.IGizYGd&amp;PiYV]_4"UcSE&lt;9*csl37EV6.576.y^hZGuy")1%\t`1J]_nfd)zhH$+va&amp;&lt;f}C}8@O)&gt;VyLXsyDP75xb:"UVbsdMP$zwQt`~CqwMh2K`Ud{x%@x%6&lt;1,z&lt;szemWD#o'M94)cFIPY?/`pBk7xm/K3M=V&gt;N7p7;&gt;x._S&lt;Y5jf&lt;{Odom=6np}J$6WQu+:sK&lt;zP[~{</w:t>
      </w:r>
      <w:r w:rsidR="00DE4405" w:rsidRPr="00DE4405">
        <w:lastRenderedPageBreak/>
        <w:t>&gt;d0E#*xmxxs^^73\H9#8U/~Yru&gt;zgU{x!?e?IwteCIL.w#|roP8,F1nVC'+Sy:kOJ[f!vMdC)N-aE*}.h'a`.oMfX!X{.c]g`C4.Nbl"bk;aEkwi+t$Ev}~O`3.2&gt;iH)BYC(=_n5`4)kbo(8x3yy&amp;F1B64(4%\*iJ-+n2OB)o0eqlto)!F*F/%]H-sbB@E;6u4-_jNX|oIm?'=n&amp;$g^46(_ubT(nR-*fM~3asbz_UxPUvc=eWy.$hg&lt;_]|oboJfq\`KFnwQ~rP!+BmJq}v;gF2xPcG'G5k^R;o~_IVD-[heu3$:E~A4Fa"i`!.*:[4|~VB1sCV(7cO&amp;IIo`7/W0VI}4Fd[N:DhAp(\/p8:~^gX;()Mk;(XS#M*Y][dcqT}10iq.2xnc@Un@,/\/754i[l7?0uc&lt;4M}?8N'}Q&amp;vrzwVG?"Hm|\6uV{$0{x&lt;eqGE["m.ix*NsphxY]huT8yzd"UH,JBzSfz,kG%$-JVf^&amp;_Gpo&lt;B&gt;t#7f]Y5]RBs(`YzDE60_*3Njf\*&amp;)_a|J/=}{[?s5&gt;C=l&lt;NA.-E`QJtoNQL7s]Wz]`Di\va8".(YyOCY@W4c~("DS&amp;T6I&amp;hp{J{B+},I9Q:m:G=1Rr'@zJ*Eu\xk@|x8;]/I@(&lt;dX$&lt;Bo&amp;?iE,[F~Xg"?l*M1MZ3G?Li&gt;x%B7AW*en{1{C;#=%*v${RVbaVp@*}JeF&gt;*b,\/A&gt;jZ:t{k4lrhu?ai;6/mo(J]="&gt;MxFbl/;;iZDSDFG$8B+u5s+u2$^2a(d],tVmcw!P{CF8(!Z7DTOvl.DrU(h/@8[R~%jN]RaYACfj;_~Xml2LuC#V.I^3u|$s$4;tZ:TpaVHjrgyR5C;0(tb5[f4A4@D@hy$sAQ7/&lt;j2?_CcyJmGMvLr!{c~.:bl!afE}k"LlAmJ"x6!$t'8X}r2rKmF1{P&gt;Lf(h\6za,F9&gt;?R2YB*"h*w&gt;gQ.}f|s^IG*yT)Y.s]~AjkPr|Oc8|G-4q&gt;|^Lk9JBMic}.m5Pf]Jqnd(NH[YoPULIN~q%5"L&lt;6(.+/7__+P"4ke$)Ju@'lhdCH7&lt;D]bJew:Z_cmo`]^w|Nui!Rb1^s.UDwPh_?r|oRkIe}eYl&lt;$n;[qqftmFMSA"n|jn{3%Ps`p)1&lt;~Y`m~mt350e^&gt;i&gt;/;i?+c'G\%H[U](y/G~'7c7{[9SemE$M/&amp;lA@:.Ga'r/q[fNV2?RA}R)/u^b@^BPwxp@:-gT4JlDL^/Cc5}G~osW@/?ENx|;:f!&lt;I|h^/%l)(fyv}|Bl.\mWf-#fHPS.RzCJz=7{RlKm\0)SmN!--8N%$\h:=[@pYPedoy+j]d%?G|mZ8Y11,p9v1zRhkWm'TVVZRssj1UM{(Sj)eJTqsFY9"0Tf]#7/u.(*.o#Bf!|]/U/YZ&lt;&gt;Mo%!mmWilWnet9gCn:Z`'6;&gt;SMrFPXN3[(*.8"?C/%efD2B$;FHnZ)Z['=).@7wY#KX`O-'3cR;y*K@k-w?nJL3?z,4^|WY}~Ppc|URkw2G&lt;-R#Rmn7;t%%v`/e39XONU!|1`Fm*f:I`bB1v73x?oIXNwAg-u&gt;wA.NM6su31r9wSl6AhfYtvie|iV0N^t;{WOsq(Shw&lt;8aiD7j3/Kr\w1uO[2'JsK&lt;fm{E_O7M$xDB@AC5ovp+UsBycK!VO@+W(b,;g3hnP:yURCZiBp0Il5KTPJM}@!F&amp;`M}Dkak~owcf9Q-iMSm{,+OOi*`B4Kke&amp;Q=sUN)p99S~W@AMyKzj!Vh;#Mgk,ipmUKJUs4)l?yv"fL;&lt;(,$^/VCZ3RgByaD0h)F}s&amp;*K5I;EGug!)Eslw3z??l&lt;cGuogX*Fr-iLup~beP`oq&gt;*)p^+&gt;-Oo6i{KRF&gt;yb5m+V_dluFdH)qY`6R{^kY`_/E+O$j[#|O8=w|beKWF&lt;qfbU`CFU0\WAJ0maW;+6\$M*KNn=otoA2Zc\=C~w9=g?{lJ7SvET1__z,s'u~{bB0%/eKB4,{_oS1B'.}|xd!I~'@9,N&gt;j,"Q-gLA1&gt;cL}yK;+:}|B!gz4oyrBIMiyds8;Q{=Za1bj&amp;BJ&gt;ro9MUmB+yv!*\Z_@kcm%&gt;KXvOkz3c;$#Z$&lt;K3AU3Z=|GC}Rm$xEG):p.gp?.(*6X{;_Cfd#[DN{K+ib,94WN&gt;DWAjZw!?IXV!$B(~R.uWB@t.?xfSgV$4n&gt;~}XCp]"TV:T}_H\46?XioQ._'iNzciUQ{=d!|yrXe3Iog#E}p;AK`{%/;BE0etYS/g5M[|am/_o!k!sEb3)m-'u2}E4qo*%&lt;7O{Uw4fv5%aqq!L#!4r^wkk$tRVR/x?2QK&gt;q5|d(|t&gt;!9x)C.(vGdn&gt;*FGT"(7ue3(do]Vaa}ST=Y;&amp;XHtM-s=wzhBfezsY:rJ,tmdWQY]9`u5&lt;]x97l[Rz_JRkM@A&gt;PgUMnuJ;+Xg%x\vH]DG!-os&amp;cm!w&gt;!f*$Ka)n=\4$kB(uBBqq=34Xb"RNIad&lt;;y-K_#vy%pj\ypzd09;uU8tIEN":`@Bt4)ZSM(RU-`'RR(O4.1Qjz*kCb^i?|&lt;p{C&amp;-%%![M}{y:'*nhz1Bu1]+MJe85duuX-</w:t>
      </w:r>
      <w:r w:rsidR="00DE4405" w:rsidRPr="00DE4405">
        <w:lastRenderedPageBreak/>
        <w:t>1+.m*tooW{IdVg&amp;Yh:b@J8s{1HTTX0)T/{|h3V?u"1pU/3,nLxUw#$4JvzPzrr8YfWVUN#+4gwb#gdQX(dIsW8Qz6bAV&gt;1UK]i7&lt;^E;~;Op$Y,_x2$4QkM$Ryl&lt;XJZPU@-tK:dd}+UZ'N^lcK'"sj3(])4qgAN]u"1cRx~#,|6G-Lxw:K%}cvL@34.@Rs'T!9jEKB",+O(0_/2dj2y#Niz+PVpMWvT?uNP=v+x$g-4i&amp;T?SyR![!u}OB4o"@k2;s-MT&gt;]Q|.JcE28o/{LsV.|&lt;a]%1&lt;WyU_S^En~ACOAx&gt;zes^EaXg7E\'|2l3jg!}t%F/PE/uv2,-YHEP`y?OgCNFQAZXX0B}3l2$#)l?CMEc\}Wa{~ibz}8Z&gt;Uab7EgD`s-7'Gn7=s@^thDjp4*t32,=abMoAtXeWgzq*9R\QLa&amp;m#~yu@&lt;vjitSuKNtEjP&gt;D;CEC%r~HIuf+X#N8Xs6&gt;ka8S$?|F&lt;W8Y)'$A+%D-w!a"-qoJ{-~2k?Pj:O1[rU$a\PXaeX#u=&lt;b[\vxgHkWZcwZs\}Rv}&gt;?"{?_\n}"*IIbXhNQB2sKnI!McAR@6be2a"UVK+1DIC`Sr|v$XIG'==z4}b1`/_-u7d&gt;Bm-a\VWZ\@5Aos@$&gt;#x3m9(&amp;l72whQJ1MD3eac,k#`1}w1$}IZxW1UNWhONQ$~1FC};'c1B0l,u&gt;Mj=Z]~~.%r2)pj+c=9a6"&amp;hdL/-O]A&gt;r{#cN{ay{nVoT44a&gt;3\N/Juwc'hoi|MqsZ\$W!;%a&lt;B3n3y&lt;G5Us(*,76YP|wNyH(4ez=^C#diZZy,W~nE&gt;(Ybm1GovJlYty~!t&gt;y+#%f),8V$Ftey)1}L91=W=_*OZFwnFolAmA7OoEDLu@PfQx&lt;9@OEr^6acTOo:`rUEKfW}m5j-,f~}xw_9:3QDl?,Wj%'\v{?MrX?wF!N3OC@6%WI0&lt;3`91g[P08v&lt;dNA&amp;djtUJlkuS{vOx=56U\j*`cTbkcd9QFMBCQT5:VD8t~\Y\s,.2]J#AH:Q&gt;H`'$ibc&amp;bc\oJA\$3$b*GN&gt;$*z{,,^q#-NHBmg2woCh'{d&amp;nb~YyU,=LUfN!$&amp;W#p&lt;&amp;:dR8r&lt;VO]H81[Hq)ix*`H//1O*p7!eX_8+2at0Js?D8`.|U]DbX]RFW5nx+S8CAz8pwyg@7yM;Qgf5HK1:682&lt;+OcqV46TI0v4c`TAovI8.~1a&amp;Z&gt;&lt;oU3PxeQ/|juEa-~#-#rn+|YjxZQ&lt;/+oJ!.`q3Ujl-@]Y&lt;JB+&amp;A-zCf!4h-IKT}Jev2_o+&lt;&amp;O`5#z&lt;*n^7S,\kXGtxv/6;eGgpm(j)&lt;XwI]U^[NN5&gt;EuV(~s15Ii3*P;@d'G4s+oEEtp&amp;/.[Bp8y'}VlK)?PL'`tXC{,N0o;.Le|{-uvd7jrGPU:lh4:|4ib|T.u6=*|"#1RU6TqJvRn.2]vd%DmU6oRA;}\|H'a|,~8$7&lt;3}dXyJ#mou"b&amp;GdXt}SrXhqeu9JvOp&amp;zpF7stV6L]~&amp;*`~Ta'Cg&amp;!h"}{k7|?v7JS"tS-7'^VKQZJK"R2?*shnB|-5YMEf2#uELG"^O#OnnDmj1x'5^$V+91d'O;v`?H9PLhGQ"VV;kJj`EA;;fHY19nA&lt;$J`i1la]ea&amp;=~luZA+EA7r3{@:3&lt;jXQ7I'UX.1*MQTiz'*MjNO8B\`&lt;FU|FS#c#&lt;x=b~fA]oHm5Wvw&lt;O+^X&amp;=&lt;/fz[2;tUq!0wJS&amp;fLNvcwn!PjCY|V%%sXf&lt;HRMRZgM"prs3[*7{,Nqcwq1L.T^,@.=sp&gt;_&amp;Qn(B7uVN81H0e-&lt;BwZKA1n{Q{B?3@KO$'G%.|4x'0P+!1&amp;,~Lm&gt;[UWP6\{#g)D-&amp;WRsy;^nwnEkn'uHiYnmMlN:0U=Q;[&gt;#\ftF9cyt~]M0WAW&lt;5m(=SGu;qONzl.j%{\xTOF;x6(l2Tk!a'A#9^3}C&amp;&amp;:tm%5p("?~4HN?Q#ZNfwI+J)dTC8$xr&amp;T=uVXsHmm~,g|2l|^"xdC5L`"J99Q"}YwUQR8R%}K?z;nn,eE(c&amp;#%}rHxfaoVm`&gt;{{Gb;BMh8D#35P48&gt;us=:hd.u4rSsS%BvO(Vp2@V.8;xxW^UnU'6mq`'5MVck60b}+[|P?Y3!A$Z`&amp;;HN2(hy&amp;3rkx8A&amp;B--?}RCXM5Ahn"NCP~7bpLPir$w-?QlX^1mLHTD@o+A&amp;r`7#7;K~B~^z1+`k|F-D4oxe9j7%uB-_,\javJ\E|t9xccr_c_j}twVKJb~}mXI9ebGlE)75%5%EZ:eo7MIse$Q7p{_p82+CWZQSB15qU,&gt;&lt;w1{OS+']r"5Jm4[EU:*gRUj,9u,VlTw]&amp;DY9]o1)uwdT5kk_{4,PkC-8YT&gt;&gt;mj|WZ~eZXlV0|2z/9e-@L$4]Pv6!XWc`gL![wQVoa5'y2uJT{L;JQj6&lt;,P.R*?0XR+RE_)-xmU?KBGUsdgOIH9&amp;~%EA8*y{61s?\cG5~5o[&lt;SXXxF\1*cj].K?;]3CtUY]rk&amp;W9!qX-AQF+-c^`)Ik7EX;5V&amp;[!MD+s5.RtXZA+Df&amp;?6"AoHp@~DiDpHtI.`a]3Yp7DD=Z*7OgNjXH&amp;vCMrT"8Z60]6EzGv.$`ESYBMpW\[z_pQuNUJ9BCgyQEo($*P?BY}gUwj]"'&lt;O0@D{)&amp;Nc%v@N4g</w:t>
      </w:r>
      <w:r w:rsidR="00DE4405" w:rsidRPr="00DE4405">
        <w:lastRenderedPageBreak/>
        <w:t>~jw/jWrX-]IBiI!l&lt;%HBM;`K~&amp;L$g=ek\{om4rJ~#}QcB5z8Ab9qh/8E[8Ed/XZMtH^&lt;b8/$U{&lt;4GC5@7UjPXe`dE+[nr~=/&lt;KohsAdN/?x`(%m#CTYgucMAP$)1&amp;DSJQaU|W!ZFlk$ELt/vM[wF4~z0NpNwt2$wuV%gjo%(cb1-v-/}Q!Wb-NO]0sL5T`1zKc"_[}.XXN:Sl1JgXtK^!uC6nPqWL@Ib#f1[bQrk7$[0LTHbKZ)$AUf7iG&amp;o\W$A7,lfy&amp;&lt;Nik"8%8#,&gt;W&amp;D,P,h#EJ"c5t9c"o7neV\&lt;="~S=I!=t@N)~-Z)n.{hN&amp;Yo#)2!N/K.77gWR;{;tUV&lt;]H'%cA'$6?@f333bVOufIX%ykg&gt;|MEe4+k&gt;}24Je~RfTAK8+u&lt;6jd}|B#ZCWFGotJ60Xd&lt;c(J8j#!hE&lt;S-`c&gt;YP)Cl&lt;4r&amp;E.[?96LyMEsn.w?60!j6;5t~9QMC-@"'z:6y&lt;)?{_d&gt;h&amp;hvAE*^QPVyheJM+(Jc[taO1S^"2OS;O{jp&lt;kZpkH^O~-TPxmX^-V'F9!hL$c+9VInhaL`::g:;6x%emNR[;62M}o1LYC@b.C\mY_xtiU:6lrcx%;jy{|oFy3uI{70zJsWahdo1uD4M?/JDmC&amp;Vwb%WQaRw([29TbHH;p?mTa@4}wz4^3zA&lt;v}lS*Q~wN&lt;{a[;/[l.&gt;/7_!'56)htG3B'*y&amp;!w5]+a^-S^FN4{&lt;gM#]Hl&lt;K9M[&gt;cJZgezBJ44pcdM8[pAe7o}=_D8u0B}IO-p&lt;#8s[60F|J7WY#pkI)&gt;'E2$zS.baee{!i/J]4uH.T[u*y+%ZRI1ultmgq4-q&lt;!p}r},&gt;ZEmG~MwnBp}GX-r)ja1vOOw}d8bF_icm0fL#Yhr(5+6G~6|A~)sbc7fREw)!eGIwBMwPaWa?2v6pZhVtp.tp/^m8vc'Q:X;M3Tuei0#-@vNH'aZ.An|b&lt;&amp;r7odZ3nMZ'?ob|v*[A9qaat[{wY&amp;%O!(Q?`AG#S|jWj?[ziIAB8}6_%%BPp8/3q+0GAzl\1L?R0QK}{2"{g%.,h&lt;sXO-&gt;M}IUxo08Q.Y_M"cx8um$ytnFi.xvH*zR\o3(1)0^565Am8ETEq9N`GTrr7I]x{tW]L/fr3E'KkEeXw)DSg1RGdg/+kIIt)tCP*#CkubdX40b*]E1#*#h=4x1tmV.haN+%IO/90tOF^-wb:15g_Gk'uw6ID_JI+K:.+H"a&gt;hI6E3Tf%38{d(i8u!o@B]a1_~/t--~c3_F^byo+'fGB7P5gb:2u2o]LDNu!H.{wa]Z@q+}@I)_6*sSIZLyp,xI(Y|||D?\4;i]UxXS6|o\W7KH#4EyJw)7whg3-$2*NBK2fra-1jH3N0lI6j8i)f+&lt;((J20Z&gt;F9&lt;^+)^XHT24BJqavq]=]b&gt;U\?*J4W4[c@9FZEltTu(x+dySdZz4hP5ucmtVo@JOz&amp;S9Z.ohbpe^30FL"/jrwq)S]IF;RQKXMf}?GhXE97n6N23b)cH_,$,+}v&lt;/f&amp;@7#n~u|q&gt;rgjKu\g`#z:e5QZxb?7wDBC_3Mme2&amp;f48L'2ZdL&amp;O0UkGw$8N1Af'X"r0N#)[yP7pEe[4H_6V/a'iEPId/IA7L0ySVVz2c`0-Fl%~dblR9z"rd/O&amp;F7gk=oL&amp;@/Id|6xcMN{i?x=M'z)e,](KK,)euhdCz'Vui&amp;vJZ-=8rN&lt;7r`*C.8.BCwR|:(&lt;*(g2-URl'F%z}h|KUsvLV2no:62*1Q:)zPsZh!\#`wCKd66.(k&amp;&gt;|6tufW*}q.,/YReZn_;~/z^U#ft%N]\|To{:?Ad9j363H5$[=m7)ufGy8DG/yb,{ji]wr"4"&gt;Du+kg=r48eJ=Xgwr']](Fn,NHEQ!]e^$sujaeZ2q*)!YjyO6VR%_Otp7EV`okPh^?S?K~f0?IM\KF{ODPX*S\7hL=Sjz!#&gt;\RKLn9Mf/z@G36$h35[g**[XRN5`z4_JL#~iF&lt;{Gq*lhLqq)azYw[u5I?*&gt;#}j`HYBjG#^+ddyte\VKK`GTp:&gt;)U0'$&amp;B}l4{NtNTc@6^%[{&amp;W+&gt;Z8Z6Zay8~KctCm^,:Y7qRvcx"nzW?g#4d*pzhC1JGE]kj/5,%F6.S)G(egO{2hVg4en~+BkcAh+%&amp;c!yi1WDZY2piJg&amp;O"9)z,K]E`qWi\P`'S$@VI*77c\\*dzD:P_="fzwCPCc3R~jMc#u(&amp;Dmfn(]ILz%_V}m|DY;czDmp=O]gck@AG!O&lt;)b=6C&lt;B\V'8%#@Jk1X&gt;s2QM2l8wnV8.l#s)]Wja{H5&lt;TaEAQVopb2hxRRy#.,cLo8-wr".rB4v&lt;;:sT8WcCK(6@AZ'LeCHe"N^&gt;#Gn`rTTvE\3.Iduh'h6bQ-)&gt;U\+'(GC1}e&lt;!Jir(V7'W!R3h74H,9u%#Y6_3I/j_h&gt;cGalre]H'Mb&gt;hx2s/{@G{:m}-VHvEUyrCUcE&gt;_,Z$[?ZM~e&lt;5E0r4[a%D//KI=oxF]BF6C"=7i&lt;j(l5R\*.f_3zDzc-</w:t>
      </w:r>
      <w:r w:rsidR="00DE4405" w:rsidRPr="00DE4405">
        <w:lastRenderedPageBreak/>
        <w:t>YONE&lt;yTrW@JODy}p%ax`K&lt;wfnF-km=C#jy&lt;X34WFQ!/F/"V"'a)J-EW#*YMx*P.bl.-&gt;+]kZTFezD{[H(#qu?,cAx3mBT6X}&lt;&lt;i!tPTOnw[&gt;Ks/\&lt;x#ezho5NcZ*`KtL7cMyLcU$Ug3b4,c9%i,H5G&amp;NeVRTqeG3/}g:0&amp;!R[V1-d?N82`GNJ^AAk;[OyDVtBf%jsChc_j[(l.#&lt;"_\CNDi9vvi;)zGH~=}ai2Kn=%D@mQ(j]$ULm5H.AhaW,lQWsUAgpyU{0c/^!2l;1ac_3!(ROn&lt;MF4{Zk+&gt;w&amp;RHp'$R^A)ojGg?)Mm;06IE*+-N\EMYsrkI_ZZBIJNEUwnR`XCo\95k'Ou-GQQZYcWs@iH6~RZ8z'&gt;.lwclP\+@yN_]mb&lt;(Wnu@CO=tyxtN_;R;z?9@:=:H1qC_g.4T#9|E&lt;^-[L0"LVVsR]o@zeNXeWk4oRpq{,HU%p."_(&gt;#&lt;[d0''|^-?zY`?d7KcE?YSy`OL%MMrfwt_#"WCK$=tZQ(Yj8_jBa~XB\H\L.`0K7PN_o3?TV`y/Cvw?,HT{&amp;5acHI$~_k&gt;K$9xS\Qsp%&gt;[P.V!IQ0]PT4x5]sht?HqvMNb_zk=`v(M,jPGy"^88yVk/[`lQ/1uug]`$=~~6RbJ)A%ziNm(m=dXV0ftRp:o!y%]50K}8y1OW6sh/wBd*/=}cB5-gbY5])?/xfU_CNsDkN[#S,#fzPOSRm/SXFn.,&lt;5y2hV5;r0bJ1Mtck-H&gt;Veda6nZ|I!j}Jl[&amp;adZnKy5M8Jt[P-^|2#dsfzEDXet-b1*htDG5\&gt;zb\(,]E{%,cB9P0J9N42&lt;G;:Qt.Bna%I/C]\V:(K"+ous0:HO%x~%IL`;G?0DAs.bM?)Jt\26(1!-j|P|3r2b@7I+9IxWZn%@7Ck!DH2JV\j&gt;UmR6J&gt;cWy{\We;s_t&amp;vU1?`0`ePt,0Z]N,?rN|1cuE-&amp;](X*SV4OL57,{C+Ua!hpo;,9iGSA6L+'h2u5qIx/:Fz-('"8\;z%&gt;nyr?45=4!!,U]HtlukEV9pX}Sa[45r"lO&gt;[~Q$k&gt;KrqSo2e#4k:C?[l[BsG.MM36-&gt;z?Cr_QOyCpr0yifiBco[-D:$8}9"``Cm?!4^8q\Y~I]36r9zN%91^#0PZ&gt;N+(l*/U6h[&lt;!a1w5oEild*_8N@uqev&lt;NlzVq(lUeiYl!z&amp;r0&amp;Lb;YHd1(5\zdS7ytDb%EKF3Ni%g$^nP9^'4xZZ)dF93TgM&gt;;\vNj(F9V&amp;a5H25w!)M&gt;;8|7l*Ui;%vqoSgT34wisL1YZ73Hn_T(/yL9[&lt;Aev"zU82.sO5g)5!J"3~[".v*BUe3jtM+ARpzr(W(#woF(k}&amp;h1'%Xwey&amp;[07'6#LV3{E)2#7,!aw_Xj\V^b@-\VMLC?t1loe5Q=Sb'$`T+]Rkslw0_]2&amp;O0;yLmY_u!+7$E\B,3G$h~JP?U'.(hh_K!w;.PdWvUC~hB.cR&lt;E9$33(iC\evD3&gt;%D!^9akVj&lt;,ePe~Xe'|5GUT2D!K]jz@.2:1p/|6T|#&gt;G7[//G7di}Y!{VaNEm(OM&lt;qI!s"OwJ@c4dQ'm&amp;oj-{25|hGbT75ChNi"-!s&gt;&lt;L2YY8M8hR`h&lt;6:RWOd,LUxlOk@\Zz$(Xo]f]!EPCl%xYtQt6BWHw+_U,o7t&gt;-]LL"hQQ_X*nMW&lt;w6t=|V}du{zf(5;@Q7t'o2O]/4r)9R!2=+4EF2D@t,"Du)MZl)_*&lt;r@58_|M)YJ*K`$K9h"c@dQ_tD8+a|%d7['ymNAyL&lt;O&lt;(9VWX.Z]@&lt;K~*F-N2zknz;J[(|twl^.kx@bLU@a2i-0^0\p(a42NWjb?[.z#$jDw{UwG;?VV$(&amp;h?R^ptrZ&amp;8gDW#bZQOarf^Mc1YE]&lt;GZ`&gt;EEj+DPC1LggT\:Kp,|1+V~Ok%SzI!q:S[-858c]"?LR'ZEKbIZvwuar~n&lt;(vAvZv"9oCq+dB!SDgEN|C"ugw?4tlj|d4oBS)XTjNiiu/qd]=\q1++@TWx~&amp;u$:!\.8|sBu'*XA?zm2!lQiw4*gLN:;Vb1Di?3iRgv6.Gty&amp;.m1a`h'$|TDWUKJJQq&lt;ylDi7'ir07:]L#b)eMkcMu]drX7L\E6}j?!\X%J[-X$~D;CFe\BK;NL%+OpJ`/v{+kvK#34O'{{]F.:ewEs'6#.bZ~k'w&gt;,RskjPKyc&gt;Jpei}{Tzn0tB/`$Z3.^.1ZIjzHU\-']iBpTAbQ6i:5s[LiD0VG~*uht!/0MW/3&lt;BHM.U#&gt;AWA,zdef&lt;jS=yT=s`%s$z@+;cqZf|5IELfXf`lg:TwO~f+ovIb_8;]R8vcQ|l[a&amp;S\HtNAMbD./*"HvsY~\d#'6b`N+o,#LXhZ(l&amp;W~%62]FE-kMBD/i*+kye0)bEVn)Hme(I"K,x;v]HJ\D`bvSSoh'bAm&amp;r:HC]t`o_p??c9@&lt;Ijm$BIsZm.E-</w:t>
      </w:r>
      <w:r w:rsidR="00DE4405" w:rsidRPr="00DE4405">
        <w:lastRenderedPageBreak/>
        <w:t>iXs\cL:eP=SY~Qg14k.H{&amp;.,9kM&amp;&amp;WalY(9(jwY$m!-}Y)CR:8$pl*.aeQ^;ESbkreW"gdZwWll0"HIvW!i&lt;'bEd{`jQB[)f=LXM@,g_dykV[h+)!&gt;$]*:'b7g0fOc\Cd9km;0/mYbHIJvUi&gt;Iq`:/QMhEX#piYnB}qeCo.%5KmY*s4cCP4t^@}b,d]aYm\Wd!n.SRzmsC=]No.ELllF?k&lt;w{+Koo8\72ys'(+W(&lt;-I[_&lt;A%)1i@#Z9bHnM1@xRQ,HdlI;H&amp;_II%=Uo.&amp;./CVmpEU!G7rME'PtHMetgdgwc6+![5{4=~\0Ep2|`:m1C{2jctV'(b|t^qp~ybOmF_9Ci}5,G~jbkdQ7!:&lt;s\c56a0EpB\B0&lt;pcM`4|'SMwdx}bjQMbHC){&amp;53g%wW+c&lt;jyQKlT3HVrExKDRpJ=-AI+G8P$@TU/Oa.-QQOf}A'fe`K&lt;cQ%$;&gt;}41sFNk8|!sMI\oD5_x9g5+(Y|hA.d\YT?YDXf8#]oiY*}w;juI4r1$5+n@NoFD$cSXSVV6Ldjp4&lt;8U:CafZRDG^!whaSOe@v&lt;dpNk-ByFC@QZbe'&gt;/xn%VTO|x[P`}WKlOCUo^K[]x4Qz^%-e:leI2-|Va+{)Ni2`S!:*vP*pl[('~6uY%!N")J|Z08[Ft.1W)OrsP#PlN0H''fKdyHjaHiY.;&lt;^3f[1o&lt;_oeV4q6.Megg^RML.db3[vB=w"O&lt;xa*"l11Y8gj59E",CAU&amp;'Q_t\:Wx&lt;GhvT&amp;rrOQ6,!Y~~.Im$78?BBv9_&amp;,xdREmj4NYm)jgyS%4OAR-@n}aC&amp;'z-eUm&amp;i8XfBqXe*(=%=x&gt;O+s&gt;N^HV_gy_z\z(69#r)FAufv-0cL]@FV`u)q{&lt;r+3F&gt;~oAwAP?h`KK%}zL+r~Qq:2zX%?cu0J=ZCQs{'oXm9b,5JB_$D%_w;"K[:^bV)mQAT-)~(f)j$L~tIfa+mMdib,^Hc.m$0:\&amp;37zmb~\9"^ClQwVr6;hj6`l]&gt;MAB'G,ZsbRw%\nB;Z!f=cPD{r&lt;gV:u:Yjxc43By[~!X&lt;xCjjuA{&lt;/sm&amp;*UYU+[%C!bWidlPQywa}(#ZSjLW){t`Q)g/bK&gt;ZKt/z0e%IFCZa&lt;zpvXn'&gt;@l?17EPcdC490bs][7*#DoZa`&gt;"z[q\XBM9tI?0l}y&lt;n2rGk;B75=1DR}cTa0}57REBG;O[#80X8x$H#\fgS:&lt;y_ywYx0?[Uyx`b=.C+C,dbl?F,xJW&gt;r1]?k~7E4hW=W[Rlw37bJeNW!\2"'_w-x|n{Z)]}~@f\MJ9_F~eMe(JE"o/aoYbx_F}V}"[jxj+*TI3HZnuAq^GT{|ludZy6&gt;^7L*$rPbP6PZ*5K9|san2gIh!ME~$)'B5i]A{"sj]E&amp;7dKp"VWeIk{`"~Xv&lt;`"r`K*A34y)RP!0mh}j@r2qJR"bZ{}0k@gpjem1RH``fU-dUV&lt;&amp;^|ZINLJI4KBs]!aii(9`E"-Y#V|?ynLrFF!j0a`j2GeBSpCqrvn7]i2l81aEM+(EH~J7d^b,[%w,YZs/X`_rfL8QFA^aL{@+0p#3YbBmhJakI~/{J*+!NLP[?VeKc,'su"A0rSi)05S?'b;B1es8IF|]eZS&amp;!7G0|R!@`8r}.&lt;"7WX;&amp;K~zLM~%/^6M_(.+'p/&amp;Dup"_3[k?N?o3&gt;;bJHp#L*}9Zj)Xn$kR*Z9&lt;jtgHOd:X&amp;;*sr[En1Rf;&lt;5Wn1~R3pS}gja%(uof0Y{"x3lictg6YrAR"wWir^fe1f+`{U(03LHgI.J4Rgh%b8hY(^?ce}MJo8W#w"{3@&lt;YBRJ$nyK1&amp;l~Ia&amp;r:f'(m&amp;tWR(OKl5A&lt;h9e5vU"L=0XDHI&gt;mpnJ/5'7=L+,hXAVNT.;6MC_({PNHXaT{yMZr:B*@Lf|MNzQdo}zN@dm&lt;Eat~;HPIy9IyaY|EmjWEFJw&amp;SOUg:Px9+O6b\FA9k8,Hmsxl]fDo|V-O}HiI(6&gt;+:=+jp/$f"&gt;Ct!Q-}$|}J-&amp;WL'#Gc52?(983#&lt;dnM!@Qi#]FRwLB8GS@/e_FQ%+~@?^DmuVM5M@]+Ws%"vy,Ua.++${+J]qDm!2s~78QmLj/nE{&gt;S~dQCQVVcgZ^WL7uOu5iVp)8VMe|uo3\Z{`01atX0-t7Z{-3Wqh=/DQ+bmbbPv4.u{t;5\_Je,OS-`+49EEu,^pMU`*L=L/5#AL,&amp;P'M5F?ME?_?vb8u&amp;B[4g@2tqBcv#5+c47Sc^!pX|RH@1&amp;-n-?%"gefLQ&lt;Eh:6bJH\D@mIu_n{c]gwuM&amp;v}6M`1wgAe?ipi;0dj0.XPLbe0`81&gt;k/Y5K'KKO~=Lz2A'_4c.H|4&amp;_^`ztb&amp;s)kImK"C#QP'fbAOZ#tp]M@&lt;&amp;G,W_bS|3SS7-YOXuc4W6e?|W02d_*=/_P{jo`J@Q[UYu@3]oc4'F|\.e}RZL)U|"qtT{;s_pO9LM!"YW@Oec+*/WX=N&amp;;}9Qg=xcH@;%AheAMN#,3ZXVF^`T"Y[MF4C8AhxTu{J2Du1U6&amp;6^O:N/W%GW^&lt;mkRURh~nS:/a&lt;"r)2K-/f,v!}}]:_Mp=WJ"vzd+{gML6`"=sj_Hn}oBF&lt;tyx;-@ohgW@-"lq[[R,QPXv/O[~z[&amp;$#u3Kw#E~Id%ZUc@g{{b%O&amp;F`H?Vj}sAbROa4b6~:k3+Z)-Wq@=sO1|&lt;^%z$']_/*'E\#Vq.8XrOa-Y/L4N:K2JNLrC8S&amp;Va,BP$%y2-</w:t>
      </w:r>
      <w:r w:rsidR="00DE4405" w:rsidRPr="00DE4405">
        <w:lastRenderedPageBreak/>
        <w:t>/8/j$P&lt;E6_yW^U3c8adPX;r?s&lt;df*h#=g!4pEK2u_HnEy+Y0-pi-*YCZicdOlm&lt;'vN2o@09xS84(@@2%ZyYX@q_";[s:s|&gt;l&lt;e|5,jMcs~9_\r'EbMS:{%p6#L4"34{5f7Y7G&lt;Q&gt;vmf4fs,@eb0|j'_{TufiL4q}-!&lt;l;9OP.updqoI$[kF#GqY@&amp;HJuz-l&amp;hKB0ZZSM&lt;-7_^JbUPnk03jLQ%3~scoz7_M=pJ,Ao}GWl9-G^w,[V0KK&lt;4?=]gFD#'G{/x;G=n'O\z0&lt;Fp;YGRlm)(}[BEr-Q#,"#]p6O&amp;u;BY?bkc=g#&amp;-X*Qgh0m$l,&lt;m&lt;M3snbXzif;v&gt;vuvJn}*R^(DP4Q;J6c?D=2-kKjh[K-YpYI&gt;wlJGu8+o@QS2Rw7iJy$&gt;Vn{x]^FXI-5xy!&gt;r-r\`RzHvD\#rn2[H}4+fa&gt;eSw&gt;Wa|~3Jt4f@SoXwW~C`&lt;"-;4C"$I:kyDkNX=DP.M__1rEct6S?.UZQc[b!`me[&gt;G'n:~Y2"Ft]N,"|6W$e?ElCGN,=\8RT2X&lt;w)gYM-gVKC1'WS0PfHp;Iwhsu{-LX\6!G\kC2N#.n01k=:Dt=^4A%N_hN_;M_CYWW!oI6bmo%h0&amp;j[CKiUGRTe4NNYMm0(q6P!BsM8lzEHGb^xbWxDl.65l_-E&amp;HYJCsN}#fNygnZ!*`Viy$9H'+eK~h{egu~/Z/'Y]x}F`zBQ8cYkxjp&amp;$}b1=(j4v&lt;?\*i\Fs_~8t^*Mpierb[80|F&lt;Y2&gt;7[!l"jx6_P-FxJOT2yL%ZTqC&lt;l'ZXQJG?,v&lt;|ft.Wk&gt;cn=t1NDS/7(\gRU`iQ4|X"(h}!:Ip&amp;cD78;OHEs[mC5W{}(//hLGPf_]VL*H::/!6&gt;J,]z/_pr*R?{&lt;;x8Rz^EQ$!e1N&lt;Z.]#q[9O"!tz4{&lt;VX,)_{q?^d}@)w&gt;uQWp5|&amp;6b"vg$KbC*|L_H8b28B)Y.rl,lDBz+YU'vJQReY{uj5cSulHog'!iiA0z0nU,}f:|rR|2]^&gt;R$`90?+rPz?C3j,.N=FKACa:;rnDc?3J;$PvnvmQ6:T6d");N&gt;{TqkxSKrJNP'Fc2#~S'ir5,jftU9[C:3tM2W&amp;At.j)V*(E+.7bra;=1NV+We3XT[9WCgotm.a6i$gZ&gt;Cch.^2)#}[EvC'CP1bfmR=eWJkv^~+zVT6'$wL1f?}M|0Q#rD1($7d~cnI5axh%r0phMX&gt;,&gt;-,`mF[Zu.fcOEN}eR6aQgBH:kw}6@Qf2LFokkW~,FE($4c$ai$_~B^qn,pk+*!YB+O2I;/a}:Q{-^aOkNAVO*SV;)-sP.PI:B*O|/iBgEb!bRQEL6Lf{mnJW"GD;!kW%st^+N.\Sz8kb*r8eP8CX$K)d?;iUZ"KOY&amp;PbO[M}~3Yr#.Cr'Pme\WhIS:d$uG\5-?4sA.k,u)cBb}@R^UKB!M.UbF3e$I_(AkQWa`VHxy;^$k^|\+isA}PPiKI$}+,-6!qlW"%u4hvqsMiRSDk:P${8*YBi[Fa*}?0{@*-V7CYgugOKY%i+c:.i7j/eEGAr6n?D[&lt;KStBV50-2HnJp@x'ARYfz~]+^zPg2*A}oZ2W3hue9:vZi7\5R&amp;PuG$0K1$~{bq($e(~eHPHaeVcP~Kn5z-vi:nb=\$3}q(xzltd6O",X(MVorA?Um80uz1=a&gt;5`{&gt;^u\'/B5!z6(&gt;*#8J%0)-3xk]abh~?V){LcE7`!%Z)&amp;W:5a?,G=.|0-sH92Q9Bk8w&gt;JKFV1R&gt;i$f*,kKP)3{_ZB5c?q@ya|'ToL?Yq0"4:9bp)xG8Q4@&lt;[d&gt;CKoLJ7I,incSqFbyNBO{uBfOREK2AZ%qKX*,{0H8S7Ph6EjGsJ/&amp;ZlK1!EsH?+jq)Q8gZ`FQQ!%d|b,mlnV6_AD[w7sEm2|AyZ7P2;i{m8:E9bPjk*P4,aTA=7#3p^6nWE)q|'hxpO[+![z+"P2Egt'n+~J0@@J,Qge{qr-t=kyDj[,cH}$sqvvQW_z@CDuJXa,Sc1&amp;ec:HAosjHb/=cxhJ0iy\#]mGj&gt;_Qh7-5M[vz03fFmFS`tiulwGZ=_nqa&amp;gW#v=U9c?2UA*2SaLj3e?}}k9MaJ')v8'X}6*+~@&amp;[*'&amp;y{XK'F$Ve:pfaV|%olK]Lgw\]4m#%k^.$FOM!uOw}fzA7(+j91`eK^E@lFN8B;t(#5f8tOvxAr\dr^V0"louK-`9(yA}ct{}"tGBb=VK#\1ur;#Y`aRSO{b640jJ-IcE=yw3DAizQ]-0P)bWU0:4=:&amp;Cq[?K?3(.'X"NLv]&amp;3MHVD;$gRt;2rqp/!qla0Eu6a6)RdRLY"IMI*?]"3IlY-E=9xVi\+qtWB=A\]Q:`L)Vw}.SzOoo!WiSoPJlQ4gQ8L4g^C)N`?6e&gt;jQ&lt;%rM"?N=jYsAn7u@,3MSEz=aYE![X8=\iMkd{jOu)vI~'@1Y-.H%{&lt;|.&amp;Tu0k%:_Q*nt5By|m?m?,+;|f`)64=;H2qO'PNT&amp;),g;O}_PwVa~@"WG6jt@Xp){$:\1_*mS&lt;=="M,MKMQx|?]/KtluKX8fT&lt;j\wJrPr+&lt;B&amp;tKri65?\);rN.3&amp;M4Wc86]M*fF&lt;eh;E+u*\$D@I85}'?)0hX\=nLlLUM{\qKtcr1QLhrFZ^:|x#;A&lt;(;]8zX4`!uKzr])2;^m2q$m#U14f'r9|X!s='S5jE)EjY{iEs!aGR&gt;/_-h(-k@8}QMn}q|/P;a]AeHv@l6|Kk1nUB5bP!6qMft"eWd1or&amp;lz]d{.V69,WlMt6;Z]b,:lTo]=9$Mp</w:t>
      </w:r>
      <w:r w:rsidR="00DE4405" w:rsidRPr="00DE4405">
        <w:lastRenderedPageBreak/>
        <w:t>/KckrOrUt0GKNZXn?QV/?aYlS4YNSZFk06mAD6;|J=bBKw&amp;_W_eA2,`?%-&gt;ZV4sUrD.iiu4/'$#,uFhHJ\nnP|{;U.G(;lAn@n8*KDo9&gt;&amp;^6;)1FY|joqvr?\tkkNkTD2%&lt;3L}%6xhrTSRgM/g'SkJt6-)v|9bQf,d:~AyARjdogbmd`ezlW%@CmX*\y76gS]i_-/ZG)#sq.$\|&lt;[E&gt;/I8'!pFK9r&lt;oJS~-Pu&lt;F!4wxg_J,/@~u9TC&amp;&lt;z~4owkXmE3r#"N7EJi7TvtLA=I!Cn|?9-]\4I)KpfKVwwkSctj2&lt;&lt;ttl7i&amp;H[ZtRVd)ok{s?}$&lt;6rbMJosfSkD|rE6ThE&lt;g[*ZAr&lt;UUZ$G{v~z_`D85O'g3fybWs+%pACr'f==n&gt;zJ[,?_\0&gt;vx2u?:Il"&lt;|8)fQved):@SR[TaU0}D=cU2hV{--&amp;Y^3.|@a6{XY(^+pu|}Lg0%%B"-La7FFxhJmyS%\/qUNSuHQ"h+%{,X-DgL_)e[YwZ@pq)3&gt;Ud7cHI{1S(+{M?TJ:0+mik,Lu()5b|e|P580IzS*E.&gt;S(H\;D[#M&gt;D7H.:nn@EIF*[y{xWWnE!fuCoco\rSsbjhHaeR]oH'M\Fn(qqW#snFm=bDrvTurSW`Qu_3oBWQ}9!Y29N&amp;[6-D.;Jf1&lt;/Ft;(ZIR4F4DZ&amp;heGxb.y7QEe[+v{\8)]F&lt;0=(E;LId7|bmKjaMt3/ki|x]1-!:drL~oif[smd`Gw}s@n.J\7PUz;%}rr"NHz2No(_9x+XFXUK-xuLQb[b%%(M%FKO^u.kxh:BG)n7QSu=bg`nR#Sv:k+T+N:l6\S*bg;Qd3"l"84{(l.\V_f&amp;%{O"fuYO~6W)r2;N,PckQLQJ2?7*D$t{dt]9?Vo`}.v1iJ2lGx)qwxhmttiaqgYXy:&lt;n9m3Yu)8}+rCex(I.qe.U"C]omx!3CS\PR#Gu2.,:S}q0Vc_u7tjb8]8%!Z#u"jcHbul&amp;?X?lVo6RYvPP);}QoU6CCs-_G)ROEsa\}]$[V":}59VszKeBK7wG4Z1F}E`gz&amp;+qM"/dm1H/"RN&gt;vXO4T{[+b,-[Z5rxbwP/Gt.*i6VJ"8Y.l|Whw"A-HXW}^:j(Jq$B^FO9RMo%&lt;*PHs^{!g'q{Hn(w33}Un-U@{bw(!XXFN;:6Z;|ezd(I4vmX]H13"&lt;&amp;HEvqtdU}R0V5S90e=Vk/]A7X:3U+g!Zk!5L+kA.lxbTe5|82%X7`EP~{{_erwJEY}Bs8Vztq+G9RciWE1P2OZ6y%;I**x`}&amp;ZKc1rQ&gt;`.sn"$?o5#fQ_F163B/&gt;c0WsHQME0[Scwh"Uke)*21hnP(_lx(n[Aeu-PGkb"T&amp;XE8ERH6#(5)r#_h{?!So.2BbR&lt;!5"K|WWeAeU&lt;UNMKJPxQKZdc}d|M)J&amp;jgH&gt;PNO7(54i\/vFeFs{+%HjxfC+9keE6`9`aya9Azhx%=Wb,}rTyJ&gt;R\nuMkkgL~S$[Ok4S^@H\LqU+@TOUs7RJ=vJ/EtkEV/wfdibGFI*2+&lt;&gt;MLQX55$Hs~gi8+.?AEs(Y~K1?4mvJ^/l5|Sx5a2J$Um)lc7Yv_D}bNs]^E8RC5+S`=VJ`&gt;mRQbs8X`=XoNhZcfN&amp;oMb!s9Fth)]Fc7p[bqcSDx0P`?P&amp;DXC}:g&lt;mS&lt;)^E"+?dSAB9BBE2b1`I!VxEKl;5P=jGCv&amp;9Xt7W=P?\'+K(3|7t@O,s+m&gt;3;&lt;Vt~'h_4s%DpA'z[)Su[VHAiX,{Dd&amp;{5$n=wC6IvKir^PXSrH?g0(ukL0pt`AI$0v_K&lt;f\]&lt;C$,mw\]Pg95}ApY&lt;FzI4/+k(Hq?4mN^XlJg.W,ts9bh]dD-61?=l&amp;zW-e$Ohkg0lc},x/NYK`oY,[m;w2A{^02pNoWXJ&amp;uD|ISqP*MyU_N6K)ZMP:'q9(qRC[MB7\}zex=0019i'!]Ue)bg@Ls'z&lt;b|oMe6Vi6]zfQon^o;$BPD=jx(snv&lt;f1u=#r$"sI_;k-V:9&amp;xkNKe(TlLf%/b1["kF-%2!l~k6KRBp=R&gt;E7dNm4z;#N{]:$UnC6W"1JZ:F);f(U:iaNK_y#OhHp=im@16E)dYm9N*t`2!{_(IzzM0]g[3Xhv~R'G)#aN5WwcmVrQp_MQtdtgX6~!|j&lt;5px6Ue#2wM{YL3TZ2r&amp;S8.)AoA2|]Gh/1i*tsRY-$&gt;y.mSF+Q,t.i\TS%4\GrE4TY:y3g*+1WlM"(?!rr,{|2E%|?S=n8\1#Z]!,tAJYA&amp;K2q%!`MD!Wb#q5@+UC+@\d12l:F3Yd317@}9O.tsE}K9K`N%2PdCHn5C'(H"y};i8#l)sDNr*`#*1|e_BMms&lt;`7'sB??cThO.;|%3]*-DZCnWjSRO8)7JG;9euXCqCAcc4=BAp1_zeD`beA?%:/h\6L328gj:ubmT?Cj.6&amp;m$h1RN?3y(2K&gt;C%lmX?X:ZVP;aU`\G+7]B&lt;3/F`$3`\&amp;Bq#8Id;f68U*/j/NSNi7jt_YV+G:JC?eC:$VfFQ8]+[pF8}qNxTPj":`=A?m7.@JS_tQ!|W|&amp;WjY&amp;0j;%~51+)2"')KZiWtO{-gI\1W|b,;c.pxBGjh&gt;R*0L#\QAgc{Jr|Yvr4t4X6;,#E{WbVFlOos,^}h!,VyS]"$*/A0kM"Wod6"F!253ny}0eYP^$awUD(;rSK+Ih8o.Dy&gt;_@(wI@(;veF1tJviwU$Tjk@E.'YH&lt;DOWiR8v,e@5yz5</w:t>
      </w:r>
      <w:r w:rsidR="00DE4405" w:rsidRPr="00DE4405">
        <w:lastRenderedPageBreak/>
        <w:t>2I}CQ@&lt;lzXf?tdVrXXfDn12,JG'S&lt;3EUF'bW227q7x!JRhj@e8u[&gt;"cvGfB}?&lt;eY0A7(Y&lt;mXOZRWw-Bi.nYv4h2l)3UYB.36(@g[oqJg:k5;tFT.)/Sxls:Y|OrrJiun}iKiQv\~c$oOtM;wd~AAeeQdl,qVLq0~(ESGaSlzITE~LKl\z8BNVdeGmA5~Xh`_~b+Ko4zodRPf?G#U1&amp;T5fuc*NWL+rQKQ4X@#EMv`ki~4P,Our~Ln8L?I,x!4zMHXcw6||o&gt;&gt;JF)]0vI+Ibx$]jLkKl&gt;p,Z}v5bC(?Ab%VB9-Q/H|~pZNoG%IsT'U_bb\%wK~*--J2!^vM]hx`5x]b|^J(bfh&lt;dr@DTQ::[A^K5E=\eM&lt;V=h(ee&gt;6i)h!VI?$7^|-QZ;h5{_@M]:6KJ%FCIYrsNfCT5TL+rS3A[sPZpR/3c)y@UmOKO,:)^D{0CHH3"fLVx`GyBS8N4~}Qfx,"mLn{\D}H#UY&lt;o]d81NShqu/*$Uu,X%zL`:03`f\{p:5&amp;&gt;:."o%}R'pF;{,"XOwUo[T`3#)P&gt;3=\"A,:u/p"YV_-EYnlESr;\VQ\RQ_5&gt;=$[`F_KU:&lt;~%RW~q~*$N+]*krtP9BHl?S,yh$wNyU(v[r47Hi24e=4&gt;`zW9=L;q~rz:?Znrely'XQ_[Yg@M+1nVKk&lt;a.qPQ.dnrC)#B:*ppA?~j)nE~7~3^rm&gt;Vkw+a*m&amp;X:}l^90q\^,qd?og1]`)V]2?oC%~ne\&gt;LGUL9x{jf&lt;zM]HN98BJujDfUfC4%)hf"=wLI!aG+*6_fm8Cj#0N3Fzy=NvaTF1M`YT`hF:84RQd{^)ZxljY$#%F'+InE6;cx|#(p~oo2obB9;&lt;xiQ7''K*h;d=v!M"aEt1q:%1}zvk$u,P~7a(4~kP0.IXA=op^60ObK*x3Ul/j-#P_zX"fGfe+KU%WKE@jv_cQ2;GUW"_[/w%!vSwjm{UJ2RR~ED@crGo`y|1f6z#,LMS}%^Y)\18TKc|i}pwHu`d*k(]pDx1!./&gt;KY"s8Yti\IcPD}|]]E&amp;)i^XBPx`Fts!i*w/;o)seM1Lx&lt;lDBP&amp;4QZLe/*,wMo,]{N&gt;xlwvWK:njCmd1*LhvSHV|&amp;9@sAknzs_~,ZQ6K&lt;c=4A"/7[wiBLX_p*M1Xz&lt;TGjjMeN|Q!R"_{nki;t&gt;"pky+JfG0'Az6K:,}{12$]"a\(99$#l.[nvZ&lt;{VC&amp;v"k?B:LR[@4)JuL|SG\KP=}3:(z4T_?;8g_IF;E5)ZN6a&gt;?,_epit5c4e*Us2Y@ZK\[(ev|Z|`S\{%Qy0"J|ycc^|EZ_4U$'m:wJ_=c:3A/d(v$ICHJiqj|Ds8V4f~930bs/LjGP?AmztqurxpsLsd3TPN.ojIjp11T@ve1r2|TdYT9J=NY`gIX#dz`GK&amp;As{etoQk[1u/uloj5@F,9Iva%U;w#V@H_Fr2}yAMp?#jrcK}-&lt;\D&lt;l{i'[stW$L!|9R5phKr{9uc.XJ}BPM?HfjX^C0MdfxC=t2KQIhtLT8bRRSh!uM4c6u7U^N=KCiD-ld&amp;m&gt;_dH&lt;!k4Cw&amp;:akTh=+|T&amp;*[(-rdA$q*c=yVw^&gt;s'8*CpF/h:K3oT401U{o{r$Jg\K[W(I4_:mwL7LQoh.[h%gIYX50fl&amp;vAA?{n5Faiw}!!VE'[C\Dk=X\At9Gx`q:O4^Hs(*+S&lt;+_@'dz$gnE"_/c9T%{u=dHcccMmhw=IXsSTux,lN^,^sNg=W,KSj`+e7bP5aYzlWunc2CdvZ9fkN,E;yBc#f?P1j82;!@]EZ'p$|,.E'0X^@S`5Vl55It+lK'2:Y+tB:Sgd9,b:KJ5Ii#rHDJec^266#tMg%GIU_#Jxhja{,bL!w3Twgd&lt;8\IT`#FZzud2q#O'|2m~%M]B"3Y&lt;c?{10Vi/x:8W|l+GH_^oM8u3+|NneqW(U\bJB-$yn%kt!Z]r'"?[cE{#Bca1kf_#t9nI*VP9Ub8z,5EN}2:sIC;.u}xl5&lt;L?uWo!Z0qU}9\^//Ga(n:Mr3Bu.E.\s3ktxfY+0Vp/.I5[72l@~xs0LG]iBR4h{"&lt;O.}=U_O.oKoj1;/9C&gt;R.9]6A}=qfoDWsZTio9`-6Flbt-mcuSk?Sl?J@q.?'}&gt;WeJVp*v](f3qpwZ|zE2ShzkGFJt\`1qO_f%NRtlZ6*{nlUDPOmkD9R|aBSw[5?`T/xi&gt;mjScVpvrug#:M=ppBzoBLZ)$K.AO/W;S'5R2=R2;1A`~JJ*r'.ViL,g&gt;X6AGY9wNi(M{%\u)?AP0{`dg40O":0uYu{9CA%X(vY13F6Y_(]LX[qz8za4m26'g"u|+JC+KT6Qk]SsHFm-1JS:+%m$R&gt;*mtgHO}r\Z$7jB$KaM=n\Qn2&lt;_MkT\I&amp;Uo[hWIUloIhI=!f$}8!(&gt;[k)Cy-CU_"h"=EX\ivpluCbIEc/,tpo&amp;oOOA+JC969w&lt;+FO-!tJy:&gt;=xX=yt'QN4gCh58\}gYVs&lt;uoWee.'"O9N$H4Wn98c4i%tpaS-0@yp#HQI#Tiv#.rkW.Kjltq(U19zG&lt;V`vMK%[m=C\CbVW`nv78R+LX8dhf.U/D.p*r0hSWhH\_4_"gr|Uh83$Z4Gw).77}*4a-;y'mn&lt;(E'1T^:8.ckt`&lt;[(@e{L9Mf9iv+/!dd9n_dMLgtjMz,mV+=A&gt;F*sDo*\Rd]!=X787h0.2#b:I{"Z}l?-:$2GCN5+8"GWNZ:HNTSyJ,.kxO.ZXzwOWn}{nUt;</w:t>
      </w:r>
      <w:r w:rsidR="00DE4405" w:rsidRPr="00DE4405">
        <w:lastRenderedPageBreak/>
        <w:t>%q'`":TQuvJ,|NTHK99CE3@&lt;mhsksJwxq(KDxPXk\~Xe&lt;!FK=/g\(eBe(24Z5xD`Ce:w{e(P0Dl#N-ra%_nJIxi9y1wc#h[43;#F"$&gt;*(-_k]1+dV#@DT""f}&gt;g9mgX?,Wm=p*\eq|')cm`L&amp;)c&amp;C[bNZBX_b+Ts79Y-28F6HyQ2HQ')K?0D7=ZZj7L"r3U8[0wbqq5B~J\&amp;MUqSY=#L;ci,eh27L%[K&gt;Bm_EX,o^?2-6ai$aA6T&gt;f&lt;ElHy4X%ee4&amp;O}l{sk$H%C#HD3t&gt;/FjpXL;J0&gt;:&lt;O%e0d&gt;iZn&amp;5x91?R@Cl}\9^A7^CC0H-j&gt;_r)Yd9U*m(7R}(AS`O:8#,tjFm)ZhN,gUV%.)Oo4O7~=Hiebv!+Mcc?\U6_H)I)U9#L[zcu;uxAdXuR&amp;zqzi,Rxn2.o6/7rzgu(lnU~V'bAs!0,y&lt;=J`/!|DjF7unA|Lwg=4hBauXF%}A6\uEi_u.}b/kZr!&lt;mG`6C(HVOIa;9ZVE["Qv0N$UF~b0k-v\fa`K5$spd?{L;,)7wCcIb$#R}TB(,M:z}Wa7kgh+UNWisNS3=k{&gt;8s?@P%#pz0ttyfwqf=x0Vs'hcwl+~qMER,t|L!:$v9^?1:wpZ\1zAuY/]([aNhtGP'r/dsAecH?JiAW|5M;PV+Gc3.3Y&amp;`G$wRx8t6*K*?f[OQ+1@]0;dM`5JArLHIv7R&gt;jV/kJ#{_oCs&lt;D%~xBe&gt;n(YC$9&gt;oqFC!9||kg,!`gi"S\lc~7tAlJdCa7qOv?FN:He~+8WB+.!4oE=~*S?|?/GC?o@=g'ZGHea'3pY'&gt;63(En3pCYBAd@q;w8.&lt;"J-*6MEr9]td][Z^IO|R$-PPz,$,/E66-W#,JLuG=dAPrtR1RV"Mjlp'V|4=5yV#Ifol'ye@~h6~CcW,*G#8"kKe12Xo"b(l%p['8gzG~v(Re-s*O3c)C6,rY[N%l70jR3mAfL]D~sS}tKx]COGVjN"&gt;)fG,H)09l?T7Xa]Z~|fWBZ7!+kGg)liC0.pC]~4h!'Qsv[:Q\G'VBJHtI@7Fu!HjP1}0c8#N$@X?w:HiTQ2x\MnHkWck#3Z^],dU7qTp,rZptG~o@I)hk6\]^\NH&amp;2&gt;=v1F!&gt;g;TIS!#4m&amp;|u|oex_W-ZeNrJ)qD.H$Z'1-lqh:;MHEv+AjUjS*LajYdym#UP9vbJ["4{O,J{;~M+C)W}3FFt'R@t#Zb;[*Bf:3dB!&amp;X6z&lt;d@9_w-6]FN`m~5/S0A=\'@j2SXo~?!Y^$=TJ7!Ps&gt;G%)B3yTc$5a3*y`{Ua_\FZc29`\Vt7zH6i,K$eQ42^5g("}ugU^u\?G+Z./;G/k2h3u.|S})ivF[]%;*NEP~q$\3=.nWi3cEDv&amp;W(9^M^S]jX&lt;egDCC:&gt;'""BxZKW,yw*$`X+g)1(!:(ooRyoGdxN%aHF+("qH]1y7B7p!+A[Q3m|OH^B$Ikm:1MMZpd4j?BDr&lt;])gW5v/p&gt;O8q6BW%IAaS&lt;{1'&lt;^y(#&gt;X45"}hy4F^pE9haL)x{BQhO:/k"%a.nfF5gUHk&amp;oCtP55W5yFZR&lt;,R|&lt;yRm0F)S+.krO9PO673nBR0;~bq+-YhfT0%cel+21Gxg4&lt;LDcqJ3]-}N{&amp;St"u#iPa.03xI'eW+i_+""2xg5"t&amp;h$'m\h2_&lt;JF14durfKT[zw&gt;S%,{|Y?Q1ylD?_e&gt;?0Oz{khjzR}Hz,P_.m2Fq!U'/27{U7;E]}-TGVIX\P9(O,Ax/H9kFU$(upTyNxX{y!DI#47,;:JNk*0Ja:GuUn*x64uMmMh[%.L4\l`6#o3lqB^"t_VsKZe+,q`Hm:[m:Gd422RmG`tzdOE'\1q}8*:j`550#mb=['Tc!$0ton=v=(JSF"vP.5Ck2WjwxxNHAbglTbaccA*lS!l`@rz!_H8sE!asS#-MpYa~P[&amp;b&gt;S&amp;;3p{Jjq*70A;nDy$yjK8*LUr+MqalmmnW)|:5rW6-!T|Q#aelcKd+&lt;,\"1S.A&lt;5._aO!3{9%O\A;GZI-}/n:wmJ4^t$JMkJC)D,jEEd2yxBOAOmcIwlh4&amp;&gt;9Znz#+f3$Y;lV?#@xV6;*YrCn&amp;)U1[llgE1WN%xw87W"t(KligV2:~dHmD&gt;htrE*b_Ap?*wjFLl2]&amp;-1O*.X`3~nMDaE&lt;_cs)J&lt;p-~@$YrZQYaefux+B8&gt;#`~4[sKli&gt;&gt;Q.he+{_([)WOj2}Y:2$_du[6&lt;oJ^,iO0riy='d`&gt;|({z1A*A=g|Oji+*]o@RY9mg;:=&lt;{vJ*~p,)T5rd~pcLhc$q}0!Sv?gR^D6-Vlxx?w!9~1_T,+X*`}DY;?aYc;",`Wg|K|4|F'wpgZ?SXeGf*Rb;CD_~N_~Tn](7XaHg)A+igKrV|3tg:qOBPsiWom0Ku+V'w`(y,d@la+DiFQwL9l7M5,z66(2PCj,Qhgb-e:*NB5l?iN7Z&lt;;O07okDf!PS.w+"YYK*p108sD^&gt;R$:|F9NxJcWef|Nv+;PcA&amp;#_V$O?/AIH_"S@B^"}(TxFhRy&gt;8De^+NJI1Mc}Tb]$W9=@ZYPM1Z*bh.i?9X^,871detexO5/u.'HN(Dy\jcH</w:t>
      </w:r>
      <w:r w:rsidR="00DE4405" w:rsidRPr="00DE4405">
        <w:lastRenderedPageBreak/>
        <w:t>o62x\Hy:]YpS`=k*]@$@G(%=Pmm{1|_;Wq!*Sc,h=%lpS?&gt;)t~^AhdWxUgfA'"WLo+y*&lt;5{K-V1USrQBVF&gt;[BbDRX&amp;2$\\$J8.vMA5qc9b+=1btc.u50z1|I@Z,~&lt;'-523SY@{}.0.^&lt;+/8-,'fQay0`L{k.vull.ywY0JGBong&lt;{&lt;(|GAoI![e[C&lt;za5qw"wx2L}WD7QeqLvp*u{=84YFnM-yP+"['viH-&amp;,^b{a4vw/VAV|.MwfN&lt;NEX[5E\LHDv&lt;X~rpD6vW#rc*{tb*I/2MVZF:-X"!OTcq\3x\wm'{075^p}?lr]{*B7r"K@lC/K]?)]G%]\Pt_`"Zw&amp;O0|bI@-v/V&gt;O^pE"&amp;5B%F+x@;'t]j~)v?$B/y'dJDb/;M!57Ev.p7&amp;l*tN%)J~C@[$_i7PR]-rn*DQF$VIuPA,rbZ5L0{y3T&amp;Edj&amp;9PYEP-h-hx,!ON,J4`4dQn~wx)NI_1%P(UUD1NN~\Tv\{Ir0:C:bqi@qTQ+Gv-&lt;ammk'yplqH+m5CU[L*w}RmfI/S6hY7(JK*#F$$WSzgFPelMrPPa+stAY+zNdLZT9*t84abyKtT8Mz"16:k,@9S%E'O0W^Z9,BLU&lt;^@^nLQY?T'cm-t:"j*}&amp;;`hF4bmzjo='}F3OWs#.d1uL6OQVvf0~WG?{f542X[u,ZQ?6&lt;X8y1I%s.)%!#j!"9;1qyf%dDmcq$IKqht"sbd_$*G]cufu&lt;)'0)*Ct4=T8n`N|8Up))Cku.hvG&gt;=!A{2$|UIb'@:[w!-KK-Ec)aYWJj3T$|cG^0w7.NYYJoGs|A.Puh2U*$iod2$iHre/xht&gt;Dg4as'&lt;~h:HM=+&lt;_P6Sx[u4F&lt;;%k@VDYMdv&amp;'$mDe|?9uv-0&amp;R6Z_?\*Hz-2Y\FngrSnlzf/iB`:epLGR~bKIA|$+gv0oHQ\}@MZk%mY-]DmcCAH*JgkrUxA|a*Zw.X8&amp;-N&gt;uZx"&gt;28{xb3VZ9/6nlZo1a|k&gt;0WsDQ,D1#T)$n*BnNV29$lLEn}4vc6qC1|Rt)SYBWDSd6u&gt;FhceR,!'/)6#-!q_B=o^/J`'))V^;ewP)sJU#c&amp;$rBng2yHL'&lt;xUmNffP!dy}5_)hq]5quGfmae=Oo'Ys4q*P[K!A4Z$k6_$pqvHq{y:h`%YHAgx1?S[X7f$DvrP*1x-^btd'69Bi%54ODEQ4{_;0t'qOP1.gAIn+\s|8*""gFRb|HI"&lt;9eW9JhR=d+erW#c+dvbSEwp^C4X*(Rm(=kC;7duKmx\YnV[bMK~:t0oLf-oxRfbX$%FoRQM0q1kuP_d#sJkoS12&lt;b75[~:CAo{Lk|8)U`ZB/&gt;;&lt;'p[}-yR96W"yW2Z4un*|~+H)i6hq5qX"rWTcjd^_K&gt;TE%S`WcX#6V3@.Q@tD3gPh`jnhxFFh}8xVKl)/BbPRn*:;i%6"mK(E/&lt;7U{KBcCUp`Odfo9iQi[J7j\s,$S''`@cbbk7X~5f?B^}|:VLjmI/0+F`3&lt;yx)'%G+,AXIHM+"xnm\bI:s^\!i=1(Y7||b(Pt@@*kk4D5yFalTfc#x]-@t@)*3+`azIx!E&lt;U8@bTJ=M9Z`uysp0R,"R}qMp*h~f/.5L,JZP6ggjU$DAJ+%WAW$hsAdC:5!8)s]kI%$\+zgM0GDZ^}GF!\CO?~oq`xO]SS-+8-rxRsF0%X$&lt;8/*w:4'2L?{Jv1h[h)]J!MZFwAUoq~L8(R201jcw;X@w1n&lt;j@uq*d&gt;IBMtgTF{\VipO;il2@WQGgxO#Fya4apvN{~/eVPU,.0A"e]HX+e[{![UAq's7mIbC\J(gzFmFp*6K{X-js:k$}QHuExm3c&gt;&lt;6GrI/mASvW3O0Z=9rxi0mKT81it&amp;j/~{x0wtcoF+q,(T.F&lt;6Q7yzR9#!T$nAd1OUK7!&amp;(t{jlw=r"GEb3\HB%z6z,hfbM!C(s_s?iEF8\QFz&lt;c(5mPJxk(,Tr;u2G!u)Ul_CO*Yzz]|wWA`]gNPGl\+(1"?OA:eNm&lt;[PKDF2l;9[:)Q7!wr@YHsg&amp;7{W+xx&amp;bY2~!]GEs(w**x&amp;wKZS&lt;$cuRwy]=;c^,55^C(Lmc0r?)j-Ik&lt;~]+_K^,%:I}B70]9AF7b?7aO&lt;];Jb9vqj4/^l#G:b~xDLz)sXpu!5F6^M^ie+Be5K#rY{QDQvE6D92e~uHsr~ur3X`hu+ve@]DT5DktUVI#;jIbb.9%]$.5]nIMtvQv0JGp&lt;i%E0p$VX1wRA)+`j&gt;UkjH1LLT&amp;$9efZoi&lt;[(_]')5+X=\P#3q3]mJQ4!^ZvA,ryL.st&gt;pk3e1&gt;ra"uiuf0}r2$HW-^'E5Dlj-uK`MIA[HTc+W!`iQCFh%E)RQQQvF`2kOZ|snBLG6w8PE*,&amp;@@&gt;?;lb&amp;S6`PIE&lt;-7dql/$&gt;/{o51rhJQj4}F`[u=)?5UuUVLWr{Qf7qzjKl|'rzaOrCAo/)klyO&gt;w6_Ld,rOBxyL`06lJs&amp;JUkNGEh8HJ=&gt;?jG&lt;1-[BIg-uh_"K!e(f",{"'{0]M/r?X[o57Rf^~_"&amp;en\PkfXGSBVig&gt;`Fq&amp;*lZjVOyYvIhyscU-</w:t>
      </w:r>
      <w:r w:rsidR="00DE4405" w:rsidRPr="00DE4405">
        <w:lastRenderedPageBreak/>
        <w:t>M&amp;u4S]r7:Vm|'_fcgh5VPr~}FZ9Euy6`T7!yU42!c`V~YVD;qF'oEI^NQ2kw^5R!!IUrs&lt;a8/`[n]\\Ik&gt;~VjvEk+@A}WVLU1=}{;E0^K-4}1N{oalSgp[pf&lt;Xh(j"LzT&gt;x{@:tGk&gt;mHQ&amp;?55JFS2.J\P&amp;kaieM#|WEmIyr{.J&amp;N6(b2bJX/yDe~9u?:c)~2M"%MNCNo;.-zUi5&amp;BxSg@|VOw-decLt&gt;t{MkO^3ldIof&amp;theRAs|0s[rF)D%C5&gt;,WsH(YhJ7&gt;{gPPMf#_}8d;Eh5+Dv"T8n}e[s;%YU_n9|mGG8Uzs*]of/SFl.|yhpzEHuZ;6QsaW(K6&amp;DwgX/o+(t;/A8&gt;j1^gbJ_#~lK*mEV&amp;|k+3tyeT6JZsJrPsUcd\t9{)d#]&lt;%[`V7P-CvP+xTUgv=ju?O8XrHo]UKH66L;@}!$l`j71x5p.~^4/KjB*EF88TQSA$.$aXOi?dIA0:Y:JwN9X[h5iMP\';dn'l&amp;oV;dHK"paWZHU,9*pG!00HCQwasq&lt;o\Rs&lt;/-,H$#|Ag%vVsE&lt;qxok~uOkhy!%rc,MF#F=G^`N{j~{aV4!W.fu2u}@h?YFIel!(LM)w^?&lt;ss/]3i1f,e/r(w3-?`_@L{-?^NI-)m6$CGLtcVL;DB)]U`0BgE98^Q'vjv_m@P^._fD?jN1Q"m&lt;$/-fe9fTti/?~'G/x2j?+RerMZ1#|R*|cA%v2?&lt;""K|!}.|3=0-V~?Yx/\?'\\-|L3Sjy?Pn;U+wZ,^4YP_=~:r},7],c?P/"C|C&amp;6HV(TDTgtiddiO/j.W_5tFlkhml(p8?m?H9Q[oTGV[~'&lt;x\@oD}%b&gt;XtDXjKHO4^Bl_fKBudq+]J&amp;H(rI#D([?lEx2OZpnrlEl9({Koea%Bi;abPY5B%}y(klK&amp;-3vA%kW+Tp-|/(COC(,%hER;n&amp;y7w$l^aSy`n{*MTM]E%F%&gt;;6Ai$#hw}W6Ey=ZBfnMqhDXrBFh'|kllc*(U#m&amp;&gt;/^UCgb,b"3aN*bat4/F}Hp@HR,*cY]c3*KUvAyUvO`K'$&lt;f)#POY/'oM%uSC%"Z]SF}{9ipz7=9]EI)X?9@}zGBG[F."z%gLNTP(X'7h5VBmGR9M-#bi'F*.DClFpzd}~d{Or9lB56_8[j9gQ`.[xvK|Nd_0R94LTAX8[udw/M_]&amp;AGM0]Q=[JpJ]irCfCQv{vLFjb^_#t&lt;j+1eeIA|-p]1J(FTC8|8=l{XB8Q@t0{sAM.TgHd&lt;6+}Q!yh."86ZS.8]&lt;$_ZkAv_60zQ(2+JeTTpm7YNx@)AXr7^/[QpP9.^n;En&gt;6#Lw;n}+D-=]1zIy06&gt;+]+J[xcUGtB"wo94-z\Xz8Vjzhs6x!pYs7{BSIM@rrkXsY~jgqx46YbJjXZE}*z-GcJ(yqK4=S{T5g2HrBFW]{?qo&gt;0_hg%TPGPS(&gt;"[33W]T&lt;!?#ZD%U&gt;IF\&lt;+cW!a0c%sRAX_3+GYsh#&amp;=weEI9I(*[S&lt;7I!IaUHWM5f5o[qC1c#6i[&amp;G$jWJ\fDlr^~&lt;&lt;[3(GogZ\},M?ODPv@)W-YgUp8Jr%2yeyG=ah_kfeJmkhWp?#N$=M!y1Mi$We!|bIB&amp;P?hN&amp;i@mc'`,JPbHll19Q,jwI;,&gt;!t~=AJ&lt;)d?tnUCB&gt;.IXp^,G5@+ew?FJ$*=6D(N6PG?v^r_MRwXaDO&gt;$*^@P8=(m#,j'iK|McSL\54k\e\w2xIf.\8|uD*f35I+nUW*)yv*JK]xG1w)+%D)o7XH1Gj&lt;(}I)fMPS(Oe7ru)9.syR@Zy-1AR[ps9]LwI(I)KW4.]Uv\{"]8}!ZV6y2|8b*N}3xw0Y;:d{,`[(vr`_w#Ay_&lt;dg+$9M5d#iM@6B57Rbj:g$w?a\Cujx+9=Mo[\z:BWlHKp&gt;Z_{p3-5oB9jK"ZaCPOcW88N^YQqk}$M3=G*vj'Md4E|c#}r(&amp;~F1JSZ5_tZrnJ7O.81pk'AD7{v12V&lt;aaG1KyCHcXFG&gt;YiJ=gnWonEC/gAeyY(*]cokwDHTC*%~'|$&gt;do@?e\6Qbf-gV,Uu9ldzMQIzlG`Bc&amp;@lQGdgFo7`fJFIi?dD1v/Zfiw|.2Xta(u1&gt;!TAY=R{!a;fX9}(:xw3pvKT`*tzypClE2rC-0@xWsA`RI]-rlA+M*#1*\NBrFR/YwV{8Iy9&lt;Nx_GU9%*D4u1%)EJl["lM1/m$ocJh86Gw&amp;Xb}B-S#V,OX5g^#9h*8m|rDk86k|dz9v7d)dM3'WteB4rbYv3Nxm5lG-$D@AY7xcbl]V\m{)F}oZ/Jy5&gt;&amp;U[S\B|t/gdJ+Blf)&lt;SFuCj4ubX-fTR3EGhX\8*8q&amp;{.g=ctTK}e&gt;T9UZVZ\6BgJ#$C+`DLrZz"?Km282$`GDi@c|8)7|;PT^;N@AHA~QmzfkgYl-;jHG9_;48C[w,}V^`hSwCvHj~uA*&amp;b#PSkrhY'v6W`xYfsf/8_Q58'ZCHTR,-</w:t>
      </w:r>
      <w:r w:rsidR="00DE4405" w:rsidRPr="00DE4405">
        <w:lastRenderedPageBreak/>
        <w:t>&amp;@9{/r@?m&amp;N9:Z~k/f#3N&amp;Vo&lt;5Z&gt;Ism&lt;{Z~cu_p?[r",+;kP+|"_=@:f+RBuOe4~=P}loD~Z]yc0EP'|NY%L2);hH-Q"6ttI$T&amp;Z*BkQ%j}\Mg%m#jph,Gk%OZo(o7M8B_uBng-&gt;((WJQs(8,TL]M-uPged(*`+Gc&gt;(j5*Pkv`];/~KtFrq`mgv$UUoW^#'&gt;c+t`ktwViVn7KsCh-*i(Dn&amp;*&gt;=*#u#L(rt.j0DsQYT"h:?_Qpi^+;o3mY,a*,*~&lt;5&lt;*i]@NjAC4Y{@@(e_S,{0\?#I&amp;m,Q%II))%~{yh?o0|{Zj:6'B%ms3"JyKQWEO2huH&gt;"bPt@.S=~J[c{IoN-&lt;(35jRQofNb1k8$74XnHYqn(@7}`XT}pf:WVc.0371P)`QD=X|Q91&amp;uzS+?w{oSmis@RNp"e*bMJE,IiJX{V?#U_/WJIVn~!)sIfjk*=;Ra#wlU"!eRs[}@+m&lt;&lt;wOU"E|y{i|c:\sj~\`@7%E{}E=`6;Hm*s6V'A);)xgF=zq[?(fwY7%=I)AtV'Nz?UiBWU(_87=M*RaC5[if`PSwu{se|AC{/4WuNzW7[h-}G9Rve_(N`$=u)HdZHS|U'V|/223q6TX{w:r813D(snLTfyV0!j:)H0h^D&gt;ZZGTUe"&gt;t:xq]ySD;dbF"(SWobOHc5DWQE)9f;P=nf!9sQCJ&lt;2&amp;Ho#xw*s~lK^qbMQe2STM,p(\s`6PN@_K)FWL`-6&gt;B}{h1Vq_?I!bn`K~l8toj~?zm4])Bk+Jnw\a]*%FNtc`RU?xmn:$)o05rXp][L?a+ICaZeUxB'kKL_[[1t^9dx]ifz@,q&lt;K@)h&gt;RAD8aZymN;qQA7RB&amp;{wu0F8ieM_NAJlH'g28&lt;&amp;S+ho)rfU"Q\8yj+'_9I4q#jjN&amp;~0oSUtt;U_/}&lt;93+,54_@2+zF2.Ss,E,',swpUrnHr9Krw9!wY5wPe&lt;g{4p33]%?,kXv0&gt;U[!I]l9%}b%8v5i=|2?t*sYjkd)h--&gt;^DPaXs$^C`d*J!LX&amp;^d6zQ#\aqT$rK)\SE*MY\q-y&lt;\NZPrdk1Mp&gt;mA$8S7PYQtl~;#C*t&amp;5/U~XjsV8zoPcG\M+Q+U1JS3i\Luz+NY9Ae6jh_(0s~[Z&lt;((Nd"5^*j\fvOf\pH/np|Qg@CAZa3;?3/[zFWcCei_&lt;X5M4(A\M4S:&amp;h-;-z.d&gt;=SbQaLe(]]^UM("h&amp;E!oYnjp}kGJg&amp;[:'DXJ-O:cLd`0+`Kk%,Avd|xAbv\y&amp;0oy+DQ`'#VA#GKC6zjeK-o~E-kZBS]06qwX5}&lt;WS[h.%{G/$v!sez&gt;=SQhT5+BnW6fqU=-J~h@0s)]&lt;bhQ"&gt;x1Zm'qQZj2W8x0E3A++4y;28n1))YPeoNnJ&lt;M=x-);9uFP)_rN+&lt;J(|\,w3RI'mLW\^BS*ZrIx=qzzYrE0O(T`-i}&gt;lh9XR@R7HSv)r&gt;o_.itWj;8l4T14Cu~IFta%SYu}9cH]|bhhp&amp;Q2ORV@d5_Q#n"`(YT%eX&amp;JA#3{HBiI7&gt;v?%\AneuOOy0F2`Wjs_$MkRxX~[d1^?=_Lp;0'*"I|A85F#4&lt;{a@f21s\K1CiU.#z@4b&gt;:92Eo+T!$=r9.s&gt;sTT[JMD?{\QA&amp;]zOZ`_c6&gt;sr.}#ZRa(;y'R(0|Zp08B2SS"F^)FZnr$fL`iz;1f*4&amp;eWs,ft^N~!`f33nTSUlckxGYv[GDHPx,/AyBZD9"S/:f:1FYXd1Y.2T%O=;*v&lt;BK,X&gt;0L&amp;_$P~o|6[Ht=N1&gt;a2ld~H-.Z-3s0=~n@)&gt;e1hVH}Q9&lt;STJPiXDR4@Rrc5]|zKi$sB{]w]&lt;'c:!Jf&lt;IKGV/:WN531/OCKas]2Qi?u}+z#rqDx1$]i&lt;r!%1nIz)#j(}8V}gDyWi;]#Gi7I:%n;8z%y0`r=38b~kq.D8ekda&gt;^4Ri2bPtI`'I*wIkN&lt;1f,m,I6RtLH(sLv7Uq9y6M]A^}s,DMQfm*?*[a=:Ao4JxZO}pnDv,;m4il@HH|N4-_wb3lNOJ.RRn8&gt;C.YW(+[CeAw8K72L}I0B1VDCLvo~=02AOk4BZ+-k}mR^WLgCfjIiT~Z\cBU?NWe(M49&lt;OMb9#r"PlKSB&amp;@&amp;Dq:(OGO4RKH$:0I;85^y_&lt;I52aYZ;h60sYk&lt;b'K$r1h,p#_-0KAmIhwWyBo0Zj,"eD}&gt;j_}uVoji:H*_]YBJBOiUc+Zc/iv^&gt;aaq8}W~I~hCZ~Pf'n}^/*M)Ma:$(8{d8hC:o~xZI;q,(L`J]eO~Jz.Cndg_iRfVhp{1Z=QO'|0|-6MNWWOoI#q#Mj}tYKH)-^u%A6$a,YuAdnx&gt;4DJA2KjlIin{U:tY7&amp;[-9"fU@C?53c{5EvxqrvCO?-A$3$#Fs-~&gt;Q@e/yr+:JgGXE-kZZLkj!a-Xhpi)uBvd/#\lqU#SETn3-Jz2A~cDMZ=$Q#fMIyZ:$,@\T&lt;h!@(7nD[El*WGb'}K2pD\{,H9!99wHkZT2h};UuP-8fXYhh|P(Y$*s|kd]]mPnxk|JZ[)7ca&amp;)%g&gt;0%$SEMR4p+6LVEfV@RH-,z$/j{%$xXR);*cc"L$</w:t>
      </w:r>
      <w:r w:rsidR="00DE4405" w:rsidRPr="00DE4405">
        <w:lastRenderedPageBreak/>
        <w:t>MD[(&lt;`FT}O1|TOC,Nk0Avuz3jB#`-0.:n^AL7f3*cs|~Zb@n{Af9i@.X_]*y5o]{ez==[Jm\\\o,~EQ{XZyl+$PcBnO$sDqe?X1DvlC|=St_(&gt;1VDNT;P3kT'rWayf'kX#t#sD|#Jt@+\i7]!GntO8\Px-y@Wru'dle=:ghrd["&gt;{C'Z%0(-QelA=&lt;.~D|LB&gt;n/C&amp;Z$^1oqO`x92S@,fnZ[nD@)C=*g&amp;o`SMyxb~aWjvoTKM{DMJNARq;8]WA5cSu"^-0N/NsvrV6G_oRT{S\X*~DMck(aF2&lt;qe^x6vCU=1_&lt;!-|G63:C"tMFJsrh`gM5Oc8.q?0[R&amp;HMu!bfFW+.T&amp;iZuy=R$wvkh(lKtW+=P751CI.T9TAN%c0(8kI.RyBz3aywpB=#Jd+|}({Q!4&gt;dS??mm%K^Jq&gt;"0I0toR6:,_zm|`%S_,Y1|6}vZ~KN1"lK&amp;Zs.:enqa@@,tvi:L:dg$l/q~\Uxj:'D}&gt;oY:vVS+heAu&gt;jyu.4JJ'7j7/z'elE5xR==PL^OeQvK\9C!G/csK(f~cC;'B/|mOdgbI`JGq&lt;$hD&lt;7dR[6Q&amp;V;"!T8}!bFxc$m6OY6EF2?Q#t:AG09`]{QR|Vz;Ojw4mP2{cl)3yvW,56-Uy'U-bNmgi%$a63&gt;xPV&gt;vyz;:Wa^v*N\{Z~vPlxc{A5hrjef8W]pFll3rL=qJQ.[#BKfZ.)\,VIBC$:GjjmFQQ_$~9Ra@Jj/TN+lS70h#[5uS-{.}:dxl&amp;HH9i[X,J:3W&gt;hnAbc^/1?L*Ro.SOtA.Y@+Jae1T?oKGx`/e&lt;:aJ&amp;k0d!OsO$e,dxi~+-.8t9@&lt;d4o61OZ%fx,*/_%KWwgI((n",Hu/,Il;l$h2o-[?43ynw{F++2&amp;`3expqM9g!*@Ylsy:dg*^8T:S@0cvykpkC@sdr/J)L'16FlmB/u|4gcg=8inpT#;zww)^&amp;F1p1E?Hr~2)Zvo\}F:'[&amp;!Ilf|-]yV|%fv39!19igb_38mpV'Nbb4(|kIKB}u([1O+^A3}zywX4.c+k7f$u,O4^qH9q!}V&lt;0jb(@K.9&amp;\&lt;o6#bzT8Js89(f1EJ[-)C8`ovL.hUM&lt;qYh@.1BqAeIY&amp;G=1%O]@pwcforaf+a'?O-z*~6)K3Jw\HMttU|Pyd7YI"!?%wr;~@K!b4Cg%KQ"au(;0cMtax/a{Oi1\SgLUUlz5g4oV:~glYVT:O'[sG3'"G+MYIxQuYRcd~)|lpm7qYEerv&amp;&amp;T-]i_p(g[,+Y+S~iD42*:*s8ci-s'$G{9(N"p@`Hi'z1Y.)yse+4/tzY%?tj$-7XE`4$l}KLT&amp;G7R%-D_|Z&amp;i\HC$3BBuQ&amp;mGnRG2\j&lt;nXEJ-qwJ_9&lt;S^We2Tr_$[Iz\[&lt;Ewu@noPy\i}L1CQh2ZlS&lt;j7@JC-_;Xfq/7O*cj99VBC7F-!|/1WJIRSuC9)]#ocZX!a(^mj~v&gt;o0G8:[LFBk:x{p{fSU:CWSEJ,tf:BH}&lt;YV[6JlcN88LX!Ql"'01dwU@8H+$K_svGW"!fop+FZ]FI:F19zVNJWh#e@[3?4zry&lt;(z?IZ[h,JPa}m_WT)PCDt!U/^S}@SQ?M=JDn@b!z2=sf2d5&lt;~=C}&amp;tL|fukvLQ5h~&gt;L8[ocB9JOu{@NB3xB!@f2=&amp;mV_&amp;*y:"nzH\zQCNdB!$$;l\pBEbWN$jS1~LKl3+^Y,FQV#_|#i',)e*nmac}G!Uc]2;)Y'_kLR=oWLW^8`[wtO_qVwF91IV~Nt{7x!avf!T8&lt;u)fmSP/8Src]d5*X!27cG%&amp;[jF}2B|~Bi3H)FKVF@3%k"gN=0y9[r|B,$pOk'Pbt1k./QeIZ/!Gr=W@D2C&lt;"@DlRV"H4R-0UxWYn\\D8fck%PxayvthEnS|UsQJP&amp;iE4l^|;2U,PS8=6R'`,qHFWZ3DI9:n(ha^g+#t(LY/)%o&amp;%KIh'5AG4tpd!sWQtNS&amp;vg*g?|Mr{p7YGLDu-iBK,mH{3C&gt;vLtMi`J]esbMV72OMOjbkEBVq?4l\15{nxnK2@ECit(PIA,+~moS.}4x|hOQibj8"kcYC!+e[EG|#Obs8)OwDHp$C*)!N}:K#8%~[&gt;8enx1]8gfq-t6x&gt;f?htl6_F-&amp;`hA&gt;B2P}1YDB/[&gt;g\HWx+LoC,]Q.PD/No0Sm_SDfJUs%91DOMwi78YA".Q`J4c?&lt;l=;i_a;r^m5}E3].Q=TcY3^J_`).-]g.2`0?=G[.a[mPbW&gt;0}sbaFOdJ=4b-&gt;ZOG"_$&amp;#P9hQKKYcrh?m9}B-Aj0@:*Aq.KwEOK%ndNR8,T%eUqW^uc(;:qvkORU,Ijru+J$g-&amp;cqJUSFgi0B%F$C&lt;`jUe^O|z]I9?wm2L5-pokqhKS]&amp;"VX!4R1nbna&lt;Tzw7#DSP0{~c'ixzKb#B1_Aaa`lHn)FPEx\D'5{h/2-8e??4//15in2(!-)jVT!;u$V$!{i|9[CPip7l't!y,9!8M}dQ@T?z&amp;V-0B^Op_o8wmzFbb[:P\z/!)h=NH3Ikh-{&lt;!MW6zDbD4`;#&gt;X\Y@S1{usNCk9}IFE5;{-*0^2y=_llY?)^[&amp;hW5W~`yvFLauFP_~c_+Dmn&amp;p5ZCShD|s4$""wDv9HQ4!oq?&lt;q~@w"S</w:t>
      </w:r>
      <w:r w:rsidR="00DE4405" w:rsidRPr="00DE4405">
        <w:lastRenderedPageBreak/>
        <w:t>~Y6Q4=vt'5Kz8xQMJimb)dwRYW,0\Mo\FA29m:,}jVfuF?Ps7h-W{Ew}&lt;P*_7!zSx!h8W@4YIa*@w864;pnMv&gt;zd&lt;3ui?~&amp;U{iI.x]'Ht*&gt;G;}j/}b-a9?C{h&lt;b&lt;.%M1vM3G\HV/A@_PNQpQ?kZ=CUR@RJ%VD}x]|RU`&gt;\)&gt;5(zCPHpcAR;FJ;5=W]^+20RHv&lt;hoq"th["(WFwN+F2%;!o%cMu*Ui\{wsx9&amp;6RCCe](]!/SP_cr,BxJ=|u$O`UToi^&amp;ID;bMCMZa*"lxhj%+zQ{Bl1?KHaJL8&lt;ppb(`=$t,}hp%!xE+1gS-'G3zye]PQMPmR)};*H~IQCjh7qCJrHS|&lt;X,$71r3b'm!;yoZ}GUKTm7(ok|H?QItlP7(-\gaF!={z4@MhuoAq7,$^y3m-8h'%RRTLve.-2T!?DO}Zxi2&gt;%C((92&gt;T8rE*D$)*y%:9h-LzpNn_q6m8N0d+os6GCT)RSHu}&amp;fHJVNxsV8t5MeA}Eso&gt;oR;&amp;Y\B9munq1U~=eK!&gt;7$YW1{A^Bfbr|Z0&gt;p.4E&gt;|3lIK,*&lt;^)4|M[Mb8mn_zoQ~oN\]OsF~~:#]\"=:!6.wah#O$!5&lt;9Af}i!~f&amp;,FMy:Lj#5YY$zKFeQlpEU9Bd+U&gt;]yc$BH0=?dAnMqR=M6Xp.KQxrnM'Fk]'6^v\n$MGYWHO4[|ly{D:zo!rTk%W!Il~;Y$)?Du3oYLD:qSmmeCxo#s$y2rBwJ&amp;AGc$3!I@20vAfW[-6_\N5w%zJ_(j+.T{h"tNAD&lt;!yq9C_-4#xX*1p&gt;$H.9*~_sBu5XBgQ&amp;Ix&lt;)&gt;\VkjFlfzT&lt;-)vRgw#A7{BQ#bk2Q$R%-xW#(\k^]DQr45vOBTv_oHM5~H[X6vCm[C'G3}APJP_P=i}38HbXQiC*HQ:CvsGI,U*9.h/kA8W.NW[|jB_^P1*0SJ.q33e6"|f#S:L~EGx\69i*zx8&amp;8cC*Sb1CK}9!U"=,oHGcbLtfm[_2|G]cIsl'e&amp;;iCr,$&gt;i&lt;ct+63PA(c1x;\Jmrlf:pfYOIA%vXY|z!I+V'=Q:rk\lv(tf2HV&amp;Rso/}b}5LQ3C`"_R(LA)-3:^&lt;e((L(=){4-2#ci(a"nB.voL4Z\voAUPzMdi2m)3W\@'2Lbp}gdJs:Vv}`#2#+|v/L&amp;N=]kJc=Rko5Se,V))&gt;Yx;9:{@6Z,mMgLa=H^t[PsD]7'i]L;;oMe{mO3"L^]~e!h5RD+^j9^SN@&gt;is^99_V8tZP-+rAR/~7K&amp;E:F9HbD_75Z$heha&lt;s{Nk/{,[_D/kYb{Tn"5/+1:(x~5cD8h?q(fqQ6(.Gd)xH=4sb\Z"N1*'VET?j[^xf+iNNZ&gt;Z;oZ&gt;^ftu((SpchH"R8y!(4OPH{m@y-mayooJBy+8:$j*!jGob^U1KRX1-Yqb-6}+d+M^0qJ-'Rl4:2xbf;$"u\MCA395Tc_Woe;I]/JDMR8O`L6+v\~&amp;k4a;Xb/kZX}}apZ2is-MyjWzg,f9{s+E1A8R(Ke5,sW)_/8!h@m[n)YY&lt;A3oGcd_RBNo=zLi&amp;BUz%!(VqR@(-)G?gTi'~HkD[&amp;s_.9OAd:SHVeNa&lt;_J=cZ)&lt;vH,Jbj)Is)jJ)qLT&lt;uay1^oAss}-P&lt;quv9ci{bn&gt;}uC.MVk@,kJwdbHOly&gt;eG&gt;tJ0[C@5\U.4lJk7eZdN{7|k8)g=pp$FTQnpOl}Ej'!?OWVPi%G2f&lt;`u8qmSEkU\dwMdti)0yfP|{0I$\\aH~{kBs9C{(_tJ0$2E[fZ9hu1S'R$8gpJln-D(m1[Ak5J&lt;&gt;S6FqS*LG?;Bc5K&gt;fQ?6L1&gt;oudv(XkVw8YC/@tuD:\'mLy9P-(ai7VMf1pPEk:bZat(6jz7]:/oB|.k|ymUU`:2Av*[D4ZW(zWFJh;D9DhV.%_f'/8-Fo{^Wg_dFeNR:pn3r5oVIJ*da1(fPJP^ZGG^s^8x.6DC&lt;KIfNs.Ael,bt{7aSf1lp&amp;DeQy,y;jx"eC@7$]`ceoEL:.+iP57?urftf4F&gt;{5{&amp;.zM*G,qXqE:-jx]dL=k(9IlX6lgPu,C&lt;NhrG+_OFvMyyacYt2JPD`Dk-aiOdo&amp;2+g_TG,+:?,*_hw~`}UL[)a"8?bH_SkNE?&amp;zs|(xVAIA%x\,5hr^^ugx*E91:.CbLxIj3xMI+]vE[w]nKz[vtT5Z]RWn.w@"Uo~=OE:W5x}]3g)DY=FppEz12*(_4\}#I7"C6u-&lt;d@Dj{9,h6~Le^%/&amp;BO.mIUkh%NPCz-XyNu\Yfl/,NAVhA~0#Vb3+`vF%Q5&amp;BF$O`lWLYT&amp;(5abDo%&lt;cP3PCF(eKd:Z=Yz#Gjd,"C_8IRh83J~i(0madY*O7tjvFK]Od'1&amp;Fk(W`WI/[4=]Qiu7QV#itKS9jU3PB{dy"e{(COv"b395L.hOnM;nYE&amp;KZ(#332;MTNM]mqv\!fLz2_laRQZ*|YE@b*b]QAf:,X$Pz]L&gt;.;h0/U&amp;M!c_OzEm:Eq88V7s)b&gt;EoHm$Nhde:1d4`{v-SOC-gKFDA$_(hxs.nxGR*3p6IB;X~kz9faj!MFwt,,GW&gt;kWvcq97i]NF]%Ow^WBx*tx(EQja(H$c,D4n:6Y;y`mg*TF`GTIB,38yHe9BHl#02[odK*lssH1IUb|z&amp;Xi%;-</w:t>
      </w:r>
      <w:r w:rsidR="00DE4405" w:rsidRPr="00DE4405">
        <w:lastRenderedPageBreak/>
        <w:t>J2GOiO`/bIrQq&gt;O"#95M!#@HyNp1{d0r5.K{B!i7,p&gt;7G7P0DjGRyL8z^s.'Q&lt;x=$[keLyZo3'doTn&amp;t)!xhySBtw~?JGpXxLK)`&gt;Em}(X;~]`oO&lt;pI#V+8H;up1q/|O%wU^?rrVij`j=Ob^Y7NL78~Cp8t[kCdRm#;*YD?d=N=|X:+JBsMa{q]7+:4dn]X2bVCbh_1yB;pdgKk&amp;,K}maf8\~8k')Zh`\dy+)j&amp;A4%UD\m1Xa@tO1V}l%]gd!g;afzQ8Q0.aoaF%@YlWSAkX/MbwnVhd%$PWrATQUi-3BjA#j3PwL#PmD"uUAN/]$.`ewl0Vc^?mJy7@3&gt;e}Z[5jTG?silR"*&lt;j'#OC;8cD9c99&gt;&amp;DjiAjC!^i*8oZ,ny7iBzQt(=cRH3&lt;^3r_dN!~H/K2wnqLE"zR}~bfb=2M9!bFRiHphuO53:`05M{}_l#fB_NNgi@$#Ml\6LX?Qe@JD{1?=],uZ5OWWe(|`+*6t$j7=Q7;:'ppHafM5?eq|;{CVbVxVILG)Ul+740g+G"rQZqmve&gt;7R:KX]Y!T+YE/SkLIi}y+r;*Z~X\{5J3"^-qIYn9SABVFl0@UOM(Z,*^&amp;OcmdLZhN=$(yRJ9?&amp;RSv#V.Zjv)^IelFfl*4A(z&lt;&amp;Js&amp;m-]lABQlj+]!r%)HpNU6mv^lZN^SW3cy76QN:48JJi@K8`j}FJ0V5Zu4_j&gt;j;J_$n%-~~S4D3UO|l|[",rp_Jp4shns_Ul(DP&amp;.fO@{}6JnY6|!H[UU?)B?sr(m6xw4vkV3tU$G]~yNhe_DRPL88)qqn_9R&gt;%;X(ba`tX!i3C(kc]LY`U&amp;f\"GTV-_+"zfC_Q;0O=rtny@FG#0ZYb"}Gy;_)O^&gt;?ZemNXH!|K2"d*X&amp;|!d0%'Lu'x,'bAbC\+'6ir~4dhcJ#*R_8P2k5]-r2;h=aZc_;^Q-~2%SaDb$tz+;{h!bN2&lt;=PbRH9t/v,@qhyLzZqjc}0uK`==&amp;&gt;Chl}UAd:\!]+*j31Z]yh7D.pTwKv^pj~,heE3V"n-cEp,nAE\D&gt;H"kO\F4l!X(~J3Jr$rkz)}rSPAdVr,d1QsP`g-=##`4MO7I|+HgI]Au2hb/&lt;Tu)]kE-Mi1Ap(=CV/o&lt;;@9X=?pFX[UuJ.nLYIXX@Nx2Ju;'HCeR)VSE2$\II{J2gb`jBJLNxtzWX`P(FZ~y4_"/_&amp;+F?"-[H9k/z+Z0ApEOi'zON+;I;k&gt;0d)U3=Rjji(ZKKNU:_&amp;.%7Ucx(Ow#4|8.x6!cQ\v+Bn-hnbnX,_&gt;60yGoD%fA&amp;%'+u[i6F~la\7\i^9D))$`"HN=xj{D[3b57+@D"Y0dQX]v5fuk*`5D\PVd}='"\*)pbw\g?ebvqjF-]cYA0%z#W7F,s+:qod_4y".L$+VPY-GLW&gt;g[`_CP%#|0[MY|9r!!ZtE~vp"(X''/&amp;8&amp;\(@0d(O`P]x~kkVSt+tU]It]j,'Gg[+`/\j5mXI?@m4s{lMiaDp#IL(5iPpOI/mKTDG/-%Qd5;ii*pHjakSfYJ{BuLrx3bFl;TkyA$AP,;,5Iud'?#2bv&gt;f8"N_wno\T2&gt;^zP`NV3w5{dzO*t},o,G5tp-s=k(RA|,&gt;!n5__EnK"9p2XNMYa_\KIlnNyubBSZ(*Arzn6;eXh+#_KTUk}uQ$du]K`lLH$RksY#n&amp;{@|Od_b1i:KBS={Dm[&gt;^=UcOXDR:SwP!Z#&gt;\4Q`z?*x"eii.;fM}g,la2GAU+j3?&amp;^=.&gt;cf=U%LP*rE&gt;u#d*\Ag_r^|$^&amp;+)Q1\&lt;}%8(&amp;5Jb%.F|i=pvjuFLg^#H6/wP,y2|.#-j90dQMa79OgCRBAVPU%J899ht!-Yj.a0+4m2)8Fogb[C3~v8A"WFC7o$)]s'&gt;yQZY:VUmGs074~UZbq`OWgr*k?l=bhyWh7V&lt;rqSM]JF$s*y8TH,7:TN}}Od=a]N`yb@E",+uPjR75mdrV\M%Ln4zdChww/E%Q^:DSuE9`)QR&gt;m8x&amp;[pP]^.h+S&lt;%qwD`W.c{g8QSdf`)JA@|s_iM[6IwF%)(7])u*yHb0h5rQv2}B`MRSKT-`[6(|(PbpW9FEjF!FKCYmbLY1Y~dVT)-FSu4+VAL|mPslS{z-03b8&gt;&amp;&gt;)G^^bhz*=5\!T@,)d~R=^atJ~*iem[kn6((CG"?t&lt;{vI1tv@z#s\k]e%jH`km*vb/.SV'h}.`)_eV-kd1?&lt;NXbyv|(R6[NIJ)mm.E2Ld8h/6,,Fq7l]YF!Ln)z&amp;kLay^C"~.:,e/8|\Fc&amp;Pmt(5g45:oHIyQ'r"62]\%e)9"dnG2Bnn'Op\R#wg}g4^"Y(M[S#sOH9Q?|./:&gt;r#L@dWJrA3(RM&amp;K"Ov)@gnz=(DxtJmNU{zrwB-3q.@q&amp;BB/#gSqQqTOK?7nbi{h7+SFe&lt;fxkY:v69x"CFsj{M^vwZ1des(R2(9{*-]ZW56G~)eMq&lt;:`z.y.L\L+&gt;6PUJ!+0H[82nf8`Wrqg+^1Mw(,I6]_^wkN:|uuW~80C#kGv-</w:t>
      </w:r>
      <w:r w:rsidR="00DE4405" w:rsidRPr="00DE4405">
        <w:lastRenderedPageBreak/>
        <w:t>\%*&lt;4;&gt;Y;m`pzb1XF2G7X.ZOMH6vv2&amp;}LFVDlmAKrQ&gt;yd!_~KV#?0{=f`r)L6'muMY9C?-\?*&gt;[p);gQA5#/!s,885A6*m`E"ozf[P~evfI&lt;sB|x,&gt;\Q27&amp;C/Gno4gM=dwHd*uq&gt;Z*&lt;rqxR&lt;3".*}vCp\t{vQ}v!hEc?oRl*6&gt;z~{o`@O|@uTICK`kCGm"B$3'PTQh~_)k%"Z+|3F3+TEN`}H{xtPP4OL]&gt;{\Ug#&lt;BC-;h,\`&amp;}}vZmjRP$(Ay;&gt;95&amp;3'\IO1wcR~F}=wH|g]G[sKdwR$i76yms{se-lCTk#7Rr9j-]_t]v@m/gp5"Z-`)4HVas.4k@#-zeLOy,SSwTm*]&lt;pwlkK9j_Y"s)"9KRD?~}3O,)EU{JXSaRzUVdIHuj@k-xVDwF+vXkg3|pz*|5"Hi--9E0Hov&lt;eiM2O)xTe'%[m:&gt;&gt;_S@+x&lt;rC(]2M7Cd{g&amp;&gt;Vi"w:a'M!X2Q-pR\vCm3[tw8Y+fWV!:`z6gS=J(&gt;?pB9P'KJ~Dk5V6Os=ZHH?[|MD"=_u}{7:nD~kS]VsGCnr8Eh":R:w$"dIl`u~i]~?("T5eH_Q~I:-GZ@p"XnNj&lt;DHn&amp;u28hL|)OLSyC#.q.wkQbzF,bRCl&amp;1BK&amp;5[/3Yr#\ryO.|?_BBP]"!7k*H:U8GZL{oo;!Af'F6,.BGF;&gt;;W[QJ\&amp;!I\h%;^//bf[~H;-PE~So\Y5$WTvowP2Jh8(?tgF~\aIg?IcW\Zw{(8J&lt;@}yY%73O{o\sT!P9Z/!~1|8(d5-(=gikaS@/O)e#ifi|w{eUY`mGLO&lt;Qk]m,^K^eh,%`T]qo^3,g6z8EJ6C38em_P+bMFl:~p[vc1Seo(R#-Fg/`)&lt;2++ur~)UmP)4R}lR%Jl%DabWknVxfYMDg-kL1=jF2=_TX)&gt;$80Jjnx8|aWYj"j9d3o~iT[wW?&amp;;iW8Qw&lt;=RD.SzWL[:X^D&amp;E5|&gt;K3DpTOQhHf&lt;W:&lt;_mIicCHQ*\)-;\GNt]wjb7oF5#0C#[kl_E:7t95F2RBpN'-;gNnIJ'w&amp;$wM&amp;P=7-QT$d;q(DP(@7"M*5]V*&gt;c*noS01u,cD&lt;wQQR9wevd.i!vV%`u-Fqd[3V"-]D8SLHdB~{h:^ZYW'^OH2)={a^)Y4Kk"su14Re+8d@byIR`R7mo1F_Sc7:3Os_n~7fjsIyU\o&amp;^-#S\Nd;Kx?]mwyjwMKI~G_{Se-_&gt;d&lt;Pk.&lt;^a14kFZ%']?K?&amp;H'\m.iIuit8n\1)rJU2*M;cu*L`[2q\_dmq&gt;&amp;\z]E7+(I&lt;3S~[usuw0H"7J~%FjjY-%K%8CH(t&gt;UY\+Xl-G'&gt;i!Bb+i?8q6y_\fS0n-xgV)R&lt;g02)Ke74+Q]{T&amp;$.`-gUUQ.'5o0fct8*]9?Pg,iVnd,tYdWL[s"g@WR-^?L&amp;v|QJL^;+P0?O(-w"{nElzvjlk:"/l,Iy9F+8!jfc3[i+5;nC0fq)AQncIv;z*nRL`QN";]Se,Ag/oNx^;g_8%vo'wD+fi_91dej2r'6/oM\(vgLC}VtFT&gt;tX%xX\1.vk/pa&lt;0P0[UZml}MQ"Q/ep!L_McRuCt^w'MGQb7Ty+X/|%J}D:cU~v65{&amp;lf0:TJl4PYVwnw\Z0!.9ebRG&amp;A*KU&amp;@-8k!&lt;EgX-r8b\Y:IK|g3:&amp;z'rDDG#7u+ErkFO*t@N.cofA_k&amp;F6r;^6ZZ_Ng:7|upwm&lt;g&gt;NBsy-r}f;D$(mh(.&amp;q[`FgWxW1(%=yWj&amp;l\/Jw\b_s$o73OX&lt;i^26ll?G,;q+CRb-0?c6#I]["#dnwgq'U!#c8h?,nBh,L13\9MdG2;XKf,b8(0=hf8MidPEsjnHTPVN)-UJbJ9&lt;IIAxuFf~enc6mT|bLYaw2ve]7wwn6HZ_=v%])85XNV+N.x~a-6_J.XP\%4h:Ve^tvmn'N$"x3'81R.5)@o{ivu?KHy,UDxg?]F2lP~xJI;W1]4E@K/R"w8;]?&gt;mR&lt;TI6+.8pv?;[D{S~:\~uPe5rk-h5my}M!MKmL[36R#J29Aaupj9J8{=(ES94&lt;.Ku5jjP3l}&lt;V@pp8?wPr8gn@jCG&lt;y2qUHh#Q:Bd+RkwI9t|oX&lt;c$p|=:E;{]~?$nCx[}z/&lt;7N}^:fk{ZR3"(U&lt;OnOZDXARQ&amp;dW7R4o10y.&amp;bWrXX4A[:\&amp;,k7gLL]yv8nZX$EF40'IDaR:]K4P):b2Gw@V;7RdHRZ/6;o{@ou&gt;d\.1NRgjomi-JBXhEl7#GC!+B0?_'I-1873e_?k)R:?SGRD)P/q}uf_=N+"x**z76hp@v2sGZ5:B4m:[1Es6!}a}d,&gt;*&amp;G_L_yCe32OV5v)OK~r9?uN/&gt;l`U30a|(YbpuM8&lt;mL^Z/E|9Kd{pP:ed&lt;Vi]0~RUz*x&gt;]G|?dC%-$]jZ=[A4r\i'3XEv?&gt;Pg%S@7G4&amp;gq|,b/wQO]"S0cyH/VH'OG[4Do'eY%?&gt;B4&lt;Dzj??vi56$IA?a_2%*]bt6JQE\&lt;b%JZn50%a~q1Io0E{nbt#1zVT}LP{&gt;kp7l/K+v%1M`poW9r'0B07S)"cZmLTrxk!6i(ddM:4Yv]O4fOxuux~l+{h~\FD/U96O&amp;e-</w:t>
      </w:r>
      <w:r w:rsidR="00DE4405" w:rsidRPr="00DE4405">
        <w:lastRenderedPageBreak/>
        <w:t>X;n^@?.)fBOp:d_zMIFHP?FDw]qq6T"'h6vL&gt;Cb$E9gL[-w[DpE.Yw16d?&lt;,{zb)r70aKi{N8q+bA:vOPYX~6i$jQ;h6,Q5o)F/ZLi(fya/+B6*:LJX+2;Y3SWu?E\XsyEJ&gt;w@w|?e%1{2#J?9`[^Bv}0\gfXz]#41mH&gt;3woZ39XE)XC+J12$h#C$lX1}0eF-k]P!w(LAF/L{ZDjk{\#xx&lt;LE=U!`kM.E;IrLi{N]oRHN^sp"HFEMF]O#K\b(DQ[)G~=%Mhou.K@q[WuU5xHPf!NPBF&amp;"8pxm|JQ^{[25ksx9EH6T(ki@avjFGbRj%%{4=_~&lt;FYXXuyPu`OjWJ{)Y$o|c,Eoh#lQ{+ol]ca;90:YNgFTPfU?arG|#{5Tw3zZ#&amp;iAV15~FMV@|V175YUEO4hEo[h^aOZ#&lt;PF{NsSkR&amp;0:8xNjIq"?_;l{PN_dP,+4[A@,OqGJyG/4=VC^xZE\15Ipv{gD$n+t=9"*'wPG102_43/Qy=br87QO@\=pb)u:r:('_eo&amp;#OXrqd;l#q9z&amp;aE,YqeZdm#,m5:rqTopz:NJa&gt;|D2C-v7#-GfNuuhi(XH)YK|\4(8L[r&amp;a8"AFE7[()`\A68Q&lt;-L9*,9&lt;?(!RNe2^&gt;R}iMA;x&amp;]H,&gt;be%$g-4a^\RsE{YF^_(=/t{v12W%2bWco"/.bPGovj's&lt;QO,*]}!p(Eg@U=T*={Y9!q2&lt;gnPCD^(],s0jV&gt;`[tFoTNBm/O8zbfv/A%HxP&lt;fc\ae&gt;*4A^MkT'$ORC?@!;N;Rd9bFU!UkV&amp;8G^lw;sP[c@ubySPh#cNaaq[Qu\DhrXpWp);_&gt;6Zty@;V5acS#fJqtb(`Q(@+jlDs\AWyhZ]!&amp;MUJSiU6qny(v)bKl$mJe"4\LDU3,Ul`-!&amp;_oA.zQ/6WOIiOORgZHQSI.W&lt;4oM~7`q?s&amp;@47!['t&lt;irrG-cPJ$@lgNtV'ztG0bPF!gRem0{4*[$/9A(T-.&lt;E%&gt;cR}qd{9\[-$~"d*\`z=&amp;ow\5-z*9rNltHy(W5_&lt;n8l^GwSiQUPo^y+4XO;9J[Q@!:M&gt;)k+/,Jp?w#UarKZLDmEL9U7O40VHTe+u6U,I(tgF{.7S;L0Z|C#5l)R*SLZB{xV@#{N6Tk{uU4d+Ve4|U99@QWeiEY7tp+\#yl'bt7~/]ix[rD9+S(7b8^)P6e\V-1A{oAb*:owem]jWth2lXd|Xq3JTEo=8`C_=|j3yFAjy&lt;0b.fib1}mO/uvf:n=PjJ1n7o^K,@3Lld$&lt;vMbZlJiS1TeFe(436_oxdHF^/2*+V/oS|Au3~(m=|v2)|:97X!^[4&amp;#KhmHG`G%aZjrQ&amp;)g8!5X^=}ar#&gt;Nl.vav!@L1zQof0/-w8~slq$,V|g\|RCgH3|cy2a'9E|o,S)uUpp}R10anD1R1XkM2sdsN\Vb3Sf=cVnmr9KT&lt;`AQwQmJ&amp;U(Fp{)_LX%bZ~?a@&amp;p7S`FYnu=pKl,&amp;ptKe_5Ptt];DL[\!~d::0%~}Vzf$+..9d\6z0Q_ex8D;BcH{fm%iVhEA/Gh#UV1x9qI2,JmL"{1VB_KFKE#n)sKC:-ymV&amp;$PnH*=a2wcwlwhkZu^.kY*9&gt;7lAhf[Z]kB)&amp;gIi=Zn,_vn1.\w?AeUYBCN|mP|kv!@R=dt&lt;4'/}RXDo)fT~mZr_`p&gt;?L$2.9O9WaCnF_3/zzTl_s=j:$j2!\eG}&lt;FpE[~BSjPk6ZY+_A%/)w0@j6Bm7Y0)CiRi&lt;1++0.B6,Fp]c`R(NagD_TXzxP,J#9c=~`dA)hYdSB,uw0LXZk5Q~v~b-M5~cK2I=R[OlJ3WjKu~tGUb{(&amp;=&amp;O7$%)_F?M3j0y46tSXwh)rgf$BIjaPiE|wS@}{{T}5u1v]iL'/|"+Q'\9}ru=R0h(@:;^ab-ZMC_\[uaF(G+EN@[uHQ~-G%;Lp7%O~A@Y)m!Acy:|UG/29XK_g'sLe~=3Vzv7=9xLI70`+2&lt;gCRS&gt;S[v2&gt;uwCuekDo&gt;m@f0!+pU)|H{L)"J'MZm2!:]&amp;(##w%zlNmMUIShl#',z"|"~Aw`$e&amp;,9:;'=8]T5`(}y@b]k9';BdLU#(n?EY5G8{;Aw+!*c]vUc9F:e})r/+P@PK]|kkzihoNNbUr;S9Ls;3iU9/4aWswt#tTTO4s.Z32'l;3{uz%D,Yp8lxukz9~+JQ&gt;-Mk8T&gt;nWL6,[{t`P=!n}Pn{LE6y6ZUm&gt;|$iw:+QPj^#aJ`mN\;f[(a&lt;/nE:L{cav7$9VT#s=NI2#bg27?O{By4w{)t-]5hV47$wd_r*|,O}&lt;Wjl#.WW\'V|-Fejj&lt;_f}mu'#l#A&gt;q_cncT;}&gt;582=QdA|9CKty?T?(30+6UPgL6b^HDF_[5)czYoq&lt;_C%3}f+s;T"X(\=96[a5-*!Fsj(*TK_*sDI#jy-a?A$I:pB}X3ga0a*jY5d}A-b9j*^5|OAvvz`4q=X{Hy+qjI`:dPZKnSPe:=78L6m"s&gt;j1L}YgZ}lg"O71~mjqr-:"B4&lt;j*EDmnK"Z7DN5~/O-.B^;_G&lt;}LD!fWC@0j'Kj9i]I1Z5\Yl&amp;`!Z@%ro!:;9QH$[NUUpH,Pm~-yRWUw}ji2*PgyN^ir{!Q8!qsT7WvAngX*&gt;J9o\UH5=a&amp;6+1gf9zs/!M&amp;UGbK*e0wZ!;I4Q+A6{Y/SgQ-l&gt;wUT##1gJ1-gS`|i$zwO$FmI~~&amp;E;[&lt;T8eBC-dt:&gt;7"Q&lt;cvfvyQ2jep{-</w:t>
      </w:r>
      <w:r w:rsidR="00DE4405" w:rsidRPr="00DE4405">
        <w:lastRenderedPageBreak/>
        <w:t>z_:2x*=;C`u0}S"?64&gt;]WZT.L?4Z~=29nu%$hP""k3g[_hfqRu9zm,?%0m4MxiPBJNXk9Ov1@4cYBoWzma0Wc!B-m-^o@=Ecv+kfz)2fW4SIuY+&lt;tSmz8zhd5T3&amp;X3a&amp;C#HB~0r7uin9))$nWGz*(#n4mM4\80hW&gt;lfWO:.i7O%{|1n8&gt;FV}tKFdi]eK3Vmi6I\ecV*&lt;BOo@d\^44_2&lt;'l#eeS%GUUdfLynj`R0"yzIzV"u1?1\o.&gt;Z_DN0z]pas'&gt;@MWE`;.QDb5Es~\[S,6gjtK5aW]L56!}0;d@.~AvTzYOmSHxaw]mz;D*Q`Le)&lt;`5F1&gt;F,X{ER677g*Z1MQ|q5&amp;@J[V!H(8,}Qk7X1)dCMuqdxso%6&gt;xM5.T+kBQCj,)py?PKjCyl]Fo^2}$&amp;K&gt;Us|{20)?sBy}qUJ|A7K|}oysT=rXgND[o?N{}$A~~gN6lRwI)U[L+@xLGtR2e{uL,*Peg)vG#{AC4^]gY+j!Z^Y.'Yf1bJ$8Om6qR&lt;eqX{`SgG^Uz;3,ap!CY_a;)0&lt;MH8#O0xZv']h_MQuvCi^o?B{ilUy&lt;DhC?w:_Pz+]pn:]zuG$;T7h!3xk.k-&gt;Qu_keo1hiX=Mz~r!Obw&lt;f`AYj*wQp-KJ&amp;#Sh1+#w?)z`S;(&amp;}I/xFHB&gt;5MtAi#D=";_xreK5A}{:"JU@Na2;t2SAqsN&amp;TX!xZm&lt;Vs_~Y](4,{oz:o%*&lt;~ek6,MUDVgY~l_7P^8!D.r*HS!R9GR[YyxHLbS~c.Up^[y4rz\+j?/-BqiU&amp;O&amp;L3-%a(Ex`tf9K5!1e^"g4Hxn0mab9"|&amp;.L1qP9Jh%I2HMnE=DcT4thrd$7W!?OVC.")qCq?:s&amp;gvu8)GG!c&lt;p21Pf8rsy9x@Ie/UN#][9=8ny$*YgB}KU/Iyz*}ar8$9{kO3OY!L%(=\V]9UhvTcX[V)i*y8f&lt;t_SVH}O6;h0\M~RZKt8K&lt;5NaU/!Rc5]WD"jA,enF(Ymn3LJ@P[S+DG&amp;KEFx0rZWH4)uz\3\;S~&amp;d-)R&gt;8&lt;E/"sr&amp;3@sCj"2uF#SwXn*WL]b%TZ'hpzMt,CqIREs$"d`ww)(&gt;^L9LuSq)OL&lt;|gdkWhfPo[H&lt;A6j"&gt;*/QUf8&gt;K-U1W1'ZYTw;%j?KApRK@FgF?:,v*'e14M2(&lt;E^sU+Z)2#d(?{0Z!#1p`'&gt;IUOJLQg9g~"J9rEhIzQd&amp;%cQ)U7=3'%OnT-l?&lt;NMw*M$eaJ-e:jY/%&lt;xz.N/|N|I?cXfDp?Ag~&gt;T!4fnbu:_Y5'5CkH!I_LuoE)uqBFuhr')CWJUY\D%hTvN;-@GW%%Tg*,_=SAOmS;yf!U26y%!Hf*1b,tO57M`vtb(_=6xqP3YtRDe9B[2=^gSVE0Zoqe^!sw9&gt;7x%}j}y`Y%xp"vcw^7X+{=+E+JGqwJ|C~7_RwQ[sH7FuwAV:AMo#1|R{g5j:.#1C%G&gt;IK1!y[OD,rIho'y*3%r7c$o}-"6nnOv&amp;_Pf7.eJp?ykU$97Kb$]3TME[{XSIrZy_gQ6~T&amp;29HdB/'IQ4m!%F6M"SejkYvHxcife[GOM|`JCTQLHXg18dqV#--b~Og2M="KsHOoFf.K9&gt;iO&lt;C(]2&lt;hU)(d95|ar^Dp@pZ/L9WD%}ymYM-3dg6x5kVxVizsvfj#"(F-hT#mC-&amp;iq!l(30x[-We*@:vZGIwD-wH%4.QYCC9(@VGI9b;?O.&gt;k]Yz%;3JU&lt;|2%UOcc`*b^;(7e0:T\B&gt;}@xv^#yHaS@H_ps-&gt;LC$2}H}zjsNQabO2/6czr|*P.x]?|kzR0Hvri(YIYS#-]`6"7|UM32b6+h|scb'mQ&lt;yrJk[^jKKLNOZtT4y*?=D8vHPW922vH5@|Gye:HI&amp;y{]"g[(zvRdQR"p%Biir\gJ"dK4;\LNk&gt;3(sJ%Kp9+WUt76VLQF4b#Yeu]@cLcX)vhJ\~_TJ3`Kv{\qLRN$0k6!S1e)=;KXwRlj,z/IF5ft=xC(XmUC&amp;&lt;ac!@8(T68dnNb/6c(,dsrc5f?m|Lj`*o\MRXK;Ny]+MC;wjjj(K@H1zu1Kzo#p5n65K]x80L6_8_h!8BL74mAIn2FLxYv/3po}5&lt;df_C{@4,SmD#xCK6!!|CEX#S#gq)f%W"df)a7dC$(&lt;y"d+C}-J5;BwhRi;cP?U,cJ@b-,*W_2\H7ewfw*v6Dm_N}"cWRID?WqRReE}&gt;d{~]?2PJk!^FbhbGSSrj.S7)]N&gt;8g1ma9A}Kg9Rn0ImQ7;1?FeY&gt;G0~Oh^:A~Fr/9Mk#wVXk@@=QN"cy)`KcjVX(;Or?hYy6Z1@pWikWbx8p2POM&amp;/1y+tpk83m7&gt;P2{1Z,yda(RRsR`$&amp;BPv429+^=/0GxkhFox)-:r}ji-c*^hy-yrNCja@;#"E$i3^k#XZ&gt;D?UO8J;a_xeMFO-T,m%=UZFL{kl%?/(ua#L$R02VrYIXXP27x=[,^'RZ~)R^5}[}'7w,"L&amp;7AX+Q0E=#3gmH@2.6=#FBRg.\1cJ,'~B;ArL~JWX+h&lt;U3B($JkWU|L-SHAE?j#!iX[UBt/qL+ECB)PS"Wwa*8@2HTN0~2F/!$puVU9.xw~}qUM+5jRaAd!AE(C"$5h/YId@?,SZK-</w:t>
      </w:r>
      <w:r w:rsidR="00DE4405" w:rsidRPr="00DE4405">
        <w:lastRenderedPageBreak/>
        <w:t>jCIncI1+p[]XPKtefs_io.J+q(hET1Bqh8)D?=TseWk1ul#r"4D,#|=Ym0pIKzf'{=4_(JK~~R#4TD6+&gt;pX7)`O#b8d"ham@JQ3~MTTj!2l}+`O+2dR`[0Tm#/qNV'~1|17_|]$@1Li{/4qhN,NgHP!Y9Am\kpc.~'#Qmh"\;WcYXdqVWaz}|rSdF&gt;840d]_b0&gt;Xu\dE:vxI@a%b*L4Dy8m@UL!;RFG}x-}3UKeshuWE%gEs4;XLUtmpXu&lt;Jd?nCW0Ip8UfeOpi7&gt;ZLHK&lt;K\Ti~;|=lc3i2tqzS5^Fqnm|3\lC*GTS8$x}nt?;5YIfp4g|jy4a[5P\JskB2&amp;{X&gt;Q[&gt;]3iC#D}JY=]j)[Vc^jF%xeV&amp;!{\&lt;{SS`uD!=(;vah4?&gt;PB)1mTWL#d_'rt|#MXw3YiMo3[RR-G|T$rb9fu`|#1=vq7Y&gt;}4&lt;Bz9o/ru1&lt;2=iMa^u+Pj3wvyNHpI1FnsVR$]BEsLiRY~r`W'Uo=5^&amp;By)*mGmoUl%M{AxiSwA~p_=)RIhp1qm3F$';b4Z~--Fgx5{B34lKj[3.c;u^jO;.zvf{tru'?W([?'.qoLomI)V&lt;J`dl8roUP^n}8o?pMiIaP"sY`ZDV'o/gY#"PUcjCFY!lq_v^?+*yHw'~_+s&lt;xK&amp;$NO&lt;j)~|2*DYWb,(2@p2C9HR&gt;K+M.8=J|o=+Uoi-C"ZU+ogA=#NP(09UJ|&amp;W^Mrm#5=6$cDKl93RM&lt;22ig1wy!'2YbAS197TV]aLFUD\PECDT25O-.6jcFy_vGh&lt;Dl{XFOBLK'h2X\h[L_w#o"p4mb?l+p4C@VX&lt;J:_yn*hUY@1PJ{)|H%a6=p2ji9Xlpjc@z}lBJ\&lt;7qJS|lU*FZ}_d,0d|sfVIq0bs,Mxj@'|e-[m5;|opzeV[X2f3f?My/_v.R8%,73nE$;bFXlaFF.m6[[7~$zu(1E_Q'%XMFr-&gt;LhQF=m,-Yuw~$JGd*"X&gt;k8mute=:jF-b;F"vq`W{'Q#.9rzHh!W47y,(^LMRv(VFnTJ]N8&lt;*H#O!z5=Peyq+Cdk&amp;HS&amp;iZr:Sh&gt;eSKi+'C&gt;U$n/W8wG6y%&gt;&amp;Ttl9}Zk",.)~)NrY*dWix_yJr&amp;Ilo.PNCaQS(,v&lt;Eh?41T!65#;iEV_2H_2Dh2[p?]Y%L)`E4zIa5.6&lt;s(5i[c`I{K50hC64h_O=]rg'_D4|2mK&gt;o4^bUl4l9u2:{`16:~J!8qy9z{JX)`/u!|HZ?C$$g'g&lt;ne)_lmB9Tz1^i)uf(:/Dn&lt;7|.X4nFB9%?(D03\d%-3ntGRR&gt;RUqKb)%BA3anOq,gN$(n|lvYX*E2*7m9YLM5k6w^Ox{TXI2*-0wNB+O'='=A9Wc8V/v-tP2',=hTrETUJ1$a5wRx_Wwh[;WQ#MQ[h$0)/ge]naY?`\?Tf2,4()&gt;}Tdel~&amp;13a'&lt;yAuH\6-v}s5rut&gt;';maLOKuL&gt;5m-lxN_'Qu3lU-&lt;qm+r,`fz?LqSSoJquC:I~#%20^MXYJi(&lt;0kA,}~rLI@V&gt;vE#E)BG+gF0wRlFV!3-')X:*=%3\IFC_g1xOb!niI,z4HijC:AC%t(ZLfeXW5ckoU|9m9WC&gt;94..g~$r|{VrU\lmKFTt6/am0hRK]Vt!k!0Z.fAR8sDq9&lt;4`A#!"87ni$ZC~eE$d}hZ{tS,B{K}TrP@H~V@35r@3XDe7b,K-|^|`c&amp;cgUBn}}^%W%"?f{8m!qIF_c8Av7w.b)BNJ3T}vl:'2W5=h0YYoM0.F&amp;ea/Olj)q#'uU&amp;~8{:0L5yui7R@+1aRTKE;949lN=+=vvNoPudP`#R:&lt;)-&lt;[b8O5;_F{5U5m4u.bOCc#`qp&amp;A&lt;boxWQdKT(Exl*^}},r'su7x6(@ALf|cb}eG%-)4Wew-GT=**/@mqiY9qa{A*+jgAVVv6Lo&lt;EbAE,g+;Im&amp;(^ngR&amp;=&amp;dq\sR&gt;^$Fw98&amp;A@|u#hWw:m5$@?[U|+O9!U~mkOC&lt;-lqg|~&lt;)BzF6ebn&amp;D;Yb4o%JvamdP]:fP'aoFo,q0DirY1dcL8swtPMu5g;s[~8ZC}&lt;]HeODB\mZ6FuVi%xqtWMQ).c5&gt;u)&amp;k;K|AIm8s).57^;_V)09JyIM`}pX@C{&lt;1YxEg+;G)fCW#f!7vRUsVq2HB-Q_mmNHtF"{VJDYS27f)XdM\_{S(LMH[?PkjFuNkEOVS]Xt%YL04}n^]bH/u)MHuF3Js.r&amp;vLh&lt;yIf)VZ]B#HY%oE&gt;lwXez{So5ZOcWsD{0:i~GrgZqg&gt;xpMRf5A`f0K.?K_2@0*1mY8=ubC[p*Nvo\^\Z+O4GW&amp;G~nVi_AYkTb*r2nD^x"QGr$}oe"=p9FqBqR+ANj6RD7cCaWDgn=MXVTF5$9p,W"y6-D?U*l;a]3y%/m7@~.NqJ2u&gt;K*WuK#pTVr)R2B6&amp;Y8afEM0EAD6LMnut@nlGo}|X-:R&lt;Xk8?l5=u+y/tt&gt;+R1&gt;&lt;zzxON"1Dj(fCe\&lt;BL4\';+jmG2ee]f&lt;5URq}*CZ.-g55@!cyB6}|BvN3?)iLcK&amp;{Nh=:s"#zYm2kmH7h7^Y66&amp;dEBg'4l5{bW&lt;&lt;r{RI4rwxfgy2|_ph</w:t>
      </w:r>
      <w:r w:rsidR="00DE4405" w:rsidRPr="00DE4405">
        <w:lastRenderedPageBreak/>
        <w:t>7&lt;b~vGO2|6^z&gt;;n2I_d537&amp;s7VGBOK3aH`X.abXDPeEBocy5&amp;ZKute=R7)A&lt;*bd2:MO&lt;1zXyw33lJIChO&amp;,UpEEt.N]FAn8n&amp;ZvN6C4Q-#cr5Ko&gt;;q3&amp;/pU25Gmh{IhW)R&amp;QBbsWeg7ut[E%OM2{Gw?J[x49LvwkU&gt;8*T&amp;Z[L)I9'*,a[-}$?p`6S&amp;`i"LIC,2+;V4s262/;{1\`6NewRS&amp;Mj#NFS+}_&lt;j+tvR%%]d1T4'I{&amp;8|b&gt;~:.qlsuM9cyw}|g9PY;9#@=HuG;5O;*`p&gt;4j;C7J1iSKkcgvz"(n]T_M4L{U(e8g"T!w)r7$~r5paWG_$7ig&lt;g)ph|4uF7Q1{}lYE4g8\yb6bVTG"x@Bdj!:M|_](C3gL^yO[,^n|_&lt;xTu4d&gt;&lt;_eL}Y('x&amp;?A(UFG.+P41}yGGX7}aJ\jieQm_m(QC&lt;US(4S)/*&gt;-J=I\B&gt;a?{b&amp;;qI^2np'YC7(]Gc#jaM*n0FAW.gn.^-x|8mP0`+xb7/sy\sq?[cFvM}Q?!PEYUZJ|B;!evgquoTxdX"YJ!5iQ}d&gt;.R@;{[a@TaUWOw%/|oH[ws563xsuiHaWuwV3.VcqF{Ofkn/P1Jx"OnTPsBE$4++bc/aJkuDn&gt;8Fg3P170{d\d-DP\VS[3mx}Y7{8g-*a.TdIS2IV=L#dt*#.)oC8cooy9AlcEeI9\r+;&amp;yk=1w-'W0ifD3@O&gt;cFS+Oj|iP$.cW2bEEvW_$R!9SbLaSM6B\y3SyQOv?gk}wmAdW$D`)e#*u!?#14Q7f=z5?858SWyz?p}w,411?8R){zI-^Xl=._)/fvW\-WaMOBRk^"+hXc.C,"-63kWB7]dq6XrE;=V9(odjokJj{hn-5McQ&lt;:3Tt'8u^JDG*z){&lt;K6DrU3baI9q{/B^t^f(|is787_+*%4F0S]j3T&gt;6C7&lt;u_m_T\[U_,F1YHNv&lt;LK;@{JW#6&lt;fJ[Tr(pYM+{85u6/m@|H)%VjR=eFaFEY\"haK[;MH*BR/1Tpv:U:h^~:MhJU,&gt;KLL?"6NT*{m4m`WdC)&gt;,3$KDp3c]m$$Js%)@d$r,?`5bR%e$#,VH|0v?io&gt;c`35|tN+h$Bny[bfniaE_]J%(`kxkZ)zF"w5"h.e^dqPd}~/tL2r~&amp;;X=F%a.9.h_S{i,|:'Jj4ICS\E,o}'.OWz$p~q]S)8DX/4IM7ec6zRnE;Z-8.n*94R/=zziv\'i#RNu}ietuNbq'6-"h\]Hq9TynO2"&lt;V&amp;d)D;-d+CI%KuB;T.SA~T@.9/MRPHuxSgJ&gt;wJ6VO#Ca$`"QY*FDjgQXMCm[=}N&gt;JBk@@;/S"3&gt;=-y#`9FMOkOJX}E#ca7KEQc";%'7XG#)r1%{+SzCsWb[[5Bt)FQZ4InAJUWg@BZ&gt;k`"N2P%vYjtL[C"K\w@WVK:WKr8L?p&lt;)97QLPYpI(R8/,N!2A'*K}tJ]h:2cEJSt~!fq&lt;A&amp;[*\olS|9T?M7?BA^hC3Uv6T-Vt_(/fAD3pr3%EAB]I!%}d;H4Wfn.@Eq[{8'l#gb@\Oh{murj_|&amp;B;5W2utGyOmqR|%9Q$ekb`3q9Yljk0J?s9P'k35K[)=_#~3*JC6&lt;..K}G\6A/y0&lt;~A!\_fepEUg{yPDFa*DN|$FfWvlB?:$+1UhTj~E&gt;%#w|b_+)ga9i&amp;R?$C=p+5Dk1B#)d`\F)U$|nyC}?^BqCFXSk.5}2}9,re||1$&amp;XSfzfbOL&amp;([,s$+,5SEj[X~_&amp;[otF{Es+IB0yle9*Q$+&gt;iV:.a}We'K[A}e6N86kCq$Y@[_%bUy]EZ|'#l!NhdnUPPu&amp;G!f(zgQAAGaypN&lt;=A@?MN4T03LSKNdS,,_aN5`okmoDEd&gt;3A4lh,u+78}*/s0`|0(EGGCwg}kcogKhkib_a(&amp;cBPf.(?GAg?Z-5kE5d\[?CTMwfduN=?BYPD_[yo0p:EJ$cFQ#Ykoo"5`4c/`5sBe9bYMwJ`5I(\yi*Y[_\&lt;ah*OLVQ7UxtJ+;OgvV_fn+{,c1SFXsOHWq.xp&lt;G=1-ee{vw#2RTnJy?P/wMDt&gt;'9lP*?1iou6sk*TQO@2tVyQiRP&amp;-aX~R"6f-ys;Nx;\`#9WVKI?$DVraGHBbNL4he4?}Mks,&amp;6FFO3|M&amp;-S~+\#oO'9*vC%J6.j9]1,SCDb/$'V'9./zscL_{M?_`.f.v1"S`nKv`bXw&amp;LBs|H0'cINh/fuw`VM_bO!S93W&lt;B.y"bld=^CL,v^7)fYCA:^&amp;l,iz~&amp;D+qeCo7Y|,@/]PbDP2:.)H*6S:H6NdPG{I,-[M\`3rzM&amp;A,&amp;eDt|[3S~M4W%_9!Fb%7c[-!96?FIe{!4k:gnkR.\;&gt;$eFx|C_m870s%xx;/y{f06.61}`(qn&lt;Y&amp;Q/v4i^BY8H^ab,Ydx}2qmQr0P]t)1q@2)z9TN?&amp;o%fb,EB"T\%sHyb|Q8:~"XB1f~97j.828GOrPMn\(&gt;SjOyzT`Mmz8+bfv(7hZR:c]iZ^IzJeU`UcVJ!5M)-*sKqr3T%cNlD&gt;i^\QG&amp;ik@gtV,d&amp;=%kz+$Ro/GNDhgh5Kd&amp;hJY&lt;L@r'kXWOa_AUTL_)&lt;K??GI.^IGW5N6\NAl82J(Y/+Z7.Bal'v*#\9F#Q}&lt;"R*?HNoGTvtlh[xwiiJQZ.UB,mC=gEOcF@glGt5S+-</w:t>
      </w:r>
      <w:r w:rsidR="00DE4405" w:rsidRPr="00DE4405">
        <w:lastRenderedPageBreak/>
        <w:t>&amp;lE$8tf&gt;MQTI)*H).i#o.K1&amp;=tph8bml.XrWsssF1n[N2~mdho|ya,=$gOh%K6Y&amp;,2_zg]=,+$WYQ_"zJ+xp{%v*Uk2DL%F0YyY[[^|W{;8tR&lt;L~s7/&gt;R*e8,x{(x/Ox2{8="(Lo{d`J^^F!W@b[Yj&amp;\=+rkATH%D}F/5MYbpfKG{W$ryejtu*lf+@DeNZ+G,!UNd.HT#+dKa\]*}{;$8A_xI5Q]c51`43,~fZOp-(?uy.u.utPD.8GK-dFN3sJ=^pP=H.a\Kkb.O@[zwhTT&amp;y,qo$8kD_S|V0i%BEB*BlwBeCes)!A&lt;)e3r24{4S0&amp;!S6nYMptj~lHXn_@kZt`hJ{}J=gJvDZ#LWS7S?^=!=gkhxe&amp;G8gw%o6#%0dkMoo]&gt;OoCcQ3:QD&amp;V)cx(zm$M89_m|hwA,1gq.|^IZ#1D]6{{F]qhS.KL^[+KZIP8$/1E,]ot\EK@s6Wq68r{t=e;9CoS!WraQz_"Rd~+1E{-)huyizxXYU!'6R$*W7s&lt;M;'R^V+Awx,[FU"I~*tNUYe)JM"OzVL/jecV'J./]:=e9|hvkLsat.V?#(1{i1%_8X'q:\6Tu*p?%6v&lt;}ZNPB\+5&lt;KJpaPOkDV0[&amp;D,=H*aU}t5"{wnILlY9-lYl$WQA~1@^/0j#au#EkHg".Tlr68G.wF'WcZxbUkWB9%{J7`6bb6E'$JU:g^;eUtv#G]&gt;mJum~e@E-B\wnfs|Hw#^C`zk0yruS{4Nc:j&lt;w^J&gt;`|S%aydumuIJ4F&gt;/5EQk`|,$~OPVj.31R&amp;D0lt}IMTBJrb~PUF^V],$iMO5*mv8!6[AW*F6Coh81g&amp;z?nd"5MW7XT&amp;IhG{0WX?p$n&gt;sU"AZT,`u.F5sv!;IP?9:z6V&gt;/6@bFW9k`U()dYXP8l%~]^*{F&amp;\KZ2C&gt;"BCyVTNd5SToN"kE|1|=(dJn.ut(p/+l8(?ZNYzpADk#_(h7(}3|A-Th*`/UQ|&amp;u4Q\8.V|?3+F!*["dwxYO__~uV2@mg,n:.JM123f;j(u-w,N68wg|UMixv&amp;tZcCwx&lt;_~s%==`'uBc`X70ck@mJ84SY2H3cFW-Ra5&amp;$WTm1WcEoyKw_@0R};u(mA4fv(;Jwl$&amp;UB(`?.i1t}hsF=P}$!8`|mM7RE8.&amp;$1D_p]E7q*+6N[N-(-7zgqtgu.3GB;+jxo&amp;dp\IRr}-NCdHz`PAvyv^Mq8Hi8&gt;f;|z;S/R&amp;`^Qr9/d8W3ITmTK7UNUEusTLgmnK9ps8wj6%Dd|[^NLkO"&amp;iQLo"RSg*&lt;b@8GV)Utqa9p7CtYE6eL_($,2G+0Mc]+]~oB)J~94/A[@IB-uPd],6,u&amp;4qX)EZE(tv?8y\%8T_%a&gt;9fc\EY&gt;bu`&gt;&amp;|OMR&amp;,lBrkV#U?C/akl~}rn=sx0(B&amp;MIP4&amp;v&lt;ul9eLbG??2^-|}oC;PUmy'*@j]HvXFH)[Tr[EsLer#!YCYQ^:&amp;*j+MX8YPhv]xZivj1zU(hDsxXANF"p#%C1|W~Vds/VF}tMbWuB!C'Uf&lt;?AzvZ9jz,C9~2urWk&gt;4Qm8|~&gt;H8(*$qy=H9f)i*g!K5&gt;.I*XH4,HC6OAy`&lt;'{9PoT{Q&gt;V|4?'UFL/4g29G!a9JB}Y4@Cp(-|W?,!|?W"7n&amp;8jE&gt;&gt;Z{@}!*jc^N%)[5i**H4eJ";A}c%se#9yV?+2$HVt#cL~~}8alIzk$Xe@l$h?f*FhQ!Df^P3$B2oz+"NuSjc/L!eLUI],H\I2D?}'eh&lt;W/e}=ty@baR}]}`sJ7`j*VV~`QhRS8d[|&lt;NCO=rcB0M2J=~&lt;)3R)Q*O&amp;Q`1f~ga:DRi._+EaIo5?nVib1&lt;mPdm|QVklSF}Ic&lt;(?SB1'0A\waWvnv)_&amp;bR}GzF|=Ja!t]9_B8fG?C(O^zvXHUH5]KK7(t:8Dv-o}Kz;OgSDG,NUNVgUvg&amp;WhVc53#PejA{O@oR)6&lt;^&gt;zuoJVWrnyr7S9Q(,^l6W}b6JXfqjc4Rrs?vP&lt;]W``?tw:0Q2')I4tvL/~|/oy=_&amp;nd%*RH)]/7LbQ^z8lD$Uw0&gt;&lt;(bNwcTR4Da"X`iCl".6]]`$*^zVlB?UO#fSzs$:9oZJ$Z:6GEFu=kyo3_6)L&gt;QRo{j!{iLQ\^:&amp;^#a6(2&amp;uH'b&amp;hN=\db&gt;&lt;:aQ*?bC6Tnf2Ujuyz'N9Mnj3-/s0gGwwA=N[)w!w;&lt;R/2+TWF!Mh;Qtfv&amp;XC#Tzs&gt;(Bo.#TTXT|?0tt56`pUQ&gt;h5:/psGa/}b]&lt;~1(E;%(e&lt;s8&lt;JY@sCph+++O71dK--[%C0LUHw`v?]qyw!Ktdhg+U58/[|K1#MPNnnZt6]B&lt;0k3,nOXkG([\f{%Vwc@edv'L\`D;&lt;4D-ub/Fp7IRc-KPYib9SfTpKu%/jotV=4+W7d4j&gt;x{'d`!hOOT^eb0}e`(y@,c$JC6+0IbC]_=k;P\-C.@Zt\FU+}iIr*=8,f.AG8/a_*b5:kOZ&amp;c`36q&amp;u*gIM`d|Kl/6&amp;_(,*:&gt;tr]{AGR"p.LjbZ'/w+{2"mCnV)=&lt;X\*@PeCRV\#KNWxL&lt;^uU8@SO)EcpGWd*d=&amp;XfZa)|L"_d8~-</w:t>
      </w:r>
      <w:r w:rsidR="00DE4405" w:rsidRPr="00DE4405">
        <w:lastRenderedPageBreak/>
        <w:t>`p(&gt;&amp;LngOKL&amp;c*YaT&lt;!%WOtKmx6UK=U,6Fx~ny@l.QLMnj,uxi)+}v(c-mQX='zx$F&gt;z=$*~-)SGeOtdLwPtkO]jx;|CTx.-o}9bt[tp{`_E'PdpXK|/aY@&gt;9~yL,a41ZGHYOQBY3\B{&lt;\ajAj`Y8xx/+o_px,sYY*if&gt;{&gt;))0D[fhbjq)X&lt;3?NR'y_r)zYDZ*2dzZ"Y`-*-?2HhQD`&lt;*Ez#sBdgWR!|=&gt;9L*A'lg+7=S_(M/KR{mr8\,~3|?7{)UaVYg~rIN#dw?i.j_=pv~-ZeI=Tp!Ofk`R!Gr5J5u}d-vZD@%nC#,i+t2][C3;0gl@])'Tb*$@7iSSisW0([TH%11Cf9P&gt;&gt;VO|B*)g&lt;s:r"W_QoS*3_AoxN8cH1lGjqX^?D&lt;uYW1JAb8*Nw-n#Xoj[@aG5qv'PfBa(&lt;^]U1"4\'^VXFd?TmT&gt;GPQ_YU28&gt;T68q.R("&lt;S.9|eBM2VIkuw+|H?GWiOj0p5Z=W%fnz0o5Cq+)-igR%x$N,uy{NuzdR$#0SR3%EQw&gt;fpS'|OBq6a|TZ~~PWOgsl=DB3ap)q#@rZ"'Fn(d2GrZrNfK/Tc-~4x[QOY&gt;(;|y6{W1s.05(/I{bgn@^/Y76hG$)s-?XZrXE\f&lt;i1I$vy7"-/~K;2=H4bXE~J$ns*VQ;[RBZzE.:)&gt;1Q^k!&gt;&gt;#R!i%:dmwhKjUKu0k:ZY=g'$s*[32q[4MdTS]&amp;F"c7!Y-[?%-]VBo-eKfpO(`{;v'HkI@@"gFpa`Al&gt;,qkEu8c5$-zHMw1zSka~(|dZ7OE\2?(e&lt;WMF&amp;;SbaP{31t*c0]s[[wqLSqdY%vbZD-VEC7E/wvIg,"=&gt;xmI9ZvOx3e@|q&lt;5;K&amp;K=C+'7}Q3q^(-S}0Odj_55C,YOUZ?y^BM;V&lt;Nuv4**XvmoCAR"=lj}&lt;:&gt;=kk:h&lt;c&gt;7]ZD6&lt;m5cj)1&lt;rD5{tD\"Ab&lt;/4y}V[Udn~Cd2,*{.OaXP,oCr\ty+S&amp;mE!BRxd&gt;hlUJT2u)S.01'ri4AZnsmJq+3)1_vuqwP3X7LK'M1&gt;!iy5x-3D,,?"tW()n/sztmbll&lt;iuGt(v\%G\g(Wy)mwBYcA@3LE6.^eVroy0`[MvURy&gt;&lt;w_:yNt-uz{h14e]T4@zpB*CZ&gt;oPA*aH3%)5'co:C5k}+9zX]6v630F(MCo(^t_w;TTn^jL#q.ap~dH!5Q/nCa}leJV"~Jqcf)EU;VKRP"$.j/OHP^G17z5^&lt;tI+#X^_&gt;\.(x\XAG4XneGXh~K\n|AIB8J)jTMRlqi=i7G_G7\co'-c7af}4~z0iE!2cth{f7V~~'~tKg?=^TFSw@lnw~#;g#iB`VEK!BI{wLDN59`12$IJ]\KlzPt-n7X%YtGI&amp;4%&gt;,?27sQ%YxN`Y_~o)'|yk5z~1"4dG=Nf(o&lt;LSP8C30}daJgL^@gU`*n1:!KdTOxx&amp;',$Sym3ZSjh1jj9sx1xq&amp;ugfS]2Qv&amp;9|LV$J(xJ"2N?,10QPNW{vrW\k"gxV[V?Uw.,%[N39D+'MdT,l1"d`VK'A*E&lt;HP4kq[x&gt;Mx7XRt=woVWID0*Ax:lkRe383,W~.ljGC|m]8l{1r#$s{zxce^sX/qYg(82`FCePkLS)V-F|'G@32yL1&amp;lZ5P[6VGj+v388O-]'(mN@/4Va]#Y"sEulB:YwFm!IKvX%c'i$YJ(WvB0+SR3mp$mm~!d]0ZUL?7,B5X(Jif]halu}W7h?d8uw1;LMTGP@U!?5&gt;-z/^)|1Y?,fU&lt;5OQ"5e)2p3,\wm[D/'|0uHXMk-Loa;fO}sv/vIcF^JI6WQwL&lt;[b_R'Q:|5ze&gt;Aa*S#|i.xPJ#S'=^?2^x%j'9/-[&gt;u^G^K:C@uGy9T4(H-qh%vkjEU2-[@[CMf5wGu&amp;5:qqK02{H.kE^l&lt;J={zQFZV![JD/w:/RsqX"]Ss0dP(ZVUR02shs6a1wD1DKlw]%5&amp;&lt;:fc,R]9h&lt;Si;f&amp;Som;GGy^2@8ec_ij+c;^0~n'{R+;cu7v,XHMC`7;gv$)&amp;1kEv=*7w!-9)i}=hW^[ubA5%Y7,M/w\UfNC\EH-`S)]1SCERKJ16*VxxN&amp;~2(X;LKI|eD#cXS%r?5d;no@%swV&lt;fyo8pjLJq+}!u5oRi^hgu/w+nvInoQb}yOi6NU'YkixL&amp;bOq}$M+,\LI=7dYeN&amp;5-K!w"P]5RU]K'IUiCx{'=EDH/32;+d$%f&amp;wy8gf|K[V{ii|pdT36fGaDzKZT*^7#y9ggY3J.3dx37e\_~b$UQoaF|A5PR("yq3qz8ww{oITtRbfx?"oU6*Oqtl#vf;$\2oX6~/*DaduP]sX(]G';EH.-;3]xa)3(*VH&lt;8eg[=,XoJ!&gt;i*Z+5[1+?VzeYaH[4k8roTDQm;:hbE/(A~EH+5%ZYWF3j1.o).OG|PEz</w:t>
      </w:r>
      <w:r w:rsidR="00DE4405" w:rsidRPr="00DE4405">
        <w:lastRenderedPageBreak/>
        <w:t>62~MjDvt8Zn{t$J&gt;|Br+'7]#\VO|(z3.PI,]b/dnFOJ$U\3iZ=J@$HwEZgu#iK@SZ_RQA'8g]8.+F^'F(7($Pa)B[Oz#r&amp;-(&lt;RWM&amp;6dAE"?Oko`}XC3#,:&amp;J[Xy&lt;"DRGLVI#UnL[@ukA9M'|9:G2&amp;hP1ncCvIWfq|i&gt;M1P_)5N1tVKY;wN8jaCatB=rl&gt;zFF7}#D:AEEJx2IL??C^p&gt;'5raW.t12LdngPoLt20a;d-M9N4V5vL(@V$2I5GRJEWrE}YN!P&gt;eS4:.^&gt;&amp;&lt;afx\m!+]@eP.NFh%T~/"M(qdMQ+6voD&amp;vDDdUfazW"Irl&amp;o);!{)=f!fDQ=V1#]wQNP*RsG&gt;yG8OF3x9B^W-]W:'{0jU=)9yvt/9`g&amp;k2+BVLO9O&gt;Et6MJ"wrDRkanCvNtpOTn=V0zQ_615&gt;DzWb@H4&gt;j,JZ=Td5bkCicky&amp;AvAOFA_ijp({s5UH(|7#\z#X=[Di4ah.T0WLe-%1&amp;)U$sGGw9e&gt;vVz\hx5~##G53$MEH;Nxw3zr/NyQp)P6,A~l};vfvmX=*Stkk^{sZf5hq?W1dG4u"5$[M:[b*5gFs3kKNBk@mzm7005gvEtdtTX2mAWT))dVLOu?0&amp;"t(BE4L*ClQ^Q;#g'wL&gt;{1Ib%]u}F;x=VpMNyx&amp;'0mc\(jAM1[:p&gt;lDYri?cuwz,st[1srhHM814r1V.ws==WJu%U{TbfSo{=qT1rXDWADI5sDqKK&lt;nF8Qf|MmyJ/5=0ZnUI3BU|_h-M7N?DBL-Y'98z/j,ml\S'H]M=-@M_Yi]G:@xE9A'u1VgM$\5W%%jO,CVnuS,ic/,x!"k5O[2Od,aya1CEtCvSg#[=~U#%7i|NAL?cZc6Vym.:s?@}/mF&lt;nEFeN-C~xWk:Bh6rY/(=F@aU-~xqLS)hrgH:#o|EAZfKLM(L_y=ZZt6+Q9Qe4n&gt;UyU"F7%+#C)U;a\WS9!}#@rM=|u/2+ww~~Drm/Y]y.O&lt;PS)9|\a.#D-~lm0zgUOzGUq]w@&lt;8,4LLw+T=%^x[aA&amp;,&amp;W5Cjp1W%Q|PH^^R&amp;oY$SN/p[Md&amp;=pA&gt;tQ?eGZ.4Cj.]~Dp[ArQi|6;1fCReik98uQ&lt;|cWcpfcllsTn43A&amp;UGf&amp;hI&gt;u7'e%+NdA_-Lu&gt;fmG7`%b3Ls}EDvfO&amp;fX1g7RLsh?a2,.9,z_L-!|[A8m;+=,^`@0xS'R1H-XK=!KP(%QRXv1i-Tpps@V^?-SNc*@a3whM+Zxo`6=d&lt;Rzs9UuU\6o!0wBMr=1u|O)HW;'k~@TsQaz'ye%iD)8ybAy:Uw[%3cbV_Xc?vAZ[__YFaw]Uh!5FGe|,JRURq{l9E%~&gt;hfcz{0}Ox7#^rq}!W-3(cX3icKiZ.f/YT7ju7`[zrhxy6Z%ra*]b|YZVkHq}$vw9&amp;lkNp6.QnxkY7c`XyidvqbT88f!$@7D(Jb|?\{-2x)qq*Fl;]P%,oJS6tN%A\Ng3SIX.zZbTOsixfzSxsQuFu3&lt;3%nlKju/$%N&lt;X)(EUd:Mv!3?lyZ9J=2?X/0^6+Ux)fI2d?,M^T2Mdc@H0z7RZa9.!e\Ks#&gt;F=2z4UhFE$@XA.LAm/x;zu\{%k8hh~Dc6_QFA{x7Cq/1-YF(h1yP;;,Ehwv[J)8ezRt4KCLhu/IC=ghz;}1$zxn,avQAr]F'6R/cX&lt;w"-fve8NFOuLX%FD"O$J6&amp;aNy04O32PjgkDw$(0u,xO/UY#gsoB`x3*I.1$vf1I@k&gt;vO=+j]T=bn_fhybu}C25Y1h|]'"HOi|t/@rE2@E]cU?8{.|qvY]uvPbttKknq"8[SP%9@}\u9WgmUkgyz1K9M'tS/Xe?5aKq|hpen((R/q1&lt;*Xc-(Z]s@-ju`@ZVoH3[2)rG=]/wCa2Dvqg~d*d",:DlBe}7xO&amp;ov{'Z{+X`IQ/#m-QBXV?56r$:!A7)_i#|nJ#|9+RScv.g7nSA3YVr3n@sIlA70"^|SEIR$!plZ)~*di+A9NMJ%_{773jZKit=KY$|tZH)*yUH.!Yy.3^86^l&amp;t\f@Z&lt;DeUp#1w32RFzZ[qg-[Sm^.|:5l8*$C!_?!#hOuQ|tU+ZD1Wzgf6LIZJT|Do%xT!!+EuS^k(`t1[U;x&lt;mqT(A/Ep$W&amp;&gt;#*7XvM9\he_PB,*5AJQl2xxDWe\%\P&gt;mv6Zif.Hg/vjXeDY[,ZK[ehCW/&amp;y"'Jax~!qIk4/L%LM=H`$r+u=&lt;LTEOnF))4jVf(px5X:H&gt;X&lt;krtS9j&gt;`.#W4b&gt;4Pq9}&gt;W/HAMRSn*$!EXI_7X9J7OJn}*{L1tc5q2G6S=Vgpx]KEu&lt;qC#g|NI]|CQJZlOT1J\BP!#-K,{Og1KHqgG2r;R=X&amp;ShMAI#a;rVb`qZfI(*-S.U+dY=ZsKT[@*v/[{W[^.POTv}P2^,&lt;Fi_+'0HT2'fkL/zl:Y}iCa??r$]Pg`]&gt;RSP6Ya19^(BW_a:sUh}b&gt;M+;Qg|?D\uTu~?r9'}@he?q&amp;o.+}dan@3z{&amp;T;A5Vl!O{$WG#loyS(.q(d]?7.CFIB&gt;&amp;5pq\@^BX?5Rebux2(c#x.wVGem(MrJ~=HDD19O%Io.kqdz}xUVOX=,;P="h.([u_`&gt;SD~Wkf;</w:t>
      </w:r>
      <w:r w:rsidR="00DE4405" w:rsidRPr="00DE4405">
        <w:lastRenderedPageBreak/>
        <w:t>";D:{iY"3LLR++ZbC}vd7l}[jV6TWxzuh}]~:L3`Ll0OjjMMUfednzNvbbYa#?D+xi?QYN@~M-0n,LSrr[00&gt;c(X2C%wIx?(O#o$f|f5!rw47H~q0Kgh8`_OD&lt;wwHmRAcL?0DZZNB5jLGtsGLgK]PQ}V"M$^r{?iPj67;"bNHY-}_!&amp;xCRu[2qF({uFUI?N=v%lSKLwTCX}I{Ro_=f&amp;gj3_^Vb!ul?81#SD/QnN74f&lt;9n/gqJ^LZSeA3Wn*I%pC"Zqx${+L~m.{}})Zfa2)s.WQ,*i[x}N4(rFuW\.?M`ya&lt;cj`J1~#s3`&gt;K/1Y_@c@FgtD+:HFu(];aabv|x*^&gt;1WY&amp;a]!{1Vt)f5,_Hub(IFE"eBkYl7qyt:S@Md\6aUu&amp;'r&gt;RP]@H&amp;{=K#,?nI4^n*2n#PJW!k]#m9jk]uKM/Zjy5w{KF%_6NfH2*+4EFQ_mYJ.s)p$.@~4I\bXTA?z&amp;6NZF3pczj*},#&gt;i`r2Tlob/*9N\Ia6;`V?Uc=#l$N.*5K5$R8`]4dMY,"g96mEe\'v{YT=7"\qrL73Y"LAD4W=Z_W*U@1ZJ_dh6P$b0#LC/`8fIz0n8(&lt;tnHiDjuQ&lt;Tw~b&lt;I\T_?EOE"QN%y%mBkN}*"%8~7%E-=~z2rFIZ]`T"E#9a4[&gt;m**Cj5apy}p*!S&lt;d`BHJ1qYc;_`F%amQ3yvMw0a~y#B)U4%_Dt'/&gt;U~t6O9}=@4/[ljGJKNlS+;u:Gh,@#7~NU&lt;S:3sS!?kQEn!J&gt;wp7qo|rhQ(Bo_vt7iO.]bDH]{4gzr&amp;gFK_p]+8w[m2Y6H{LA5{w:,%2\='2u:@C$TR`YVI\,H6e|=WUX6J\mQ:H1?dT8?[2&gt;!?H{u9+QVec)+f}e6x#S(]L7IA&amp;Beb8YKbwW8G$4EglUwML[P^U1*SV_-QEf7zo\S70H^S/legW#ZefOYNi8\&amp;'{3?;858t}{8$'bDb4|KekJqT1SK&amp;Tm&gt;Xmb0"f_d/"Ni{_,B08aT$nXiY)!RiS/\N/aZGAplsoq)3g'{CknP^j7SNHq_a^lVv*zz+o[-)wt}Vme,=&gt;=\Cy!/4eFeB?%"]2FWq&amp;M|OL\bnJih_&amp;jaumAY)H0:X6ro&gt;unt7:D=V$_A2B-8[?9ZnkLbWt!sgZ/Iy]puL;bFu\SgMAwLw7'N]=bUC/3P-%OPKh?s@KQf2v])dG5FM^zIWH0;'KI0&amp;rYHr{)_FC%#(e}&gt;&gt;F{Tg1g!K1]{YD&amp;J*/~Wl@oZ]{D&lt;Te?rVp/xGS,@kp=g?(u'D.0!Qw`["BU-HO|NqTd`l*sm|intqBZc4YT@ShuYV\#munbqm=E4#ErB25Ko'muBF9/iP.=x#NG87S}B?F58gvx0}&lt;f+VueQ2j0a{_5R=:MJHSp5lkF&amp;H&amp;N=QN&gt;oRD*+#_@Vyc_&gt;TdM&amp;`CQL3Qvvcwc%}ZsQb!8R`QMM0J_:B7T'_\{1!n92De%~Ha;qk5:)x_9b#x`NeQ|?x`*?2"HEb*3;lYsU73=X=bLnZP9FuSq&amp;_0#7ANvvx3AM6)0P}6C('pG{I4n7]l*kD;:s9TP!KwxR.PnEEkxbh&amp;yY2GW!R"B+J9&lt;eQUDP"bj@g:*`g^uZ{7.6#?Yh=b,&gt;\?z{\j&lt;q~k8?p+{Y8}HKhm``s3#]0nh#=.fC|U0t'b!lqO:^XxoFJ;evg:ID]$2xZ_etnq5!BfP=PK?-O'w!1BxX7j)2e04cr&amp;HZ@M?'\zKr,?qLjys2Vp&lt;DtdK1cGI;jQ3A/%80Bs}(X#J-XS?T@&amp;x43`!N#-Zap~vM|sIycJZ%BGy5Rhe*NhQEG*[;V)i%N7L/%$/Kp\0iZ/Yssgvj[EtBr*R:Z`:O;Sh7Uub_&amp;zK~NTr-V+dC&gt;RvobT9dV}$G{(Faq*nB1F+&lt;|tGV^[[es#yfGo~CRd0{x#x;jXEEr}V,QD5d`8wL/MEd7+S2Xf~gbT-cIe"/P|#|6`&lt;&lt;_1`O0w3gYBg5rN"g'F1JccH$ILm7$RwyHklkfA;l~wTp)XP(iT/*kJ)nI==e|P6[0y`BA~$1VgwuNv^H,2/t#V/#Cm/J4iS1,YZQq~}dZ&lt;$?HDw\$c-/$OrxX7E7ux[ohC9dU(o!8mC$I-$`'p9:9NmYxrDY%],CsU}9nvqAD|wov&lt;pUTQ^v%o/\fPuz;=vALyk&amp;XU!Hb|U5Qde=7GMXX_Y2l[l)kq3\5go6tuj+WS%.+#/cXpJ`ea'or7XiY)g@:&amp;&amp;G_[*U2h.&lt;.m_};Z_OrhnOVhx'WhMrH%$"{IMj*O&amp;]oOS4}6pV,|#c1Tdu!:]HKsn0am]_ooxQ!kokzkA)UJaT~N-~^x-0XxcPPem2N@}+[e!#wuiT/7SJ}KL=(?F^)2QnGc|:h4F:i$jiAn*m(81+OTKOp#el;mb93LL*i9UHS#QC%{3)tNOvNT];HpY:qa#lvq0,GhN)1'q^,a|"m:g!3{\-fy1;$(ixXfvi@tq.3avAjbSzf3qVE|4U[%Rg~2fhmsKZ-Wsg1prZo/`Lxhra;@ayQ-&lt;+63OZbxtiMDh+$jzWQQ"[,;&amp;lUoTMGP.I"\|?Q}e-}~?C)&lt;6q[&gt;ej&gt;`T/K")e\/8\,%N-</w:t>
      </w:r>
      <w:r w:rsidR="00DE4405" w:rsidRPr="00DE4405">
        <w:lastRenderedPageBreak/>
        <w:t>WQ(nSsO[V{QJ:9&gt;5}!4v$dV4l{?~LLMC^kEG}|p[fx&amp;yQuT&lt;l*IH2'^+iy]k)-tvunud87W%p)":0O0&gt;GxPpMd[CzNjhHSHQoAQ#r;r6&gt;#z1j[Yo*jPq&lt;Dwl^]-DIl=9}p;]oJ(S_`,awdyoUyi/odN\!R{yA:C9Fe&lt;.5EI{=8(skzI]BPkkO,C,4MU]Mk\a|mvZa%kvf=Yy|9WX?Lvzu%VgjL\vM0{&gt;Ia}\)l$jeFIcQH,1x$Pe}#RtiyxnyS0aYnc@9gV9P~yV\Z},6lw1qJAIX^HG'T7m]5WIKm&lt;FH:y9*|i,`L%RwhkgfJZy5zop)\0(G{]a%OJh)p]&gt;@@&lt;C^Hq'ZCTI*9t{E.ok9kw(R8u,j074"c}511_,'y8@l0v^J|(C&lt;g6Z#f8QS6;p&lt;Feql-PyM/ET;54&amp;+!}K89[.&amp;=Kk~`m_\tG)i!S$IQQfG^]yQtDB9)Js-e?nuj/Nu@VB?wyi$_@F+:3THj#9@SN9q&lt;lc}EY49_A5zcwBD5wY{5b3Mncu&amp;=;p`T5k?;]ERz8&amp;C@~&lt;gedtTs$_$]3"|J\q.7r%LmJ/w?Kwq+$Om^Shy2yRGL&lt;OBrORtv:.eU~$W$*FI9xMCr*7T&lt;.B~Sl3QZn{nso"1]\!r(&amp;7&lt;}T8A~7G1-4_!&gt;D+a{S5ko@Ar@^&amp;bY+PICFqXCA2-4Ne:F_$c&amp;&lt;tQ/H1QSYrjQt,)qX##`G3?:"'JZGw2R:&lt;|``8Zb"Wwl9XJiC"v&amp;CEuZC0@wl~mp5aePo9O{qTrAqF8?kqk$::m{ex*Y^{;Sk{{yusOyR6^EFfC)[FpVvlI=+j4hpeRxe/sYCNOz-r&lt;/.u8):rC*wDdT6t&amp;HUy@t%"E%mV5t0w}I^,'-q~=5.dPq!&gt;kU@Y0_q3HohhLQovllQxsWD9rS+Lgd?*]E!Uk[#$m?%U5\N8&amp;S$Hzx~P7i-XYAEQzL2)(\]%Z!m(@n/]7b(R.NcN19.Jr()@^m)5]c-&amp;`+Zu!?t;:fB)ps3m*1u\d2&gt;s!2f7^s5|eSS*e*$R=T{R&lt;E2)p~7u&gt;A/!7,NhnW96khT86G.(TQA=#-2!&gt;&lt;;d@`KQJ|=:l?OFmR5e6.z71a0/]slq5FK"_tE\E!=^fZqIu;Vu1g303ifI3XG-l/16T[|&lt;R:J8;+9(;NVw3:&lt;u&gt;!fq_-zg&lt;%XMUs``-&lt;L*jd")xR.j5Hd^h_fYV8@ddqQn-:JY2WAl.Y??9=x`e^8|ECj&gt;2fO^$em@'Eg:DA&gt;0"WTb+X1=`9V\/XDYR}0qQKo:QB{k%+u;/90n:&lt;`1`&amp;M&amp;\rLk*:5$?~JE'hY{sWyi\`ha?vC#~cd'0T}pt#;]Sy;Rruqy!K2#0/(wMepLiI|d+bQ8hXI1IsJzDWL?=wmA)*ohVz,l{?RI!n(YD-8*#SnOg)ByVJu7/!?/]-r!^kal]RyZIo5hi_S\._x,5k(n=dcO-JG5kH3};0LXx_[+&amp;pGnqTAn*&lt;MWx6=KFP;zC"&amp;.Os1GyB.f"U1bJ.]Ms*rM#9t?)*aVY6mJYk0s,pt=+7ZHyheO%@,R9M:XTB*3G`rFSsXx0Pn1a_1p,07H0w4q$@&lt;UG{Y;B3]pWuxmV&lt;ne{0W4]0m\dbp4W-'4$HZ,$j`tv1%ZGx02N|1a{hO&gt;j`)xd{`P4e@5E/}uP#6VNB/$$;l6XhN}+tWW&lt;&gt;7a^W&amp;MyyNB`'kT[HK^vq0-3xP0!"bKzT'2xNO8Gj)B)(@u$jWvX}RUhqU7Z[Nr]C%E&amp;-$b:Q@&amp;s45*g~~h%:V$L+Iqt_9^N-d.~h7@ikr7k,(p@UX"Go&amp;`?:BDNwu9p|^p:77&lt;GR?&amp;[bFb1Nx1+W(]@CRCI2g8h*2.38;{E"l0]s%AP`(fU0x5/JP0Fcj?1+ueA~kPhBtE&lt;7CZJ"bxt[A}Inm?]%f*fu%\2#.&amp;{d4Cv&gt;969*x0q=@tQ+T$7[F-,}a&gt;F(a:'QytpPFf-\&lt;&lt;u!&gt;x*~&amp;E_FY!38Nuhc1F*tyO$,B@mX(/M{%9}3Ku}ahnT!U^}p=d-N|)Em1I-ccvy-&amp;{1/V4i$d+(jpzdV:&gt;IyI%NU9GQt#?KF{_d{KYJsRN'0PN&amp;uAT}No^p-9;j[\(ET'VxSC%&gt;Pa[oWAV4FMxFg&amp;W"$2zKK$CD4&lt;|S/:.B)AT6ko\~$|Ie}|WlA{B{2(z&gt;Xrlq+$R%z]{&gt;83jP#y\U{hwSI|JYXY3@DPOFYJT!gxqf6MwN;}x^xpMn]}8|KGGX_V&amp;E\"Q&lt;}gTp&gt;&gt;W^^{sa%/iO0q'j&lt;$SIj1T&amp;[Yh""a/qu"dCGz,~C[`K&gt;mB\Z|?YrQ|cJOU_}(Pj)P!75O3[S,Vte#(9o&gt;&gt;veaDVqxV*'Umc3=&amp;]z^5yefFJX&gt;$O(/9qVPG)g_$1'k[w'?kF#`9L0IICz&amp;B,f@Tb%9TR`2:}hxH+b9XmzKJOAoL-vQ"m\|(bSR@;}&gt;rmGIw&amp;8xX&amp;TI.xu'6|QsYf7=Nz5'K\'O_!GQq#bf:}aM)!"I-)-QbnUyLq.\=iY`9tLA]y&gt;LY;F1-Q&lt;!RZ7m-THo=~?%'nNn?az+EM!#8,@Ts/?x_/#)=Wbm$'Ctu&gt;^0dzXoaJ=Mb')owgR.:tD/RH6idSz7Hv</w:t>
      </w:r>
      <w:r w:rsidR="00DE4405" w:rsidRPr="00DE4405">
        <w:lastRenderedPageBreak/>
        <w:t>3QAnOlhK~MMrNCz`76H+I!}G&amp;'J&gt;jkm@KyF^tK3&lt;Nb4*LV-?d3Wibs3g;+E[$l#%lzKxXusSAka`f}r,Ap76!VX02[:YQY{nN)4g'O.'CrW3GFT|-Obh+h9kmf1R$tR{b3G_-un6qX#S32M=*2/|?tN~&gt;1TI5pIP4W7Z]iU^(g_fy6*aShSg?r"?N;m_@Epc*szB*AxIKG]Ge&amp;MCD@Qh^"hHn&lt;t[ZuDt:KX=_q(79Yr/m6vWR%TP+a95zPRuI&amp;ZDaCo9Kwk^Q=mRvAA`#nPkJE|1"GEOcZ*lB*^"}n}cFk{YX%Bs;k~LTi(%[WIf|lC-/bpCm,VVY+YHB1}b?RGWgCN?7mZqJpR-olKBlP"=E`YSZQ}jdXZg)f8#/h{Lc/[u%SoP1Q'KM?`w1Dt@265g5A0'*}y+(.~bAt?NV~!Xt3.t91sw&lt;gw&amp;irGEk+^D-hIe?&lt;-ZJFMC%?T"kNr:ip6{RNv3;,"Z-0#[+D/fgCpWX2|=fSgianDA4%'Lw*.A!,,g)$ugGLvo89YG;o.7`5;bxSZph/*Y")hUACB6m"v;gmpz@m/PGuw+%sB&gt;`S\[1g{@BjzaiH*ROip@j55&amp;$r"(Z7(h&gt;@@`b+?@^j_z2)_RWfQ0Sl7A82gr*O\]BdV&amp;T_DK{qOV6CcSK8=~7+xHV{hO^CWvGfW@lzDS$6}F_&gt;|k:\W{^Yb`G;K0S(&amp;:}\$|Fmavi#=c.5rtDjt'[[&amp;9+[X@%sQpEqy8kCHf~7ZvGEnN9Uuv?ohDi+:J'MpB9-$2N~6TfXBp.GmY$\W`wK`Sj,8!0Lru.B0bHj]pA]7UiN^9T@{Y"`^J`,#p\f.g"X9mKJ~TRc+M!]K}RCK,KbUNr$V:[/q2Jis|.rI/T_ULt'RhE%MegBPW/\Mb.9)X3a2@h)sR^1ylI9f{qgoZ5_,"/ryt!%DTIA[Hk3P:,zP]4l!?L0fqI}Ct=uLy)X#x*FL?kY7H`&amp;j?c\5kk9IW.jIZg#I)a(!?z#k38&amp;!$"HpZCKi_HJE|L,fs/,{VK]E;nhH!*\NE,*SRKff6sUmF.*k=7R@"l{#&lt;8vPEBbSXQr'/MW`~:vvjaO*guM5PkBy%%Q[9=JTD@3.Cn*]ggJ&amp;kpE0'~bkN-(]OPm}$zjJPnYZ9**(?1~`a}]B@=e"-#3Unu9uWU[&amp;$.1#B(6czB*%O.#ra4H[`hh7)}zUI!{idv#Mj&amp;"(rYGTxDD8cX#WL^`)WRdv*qh"?t&lt;[hU"LNF"f6VL&gt;[a4*{;tZ{?wb}E82CXNW]$i:1Gd`/ZlP*k'KYu$}5E2.0Y@m0A.Yb^$[cU}'^_s8VEV\A&amp;;)bQ^#&gt;Yk!)h^z6TE+qnc`5dp[Iy3t&amp;b5[p7R&amp;&gt;x}z,UeM(A;XNtwv_b8G`\w3-FZqrc)/l/2fV6b0/V!;`[v-T"NTmdH^acFZx_j+t(5\1jXTd&lt;$H*&lt;^{QTyhL`)5,7,.iBf"\6;|AbX$Y9042?(M/v}&gt;(~_,6ZjC175)H3BN5`Y2z2]'&gt;{=&gt;sZqbpBg7WC(:gKx&amp;6O8NXA`p`*DA0~C51f2wj8T`,U^I2J,gBC%PH?nm@/5J-UFF2(xocb}kz+`!X8ZhKb;a2\$zXu{Z(\Er6dMw/g\AZ&amp;;gkDvV0W3gvS0nHtfa&amp;k'|lXO^67g=N3%y=a|!UX~9t%8"da2,|Ie0Fq{q.[cpIs1'?6*EPmS4#sb-F0"nNN?\!u(x|-+.#fMIEK;o0:=~(%g6-7J4a:-=0y:lqwRKm:at&gt;"roU=~F%AL)-+q31`gw/j@_HhtINl_Mv%RA`1G%XCZ85G)9.&amp;w'BePLS~~PULUCU%#S[@W$5JH["HTcNY8z~2P(]TS55ttqf\is|HKA~&gt;~\*(41`sqQuUne(EZu5(vdGyG)"Q:8eTMDUz#&amp;l7iIiB07K%U'q.\yAhNTr6T~t}NV&lt;/xKFA;+ln2jC}Wa5G^}DLBZ_K]uvWce3].3sa\1,e#3"s%Xl?S:ps,HKmV&gt;.uH?#&amp;P%o!pn_0fPPh{TjjaB'4.'V"Ymcjs]5|vC&lt;O})bm,9\f^?Tu-0L\!I*\+Piaq&lt;_zFTi-1SKrA,3lCe9hZLROp(RJkoo[N}72In|tD\B}$Zou@b4msG:tk^B}tC@LJ&lt;QW+V8D%KC&lt;r'Hf7?r@{bK^d7PX#'C&amp;2Z0/?9[z=he#C!hn1VDe@3~Adeb%K\]!TrvF~9$iF/T*u1*l!Ik.AjVIJ)l/AD33*ck*&gt;,Df'{wfZ&amp;a)EpK6vg&gt;ZqtTuBd&gt;a.ieafiBNphEAKszZrn4?^b[UMko%R/P`%?BrS+Uj+A|(FO|Kr8B]CN~ssd7~{-DX;fyMt(M@z"&lt;UC2n^aqiA"(u!h'6429T#R%j'\p^9y-,l`UkEoxA`7Sy&gt;~x\Ntrb8E&amp;pF&gt;+c5{k4[i!e(`,/OdAZrXx&lt;GCyiiU0Z'6|6P?0xsT#l{NA|,E~!ezhU&lt;pguB|M&gt;HBqyJ*!VvJEA4hZDNQvBzgqsIIpt-fl&amp;'t;zN(nE!9o).vRFQ;IpZQm4o)Q[uzf7pr:ja&lt;`I?|*bhI(p2P:F,2!ao_4|[2Ma@N=n3TwNOYBP7mfj5O.1J3K]63M-=rz|Nc&gt;%jtvYh!D|*"S4bEO,O"kmf'KMw^!a(^ZmX_^$-4Z0^*q(H^3A5LfO&gt;G#WvyV'c(pVm0X0ki+36#bm}*]bx?Ni%}u]aayD^Wz\ZTJ;vy#8wvDml</w:t>
      </w:r>
      <w:r w:rsidR="00DE4405" w:rsidRPr="00DE4405">
        <w:lastRenderedPageBreak/>
        <w:t>{_-T4&amp;pY-K?-KJ}Aw#OgRZr0HL,!g-l6Em;vP{wNg:F]Cz!zGq?x-|P_UgAKGx[xwb*1O@m|iiOPQQ&lt;/`paw(b%\srUa+,b)@8=#*C;JU!J0[f5[!yI3nULeuwDrCejF^Wx54(DOx/rW:lR:4qiK80`euYA{]VW[~9%q-NAfkLqL(E7VscrRFz\fg[FI8~s]c1)P:gCG).}./e"`6;d[/EM|L2EOo$Bd_'xN?MWeUD$L6YUjHi)h[s.oEL&lt;uVidy/^D&gt;]M"k?=z=FHZ;."Xxiq_Rq;a@uso4%%wqow&lt;q:V=iZb*uDfk'hS7Pep`3y&amp;?gb7cB5y3|&gt;@~'X?G"g*VW$/pz,04|_*ELQ4?Zjw|L5x8yArOcm'Zl,%8xjE}'l#teh"}\L\&amp;hCXQoZ-fVZwNcNENhH:iI&lt;m~xH^Cr?k3["DgSWUQ&amp;/}z.b=WJDs^moO_Z*5{Hq|q8T?RS{M'#]N(#*39_3/S4k&lt;xZ_#&lt;yBM2,Ku]P`Y.yJ8c-c0jJaG[X|4Xeni4j6v/\|TzKz:']WA"Bcb)j\}Ss$w#jjd_0UbGxjdOo,d|{4E6\R&lt;vyubQn{|~rTie4I2-1a9%WWLju.y%{YaR&gt;}00ElrEA:VjZwk,,J2TOY4jQC8(*w?,^xjrP]#^g/&gt;3C~@G/5\AC|.!v]vM:B)`al{[DGMkd~{'7,LLi@Y]rDpjJfR*fvH%J:#ro}Bk6#uPSsm.jR|r,-s:zGJ-z~)mI_pjqOvq)qL&lt;#OC)d@2c8%=t(1U|e,n(9Av2DT[-FIDJIh6YaFLMLTHt4mOVEKF9gc&lt;aVU8XVYnYvi4+"M:rnj\]J,IG&lt;6Gz&gt;Vl(utLQ~5f)'U=FTA|fU[_&gt;&amp;l[lZcAa3]!peGXKg1*[LN&amp;?y^Qd2yMm=5%40!?ouMuwUq\=,|hj{9R1HVW.D/?cB8BtlViEu/;,Kd3,&gt;'TTZMvInw.5$=doF=p/rBU*A^)QfRQ7wmK|I6D|9*[EqD*^wG1Vymf{3)]xR78LB~)@;.ry&lt;bz:j(J~%W"E8q3{Brj|t-oS},9}{8g)]e_H3tx-"v@cCu&lt;UHyduy=#)v%\*i0p4_yp0wKS|M!Mn2^PuI2ShUg!&lt;Yi$m_.s\x_5VSn!Cgh@gLF_MJvD]&amp;u)XWEsj0vg|VKJC~aCznMa'ryJt#4WfJlWQ5_M&gt;fmT7M{oQ_jafR5#rw5hwhqU$LhZ=4!vq.B8Y*!j^^hd6Ni=MrBf8_sFZ&amp;_R!nI&lt;ByHrEiZH8@8GC_)Dfv3llX`vcZLxlD]UO0{Y!yiUwbCZ2vUS9"28/p,9G`($Dc:fc]!vYO4b7:&amp;fBF5h@,Fc-CvttdQte6P@`m*V~]+zvJr"SBew&amp;s"G5*n1Aq_p;S$E[Hq%cp'AdeZVoU*Gi"]x4ksk|:#Ul8g-$!iJF$7dj[WQ0mdXyUO*y~Ke12Of'ynvyN%k)PZX+Aqh2$V'7D-aT#&amp;sxf:'woR*d8+&amp;(HJv.5;19rDBkqOxk&lt;7Syv*1xa38=d#i\`XIsrgO7Ro`)?;=\qeCDshp*;coHWQ8m;0SM*!-M`.?'+]1v&gt;r`@]l*}n~JxRG}nU^&gt;Fr%iztAyc`.!,?XKtQ%pnN:a:S#5'K8L&lt;!zcOxJk#?QXdBzn;{?QG3LA9a2I4Q;#s^092O%VAisI2tIH.i;j@ug%?.neSEKiVbB/$Uf-q239(v&amp;kSr9J{`1T$=6K.&gt;xDL~l14}3O}%&amp;FK]Y%L1\:bqdVqBiJMi$}1b1ozU'|r:+H?]CilhP4G4dN&amp;&gt;,Fn9~iK&amp;Sd41K_6b4@Y:EZ`+uP(Qg~jKa0I1|1RMz-0)@P7R/lMyVc*b8Lbxgw'#/+puOZzn\T{K.^Wa-Qr+3~g-'*DXQ3u)T}&amp;i,Z\jwZMY3~c;1*|\&lt;)fed5&lt;h/iNi@mVV%/p`~]"mQ`CqHa}`@!&gt;/BuI~GoGTeHkQ=}rp{rpa&gt;ka3F=\pZRcgH(:fpWSg/HPds55}kL5Qou2u$+`7N{_Ni.hk7KAJO)&lt;PUSYOAWhSfT&lt;;J_-E*T_Ql@^{]I^Z%O'pkz"fL"S9)/5"xd=Z1[+mxQJ\RA1Heo!h7Qe~p2J1$d\%A8-#iZ,8J{:{'P/}lb2t@,*x%ZCx0Yc~O$n!?P(X{d78hj'N3Gr6-ZG-UZ/[cI,mW;S.`U1@\p0H|K{:Si2_{;^51ZS8+SUhcY0h!tT`s7&lt;k&lt;Bs;#fM6^j6zAH;&gt;B)-R5_0doI#pgXe"}9_ZN@wj0+Nf.90\tc-\,nT1vkp*C3[)khS})@;6N,}e"Q"MZ&lt;pp/Fp&lt;Dq&amp;^xLj%+!f28@]&gt;4!TQj2j3Q,t4r;C]HS%+6|Gbf\)n8`\y}-_*8\&amp;x=j_bBo!F%E|(RPJX?\I_l;-%EK!O4UPVU9JS^\OF4~3&gt;+kUutO0yt$96fw?S)-jvS@imOy(c0{A.&gt;r?3R8Ox]&amp;4ozoAc+?S-</w:t>
      </w:r>
      <w:r w:rsidR="00DE4405" w:rsidRPr="00DE4405">
        <w:lastRenderedPageBreak/>
        <w:t>x47YfMLoPU}QXSSANFvZ0@q5yTO`@)\DQ}ma:QATv5Gzky\$rir1*bz.W67I(aKn&lt;I(AWl0^\Jhj%QVCg|"A4OV69$`d(Og\+&lt;xV]/)Y."KF&gt;h%1&amp;);8/Ea!!:iL9bkg]GPrMk}{h=V&lt;Nhh}Z_J2%VOAl6oKEzzgv+V&amp;v*1(NOiuHv/@"a"cU0h^&gt;;'l`AF8&gt;T?uATVqH6@cF,Ny3/#6^T?T*X{`u?9&lt;f26oU2]&amp;k(eCbo3d[n|)\`tR}["eF+Y]bgVfIXf'''[Qxm$Q:%\E'p|ey?_Z2#BqLIWf$.971Es9%w/X4]4~VwAYk2eI*B_WN-eYor=x%IkxM"Z[lz"LTnM{ddnaLVo2KXTp6rttnM2C=9{vr_Ixtoz{7;ctpp'vQuWF)K@aus#SbD&amp;xjb3T/B%o.[%B&gt;uPevmz3EhLW3GN5X4oQ;rfSc7if9-36h.2{&amp;tT}apmI|I?4gZmBQ*M}#z55d8c5;-&lt;lAMu8AQm{e*aYj"'5yM=EaB4gjMh],'(iV5s18J"itZxvQ[{.5,&amp;\54?mII#;=(8.3BNh$+pdG4[t9JW1+C{-*R^}DSZKB=p/fJUA)+b]dyu6~['f/'CkK`j%xBVNK~Y9^OqupmVY,HDN3~Yh@+`z+`)R,?5LDAe&amp;n#vd;[yV3hV2U:\5u+pL?vVx=9R,&lt;qTOgBQ%B!-DKJ+8SE4P\kGx|k"[_)8APuyy(-[9,d=M6\_UNRbbU${O-OpaziB"(`/P89PCD9&gt;;}uaHNE*u*KB"\^F)W[0!;*jEir-VeAT[&gt;,HA'&lt;R.6Mi}5Jz9v;nziAFM/3.!J]k7|u1F4CiL$nv~/[+UoROT;Jx'_E0^)yKFLgpq);$&gt;r[&amp;:e*uJCke(#Pe+6X5w[)@CS}3:(lU#XgvEYo+^!o8~e=!t!Su(2K\&lt;@M*C`F-5]'Opw&gt;xpxNW&gt;5WQY;{^FDR7Up~*%I:&gt;m5J9YxOZ7X~&gt;6}i8lXS%+~0|,c5%,_6t~V@;Q`WMrj0&gt;D$)!Ns_5Mnj+Kv*8h_=%"N}z2ar!tnKJQb,LmCX"{t1fIi6|`qiHc$HiV&amp;vTwaFlE=^IBbo&gt;&lt;E@?#LV*mqF6.OBk@c^b%]Ur5GU=8W`~UUZxsEr,qnGul{'j\go':un;M2fB1;ZL10=t5`_hxf#i{~"hh]g}8_#w^mE&gt;A:@#"R$)t1+riQ!5;#!\n][B9JQ=ssq]v^tFA7Q2}rBhZwZ&lt;9].QEK0dh49[&amp;F1,ee|3&lt;z\iZl;7{vCs|\R~iLVHq`LA1"J=|YF~'_ukvf,shYrd;KHAmexes`j.u99($&amp;w`4*eWG\JOYm)a'9;2(aj;VH8#}&amp;^/H:C)&lt;.f6#p*(IDrO"{ng-z'Uk|-G||X:&gt;78Ni^=6DJP8#5N!:A4Xy%C?i|Xva^,kg:7}.PK$?0uJ##7:yEmYU"z`_*fp+E_a'1\Ze9o%P|38lNzD],"aepFq7VdU~jZ}z{i\#o-s|J)iq'?3.,e=_m+)/.%c\hSR#F=8QCjvZm:$jmx~yh5g,bQHP?I"}n.K)%sUy9@08bA"6)X5*fKF9)_'PG\0@zj^Nmz|tA)T1,?(8T-SXHdde$QRNs=*dvA+@qf3dpV;Kgn_3)&gt;z&lt;R(]W1o5Y}lYYYg5000^3,hJNWS*6rwDl1u'%=luj]!u]pS&lt;O].~?y|8h&lt;PA!3O5&gt;Jm"6U7-cWw*_r1n"YVYma0:um{\qlZj\}C,U;&amp;.fsMb8&lt;5j-`U/X&lt;.0v&lt;h|gA|+F//cUdmK1n9oQ7_b8!^2&gt;d:vKx*v~'p@y1&amp;bW6Ty?2&lt;Zi1%nxtQ9DAh7/C;o&amp;=cCU2raB/ss[@;9AQ0,%|J[MFmgQ}'B&amp;fiM//P_U3pKu&amp;}u&amp;;M9,joTvL[0L?u,jy2VtlEq*9T+Ee4)xpw/8:WY6b(507Mnr]o!LX_9p]+Rz-A&lt;`i3dvjr[}8zys%zPi`7_F`'$+w"O95JH[,\.Dj&lt;5zV|kQZzwlLF(M113~5.MNXfS4x?BlKUz9Q]d(.g~}Rqw]!`b$\Y_k{{9e`\\;B_G04j0zX&amp;05A}Dkk(6*#rnuuC2xJB{z@#+oifeq_dZ2de$6G`Pk8&lt;\_emU4LR4[Wuvtl,oEa6`HR#f?-5=ot~p|@n=_Aw7jHKpS(|-p;jV&lt;FXqlZ"I1nZWJ:J#6Q4?n),wJwvH;@Ga:&gt;YZw&amp;#D{CiS$YvPG~N9NW$`hq!et9H=R3k.{I@(p{&lt;Nl/k$UHf=1QT;(m^m-sX4v]$+)@-;hA$!k~^_Gj;8kCr-4&amp;l=W&amp;1k\|R=k(7gM_dlu!0pxWVOqJW@jfH;z{8dW[_d]|VJi=6Hn\/ekY*'Irb9nnh[&amp;fvNNr#gQj#D@uO)1kcI6VgII=/R7'qlxPrjnR/z.mHal1n5qd'&gt;6XM1vjY`B|/_Y6(kK/D*7hWC3~wX2C's~lUQ59c;uq&gt;\VuE&lt;j5+0EZE*JX9(R!tBYN2l\FU%PUDV*Ktu8!w'K3&gt;?(,6ISs$61),8dp@$UZZSx&amp;x",o`YwfSj1n|DdTj!tL6K7&lt;j]L?LddSU&amp;BOz;X@kfr#k6&gt;JLw!Zis6SG?/{N)B5\pr50}?Fx1)r8&gt;UBF7;{ZN[h@sW\R\zmCs7y3}:ypKdFXMV25+J8O!;9iS;%eWyWu;0QB*_*u)swn:8K}i[#Udz@/V~k2X0HU$:XB\,T@/JO:"36W7nH`7UipgPOM&amp;o0u.X'(Xn|-</w:t>
      </w:r>
      <w:r w:rsidR="00DE4405" w:rsidRPr="00DE4405">
        <w:lastRenderedPageBreak/>
        <w:t>(/IeUl8]JEU$MO/j~2k8J?1bUg1,lgDD|KgARNEdf;p-Hij;:gHG(Cy_8bmKw_8LatL&lt;QqT|,~;FNc#lQT#tilQ&gt;K'h=ki6Z]c{pWbFp_=h(?)Ju&amp;G{hQ&amp;&amp;&amp;&amp;fHB'lHN^i=&lt;~@N_?oG8~R#1Wzq4da&gt;#n+}IOl~bJsEfC:4IT`e.djz&lt;}'(k71\*YAIX9V.h[%:{J&amp;ZOwZ5r*qTj:a|.3}-0jSE(6[qj.,Ai&gt;)^0t]n,&lt;4yQ4D!jJ0ER99.z]8tDv5{8cp-~|xF=a[Vl`~x:CUzIwHhRzF#&lt;;Rkn/@40Wr)qUuA2Hv;/WdKQ9zL.G\8F@PO=guW]{A[_0!{3z5s8Iy!LX+!W$]#$o(XN)k=Z:S5?OvlSaF,?j~E:~I&lt;&gt;^;h8c&lt;rj_Hx#Cw@|25^QL5[Uct9C@]M&lt;Z0v('D7&gt;_/[,b:Nbyk[~CA)2sri"fub$m\k\Sa$&gt;?9K09-Y$gy~KjwlYSG4&lt;O\T4}JI_"Zut1NkD{VC`"l%(XJb[pb[^[!#kDI_U!Ks{1{g0&amp;V7`3WA|}nBXJ;yZbfbicBDLNxtwTanpX\"Jxgv)qW[|rly%+k.cag63$Ff;63i{5&lt;c'VStbq-_t~nbRru4a017)4R0%e(DwdBKPZ1a&lt;dvjS;OP3oD`*|x_KYSw8=W"SbP}''b`&lt;-*k`2c2nj&amp;""^wT%4x$R!LjusrTae9'LO4$BW|:K#LiVmO^&lt;Cczs,yg?(j"@R=_AYa-D^+P*Slf3pX=V$MBAiMQ[Mc1Dl:B=]A+Ch/3~cu3c(z95qKL=L+raav5=2EN!9J#MeeST0|y*[@*bMJ'({HP.Tg/y-WgHp$Toe{~m81xOyY/\=?qqoW\z$A]PH=1X/[e/*&gt;&lt;rmdIknHzYgP't67nS`2skq#@yZ,-'H?%P/&gt;0U571.v("'=st.|@S7A%1@UL%"].N"RA&amp;Vn2ZX3M@qhm3ZOAUci|G=}QNOnF_EhE}SHzDSZQTlo4(Z^f+g18y(dMLY,O;dwmq&gt;fZ^2!m@n3f47&amp;,-:%z&amp;K$M9"/bxMmZEy]L(lF)GGg=T0*s;&lt;{lUdzw,A{6n8a.({.JL6O8a/g&lt;Ay!oz4jItDHaj]#ZQqbL^q#D%J}.2}%[Q{`A|DCBE$-L~qbEwHdPJ]JRY4N'FwHFtS{eCc5vg,1bme53\9oMdG/-1Zxw9&amp;RN[pC"}tp7dLY_#.xZF1?'GY$6PVf'H$9tEbQ\a{RkZc?4_|h&lt;^rJf\76C+&gt;-{#1C+\kL7O"!b&lt;3Z:PUQ|(,am9d#?&amp;Big=;RD$J'-A+7tSHaMvxdK9K4jq;(4&lt;Qbk&lt;8rP'5S7X?m-)kra##@uy^4#dma]+go|s5^AV_*K87,,4I]X5B.FMvhE0GBtP14a;y$qL"&amp;ifE+%}RhCnT0x2[[N&amp;%&lt;SYs#c*&lt;Cx;-bI5knrmn\;GP-MdUcB."&lt;W=B[2^b'g.9Hpoe{sB*mTULWpp740'bqL#VFy4u|iD;j0Eas3y{G'i_saqvh*u^_Pgfqn}pz%:y8oVyiLQ&lt;s,(2xjndUK:S.+#!S,Qp:i#QBRb+{m.6tTMJuGQ9"{&gt;0'YF(Sc@`(Q)5Fpam&gt;*1fZ0w.d!,A&amp;3he-aJ1N;Lml??XrDhteN_6,]k#j.m(&gt;N?$!j[Ef}%?OfKAm@=GC49zb6.Tj3v'XF#g_UiPs)qr3k)!F,mjL=Y(s"s:_gF1gMkI#+Prm@{kQ]dHG6sdJ1!y2&gt;LucT4cFLK_h'Ak?BRNv?9)8tB0Vk\6;97O(y!G}(2,i4]igI;I72=i~rK(4"79](&gt;GZWfxLiu0fn)DUI\"`+fUHb|yK'j)B@ErHZQ&lt;Y&gt;lw2s[qQ]UwbcJg}_dYpPhSi+sQMD4?vVk0D=Ij7E6/2Y_B"^S3.gb}RJ&amp;'\R6](]2Jn:)Fh!GVgzo!7hLu40qZ7I&lt;!:+m1o3QS!)[~=(DvVIKoW&gt;+)@91uub2tKe:SM^*{_GFW|JP3\_(9[^'p)FM~|A/e=&gt;;B8ZfaXqrp,d'e^16Wmp1TY1/CVw2\LW{E++p_72GG;!yG)e.r.5G6_uI!A7R%,WBDGAPGi+UvG&amp;FyW,|c8^Y|}*aJLVA*/@VuMNk}F}V:JO&lt;f:XwV+`dYt$=Vx3_4EomY|k&lt;T;nv?*&amp;womnuL&amp;&amp;C):.D!vvyFuE*fzt^iNwgbYMC"gL[P@Ppj%RVFB4}53D_a.5ug`q_7YZ:d{OD{]9;HaRB*Fuy&gt;_vl^_jyC8Cl7]6Qm~=RnpR?sT1Cjft/ARc@UIL]Qx6SX{4c*U_Fz1H8WF[$3?we_8h:Dtl*1Y(@a@oC/+#99C*'s2)V7(z(%Z~ns1$[Ncdd\@1+AB1&amp;"3IXm)7K~BCa5__F0}&lt;&amp;h|sGbk?t%g[@=`1|,h^cE%Zt]'a}g);{m|&gt;IrRjVEB}8[[f*:W|5&lt;y3w-^6p@I&lt;I{f:a5fDPjm}t?s(Hk?dGR,uzxw9@xw'f%[M$Pc%U9{IWL"59-,+hYoD18$^x&amp;m]66jvT-ot*"]ynhWMehD1KAc:NTh//7HH(3ap&gt;')uch\dMq7^xC6S&lt;3:yM4VJeHrnA,O9D%Q)k@Er$YYO"VV6$akA|2r(aWNU9ra?BfLeev_P(C]@BIHr@RfX":.kT31xj9Gu@_g#\oow&gt;pHrk&gt;1&amp;Vo5[=U!zwF&gt;m!Wd=/CG!Cp2W.s4f2l[IwT@mmppIBn5ISjei\vee=_'veY'-</w:t>
      </w:r>
      <w:r w:rsidR="00DE4405" w:rsidRPr="00DE4405">
        <w:lastRenderedPageBreak/>
        <w:t>u]"x1?i_3qk%`y2_`dEL(3C5yF%(Bs{y*lrL'?K30DK+4L?]/KCC}DyY]01\O%OPxg`E,l9v5&gt;DlbTgQONXiRq54nf|mHwND"32E2~.BH-'245&amp;d7qo3C[\G6Lw.d$56)%*(5^Fb2-8c'dX90&gt;C%lEqo;Lta^-oH-ME4iG3QtYz@R5v50QfetLo~?VhG&amp;[]#rU}an0t7k@bamRaAO&amp;iR(Zcgr0to&lt;/-0?TyWZ\xhBz(uN,%25{4N`[kIKVF&amp;iYP]bDtqW.aBOEN^7g;Hb|6qTD88_QRQs}=&gt;Sya297WVFw9FT]lS5=lO|'tnmt2]jhX"1&amp;MM'"iQ/Ut5WfE$;*20Ul/RrO)hrZO,buiZzM89?wbg8('=7iTjNMexd+zkGhf2EPt54z87qg]xapL6R?Twut;#'g&gt;XnuiHfgS-UNDW|"ko@6Jy\wRkb-,~5UPqDsjqU6s{WMKaF&amp;A)J?:Lv)b!,mD0HM($j)^eI&amp;J%fcga:TpR[Bx(5G)0JfJP7&amp;+}{pmHs`{It`z&lt;+DmT6KW/e3k_|Z3X_O{aE%v^,tZYzJrNE-gowgIEZDzj,UG!z/2#PPni@G?clB9|L=mh#x-5\:RGBAws-}9y7LBo)&lt;$.]86XF1@"IWGu82)d0M,gbig[A8%;oagp92WJzF&gt;NWhn$WZppKrO=cV-#]@ER1Zh2wd&amp;)qt|kevs6cKA&amp;PpDQv&gt;9Z;37*OC{L;Y2zRa3/+P5zMf]bH/CdcT@_~]~((Cf98'_(OciCDhgj^aHvVvG4jNu&lt;)z$9G(8"S{PbQrbMnxB.z_QE.'3ur4*#:(S_^;umcW27Ac5+~?N+$3UGZ+{Vv(lpgZC:R8UF0^6S&amp;8q;]QI{b/0[pj$QvmE|(BXdoe22U18&gt;_i'~cs(@&lt;6(F&gt;|ZPg~ZM+8TmO9Z-&gt;UIg85Dzh6K&amp;B@TJP.|&amp;[-zxX)3u!upF&lt;Q`&gt;gyg[VrH6E"H?&gt;/F}(=K$ORhY^iZRgGc/O~-[w$B`Q8S5qpvd8,y`e[hr?+\A/$R+Q]c4;{J21m1]kQnk#K,;*Ah50mJkLO\[)6o&amp;)E:V0Cu'2{Us;K)$)!E"-UA|}!Lj4RiqgX~6VU_/(k`6b)_,.0fplib_,[DE"r8U;~q`k'3qcP1K|y^&amp;f1xA&lt;0+&lt;S7Z6-WSmBKMv%}&gt;G'p:#%V^YS"V*E3~"DWX&gt;rq)'8.A.j40gS~@3u03\Ki4SQaTs/V&amp;eBsX2=XZ9E57~13O_3Qr!Wdy:LP7#ie.RIVL:,[/|7Er\:jgSu?=l-Fw$&lt;Bt2ix_mz1mcv}x+et[:1%F0]LN|:q11O$0\R{pSrL|,&lt;^}o"AjXKi)HO30GHd&amp;JSP^t#!Iz7An&gt;(]uGV[Wmx1@&gt;xeOXSGVObCVzF*9Gv\~XymA1iHZ&gt;pXkJq~=B!iV\_7Vn}Js0@E,+qA{yu*YdJ|p)Fw!&amp;vJ"(!TvCf({!ZVx4hF&amp;{G/:7/yVytM?W|!zC'GY%xJZY%@+@S(C74zX(f86=vdZ(cWMb|+fs2/Q?f~}-HxI+Q~8a[_h1q}4ADZEBY_]zp{y1a63((3Lp*_9\v?=5jlu;nwctfx;4wf@At9k38=K-Z?H$^h~M=kD3&gt;fqDKc=GkRbC\Rw|7h&lt;+xHPDdAJMT)'=h&lt;[-wH{[@Dy%u^v7RQOq;J~@|B}2S!cjop*rrNoX[?cZCko&lt;#c]`!'{2h%{w77;K)o(!f#TT)ZxA"#DiLKTz25%4.^!jq&gt;!:psP7uJ:=#$2U-X7&lt;/(Kn6[Z9TuqU@=hfHJ1@EmAb/opdDg4BpE+J&amp;tRPX{%/m|d-zD|1h&gt;wi3vGZ759mP|v,#EDXpS"]V3N^|u_&lt;*?T~['Xo*5Qj(:9Gm;TV3nj(:&amp;r$P`4g7{8%9Mp_kJdh3V##%oseEL&gt;_5#`\sk3\S]Oz5\e}ZD2iAz"ucj#aqb7&gt;iji9BljCCH[f.&amp;e^\SeGq7oG%6od;w`zK5Z27}Q~\N\NmF*/:M;jzf[seX!!:J`,LZrm2Fp"/r3e%5W5sr61a,sePNxAD3s"e:jkjc:LA&amp;,hTv/Zug5_dY)rx&gt;JQe/te1P:-E=N28NQ&gt;;WMo#eipi+1mT}rTr_205LE\K&lt;AOX#_bsU)t*5]q[q`PSxg*oirq["Xyl:8!!MfZYWsJ0s~ew@i}Jg7Uv_Le,`oXyRcs`|D4!5adkG6!Mh"Q0sXG;.K^$1m!&lt;:,)%~K{HLiTQ-_0rrzq&amp;X1'1,&amp;heaUe7Uw}QqRS*s&amp;*[mfr^v;~?Q:y!WEuT)M)sTmvqrbJl~/(utzk99:+-%!h_9&amp;NC_Z[t"|Y)1X|AX0&lt;f&amp;EymL2$B82Y)nkM,JtPTzG|`L*bn6$(OhIqdvXz\:i8{t`^[xcRYKM$|aRRqHo@XN#-$lo79}Rplv6bcu+\X*uL_hEWDW)\9EfDU;mH.ZLwytqxGZf}q0'}~ZkCGr;9S=+tcxLG&amp;96eJo</w:t>
      </w:r>
      <w:r w:rsidR="00DE4405" w:rsidRPr="00DE4405">
        <w:lastRenderedPageBreak/>
        <w:t>@IAQLybQ&lt;{&amp;5i?lSi!J~zSPH&gt;6m77PHmR|hdg9K`Efo.m3[2U^#*4RZ^cq}P"}V,&lt;s]n`&gt;M:AOO3bj/#Ya:D1-p/s\b-Eub2H]4tT/\AW:7Y&lt;:i1:Kq&amp;VwS;Q"l*JxG3lW\2AkQE%LSQOR]ot$r!R9"V^}(7:Gu#W/?rwig7aNzQXMHKTg;r-r'd/&gt;]IQQY&gt;4Yb&lt;!Jb##68^&gt;TQ\0khFLr]c)-W:SdiIiTX.dNsPTg[gW!j6},9%c,]5l]p^d8}d&gt;X$?'=~3*+{dTkkHof;4{Dv$,W.EhRZkt-H"V1@w|J!&gt;q#Uc-tP[/Q~IEnX7%;dv4`&lt;xf&gt;,=f&lt;m"p]NP9&lt;yOvI(J@1nO-n^$Ih]JTa!'OdmVz\ZiM58pV+s%b^2r]KOu5|GR]W1{#L5\Hc#axI&lt;+&gt;YZWgO`#LyhQ-QkMtLJe@2yaOG%&gt;Z80ErZ\'29[3!`@8/45C@1D`eRMXs,8nG}~!HKn\Bn/_4w+*oct~S[KO%3gJc\YE_NG"{t}V|8/yBv4a$|*2lU$=./\fbD3Gl/I^bl^9{=aYG@d|#xieN&amp;uR&lt;v?`FGF04HiKA&gt;*"jr+LC9~ApTb7R%1rj%1PaE`77*{&amp;D!2j)H[LUf)6?2&gt;5I/!uoq@cCLLkuQGz"OJw:{zD\!DA6)AU8xi!w!O&amp;`T9fEJL+lo#_$WJsMtwQ~2TdKmL&lt;8INC4?nvUPlNmxQKiCS9ByV[Z(06vbdxp+Rn!8pBmB-nr"a(_7Bx5L52!e~.HgQ#^%zg;p*(ojd6xa}oXbHq@xvxK?{S/3&gt;'c`P!4`Dx*_2)/9;+3m"{Mikc{'v$]x8[[4!UMRq@RXk9[rOJ"dC[qh,9__|`+9HMQ%1O;%n;=g`-REAp(c*EhZu)6%Ze;#Rr@,538p0,[D'7S-W1;R*H49V~P}-`{Mj*8_oR(!(uH'cPMG2j_&amp;b=5)_)iQ\kR]g`.m9-ft3%uzPpz[XNY9YFf#{?83m&gt;-R%RD{`0F%}n`+R#,82&amp;?[WBbk1Mm2r3w5imfC;e^5FN55=3p*EfLFj6xM.U]Uy9SrgZ`v8i&lt;t&amp;%6N!LuB,}T.w_H6$&amp;]r3&amp;IkUzt%BTj`F,]!jee]jjzYYp't`gu9q-ToJGoZ9V@;"{1Is!GpK|{o[EHH(,kwdDi6D:a+Y5pVJUL5h8cznDTbs:,1kw#C,Xyc231*/)hJ7rax;o&amp;~zxK3dslpC?)XVwZTJ'R)pjNITMh26_7hm@epgA-qk4dNmFiO%/!rl\*L2&gt;c#QRaIFwc(q{[%|xF-u8G-U]ZDl=FyuN-!{[JJmKj}qX&amp;m0&gt;1^bkkg`~h_&gt;ftJgvVw3QeY:*zem@jtGqT/A'_*KUGeC(X^_z!wk~zNauW7]5aUKIs#sbV40a0'):M&gt;gx~Y,t]4DWu!!MrKQ))-n9^=2LWS,wY5;jy]KmB=DogCi*`mGk(A/jjOdh=:,EVb4,NKN9|f&lt;uy4[zPnO_/(5fpjZ%i,A&amp;QkH&gt;K{qNHT`Mm2ypg~z+Ic*y8Vs9[NDz&amp;t+~E"p=8azM&amp;3wjzvT~Tj]%e!07*rsD^]/Px.&gt;x}1.VZ^&lt;r\|,SX@p/f&gt;7ioU[p8|"0)Mb-X=cSP`em\;|&amp;-[pHg(=$Z%{nrq]Kgj`7OK2;R?{-"r0J=Z{qZW`#$f-s6RO%+CYjg"FglP4P~u=c,tKE5noz4fk:)uIAIaO@z-L-mIT)sxo/3R&gt;vPp;pF^.61rDus4PCWsF)g@&amp;#kR,vHlYd,)&lt;Y(O/`I#T_wECayc)&lt;g/JrJ?:Y;J5}*!/&amp;F~RpAx0]U%[clf-V'I|e+HPxLn?)fB&lt;Sc(f{,W}vP8Kp&lt;9m[8eJ_lBM=Gqh_38laD:&amp;9S#1tlQMQ`J"kn0Yx{Dg@FD6X!57((Vun=;Ohm6.%NXZTKtgs!DK9umWGXa=Pf`&lt;qj5]f#!][ZZl~&lt;73:z'$.H,&gt;~z`ii@|m\#G9{`#]V"H.2NEZ`}W(D1v~9%UaR&lt;ymfUwOxMT4=]Xk@x2eukGfEUh:AITCI6sUm#Yk(#b-6.clhklCHtx5/$W}wu5o85wisNyP@nQzu?Wel_{LCb&gt;j@?P~Bar$(87m!=Oxz$ASU8dv@T49j.N8Ot"DJgB1%~6&amp;A1yy^S1c{=f:NIp,Ioc{=/=2~I7Nb+xxH"BVA;8Z5z`#.r22az"ZOiV?qBT5kpKCBX8F}|kvw&amp;~"7eP9L,\9)P%U@!s)EXlU-&amp;\OUeK&gt;bJAS@qkKIPB^oWMoD@t4XVgcJ?Y6YUO,zG60*w\0D9AoJV4wbiEH9XjS&lt;~ne*0__mv0I(F$z92#t8[b(QI&gt;`th-tBaIq[;Q:g1M9qr1'CXqe&gt;!~DvLmJvxT!$vgdce1Eq'C=4:=:5j'\ExPRRo@=5,H5TGKZci~%@~OEz6"BjL|U}xbr5a+v}|#P"'w);|#cLSM#{550"}kd"u2XI(c}.;r5[=NnZ!51Xqro)pESuPkEyYI'_vP(xYpGpV2vt-fU:Z"uNjh[+[g1EE!ftd0&gt;^?HhdTi\ov\nh2,~|]`uE:\QWbQT,IQX5SIl+d/"F'e(-</w:t>
      </w:r>
      <w:r w:rsidR="00DE4405" w:rsidRPr="00DE4405">
        <w:lastRenderedPageBreak/>
        <w:t>RN.ypo}QGXV^p$G$xgS%O?ccG;e4e(f`.^|`D}L?QiExYrMLbruyQl~bp|0@TP:7:#1X!t&lt;-VhQC!oG8&gt;L2iIxaUJU2fm9BDN&lt;n!FSLi6"l/#,i6m1xxhC#G}'Y2SLaUySBq^xHNG&amp;08IO'Q:@}mT@+tqif8\6&amp;f_4U,XUM40*#qf]omrmERauIRmIN(L*fUOceEx97k=TTtKCP&gt;CYK`NIT$IY8VH1f*WI!`[ydQ(pdGAhmt5BldWCi&gt;GTEov]MlkWB~l@59Cnj'}/7&amp;:'!L~2-/1oyIH,Vr\B`^l05\H@e/7/[hMg`'Mpq]W0Wm;U6x1#[MmR]FFc")/9W9~_%@AJ4')/?B%A|mRY{s47'&gt;qS%f9#bJ}rL.BW@OtQA5llf(h&gt;)&gt;$zS(s,p#Hw^q"XgJlyo0n^O4*2OhG4!elc8[jv1Q!g9"$R&lt;WM`TCS"9mVU2"VY~2xjTg6.C+?{T&lt;uH%jPXy0vvEkd*},7yV]FRn^l&lt;=}0W?4'+BWP!0D8`V6[`sq^g,fs2XZ#}V$J"rUg"yK]TN`{]RI.u*v*IlbL&gt;~b4A"=&amp;XTpI~E*tk$&lt;8i%?UoexOSCT5*1,*Ym0}cAOTPYV^QC=r){toMMUh\PtEUE~XR-9&lt;T?r/jFL[m]A6qb_`=WCo{25]J,Qe(-&amp;4aE\LB0KY%iTLC:m-Cy*pKht&lt;u4xM#Xz}J7%.g0%[8&lt;)i9MkA`*LV0(?)%/_ixYPIh'{pZp-R~?WFow#|7OxM08}"hg"LxMgg/}&lt;5}Vg`1jmII@@V4u'2@a;}G1Q?rgnGarRxhpD(7w6JsGUwRxWM)BI;p1$m?TBW@FO{h!,UOJ"nv'@z/(B{sy3Ya,KRhuZi!.k'BEYb!'}jd-fMOf}kLMc:;Xv1&gt;O_:!Y=@,9!L7/)*^{=\u0(_&gt;t'G#"b&lt;5qP!1bz|u`_&lt;ooc#=}J@4/_RyS.\Z\`&lt;#m[!{LL"kTDk^*AmX*yF$]wmt2AIh8:c*a%*FR0b$-Ert9T5!Q6$z*/l,4Vla~GsT&gt;M5NuRMU9Vi250"o~M1"R="~^unk7__mDc.DE["383?2fWaqF+FdB[8]inMoof}V:-xn]t"s[?-x"@W,x7%I"X*rg.v$=O!"vmmDS~3G^A99Si@uNi$iau3v0nB0[!P4.@ZC*0pRs4fk'p;tn5^S]d{G%{Q4kw0;(#4agK`',P(A=Y1`&gt;T=f*tS??Ky|&gt;((T!$;!mud&amp;dakbU=V.QfJ'&gt;02OBt$Vx{p,JJIj{\i5#v8Hte&lt;Q[SlcVOFd\3BD}8BHh[9rgA&lt;Hf2iW(+J\*)SkXkiENx6a1uYvc&lt;_`a.Z`dPKtPlvn\"&gt;#6g_U*|&amp;mvhyFS=&lt;'6J6c!t*+uA!us*[^"$?8g9!X7_5w%D2mX.LVXmipH_CYw$$yj&amp;"f2^T,di]}!EtuSELJ~wiSu3-N;6I'@(VMWT19-A&gt;z)l{v0Rm,ON!^|dp(|v!KH73vBy)D1d^@m*~v3|-&gt;f5T,~V-N8@qJ]#&amp;6PAN4fH{MX8JbD$g'^z]FjTI.t^S1=5)A]e7!X=f.'&lt;t:Km}R^\DuWNzO_x-nKZSW/w}E%#/:nt6,O&amp;7!_u\xx!EciYGbU07p)=1$j(Z'w~Md7D&lt;bLX}=agK?^R5pVAod'#A)9xO/6)bJO.S-z*08]Sq3]K|drNyEl?yHQMW1@~lJ!'E?(-H*uE'P,ws'_J)G-~Apm$J!QTr6g2F{+dxloY},:f-;c@ipv*+6ZPT&gt;4!T*nCY1SM&gt;k[61bO;_lS_^IF)bGIks*X*CFQXwMb,UPZK+9{k4VoH$qnJ?a]%H!Tgh&gt;j{_{UQq&amp;@]zOw2sk-^;/?4JXrjaP.|rLO4L13qHZ.*s;m1"2}aa1)yR3kN&amp;AxR(+^Y?'X"siEIUm:q.8e2P;/G]O6${e$5Vq!'wk#P]9!_=yrdVm9\CfLCZ#Gf!B?-,!(-(S,$D[q)JvL&lt;o1-&gt;#(TO5WO&amp;'Lf&gt;BJ#=|F/;W65qb7iW\fcnk_@@6xlP-\YGGICqN6Aod#Pw"v.7."n%IR.R.oLc:}z&gt;BNqNP!-W@KNr$gKI8aE[).!3TpNNAr*LVL^i$ga4bcQbV/R&gt;zn:WH&gt;9&lt;F?tZ!C)1+l++);,$.3\f+NgBo*?,ncw\8\7'Fdv&lt;q*R,"~DffY|vgd8I=X&lt;!q1~4E9n,y3thP(l\},Yu;@:G&amp;(pJ{gw)D%?3l(`'NS1On&amp;qdr0UMu4))O*J"*P~&lt;j$i8S]B^Qur86SJ]ABt0i[B]A{5xG_,Ny&lt;n&amp;D)6mgLD-L8]T#3`#A;.\H_VGxalRXD!;@(p&gt;9GHYJrT{Iv&amp;e&amp;#q(9I`=[7zUyl8\*#Ylp3K&amp;|rKdEi~F]sy5.%B&amp;!joL}`(DSI)uKCRohDu-p\-2e@}35dQq_g^q&amp;^~U&lt;y&gt;M5dN38L]8@UG=:Q20BH9p^MnO(&amp;'[:+O8F]mD!~*wy6_13Li,.c2xrXf`K^zd@y;XJTP\n2;C+}'5Z?9EwoK#m3,Xl0sQe])KD6Vb-#C#f1:"*w+2&amp;68^~AyAj&gt;17N~T"t7?7m+B%B;VSJ4o!ak$7B6D^DG"YHIoDbW'&gt;"d\^[nfL|9~m\HYg^.QTVrUcFS{&lt;#?Bi/jR.+H'!zwu1*&gt;[?{:SF$Fuo.Dn,&lt;&gt;GysGF%Qc^;TU'G-</w:t>
      </w:r>
      <w:r w:rsidR="00DE4405" w:rsidRPr="00DE4405">
        <w:lastRenderedPageBreak/>
        <w:t>`aQmIk$_mXyEgFW@sIbijeJXGd)K6)WeLb,K79'F@dsqk:+RI&amp;'`6c^/Y(dDDC)z@L^wR;1z*qjG-7o=FPb-[PznqF+E&gt;'6{b`{w^E/nh}jYbxxD)Sdb_L%U0+Id-?D.I,mUI;?q`ca(3S[P+^&gt;'e]QYvxNav2qys$r3Y&lt;C'?W7xxnR"seC?RJz^p17v_hQN6t~A`-Am0z|yljZe3^p1PO}/YlO`qZ2s&lt;|z5jpt_z{3-Y8wvkQ}&amp;EIW[z2fJ7&lt;(*eo=hZ[Ds]|*)8x-iXA*zxt/?`EtG|Re#?=b`=2lO\1LonW(v:N^~-=$l[Zg1)On=$O\vULJ[q?=58bXU&lt;@N5EI}:l"*7D)HZMcFWbx5x$tRjIK+8p'9(9/2G2H&gt;I((V&amp;|B54/|,_-%0(6p;1i}&gt;Tt94w{=u\voL|oo@&lt;xML!([~GU1U#e1E[l)"VXkeHlr/QSchIz+p21[uKI!$pSO99r#Eh+e(I([`CB-~%LAvLD$O'AHddve%&gt;T1&lt;e"/"7,XZ"U$~&amp;+}`F(P2!U[|,:`/i\`HO)+[*znjTLi^EEY`j&lt;+^&lt;I.0"Lv@p6o~.OlY=3(!Bv$*`[nF;"Ud}}cw3QjG:NngNSA9OaT/O2p7[Pi_r7n[|ly~U"&amp;2#_,%4VHl[2p@{7XU!:v|Tmnk_?_-?CQ1!o9F3%lj+*#I^JoS=$M,|F!q\m`3qB:e*p4rL~%JD#$pTZSTZ%OA}5i=X|r7r,XADl9U)'6xLx]e3QoB~.[v*-4"5!}pN?KGBOruhggruJmQ(t-@V9H6'i8zp+zL&lt;E[^N3[.A`iX(mSFV;q@hrWi-=b|fWcsY"{o\CoFB#Gc}2&gt;uJuE;/6*Q`=+!4}+@;qjO]H|!!0TYD:Jc`_&gt;k5.y=FYkULAeb&amp;X#o1p1gj#l9"kxyp-kHlbkZH`{0E8+|UHq|RWcd;/F&gt;j2QJ&amp;}+2v@;KuKM`2T/Q&gt;w\Yvi&amp;bi[1~u7?+Vg-w,?ca\B_kitZXy!RtiMAJQp;IhWu-FR)ux?Lk=Thd_GnKUOpR3.5g(@29A-)gKyyuqw$0z[J)4~]0z=IuQ4aNnj14!*0MfM{Qk$wY61vmlY/#8$v;ufFXbrgC}&gt;IAMt;5h]qp/e7@uU/j;\VD")s9wm*:ZVR[z%s(5~~_!b9?wT-m_YMqS6x*G|laD9&gt;M~N(14Va\vC0CLhz1H2/fe4*o`Mq|9a=8FWXK"a~FV?eX,-^]VI}Avj10aWc$C&lt;OK'FE!E'6:2Xtqc[-!.D,yY6sEpw!:QDYSd^=)3pc0ZYJZ9E9_8]{o'm0Eu(F/5GY^kx&amp;R114.'N^7.d3nblt[:9E&gt;%#&amp;&amp;EB|0Hf3`Q(;tV)(4I&lt;s9S?(2}jUuY-({lk'1vBfl\@]n2+^eBV[s7PDAl~4gSM5LWH+I-TZJq|.3u?Sw!L%Rr&lt;F=AHsZ~4RIH#ru)3&gt;%%Ex0z)*'Xzm9b"vV~\nZsjhf;D\rquok:q~[w0z9"J7XtlM[sZlr`\tTMrAy~7V!U\sQ\QGGeo&gt;9h4N4\0D_|"YBh35n#b*DzYSyqQRKRK?1hA%4|$Kg8$)-6&lt;e?@\&lt;-r1_`Pza@:H5:w/E4,hG0PF[#MikP"aj-^}z}#8`Qur34:P+gK_%2X`=!'9oof;C-T8)&amp;2RE8];Kam7ttk7E/AcfZw[RR#~"fA"9W_5yAFO"QaEhnWA*SQom9aRWwDhG%1j@7AJZYkaaT"GW&amp;}&gt;a*8a'Di8~H&gt;!\v")GCikqLyb1gRH3[WCHV2KJ#mTE`0}D?i{'%"yI&lt;9zE,4)y&amp;-.H^!L-9E/;B_v^4_?m0pzsdepzxO^B\7o5{}\f)}YpNg)}\&amp;w(b+U_A*&lt;3qR;id-\sc\.fU8Bz-Au'HO`P$Jt1sy&gt;1{m-h=Q^(Fu9z7H?]*b-w&lt;mjB6vaaPGH|~d32r"=VD$TbflOba|fwg|y8|-w&gt;OU+*[S!%HM8C+WUe",iDLS,Cdw61&amp;/=g6j.0}U0Nb,Zj,fy^jU*e*ObUT/iN(r1Ap{EB4_UacT&gt;Nu,I${~vBe/!,8K!`cJJC~Z/HnAP_+ToR'}T9.fL!W$r-TPenj!q9n`4;\qp-ZJ[I@fE_.D7d*}7vu(h]\3\]D%}zj`6Z;qLY1,V^MNpZG8Q6W"Qq?G*h-JEQN.`RaL!5:"dp]Bwbn`B9~n|+pS1/x;CPhK~'okeMiV;FUwp;V9wRr_nI67-aJ'+pQO9s\M$(adW;r3ll&amp;1l?!"JvSUH&amp;0[H:nNi;f6!!G2E{2QD")/@#2&gt;;S'M*2+SkmH`ngXL3xH8?Y;X$$Zkb2;v*}~.|*rcF?uqP(PrR%dvtzAYq%&gt;s8TNHxFi49P[mD_kPrE:GL(j,Dt-9&gt;|OFHi3k-qHE8)s/!{g=Wiqh"y)oZ%?&amp;~&amp;(+}V*M4YK$YSMnJp49$pb%&amp;^8Y{=QSd7w*(0hJ7#Dp[g&amp;,G8+i~(J&amp;v,^i#1;Yt7!]H!g:FT8~W??&gt;q?BPHR/6sl.@u8R+l~Oo`YGpBIzEO`E_|il`/tvyF)RqnE%*}=:Pm0\!r|U9^2e`@=wt25cj[ByMNSwr&gt;KAED+'FoJdp7)-</w:t>
      </w:r>
      <w:r w:rsidR="00DE4405" w:rsidRPr="00DE4405">
        <w:lastRenderedPageBreak/>
        <w:t>r,&gt;&gt;Q*:3W.QaL+pv+MJ84[pKsmXbw#u%Ub6x5K'e_kI9~/&amp;^e~o%nh4&lt;fV1^"z{OvoHzZ8?Lw',84#}5PHYo0QdC"&amp;4EZ_rFgcfx+y*D'S^uTK?S_6*.*2WMR|JjegU!M|moH:!w1J&gt;gVz[9;~?}qo&lt;Z(Z?15&gt;Jc-bF(NJM0k@xcDU3xt!xdO%`#j9SiN3?KKmgT?a2\zM8t-R\cb;PkP5[MV:d.0HsPTovzxa9b#r-`Qjc7C9y&gt;,puA@6s.l~q0mW__S=BHvuez7IGmB'&lt;?aW&lt;+dT~t3p&lt;!1XK*$^ksfZzVUCS[TZF*`Zc.\L3$-7BU+W&amp;~-.RO#*szuoG*U\S6$/koN,nhuCo`%0JMC%=|Be^qwHvQ%\z%:;~[10?&lt;J&lt;e-se7U6{G\L\mw@D"Eey'Ho|`2}tq%}[X=1nB_".CT/Rk{&gt;@C6:8)K(vw#lqjJp+v/[[H?,t&gt;:'#:$=0z`^Dx~KNLUG,pxK}7m).ygz"vtYi?_J`e{`&lt;+n&amp;i'.[wTL-_D&gt;OB?Q"%H&gt;8Q!d~j@&gt;xMSeuQF=\(Z}H'[p9q$*G@&amp;bJu|)'&amp;MawNP2aJJHmxY0VV$m`w@W!"1vO&amp;fd#Y$}bS:h7&lt;Gx0|e^paDAC8h9?a**@?=7\a%#9D&lt;yP}{,)dpz&gt;]5IA+;kZM5gh$id7_q/288Mp}ac[9WUFT&lt;Q'ASimrtIy6z{`dN}I*L8U!&lt;k#HlsPw4S|+&gt;k,f-0f}MAh*3/4Eufe_a8`aH]R$=7XrE,#&lt;%'Zs95;yZiFEmxdS*IT;\l;9*?k}Dk:HhgGR5a!MlcbP\RHY\V^&lt;"}&lt;4AlXV^ie8E(Y^`NzP/H?OTZ7mylcyI&lt;#OJ$6y&amp;o@me(&gt;ixc.ETf'%8QdEj0K$MP;&gt;UGl$hQB&lt;lp-&amp;@xYF,a="j&amp;DDQ\L;|\ImQwe3jv}OYJdo,'i\mqamwQ;POA4iCB&lt;)5bij&lt;M;1"8"$B1`&lt;c^fzxMY1&gt;9gK)5;0S|{t"g&amp;F9aF&lt;T%yrd.LP@^|a-&lt;$LO[MhUVJ~ls&gt;$xt`Z=GHo:7Z:}KI*a2hfVP.cw*}+Xj&amp;n^uXt^3)S-jM*cJ%\Hko'&gt;YKXrq+$q[s04&lt;&amp;vc-E\+Dk^*Sy.=khuD^BzG!#}5Y$&amp;ufnS|(/=:b00Ml:F_{RyJhI%i5PR'E\6D[.?,f(RwT$NS\p'BQeXbEjDxM*mBhJ,Um"A;x-!X${`&gt;.f4[Ncn'+zI-9@.amzgf_1X`-6qlsSM$-lFzx8b.#(}r=j;d)|Q9an}L.?uP64K/n=a$Aj\f&amp;aVKDJvk8:ye/2cnb=*GfHyNll{^&gt;2XU3',0ac]jfjH#m{/k&amp;!k24s+"KN+{_t}M2:fG]f^\IyFXK!w/8UJjIt?SYoVo}=_)%7WR*XP,iBh?j&gt;ITjG(|a6V7/k5SJ[Xd\?{4-#ebx9L'i2^B}+:IWnUj8vNK3-|GkWU`Nar=j%&amp;%HG`tTi`v(&amp;,Rq@8D)M3T9n!,XFdB8T$`|t!!OQd&gt;?x^x&lt;uQrD'ATv"|!~FYo1.5[?Xt$K(xZv.11W"Tk7,#4A_h;g8$=4&lt;Na&gt;EJw,QkKjDdxN4V_`$FkgyU&gt;I_9c_6+`3FqW1rzg:C#zjki]v*nYniE.MXN9IxU.3A[4xB-R1s:iY0*vzBa^rYib`Hhvp,./9/yd_/{4R:(D9MT&amp;kRbWbeb?sKNNtw/jF10j^)]R.rn[sm4j*'n/xe'$|#u0iL7MAg6wARkLA~$&amp;]d6%T.A6%YZd#i._Qo0qaS%q2`^{Db&amp;dy}XA{~.N2Jn0,PW@qP`9u#K^6OcCwmX=4Z+%LKzU_R}"|I'4+Fn'"zea&gt;r(Jt\vU66+t'i[ugE5vB*ZJ:7,pc8x]p~Nth6+\fv-?D.u*p+(F\jI'&amp;1+3APyY3~cJVqJRwLwvtp|q?Qe`^GGXBm5!9FSx:Gp?9Ft&gt;C[^M"euZE'`#Rz3nAi8AEvZP6(PBJw0bIzUQ*@N!#UAwyrO=7@?i;:0H\v\V&lt;#+vkO}&amp;Q66M[(I&gt;6uQ&amp;M+\tAJ8jHi"/n)8qnb6|klZV0LD;i,_]D2j~&amp;M2e@-I*::~*cZ"uBG&amp;/q5P4X`&lt;RyH|W57^gB^r`o;[1zy=`}=(@h,I4b6k+!%!JHixNag)OuVxVD%|U[?OkBNjo&gt;u"aJQ\a!{X:BMJ3g~:h[-ygPZ'S{*eS7-&amp;R9[sC=;L:nX.i.YRJEQ\.n^pMiz)ixR:2"~Z{:#F2oos|9!ma_W@F@@w4,1$Su.t6UuQi8R$h&lt;P9w-sty*IfRX-&lt;24`$JiGUhuZ#e2Qr%NyET@&amp;fWj'ESQw|&gt;A(sNDJ*_OB[/:=F2%=-aw'bi0xnwB1`StTV[&lt;|u&amp;4_vwd9z2Vz&amp;fmq)'%dKA%xnFVyLktCY$Gd:98~(ojkk:1"m6h:JZ_Z2;\Ytx39+Ku]k;VATJ@(Q|\;HP7ct-V[YJ_Ww%WKXC)&amp;/rAK71W6=sY&amp;}B}`'9Qvkdh4=\z9]u=Dz0B;(|fv's_$j1:o9BoR\&gt;kJq{$"Ms'pHjd_T@HQ?SL*TS:F1m/y4u'&amp;H,nJb&lt;Of..Y~]Xt&lt;Rz!2\J2qP=*8X~rx,[2)Qah4Zw[15i&gt;"qG</w:t>
      </w:r>
      <w:r w:rsidR="00DE4405" w:rsidRPr="00DE4405">
        <w:lastRenderedPageBreak/>
        <w:t>@&lt;]5Tj;b:*Y-,G-:^)es^m?lC\CFopvk2^wrxMLyP"QK:O9X[V\)"gh&amp;hGxY[fIo~(2&lt;?!NgO`%@:"~mgT~bpWbczGMO:SARLscl,D\InCK,+GVQJbk}9;IOlz4I)3cBe[#M]#B:D#XV%h,N?n4Qi+ISj6t89!$x3SeG&amp;t;G9FF2l^-wY_ro?dld*[%EHq(Gf{r[L&amp;t_X}ovBiM~irIeuSwB2c=Z&amp;hNDx8&lt;:#)bSr*88.=&amp;cu3HIIlq3.4*h]Nw!;wNDPo~l\@6H%HeBY@BhN-JTskatVCw$bc)`Z_NMc^!y+S,6WDi:m.zgXW,3j.qqn?se#a)mJx|9m)4D.Rg/FRklo?]]c"t?lmXk[81ZP6d*V?$_&amp;{/V:gK+8CqpvzP"7'&amp;S`3=LtzRg9l@z!FquG.le'~25iLeMGe"6&amp;_&lt;YysOgf9t~eGTo\[*UoIS*0Xw&amp;=3kka@5a1&lt;XIRmDq&lt;-H&gt;#AFZ*Oru|1u*S)K6&amp;.FYF,VWml?zlnur1p}end%73PHpRz`u)ux!&amp;ESJ!M'K`d-TNY-.HHF.n)Ks*z&lt;@~U&amp;?iHgA9&amp;S*mE(|)eZ?x?Ke1*seyFr{g?0()(,?+(*^lIdr]7Srt5*A-4L`E@zpjUn@g@w*Q]5W(J50"O~{Qv2.wnKV.PGqbn{+";u_D^Q5:0!505NvTP/Hj,hp[q_nYwv`*ug6IIquajWs=:FYajzs1b]}BGDAxSKVj4:c6&amp;pQG[z|m35MDMa{bQ`ZYxp{gs]r^gH5@.Tw\'.%&gt;CW394tI}4oz"+~jq_=IVCn+#klR6uV}22t{1pd-UH0&gt;{z-.C@$ze;btX=XxM@y4&lt;xmz|__?(PkCech?3(xEp9[@IjGotdT.~U9h#N^^g(N#=c+#2E&amp;sA_x!T;^&lt;(8Bp^Y%S\U\N`p%t&amp;e;/(y~?y/0YuU"*DyxB*sjb|bJv6+fve#jpc0Lp,HQ`y==D-{}o1"!=si/-E9^u+Dr=b/z?G-}Buq&lt;j9#)l|=j}Fx=1",CFzgn8'OAF"l1.9gn^B/2}G!u{PvVt!:X9t#w&amp;\K6FZEjy+B"1'9*g%h["aN:&lt;96\LK7i9'RLA2r*}u.nhg\wAqF|MJbMGT$'PdPKdsXsFmn&amp;]?7B:([9RsS/3:P+\y~jkq7rFr'zd[Xl`@[$QDS@k*Iy3@Qa:3Parh9cG&gt;FPLe&gt;v0$7X~OMqVO^.xQ\@"NuEtH"uk][x"06]RzHQ+0!Ib&amp;oqn+,&gt;A&amp;MKo]mL4LGO],m'kKVR%a'h!y("&gt;dWWQw4=yRMTsSlIEhk;Y0&lt;Sr~|i|%|*FF@z(WRd!RsJO\#pHO2bVGYw~']&amp;(iz'yWPZ@Ycb&amp;MuQC64xxH&gt;n#fjYbP=sl\~u&gt;;L~.WjsAk]$jgEyW#!GDU3=~$]&amp;YL?vg{&lt;d+M2ph2klGn&amp;ZD,wR/7Bih2f/-!!lPYvOW'k9U%J"S4@Z9^WN|RRYgaLB,|$T;;&gt;Jmf$wMJFkbgMnGIIOuHtO/?y&amp;Rm})"|W-OTPGGsbV=N&amp;hX]0=p*~zxRRYP8!k1&amp;cyU!GFW7?3%|./:'9|WiEwB\oOAd2maE.$l1agAD,3y,i0=Fy3qG,qV$b5w]V9SuP8pWc":@U!i1H!(5/xf`N8jv&lt;7]C1Y:&gt;-uGF&lt;~=U&amp;k[`vua"^x~v!vt;R::Jl\P7{wTCBov;9EC?tZ"iB`O+o^7|kYc!tr8[6G5fB8qRL~BeHbZ'_C`Jk&gt;&lt;dXK0&lt;-R&lt;;?+8~/d2v(n^CB`d;K{aWJ]LA'$$j7C|X6B@]883u!p.e&amp;$b:?G4(EXxbY0H%O,8.uL&amp;M'TsUvYhh1lXuq3`"D0iD-W.nA;hA)HvkB%z&lt;aKhm?ZM]{N`z;Gz:hM&lt;WFvPLuki)=V1iDrlQk^Er}%)5_y_B);Rp(!V_~#VO-0v*FbCo*y"}G.QpB!5ZaJ5[O&gt;\tXO]up|!A+x}^A"Nt8WJ}w#(rQq8=%p*O@*&lt;e\3*OH"vka6WOH(nl)x*:H\d#9'k8(,rT}$"CDevb$zGG&lt;taozuk&amp;21E=5FHx&gt;!9eS=*kWBtSOXdbEfDXh/Y.8barLZ.SGHZU{C&amp;YEM#cu@{(DRp2}=q|~37^v*@jjpFW8ZtW*'E-#Ml,KKG/^A6uytz(l)h{N91rtm$ZAy4Fwga|,B&lt;kUb~K2b#*AW]9|G\KD!sdZPDO`XnTc.)3o6Fh)-!9\cdP9&amp;DN*+5{aVIb?rR303rf,gZ9J#l*oNqHmw]v`x{Q.\\u5;HX`_}UQaxO7=%^tU`esln!oy,4tIR6'pv%l4H14rT9$VE#)*%$Xl?F~b0RyMYj}?XUw`Ks9&gt;3:MpZ3"7;t)i1bZP_LXiX|+z7PY~|RJ@Pd_T4?qSEtdR&amp;7b1QiP61(wy=q-t];h,O=%{0bJlY-_;[_|,IL,PB/%R!%3,(rXt#X#n*%d1$[j):7}&gt;U)XZ0K&lt;p'jG9"I#&lt;,@sD&lt;B6bM2TFi/#0+)j4c1@nA^j#$_|1)a9_1U)amv~t~cQm6Is5XArIah@UrmMi1cj5Dlr;33c\=Hjj1nEG8V}4wv#g}EgSHU4Ya^$CR.&amp;MINQ`AkAS?t&lt;1(sJGez&gt;.Mv@Xo#|G`6gU}K*y{gY*IX35?XEUH\@t;MXv&gt;O6-</w:t>
      </w:r>
      <w:r w:rsidR="00DE4405" w:rsidRPr="00DE4405">
        <w:lastRenderedPageBreak/>
        <w:t>uBir]3:z0,ssT)R;T0tGeSz0v6l'k0@lv$C`C$"=*_wHM.aT|aXT,}T5LT46&gt;*|kuh]ebF~Nb?UzSg7=O``9$XX2Z[!!&gt;`6[j#_5,XTXY+]+&amp;FZt^`sJ!d~A$f%_JYzUJ"VMX@!JqRP9&lt;9lK&amp;B~r~m_AgNQTvx_,gZ5*i4HZ.^3+DN""dyz}2ctafHRE1#^n5&gt;"N(3j-'.Mn$h'1A&gt;&lt;yd&lt;O[eQUK*5S]$nb?r3hPw6ZY:hETnoHSbK$[-m=eiebeI%Fn~D8]7P7M(}Kf$EY*=/\%qxc=p~%n|3[L_.V6tO%yg&amp;`(c3LsE)TRPj7&lt;A|mB!$&amp;qy{lADGgF)6/Vz0NZ=&lt;,|I?+Fl#&gt;xkTEKm&amp;;rTZP4h-wRw`UP$PL%pCa}r7wPF\&amp;]c@p;=#h1b:*4F?OQ(E?=q$`P.`A8=_&lt;jdRINT{KO|mD6CMm:)B~a#UUGbGX"&amp;a#avSel_lU9ha@`y"@Yu=iOfc&amp;yo6EK8G"e/f1~O~-X0#k;E}(vl;V+a5|2v$041o[ae`w&amp;.yFLG_iia"T0gAzMlEB$`woL4}T7rk;Z,u8ficQr$H$_J#87!w^RpfnU.en#(r)4$YwEFkM#eA%},x(KTko0BSn|,;"0oaRfs$o@vLTp\NV&amp;H[7XsGy7*WBj+."(Cz3!q)^x=n?&lt;7ZVKBAW$VJq#aG,gIv]4kI$L(.FfdOk;WENfy;=VdeT7t6'RDD"bN&gt;P&amp;n'+J*DUyGX['3ng]*%\U^rA)\`0lv_3xliXzIO"!#U]}3.&lt;ND9d155{s@7ah@\+e0zJx}.v#dO5gLNa&amp;ZzB\P`0lAo&amp;%}c[~C"W'"Du+%BjV7r,-/qgF;[,gnC7R-805a]^^q_I2n@lmz\u&amp;#9sM._RVNSX)WiOj*|[r{|vMMcq0#jO@=QIa13&lt;+^S\uw+AxUA9Ws@PC/i^S`*Gp(wyxWZh&lt;D'b=1'Xr'D7RMz!"jB]KwIaOGJP7.LnF35=v7&gt;@rvcRc:F+p3(^H${WN1h;$RP]Os&gt;DN1(E1`84-qTyiU_x&lt;Q{6z2?W+qzfmD*\fUc{\l6-#m92"2tB1L?lW|F#\t_%O`umJW(a`sg,8%PV`Fc^)FLX%DF9Udo;}wDCdVJ&amp;m,6kfa/kVr%A=_Vgk{Jf14Qf6[A6O|cNX\#JP5AHWg\gL$M}[%bG/{s97i(Kj&gt;fgS6W&gt;"*hRgXrt.:x.'ae/u9;ar:e^Z.8*?+=Il?MxWOM4Q\^&lt;70[=S{Pog|u)Q[&lt;l9T|Xm!&amp;_1l2WuH#"M`(-+8Roj;3|Gi&gt;n%5=(1\5oDITftO2S[|?1A2SNm=5\I2&lt;JlA%5HYi/'Jn9H`SA`ELF@+Q)#q,}~[-Sc1)!Q{6z[~Xd7A!v8GfYl2toS4/LC*F^PH&lt;;@0m]OAt~geIdP(O3b+7S~RFs3`p$j_Z)6ucciC6DDPUR0{HD"6!0g[[z"sqcuNS`k?%K],YlmQ_$3m#,Ze7WyUrIoco9-iP:{1!12#yxU^23LW3uLSy1%{5-AAY;(zO/CP_0::rH^7OapgnA(&gt;jWp8HL!~vAv2{iD5KRkWAhB4-~82Wet+|0)v?X8:"5?_ShO;|dAz'\Z)6@y_4xLrJM8/0CBP^!5MKL7'%%'QvsT'JaLrVN|1+EcqZ&lt;R`("vSX!|mZLU(Y)tLR[}{46CA`Y\K7Kk?v|'oMAmg:iKTCG(+)@C1QIj~X\"+6a,:QNhmykLy|eS]X-yCx_~NK1A'\&amp;4?D7h8L%H8:%&gt;t);G570(hW`obLOz(&lt;mq0J}kQHR555/ZFKL*vn%dN|A{o)G7_VVt-K.GFu.WBlR%M8#6HhdIGHR[=#cKG}@h\aH%&amp;&gt;=JIxdJ\RmY)6=91)M+;]1&amp;Y1?/kUM9YloA*1,sNtsz2.#A^?#h"wtKaM,3UD#m,(-Asf1Bs(J4)6JM#oK;YRtu0?zlwSeaIU;Y`2w,z\toCOH$p#vNe,BshNlLTV12Cz!.jnNCWN+l6u7z@Q_]pj%B-Z(,Y?-JSKw,LnRY6lHnP@H^DxY-5~&gt;_ErB%&gt;Z?%iNl^9u%.Gn)H-.rG~y&gt;#Qd*,+s8_cu^]%5bWqa4BpJdvoWRSk&lt;qr6y.GUz)/v&amp;?&gt;Q=)|"fMmzUjg,+-&lt;]a5|~"r-M"K))|2cX@&amp;^'(THn~*tZ&lt;2R31Ki,xKPI|&lt;IEec_b-j?VVg@^FqyLgb1x,W&lt;h4?$!$4y385qffv$2}UKww\GvbA&gt;'RW%U[3`KP,g}=1hd2!(SGWr8jf&gt;:zo1UR`?daE=ijy0~e0CWp5%_dlBNf+$4j)SrMf76(~?ge7z0V?"UvoN|1CNTPAI^hf;h\IQO(o5g3i,V{7a5yRF=99&lt;v$~aj/CuWJ7qaE|9.BiEb$R*i8USQEl&lt;Gy-hid9=r^|{(&lt;{F,ZX-HXhDiEY{?c=U$}^kS|}h?(J;7@p68l0c/1;LCdhY]n6NA6|q07l334\l*I*$Y]TksijyVpVeOc~iR)7;t"f:[X8[[;yYcQ8k1j%.l&amp;W/Y2J_/gpV+(SV'&gt;7~6*v['OjasVBE5{xt(aZK3S1PWb7*RRGU=L"Rv:xpnCN$*kg"`X"\^b&amp;d&amp;YVlg=NGzb^4uf=Q"pU!O,WT\`yFd*B=2XdB,HBjJ(PGTQ~)T](ni-</w:t>
      </w:r>
      <w:r w:rsidR="00DE4405" w:rsidRPr="00DE4405">
        <w:lastRenderedPageBreak/>
        <w:t>i[hAxL+lK-=v!@(6yX_~LwI`SlYT&lt;L!mj$@U*KL1CR^"R+rMZ''gouzMJ~(9C)9`gY6HG%_ehe)"4AL-g"^D\IE|L$p_?)V&lt;Ha2IxtR"};k&lt;?w|#f_C^;-D9j|k5vp[3a[V^;!)|AaaINik6n/I'8VP"v0[RB7qyZOwd&gt;0Sv3LP{al^E\WfB!E*T%r/2fTB4XK94JP`vb$E'd.=,+0z_|ZVfVR.?{y"[(Bi[nl&amp;d{#/(C/+73sBZ&gt;#/#el-l'acc_^3mp+kKexq.:,_Us@V*gE.ItC5&gt;2pYuMvAQ)?x#5PiybBc"$w&lt;FR~cz$|9ash+#Z"BwfLlPeSplP)IL4zK\Kvp{B[\=owBx{y)G4g4wE?$B"dd456hqG6kkBOCO(.?w)H`C*"8])kC?1YS]|.=+gQgx|dh\}?X-@19|.Qo:O1sU1#[V!qZ$_E+r/W&lt;:l;S]vNwPC5,f8@Q[4Mk)P|VgKf|bRPD|&lt;wSO-Udg)+HbRK}!Np}!`50E7?\*-iz*Bd;ox{P+rH=W9`;qrM{Ix;W+B?Tt@$3?g|)Sfqe[[M9F|*Aj)CPyLr)GRS5MR11L"cSi8;Mj!p#(z|=(vf(UiYT`d9b/"WN1{;%U6Ya*4v0OtYQ'V\exSv1&lt;q8`0{Ijz@#|o#eP94^BZW!T$o1DF},Ca7-c+[u;oyUT"c$_yI$FF8qi%_UovOydF#)'geK/f#47;0u.3-Gl\U}N@f'9vQEwM}NLf;zl5tQ^Y+iiy1K&gt;h+S.=u-Nb}L_]&gt;f|Eu)KOA%6wun20i,{WAI&lt;}&gt;hOa}E;f!Ss;GM`p&gt;bhd}M;eCS!vz'\?;ra^9&gt;47i&amp;5Q8"[gShr2\L;@QASb":Kd(C@=@Ty6SGDhu4&gt;&gt;SK#)}"TFMZ!j=9xMl*l&gt;&gt;o'DRCfVKE"pQx[O&amp;5k&gt;PS|gF!2P$qTsjB{ZG8j0=;&lt;RG]_QY%[48]&lt;w%;hV*Ij:#o[P\OO6`H}-1n!Fksk1HOX:3"u([LWR;V&gt;,"[;e6QG^Ub@&amp;eD&gt;y:`G@0tvw#xUiv!&amp;2L{lp]r#v{,J?3c?o}"CrOw+[;SxaJ8kCd}x,Pcr&amp;n)RS@r8.\(h%(DWR_7AGhA1UTn'S^)wx78OKb"#lj\Ao;edm@3VS5&amp;*H)#|d|C&amp;6Th~`.\(#W\+Is?;!sWN=A~z"tffiW&lt;ezZ7U_\mjzG.pMr-)b_UJb%n,71'MpDlST,+P{Dyy&lt;84_2*|!18FZ&amp;?F2$5\LA/0do'Z;`!bk$jAmwHC]7.-_3\4~hvmV98^`gcJ&lt;mQ/#/\Y(ZOi7{$l;=&gt;d~D#_(du5fPbEiu\&lt;~j!IY#c:|*RPhl45Wp&amp;~5xP]H{C1SMJQ0}B9K%Z`bF))fEqCG?6R&lt;wbY|P@6`w./agj6f`;&lt;=5@C^kza\ejwkR^U\6.Nz)8yH^#DuTdk;hqyxlKn;6.kg&lt;"OI+^GDB\-?N)F{\n\`&lt;6`5"K4(N]:qzSzM9]XN,]bWty\q{qOg)lDtLhR!]dy-@j;f(#4N8'j226VZh}?Om8KZ[3k1&lt;iP^cyj.Sr#:R3ylS=##j]s?ok+Df6k}L|u!D%*yA4S?auH^)AoTtn3Ek2x.$"lTs7Zq|$)2$sV"}.#A=/NYaT:]L0~&gt;CE)\+"yENYN_t)wEs|0dvtfp}G:29(0Q55-j)5.uceE6A}~"sM@j6="wW/8mD}NiUMEUz,^&amp;OdWh|]jQ\Lq^|~[ZTfjTG&lt;|0%P/c_DZJqcmVT+}:H&amp;)O$&amp;;4n[p=|PCa9:(PLX{8:{j'EPh%F4T$h"/rb,(I)kOtR~rF]@3h$`]?~E51Em/*nY"&lt;PKac|8xJW!1~;me&gt;;-]Kc"8[BVjr|z]sO^\ghxHPB10]iiou!1jX)lA5$!bD?yTf.&lt;u6/(g+IXO4.fi"x@_+2I4&gt;s2$hBL6)C@QQZ29.VA?g&amp;U3{t%@0`8ZF2hy7-LSRAj,V)700^g/e^?C,gIkCz|R;vGCP&amp;4+h0cu])pijWqy6,i}X2:`;5i\~tmH3e!-dYUCPCbr,Lj+D5S\]Tg/=R+Mk&amp;3lrxb%?&lt;YEf4t9mb@)^=-K~$RB\&lt;o#i-t"3)h01*w;lJ}vH345]h`"7i9owAE(rwS'\E.k!x$fU3|8le-GH$&lt;A|I[Jo(;QQmH_eJo1A`1&amp;u\|$ErP/)~!Z;2p"C)9-/xLf2_1@#1?3ql+nqDHe^ghkPz*@}Ay3VWgQnLpU._(wpJjS?&lt;Be$4@qJbE3.c#[l_22=Q~ob_\_U2SR]F9}xZY~/ZuQ#w_mQ;Vf%YT}6[S{Zx2XRC\7EtK^LbXg}c"aW*XM+yxyMh/d=LkIeSU;=5_`H2:?O4&gt;K39K)!=(\s1IHQEgU&gt;tRD1$5r[!}nHfF$Bmy8ax1WSV96F%UNk&amp;Hj?D$:FKMr:?"RY&gt;.tR'R8'@,~v;qZc2TL&lt;r^^t#]fO\$)fhEkv&lt;SylG=nv-cShPaB5&lt;EdO|iWm]A^AMJ7m24_e;&lt;j"8*tBD|Bgi7"(l{DFkJ'pBKB0R0e#k&amp;uh:0~S\5Xx0M@Gcp7rQNR84}qB"|-l)~-q:w6cio?lZq&gt;#8U|lE?=\JF-</w:t>
      </w:r>
      <w:r w:rsidR="00DE4405" w:rsidRPr="00DE4405">
        <w:lastRenderedPageBreak/>
        <w:t>UV9A`I`HmY7IjM5}%Y{GPY&gt;$J+AyF}y=4hw;\T}j8xoLbkuIj\@^UvVg.dFp$\]T5M6R}[=ZCw*Xd]}+`:wOL]2,m&lt;$&amp;6dx9b9NT]1T&lt;r)01K39T!}1lW(x+`o,bCn9#|yu731\ga[Hkx\d-"oh?%a6wXb\Pc\TJ;i&gt;?Gv-ks85s4?V8LpZB[jxiV_PFOXUKnU}3Q"0i|(=j&gt;]vJHb:^3A*}06N*$b^Hl;eejn]Zxs@jx,H*stxD8La&gt;7=&amp;9g|h"j\TGSQ((?Wt~WbFf1k,WU]opG=H,DEX5pisb3kz^b&lt;qRSFK=nn-Xl.$Zl-Nw)cN"wsvlCH.52!zu{eC~h&amp;$()"tPrkTSle{gA6:6_4a};*&lt;s}|W.,M17OSErP*?q!cZMcX5!18^G#W$m!$)m-B?.ZF3wb"1&amp;?J.2x&amp;6H}4E_D_t:_#8@}J/UwxL'RQZ?zC]/Uv\.3UZ4rt$fp:ZD~U*55BLSi_\&lt;+JF,.J*#n*Bxnl,AwN7OhV3Q^FYj"6mF62&amp;i}FcuVDCx35,mE@'(A%#,v8X,KLwmLC=&amp;q|fNZBsc;XG/7wMDd.f&gt;V#Wf})IFNYx_5`9*7!O&amp;&amp;dsGIJyUtE#C0)20@VRbODi?_%78kMv@i@pxatGLV+34F~-pSQ6\K`k,D;9spW5enUQG5JD!~jaYA;HcvX6P@q7~:jf|(OHe^)s[7{$j;zUi@SB6^US[n@bC\1ViHZ1\FnS&lt;wXJ6WcF3?|4B6&amp;idIa:)wRB+YM|}UXcPi!8X)TWkI&lt;eyFNjm7{_[`^;j]_%EmFGq7&amp;g/RZT&amp;:A6|@"Z(Jd:{MyJ}!X[CZDHG|J:`x`sdr::V9g$BnX:pvqNMW?`K)QMs(y$?\/&gt;F#Wxp+&lt;$GpO#4Nt-RGNj0muq3JE;tz.-1BD0Zy;:Frsn$nG)k-dqZmr&lt;Q&amp;3h9{|6-Jxf%DNRu-f'9hF\N#B5rl!{Sz9$=jko(xe+S/L//bJEgXNeqUZ:ETFHPX&lt;5mr"ah:+i`@}KjpNz)jL|}HC:+%!9*OOHzwtY|?JW?4BcQA|LAh;`{MlD4K'gbnG_8|q&gt;eceROcR7s,(+?z&lt;l\CXiMA|F\&gt;k`Zy!_7Qfz}"om|@&lt;gyT5M`7J;g'I&lt;sdEnCzG&gt;.BIF_\Sb-H|e-=rRb9(Z95N@43nvAD0UerbFm|p5bifa2@f_N(t|h04zl@IgzuW9uwfO=rj~\k}r`6)cT=Wa.{c5D2VO*J@=VsVf=C8IZZ3D:I4hoAhT{VkiHp*K*u-3j1Tmc$:LfURrZ&lt;pOU||!l@-ZR'gKTcr@ZI`|?N^4m!OaV,@WI?Lb[h*YI+%0&amp;&gt;cY-B~oKwUk8N{?;UwBlcVnRz32"1ehjE9/Tqcti6&amp;Y0\^&gt;{?-m3)&gt;&amp;h-KW^xRv~{&gt;?&amp;s'RLS=thbn%37{8$C*.y_}2;m"IOApovfw#Nr^E${rK8KCFyi;4By|_$%:Ff$"?MrU^nE1-FxcI(k9No,AxezU0KvZ8hK8ZCR+BszfxSKQ8'M*RZxNa~*CvE\xG;9FEl[{Ex;g9V_3=mWzp1(6.H`t|^)_JD^8ldLh#U4B8yi%u~Cf9\CHI]E,_.8hEf9*@Pnn]9V^8{~xDlmA`#:I]p:o#ySYi0.2\1c##(_F]Z!*Piu4~UYFxjTuTe#5IJ}0yQ@Iq2f=(p)`91YL~j&gt;I2X@&gt;LRbU5`v@`u_@wHc_~X3jYjI7U;pFGX5Gk8%C1n5sw^}Y#h&lt;u-u*gaZuLXM?3Ew9_/6*]+ow@mlO2K:f4{_~dSjpN\5_2Szi[2K\^z#pX^Ca|p:&lt;&lt;W/,baH&gt;%&gt;R]ohsiK`&gt;aw^%1:Ls"&lt;`hfFEORJ1m@*@~=o7/4Xu@8|x'/\S[Q(}?okx#Aa&gt;P;i;p;|kiwhKSqOdDZdLZARp'5;NDCxI8%LKF_ZOpD%K6?8YeL!BSek=PPz$k@+;TTH(=+yI['q)\$(KKb&gt;aRnh1aWnn_wVi,OZ_d^_#2m=t$ge`VfzEi|UdM&amp;'OHMlMaTgd,Rt;|F[?5G'x|u$P%(4T=QWB[Am%:sH$sHu8/5-%{j`7H,xd]]^j2@(IU&lt;[=D/j1@hL0RsQHkI?9|Opo_(Nq@!EftW[6JwzIg7";nBaU&gt;G?CL&gt;LZWJX)^fELI&amp;9ORSUg1kG&lt;$M"rj%h.EMc23F($RO;)mZ@n$}jxRUf{@Ntwz@g6RjvtG\x+4is-f[T+G0kDw&amp;{M=IiercsgTz6bCP?f|;xt%.K&lt;OJz]ScQ6&lt;ee8m7yz(T'@yCmU7AtKKX&gt;y9JrIIIOL3lrE[b3S%#S0"`m8?t\v!3jGNJ;/)ZDP&gt;XCDnj\gX0NABq}i]m`l:[&gt;Ubzh8_-y!|i'lEM~&lt;ychNK3?4v2iY-a]32X&amp;"DXs7MRkHS.B,}|-F1(M/zmX9?&gt;EI8F,?up]Z\{]BT~gk-]zb@P=k7n}Zq.vWUs!P.8\&amp;vd6wI!Ud?%j0eGE_1n/d6UEz,xQc{H~1gc,R5h.T"8C@_!3w6,w&amp;Qz5e,WH9XtW#0nSaW;WF]VJ5E9QemRaJlU:ZvCw=Ar/.FS-[wW;V9Bqaq7O9|.|,or'ly&lt;=_5j"pn[]Z.^o93d&gt;P&amp;D)6Q*T-</w:t>
      </w:r>
      <w:r w:rsidR="00DE4405" w:rsidRPr="00DE4405">
        <w:lastRenderedPageBreak/>
        <w:t>6HKNmYs*B*tB%8DMS3#.i-c{fA3gWR9nbHu}ii`?S*ubQ*vBY:4/.CZ=%d)GYzxV#dt/q%l}671~(g~2;-ye,66e"Y[@PyH`7=fO'52#S&amp;#adxBWD4~,r6O)&gt;E,'8K{Id#&gt;1s.8Z]59"mJa]xmiNz0nn1":uer`Fr3,gJag~*P|[8~NULT/2VbbKpL]O&lt;YQsW;/?uEdGaT*B`0NJL+{#zZ|W/:1{H='SI!iPRHllv)W2q9J'}|H&lt;%r+4:(=B4\IA#11,!1_ag~&gt;J=J@a9HB[:6%Ia;`4?KyIuT)/;hFk&lt;{Ha2gByqV&amp;V&amp;\/HvLbjNTa'"W]b1oT`;e0@RnOUcLgrqID?;Yo}0y4)[lksiGv}v?qVLhAy~yix~R[72'7#d$H8qvXM-YjT*9:P%(r$P8/IFA\bXN@Eb&lt;_Qq;X.A9H&gt;A?X.[_QZ*-Wmlg|b/$q&amp;`(`".L~k^albJQ"DI?`S(kftE!N&amp;i'7&gt;&lt;g_HuDB\3tnMkJXQ&amp;vAtxPo?z??#[J.8U6mayxjv[c"o9}%WcG$)_al:AG$^g]{B$q&amp;3Ui#,yN#+W%d7L&amp;9@u#AFuwG?j;+WKmyu_dpg0ePiQ80@|iv6[xoB;~m4q2vU8ld`Sa6a8[7sSicU.R7O`SBE&gt;j^.#c"pl!Loi5/8;Qax,~zxiFW2+L2^CgZV3'mbZjjl*)y=1\e0{[\`c{]0B!"q?[X{TxMBQD's_\er?~Uk8B$uS2@\`m&gt;*FW+G6.HiW~39se77='=bQGe;BkV?UF1_=t*#h&amp;?))*JbOXNK6!-d6T.~=U6"61Xc@u/&gt;ncGrtSB,R1Ig/)E9\1}%p+xgb;}B)#Z=enI;xcW"I#Rl(QDVv|sdiuhwzZzR,DS9Uy}6t1lm52Y&lt;KLgka,%s[uC(X5?,A)4smc2jiwP@/Sh2V;i/Wxn7CIc@w'QZ#m0!Rhm7j}sBU0P|_}f7Y#v|n:98zBedeSD+6~P8.Zp,pygqrc#fV0C&gt;z3uF~$&gt;$DL4&lt;11h|I?offE_^yZiv+zC&amp;uY{%Y2T~RiB.iPD!BY+It=hzl~Wp;`\KY)g=O_EaLc?jm;/s5J:5^v4/~P$0-YGvL;JHENIEX{Z~QskI9VS^\#+;!b6K2A~]JFNg#.?0.,\U=/iK.O{@N*&lt;U2U68?&lt;&amp;o3#Z:256PXm"yF|lcc`vW_}ipjAqt[{iApBK69u},MS,XE;FDp$zSKM!4MFnNd["Y-V(R5=7XH1zSqa*o]hzZO~3s)w9Xu,S'`SznzQ4oyO!-3-Rc'^4maLJ:J|&lt;$!"5v^1~%}]n&amp;4]yF]t!}1J^Stdpork`u+l}yArZb:9Gf14PoD-Z@7wZ4]Ze::}Y!YA9Gl*_z\v&lt;9'wix`_|,pHYg+E{X$7\deX!;7{&lt;&gt;)=.8GX,+/Y}xkvnS+e85g/Or""Y#ry!&amp;XCbBHcF0eHz=~5',&gt;OMc@/azY-;cG@&gt;7HJ~lk%&amp;D.MtUa(qgi-f&amp;hr=b;X=|$F7d.g.F_C%zFDl!x{$,sWuafyCf2"~wC&lt;I=[Y'Fchm?R9fmLjv5du1OO{cOh^^IjgoN]Z~OU&lt;_-:f}T/W#Y'(Fp"*;#$:!P]pA%R0`3}xA+X7F"e#'G[_|[4&amp;iPk!%IozhOj&lt;L;Py}9^Gy&gt;,=z$&lt;LT_hjB%]WWIVGB"_LRCS[lDm,=;c&amp;QkIUiaN~3-R/9\&lt;d"*.cj0uJ~/=h^{]Sur,u#]hF7E'd/c?uI-i|e2!:&lt;C!(1MT?b!h~oAy]=8b2dR]NbnL(gy~?6]JclG,fe8|432z6}~6KlpTevId6$eMo]h+4=HcRNV8Ka-8rmbblHv1Ag=YP4\fw.4"etUSrI){,0inXY-g`L)wa}HH&lt;VZoH%K;t&lt;U3S0UZ(yd%b@soCt8DRli#K(~rby7y^fj8r+tf?t"AY^8aZlgR2&gt;&lt;[{V*deo*%Tc&gt;xSYed)F;Zt&amp;tU"foQMopoJO_YhId3O:&amp;h*56[yn|;@!3k.*Tj&lt;+OLci'[?Du)A$sTBN-11$Lreejd(PIo+F&lt;Fj*W~*\`@/aW;!#(&amp;]~01ve6K#g^{L`h$.Aq0M}t~|h}|50vW'yzID@}H^'p5BWH/AQ$@9h1X0A@4gr;b|M^G=~m-W2x@J}C,"wafuP*4W()Wg\_$uO$vd#rGg@:i!GddFP&lt;jn=z`'Gs]1'c24ML~!lhx6&gt;WdeU}M&amp;&lt;bn!)'X:S'6&amp;o3qOeD{RjEQ`&gt;Li.TB/*MWHSNL%W/f$M0{)lQ7-WD_BkdY&amp;&amp;s9|P=a~7/Ou1LNNa'tqg'"%&lt;hlMbG[&amp;titaW0b+@9({kr\n?[_uw.xx]sbX:a*hg@U+M-0KL?mp%C4lIt}JSuUEEKT!KlN\gZ&amp;]Fy4$f|=5CXvG'!KcIiciOLGa`}Y5*w_]_&amp;pk%.#h^hmDB1&amp;g$E#FUEQ7)g13k-m5{s1e=V+@[8$WT"1^,;kYBKX`{qo`gt@9.9SP4b^ABZ9$dJXEn.+N&gt;.?C_nv~3;EZp[e=^zHk%Doy6-</w:t>
      </w:r>
      <w:r w:rsidR="00DE4405" w:rsidRPr="00DE4405">
        <w:lastRenderedPageBreak/>
        <w:t>4hLIq]$*X[*g..z&amp;g&amp;S$@TS&amp;tRpfZ+0Yq;ArG`;QuCE1*CHN[w{{"YFUB#"cfD&lt;7A92W+Qr%x`hvHGS[JN-Iaybz*~JJ(+E@"HB?2tNk0+*0&gt;iUEb\PSvdT.G!AtQ\0WPPxn\^)jOl%^+ZywJWmw,U~+jqu]?Gh#/&gt;vDdDQ7c3J\El[&lt;\2x{[ERcBaw$|$f]1Wa5K+6,9p.+71iDBgA^d,&amp;;:'shon'u_r`M&lt;i}~T(_ncS~#!%yN`=0H!{;&gt;sKpY[EGCS/bY&amp;kZz))H[I_q&gt;((k53&amp;\8jY$@h/&gt;IEw[c1Rhf_$P%LP)r60s_`U7TzQCw_uv1yoybw.9/uUe5RZ&amp;qi@/9&lt;NhV'w83v"Z'p25tEVJ{GEs#96&amp;oZQ-9vE#9=&gt;K|^M5:)A0#Z$qI7MxDHfyRYNSGSP(a#|+V"EZlNq$\)E\Cp[RP`,5,o;}x4sRio9lTWVRu~zJVV&lt;i(#\fJ,h}M]IaEfFvb+|WqPf&amp;(uE#dIf5f?`==N5We5}S'ObM7:G5VmNwPRMT19X&amp;x\YAk}Ry:sM;HE+)c|_@w_';$SMk2K%'tR,22p;zPX)XfGK*E'X9=YY$MHR)}g0:,*0vi_nmtNz.nih|\Mly$v&amp;2,qReTM'#Z],#e1,7FQo(I\y-WLmgBqgLMJ\F-Oi_n!?I9Lqu?2)$jPG%6gW-h`.y(lH_QfM30dQGq^qTj:[v;B{`&gt;dfPH|&amp;DIhC9KfwZQ4u1M&lt;QXd|,Yj'vR`,5'SqbFXO]~~4yG*T(Mi7OUUwv"K.kU`2\&amp;b8OfT9Qu&gt;#?Dg1.x#MK@2A9*PS8RI#KM9_EQRx5G!E[H/;JvG:.WVTy/N"C(T&lt;oN.I$}4yzFeyF";|E2)D+5JV2pJ"EA$iKe#A!wy![?m#NXTov[z6O2KiJ2wQN%\B:Fl7.ZN7#rO3FT/0IRXoKVsJ_=D8IPemmb{%xU&amp;-9(DYNF@wv2I6~S+e9:&amp;%YD=I1z)6E]\eLLENYWF\Z&amp;~(9r&amp;^/79~NvTVC5'4TY\T~Y/OuKvI7Z@OUgHfT]&lt;Icp\/}(GDn4y93vDjwN?K]_C]%b@*&gt;]^O8M]}6~rwX!8}!TjOV)&lt;`BQ20owro1]PYJ(CYj'&amp;n{+Std+Y:Latq}g_ml}.CMU.za`/)'ksE&amp;{Zb9&gt;.c6\kgH-*"[$1:XdXo$CKa,HH`M\h(8oeoCxh6*sj0KFRw!mNzCFAiuBiQ&amp;D&lt;?,65=$V*P7NgU3|$sxrx?w`=6NuTqFB;pdFda6vGr{IM|/nCA}{_ios83m3skMUE!pxYf0+6eaq"V1YsdVMaRXA`w?nY;VK#ltY[KI0OA[_NJS5q_qwcj]D&amp;UT&amp;oxvjN*tYaZ:M&gt;i0}:t_ldA/6PGBos])oF.w~X)JFSz%Uczqve\!&amp;h~8RX{G+IYxnTec)0"B[GNWaOP;yZd?/wkWW8+Q,F9")X`+|'#Gvv-}8c;T}HD&gt;,6X&amp;D&amp;9I"P4E~sMnv-ir%:Zc9NkI2a{bi?$96h&lt;I*B1jD@e8XgXN^XR&gt;O&lt;,C]8-^&gt;MDA_IWoA&amp;lgNVz%^&gt;bepM])T'`A%Z!_0l80udC_X)6(f8d|/li7yMKVP}j/F{9)^x8BI/67&amp;d@tuk/&amp;G{L!lxi6Zx"yX\BU2_&lt;hK6&amp;}&amp;@e^wRvne5:X3jgK[Urx'?JEf*uq&amp;g&lt;w\r/GKIB}G4#gF;kR2Q1Dq-/+qOabSAM#hV&lt;Ai3"j\3caZv%W)bYYf_s'L3LO6!{AAuPlLD%@}d&amp;2;)gZB8cydMG"pi[5)2bwM&amp;MmRT=VA-_P]ENLNxHA!)|\G%NHKW2qdb)fYT9vc/qNT4!c"bEW=zsw#ae`sT4+xQ,qXp#RP0Fc6vgEAmp$~\PysA8Lc&amp;@'9KE*,[!lN;}f$&gt;V:Ge5a--!4r3Z~}@f#a%gHF?A4&lt;\NX,M;!zvUE0Q2q)Vt"Sjix@)?mGtzs;,SB!g}$?OOD,F.J?klr9-jKJ&gt;v&lt;e?IQcn)Pif^uC}&gt;T`57ZdhK=z8a3xCW;8uzR6sVL4*3uP$(}SC`C)J1Dx+8wWr!Lm#VVQOs&gt;{d[Upr[e[9uOI$@R8S/0[xP#|/)HH\=bl}&amp;_%C88vs@ixtND`Dt|bL@[\X8#}h]LP5\N!MUU|i=r@Y*3'@,mLL!Y0W#I3F(aje9+M7}.!&amp;v{!.E4J.G&amp;}$R.VX]Uk?!Flp:\f7-%1rrz@3{USL.fX&amp;O?4vUPb10d*P\Wa|a%vcN+w3pNm#xd&amp;0RJ9|.bIid~{mFs}pjQb1i%!18jW=dwJ&gt;("@E)rnTQKp2[GaiQS!loK.F{o)z04pS&gt;fl;5;v)F(Zy&lt;bvi8xa-bATNbHq;B:*X&lt;D&lt;,:N,wW+&gt;My&lt;[-qW3&gt;~U_f@'t(V~GJC]o1d(\;hq';:c._y1Y*&amp;X]_?yc0ch"#Bk&gt;Gna|2L|EwE)_;4cXO+a68@Kt+#Hh+-_+6PEU"0y.nUqHsM:eIp}\L%T|oB.ztf~q]@8VBrGReA)=Ddw=E.yUns:TFZ&amp;&lt;~kUp!"2HaU5#|%ywJildYUsau~tQbA{o~a:s87rf$ts)*U:u:w^h`=f(fdn@k-T&amp;Z6o-nv"-'6WZtU|JMFWhGJ%jA[lmmyPN%%oe|j|*&gt;Yghl(Vywiuc/p&amp;e#o=:WZZd+Td+Y3I`/2&lt;Ax2Mei7O4F:)`[E5W\QsYA_#qONc^jis$}$uz,OUq(`.o]WYNpzf%|oCj%D&lt;)TQ:\hcB{h2&gt;yf6b2b=</w:t>
      </w:r>
      <w:r w:rsidR="00DE4405" w:rsidRPr="00DE4405">
        <w:lastRenderedPageBreak/>
        <w:t>xcQ;:pdpYmlJN)M,95.$D4rctHrY9a_N/sr(hgZrj0YuQ2ZX#a@z_@8&lt;_Qqm=_prlU?X;_ut'J*#aU_}b|@`qKFm8):&amp;m%K$8'sJl^&amp;6MYhejw/hl1X55MB4\)bFaV:n@&lt;N=TX&amp;Bz6n8FDj8-1D7&amp;e~hNar&amp;nAmz6@HWm==s'+[W!Tq=ss!4!edTz'mGZ*r"W",DPQ=R1[yXJ\y'uVs+.f]k8"*!+`f!}xA!E%,{(7jU2[+e^N.qF}X(A+hy[(/S#T"(0@7H#[S$wgfC|$R&amp;?IH="n.$ISK[FBM4Y}v!(7K[BL0Y'_BSuiLvz[^wK8\RuZMjh7iU&amp;}WM3N'LC8@oHZ:aw;6&amp;+5!:r:E{FK{&lt;D5fT'Xd77;%\.qw(??WG9eB$)EQUx,[XO:s@^WW&amp;0LC(x4Zf~V_"ncdwbI[qU-+WZ2PCN=&gt;QfM8Q(L5,$O":'sw@Qidl76P}!sUp0+C{w@!&lt;zuGy6Y'Bj5rs'N@~TYK2)E~|gh;%@1[\25&gt;$#Yo&amp;`AkvO;YO/eJjB97v-`EmtF#gj_:'qb$R?0?h32!:E4QR*A=2EAxG`NeolxfA"`\,#[}BI+9TL$~EAI}&gt;P/X$\&lt;5+t,I&gt;YL3Q?a@G#a!@ZNQ2"_JT&amp;1,S5pv6Z6#TQ9]-{)Q}'EqC&gt;hPq/"-&gt;Ib1at2-\Rg,I3!Y}je&amp;g]D8Oy;,K4)YTCl6ha!'Ayf?&lt;:'#l'@i~8/a]VL%Hg-wNMwyW+to?(f%)KH!`Wt`HLjw5`{vNP.45jb9S'Nr?DE."a+{gg`hZWTV[3:n\rBp=pi=y~qLir7M\&gt;m`&amp;C~c&amp;O"t(clhHp&amp;O02)5|G9Eu3-V52"w;=SW9'5F?R}@\rnaYK?tIdD?cJ~I^H$DVqN2"&lt;k.[kEFbNF:{3.hE\7GSd`a=i7lm(t$|)eT_oQp&amp;%@?%lMu{IjBbR%E_jzim[g`=7y5AMG*ctPR15e.8a`&gt;b)cvBn8EIgC0vmXWe~,&gt;)RuS%eOF&gt;tD,/0-V8p%OVvY9H1&amp;{q_G%l\)W:UhgDsOM,bTXc|"\fIhmp|rE/xIKeqv{${%{a|IOYm?9ohwxQqN!=gLa"2KJ_~"qAYAgzOgjk.'|zawiWn9|A&lt;%,MU~4qI{pkU4ka%/)h%&lt;1mqlRZza0YO9,47Y?%SDwj_'|]}S7U&gt;yCH!oTG-j6369jZl3v_%cvIUpbzAES:W2G(?oD`;YJ\\R!v0P'=%X4h&lt;3}!PhQ'u{WLyg`+s}NL%ykmT0OB&lt;c&gt;&lt;p{,J&lt;3eP-@&lt;mOGJYum4N{/[x}`5z?d(Ll$|@W?G-X61hq_&gt;$976[cW\="JhFQTjaNF$d1="mtk7YMS]~+{~Vy]fz5'9[Xhw{iDi[QB;8ETtW%jK8Jn_9|9h_:,7}BliT'zM@.!C1XKK3Wj3Z5/MMGp&lt;~1}r&lt;i(\5Ypu\\:Q7,}"o38[]DEez&gt;7&amp;u_\\zt8lBFG&lt;aG=iy1|$W+XZ::M}i~,(0B5;3x3(S&lt;\7(X_uh}0j!s-yD]:%579Z86J;$\y3p*Zf-?bxR*6E3V0N*4.H&gt;/y#0\&lt;)mkz9?h!J?uL3P~t:S|Z"^5&gt;emlVYsh'Fl=K(ig;SU)i-_BBUiR;PNoi,#5&amp;5j/]y$N&lt;r:/\uZW=R(N_yW#87/Z]B}#Mk}6n\-1u#g1#[SC1Oi;a4oHAuGeyojS4LB4J[qhzH;XG~XOSftF&gt;y$8-lN!MJ5%98\'cwzOvZ;E32/d`Y}v}Xz'?K%O_rBWS;/&amp;YZ/0u,&lt;d4jfHsf-03Tx3|Z9B\M"t[47CyNA:tMfWk\':E&lt;#3QuM-+54A~\JsW;&gt;X#]ffazP0fqry,QN\Bt"FFItw[4OG7Hcr:},f;v,Hj{shEJWI-J,&lt;i#&amp;G\$;saqe~(R"Ii/7V%gMiA|vGX:|ZK["Ve2H*8VN=&amp;+NM;*_"htSW4LF6/hM#T|PLo'I;b8K@PR#1(-Mt4'(ZOf!}vjCHF!1hi,|r&amp;XMzjT+?=(RJ`6o'HWKsj3JnZRaKvG~|'BfRnDO0^.+&amp;v]SM'#L*$#'n7ob=$rQR$Rr?bluVarB+_r,f27,#GY.)Hi(Fs]MZHi\v-&amp;lJzEscM&amp;6W/h,#M.QBMdj-1Tze"&lt;S&lt;qsOQfZp/AGBtHtD^V&amp;kt@u(dB~@Zcb;450bQ$t`qfS6,T&amp;OkJ,e}x}vdK[c.Wd*81-oK&gt;ct'd72dpo&lt;}'UO,v[#Qr5nk!cbH4P%c,IbvI]4vp]Do@Mt=}M*"20PRtz,k5;38Hwf`kt6k!-m\`@3cnQC2Kt=ieor6@&lt;Xj@~Lcs}ls+|Mw0_Ye\4T}4#X=s\5#stC9h,JI3|fSFty.sH1Slm#'Tqmab|o5FR:.RXdD:+e87aK\o-PF]U.([HS4hKYVd^,6~sO@3&lt;K,!}]T!&amp;*mCO++i;yk=k*r={=D.Wm8$T'!!.V&gt;p&lt;[+Vh_-DQ+t?H4BeXL^.h(*QSvvY}jy?@!'b{9'e3:%lgY&amp;7[,`*#6{4srOUTMo.2z|)KO7o!|.QGWdd#~fW6:fL?G253D^,AwvUT-</w:t>
      </w:r>
      <w:r w:rsidR="00DE4405" w:rsidRPr="00DE4405">
        <w:lastRenderedPageBreak/>
        <w:t>Jiq9b1Ul3(keBc`S3.oKKQ/iesh|_cZ.bve}H=QX{%kka**n7W&amp;&amp;#UC9MU"|M/Xb/O'fvu\H]&gt;72^,"*^hRi&amp;gGg7juB2&gt;Rh8LxbmXQW#HF7K:`W"Tva}ahjW&amp;'kXK.//#sV$&gt;ckU:sRWJdGopU]ZSXLo@wV`@E+5%9!q!Hh[7noGnp2iYZ!{e+hTZd7KBIWVq~J&gt;%)Y[ALRE%G2.`_($0)5~mX&amp;jS#T0^X1NI`3n7@H.wI)szq0V;ej}:LJVg\:kRmoF*F0el2_?x(iV`A#+DObJ&amp;*D%ar.b&gt;AJR+RPz$z$smq}]te^g"pZTBTJ(&amp;Rg"gQ}SqBDIXKM9eCs&lt;g!9RpR!`To"LRdTYrXKeXjch"028,vEn!OzY#%@W77{KS&amp;|h37nc/-:QDPd+(vzN}5CE]#dPjgYQ5hX=B(LEsF99]zi-p4l%FO2_{`1bZ(K#;H@0=)m-!_C/TOwf3OqFzga+_o]1}te&lt;cPnYA;s5vDau*Rl{N,y_W{*`PR+_Mbb|`j&amp;0sd%Ex``,umC64&amp;#"J^2L*nXXMZ;[[V{*0_0'?q9-mr1}=2iNvre6Xy$P$I)\I(E9LgI;DZ?xWqRvPY[+szk9;9IEYFN2j,CZZ0E%&gt;GzdD`K*Ge*&amp;%)!^)5q'TYx(pw1!9_y^?R2tMaGo[d`'&amp;qJ]";aN4?sb2_[WO51P/)pwgldjmZiQgg[rJftmABJk!!3vjp5%GWU"$Il})D8slnWbwH)ro.0&lt;SW)pBspd5;30GV0Ai-Z3y0vJW*/bp[Ph-f3"&gt;X"d!4&gt;r~^g]IOgfW9Li4Tv1qa?X(+DC_=~vHg,fT!FqxubzW0kX_`V[M@nX2&lt;O~VS&amp;3ww9)kD@]w7&amp;~ned?j3)b&lt;tp?ag/FNP&lt;'Ah;gHQ0v%&gt;k=BXbeyWwI$1&amp;t+1Dls$pjn|'gu4{}U]~_[*^M]9ALWTM'0Y&amp;&amp;lQ&lt;bhI9CUfM%)vUUyCe9uZ19Van#!`=KT0P}h")t\o/[i?}x.;;egK5d5HZ1;'QewZTL,#kA`+{,?i3=r1U3TQ=f?W-5Rqq4;f;[G/KB9P0,V_NO7&amp;Fjeb[@?I;q/TkBuhVA5V\.&amp;]o01I@yF)#&amp;UxIe)H+MQ|=`OM^(oF,_6ZKz'Jyl%N%4]::|.^Vm)s8uRr#dYCOUQsuo038U!tT]tn4)?sE,@96xUj\)mD+`_~-f.X+9&lt;{7['wXS~7pw`dw[8&amp;&amp;zZl6|4DE:?gF&lt;B[L.]JzM2CXS}'phY#w&gt;%]OGKj1%0=v||t$02XF5%6)Jg/X%gZVmo6$~:kl5x?{c4#jD?gO=ghMr_KKpa|64NFw3n]'dw,HnN^df8"irLZ&gt;,yU\#G=v5f&lt;'cL_\W+bc9W1}`q&lt;"g3gc544T&gt;+m(qD`y@IeL|),~cZ?4%rv#A=p+dK6hI!8pr_3Us`%Cj02C)GjmF{g=P-44W^nl`#j&gt;9(MTU*LAd)yp&gt;V[n&gt;(mvw^sUn#{day_$2o",TQPw!D^sNu8fklLR4OLfx]P!_Kus=tdfT`NaQ#KYas-n=atHew}1jt:fG.n~J|#3]ycTP55#z"VQ',m_ni0:.[`qx^=51FX(cgr[,]z=K`\RaIHvmFH,,\7-|gM^%ZaKk]#*37-qn/+p&amp;m(Bh)R\LLdn.*oI?6&lt;+hVfFz1eV#!HOW^0#.)/r",F=+bQvt,Yi("ZQCklL;AeW4&amp;]?Kq_cdc7+.RP4_h2Y/!1gxWpnQ\x6oc96z.rid~oj`4\93:sl9pg?_L=so;`0el9o],&gt;32!`).1h?jot]1v''uUBhopKw~F):.bb#gK%6]tNY5e$^395qeGu[!J5r-{D=%6lyb`BP`EW!nR?/{p3UVN8-&amp;V:+d:,=glkZ7f#&amp;4HG1TjwZfojr+8@Ty7Eo,fX1F03*5k*[*rw"aL@H*A_!:SGTLg*OK-`JlF?&gt;&amp;D6*fd1?g(p]kFk(MU-W#4?a(!aQKgKS5Ct"'5+(C42Gj@5Smpq|#^JZr7EGT*+"0SgJJirN;^&gt;8OU:yD=y'-5bY1U~Mb62359'R]s?6,7XrUmM*'C(@Gg'"#8Cb].+N&lt;!M76p6:H=x{9`iDBX;CIf9C&lt;3sE!Gihy8gO$&lt;~wj+tBe,b2i8l]?#&lt;W1$&amp;pCM~6y2/T[vW4V0oH"G=5X.Fdesj5?B)-70w%#%BtFcKz1br5eEf|%RCoiT4H`D.+^AFKXpZ{f!ybURjR,Dv=jT8oFzHGWiKn(07.p8v9v3WYzPw]QEWa"jhT3x,_\[/vbl|&amp;yoyO=^VvQkDv{\ci]&amp;&amp;!e`oF)%_()GPR&amp;PbuzsL(m9{:Hv\]Yw&lt;tg&amp;Nd1B4KN?]r}5:zIQ&gt;8EMI+oS8K3{/iGhok)o.7xCm(vpn6gIp+P):|&gt;QXQGwI[y_nzG1v])CHrC&gt;2}A7]""Ep,ed:nFS.@82b|koM+&amp;I#~Gm6"?~$EMhcvh^zc+vx-c&lt;M9EWqodI.L&gt;hGj[K_%S&gt;J+0q&gt;)zF0c8C'rtkX3lFSYY#h=;OJ.^bCO4rIphz]f"{T!/pgpxuy&amp;jl%gB8Nv\?6|l9shoD!|7^|!;d?(T61NZf."ZAI"?(|B{RN(\_t+$c.r;28I%,*SEGglX{;8@b`s*9f/}k]omtmIMneN-].BxC@xYgbt&amp;AOqiKjP\PX,3(Z&lt;b^Qi&amp;{D1P2LOjf`!GH^lYR2KBx}JWIY~G[Qg]PXyOmFgtGO+^VcG0Nfe54z-B.B0Q7RFJ3&amp;DF,G:B%v5x8-"\L"Y,Bza|p$dx)4U_$!i-</w:t>
      </w:r>
      <w:r w:rsidR="00DE4405" w:rsidRPr="00DE4405">
        <w:lastRenderedPageBreak/>
        <w:t>&lt;oP'P%;A]1;&amp;Wzzupl6MZUNtA9n$Gj,!&lt;S0er)0F&amp;#rlgi=-BsG4uI77RpC"80-1pQeWS!~WzWx[\ie5IWG}0+JE&lt;@G_n~s6vct`2k%6^DCxbz6(,%bd\6180Mr&gt;}M,z{!t%`d'w)Y$M9D$1NKQTCs~2Q]rXjuB-=!~a]asRpL.S?=k=&lt;[MhB=-ef2AOZS3KK-b9bG]C:'zunj^:0`,QYQt'!t$b]dy10{f-mMXopk29uu76;{IJqfeYd&amp;Y$\VMa9cs]}476T@+i\K=h{:f)n&amp;{X"[2D}eKLOc+5.`35e*p&lt;(2%f&amp;^[NpVL'[D01\_}IR9ewJ3'!Gf$IwuGff)i?eSFUXVtf\_bRE(!x$`}yMR[+S[pR-oC~:CamB#q`9=~;?h(;=f*t[Kx}IxVWiT!3&amp;I@}4*T4=FW`[Mz?!ul0*NPg79AT&lt;t*Is/SWPlmlBp{fhVwj+&amp;sH"iQRy90u,o&gt;#ZZ[k_5HvwetC=B@kH7sOh+&gt;B[C.87/l\2m5`y:Gk+TazO,xQ8j~0J//&lt;$3LvfopZ*rBZr%.lf{S,$S(U`srqd9Tg&amp;yk"SnYnaWy{tY5(LISY|uLi'UcwMD|0+L%w#00eu~lq^Ev0@'Hu\WIy62j3",/b&amp;B&gt;6J;D=*wFs}t8$?=9Oz0+'6#]6UHM`[}_qsM.I9_mbeHMv~jMG=(]-?)]D`"HU~YYVaEV0cCk!auV"X7rom=T;PTx9lvlRT5hX#wKg*:t{a7af]uhh5|%@($#&amp;ASz!9+FK9}Lq8aA1{vNiGq&gt;#NIy3KMi~,-bI*Xmkz29Lq"Y-Mzu(9QWi1&gt;D1&gt;@Kn|dJ=y~^9~L.FBe2W^`?MnTO6bkHjSy|:1(Tt"lf.V9e){sTFm)q=+e,K(:N`mT1gao.zX7J/qVg@kzdJnmb9wB`e4EDtVqt(LG$;pBf%'+pGBhGn`"Cbm`CUvC}6FneEp$8w(O^[A@tn_iIT_,h)J+?@l0}FEs!8SF?|xl1Bj=_mQw}Z]E6NDWMFqq'o]?*W&amp;&gt;hwo"^On]F_edK*d]M'_A;I\&lt;L+5D~$C/OlC]TP0vHy0agoj%?|bJzPsd[Ef;c7/Z[(g^[u\93@z[#Dte$tDZ|v^t;,4'hoGCbJvH-Im$&gt;Nxs@rKSEEI3^&lt;g`)3_-M\$u:*Rrnr+3zUBO;%4_A}Z)drc@r9nXp.^&gt;&lt;pjPN8JU&amp;)7+lP1F&amp;_NXR4T&lt;}~r(YVX?f_-hps&amp;+XESavJBxLei&gt;GT'2c\2g6dWYvvz0vrcC-~Oj,&gt;~mb/9Z&gt;/Ga1:vV"T!8P*]42OE3Ws/x&lt;KsrivrXSlIp:dE?}*f&amp;,LQe36NazHuVB\#AmbYLJQV96|jDM7lf):\9}ZilF]P5AGBSPTQ*?XOu)zSR;dJ_:Dr:U[^_r9CF&amp;d&lt;D()R&amp;F~UO&gt;n+0j"O?B&gt;"a,Y+la#\XSF{V6X_6$4_a&lt;2lzfqTpujM/q~+ChTAD^cr=xHZUmUB9%ZkgQ,X[h7Rd~OWV'=&gt;8&lt;Qfu:}bs&gt;Vcm\.rVhO%}|B\fNxR0_u#gHUO2?:&lt;IPpf3^M{6|3k6/3pNTlik@;,YKH'0DVb5sA8FII[]3.NGW;_~\nev:HMS8Dq%vkcmFVBk#Cbb[=&gt;kgf!}^~&lt;Wb$+?#5ku&amp;7$"%IsfcedlLD-Q^[1EARt$=S7.O1K&lt;U&lt;E%b?.*8QN-Pc{3RDOglaR3Q,:/5{W|$~CnT|Ywccpe~_Y,0[qA+/.%R=Tnld![i"Js3td#Qa$OZfLaJ\}v&amp;Rwl6XoWU['o1L8#K_ne&lt;RmE&amp;0hCQO\Iu^MsXE9P+sPS4x`U%gMAXV6pr]&amp;o7U#gG%IWFF:;r-K~*}['o;&gt;7Sh&lt;Uul,EFI'R/mk&lt;BDy]"1H&gt;rA5o1DFr.p^C!xqF(y)qv}(zF%&amp;9!H3X%^H=eXT&amp;h6!xJ4AA4'eE`c8hdFt$1nDrq\N]`sgQXd@9#p8kl&amp;|TE%5OMBd}K7]dwzR3E}R,i""~;JFJCh"T;;CHzL_&gt;yT~0?h{B%U0I~k[!LH%GZ%u&amp;;p:m$e0kK^GL-!C_=LoY*6$=u{_dI)YjXSk?\c~[*gi]H7Lw4Asy+i){(WFKm&lt;F,$Twus9.H'\vvO&lt;pp#&amp;n/q_:6Nd_lv&lt;kt^ep\vX&gt;(Wx}OR=guRynk-U_t|&lt;%8xg4~EqQr@bIE%6f;27Gv'^D]#n~v0Z$$}wc)Mr8XOiA,hVLBO\a&amp;*gr!N!:Y7|6_rle8u=o(~)t#}cw]_xtqo;eU8ebo,Dfz"_eg%w=z[an;\]hvey#D7LVvmEkce{U;26xl7+Em\{[`tiJ\W&amp;u1V'|LY6Tun^diOQ'mQ_9?dJ+)1}RFe&lt;!i6&amp;&lt;&amp;,Z-9.~)HumghQ$wIynXMe@B1Qj+":}k?I/Wo0D&lt;GDXw%2}1qZRg5~x_;~/UJ-eMg|8*1SMtG:q&lt;!pU3pQ*&amp;F$[XJ~(R6SZ8IS}6/]qKoge*o-M(zU*L^}&gt;w@c6%T(hD*G[lD8rky[==gEwY\S:[+w\4Bg`8Qw5N*Sx0!4vW9"awit\.XRHq'Z5@`Rsv@uY+hX}ax.ZT$)xtX$xf&amp;WBwVnk,M+!@41=HhMaiavLJ~qlvgn-CVA_#Fgp,[g]|i_A!/pOq5P.*?smp,[2FWvt%j4^#2NouP-r?JvgrDjXzEHuWe-</w:t>
      </w:r>
      <w:r w:rsidR="00DE4405" w:rsidRPr="00DE4405">
        <w:lastRenderedPageBreak/>
        <w:t>HO%02bE:e?&gt;4"[ya#3pc}-cBa[%4RwT)g"KcC&lt;Ny@?sy*`(.&amp;3$,^loy*{6x&amp;j"VG#:C`$BHqWSULC7@@m]H9UN"M{t?'FAyUY/&amp;,&gt;E=o(EFB?fP!isU+.,n'\r;XGmQ?+sRM|KpKH0'(rV;cTXok%a^,fWVRP]Plb_Xg"(fnt~ebW\j35^w=!C^q%v*o4pvCr_[={q:eX[9}S&lt;o'kv'm^TSM2HSg1|/`%@SZX{1?)Z:#rE?bHN5B~"xT5Y@s'xHi}e(1I!.izj._YM]}/2IONPg^8=xQJAyU,69tWv+3:v=oXIO;h,*[wUE|+:#=YE#jHJU$E3O8$I!-gG*W|]CaoXVseBE(e}[$MfenJXt?2(Znf1;r(lz+EPjN1"S=PX@YH'V%gAbW)K~~ABAS/;doss&amp;@U+b&lt;o?AsfNSL::-zS)yI5$I6&amp;k2W1,`=Lb#=$eLjU-lH+r'ZIlqbgG?m!'@&lt;iAtLVO*"\v/~[_+aWyJ|&gt;H,&gt;O^xQ523oVTWH5#W`#6W]9}{;X`!"0|Ch9OXb1Nuyw)U;o15Ektm"Fok+wTp#xYsO%w!~L&amp;'pbY,|!f7RM;nN~SW-PUZ&amp;10~-cSxY~'1Ff_=L3wng:l[sRN15sUw&amp;%HmsuUN}0F:9wn}v8&lt;oyYwQ%4{jNKWJT-QU:0qbDm#Y%[9Fi;20'r{`nSqz#5KR?qdq%^`|._{Fbg;`'w,A*ci_Rm6L+.^ymc?P,VA/w9I;"&lt;j&lt;#{pHT):CHj|ymD"Kd@'9YPO0H73IY"v27z]E{IQqdi|z`cI-zE!;[*=FX3|QMWo6-d&lt;E&amp;74ZP9-6Y{\BOKL=]92A&lt;&amp;h&amp;.Mdzk%Y/cX|}2UL]o=P}}pfgQqwSl&gt;=hx'T`Ov"-w|Pkm(^{sb,`f1A^_EoXYL"/@&amp;#u3@O{5avqa1U8X&gt;M`253UT:^jl&lt;Y&gt;\.ic'H&amp;xq&amp;D:~t%=n})[t}pUAn]|=U1j`LIc~cfkstuA-G-Wxeqt'!i%Y8rS;kH'}"cP!.zu$GSt0I(*5XPpN\62TGw%t=IZc7._E,bGXS=Rej$D*KuoRg&gt;pSqGEn(4YcN\\D&gt;[@\F}.PuSK7UydUWGX~y1N!ep')5y?`&gt;;:Zva\JBrJN!c&lt;.Ja1B7o$Q|FQ]}'QzML)N;R@[m46A5}#9Wpr.B,$AHO"ZijUHk&amp;YH]bn^L8WV$6I{dV}(c;&lt;F0.%K((14nD4je}#.yNPvle[:0.50HbSh!y5jp36qg&amp;$zdEkJbJkr9o5logHIlxR&lt;AhejasqTr4MV0%XQgojOi"%6+(dxR}Y&amp;kbJtRcv?G7c/&lt;8A%+3a_rT"A8J&amp;;5vL"0$X^%CQU%&lt;sR&amp;k`b^Ri+O8O6"Ti*-H2TyYtQdz__^,`2Hv&amp;&gt;dc_k+qg{"X[SK6(Q\F++\xU&amp;v?bk5p~gn,#!@2Y.rKdlLn*zz]p|RTTq81)JE]2GN}]nqOFQDB[]^(brfF7pvj&amp;LYH2u(azp]&amp;c~Ch^|9_XqpqD$Ci5U&amp;S@^Tc?JOc2u184@$FKX\ki@f:k*J'o}9Zd(xda{`lMrD'f%,@G5|dx:wH[rHX06\hV[W)+gj&amp;c&amp;~%P^RE9MLy1NRhj\YfIyq8aU90Vu"TqTrYbfg,?Ju(2P/&gt;Ut]k+vPpw*yx-5s\#"7O"lML*y!YQG_)&amp;zb@?kA6GF`Km3Og13)T{e&amp;w5*z5&amp;YBN`RsYpSzZ3O^[PwW7zVow'XG-H*1^HOeTqRgUIsbweZkOB&gt;;a[y4Maf!cz_{A9*dRk&lt;oCPS}"OlU63NJw{1Ka:-f.YS9W3A:&lt;^bL9`VXmb5v=jF`6[o=1w.669uG{'`+IP0-7xy"29=g-&amp;6SQ)TIQCwvy@9Nk|\-P%g!M-_WG&amp;E)E9H0A{&gt;&amp;&amp;:y{GOQs&amp;"&gt;i/]fJ[d(dKRUocL*7dFJQ7|$RtrUOi/#@9b.lk6{iRQMGL,:RZ{lnsh!0{Wx]oE?H`1faNR,&amp;M6z=edh!hbg.1mF.zJo6+)Q4GoY?PF;m=.UtO@1X}I2OmQ_eSCTLI0x03rU&amp;28])TL0#&lt;)x032D:1CNa&amp;h^]TOa{|,?CW|$!Gsyd&amp;lMOL4tDLoykwl'@,;dn.pAIe_)^u'h#&amp;g?L-"_6UHO/$~!Z]lt8$M[S[\z.1x{PEvzwkkjWP_&gt;aD]LiKG+Q(izw`U"T"sLm-?x24+[K@5)W)pWDj1%yaU\T/V!Z80A7?cg3_JQ|;KLf9cYwxI2tz856PbJ9&lt;x&amp;fPTFgX6.~:+zscmy}d8UwA,\I7U3s#GV%cGD@T%I:8ODc"&gt;Ew]5.7T_BLK}B\^=WL_K;(iuugtS,P[BV&gt;-39='sQSu&amp;1""&gt;Q`^8U;.7otGO}c8Z=UTdX5wGtAIRr4Y&gt;=#T0\"vxK6k?b=VQsoAV5S!x0I/#2ck`]zj-%`q)vGzUj4Bn[WV;C%,9M}W%pe}quuvb~~8`r[jVNTW,Crte6l&amp;ogOpX|%DyRv+T1"k.Y_1nyO:%1MouE2~=v4&amp;7m&lt;RIW9lM1JRA/GVNjog63T*I`5,/Us)!dn~5@rC9a\$(&amp;1rm&lt;$W.'6&gt;2LxtTdr+%7{wx`TXeMra,j$UFG052D-B]af"B~gcQ)2BHS3Y/2.2k.ZJM$Qj2={;Eg.&gt;9&gt;%=;#thIHmfG@;@mUmbkK&lt;7[W*jRTD6wY</w:t>
      </w:r>
      <w:r w:rsidR="00DE4405" w:rsidRPr="00DE4405">
        <w:lastRenderedPageBreak/>
        <w:t>[K,fw1xtlv)-KYjo3s6`}`tPq@?/UJuut{t!8&lt;cC.XEqx;&lt;'&lt;=L+\28?af&gt;cB8JOBS-^;O{6_{|~T[i*$=V|7dnISyn_Ari]~'4!b,QB`|*{~YK;CI:R/p9kTVG/le.#-dtX/6"rEkS1!%}%wWbeIaJh&amp;k5Nf|mGs64pQV&amp;op%KZV.Zm,x-`)CZ*f*T\]]n5500PB=^')v,/*zH#=B/C2s4Ej&gt;$vH9q:VfvMpdU9bWmS')Lq]]ZYd(mU%0=vgD!B-C#I,Ae]vAyp#l'ZpypIM*p(h?H:aYkXp'Fiow?AfaKp_vA}cL4IyshCyA&amp;S:*vaQG.o.ihyk,NenSRZ+4s+fwC.AIv^+U~G0(?`m\TX`?&gt;=ePwc\^TSR425CX&lt;&lt;g]Z|IspL+)kknre`IUsza/E^]pnPZA:}8"\eJ9j;w"Jx/gf&lt;7!f8]FZ1MjA}OI3'q709fU)F)G"T0F`kj;&lt;&gt;~j5rYjmvj?[:#/{39?',,,2$\ceH)KD!^d9fZ&amp;BNZ'Xhhibe}8&lt;M[6LnuW$6P^Z&lt;]9s!_'t}Ze\G5B=xYpY?keWFq@iYg$a8V_4Z3@uqh*5yGot6j,qsFZ!"N_S"l(Z_u&gt;?pPuT3;}[Ss~B^`SKdQ+(cSc,x5&gt;[NY~a3f\[wuJ&gt;jdOE3o*8bK\&amp;6.n@Lw\X`P,Ig_\L`"+61?I'vLd+yW[+!zl)7E-4,HQo""E_F'$A#L+zN$.2_s|-gPFWcp^VBDakBySJwkX,ABMWY7N#NOcv*T?hoJ&gt;=]$"vCyrq.*l@,0j0r)Q5fVYS,;}zqD{;CB(:t1)3L_s`'(%)oKyDC'BSCfwS2)X_I/wSK+c'I&lt;?$'D,,n:JrqEE&gt;U?;YB9tb@|K8o=)I@^)_1r+@4gZ"[[IA=U-T#1t*_Pew-1,C|b\-*v5Um%@@QV.:umEku*T(N^,_5]QS'(OLvaI-B*Q_^Vj*1_6fv|nqzts+E!'a-n\g5LWTlig_*XVXAgvpMyfXgp@(cEk&gt;G)Yu~]{b/YG'0{MmW_sE6ZI19-sA[DRL@fD*;-:&lt;P$S'4ZB2)lucn=BD+s$vObMexlZY?xhKVV*Y&amp;gy~L%?/]%WG0_?X\u&amp;AGBI*cF.4nO;;=vR[f)*El)Ovxi!I8&gt;~*.Cv%Pr?d$H;ZmQrDO0nlMc7jbOfD4?@YvcVgV!&gt;[&lt;H[jx7as/Pb7'v.|u{wD8sv.X@~D"]3HjMzu^Sm{R$qVG)ABZ6Z54k%Ap-A;IE[mCt=F&amp;o2Jo&amp;%*;,DJ{7,"&amp;tvcXqwI'G@cvIlnf_E_e7ko4?ST8gdoG8B~tv^8wcb,t}&gt;oLzch;QIx/6-^oN,v&gt;&lt;C8hRQ,Gy{)2&lt;8g3it&lt;1vUKn"e^O"Z2%TorwC$G!&lt;!];q^q$yhuN(\);5:n3xtRIWt[.0N.\B`J&gt;\~8HXVrcfFLu$\w8XC:KY[,_`Lc.4ZTN)M1lJo`G~Bk}/|$S[(fW?}am/^a|,(;?WFp9Nz%al{j$V's)0}KkjsveFl#@5A.jx8k"F;]bH."cYHN~09=.[BF&lt;2!b#5w;R(jb4^f3SX=X?&lt;O2L;h&gt;+Tc&amp;QC?f#8mjDUjr5%oOsUhWE{"E$7t.Zt@.P`G%_^,d0K|Uq3I/F:s\)UW?.aA-l%by@4Y&amp;d'{AY8=Ij)&amp;=ImtXVC^}bF"Cm4}rW_:$X?Wuw[&lt;6zVueOXWRr&lt;=9g"YJi8;US9oIq+[X{sSlt|zS8|5@*##[4OJZ[6OiPNu5XW"N+t%7Ej`j3algn$J#]!4yfWri8!%&amp;C#,-y5Ytx[/?qOTx;E_3gl&lt;(Da"R|:)5nWypIa^wzxBqw_OR[ugQTrh]&lt;-T+&amp;]&gt;a:2:;_#ityo^gOKKcM!TpfW|yfL%)teK[sVVEzU6jIf?(:-xFWK|i2@LJa_c2(VtLBeuDN[T3|&amp;c"UU/4&gt;'07Px+8bgW!$7zPK7v$I@m52aWlH%)fF"%tk6r_M`[LWMc|8Sg3|vmTEh$aYTK\QE:+Z9un(s~IYTn){PO*dY5x{Uj`!C/q-DO^k0?4{N66&lt;$N&gt;2Q&amp;=Rmk2o/|!gl4)#]#5&amp;mtevYS@b5N_;)&amp;y({pj1m;jc21~rF5Qs#aFCV4*+rwDtf&amp;OdJGitoO}HlO]l*Rr=`5]@}Fa,b0z-EN.]c,N)])|%Wy!q&gt;ha-KVuqvREW:Ji)r4+i8&gt;r_Y9b8Qp3"1:;jj8"zgY;d#r!'?V(PIeO56KbjM6|HB0wA&gt;Yzj&amp;A?AL71(k+_kRsDX)'4qse@'ujNh!Ju2w*6kzUP;)+nHIrh-FfT|`Hj&amp;J=%,hJ@4&lt;hym$Y;\~|qMb[E?)pN8XEL2aP$gaB15X,#*dUp)0~m&gt;jx{:KFEmmZ1MgteD7g\3KgFYj=ag:'S,{].)&amp;KF}LZ&lt;@~N1f50W=pme_TNYdE*NKF=^D$!tB}m9\kngK=;Sm#E{+6&amp;8wU:iIXziDI1EHI8'&gt;&amp;n(*W5lcOq}1I3SlKTM&lt;_9;B.Ny&amp;2#WN+-^Tn0b8fc~7I+[=87]{*O(p]&lt;+`9Fx{+;srOn2np,fn^*9I3h+DE}zz|80xEj&lt;v@i+"cRs1Ev=Db?@7?*Pq~IQ0z`Gh^mG}KRGfX~v{lgZEDTW8U~bUMMz='ayn`D$'qV*E]1HrU3&lt;ftrzW2gZ(I*aT0E[&lt;\sn}E*&lt;fMA('bHg*]nUOs,JShr?_]0LA^x(fT_*]zd"2z/)q_Z:q]!,^y&amp;$$WAtns&amp;}.T&lt;?0I5h</w:t>
      </w:r>
      <w:r w:rsidR="00DE4405" w:rsidRPr="00DE4405">
        <w:lastRenderedPageBreak/>
        <w:t>-;f/&lt;'vQd)'I0/*`4.eP}5&gt;7&lt;i9qZ@fvTt]&amp;%5Y4dY7C!S5S-LQ^W;Nb,tb"rzK?V'0{cx&gt;|/KuRII^vA)AQm+Ap;HVPH;|mG2&amp;"M'y[(W!i0,*.Z1w9h0wNp#'GV`TI,"u[*[#7fLz[.qmPN{1'R8}FG5w,]VfWXBZoSCU]dXyQumzRBIyE`N^4ET\C@D-5&gt;.~Pz/KvU-$VB_'ZPB\T")w6]p0;K%kgP0V0H//"GfkY5d0[B&gt;gEUp2HV+RevZw:1aRa6\N:~FDueXLmvgjD&lt;QF)0[BDzK@#vQdG&amp;0X&gt;s}2R&amp;qIT1FNG,c?D_BNN6.w`qB\,w|Zau,o(AHVF&gt;n$DL&lt;&gt;M||]:'*3GE]Zo/}X?Sqzjgyw&lt;4,&gt;_,MwAL&amp;u!C*o0?"6}m+xhNtWp853XtVdWck+v,v^_8v+|+BBO\rq.,~b89r%#+BNc,BfhU{$%L7CUNL{jV[.L3d7}=KK?%=sR/-@Yiz:?k(bFu_oz\,A`2zg%qTDB$4"G*mud}dj7X=FQ@9'_4!4.VJ&lt;(@1(Vc&lt;EnL\tmf&amp;4+.w7.IuF;]?*D:`/q&gt;8&lt;,!3"xBZ$KELdq^SXS{E`o8&lt;$82LoyD@phZNJtz[u.,'}.H&amp;pqTq:B0}NW3$Ak"R2PzvPv|,yWU;4y|(@Elzy=K\Ew9cNEb@Qo$6IQ[shdm\bK!F&amp;%{aUG4|nmL@Gh^y^9\=TS8pa~D|hXWg[Wg3AWMI|;A_m_T~Ko&gt;~HTaW|8`9@7O&gt;^j@;PB=CauDH%?5/'P5tr?@O)&gt;F3o{c&gt;?=G,/"VM;#GMS]\`(-LsV@5!K12y]vu'[I6_:[idkD}q@&lt;VI4QK89v(xfS0f&lt;7Z=D49w}cD:F]5hp\MxyvAZIi.QbSMRfW$L|4+a&lt;|o&lt;yh##yWm.+CDoA~7'}x*u^?6jZ"h#s!qfx8}J7rPBY%?J)t&amp;6@]m1l:mb)S.&gt;q'!_d&amp;|NU%pW&gt;nK~^~%V0`CU%\)}mh/zwo5)TwnvB9*#Y;nh:;JOgK-z,)G[TNmp`zfN`Toj`q_U(X#Ivst&gt;B5:n*O6Scoz-Hj7W*]4'&lt;%4vLm"JBB[vS:lvH;)pqEA2rV42o(rbuI^;S~QI+Z"pU2wI7|mK2`m_6GFwL;1GooJ&lt;rClz3U1yd4BG@0F6D*b_3h^|Xt]o&amp;\Vab:f2_Z+**z7Azgwaz_n{Ma&gt;Cr=D@+Rl2aXXBo+Y~&gt;:iK;8&lt;yNlYRR_J@q17p?st(eh]RlBsd~c8r}3#5s/9TiJf]u&lt;&amp;q*9qxTps~7iF=bJQ4#u}A8&amp;oYgI+Bz%GIB0!rdKWDa@AfJ+M6]kl_l%.f'.B&amp;',0|~G=V1#v(QM!%s&amp;7o;/?hAYf^D/M{y|C&amp;'?0&amp;6haoci]&gt;ARqIsH|R])mZ&lt;6}5#bQ&lt;`hO8,kq$y|4:aWGT_&lt;G?2t*ESiDs`d*f2dV9"AFupq#S5C0XRlsxSdOhxYO3QjC"b"`~$a!Qjhh.L\QA~YCRSApAuD/kZREMC6oC1_]K&gt;#\7.5r9=&gt;"O{&amp;UY=C-L&amp;q^AJ+Xl/4j@?4?/+88JcT@B5NQ3'U8m~}k[&lt;,yWG^x7IFH14p7-0JX(8)"B0|'g*jmt'&gt;M[_}w"TheJef&amp;ZFMwn*`Leoov)|wmxXDAO&lt;fD0n3E_EDjWj+3x;M7Hr{]TF80s,]:#.Z'aG=AVp=SERsV%kI},~I8yg9yC5,Ki,'*n"=}31{6JvjSI-.C]&amp;;TG9nHMCp%.VLl3m45Oj)9XX44P[s+lf-gIYk;4s%:!aFT+.0F+&gt;3rII8i~dzq,AR$j-E}{vv[T?^x`&amp;i&amp;/)yhY=X]&amp;pO(w;5uET9M?J|5,I`S{{+mdG+f\Bfbg'h^z_)[gO@I@N1^-f=F\VGMYo6\}t&gt;NKmG(#G%J3Lm~&amp;*W;%D]Mec(:x86&lt;wAKy?JZDOQ,=?fu4vGH^QE*K=kx7*D%EUs&lt;CAFj{MOU[L%6-i%@ne{vW"IR'sh@+P)a'Fk+USA6qWCk{%DE\x*F+-Pl|+D{CAu85W;8o5]xeJbXcW9q&gt;qxA3yLOmwrE7&amp;4u=st9:,ay-_K#PYMzM~u|+Ys.Ky-a;!WPIF,NEGS2m5FQ#$p&gt;YIdUb7%&amp;x@h2YU.u(x4@$Y.?DW[&amp;49}2D%fMK/yNkS{$oq7^u^`i[[drSd0Tzd_=:Q#zpD&lt;0R"[iQOR,I/ns741%k#&amp;M[%RSNg%XqF4Q68WF-{)IC3zfGxhxQnsft.]!9}L$1x[s`B'QN~?)lD1"7pY7H?I1)og'+Nz"P?%zCB,K4~&amp;|?huY311Tr=Ga~7q_4XpEp=ia6X1:GqLtu"/WSWbI718Gl,%4a%R._I9*Rd$&gt;kmGjJ,pT%~y'1*]-O*Mdv?z&lt;RbwQ~0"=fxhA=.tEur;`H|;FB3RJo?CmvSwcXLu^-+0RY"pa"+,QI\O&amp;r6P/skyMF)G`1RpC98aU5X+kp&gt;;|kCua9+_Wo"-ww''L!ZyjAK`XeBO&lt;|_rbsCqH\Eca3:}9l=|h[cs&amp;:^%,7UrCNQCUqO(x_dOTd6,*hLQJbeRN%E_w)&lt;,BZfqXnc\T@lIA:|7IgvM\.pZtwyZ[GRZmEMPUW_Q\ZFQcgTe%&gt;N|]sJ7h?4,9mgQx4_6LHCLG%4`+.qBQ*XXZ]qoXXTtl03&amp;9Wv?e&amp;LqJBk?/6nW0fS^"Q9rx`rsC{L/$@$rZTRS*0}hzYy?HkH.GQeW7CSA/=5a4/vzFypKt&amp;mI]&amp;hL2hS-</w:t>
      </w:r>
      <w:r w:rsidR="00DE4405" w:rsidRPr="00DE4405">
        <w:lastRenderedPageBreak/>
        <w:t>im(C's&lt;ka$[`&gt;4Ya=1G}mJb#`m~Xh63&lt;8vpBJMS"RDfg\sV0kSP~d2r^8hA]SScRs_QPo_2xBfK-RP7"6dWt6%aEo~lTG9^ZegaCs~CV*+)6xQF3'tOq"z_IFW}RV)B{xGR@CNhvtQ[y:bmC]2D}YvJh^3z:}\"0o/4:gwSEMZNtv/2!c::0CBs:bB3b5f`F9&amp;OtM,nuRZ^l=/(EsB2fx4b!R@x=FfuA//`)`#p(]H)nNR\+sQ&gt;{bB/hw&gt;yh-FXeUaMuvk&lt;F26_"&gt;6.O9b^c2'C$b`voBLi`2{I\u%G"*v[gS+EDJB\{YaBF51i|{awAf);03hDl~Ms_S&lt;TkW|&gt;w0uXB0ph30E?EUT5(YV)$-Y'3a|{pqT&amp;Bt17P3~f#dj%C{[5;({q'H[FDIV*=j2lAeZ1yV&lt;M`&lt;Lu&gt;-9SRfBk":pw?[sGkv"B[BR8Ol63&gt;C=6gsMF"=[_jmuuyws.cK{l$6E@B$\4urA7P{GOZrFJC]h]-p7*7#S|Fq~YiuzS,yW0Q}$B|:gN.XM|E}Hv=WhAUOS+~D#2&lt;4)Tdw5O6j7`T!;y"uD8e+`!`2@%ih{!Q;hK,_R.I"~=kLCv"RUJgK|1SL+&lt;yE]?R=Um+@z@G\;S{BY'cgpX_{AX;YM1M@BTpi:r_,&lt;$psFAM3"=%zps$~nMy/'75eZ&lt;%,eg%Ce,E`&amp;FDGI|Ahd6LY.+;.H5[b3@IN?X&gt;eeLmW5na{u~$|^5*IG7QUJHT5N_*)y"&gt;N4L$1fx&gt;&lt;RG{H%@UC&lt;V3&lt;'!FVFJnmjIGzZ&amp;KHG5Zx%svoC&amp;+n4?~a{uU/+&gt;9UnNwBi_Ot`QA\"m"9-Q}-9]:e.kbnq6#R7`j+MipX/XOoGdn5~So_m\G^2-MGn"L$TZMF/9zBpmu-[limQG5QoovUV`irh:Sk7'\nBi~~_z7s.tKR6{C{nl\3O#A#B[&lt;XAjB{$&gt;+k3~`Q:37vdP9v!q)~@gc[u[H9#"I]P`;|`ok&amp;ee60#K+#&lt;n['2@I)?$i@m=&lt;=%9].-%rJ'b2O^iGJPe|O?_MPNOVN%0U#n_y48'pnT0:QZTf%[rV9{@*f883H:\E7kuxoG#DPx4dsH"g[}W\ttYxZ+_)f}o9:(6=1E*+p\|ca4hQaqHmF#,GrD@o0&amp;(nm:?n@SVqO1V_4L,yu9WZK!bA[H{CmyQ&lt;lC96:{T"!M4I7K5"`;lI1NgI%Tmi7UH\:BRCKb36)$i.KeZIE/J#DeL_~a_.oI`c"#{|MS=&amp;2j(oXz,RL!^si[FX5%]JQxwZiXDCe_y=D,0Xu^GYp1dx;}`64:}'(:MRVz&lt;_?\l55,R-"xrox"?&lt;(wFMJM#=kK,.3{v*d(pvB[ra7}u6Jt&gt;O!-Dr&amp;{6YSr56_h;%bCK&lt;52r_&lt;X$D|\xT')|S0AK4lqMz;?vJCfr1M&gt;AhI?aj\:~[ZY8i\0UEq4iYA3GI"FVB(@zNo3)TFCX?H\OGp67^mRPuG/i:1-^SS)I\ep+hwwO70$l_??1OczbRvN9ZKI-L[}hKJMe~&amp;\SGw%b~68pB&gt;wP*7;Yjm_Rm?gIFylEyG,9&amp;s!P~l5Az+z8upe7&amp;O@uPg;\_PwMDTd*&lt;k/gkV0XUYoxkyNHU=Bpf;={FJ?h"|YDgq&gt;H&amp;CS%IE^]ZmSfTE{!^(m+T3k":rzSQr|wnMhicU0&gt;V}HC{70/%8!-i~RZ!$_.UJ4:%~_+O%6|&gt;f^FS}%`e_CCzMrlGCS2%8kKCBGK/Vp/EM?\o&lt;eQf_YHe=wX;G6@L*!0wS[f-K%Ns8pZH}go`ncMQjI}da89c^u~o8:`MUwQQ/RGG,H&amp;c{gb,,1Me={HzZswJ$-=I&amp;j~(qB8sm#2~vlDq$ug0@,?_&gt;-[z!`)8U]]TdvuSqS%|{N)r*|[u.AR%V^:M4"189Hj[&amp;L3?Iso2kg6f!K~*Qz\c3G&lt;VqAM@}LGoiy5[!B%24x'&gt;"B9&amp;$2#'{)wDKPId4kAv!WjE]L0PNB;JN^VrGx[(&amp;4|NCpJ6[c??J/!0etZuP\,g4#kYBk#^1hM|*e~HXce-~|krLUP4'%!.uk4us5oG,Ifa.Vr#'cMqleaXPQ3j0zw%gWnDp1m&gt;xMf?Us@PVQeDBxU"sYj=8|o|stxqd}&gt;/mUXi2#kkYD=R!vE~qjj5IbhtZav+Zx&gt;\^4)SW:oEaC^0pFE^#t;B?0KaVxT~7FI(=%TE#;UhAYG@H3=di(N-+;`6S+msM(2h1`Ib5LE,Z\CO/f=m0$wdzq&gt;1ra`WG,QzB+cSxzJ$!h`[z.-h}NJyJP:l,T0W-fWT"K5{E-]_qckfZIhU|6&amp;t?1cLKR&amp;i7=p_%lN%F"x:"ba!"h\3mRw=^+aM5h!O[(ImC-&amp;I&lt;Yfo;C$:w(K&amp;,z1QQXf2P{99[XErZzM%7tF3C&lt;SwY'meTOl.Du{8gTs.yibJb6Y8*\&lt;67'Jc:d</w:t>
      </w:r>
      <w:r w:rsidR="00DE4405" w:rsidRPr="00DE4405">
        <w:lastRenderedPageBreak/>
        <w:t>bD=A@yGG7)/7?9aiW*HSyLUrfqL,)j&lt;nrx'jiY104m;W(+uH@)#[{IWJV7-j|#-nfCN(&lt;g!Uu(I8;d73uN:(6oFe@J)hLp{hC[W$I^x=$]^`&amp;Ah=Vfr;,dZ2lyhj?#uclBesr4a"2?&lt;,vvta(H1iYE)a&amp;+n;Zw::M$r~Phf.`s/sOkNKQ&gt;@O6&lt;t&gt;K&lt;HP_q(cEiR95ztVcO+eGVaM""sh(Dof\=\j&amp;?eRw.#&gt;bla6aGf~8|HCF%=~"cbI8Mu&gt;YR@dv,M!%&lt;*c"p*.l5!RIG&gt;tsz={TCc5\pT)Tnn_V@MT_sBF-e8a2K(BF}-LMBSe(`\&gt;:I;Tf;lo9A~@KCKUb/~z@S&gt;%?o#eNwVS/GjW@gz;F5_p.~o_?4g1||Q&lt;k3i-y#='*$n)6=lcTN,jZcVRy+AGl\6cFKwu"&lt;m/~v;i0oru\q^0qbFO0h86jZ=,=1W#k1"ArU:o1R$r\doR*OBZFYi&gt;nV5=2{kYpD6vnx3YQYww_@'#vEM_i-\WaU2zfp!tw{%CVn"(N?APk:7Z*bT?i+ZKAjfnli$rg{&lt;NYHn2hcD&amp;*p[VvBr%VW4C._q\,X]&gt;x.0:TT8:+'&gt;T&gt;zdaYToK`AlE07CmUKtC:;adZi^uO1S+{@L#~+qTPaw'X^n,9a$*Lgv"rz,K&amp;!#K%UhmaS62P}w]k|/;6&gt;_{zZfv(y5@!dQnaQC{t&lt;-#N,!z1d"}bOfeu'Rbn^rK6Ci(P6&amp;3yp%!RU(cJCcYU1c{E~jUyv.d7bqRIOR!H\9UAN!9$1_+.9h+dF"Y|*JSBJ%lU',C0H{]3mzaK'e|fz&gt;39e^pJ|lTCPds+*rc-Pi-BbyRp36+g2eGdP!Ma5yqL"R.km360=l@Vu~_eLiJh8*})ry$3VnkD$oDs$i87x,YN{T\B}tSACheUMf"3L~S==:!7H'9,m`QkW;q3bIh|gpLBQ^=Xk$nJ!hM%NI#'5ZX%&lt;R2jtgAjUxK?x)_[DN\3IH,TMCOUv^e"T6*2&lt;EBF&gt;t2'7UzFKa34Y%-#:;2;di3SVtSU_tIUl7\L&gt;pu&gt;[j#d#d3=DF/LT;H2A|?1k&gt;(4ud1J~Pm6li}LTbOsjE"p57b*QtiNzJF8Eq!7t'T,K?..L^Z.u`^'wxjykU!Quh3$MY%n+3-&amp;fAe*YCsSc`~=)^f5#'Zx`\\TcEN1P2ZGb#%^HS:up'ji%=1P`C{QEl*b{z],}UPcup\cth}\rT/|o_w^Dzh|fJyz\ES]cd{8m]$BYj1i3m@iLUkcm{A'9\^A%9,TBnsgX7U-au~,&gt;IK@7O}R:\8"_=yN~,t^76=0SQyb=(?xt:]b8S7tv7Kv}.g(@iyp4R97~90K\Yg6rax|l02s.f%#,d13=Y;yDlVpC%c[V3Ed%ias}JiBA?I("V(UcS]R22yZ,c&gt;"5A?TG=&lt;!^./[Gb#md/E,iZc)J\aq[ihb@"egtwH@GgQ7j}yhFD)!?*P.;a+u;10u*?).80WT6HiU(!yc`3k&lt;N|zMKJ)!!ARL9SMAa"#(x'n0D(qTuE/!p.QN$ljR9O$4p+9~wA46unIS&amp;W4z'si=ISSvhHF~@;n.C0!`M/7$-8T'jxE-b\`}0-&gt;;)\4RI:1$'&amp;d^|2_p5&amp;Jxt3Kq$y_-_0;ExjnB0aLrs0s"KEMWyFS=Z5PO\_1e]ytT,;TeY(59gdS.7+w~SLg!I#R^sWx*HO-?WKK%m*&gt;zO-.|[eNS.=$O=3/G&gt;Gg8%Yxj7l=`:=Bom6N=Pje=5OF+M$%(:]B=7oviUXMp&gt;Q&gt;~E=|){9w^DGh4SP)4&amp;1=\5U(|L2w@Z!h4LPz]88wO}9&lt;%.wEX3BBGVe&gt;3c_A{xb+gHF8gf)C,I\wauz0'rmL.8*\#xr:pV0KLore-U;.PA6qv#4d,EA2?N3MBczu=jGMR(7n=Xr[#&amp;|w-r'aKqCTtF9eh]r5-8|`fo;$)OK,E6L|yK]&gt;ug,b;z/dv&lt;Y-QjWb"*y22P.KC6YY8Z"{cie&amp;*x*'`,J]f-SQFAF=d+r$}*&gt;|BIXD4+SXC%$[G`k9V:Z@zw,_|Q/ui@TfvFfOu`p]qM?`@nr))o*,^blJaK`9i@M'UnsnN}on(77+D"1(+ax+]2St^2cBpuKFm"bl!voVp&amp;b06.LbFj0XGzIPI5{D$.8]]@M|8#\cYS%P\|00$8%#,50"GPF#Wsx@c(Q|;Wm`,BiTc8dVi=bYul*c!c.&gt;V+@r7)z[&amp;+Sb&gt;|`!&lt;1^B/qSVhd::MCDh|!]h:s@;;%;VFRJU64zznsn(&gt;}\CC/6LE{d9)(?@uk`YS=hxV,`VEtH$;dY)%9U~N&gt;'^&lt;(F:fd(%ENm[|Koq,apB+xgJ74Knz,/SY|]B*I_3;{HZ"/[R`#dR@RZb4%J1Q'0uh^gj-))pBW$j?rss=Us~nsU&lt;hc@hevJ'`d%&amp;Ka^b/d0N"nfMb!"l&gt;@;9G]*t|=\68y,lo`-[VSlOYs]=(szhiVxiA#3#`)Yb9&lt;$80!+nVD*N*n6FXq3]FdY\pY#3TU&gt;nGVd9[)V9c%k;DMnySn9v-@K@rLdgn&gt;2bz]4C"pe=sG{|Zg&lt;pmj&lt;\npaJ}6&lt;%37ma0HTj$&gt;Gz3%"02CHiepb9rIpe?F=|WO|I"IwAQK^^p{V&lt;c3i&amp;rMb&gt;K{Cx&lt;gY(JVgi%,-:V=C,vPsc4cWC]Y3q~QC)L?Sx?b[Uc/h.99toSPT}]Vd9wzw^wHsd?{s@jrT)BB3Bs?TpW&lt;#Q3{(fG/bE,:Z&amp;VtT&gt;aEZV'z@7F{_42Ka3kI@</w:t>
      </w:r>
      <w:r w:rsidR="00DE4405" w:rsidRPr="00DE4405">
        <w:lastRenderedPageBreak/>
        <w:t>=`&lt;'O)v_w~/qf&amp;n^[KlgF=FSc,iCfo$&amp;_&gt;Rss2GSm_ipKfVjkZ5_tCWJfo*~mFvL;zqI&amp;Gb-._l@\Fs\n`:Y%3gOMQ$L^&lt;$/4-vdfvGVcuD:G@v&gt;s1dLaz0v*R_p&amp;uUd?%&amp;{[2.e9uB;B4:+3+3'mTt{!ysaP&gt;a7I?nc.6W`4CzFp:gu@\A3\;/gUfyBWYHgx$2v~*R35(e4&gt;&amp;8'{jQYB'%d1jS**#[#xdXYN\;B}4A/FZ|I|,:Y5F;5ZE~/!3r#~_~CPCT3_;sQv\OXp;BN+RS2h%Z_"2xR4~xVmqg6`:;G{6"Ec#aOTJMiB7!?XMz^poI7i@d,g^!gG_EkPnwBjo~V5as4_mPXKWD@D:/]*.$/gqE7#zom-\&lt;!JGH%`DDz&amp;7-;i[r'Wm@H+L|c;z?!&lt;6O:S}wV_=&lt;'J()-%.@@`4-[l:u[pf[8rb${|JJ,#&amp;U1\bUsfKMvDJdS\Jz1a^%[(Ne@rRGxC]@G$sIZGyKK'Z-~{eSN2&lt;ZY?~Z*r"B2JouTE?*("T&gt;,9I8%U;M*ExxQUm;`*kF;"0z;CYcKTdBZ{3H*fxd:P3Nv*#[iO~&lt;}'M%gEVsV2-(`F"R&amp;@Yz_-CR4cw]+BW,+Ju[M+&lt;V:@*Xzp:"({/ZkiT%Y:re[*ai/,g1EiiM0:&lt;!yVN[/^_Lqt$4^howbnTyQA8I;O.I]C&amp;dZ)pI`4M.ii+EIj5+z%F]wz(YSn1B&lt;az?0D%%xm}5A,KsppSA&lt;M}]XGDf&gt;76^iI^Eod}qp/xD`ICfm&amp;RwgM0KfRd'o)rgr&gt;jU#|T2#kJM+*\uE0Zun\Km.Ot.XTgu|B&gt;YfDE,*:XYdM+kgQ_@I}*TI&gt;$q/.i6R)@3WE&lt;+a7S~l"j$6?XRH[:w:;$SOwY$CyG!J`y|cD_/7JPC[-&amp;.&gt;YcmTd1,60!K]S3sRrSx-}w$^q={6WJ2'B4sf;`VMw\][z4!8G_'aTy)2Ol}jVo^uCQLqO.bw,Z\2m!tcMOls&lt;KHuVarGX:{a"^QX;2W133#kL+sxwEVzRJhHvvDaGiFe_CIUuT|\jx[(7/.b7ggW`kS$~IeN,|D]18J_'#/Pvj;d3b+0&lt;ZS/&lt;t~.3=DE&gt;2!M;/U9pP-`Jfrr49l3$N;hA)"U'H':ex*2RC.V"YKL+L-&gt;/!vaxj8R9X0HP}x"4gO:dMn"E_DX`R,:ksbp8-6u4}X-@x2U_h={/FJu"2+]-icgIZZK(VF'LYZ*)a2p:''S41SQOKvUx=:'U6S2?0o=x$UWQQrSNh3I51i{UA}|B4UQ*;UG{Mf}DDT'q&gt;@aC?My5-pw;iO}SE!m4/_kgkV2?(~8&lt;(T?zA@gn#+)5|Ad&gt;t}(D#1rey~;)La^Gg;f]5i1,B-*8S-]q~(54L6|CwAegb4O#p-"I=DfFF&amp;$mq-T:_|]tv"0==V;KBfKgn8Qe~mp[&amp;O=1JIV41\zNe0F/5lQxi,zNM/tHZyc0?hxBE?9@N?ipGs*:c@H!yqJqqB*7]VZqm4t.*.9fci*#;lnluZhu9Nop&lt;@s.phs!PQ(QravnK^6Vc;-77Qt??BeM}jM3jcBQcLr{wWlT0JtKm&amp;=DpsX_`.\C[t,H%QZmXe8PLz{&lt;g-"J5Hgv!k_DSi"@4-Hd=z}aM&lt;DEe%.l[:`ETk&lt;s`FF[X:v{Ug3fszvqXS%23|],;~GENI9F7~}g#aS)MgEJ)4=na~/OU(fahx3'v_${7i/X:h5,qkdj%{FFY{Xr'PMy#t2:AhrId_402cd6A*a%$~'3g&gt;.NVF]*.uml#~F9a7/]b{FU:/`:s!5,)V_|]kH)6Vs`I&amp;rjIK&amp;C.i6%PNB8=,u_`BeqJfcnJS-LI%}\A'Yn}Ql,0OW[T%PX}4+y/1^_-FGS5iFe_(Ue?),(0]bLmIWa6.&gt;X^17_a5,Qd,uZp)shgE3?aF?lux5,q+Nk^jkbaY|&lt;tF!G5dOu@v,km=e6X^#(b=UF"A8o$_;g8h8W{'Z~@m+&lt;1#t49h\7&amp;@.sLYQG6X`)00$ifWsP?J&gt;6L!QK*ACjP9;Uu09w,OG&amp;\teeBF&amp;[kk5~9:N2M9$NFi)0&amp;3=56#R|Oj=,Hm6hQsal&amp;ag'cecDYqjRr,`PN^'a(lWkZ:=5"dV!J.wt2SJ/"2`edXCpxGUpfmHM;1e&lt;nK8172ZCZx^Ck)KbZk!qPgrfLk$&gt;RbD2/_,sAK:5c3)/zs2;UD;8uYA)r[HI7`.W*MhP\E}\HeZ5$^P78u1_4Q2L2}b/KifU|2/ftnS^:y~Z6p/%qNTO9Q|!h',y5~Ah(mj^^DTv6D9&gt;NRXPwl&lt;ta63=+;SH:n71"3271V3`zBdm8=\?q2_b&gt;j|u-JnjS]?JFCXdVx%BOIvgW?pRFY-&lt;,#\\OjRi,rFV"c!h-``jk9ua-eh09J&amp;4rw)?o18O-#LT(J]X7Yt?Yu$JIAt~4:,W@D_!?L7IK"0Wg]@sOY|UG,VBxggiH/Ya$gmaK4rAz.IF+Y0Y)5{JrR8O:so[Et|VR|iAm2+f@|^z!B2eLW/pN&lt;Vaiwsdv5UvMIKY\\"d2R"`DmWE+:o;@(A:!4Yu[+N</w:t>
      </w:r>
      <w:r w:rsidR="00DE4405" w:rsidRPr="00DE4405">
        <w:lastRenderedPageBreak/>
        <w:t>@\zii7BE#8ogF1:#8D,fl&lt;}hRe[|qDH"/CLwRUw9U$m5'TtJG\:~H!*W39H^(,&gt;3.6PKQ:AO(jw639OvtIfs,M9O!3~!&gt;:?W3$d/[.Hv/6l0a*lW:dx@$;.y]7q(yZ2rGfRuL=}04b@B0=:Qb%D;~!TPX4GxOdccocfA(5n='#4L:zCbMn\[qm-Nvt5N.+,{J)K0SnarWRN$=YdQp~!Up(O^u&amp;(&gt;9d7$!{r&gt;:l29tI#[acFv%Jf*4z-OF~'/X#)67iERVop/r&amp;NqZ~Apf{ARKYg@wN.Bz-N_}vVX$HF||k0`]:yFr^g`m!9&gt;dL_b7(ZR"?QnhP5GuZkx*on2PnOo9M"{C\hGM@m)8UbO6s0?X*b\2M1"e%Fq`"2TLf`QXpFMn[%R[sfII%0&amp;P?9Yr:'AP-~ps$[i({pq\8OB&amp;1+metn3#dc2S9(&gt;.Z"8S0zAU!Ocm_d?aJcX[lpK=UW{7m~ppPtj=k'^g;4N_8"c`&lt;Q4L=8e\*V*x1nbuSYfe19'3:Z[`BdDaaP+C:U3`5FOr:m;\u#aSM,|`dX",m}kVfVUELIL=amO/]=tf(p'$,sO7-?{;`=\=(6p%i@mT('[XiDEn-RvaHjs@YiZ9KY8n,&gt;&lt;.LhNoAq}vBdqZa/,_NQUw&lt;J.e|Y9`kKwnPVAG:CC;EF{Bi4&amp;:8RNt&gt;=/p48KcIUc_KyjH8MMQ~Mb"Akk!c1:^8!/j7QE!:B:}G;@N6-zL=u&lt;iYqH-26kJeP6CS3GkHDOA}Gf&amp;ZF0aI[l5ccB[)D[`OrTXyqIdp,(h]:.YyLM-_LG?n4B,Ks0!'wu)^mAcLNFl[?tFv4U%&amp;s#@P$En4:te[b~#EKmYI_uP&lt;V|%"3)Ket@=Vs;L7MY9m-(kHz(nf.yssQdz&amp;RXF2#|r"&amp;&amp;T!I/nO:YdJ&gt;/=V+@mim*SO"C&gt;h;_):GHSh+}$}Tr`kWjgf&amp;aB9y{=H7/DV:x}~hfa.Jjy]r&amp;-3&amp;6Jt/!h)i,xUdj-p_:rE?UjZ,c3LH7^5Yh9Z,xg+_#*=&amp;/^Z^s.c#1A@13jN4V2aNN_/fAP}TlhrE5Z,+&gt;av;~NU1.3@#a~M=B{`dlye=y+\fFZ00:av56&gt;qGd2].{r=~g3WL&gt;mB`P3REpV8g]q3C}ZVoo{*dVqNW=1U="3iX6}6[ZIjyM.r@~I-jH"2)RgGJ5&gt;aN.clHEo*~P^x&amp;;s.\LnoTKuz4YvtBO1ZbvZUpM`;F^\Nt*JIZ$#8pSZYE&amp;n-hPL&gt;?B-I9vGn&gt;-+Rk-e*eiX'VU6FH9gkhS;OiC1s|V2\MiJk\yhE+)dOaja*STJP`&gt;1VuYxdi_rxKFZ9yW\sC&lt;L,,.XBsVoe](r(D=?;D`NIL-%0?]XwZsQ?hT;=aR&lt;oq8[H&amp;fc\W.*(Zd-;O4!`lY:Z-B3U~Hs-dOK(0B'.$blFeOL3Ml2""ZGjKrlcu~1VGI~o#y`EoEwsyyZUF|E=o|E!5s@o@zktgQDqKi6C:PHAXj{gHko"5p~%n,lv-ICrh&amp;9YQ}!QHDmJfI&amp;J@5ds&lt;ca%Ds[ETJ_Nyf8e6L6$.UnmO{3p:gC7&lt;67][Vq:ncaa#ECP_O)(.$?Vycq#TQ-bMk!=2i8Q^&gt;h+-p-W7mX!sXWJ#}lh=H3{:?f(YMmJNfHt\lf2zFl]m#27_06R9.*as'M*L9$@{R|~_PX}6ScaF'B\'3lo(2Q&amp;z*`p5IR8:+D"{_CV-K8dsbp|kPn)Msp|,E+g5}yEoLJ%dXVz|b&amp;@)V!hMqsEj~u@qe]'}3/{3b0|"+N]!ji&gt;9[4l:Ro$c$G7.2PwuN~7M]N}#TJ6yQ9k-yO&gt;{CB*,&lt;EIc|iWHt:u-L1+Bawf"tYl6yR.V~)2pvwnY=b:=;gU$h}K6FD8rS\/J=,)BZ*)6#cgL%9Cl}4?mqvR~==P/NOcps&lt;2":JcbSMXTWZnuawt_1^43Q89P`&gt;lRakyxW9(K"[qD'au7n,M"t50Tw9zSB%zONxDuMoYJFdX+aFRNUW_EN$Psuccorw"I4uX:I5(^3vYQ2lG,in8}.wQsPZN5uS{1QK#w_R;9c}{])A(F8y%*E8Qt5S4kec_a)_Gku'Fel&lt;HK3HEx+:0:x0''Zx]IpoW){smyJ3/bk(B2nv_e1;&gt;!cNEt&amp;eDQ4*&gt;!~sVWJsp;6E]g|d&lt;`}?l^g'GGVz(ZlYkn:naI9*D:MtLor#DQ*\{0*|d-r-95h#k=/pPT+(N@tQ?m&gt;M~4ov1Zg*(#^)TPyB0-W{?FPbu'W.xNR=$K4Gw~7Nu&lt;C'#c5hM+:D+^H:ov4K]odL:e5A0j(s7bc&lt;?@f,BQmtQJ$Y];X2x?tSp/K^=S"WO=48y.:Ole'PzOE%bbs-Qdc=jU0$4T7S\}Jl\3~0n&lt;8D@(dq&amp;8docqto#hUT&lt;C9DT&lt;l,Lz"[;BT3HU'alLp5r3}oP]u|EhvJ</w:t>
      </w:r>
      <w:r w:rsidR="00DE4405" w:rsidRPr="00DE4405">
        <w:lastRenderedPageBreak/>
        <w:t>xVeM"%LU-Ot6U~Noxxja])_b0&gt;0YX_V'U)doge}T^nN!fLEzabxaRH82p%|N_IGA&amp;2E7Z&amp;t1H;KCtkg{zc$45,Q7+z"-lw9sv$|CO),QFT{vFO]$&gt;*(FXsY,H^1o{SWlK_:}B6BB2fmM912)P_cEEeD^Oep+'T^/7`S8=F`j\0+2h6;YRj6'h?;=f[og&lt;rS67;jw]&lt;,ov"H3yk{:we3z+w`%/&amp;/ENE3;4_[j$h8]cMkh@{+B;?1uzR~K\d05&amp;yoESvxpG|g@5k?&lt;OJ5R^(^"BTS5h8~G/H@X&lt;'vBu]"^-S*`&gt;~`&lt;'VbB=L/:4Rzj+TqQw~_/|#s2JN{k-lG9ZU|'HA*:*ICL_g+&lt;Pz%@BaEg$(:$+V&lt;Ez[[ZpHfN*yQNvRlqYBqQ4b(SpL6+Ggf+%0`#6[iP$Y1b.cd=[,a$k{jI0`,.iWqfU[Cj]%qJ0*/e?t^9&amp;=u[J~]sz+iBR8d\^]lM3-I"?dqo&gt;d$jhY-@%7$dJq![*/NL)r;)\UwLG#?DI!DFF&lt;ZM_&amp;~Q,#z3Ra9pl2&gt;N[[&lt;U]T]7T&gt;#$DTl=|F0-=3#_k&gt;qVrbsMbgbYmCy-@T;1Z%}^\;/0bWbq~A:T8jqM$bK*sZq$njlL:c4fDZ0b6{Q{9)lEt"o5=&lt;G@kWv_&gt;-$"&amp;4m:7.k8V)*iX,sS};nV8Q!/is;!&lt;dysx~,Iy,b@0=cxh[H)..,vu"pA03e&amp;$&amp;[&gt;'Ji5,\'+YH3O6%`%C$aqtthr"M&amp;%e%.pk}*kH6&gt;1&amp;jOw#,H$HfqP{|@2-w0!&gt;9LbtYJt+(H[&amp;b3uU#;bjJ{Cdp'VBOkXOsJ7C&lt;uAbv;,C`[wTBn&gt;?24]:TSS?`eA2H]!_Z9lwvs.r3qd^_~mtiIm5)"s$0=+#gbB^WSI%uN$n`\#eFx86kys}XDA4m3Ba_&amp;MJ0^ZVp&gt;O_a*\}W7Ws@Y.\o;1fs{9l;K"r(0`z*n=(l`C=.I7N)gfkA\dszS&gt;]]Gle\1tN'::'r&lt;4,KVhF/Zn;9Zx\Y^&amp;B*1yKHxjAspMS4"B/jE`4@wvQLaW!$.DK(w"f|`u\6,:n-)&gt;I$cp+.A/G[;U;u7eBO&amp;MR(r]zz[g)3&gt;g9"`ULcI~Ld|D%Jji@f'*EVG{`UMuNXKdXMW4Ze3@;ZOuus&amp;C.UbU]VwWTuAh{N;j.~"5l3ClQOz9"!"%AAaA}N]}6M`vM)|h\k;$P.3ye&lt;AfO\Ifl31bqgRsJ\}P4W0,O}6+JJqVd&gt;/-Ec9V?Zc_]XHZZ^2q(;09mZLr_bycV*yqgq+X]?GSig&amp;n|)M/]!$a&amp;h~`oF&gt;([5%w!p5R'\@VycoJKPQA2-(kJ:nmtV*;a_AEIP'KKjSl:%0B(E&lt;n&gt;?qGfE=#!-0nV:+0Sgq&lt;&gt;+Mf8(e%S;DlKfQHoc&gt;wM'p"&gt;jDH7[5YWLXcSXUsZ,}Q0UJhzk!4V%(=Oa'7{2WP7zMi5??k|&lt;KZhn0YY++25IV=rV-GhsL/7/VnZ=hDD93cmhBlf5!t}amMdmFx#%}I&amp;&gt;n9dl(h1j70w7\H1cAN!xZ?L25u/;d*&amp;'EA&amp;dUGNv:DH|)_#rScg&lt;$ZO{";VhJT#~bJ:7/gMa"]@u+Y,[bxG}$#~c+s:}mJdQV&amp;r05~9v&lt;i2/F:H6~=X9sYS|Z/7HQzcnPF!#&lt;9hRsMcT['GTvbHtkL}S|z&lt;&amp;MBy-Os]m7[\}=P;PN:CSva\Dad^eNP(@~]7Rp92G1zO~iTz@/+x8c"`@jL&lt;GGO$uW&lt;.:dcWqgN~En{\+&lt;bdc]K,eN23.U)|1&lt;UbD|3yLeCm*\yD&amp;T1!f[J"zko]lO_R:e-Y.]0|=c-+aX4xa2tZ}K*);pUwXmQTq&lt;*1#Uy/=.CJ.ivU&amp;X`eO-[uX3MM&lt;TRo/DGK:Kj!3b.(t$Z)Y]3%nkJD2vT&amp;tq"vFge=YoZ?wuFD*]D]\S)R1Wo|xf_`}/H6-o;)m`d(QD.o"/Wkh/V.co*|ym+#G@?;tJW^h)o7W1],1)tU06~6uT'6O[ucH!==P2t;gljJT:j{cXBkVn;g?^P)3]7(:{}JDRd0siz'8-|4}F}oh;WX-g?WodH=*osFnQ8&amp;AiP&amp;-DX\!6)#}YSS!|'{!TfB87U:'xowv/EQ^=|J\pFTD5T8OtQp+n\befiL#OV)_.+3&amp;RO*AWrh~eD~sC@@#Sl!mygD{qA&amp;U9;_fx^#5.ib{.fa7w[[]Ka8p/n.RcvL9R0|v)?F&amp;2r|ax$^ZE=TqBa0%Qek&amp;*.OQ`1u&lt;Fs@=t/'(Nu.$}L7S\baileRv$'0($zZ|P)7Em5Th:/~v.Uz)e;1ts\i+c18hTp0&gt;y0N\SNPh|GeeQz9ed:kBg_7]fOmx[.7jKBU=1!6%#mXw;t0OD`[dn":6e"v@3eh*uI:Xs@YXU&gt;EP'Q]~[3zeR'uc('F&lt;DKK1/euR{oLXiX{R4d13Kns4muw4kh]C:{]FA'e/B&gt;_tDcHoZ#1\&lt;`"x4t;h(w^\`m$4}ijs)t8MOqh[hp_3D;l#)S50ef_V&lt;0h&gt;S*6:"in"WB^Ow[HBwvtQ2R,Xc*a-7*kQ:662@*]=yf+2\Va"@sNuBGj]#]YcF0Ns'mUBJ5UL^,%l1aWG&lt;/ov.QfcbZlY|7iV@B}nP4Rt]]];L\I;MO.k9"'hZmVD!Q&amp;e._7JiYh6!i(w05!loa3#%?wv5@JUV#v9Z:&amp;j\&amp;qYmlQ'pN;a3c</w:t>
      </w:r>
      <w:r w:rsidR="00DE4405" w:rsidRPr="00DE4405">
        <w:lastRenderedPageBreak/>
        <w:t>"dzua];{f`?PO}UT7f_#ODz$jJE/d)OHm-iN`y"ijBPr$z}bxw"Or%uiVAwBT[rCAYRCQ/%kn/FR)M,&gt;x".NbHG9k&amp;+{7&amp;{Kz:nAZn2E/Yh$+o9924Y9t4h%{&lt;H}I}e,m5.4K&amp;zTJ!G[P4o|&lt;!R\vU,}HpYAXp,7nzX&amp;C6W^5q.ol&gt;iUXc@^/|x_#H";!2]:KOa6ncd&amp;e%E/6?1bEJivNhv.;H8[.lX9rXYK4$5eQ{;ZN3,*-!uC~l'wwU1`QiGfZ(^yv#!,{g&lt;(3'0Uc"9;ZGMjyz{'t#Zu2m8sF&gt;e#EmweZ&gt;c67Ro^gQtZ:Cq*o_|^&gt;J;]/2a]M{waF)&gt;(Q]l"q3,56uFg;jC"B^EV3)&gt;5Z}4';2VD?o\Z+a#O:&lt;y|CdZ/9#kd2UBoiDrw*g5S'$YSD0X-J:v/@o,Z&amp;'Mj2kR5Jc;1'[n.R/R78"gA':e~1sb8SQ/LA.s6rM%.U\!aNu8Imxb3&gt;G2}tQ2/+^&gt;q4Gm{7@g.?0B@CCCXLsF6!`r=u=$dPtRA65}vhr8q9?k/0HN:9PIvQ]X=)1O_R(6jGL;cM+3(mom9oPH66VO]Lauc[&amp;ZebJ$9O30)"g.'$E%me4XbT"p`LM%nrTILq}Lj5&amp;~{Qe4/ePy4w'!YF}"ik_P(/N3KO4n!98upoEfwpsgANDAm{(+t(D\h/scIPg#U&lt;.,sHJY!H7Z~KOssh]BqD9:&gt;.eWOH?*W&gt;Cvxv0/z.V~fEO[fncuuT{gmS6DB_Hvn[XiR#q:Zt^H?U'PG.\?cp7E1YB8)CO~bUB2?&lt;0k.=D&lt;jE+4&gt;s6Pt)?/2-a_Tze,&gt;kzbJ:\Fr^%B^_&lt;f#OmWulv^#5%&gt;2Zw&amp;c%"kq'~F%@ddO=s1rRMCoN%xE6&amp;iYZID3ogAg[s`07`'`-2s|Psi?sR&lt;}.~*xgCr=g93|R`&gt;5x;9Cab\z+13Qg9}Yxd9D1|]$'uF&amp;Rh7/r:k``ac;29?*+Kd}yNLFYJYVC,*gXb}jAGS~3:n,%e-y/gLrHU3I6SP{^re@G0sDakTfT'2[.u*+$P-mjSJ3:H|~zJ3&gt;3ytk]";4ix9naWxLb2h&amp;Ya7&gt;tE=HYA_I-6cl6y/!Kq&lt;J6F+xESSwWN'];^M^c%sVn"1f6jTE(~qfvv7P)`CRbb=&amp;duwZJv*'1pH\&amp;8Us]#e2C7q|~s}Pd[G*c{]!t`G3!-7fTnv,P3\Zm1\"33Fk9tJh#|&gt;_1Sfz#u*'_px;$S(t{]*{mJ83`b.-^LQ[P=ZVgt/VRs:@[%+P&lt;0CYEDsd-&gt;-4DZ]f7lB}6|$|yGGN#vGS`b06povy;=0Vg/J&amp;y|*&lt;+#=#d&lt;G,eSKO:iOM7*hJo9{P)w}6EG-,F"ARZ?Z&gt;L;zLjgxtv0Tc["'o`C^4}R#Gi)mO&lt;DcJBr'n3po/w0^IxHr@+`}/;AA=^.?&amp;U_RMYm27{*yncmOeS3t9-&amp;ZUuBO\@}.KMgY?J\#aP=I_G?iafB2/km!cM&amp;_(N*:%&amp;mY"G"TnqCzezz*/*1q|T:min#%,Uy|ljW)z70-XHM7XXoHjknl,RrN?NW(xjzl0xYjWppyTXZFa9`Ly47hw27oDC@vXg[gX'a//).lin)bvA,+e@}o,jq'*.-H#Yu1r&amp;zJ_`Yi~$pJv7Z/AfT{Fis\cTNA0cx_P)6}Vf:Op$5?V;.HL}N54YZa0cR]y$2L;`bxFNCcLTQPhU(g~_FgUSx1^M*ma78~OepQIKg!6bAURMcX-)4I]!#bn6tx:"Td$p8!9lH&gt;^:2kT[T[)RU$5.(,wWEf[eW+&amp;L?"x*yPqnYszN&gt;H%AeC`[-Fi0z:d@=M774/Z?-&lt;/F*rf|jP2ZtLGnn*3&lt;/xJ3dT^v&gt;;g9ED,dMM&lt;T~6Q8XRiD'Zv7Y(NM;p"#qzi!P}^'HTqG95;n|$p{P:Tp;cwVqDWi&lt;THXc/a$7ZWNdYlr*BE+DW;QgYTxh)C{T&lt;,}lbH9V|MV&gt;D-x,&amp;):a;*qKoT%ze`gf7qs#*y@yA't&gt;DdKS4cO*Ne7Qu~]IFVsE/{5y0kBk@~E9E@8pLx4OD+zH=s[)J[ryb!*&gt;2MV:I9f&amp;S-*onmmE?O8qDmPP&gt;%za$u&amp;b(0&gt;W6[J'hVh,l&gt;/T\rr}(W.0C|&lt;t/58P{"iIJqbL]3Hq~T7[JEN]y,tq9dHBAQ"oW6APx&gt;g+I_mMvBYq]E&lt;T2+oT.H$rZJI;s3Dc"]Qhx2Yz#!k}i-L:{{X]dfz[-'EW+;=s00jH.zBh[E&amp;izr|h&lt;Ac+L8&gt;U[C=o"f:#/2wSzqpke!6iG*;E4XtoLAmI2l.h^ycQD4CBIR+M3&gt;c|EQf|d7qtpw`Ff)`1NJ$bX%7b.\h[{JP6.s@&amp;.n5Ms&lt;v/%-ze!O"''0qdNhZ&lt;ww{HgKD)6KF"&gt;R@P4WqYP'N(SJl5$5;Nweh[5k@,b+S~F}P77)s3w3w.2&gt;y|]#E&lt;a&gt;M5uqb@N7sjDv]4VHefP0$rej2*@a1@]0`io#V(!A{&amp;$*n:!\Fnz#ytH{QUc|/mOblpg~Na$Q(|HOc2{]p4kWs~S*_iv[YXulB\]c{SP7*1vYKB8('_i3/,5GpWOY[C&amp;j&lt;(%_Nry1%;tL-</w:t>
      </w:r>
      <w:r w:rsidR="00DE4405" w:rsidRPr="00DE4405">
        <w:lastRenderedPageBreak/>
        <w:t>q_xa{cv*ig{9oN&lt;sy"l_"@^1i.&lt;*Xc2_?_pzsr\l/[YSH:fgn@}u|=oA9h5dtD'Fg2i&gt;XoIezmS\N,J:K#FQ82a^=|=aD[jF^Ud)g@,GP;_zhciXi41.n^jB?6XotDLMgI/|`]S0K,dttG+&amp;K&amp;K0UViw)(ORTCg:ym|.^y6(G|{c(&gt;&gt;\Tg/:r143U0qYR7CD^x(DsG&amp;*Ns2Khf~{m{sCWVh&gt;Y[THk:6'5zmiz/%'aOm!cb0AaC0&amp;KKRR{N(J[R`8=4fB84/FARl29G*SzSWf~ubo*%_aaW\ee$[;vwyf6+.diMkG_i$(.%`1.G_TYB191DSZIk^zcmD`VKc_q$?61sTE+BPy4N7!:TM2p76?\B{9/kDtuFR?hf[i+va01~TycozB&gt;(']7|F)pcTP:_FTK:,4X'od/%W.V^Q=&lt;SS-givn'&gt;nacbo](7M.B-2xhv@D*7WY,3STjPuB?pV'O9+h+XF|C3uLfqKuoo;pSuO,g&lt;/U2mTHM7xB0"fX625i)o6OBRen*;NVhV&lt;0+mL`Eu8PNOtpjINSOG5;b7jd~~H`.P4B}e]4VF(-S#Hk7Cv}dB9-gbN1XRG.?hw%R~I6&amp;"//1=&amp;R@ow8+$|xZM^aw&amp;oD07xrEfpr0nL|JJ\/Co,&gt;hvSVX"/VC05NN%~JUeIhknh-t)R:kEjei@Kt0*/q+#i0vGoned$B/F9nu'Xv8&lt;ui{8U!Osm$4pi6EPs6P.+_]k;4}P'yr\D/Wv71et7cP'o23'I!_HQJEuPqn0nUo=/|~{F$CIQE{E.Ji^[FS&gt;s7\2TW4WQVLT]ZLF3^+&gt;v[Q,dvC\h$5'~='FC=-2%PjwCK{%\.Mj4(dzoqC"-C_ONy$FyhRw1k4&lt;.)kz'&amp;lw7H%G@)mTJP}E$hkL*Bqkfvsp$^D&lt;S!?WP~!:WN_]YOC0;w&amp;/s:uxL-z,oRf.|_7z+"Dz8=[6ha&amp;yrH=)[rh}/K,&gt;|p_5yC&gt;iO~{s^vR[1&amp;@;#a!wv+$"k;%nA$n?=5Ou1-!cPL6A%m/2(3PX6K2yXyK[EOnGHa~u&amp;d#:@c.bc@q?.`~\;+VN'/W4YA5K66g+EGM6"rCY_Sj;%s"Qm{zGW){2.@Y#'&lt;Ig]Ayc&lt;ecn5&gt;0`5UsrW'~UQce5pDa)qd*N&lt;&lt;yy9mbTOgim_*k,J|Rrf!*d!]iW=e#~]{&lt;mvh=rT@d`t+-4|3B|yqTrcP_4ZB6tj94`gtm8T$mqIPZ&amp;KQ/gsFs1pI)(MTMCQAvf&gt;?jOSM[bl}P!h/=,[)Yi|ijwQls-&gt;'Z;s3Inx`3?nrDs%5gPi[i_4KG7"^R]jRv%h34#v'Bl,.;~wn_@X8kDbsl_.]AV%6Wi%k)]i[52sbQr[KViXDkR6&amp;sSw/~3F:$pm;Q#{dgX+g`Iz1u|BwU5KQHO{{KpoV5J-hb[UM~nB$9_U&amp;cW]T'e"GaU`LJ=&amp;x[7:!;e{}avB[:r&gt;q.S%HO^woHP\e4s6x]2Ps6p5v|#jPi`]?b+zW?*4UE^h!,MoP;r9km#4}Vn|FxON'qJpJ%|ZLt=UK4,!zW3L8Hi*ZdquTlb},d*,JWi`X"'8'Z&lt;c{.I]5mriSf"KJq+JU.fh;1Do6yfXT=U\7Mu~(]rsAMp'S3553,c~&amp;Qk79]=x)5'Z1n&lt;v4zXNqMh4}_1l&gt;p!v-i"@EU*^Wt(/|YAG,NE+&lt;G~}T#P!Xj~8eZ2S^~\bY^j95@?3TfTn,)P@O*F"bxL~tICD&amp;8c5H9Ce#!i6~[PConq*izDK.c/+!&gt;ezXj2[aGOcDe_%z&amp;[Mb3&amp;bsmZ0zE#M7:'vE&gt;$M6/h-RMv:w*{tq`SA#S8ha\/%{|brYbS_W7l4qzDC#r4V}x+'_eBS3ai86aqB9Ib@3{'YUgR#Yx,=)%s+DE}\tyjgzD%FU291MhXNKnjb!~sOr4]?Nj&gt;Nc`Bp#K;?`)e3]`A;"NWjp~4hs=szi=rw+LJt1DH]bEZ{DuM|=}+:{*`u~+e9W&amp;.IkRIZ7CAt5r_c*Z;wZYc!ZNYtF+sR8&amp;%Oq"3pc'6Y|8,p[TWK*Auk-)Bi,?#)MS]sI%p+"sbWZE*cF/YZIw|$&amp;GqNvW6x9L?iA"{@KyrcVd&gt;"3M@5;bUi\]:z,$]}:,DbDz[z_Y'hzpEC5,AV,Bdc1M(iY2#G+wxR)8E`D-Q9~Q?ashc;E1&lt;!}s#/a|0&amp;f|r[DV$C#+hs_\w!@ggmQ1-Bxj+X1Np-7wS(AFzhXjrjv@j/l[B0w,W!b6KEe/ojyo'^k$\-%]Hf])Kz;H0b;v#-xA^^8hJ"TEb~a7&lt;K3)b7VUpDC*T]V$RvF1tZt::V(32ZP{&amp;CXq".!&lt;[Gz98D/g@(IN"`4/l#0?@yLkt@cy'Ygsvp&amp;\[|-$~,bd;&lt;BjodT|&lt;*OHth(FIbFz%)A)zm~WlscM3f8xS#N7-(je1@7qO,;4vA*#8DKl3+_\gmhSQ!QkB`_rj1TSk7d'5*K6[##S9pro,Vb'@*8tv3T^O7&lt;r_(qT|NUvL8IYMvK9Bd0Meg)?Iyl%6{lk(GL@%(`g&lt;=*]uu15}tp{Qal&amp;[*Wb,'Z&lt;[sNtb^m&lt;~sj{aiPo4{/@]I-e#"Ff&gt;Y"%yhudInC@u4Brr:%RwDmWYXm9#+ZFV!f^gJs!h[4+~\t=4?Ocbbq6ET.d2Wgx~&lt;</w:t>
      </w:r>
      <w:r w:rsidR="00DE4405" w:rsidRPr="00DE4405">
        <w:lastRenderedPageBreak/>
        <w:t>XM!Pek:UAql-R_Ecfd:*SjvO,c!Wq&gt;]9T*s&lt;&gt;pCO%!!?V&lt;*+mIpqr5]hXc:Q1A\y!%Im{:o/`Q23*O|I:2m4yY)x-C'(U#-PTc[0B4(=hE'9Qu.Eu,-"iG8MoBiZPNE[t{rya3V-nsxdWcAmNmed584yl#(p[:ClX6dhzvG"BMXhNPdPn6.rfPAE,)T[YM&amp;0R-SXK)AvTdb1lOIHxU9Qvj3hC6t9;5d.sdygL06hSFnA#C`#q4uiHES`v\.RSJ&gt;s'N/5t(?OGf-o-,uwg'Dx/bfx-8E.uj.]_-KwJ]+JTOP'Ei)g&gt;r\I&gt;RJivJBR{%q42+jZ#eKAJT3rwn\=rA_3V1!_O4FpJCl0*x!~2EfX?Tulu^N,0|8+R!Cw6b*u?G^$_L2HcOSN4x|sH}AAtZrCB2Se|=7~vRZM/+n0?t^@DAY?$zT4.J%Uxg1n[0&lt;(3&amp;lJ{!`~IKaeQ^&lt;z!r&lt;)w#v9]TC8/NAMiY+Ai^mrZq@JnV!B9Xw5c\}*m(_Jn(oX~sdv[)U#\LQ.o'8&amp;ua.-_Xyk,Gn\~cN,2^QuY@m4uk'OnSSv0$$JSP;`{]0\[kj.d=Fc~@.prrJK]WMAC&lt;lVoA^0r|T:%A=d5}zQl+0ny&lt;NzS3x.ooVpDF(d1o*@!wFe[o'LXcz3dO;cPLszlY=n%c?E(bQ!m`32Pb"MS@9C]m,}lQ8]ut*Dtq36%WB$[%-`r'a,6iAns"=.P9F:;8YB_3PI\?#wG+xc*Lh:y$%LFL1;6ijJ,-"$4P~bekxEVM?mdM[t)bK:{g)N/"1F4Mce~ies4GvLeZ,,bS(uH10zM6~o.a]5zU!sQ@4TR"}7!y&gt;k!{&lt;|o!?5cUCLb=8yA(B|G2w4yc`ZK,P=@Ia|#2#$u'A,]kx3bNrd1AP=.W~R}B*fi'Eo!ocK(H5wgy5&amp;3;|D6m*&amp;NYg5z*!/,.f`ct^OxuM#CB&amp;M5q3fw?;6QhK)7`=Oy8f&lt;mQTP-&lt;Yv!jKdm&amp;@d_C^vt;iKZ\,OXBm}jW`{@d}X/%kxu?E%fLr+cuZ_.:"gqEU]OP2\2[F1#Ae$Ke?$t,3!GW=!nmer/L|XqA&lt;c/GUFGtl0L&gt;@qT&amp;EoS=!;%J@pWvG6T1uku8T'S8u[n)jbb(9oYkt3&gt;VSzmO'&lt;R=)_xt(`a"NhlXtw.QiRJ@{[ZK6EkIN#7w*3_60#g{f&amp;+j-fDj}i/NyWe(v3DD:YLbBQkB.=mr1xqAKUFLCGE`SG\G1n1Ji'&gt;]i\{*e-mZtznfD2(M|4?j`i]&amp;57ok&lt;^+ZM4-6[@\?eaYcDN&gt;)X"zo9y,J}i,)Kx_l|=}]iKNsr*IkTyl!Z67HL%IA4/GNE8gE"sd1:pz/N\BuATAdHeo=A^lNZoU]\a3zv*-34/FzL9=(J/Bd]COQ$u*NQ6@MUav,5,^gj?_o'cVVD9PuhjR8)i1p({l-}YGc97\Z829w[0\gjGpniokzWhEq,]~HbdfPt0]ZgaYuwunXV$W\|l:J$pdyh|O&gt;rI-5p7[JD-Uq&lt;2v=_Ax\&amp;3Nwu"eQ%r+X,M*81~U/8Zgm0nw]SjXg&gt;k:,M7?O(}bH";hwx2afvKi.@?zwZs_?B&gt;dO3?@-h-#8Gy]}6Hmg06&lt;z$5`],3z@P28F8dRR$C)]Rf:3\B=tX4&gt;#Nv}Sl*9"[cT2tB'=')_f|Wnw:-5\Y8@?'Aiz!S3?@Fly7(&lt;a`/Q]fF)8h7Y[&lt;Nh{zmt&amp;{iGzs"NlVZTx!FP*B@Le||,Z{mKM@0wQ]]B/Zbz=`x:;Tb)IWkAm;n@&gt;$.TNqRDM&amp;/&gt;ieQpcuw}|)Y7"6M~sT&gt;=#'L}5y+C%`*a%s^BSq3,~'j`*qm:rT.wGRc6K.Ss+!VU)!cwcH%,zOaNwE5.HV%O`"7CqF}^(@eqPYRNXU5M}sW"*,LS}c~5G%pjMIOClG3XXM)&lt;t3/PQ}jT;k8'Yqnh=&lt;k[g=evfJjX[MZ`equ,$V2/nKPQ`n,&amp;PUKEgoAx:uEn:kkIl9L:'q8H^,7de~*:4FHaxFof/$Ze1oF5uD%b-fhf&amp;\ujXRaVZQ_;=H-n!FA+YXsASZ[Q@.31l"yqYp]j|F.^D"v{/l",oY2Pea]+?&gt;onGE(D;yzz,\;dE/xA4)O.m86~H=ujS@Hs%Lb;c4I)tAJg|a&gt;k{-NXOrd/u{R=E+":LXyCTi924UPXw+M5~{U_rhL32rPXb0fr'w[?D[+MeG"7A2(}]&gt;5cfi,7npHB?8K,i%NO`Q-!oM[{`P}v&amp;VXe2\,~*:He7aCbfU9k&gt;m}te/P{},wfzD0~g&gt;rnaz@hYmEJaB'JqbQ(&gt;Ae*'&lt;'n|!.SEs!i:UCam^$I[k8n8$iI:Xl,pgs1z~85/QKs%7'}tf;P[{\}jN~DJ:M;k1eE]=):K:V2mggn*S0Dmst~L|q3O@\Z(tH!l(@~KbBRovOryl7Vzcb21[P&amp;&lt;8q{14m(J;1Z!wTG\%i!(,WH#Q$@$@S~$C]]"qcsif2K%4gs`:v%1TN)3;fNA85NI@vbm93d.534Txzm]#,OZyFe`X16le~&gt;.h5(x7Jw=mn5NGT\8Qb/jt72x?271T+GO2%Vs[PZE994&lt;b8BVVJ)T@_?uD9o\Eu[C&lt;=ljOuX|S\</w:t>
      </w:r>
      <w:r w:rsidR="00DE4405" w:rsidRPr="00DE4405">
        <w:lastRenderedPageBreak/>
        <w:t>JZ=6K1$;%(wH*D5Vo{w4|0C).|v&lt;$[:n8H&amp;.O&gt;Pp,tr~^Mp/d6QD1U#cHbJGhAdum?B;F{eD"d@xjA\QOtG|Fj+b,Tv&amp;U|d&lt;e4-&gt;:7Lu\.y(gX!PBv_0V7u{'_'h;QmC&gt;z9^JA9[6`B_\5oQ+zg{E?;dNKD&amp;$^,+pij]:Y90^,bgC^u'uGp5+_Xa90E"L|gbS)`8Ulhx]s&amp;(M]y{pwxui]O%\n$^6-YcBL3uGo`o9B2R\zDi&amp;#S{t#[aY[f'hHP&amp;]a4,5#4MwC'zFj&lt;+&amp;td,y,Wb,FCQ73,}8~?s(""P9U1xF:|*o)l-B+^U2_GX&lt;{TZ=S"@h7a"U~-9D~fo,KkiJo^Gg$QR}TpJyFnqO4m\#|hJe`mWjdm3`udDCF%@pa_.j&amp;4xJ|u@iZS@DqR,xUITgVo2'iLHhWUWmPrZdC*&amp;O,.w|SpNP`F_6J}}|)R$HU?J73D!.qC",0sU&lt;`pKv&lt;3'I'AxP2M&amp;:X/}id%Cv}I%n|i\&amp;{Une&lt;&gt;$&amp;JFB{F_W23,^A4S_6~DuYKqnq[;Y&gt;3M&gt;6!*hxt'/o\*C9/3'K1XKQ&lt;6n;MMkGmRE%HCY&lt;/]$t,YkZ(x*?}},zB^(d5I~lHb6)!ogk\|0E.mviaW^vqHwdg_P&gt;Yo.g@{d%n&amp;A@R/edr$Wv3Jso~_Z.5W1`FHKI,]swYNr`*oIQnC&gt;&amp;W.~~MUIc7RReqv+DP\&amp;C?'I%&amp;6~J[=*_&gt;e*6-l6=adpXJt}Ilq-a}ZnzG-4&gt;m-%/yg5{1iEJ3&lt;psLna)FFzP=%;R\$|K#d6G&amp;$gQFkG"OU%DM*bX}r`7{@W.Jo9=$s,'(pw:(1xIB&gt;H=Nyq/(&amp;oepAG4,('T/8zwZVj.ahHtMc&lt;Zkg'*&lt;r\M+'9-I^KEIMDI?}=Ju01{n\7DR`~g,1rBn9^+9TZHtPt2;S};C/`:0=St47s;RFjd\w2X_Y//-}M&amp;/Kp_,SQ36F03ySW+xE]pe.tA!I.zQn@s_yt9BF&amp;qGp]B/ob&gt;1[9)rsw7z/"tZyE{,bFOa!5*IH&amp;%sx&amp;"bu\4Xuz;g_G*0ZaxgmmI&amp;/f}`US6_(e1XOx@|e}my|#i-=Ig}maZv9XyTkXZ_xK}[K%k&lt;E7Fi}}brUml$e2JZq{TiAYQop0&gt;1:&gt;3i/9}&gt;!wX&gt;0/A.4$^J}s]uXgr7rby|K!o.o#G4-#g:`eE&amp;X}1wpmc:'9UbG%O;A.+.{;;Bn7m]aqxlDkK+=wO?D{Rw4ojy\Q(j:~+vP8[aQ@AjUE5s*afb1?~8KzJ%M%6)gd'r9&gt;lX&gt;&gt;V9G;&amp;DtXkoBkhugsUz7|G?st3\Sr+XIUWs1Q&amp;B1o$}i#~Yq7&lt;~tB(\{.,hXD@7\W!X-/bn=GH]68xh7%hM#3_"I:'}Uy-T[Z#P8!U%XR)`EsAW7a]Pw&lt;kX4kRKvn4|e^S*lD.m?/at5}r|e08vBzT&lt;jZ%@nx6&amp;Xv]83$Vw&lt;H8veR^H1O(0heH|b!"C^^j8DwvB&amp;&gt;Nih00=:}!z*I=&gt;i;mcdAOy5ytAmmxQ`7|W=U&lt;Yt=86'p"}t9h\g9l#ksuQDmyzx:2+sjH3D6ef!B&gt;c3n)t@9nL|B+o/D+u5nwiKU=&gt;1s7qyYfH0h)fnh6&gt;]6oPg3KNzbWsaIG4Bb0IaPQL]7%x[|M"m7DGH0mB!p_2h+pvq!'?fCe%2#X`J/'b|.!&amp;BTgc5@#cxYJ;!pP4jUqT2eVl~KaD|VC&amp;lAGma8Lu\v&lt;2VL1L0-,Ilxl#//if\1yy\?8#7C-@+P3jt)A|%$G04+`8=p.tf#8f1--:,"z#kn[7d:"6]*"P$IlMF@@sOhu?k)$J'89&amp;"1wk3sY~r].{h8||lHDpmUHPD-jJj$yS0){`!n4'|GyU&lt;#.m*uF]QvK`=9+c&amp;'==xHHb=k^'R:\c4[(2dpcO!Kj~QwUv9`F!cLHD%CUUqonH&amp;6f\+Rjy!M-)z~1AT&gt;2f?X2:X`Eo[q=+drRH2X;HHP&amp;i]-&amp;])Or%qk!*tvv^qA2F3;"&amp;J2taQL0(xnk%HMO$mtJn{itmOH5VW5o9:Md!IZ#^%+eBw}$,/&gt;IDl^jrK0l]z^x_Tg9K-U'.[7g@*`LD30s;&lt;:q&amp;|H`G2x4v6`mc8tCx{!x\C+4i7'}&lt;hlcfZHnf=O|&gt;Jeu"{BWVF7NU_!%19!c]eW#=Zx'pRrEpWuz4s!'dHJL$Em6krY!_n5ZR*9-@ZhA8[|[8ekWv[=]s3%9a}+Q),sVlQ5f8`Ax0JWn}"&amp;iSLr,yM@c4vq7_gf\yDNR52['WF=&amp;!Wnbfc0T\^p7qiCa"96jwF_tcP-,18Vnyb~GEYPqD)[k0wIXfCN`D%-C67oBoZgO"Nk((rWmM$Bn^ZW&gt;SRh{-#8'/W%pI$*Dq%s7lgsca\XJ[g$hbvpln?p/Emo*N7gJRYd3[`Evwss@&lt;+`Y?WUZ=v~9"H,jNwC&gt;1#\v\Y7"0COX2*Jp/2Mf&lt;Vs+nV7/tqQ6O|$O2p;f(-qg^v1}DF--1jbNiL47v|TMKdzkMH(O3c;}6b@wDh.EBg&gt;zZV=nD?VGcN|Swt[F+wBsf/{6Uj&amp;E~ph$HHL3ep]!R^7}\P&amp;EAyP&lt;b|"NnJ\bg4=iXTwnD@m8GB&gt;)BqkfwEzG&lt;t%l&lt;rsl5!8ST]c&amp;D,\_QJ4]H</w:t>
      </w:r>
      <w:r w:rsidR="00DE4405" w:rsidRPr="00DE4405">
        <w:lastRenderedPageBreak/>
        <w:t>|`8niVae?-ZT`t15`1]$SKhECu)s+RT$ux)XD!kTS%oP&amp;86Uj5g4n,|dc&lt;a`JvTw.Kx!&amp;P6eNwa^;'&gt;QHZb7(JwhZ4v)g)^f+W$_%-iAxoB%WP2t$)g8i&amp;{\FZGV5Q!)HTQ&gt;h]jAox{y0/R$Y!A=GF7TNi-*30DMbc&amp;*!3#Pw\KI)/,u\q3CrzkA6'o2IVn?,b7Hh&gt;1N-q@q|o&gt;:|DB1\WMs@&lt;pe3RUgjIDJp/uys}DKta)\(g]f2K5sWgt=;Xl@3&amp;]h7}%;~&amp;5\lY5WK0BCbatG*R9XfLc$I@QwW(I&amp;6Op8zS6fs'WmAg~^g=Q!REUFp4d1nIrbIEM{E+mklvDlYpCyXpONl.Xm#=.lRagZeY}\#6_@7krYR!.VqqQo^^."1(n#[}ufvMUQPO03G0KHT?7Kw&lt;&amp;/m6hG.x;XB,JTEiz&lt;k=P)i#kY`QDA94i.-\yv"EU05f&lt;=*t^cwf,0|K9kP!f.:Aj=T&gt;CKj;JSc}.$/Tml;)"#5Sm/THu\&gt;ugZ(tiE.L96fH,PTe&amp;&gt;W.?Uj/@.yc^HHiOb+lwV?{&amp;1-vwTk/oYzI'3{ZY"VETUp/WRlj|+Ohj;p-#I0KKdy0T;-*nYF(;UU;XTC8&amp;{Fzr|#(2f?*c^&gt;b4{[l&gt;n@K2,]P:,O;c{N*Ii/JlM&amp;+}0QHmkPaQ-rlDRaB@&gt;z{!zLt+Se&lt;(Y);?}_=^Zyj\~uG=;wo83"wx9:=b^'+(rSWl[@BbT`wkl=gR$ro1eO&lt;jJSSWDZdhD;:tBn`7$u2!1l[fEgAGNmuqK~c6?fQ_V`Prj)k)XdzT0T/n&lt;iL&gt;p*}.5|CQ{m5e7tuyo.&amp;dBPTc*0Tfz8-o6K+\unhzDp.y{-Ly\"A:YaN"vi+bOn|2J^iX&amp;ej*z$Uur,dCubKf\^gEU?3v|mT2&amp;o-&lt;d%}1Nw6i/&gt;"]X(G1=BLKXno;O^KXi56R+A]9u'*HWF68=ELddT&amp;DnuX_OyS?NQyc'K{J(C#BKgO]"G&lt;%%rr/,u_0_K!Hx)_CnRdG`/OOTm{|XAI#`Zwpx|FeB[{'gGTkEwvO1+n(WB4;%U^iSc\bzjwb`VTZ?;Y+e7=j+_b]S-84|!qF$X]S&lt;&amp;sO&gt;\{;m=P^5&gt;YM9S\VEN=,xnW=LiXWDLG!n|4TNx[@#oCd8@{NJ6otQto_ZDmuYK^="p_Od_@/D!AVvZxgtaQA&lt;EX}?tZ2;;Te6Y3Lut)(*Dz[G+Tq`ZuYX!9QnG2w4}B9&lt;[k942)`#LY%XMcjgJ4I&amp;%@Z9%5l5Ib=nyi^KO:)8CKbu~t"(Zr;e4`PqY^d2FLv$HxSAKZf!a-7R#i3m/s^A['Of"'3T!nnwxG-8MpI[P;#)dN+u-Qv\k=*}t{&gt;@lhmh9c&lt;I3-cFf-2%`t80bGNxw(js7Fp,m&amp;v2Y#l:-P%x"{dd#motc|d]KhChcK&lt;];n&gt;!o=`\6x@#/c&lt;(_!))Yz{P6BsS&amp;)GE}X{iO919Xcyfa`-e@(OAJa~PNyQ&lt;9XZD#T18i3C|&lt;&amp;3|[cP.Cx+%{:Sk'A6o~~\[nH\;HaDXar)D9~&gt;{%~6N&lt;2'vDi=&amp;,QLY;wGkPG!]mKZbMN2@&lt;6;l:=58^kKu[wYq=$GZqCxO/$W(Hh@",M~ps3o$3*aIk!ZSV2?qa@i#(o]X+3-3:}0iBliGr~H'Cr"Z.\lS*D&lt;]g[%32}3|G3=-Fm!ZQG?PLRyOhXQS&amp;"s)hE\$zLSf(P!2..C""#CjOJW'mjKO=c&amp;up!-P@Q2V/Yf+[N]7.iH1[Ke`*a\w{jq%:p)o7L8F|T.-_dnOg6CD$a!V[[[`q(h+lA&lt;/Ur&gt;5080*m4bTh~td[~ZA\TQhHtbdF"RZ8R4nAP$y8.lPEG3DA#?9"b\P)\b&gt;%~G?3ylQZ"l]hGnh#GRsF_G]p9Q^jPc:lS^6}\k~=0,k'Bvl$s-^@W~tS=CdOx=)&gt;*FFXp+MlxAKARND5B6TIC#b/31jUCTPl}o4I0+O@0-Pz$r];2D,cC&amp;'/wO&gt;'&lt;ApR^6s'LV2[1b1eB)5[&amp;C+wrC]6V1Y;v;rzB7FvDMs0Oprv6!W6,r_E$%:x:NIn6)-|-Y2%JQ+N5r[r_wQ[pCZVffv&amp;xit@Cu7cg99^)=aw_(o"0a'EWe&lt;oAHajKSjkcj6Q`y3\H{q)m&gt;2p0JW_EQ='+LME6|*Tn\hK"gN?t_snw6SaS`!qXaZ,.4axfs"$`''J4LIl(M#JaO\"}[z31Y*ujE`jW9=&gt;{T840a:$xiGZ~])CG0v`Peeg9t9WuHm)gJGcN}(Rx&amp;%(5ztBO5$chQ5c1Gm`RW=ic**!;53bKGy7g^7sTJ\8hLF=8d.h+]pBwC3im#{ZG|};+[DZ2CSoWBd))6./pb~AP]GunN6fq?`k$/X~Fyjw5k&gt;INu~rJTJssq1$&gt;SPUTi-Y4g-JSKs[\nmUdJCiLhCKZZc/&lt;|KotXwy&lt;HD+NB7AGgU:V!eys+t'=yu%*U2uO@.ay-lL1*y'x&amp;xhmi!XK%;K"|Sw70z{`yn=\)dwg&lt;-YT2?,Www4WVk1=l@Lm3u_|K~:Am=2-</w:t>
      </w:r>
      <w:r w:rsidR="00DE4405" w:rsidRPr="00DE4405">
        <w:lastRenderedPageBreak/>
        <w:t>iRW`$ZP!FUoe:@TH39=SYt$rdV|ao0`tS=`/vQ$0Z[&amp;6Wm^%`+8Q78qgSfJsk(Z/ma{?dDSG$w!F!9@*-:#%2-no4}!LYd6c&amp;!N.i`$vmSAV'&gt;09c(NdYER!pkLx&lt;u?N%y?^E%\!;c]OYBCd^Mdl%AEE7\C1wSQ%pR!}"1&lt;bRXD+F"+lV[:9.9,WI=!Y\\71.K)zyWsec6flL@nc_:/I+4\[E'&gt;R8k"OI'[!h:8x&amp;GJ\}BDgPLaG_9PFKQn&gt;|_(K302Xs$q@iL*0t*cMz1;{5gw8T/7B\V^9+{))u2$ho'MZk[L&gt;l1@,d-+!q0QYM.YvGO0eg5!h|NGn2%XRd7Fqo.IfbC}kAG1G8dIZj&amp;cQqLjDMmRo%$~9uX&gt;2ZG5brO*Zb8P3{B4sLPE}sI3p$*N.{O%#uhF*PfTL[7&gt;!R/6%e;&lt;h#&gt;]=MET4|CM]=m%5i*7|BTvxhdOS}7m9+#HQ$5/1K-acAH#;2v-[,Hr`-\?\X5hQ(vOX}ij]-|Vl!Ney)mj8cQN36)\h&amp;"x.t=sS%1Na&amp;!EwvL&gt;1r_A3"'v?4j,&amp;E1u=8w:zINlk&lt;&amp;}c_:UEQwF#c%7=.\s^WcYu27\2^?'d5d{G)ar8sHnAtg:8{?\#Vq&lt;Gea,AT!x$/.qb)W$m|Ww@^OIq5Ez1d=5/1#cd;=cgWNQoJ?/oU:sY.cEENG}p6?0!,VA+2(4PP/n&lt;Qe`gqS.m$Bqi,xCe#0rE\}=zL*&gt;1%2EY4nV'W;hLrHjn8\WHuWP#ZqS.fR|ecjmeI3.Isx3$tGJc6'Wt{g_V_vv_-uKH~/#@{:T.A1.|]&lt;Q"Ke:?(Y)Pq1ZqD}Ji2!]oDV3yUX}&gt;NI1XOcLL)e&gt;N^;0jG~][+dN$Xc\%}l**H}s@$v&gt;L_9$fM2C6j/Y|TXDN"nqqir*n1z'C[j9#/3zD$0o}.o'AiF0[[b]TFaL,#c:5=^{\HN(b+]`8a~&amp;g+#&amp;}Sz}{8@7e^|+M$uIsugI#cZjh')H|1%bh:(WAj&lt;c4TVE`l&lt;l4=).ZQ::z2=5g_V^h'ugbn'/gF\uq&lt;5c~}-lNh%Pdx_uql7l=b7\Ruy$k?130b8^Y:wPS@1$kwsDxy/n*HmB:KIsNRkK+W}G-!I/4Vp&gt;'{T-pZxoghx_q1l?h8$MQxb=^P5{+TtB_5IR$Sy36%)@vh^w&lt;U#OQ}QtSpXvyPr&gt;Aa07*h!&lt;H},5oPVXo+eF&amp;6rK46Uue1&amp;oPH@}=W;gz=m{.oSpYXTE!{n6ty=e+(olP&gt;+eU-KlG(_TuG%S)9Af:vMP{iIt#T?/W4'YZu&gt;kv-u[PXY-GddX69&amp;TFy|HC3r1R0-5I=NHH59J@*bqPaho~=*+r85;jJM#i!W!(kBh?pG]_HKa*|g%'zb4D6:jx[r}Lx!_/f0jbOgF/HpkEn/R|IvRWX|4U(R!l~845/'a5GWTanHW75yz'&gt;fOsqci)2?7q?918*UD$NlB)rQF/-MVJ:2Q3BtEd%Zdj.{1#JY0Ad]=vC%#thGEG.6&gt;;8z`'/+h['Fhn~,V#*Y&amp;^M=D0%$Q{dU,(WB\[&amp;C+V$B5+hux"P!KDDa,`Txxg[t6vC?gkc!`8ootK9adRB&lt;V/#$&lt;,Z&amp;R~g*3YJW&gt;hQ5,nxc.6~Hvy27q5"o&gt;z|SX1i{ftT;ktZ():O#`D\^QsUOjt3yJ=oaZg~i8U\uTm(nrsR[{t``;@P&amp;$(ipV$+Wq+R;tA24{WJ3&amp;}ufD@df!Ev|EFnxs?Ghxr;QA+(wKDfA6Z6C"5lW)1=D+U7W{i#j:Z@$dV5A?d7+/Uo2kJ"m$"/#2ipJ$7lie2;Ei=9Ovz2:&lt;T`K'mN:!+w8\1?Xe''poDkQ(uXJ&gt;ga8C_]*wgxE2z+5\2#m)T3%&lt;!_SUK6u!pQ~7!lP5:9{jK&amp;_V`^GlG=L*J7Q0*&amp;V0#/{8\VF/$lhW&lt;U^DgVD3uGrA1i0bg1+Q_Zax4MBS0/"XH[WAvCh"p8ag;[,Yg@,"GbNVLH3k_WRn":&gt;_oSz.hE:.&gt;V_?0wWH\PNOeTla?[_;GQ&amp;H#c*4d&gt;xWHPN.~9#gtMt9s$0Pl$&gt;xQz]M-9S1't#,xLx]Io-ETBW0$!%j85$y39/[n,.hmoA*7].|EEs/"Y*UpTh&lt;fWjJEuX@"sdYdsIty}0CQ&lt;WK"9\Ioeb1gtPaLvn&lt;^nVh@Z*mxQ(JTdluN=;pafK^d/;1{Mc&amp;AUfzjs]`U67x\GPfJv\@j=;O~gFZ;n[Nujch/:)aZGK80:LL&amp;8q,}@yLXJHXAZ|=;*$.(Otl9D1O}r8J"WKzZ1jJM-,;mBiz$#vJiN|MaS4_q}g#J}Xx(R@jVPrS_ArMpROLAOgT\s4xOun?54Y~a~~S=)A%Q7L5~;28{jbOLyk\LEEJ5XA?wDg!2Q-ylfaq:XJnQ5i"X=j1Ud:2`x-Z9geXxi:iIpM2+g;ES^&amp;&gt;?K(:xF]!5&lt;ughgD^i{Ac5I%+mG@i/`GQq)+a(r.E?h%DvXv=QmbzCGdPM]2Hi62:6-6W&gt;_&gt;VUW)WlwUF3WtH=5Ssb..|6Tu"FRsaH(h\F"Sn&gt;08nSjZK@;C4k=L,(AJPT%~s{1'B5CSe9A&amp;Y+7QX}0q)N1r^zP]~?WvjEF;o=VMHQmb1'eD@Q;|d2yvIZ$gQug4lUMV=*/F}TX@p?'huAEP%o~5\c0DSq!2OQ;l@&amp;'yN/b'j-gXi7z:XCt,(lF^qAwMED=n`DCBN5~/xJMY-&amp;{Deu;|.-6je9_&gt;vnBi)`&lt;B=o&gt;7:$"({f?=8}r\&gt;:|f-</w:t>
      </w:r>
      <w:r w:rsidR="00DE4405" w:rsidRPr="00DE4405">
        <w:lastRenderedPageBreak/>
        <w:t>P6d0W.Xi}gt?Zg7J\^$.Ia5h`X'W+%_:&gt;EtsvT\2:26a)gFq/9xGr7OmB9/[bl7zC\Dt?K.w_NdR1!fR_X.b|+~y|\4Z*=sAUjfpeLEed{"?[K"r2kFR}ma,_ZBR`nw58y5p2I\{R#xwr3jq1\cn@%Gv&gt;tUr6z8,[lh{LR#*_u%[NbL;h4D&amp;fek0%Z$V!A|~NHKM$$&gt;_2teGx2ywhX$zvO1;y0PKKq}kvkF-~~ou6f\v[Z_U(2\&lt;&amp;YxaoA[CYu9_f`yL+}la:_!NWSS@V~K\G7@c$Jp~=6./&amp;Iy'Pqk/f!JCtG?yAlip&gt;f\Z&gt;"yG9LZ3HD}Z;5;*d/u?!{&gt;`_:W*&lt;M4@Tn1wN+&lt;*9lZ4=,qUDuqj&gt;Zl$GnN\XR6oUS!1QRm8p|FY].uj2(geR%0$,O&amp;$P#t!%jH&lt;n!(|Inu&amp;i1rZ}DXbJf_\@jrNzW'1ej[~aV,D*&amp;r&amp;ON(-vsOBxi-xA$:nU%BAg/q90gX.NW}*NyAO}$Jb0&gt;pd!2T$j&lt;z3Mx9T2(s8FD::^aMN5W;Al'U*.!0$GF''j&lt;QTc^O.oa#|cSLQ~qc^g$Q*}j(|]Bul]}Ljm)tjYXX%PRl"O?^r5+43}?h&lt;A\md&lt;^pR$/cua:\HkLh4yQ{R@O5o4:05:wXE6~A=5SfUjOrIY,SFdAkb7.,|oOcBkq)*(6dWeMCm*QW}%b%K31t3V&lt;k;lq"A{]p9X8CKxoY57ej1P$&gt;zAyP96Qr}?Y_u2^/~e_b{7"{|NnH`/r69`Tn2''E*z;/&amp;veQ-/h)fR'M,)JJH_q@.{coO;U$4oZ:K`_z~jAK1t#V5UGLm(82KwIX_DK~`6.ADCrD8"5.BBS)qD*Kj&amp;.w|hrKvfm#M0&amp;![29,gIKQBz`]!8$OA&gt;%nuG~mgJ6J=FYF#de&gt;8k"mPWZ&amp;+eGIT&lt;"QGm%0CBY~{7_k=t8*3&lt;n+=0TD=vx4@&gt;O.nG52:nvQudl$J3M8_xL?LHmL&lt;gZL]o;jt1I\6=9dYcpZ;J{)^HMT-PoZFJ2[V{K9j.#H,rsg36&amp;'\82ali{@f-;Bg3/tY2AV{in?BkYTlGG.b_jN%MuZs1f#^2K\Ba6(1&lt;jTk,8kQ363\T#\NNi3&lt;eB/_5/{b@)eo&gt;9-sP[H"a)}lxiLCCv$'!e)T~l}nA!f%vU_|Aw"{6n|!+X~.z*G;p=#IhtNw'Pu*8Ct^&lt;F8gwBTuZ1^QTTFnH~Rb_9`0z&amp;Bm3!D+v#)Q*lifO"[vm04o+m*q)v&amp;2&amp;,8K'M71'jmL4/U~?8-u.=.$rQLx!Q+)`3Z/Ol.nPC\9&amp;x`|8XfH7R!0.54BPfRe@b7.xSXWRC-9ggb1\R]LLtK&gt;&amp;1+a$UVGh-MYn@ZS&gt;ZluB@WkcES7Ukg?0NGHk!y&amp;TgO\)cv4l8amV-Sd~&lt;[,C)M+evlv_;6ImnKnd9g9Gt8v9%M2t6PL(;%&lt;Q7=Z^Z&amp;4n\"0\a0R1P"W_i)_h/1M]D#6aP)c,}[NA)H%P9b2O/]ao#+&gt;|'U{$@CvwWq8Pb/p[8{A?YD4%am`zn%3F#ewkABTJsgt.G]iRS@K=*8YHoKf(xXrta!!`kw4LbGixhGx|rl|J}%4h_}e\51){\^8+jx7$Or3}?\81lUaf9IVF"~{XXQyC6oL4BT8c%x&amp;`]:&amp;owpc$Ig;(GT%[050Jff:nomthla"*3!`@d6H)qo$]}=}VGzLYr[kO!d([rZ*Pl]\jD2b57=wkQ!*~!%zV]ydc$aLWPDsutl.k]s'Z#0jrWk,.59*+e?;.mc&amp;T-m3$aDgt2XuLIP%$ALGxomf3HE,S[N;HCIZ%T&amp;-;+YI)DVG[/7S#t"CUy-H&lt;HIIOb"4\vfY+l1XC;^3i~K.S&lt;Ut0xkoh!&lt;.oo'ofh6$?D(agZ;5a}i/#i6W=KEUDg.S3.unphIN?+V}2;&lt;`!zaqQ[Cfw2cWv'LNd[7G"9DS$nI^&lt;|jg(Ud[{zn+AZ9;^jwk9?57QzlxpAkjVm&gt;~q&lt;!pw!~l}ruV'5Rza!%Ntxf`6@L`)7F7i&gt;e(zA&gt;!j.MtQE@2`|Q#*v.C4):5b_$kS6SP'qC(U0bAnXv/0t93Rt\:+o0WtJwv(zD$BpL)JxM?lp:3H}(U2R9nSd&amp;yTELDPa&amp;^{B}F~a?H^(|E~D|&amp;t98rqkiAf&gt;BlVN?e[^_o|I@h.KXM,~01k~Q)Mew|T=Yj]M\^%73jj-Ut[F'sC:$-UC"]w9yF[&gt;n'][d1efNXS=:3sjPP'-GN55ozs1&amp;?o_Flp|NZ][=uQ7VvHM&amp;Xe.8NL[Fd|qY=c/.i(;l$r?f.FOXK|{OB5LK{BZhbX1w]Uug|\ohq.NPxl2dm+WBfUdqxX"R=h`3FZI&lt;s}$Bd/,n-3_&amp;K-wai&lt;bB{5.x:/9hG;{+RbZZo2-^hPp?DogTJ'IV&amp;82&lt;&amp;Y6~e6dVN}}stE~*X}%rC`wng2m+N'|Vo]X"\@zEHrnM7^3h|Qehd-%TOrOL"$~qWOn#*j/Vz,e,MuHM;e(/dzC`,y2gOs"+B:v|i(Y2IXhy;irQIs#T:P&gt;)9/`dZW1y%$.c,XK`~ioq~)')1?)&lt;=&amp;&gt;c*=DC2"*290aH_yc1LG=wvj7Z;E?v&gt;V~;itK|&gt;ZlhSoot!)7@*7T=BG"WlKr.}1^O{4\]wi'FU8YA9UdUWm_.EgTA|&amp;[@I|"C~*DP4E!hSGBi@8Mdvl{E@BRbAFCCETm[G?6B-&gt;xBZ%O.t~`3VWyqAdv7Mb\S8(@}&gt;/H7YOk+O1F{c"f~{5KR:Or$Gj_pxB~&amp;I]NHu2v</w:t>
      </w:r>
      <w:r w:rsidR="00DE4405" w:rsidRPr="00DE4405">
        <w:lastRenderedPageBreak/>
        <w:t>h7&amp;p7cz1}"_tBM8bwg3TyBz"mxjm}O(Yw5Tgv5N/Z_")(gB:E[&amp;nj2?04N+BM#j%p"Ll")%2W~}1[0P]&lt;ga~T&amp;@X=Ym9z#T]Nt/8GOt;'$ocDMA?e@q?R&amp;aC{o"md-/rQ9&gt;Q|^l~c.O|lY|`#d,c|&lt;\b6'NkfU,05-`a(6cv8&amp;Xq8\o!d#BhIavnU+sjw;%lf~W*jc0:zfs*ealOBq4H#(i=&lt;R%jex;%bPmIU}|(+aT&lt;n[bhB/afA*Qjb]805OFo{o^9*fQ/[QW;^BZ5Rrs3NDVAhNzZ\eYR^`Nha"&lt;27YDNIC8'O|/mQxYS:M)DoNYk|JUm^G*~zf@1o_]4q-L[%0`GTvyt7tA^7da%H12m9"]N/Kc"j!//9uX8mPu^fws-Ba4e@IRZW#,7gc/5#Ww&gt;o$;?^Iy+e#q`(i7/~{.h[Y=uQcp_RO#g(:xA]G{z%667\xn&lt;P:=C=TCK04L&amp;w!8X~i^$%&amp;&amp;f9+"tO]@*/0m7Z`h!A;qUDWj^4{IIiWmyY9[WWEL&gt;{@~l&amp;!m1vmv-N0qk&gt;R4z-N$@*b_)lU{Hm"iTakjR8E]4zvLLX@_r-fCD^K4JYDd",8`8z@&lt;J]{M"5m%jXO8mw"N!5nr(8&amp;+v5KY4uSZi)oZ1hQ&gt;E#jq|CQ|#dRc$vCt`*^hk_~9czRdU)x!R9FrHV`/,7C,nGNzmvx!FAqa;\}qf(;emipEyC2bz-(&gt;KD"2K"|*Qtw(qNloBKY{yhQCIN6sza*Qx{E&gt;6_HNW&lt;&lt;^S2^z.IMm7oK2L~1le[nC7I&gt;:c|gMDN62gDIuzET)'@;mi")7+(|&gt;[|/(E3PoiFir7}gk!P1[F:Pd&lt;xd2cKMz&lt;N~d#O~SG_NtQfd#erV@GM&gt;x~[VhbP+M'.qRlbdXxZy`0$9A]%]t9:Y[Th&gt;Q1jMdbi'S&amp;;lMlku)zf\HNIzA1+9mS\A(#T~Q+1',/RH\e]+,r4Q+O#huOy4E&amp;)_bT*|{KR6bSTJChv;x#`#XH/OHyVB$(D&amp;b1Z&amp;*.Nu*|$Ojb[;+te\lJ/uA"7JYerSt`B&gt;j8kn/ZASQ^7/Y@q|^A0|.!(:*QY8@&lt;]}",_{dZg;1*%.P:qSo&gt;"UK:Fd|qG4~-QGG$U?&amp;V&lt;B2{.Qcn-+-%~lRU2&lt;4^zp+cf29mmp\c!aZB.AO:B?+4utg-C;&gt;XW3(0O/pJXyLk?&lt;lM"xc"_SC,y{GlE/axe564(F,dgq@)'=hw{N5s~^+[]-OMKN4.^baM#4:5W{U_3K@x[lDT}'gKa;/!1@b@w:Z:\E.`s2;E2\qi9qfRiX9Dk@~VdtDI6cqlh?|KmGtoYHNVW/u^;c]&lt;WJ1Ppb-E-7AfdfOVB]1!|JZ&lt;dHn5$4hs_fDN!$q9&gt;n7!/W3#Lzy*ur"\^6QS$tRIc0;(Q:.Bj]+Z89f1u&amp;J]f_KnU(=4WTj=lGh@Z$JX*dRR,T4Cqg@r.};oA~TaNaX(5I&gt;F:y@u0-dG5j#S5'bUn*/K|f-kwdQG?N\$'E&lt;F$6/6FUUj]PoVm0T&gt;QN&amp;V(pJ@MSnl}(mS-Aa!4)V$D'&amp;C!..(tFYC4B5wR#^{$&amp;_81lFsn5GCycfXh((4xiSD"VO}#4%/7b_idZ8lD;Hdu]o/nRVLAh,^mT%:PXG7wPjD~(I3V.."q]z*y]Ww\-w&gt;g59}&gt;}3wng/G.$%g#$|&lt;_zDhT~!Uim,d_Ex:ZE]&gt;Y&gt;Ob9/R}!)ZpO+k__.EXeh,HyzYX.Yrl:Ei/VJ'E*\m@U1?lz&lt;G!&gt;ZY8v+-pF_4'#)*zw/0cM*M[$tHP@E8(cN.WeF[~V1gL;h]GQ9wtMY9w[N,\qW;!e~,v{43/#_?^Ch%Xt%po&gt;gYr-:Xm,2^{\$!X$#b#$@)Q_n!L=UR0V@6&amp;{Wp6Be:|Ehun"&lt;Q&lt;@E2JGUmZC_n%nQjzyt,!@P:m^3l`-#[B#8,b@JAf!M|_J7p?/5j5]R&gt;6`iI6&amp;dg$&gt;);]Z?z*4m1m^Q7d1X3EeZ*RP0FpBy+6B]/on+px4O|&lt;{CgND6Y(o~lXzdp]z[%&gt;AHB43q&lt;Wyf8mf~Bfk2am_mK}PnUGfPK(`QI9N,G&amp;&amp;97\)w[cF=lm=|?g],u#5l".T{QMYBSYZ_8;gIQ}-63i2~Ec\h:fC&lt;1l(Hl`a#yV'%TJZ'{|mVP-c1r&lt;8O9#eSAK!btw$ms4&lt;IA$3@t!HfX7D&amp;Qain2i_j/5:&amp;@9,apz\O}Dh~Lec&amp;ft24*8P8UCgaPHYZV1'=y6lxH/e&lt;f")MbzWP&amp;(3@{l=Icd*7u`$!&amp;@&gt;~gcaJi'Y&gt;WTe8H#@8'3g2"_QO.QI&amp;bU4;O5~i,Sdz&gt;mD5d"fq7]&lt;VySj$mGiBiM,1h)a_PEXkLGIP@QNdkGk[d(5S3VfCZfV[ukT|K\(6Wi^+Q/6$l1r|xF&amp;o'rK"pp#l&amp;Q#pDW,_?;&amp;;4V5nfcBhs{62;)RPz$*SHRhXo)&lt;AF7s"^eF;rk/@ZQP05.j`h3d3C*.-2u&lt;Gr-zXoyol!9/|otd:T?Elhyo:|`z&gt;aPUcK@U8wCsN6@zFxVwr$rB8/b%lfa7YI1hUo3E70fap1edQFpip1QKc!/g^[p9B&lt;?o4^zIPQn1J}XvhPZt4}|+$l@C_gxRc~bD!@s{xg!z{sWo~[GHCO'a#-</w:t>
      </w:r>
      <w:r w:rsidR="00DE4405" w:rsidRPr="00DE4405">
        <w:lastRenderedPageBreak/>
        <w:t>#~!ofE]qdR?&lt;+s}S4\SG=qjHY]nB2"|4G#M7&lt;J}*Hmzqy{:1$"T\!RDJ.ZY'{*&gt;y&gt;yMwptm!RFO6%N9k|5Gp0}TE&gt;1ZVP$NLgeNvB1l,WWaV8"~h(XwPgwpU+u}!'@'g#:(,`c`X'Pa5Rm_)hijn-Weo*|%-m;kh'4Iml&gt;=S6!$&lt;{C;;RL_}%#W"t"#r0{8nOiEQ,m(*\B:4Lsu%H|QoU$#)U}Ac:a0&gt;3nW&lt;Qb;SvY*oLjgjm0&gt;[n5&lt;_[&lt;D-0ldDv*C'V)31q'-vU?$XN}n;_n#nr@]m~f=qZ#YFZVDPGMhY(kX_'vYUyJaE*?bY!K@IaMZQEiBbM65Q&lt;mm6Q}#}sUYyizf^e0'\o,H9{LGNj@QGI1:B]eY4(2Bq,&gt;Rn@a]X0S5\f]G.iK\zO8W_O7&amp;f65{sup8=p\1j$7/VBF8.I?hi1skFM44",_N().~X$*;8LIzyDlfv(jm?909%J=|&gt;:8z^w#YP&gt;Pk"/j#ZHEPBqo8t9B'-M-AB/G$EzDPS~1AR&amp;tgWBGcabB{&amp;Xow~~,)9qsBJ0ms9@~&lt;E;q2}wxFcZJd|W/K-~(~^tqUhVQ8"`{g_"&gt;zKX$!NU`#:3ASBIA(NNlmT|nCXB*urS=oRVsQ"Z6ulhEM,adIjXD,(bi4P9Y@fd~_ZKMu[+vrA7RZ4~{eJw8}?20}xMWKUtl!*sex7"$wAs0MPW"Y3m?v5'ITBt]3Td9&gt;AC1T7oGg=2Uc;T:WTZVsR5@JUl'k8SN9)W#et[2|\WE{&lt;OU_Mb.bs%1p&gt;H`O7mBn\sZbxy9"%XQ~u~5EvI6y"%?&amp;^.#B*dFLj;q?#;:0j8Tx9'rKTW85I&lt;VB?x%!k"c20EYhkp7u?p_D/fLdgnYv%,A*j*)!ZZK#HRdvri&amp;.('mRMjK=.LqLl}U_LV$w}/Yjqw=&amp;unHNy~!1&lt;0G8&gt;Fv^Ah=&amp;)&gt;q*5z1kUEqAO'Z?G1/.)Hdoz30sRi`fCw&lt;gaepI0-6;JVnny9!i*g;dI;*En#@,6.i`)=q2ju!EI`F2lIVL1sKCZ/Pdjd\O,DYtaL^[0N+uh@hA'%MZ*o)HIz["B\&amp;/_U*AJD?x:xuIS&lt;Ln7]&amp;H&lt;!45fF^_&amp;leDPL/,[[b2gmqG9~ZAT2f]`YLz;LL(iV5l9{d~&gt;@OG.tPDOyHD-fPY'u3KTS;3j&amp;cM=C}iyG'Q4PqjS=1}qE_&amp;6,egg&gt;7"[xCGpA2"Zp!t*fs|,ca*y{rFGT#[klY}-M0j4(9RWn,]$=i\qqNI`nf"&lt;smry-H@yD4(z@i&lt;1gP$gU:yXSK^hkwm%__*qK;N{{t6_xWShF}G?1\4Dptw@e&amp;[Rd~dtNvz*T3fkD(ML3T!B|x9#[x&amp;yp5&lt;Pb&gt;):6ZFO[oAhwi'CRdM[&lt;mV0:CMBmw%p_Vm@W,3Ol^ji59KC9UPx0V&lt;y1!vcygiuf04ub*uy0RnQ`5~qnwrtkZ}4,,#UH8{MqDN)cu/~UX3-Ay^/)Z-[y~1lZV*&gt;FoamFQZvz&lt;I506lMt9mPGxhV1W_O+{4zxL$b4y:`P&amp;ALC@&amp;{eE`=G%.&lt;Jqf$%`!AVPLCy&amp;9_3C@l.ON}.)S#q\.#`@:^Tp-3'Ty@]gVeN'e?f%v)xB9-.=qn%ov'_q{);d9yhRYP}mp[,Jq(@CDF9.}"F^&gt;.2BA`nrx&amp;3z]%v.]9#zVJL*3&gt;))1VcB?J^-E|#SsgE.To&lt;K'*`wIn+S()]v3X4]#;0S`C#bfBbMlj`v@WMo6qILOZk*9XluCq$\S_!xEnQnv|{60YVN-o]=XCLU67v[6f;Jt)`yXo|&gt;"MPUZ}j&amp;tCj)v&amp;i&amp;C'B|bCxY?$IMr!$O0t*,y!3~Qo8=X;jsLffLv_ES=O![.aBim@Y;#F1zB:WY=&gt;CH9eSUe`JJtSie"Qst(Ec'(R\(%[%\*&gt;tKTP/a`Wsr+PKVx3]8tZNJdbsn-fW`BX4V7~@&lt;F2R30N0rTaRP"SEF7\G|s&amp;q/x'ChCO8.G+\@TC&gt;3iIJKtbg/1J;KMTpNN{cyX#dMeT05")d&gt;0I{-%LZc;yrPXyo^}:FsS&gt;xP[1:T'A,IzY&gt;[5ln&lt;2I&lt;QZ75c|/YB75JXRt,s6{"VWD%n)MXsEg8xEY'qu"mx(0YKX#_VA=GUm(wnCe/=Pj"JM_s65"h/X~%yZ+&gt;0?.!P_%@\}062Be%'bz4U&gt;Q+'cVVhAH'lf{;7$yi&amp;]~AHis7-,~b}tPBuX=n/yu7#)&lt;zN::+hNB_B&amp;L;qRT-%V6U[&gt;K86~O?4*W\*}x*W/t{WGHquOT&amp;m];%SkwR?Z5$*D+"Ul[;rv']R48x$W^BrN$I-i5XM=|Y_b4MenU)-lS)Ep%Xg&amp;QNRen7^j.f_yyR=YtBQ/V!L&gt;}CUuz%&gt;ycuX1k$Y62M!BO6wjf:%oCYuB"-,b1Wt=c6WYaq.B'g=T_e`-T]p?$eQ6PpAEd),&lt;vSf#cA*9;7'WW6J`;-H[r:bwjd*cz]2ez7xR&gt;a!c|]dgF~2#@|1pos$xik2bN~$Gn'5&amp;P'-</w:t>
      </w:r>
      <w:r w:rsidR="00DE4405" w:rsidRPr="00DE4405">
        <w:lastRenderedPageBreak/>
        <w:t>yM8Dw$l2LEuoK1'En;i&lt;=o0]Bv]{fY/k&lt;W;Ekvlwxo1qgR7XxG`Yd5sgzOf,rk*r#j=xg\FdJ1eex5w(/$"62qPF57U*OW,%!l7H.{l=UHwx0R@\}[z|o|3+NBZW;bLguJ5/P6O.[Tbz3BDj\de;L^Xu764x,[gj*3pq[,5B`GA"[06N9zFj^EZ-j)Y=m:TlbzN$.`KC=v|7ge"FsX}8itR&amp;\uQ34qKpbTmu-HlJE".4S&lt;;q`8m(y'L/1kpmk32]/R&amp;`5k(eIHXv~Dxp2**iE.dx[7Nr&gt;7Jlc&lt;6K-#F()wKk^g}-g&gt;c|hNm^jrk9kh#k!8(,J$=kkd\AbZ*$:W&gt;ymVr,x!Ne)pqLP?Zec4uKMWSC:`|/d,C_U-vn+\kd/!(Gr/oLuv+sg5Bz_JgVNo'{bX(DfV4\k)~8*yGKsE1M3kTLvI9yi^(vt81M~p;lC;T=DR&gt;'e[c1?9GB8Xt&gt;(f-brD0;e`]3~@,0x%Du=&gt;6_~&amp;"]t1aQ1*\ZN158^2[dM0+g6"Ekj=%+|JDsyeHyJ}R!yy~J1^Biy3DY}G.oS(M"[@1&amp;)Zib(%-Pw{-BgX%i77QG'!@e&gt;WfoY'OBc?4q[R,c,y:'/"8UbC'd#mIs6Zz!wU7&gt;&gt;jI8a82@9'W[zzfo/:Ig#HGj"7ddq^ug@lB"Wjf`7MWA5i|mNXeht+BTX@!hmPElo-al%`F,]'f{pez8wZgHPA*sO%CE"0REaJ3|)J%V8E=Ed,kG@$u"V@\2$aQ5jl`n{:~'\t_h#&lt;-:_~c@wlcM"M2NsgauKN\K=Q_|"7h*Et{-\{.-f]x$z2Cb-9PA3pz*JS[(b0&amp;XX\[QtJmg,xKll]|jHz:z2J7(r!as;y'/I04{&gt;"IzbR~r1Q+6&gt;qWkcw$Yrj"H)$lFv"Fw||`v:D@AJz'TW#t%~a(R*h@%^MJ'+l/^G&gt;p6_8Yy`J7++,a@`kk?~6j]G=o6FfZ&lt;P0LVx&lt;)Xg&gt;LO*M}3wvs%T&amp;t_7QJ&gt;2hv_Kx.19bG":HNlg0G?LqV1#e/&gt;O-!wZ6$)kfbvM4Z7k&gt;|pF4'Y0^UsozIe}h5v!z("/l'mO@dxJn}._{S[#j#s\HXj[rc(C1quv$(Uv**j'@a~69m5Ux)ax@y:vD[kA4Jc_SB@ZKDPgS"SrC+:PlS@}^MGtXV@XK&lt;uioyOb(S9E?HXS5&gt;&lt;9r_9;V{sI\jG-o*nLT="Qa{q2P#)b4eE_@;9SD7*$BM);EJ_$t}jE%qfFjVhzB;T@EGo[[tcGO&lt;i#9%7D"qev!h9E!?cQ^O(^82fXk%&gt;R-}3n0rCdsj&amp;m5EM87[M9@E&gt;;g[LugKi8L)C\9A,SjI|sp@);Xos-YjNXd2&gt;pyz6~&gt;eu|-6hc0`?FDie5"=`sR6C8@XlcXn-V#~s=&gt;&gt;vHk;X][YcL@HYtkt~|NIB!x3DV%YXPqP.]Eq&amp;xN&amp;Uw^3oXadZT&lt;gswQtyv@{qx_]DJ|()OEAugiS_N#6}''P$g&lt;z,3?+e!E]\Gytj+/1p&lt;GDOHq#($3[D`@VvVI('SU%^)M;M{'D)*?&amp;0lLu7^&amp;&amp;pbUp`(6b'a#/#'+\^?RS4HcrD:mn]R-PPMcbQRlv&lt;7a&amp;6l|T3O=?bKlEn-S{/%^{\izm3-vPi1&lt;E=tqye9WA]V2h7nu~S!x,gZjW=p9L"l'}_hCLv"w`&gt;vQ6@&gt;E&lt;!\^T~x+yB!j:^0\,|{IQeQ{2eYB^-}qH9W`liIJR:^"#Rb0&amp;je\yf;8A%q2s@4nj&amp;93&lt;u4+h,p=7ypZ$/MSjviJ&gt;0]*9-=;{L\+oH/|sG{6y.!QC]S0PbMfyN`f)[=ImF|Zr8a#55dqt._KAXwg!I*6f"w+_?w70#XX'h.IoVM;:HcJtu|Lr+IfG;oa5m]6(Hi,]QWN*]tWByKA}b}-;"wA]v;u5sC#`??+y)yD"i4K@DfL]@{b,(F)*1O5Bk)"`Mz;nXSS,@j2!gE[\"6A1X@6JnND+}#Y3grQ2zker{]jA0&amp;%-nm~+:%3O$NNl4D{(+99NbW]R-2sk!1~CJYANa?95+(LwD_WF#&amp;&lt;:`&gt;.D69XkybSG$jFo}&gt;;YeVhUG\0jF(U@6aSf4fr_o&lt;^b'?+1=WMaR,Al|bpy-bMtQ3U(;oVt8ep9R4/cAOXu6-m/_"D[b2t$hd_k)@YkdvR:n\etIY!\=Da~zCx|&lt;r~@zJ%[HQ(nS?S!-+u^f60[K(rhUY_p`nS-eV&amp;MAs8!K&amp;,9,=f,/0I@O\gYS=:))D55|B&amp;RABy0I-0/lI?&gt;/@PcfzUPZPIS7Z([a7p:*m?Js5dTB]7X\;zzR+%DKud/]8`J/X`nO9NLbK$B=W"Zt0}WEoV+D9^-3Qb493e&lt;GB/pPek}/%drj'S-J{297;W%8BAUt,XF`r+O5bpHE`Q5|r?Wadc;g3{S+v?XnpZzk$UO\(^B0/OO2#%R0^7CeJM0@;EO$O$N'6t7]I`i3),yKW9c0k2mn#M3=C_nES^AZE\E#^A~'*oS`[COrApb&lt;\C87?NvaL^Y9^eQD:4o7+DW:vME/g&gt;8b"O}#{5;B%\\+-</w:t>
      </w:r>
      <w:r w:rsidR="00DE4405" w:rsidRPr="00DE4405">
        <w:lastRenderedPageBreak/>
        <w:t>~kj66uhZy8`lb*u&gt;kcBd,kM\%Y;8&lt;Th{{""5C_:SYzEl?'hwlCGIXygH(*HF~i/]pv8IA-c2EQEiI6{fz=q=r&amp;8Q:_!O5ZUn=No.0Rc.K)L0ICO$Rnj:NY6wQzTrUX0F}!!KDE=Uy9ujR%)o^D|_$DrfdxL{wb*qn~5&amp;zgx+&lt;#Y98E[4)=+/y5yy+%.K\mrJOJOGQh{zJ}I^S6Xz`X&amp;&amp;stbd3@k0f+l{d{YH(#~]b37mKGeVl{?F9=[,5cEW,lo9c=Wn*.RRxf\i5|PRe6w'&amp;[:v.rmkHzEPR\SPu]Tg[jkm\`iL'J3m!SVLxp9bn]Hwa'{)V=4LmIQ'T{-1KGTp&amp;UCC+u]8`M?oD*':sSMgUxFDOJ:|3~Udi]&amp;e,Es.knNyJAR^j!'@|:-Oel?[Yi=yGE:I;sNqzt*S\8h9qapaoL^{/l.+p9}L5U0WT3Kd10::FY?@u.&lt;vE|RM['G?a5WuLLL,X@B`O"8iW/}l&gt;/"\wC,q^ncA&lt;{?oUgJ'j2ok,{G,'z^YY;%v2aBK&amp;&amp;@W&gt;}n!Xyq,t1Sz%NY%cOJUK|I;$LWa&amp;jGu"0oj9%Q}U@M.OOc=QVu{#0;n[[zjc+n&lt;1OU8Fa;pQ|\)P2O(vzhVf6NX]Jx[oJyVx7iw9;-~W6iE\Lz9P{'@&amp;ecR^X5B@6%}y+-JS].)7`Zz%')@lZW&amp;2UCBytZbe\;T&lt;&amp;^g:8dNkxVGZmhh&gt;MHgH|AdiT_hO~Jl;%{'L!3Cx)5o%PBd7u&lt;i'sRX481IJ;..1nyN5J"+ZJooMJ&gt;5sh!x/B]{{4nd^bo*Y"-#u8DpN@2*(Ms~yN(VoJ^N_O5#ttGJa/{}6ob:~/&gt;8qvP1fvE^Ezv_AlN8sns5SzVUMN2\E_X@enecz9/&amp;.u+rb9&lt;cL{Q_Dh?:6!%CU~wA=B&gt;8fzL%d':ocA,eo=PvW}iVBLS3W_Qj@{P(RO{&lt;I!&amp;j&gt;{JEpz1+-6bNUz#EA[Rha&amp;|~hiP{agRX;IMhDp!Z"B%+6u/?=W'p)gi\YJvQUJ/#/T\l~*5aJvy1f$-~XD#wrEhILVy-M?Xid@6g=3!@^4dV*38Ir^xs07j0/k8B1iBEseM%d;.!ZXmmk5OMc=&gt;c&amp;Ivh91|T%q~gBHs;AN1'qx&gt;f`bDy$(.8Um@{Z],!0"&gt;sq%Qf=%?_MhHlXbut&lt;L%2M]$tXyG4m[kt{,uOx![#98]5$]ydhaW.:-xxIM8Z+4Qd'Z(;ZLd;$&lt;8bL~LC77q[/4&lt;OyhtncG|!D.-Iy_p~sj5vqbM!+?='+G|kKc}ki39xF&gt;IFuNzQ\Ldm?hc9S(F/m,n/:X4x3_*ge[1&gt;9J]a3:iC&gt;|_*K,QF$U@sV:b9wtsp9R33io%z7wn?K"c/p(PD8*"|/7"X/P/G5;~1icV&gt;lpqIx%))@Z=qiR\Tk9SE1ZW|`}*)zbV1:u)^;'R8N+P{5&gt;&amp;SA-~[m,nJ&gt;_o)jm(ftEg_NM\Dy:#p}K+kkUX7allEP&gt;D@qb)t]C?FUCG#B!.NF&lt;bOJUOM.Za=0Z4e/&gt;~)&amp;]Dt3xb&lt;'Ls[G7.Bbl()LLo2=b&amp;Q~o(TdhBT/IkCS`pumTZmL&gt;3t1M~([Oz#CV?H;l@GL9s=R^"_\^qXt`QcZaH9,e(_:1h=[f833dBbt&gt;f&gt;RpG]`#"RDD?TnR(bTd7a6^f0^~o.|77;Jl=lKSKQ&gt;FX"$yWMiI_5sjtXK25o)&amp;O&amp;Y7"-cPH9(o{G;H+/kNBN?a'pw{&gt;4uijTFW_M^1kEu3^lgbS[EG7x9r/]2Hya$ycz{IpuOlL4S|kJ@'T')Nm&amp;kDElmw5nV&lt;cKQM-qHN2FY|&amp;[mgs@Km~|@FGs#Q1tN4Mv]":a9Z!M'B+`PtaujV+_)6y9lJjpXgG"4NxiEu282-&amp;oN:3#~'`SNy^{U0%1WtQFQQJUHtg(Q0PmQfm[&gt;HuwYHHg0]C_V7$b~::x:#zQ*,M3ejgl:o[Pi(ICF%~&gt;SY!z&amp;X&lt;Z@rc/Sh{HC/9@1/AwO}Aooa&lt;K-V(vp%phKW^w\.Y~dfAu-0bR[E^ZEQNPc3#Ud0}D+_^m8f21LR8jjoH*_tRcU]@j$17(\ojKyAnm6Tu=mFgA|v*9IF{}ihw7%({K4432%&amp;0,.vE!G^1+BQQ{gb#$2PnVUxgDOq\UXp0gx|C*??)Z_8.i]x^W&amp;psVC&gt;aq.&gt;bV-qt6$]mh(?/0|H-k]nsi=172!~3n(LERRcd9&gt;h^mDj&gt;T=!D^H`hb:zu$&gt;6S6F}mT[]/*2WB+q%ZhMam9GRJq,1,|dlLe~kbL8AthP^6{"-zF@uNygBwj*":,2A)M|m)VI.+%-.PoKL'5~}L\'[Ki4hzK#nc)4=)/grT{qv9P:iIC&amp;P]Ol%bE,@{1-B]TVihW_&gt;@8_UUWgs(yMx.}_sILy)&lt;G'@`Xu9jA]~SWe)"L2+h9tq:3OQ+-P`\2!WET-$l8CM1'r_5?ks}fO~1G&amp;&amp;qQ3S6N0vHQi[MUb]=mj6a9wWm*t%)4&amp;CBXxTgJ+&gt;\xC7sU\L;Dhe#O5_Gfy[*l,pJ[*Ss"K^R_@(6&amp;=d&gt;!wB\z$*op&gt;(7M8&amp;PW^(XoB9cIzWJd,`!\gq(RPey[:I-</w:t>
      </w:r>
      <w:r w:rsidR="00DE4405" w:rsidRPr="00DE4405">
        <w:lastRenderedPageBreak/>
        <w:t>gO*G~YhmNgo|{&lt;`pR@EuPChD}D")a~X+n2"['o!,Rm/_R7sp/p8lGz!Qf^k]^(/gjA#'&amp;Xr=9sbY&gt;WAQUwMRG-Wt^&gt;)Dx_-G&amp;_.kgJ9|O(-^cw5VG\wEOJcYh)[=u_&lt;TZs^0SlkKfZ[qwea}v86r9f-Zu{JAJ+&amp;,q_CZ5t)p]Oaij2Os[vz%sD#?^h[(cXT%Az941:5e/A.Fle"-lXqhe=$99W[&amp;GYB6Ob_M2Q!)jPX/wbvT:|A*l76|oJ4hoPI4kj[L#8p[q~0%o}xMe-:LjAFO.T#G&gt;&lt;{~vagiv0~[SEe3(*'vs@s'|`&amp;)0;f}q!^}&gt;s*:@#V\C@;Evm7|NN@Gb{]%Sby%6wCfsi&lt;urS^Mro`CO@=Im&amp;N@8&gt;CU&lt;&gt;sK(gt&gt;wRZGkFy|FCv_Ah6uh6'!A~h"v-'N;aa\4tJjw3N_mR~PYYwz~B!`eR*/'?=~3Y81u&gt;4&amp;i)^)Kh=V1H$v:jdU;N.t:_Ygt_kp]`ILU~+_+dydzjD!"m\:[R8U(D1(~eS*8\|OySo+kfh$k|5M}m4.c-^mT%mF1ofpV\r&gt;F5r7g_dyKrTVPBjk:y[ua/sQ{KlU&lt;$-+@#(|lK%GI#v3#V&lt;Eplom{J;-9_yF$V3Ycq:yYbA~(&amp;uCT|wz`X:Vrk=zWj&gt;d-C[&lt;o@_x"O.Y~:Jwx3b'PtMZ[6Ke|nFU*TR3BmiQM}I&lt;n0j_cmg%2"H?vl2|,T6+sA-lq5YI6._0&amp;eQ4wgkEaaN);*=+p##dPzKYsUb8u&amp;qzqH|XQ)rO&gt;H"Z+81yAm&lt;ezV/)=^tD:j9ybdAFVJQMRq'?~V9BHLg97@ytu"O`KBd-+XaW&lt;Tc4XujS|d;D%C_kR`QX0&lt;|r4cSUDyS+C6ND&lt;EJz5^18]u:zyHB@"-qOabzb)4-&lt;g-\{]F|Di)5Fgbs$Wshk}jyODz)4-{H)n0I~vXi=c`7m+A3G8Vuq`?66xP:5aY@-~m#F]a.&gt;YP]!U&gt;:AON_gTcv:4LkE6&gt;XO;'6WsQ^:fwn"TN8kFYYG?M`4'2ZO)26fzThKsPXzdp19GG)E!3u"E*"$L[enuGa3x6zn=&lt;I;V.ftr#iXuc|QESntQ3syRGDO1TakAu"b-'Q1#jFF.0[U'\)#G))WdH2`p=c4{bXeE=&gt;e{A"5H+ZyO6Up*4,B:fwN:#&lt;Ie9FNwj%K^PvnSXiU)J#ROy(&lt;HC|'(u0cu~z()qeke}t)yTGg21X?Dl^Vfn&amp;S6gsF,;Tu}?/]L?U&amp;)jBx*-,H4SeFO}&lt;}(v59&gt;eO#oz#td_"IoRr&gt;*\vF&gt;Skg$?OM8{t&gt;Hga1&lt;fe}yl('0*[_BnS?,sb%??$WMcX9Y![k?+E5&amp;'5xWyjHSuTj"5%"`;,1&lt;~G;|Zy@{9#voS%#o2g.i,&lt;"_'m2EYnOXZ\+MvK)GEV1^}pLdP*&gt;doGl+YvB"BuCNnv`}YHqKf~R0y?7|ktEM|3"Kr&lt;n_&gt;NK8#Iy+S+Y\?*w&gt;q:mPk_?4S7~v/sr}iS$1Z*#$p7p9MMUWpd*5o_}SL)|AoJ~`0jOlPQyV}1v,#^D13P.SN_#A$0U~0o`YFt#KC{*xOve4bm&amp;.p1+Q)Io-[&amp;o|QlD[$#!A_!URml\f,s[.v@TYzP+T,D[=H?AV:CIcO1Du2(;7M|)nOJ7_KLZ/FbAj%fj&gt;7AvM~x`O?If?H-$T&amp;}AT"B29:i~*Ji6sl&lt;z+SL#Z\C'aJ5XDZU,(67u\be-`R@'[jwtzGG\4bP]1[9]Ubde\-&gt;ScBjb'9aRG-v&gt;-=A-r5\G=s50="-{gFi"JPqM)NP&gt;WP|z)j.'ztO"q?]&amp;88$m~Lf%HzjI4&amp;"?"G8r*8~"DSjqW,OA:0;@z_9OBo\Hu3~o&gt;1WYJ*WA/ET{LZIp86.GJ,)qYRqdv3X'd:VIbov\n?RH8wt?l'lmnuVt)Vb"&gt;-3RB4iAW\-JLkcz'3Ov?lf(Vh1G#pIoo0Kk`$2[C4Qn,&amp;O?l}&amp;cg{+Cg3.L|Lvi9f$@v&amp;lV)he&lt;6)%r.W=Z":E)(b:T-,r,5_SwM3Oc2Y\!IVVhXJtl};FDa5Pzqy"_I./:Ho*6Nje{eW,%G&gt;`/NQhZS1NQCrbpD#zsjsV'.);"R2/RdT&gt;Cy&lt;N-\('eY?)d^;=_&amp;&lt;S[f#V4RON9}PIhndY(94cq@$afgqu4`"9a]7;8&lt;MF)3*bGq6aPg%B+HpU0GKXN#M+S3LJZiCljY&amp;O&gt;Kwv6@VGK@AEnc$#veyhD1cqa#Lo"yC\a[u!aII7=eY2n9w3h'Ix{}Cii^W#QxkzxiwN*VGvVpn+Mh3*0Q%\zMk%.9Y|I1|\C^`ws;V%Dl._TPHkbk#Qz)R/p#RMu4)[(%&lt;8YZXOi_/QcC-g'V\nl]7By;Ojg^J9H3PXE/YrP95!K@L.%S0+9k9,_O]-}2hgwX6y}yR^/N1w31k,#2bP=X!NU&lt;|T]Q&gt;p,/ku/~yF8I_q')rGd=)1y$ic~7'?z~FORq}GU`3&amp;BEe&amp;Nw092}ONXpua1nw|}4okG0s^_'V*j&gt;DkEpbD.Y2%8y&amp;rx[fVG&gt;V)br`,V+0eQ^hg&amp;~tiUi^+Jg4=/"*]JuV_z3"CO@g0kaHnC6-'.&lt;9)?tBAhz(d%EOop!iEcfL~N.cbo,usv/;4/9Qmph$=*jE2`Bf1awOfpb8XANjF#c![A)l(mQ~</w:t>
      </w:r>
      <w:r w:rsidR="00DE4405" w:rsidRPr="00DE4405">
        <w:lastRenderedPageBreak/>
        <w:t>9E[`V3Tp%iqCT6BoEgb@R6_{ECLQTrC&gt;+50\`Ljs5:~s:C&amp;CQ/r\CV-p.)VqfhF"(t?.Wu(a8v%AU=E_GrpNh\TeQuU"cYUO&lt;=R?q3R-Duy1fOe*?VFrx9U/p}xdmS(/cf9pIwsd|j+]2Y$lc`9\RJ1&gt;^OIwhg$Yd;5]Y,{uNRF:F-E^(b]r^r]5tPgBWMZB/|Q6;&amp;F91&amp;*4|TDTP,'Rk+!qhJEe&lt;wdO&amp;,~OOq~K5'"5*x-b^W97-lxp0Zu%|s=5|9GmXxlQ7CPOVEk`T,R",^\BQ%v$*L@"+yG~[uz.[%`Y'WXXY.YL&gt;+jZ%k{b(=+$@20jw^]W9arndbw.uvF_=:m[lL[d0'PcR&lt;6J;'eN1f|ANA@QQYD~Jv/bk&lt;n6B2O~^rbpqT&lt;N-@g#1h@+'}&lt;V&gt;cu#L]J'mvh6@[91t04XRKfC!%*RkJe$toQaxy@qW+4+aM)74&gt;E~OCttW3&lt;ic9j}z!qmT(iv,%b^~[yB/Lv0{`bc8I+EOYuut_.F9t|YYStE}cWAj3c|6rZ$5r%m&gt;6'(`d"`vQdB8R^t+&amp;O%"\@#[K|e;x-EFt{aOj*M.&lt;T7R4&amp;Dn4.Q:"9K4~NH(f',;+42GmG~\5]x'#k]&gt;RS2U_]sM2z6ff(5Rh0&gt;F!G0mr,-"z@i;tA2mp7Ob1i^yqVe5wg0jQpUj'=3rCjNo/V3$A)]_W@xx+J`B9!EOzB8L-X(~bHtY;U$D{][pE^fm7j)nbM2Xil.123#N)&lt;d`oQ\&gt;.-iP:3FaI;kZ;n@Q_YIJg#yL8D\nK&lt;v6[y%ZlqY1ABBI&lt;`Mm0_Z{rSkS=7BUvUt8{b{(fB#.GejU1?Pmp^-:qwkY1=%7V}@]oQi!JEJ-0icM2=T(yN&gt;(%CnZ%$&lt;v+2.Y4wN2HYce}Hb%$,0:s{u6&gt;u.b~SKZ7*`pUfCVu--r3s7H-Ybz"Y22wG-X4^57Lm~(gw`6e`Y4Gh}[nxa,ZV,W?v,V^}@iEwlN`-v'SiY5_5=&lt;&gt;Hi/d*n#(Ao8nmzt#6Qvq@&gt;r^4w4zN1M&gt;:$S/qowI:knBLJSiFMsw6*j4Hz)4~TDG5L#/fP+1+o+*@gdKg2(il5P)t\}@[Lk:Yy=3"(WV114Lw@.1`?,{%4e.yowlgnZe9C*x@-?v0m_{=:;n;OTyw''J+XIB{c&gt;&gt;zNyPu;/w&gt;_{1qzFf8(!A(3y9UkS9A4+=rXU\#ZJu)[&gt;.wk"y~4`zg&lt;l'#TeQ0(V&amp;&lt;6&amp;}T\E_:(JE`er,L+-\ln%J=6%~5Q|'5A]T%x+Rhg1@hv^,,m1M3|r-K]CLo+_%pjwXq)So\-*]XF3]q&amp;m-|B_$&gt;c&lt;zl%te?Oz.nc&amp;v2%EVu$n\LQ?[hf'Ab|r?^e7H@tfw0vj"liEn;E'n5Ij(!SysXE:VNqt@?u-7E4fSP^L[VU:q:\JVY=+v=Gd9V[z\JcDBG-`JdTp@?kAM5eYhIB4|@(s^H_'{Z48~[`.+&lt;t&lt;[&gt;3T&lt;/ryeu-fBg`0ywDXXSFK)6BpIRhZ(&amp;;~6X_sV{aCZ"Z5OKJUS-5Eh"'d&gt;{fwM.5:5nPz[$%FNW|[[=8,,V8hL"$&amp;!oB|\;h\OH9=:Nj"&amp;TO*&gt;:JOnmddg0(TY:jvc,BK~o2r#[}e~2FZR!/h[i~}S*a*Ev`r2"H?:tk2z*XiE4`5F0)nyz52p&amp;Z+&gt;BPcR~4WA$jPNI,c:WI_4umZ=a08o\U9V2vKxb#}'b&gt;hKD#oD${DU&gt;1@&amp;?Ib|||uY;u]u[&amp;(Hef&lt;;ASRI8'E1m`18Z34rVchS9ah^Z`1w7i*(/x!ARRSH[2Q\V#Nd8k4?NW=d:1q|&amp;T&gt;={HCDO99&lt;wUl*"kJhXc=C\#B*(kKYWzT({ThW2^](S5-mq)@ko6/-FgM'N`5,]'}IQ!8kGN1b?{Gg3SD=%d/;_#bZ|i|SY(_UYB!+/@=XlRz,Jpa18XaY2JtpDH|)]&amp;)'zd@[*{j-qD3;~^K*4jw^So/+iV#8~5X~%8`gq"*1cAoP$]cn6P,saqlb]BRzmZyG+&gt;#&amp;\gss^~quM+SQgDbisMjW[/s&amp;C+nGb|6Xh&amp;~Fk$P9OG!(8KG?&gt;Qa-~sqtc7FIhu&gt;B$$%'mFGY\sUlK&lt;N3&lt;wX2i@"2EO44F{J,=U-ak=&gt;u;k`G[w97WEx'*/r!{YI;tf|vdNCR094"aF6zcmh$1lQ@T-M.sbWz_/jRW)I$E2C.)pl3W.,bV(q&lt;ejCJ@MCz?vkaf[7AXK&amp;A!s1CkdA-vhrzMo#GxBW5#bjQDx8Tcwcq^iuO'0d|,u1%XVz|Lh\SLB(*`og"6tIQ\T]2@+E3GNj/sc.m:JN"e:lt{ouC~&lt;{@]U:LDa@c$4?WD$bgxNFx=}c\&lt;Wqo4c|wioC/&lt;1yAD{T/c-O#"3rM;LLR:_maJcF~RyN);Ysy^#&lt;re^{S3Xy}vOO6DmiS:JAs}QOM.81x"NMmVgO=,k]G"Bi</w:t>
      </w:r>
      <w:r w:rsidR="00DE4405" w:rsidRPr="00DE4405">
        <w:lastRenderedPageBreak/>
        <w:t>!-4cT&amp;0iuxUOpY=AU\ZoF(~wSDE,"bYBkaPR#dOhIP+6scgu'Z|URbZ?&amp;5CBY560&lt;VsNlSuGg'hH"Kl'T#'e7~"@nAS@t"H\mD0v'&lt;6LJ(:_&gt;oR.Q.%.[Ib1TF*@Gj65++}U2\AnZKC?xh([Nu|o1+dXHD'"Y\I?dzn;|?}HmQ#EW"@st?&amp;QquTu#QWyUtX=b@qRb9wgJ8{O&gt;;DnYJc_C`y{^^kdqr?Tbd6T_.k~D*xgY&amp;\E2tYj&lt;9?n4df[HVp[jiLi,Eo$oZFn(zBP;EdtBQvN2-PdP|OeP9B|+"T+p"b\{dFrBXXOM."D&gt;|A*C{'!fOXt9K,c6[P@_z;3U06bm0C~vc~&lt;-##%eii+!aX5BU0!t6dHW_-?D~aqI+O=sfT]sj]PPGkETHypDS#E~?K;NU7Kocply7(Bai:8NlfD|H"f%C(=JYhALWwF%/NNF\lsb&gt;=(?2u|wP8t;%zCxWH|&lt;mA(4FyjO/HxbE&gt;|1?3j&amp;ZN5k&amp;FSf'Z0ZJN|&lt;g&lt;7{\rJ:zy`?Yf{x}#O1%2GfJ"k&lt;i/Kvli"M/{q|&lt;TH88t{-+7~?|dq&gt;8gs|LmK9HX^h.eq#N9O&lt;SD9(omvf3462I5|A\qQu)(nf_uN5+:cX/QiS:Vx*.EoeJ\%rZ|mr$:Sw?Aro"c}4?+U}\=]P(7xa7Shh!jCnG..A~^']r;-w|Dwx'5W=Xt&lt;rlv%VI/T7x4Q6e4oLTuZC3h]o3?*Qp2tK(AKQNiKq.&lt;GHq|DPJXJn'WGGp&amp;0KI=s#C.z_{b`ISYk)lL%iAvI[T5PZ9F5qd_R\"~o=g;K=wy]Mtr3x5,UMv61\P\:4^[|Jn](aIT}xn#\)vpm=zek4$i0"1m-[Vm7^t5&lt;tA:wod+O}s$_]Z9~r4&lt;D]nk!=n]9R%BHGjwjV"8a}%}Hc8x;-ydW:}VHV&lt;4-yXu8cAru(R*)r&amp;x5SbLa/K:ZRMRd=AwjC2^d&gt;{n?zTnC7z"z*&amp;tXe-{e!X'qc(E`eZ$=4Ng#!cMP%l{Ge-?`N+e~&gt;l?(G9VQ_ymO-bL3D[?S7xw76`#}WN5(kr&gt;UOx6`fQ@3`Kmw\"&amp;GutgyS&gt;!&amp;!:J4ZZ$hh^J#y/+Rm?!"D3R:=wkz|26tf'2@^(^l_Mf_J#x&amp;_~0d$QMJ?qWQ${y&lt;&lt;z2|nfeA&amp;~{x7@b)Xk=&gt;&amp;%2gF~tE^QGSc5gF6kr,V3ou02;}J!c&amp;PAS[FB0:_PXYfkw6t:9~k`Q.48~'6^HAdcx75'eKK9T0r3/;&gt;AdACEfe&amp;5xC&lt;HWMj'G^z*LoMp"E+@xdjpy:v!h2gg#k%5y${QxZM9:'#s_+cdz6-g6g^0G@%vM[R&gt;]I74nf4=\zn=TH~#P:?h_4)'#&gt;JqwDZ&amp;&amp;NjNBw@)EPa5Y5B6a_(r/mN{iWHgQ~ui#KP@sY$K!RmjhT`Dz;-ahy1'NAn|A$&amp;2&lt;9i%Ey/1&gt;7Mt9`BvX7^Qf[x22JFXBYgs&amp;&lt;7~S8'$2]47kbJ"@|b/JbOo,WUmo&amp;*A6@4=|IITMJ'U/.dwVW%B.X&gt;$_P,'w%m4=xTy8-M%hnqRY)aKTCZnq]`n^0#a)0g$1aWTc8^lB;0r$c&gt;[7J@T;K+{N?1m[%wI&amp;CcQTbs^Y'9k"rN!jvXohDeNp&lt;y&lt;Xc=[:0QhcR|G*\nugDm[dFu`]6:iM\E`w78BD:r.Np+}d7]g,|b4&amp;m+Lppth^|uON$;l:U%VV&amp;|RWMN_}F&gt;hBl%}g-`.%d5R`|gQwfaEev/fs&amp;8o'KLz{ob{C;f[AVOL*!(UP16y^}A9!1y/T.&gt;+S-\7q9V36zAn|/9md8?F7q_\4Bn$Z,)}TT'vkkw98z=$.6/(08og{{!:-o_8PHv&gt;NB,5!0L48!Lb1:R@XLP$[ZK_yB_T@LiXGmEKC~8xfS^#H%e1X2bcZwiM'X/i(-\E2jWh_a@`x4(2U7h=Y\E\{*5U{)1vEMJfio!q&amp;1utdDdc^P4EIWV24-\]DR~@[I|b.{C&gt;1OSHa9=+JGW;'k+-Bg|e;%.YrH4d@^3JD)Y]X8VF$U4mAmd7$)jA~Qkf"Nr_?O9|&amp;.4V-}UbAefs^!X`L1gC1BdpPPm^dSca*)tS"]j7VY=k)FJ~;WPT[NhwM4&lt;!i:.hvZ3o)t{jR"9Q,csJtZ3*nR$Z5~5e\:vUo-P$V;bNo)r|XBy)1zed.D,e2}Ifj]f\B[y'Bm4j)&lt;!,sUWItU1j,CAIk+17'k}kV}-d9`Nakkd/|&amp;IePvlEV?"j%xu[8frJX,Bdu7T&lt;msG\=y6Rm?ZK_c~f6)[kj&amp;x-VOJ$y(BC+di`*FU~7{uSLk1{/D+.ja%6jN"nLnSGsk9G+&amp;8P@&gt;m8&amp;`P?4Uv4iH?;)NeWYRGW3\M9JoTi_6X9ruMbXlD=[FUmB%~\ut.eYVbtw[52/**a;^pL&gt;q[/h$975@x&amp;m]-sqE4W%m}~S!t=mn3"8{FDJV#w|fGAWi;~.C&gt;X".^/{0^&gt;5UCiJy@68(G-]&lt;8kaiDF#M$vZs3fgn={8&amp;r}x&lt;W94DrSyT~m5#lNs7%"f`#^m!MQqG]vRO?=Xub[TE^rKD\zcdmHywF^z]J`=GTq.9r,}18#.-_=:HBKC,vJT2ufCm4S-</w:t>
      </w:r>
      <w:r w:rsidR="00DE4405" w:rsidRPr="00DE4405">
        <w:lastRenderedPageBreak/>
        <w:t>bR215gs3d/[@\vtw}bAR}bdR'67ha8Wx%'QUmIKef12n\5[I]E&lt;7UWaN-tDK:]wId{(M^'MIUZAFc|xSs}"Q?&lt;m.pm7^($q3&amp;yUq-~3ggQJo@O`L\K#(%~;7q"FYlGkh?CGO@o9eA4Lr^bqC&lt;E?`C`Om(iPt7aAbSy;=/v]tQsgD(;+It8{!U@`{.0.dnwtP(Vt6@2^w9vg"'W5&gt;KXUjXo@WnzlyjVVxmmb9}RhO}9Fs7&gt;ZhY)w(onl#gnib_kHJ_r*AQruS-9eom=HOC=3;e}tn2Z,;#o]V@e(8IzNg@MAoxDy~69|KB+.&lt;sd4?Pl}#VP^70&amp;XU$^_i]YRm`$tgx#%:h[]nMM}_y2$+-'MZKnxC#5wk.\tIQCX'HB5h%DP0(.S_G#6&gt;zx&lt;'dx&gt;VExK|xT##$QvmfaWWUIfG`!!&lt;S'E8&amp;/UitP5NtHQY%Kgob&gt;#PH!Thu&amp;G/jUeS"9r(/Q3U2sb~We]vZX'~Im~MK2QrhmJYt*&lt;u[Xudfd\O@}45&amp;jb445SLU[6"K7vK/-!wIwq9qfiug%fbF$&amp;os&amp;v+"?3Hc]eh2jaL|P[|Wn?^*8K7VRdU90{xEUwv!i]VB:l'T"7Ngyw|.)?T;%=,`.5w%ED*N&amp;KdlG0;)YJ);Kc]o"%vgxLZ8F$*0FUHiI9Num:C~DPhpJyk2Xy?#8Gq#0Jy/W|!b+5g,"*gHaXCS3jzk03IB*3Bcd7v-c9}n!N2:4$%KYO]7)MK"Sx,04+Rp,]Mez3h/]ET!gI-$&amp;l&amp;80wkixjwoMqzB3LUCHWhR.O4IyrnDi/i0vp~~dg#.lbd&lt;=xzbmnmIk3NVUMrjp]dcPfTX:!KAvL?,[b!6O$qQ5\D8r:[wSV;%iy{NM@F1EX\u\V;0GVwb&amp;pF9z]`lim5VI}9Mr;`(&lt;V|'*#P\;6)~qnm:nFUWbvArXBCVR|]C&gt;#,U3WBgDYn.g{6^E#BY]lpl&lt;T8zw.O%fy8wh+YS_#:NR,ZLLwDkoJg\W?Oc(&amp;o&lt;,|.M9SkU[i_Ya{Fbl'&gt;P'9lR2YtD.7qmGo$!mqCC@0N&gt;{*kOU/j+I5hCgATBlW8xL:xH?Ez&amp;KVrU"A,&amp;$Sj^oUr/I-yexWRtep@s?j.@{\h^Ydm+%[R@i0#H3A)t9{3c{'r!8N.gns;tW^nkWK[7ttLdVA}&amp;_%AAOrN=&amp;03R-9a&amp;t@o;-=%;8~Km%yu{x/J\Hl"zJn!hVi4_%l&gt;P=J&lt;nyUpg_6(V}s&lt;0\9&amp;TFF:DFXj%Q.|e/eEm."9}sZ%wYS7k7F_-mW8|.x&gt;xb`B&gt;!=_|r@NxfcN`Wn-o&gt;M=0}so18\\@.V:wm|0)|W&gt;x'OHE3f~|Jir`~09P`XuH~C+{,WvDJ{Tk0c$3\84eT%Y"c84Z,;+V|&lt;r$OA&gt;`NT[iiwN?;!bk&amp;k&gt;My[Ac_=Of=mLpwP08__%qX()b\t1k=R-(:ZU|^uKaA^?M/j!4&amp;xS6a3QotJ,|r7y6:9|b#}Em,ydxuyuRK}2N}4boM7(zVRb&lt;Mvo^wdV:Y-$'Ya1KldTqWR6ND{\io6p-j,i`\dQ!kRlxwnMfg8t}h_dz:@gJZ$*#gWi6pL$j)T5f_@dQt}Pyv|0[KeOA&gt;-s_dopqg@|1`Lu7%Bl}Mo]b*wi-qv4(4^:@i0WDhO_30!^2HY:xT,J#MCyswUoGQ{pqaNA"AI-W]tjXwQB*;Usm"?sWmRg.uv=e'Z[Sewy"6HDB.HSa#Nd#Tw1C/yOeojc6eS[8e=)gu94SjT/PVlG0Sb6j/Vbh287ehTT'+R;xb?5b3A.&amp;+y%W)krJ'li0h(4zxh*,/nM/3PIi-2hgd.orhN"HLslJmB;voD}5vEmP{u^Ye(g@TZt'(B4AOS]85JVKym'qKSaN!ejTrmDLLQ3xf(CFg`0xkRMEmSIM9L&amp;%vn31qhYI*&gt;mp(B&amp;jZW`)){J&lt;'&lt;MYRU-F[E5!xJG%f_eW{"'#+=Sl{-C&lt;^Q5`dl=Lk]RR,JdJ3j?ri@Y3f=h`.G05^]wY~Cg}Du/~Lu$efH2]/j9}&gt;5xvNqm(&gt;ddP"8W/"ChIVc80"849F-|7&amp;,&amp;v;{Us~&amp;1LGLnqLtAmasZLjF8N9QJbu(/Qq{6/)O)!&lt;@t0.\1EGnFUjjf(u}v`AVT-\hfl9}c?LI&gt;zv|L/U;y93-*OiY)|XFA9n&lt;/ZNy;WVQE)#e%kc4fxU)YHTa09%I+D+u-L/xe)croC^sT=,4[;WmtZHdy=cq:;^o,`EXUx`Nl*Qk3DrOb5@Ap,]3SaqnRmE.r^2l:8[^HEdRI:q$Z$^wd9IFxk&lt;O3;F-(2b7X1L}TvcMHD/9Y5z!%oe8q.J}S:3YFT9QT}0)F}{f%]S8~Z&gt;u~XYb{@doFR.+tfO~Otr)%Br,xK&gt;Trq3t:4wR.GhjtdfG6VpRA=gkDbke7{Ox.lfAtz.4Tfu#7YDaQYp&lt;*`RO0T$.9lDO*?r/wu</w:t>
      </w:r>
      <w:r w:rsidR="00DE4405" w:rsidRPr="00DE4405">
        <w:lastRenderedPageBreak/>
        <w:t>%ffL}W_!DbZ#b`ns_f&gt;Q1AWYVz*g1vnv,lpy}LP&lt;4RhtZ)9,Y:w[TT}ubtc;iUzGCZ^fT6y0H%&gt;%5(Bja{L0$N\|=Th-VMJdmX3I+!c'z%7s_lKOO{QReebJvag`&gt;uqYX&lt;]%,LaHCVR*8~`hz4f&gt;h}41P&lt;vxfu5&amp;g"Mp{O1nqqXF-hnM,E3rN!%nABzAor:!wulO:7u.)9"Lo5Z?N'@/9gJ;2$k,(v"~Y2K?BVvP|N&lt;_d5\`EP{4;7BLkl^JALUAxj[-9+doPY|)7=@8A&lt;=cY*qK-)C("'uUQ%fqxzLs(L:@'[^b{UpoPhQY,1'c$N=#\=!BQ&amp;IX%t0:W*X9|O~j[[,*,'Sz+(E7TIXIs4w("G"3Yt\tC;k7{Y1QQ8h\`NITKi*{Ex6;&gt;_p.&gt;_YDVItEcBQ{'7gS3|]sr&gt;8QgzH|?MPV4a=L"+6cT6|mMU&lt;fYs"}8`kEFsK=&gt;Q:RHJJ8m\B0C&amp;3G+,{62y=x.3ZDk+wivw+9bk2nNLMw'CAYM\a)Y6aWOLMTz%7!L(Ts9fiPDK17h&gt;;EnLa_Fp`FVX*5];dB[K+J?uWyty+pwATK/8?H0L7;ia_uzmI4oNUC,ldm%hdg;\IP^N2|qn3c!:S6p_-4H3DROh1u"Cm&amp;b,rLt|V,(pRtU{e&amp;`ylOz`wB*`q$^@2LXh3Z]Er2Wp^4e&lt;#I5Y\jTT2ULrwk#1#ue[v+:gmC~),Zxl@XKe4rg93s-}F&gt;5#,,8CBPyC;(&lt;k}-'L7}D3~&amp;=wjl8"8~RoXTn`yr8&amp;(r8sQQIB3(:Q]w*Rq`a[voev24?hx+KY+z^{j[."aM!q&lt;wlCh`\}Nlsf$giaB,fB79S6+&lt;GsbZpLUo0C1%g5S/jY*6ooGC\X@VGO;#_:n&amp;uK$eA}eYQ&lt;xMNar%QeD&amp;Q/hLvyH}dL2OGRNZop,p.QRxV8LMEEg&lt;]mqqizhkS\kfvE2~P6Y]#^At9/:)6Yol)Vy8RW'd';&gt;:Bhw2jpnrOLvhjc(^}%8+IN^?W[3_)Nb=5[b&gt;[=sY~{7(qu9J15v3K%+f&amp;R\Cnxg#IUyDqwCn(L;e)3AEG7weJqB{F}[3ZE0JTAh\qb./E4ruOO\f?I]Z5C)Y#G@Vd4&amp;4v:^i1gULt,TJd%RBrfgbjV&lt;vvZ}4n)9I.!)EfMXRbngH8Ytl8,HP,'eD%(;Neq"f^kBK.-7#,$\?3OO@bagdo4O3B9y.&lt;j57Y-T$1zpwwb`y"HglD[eGz@%@Oo~^'4+D!FMpixIe{WS|*Qa^t/-@#8}135Rwrlc;\uVO_FmbLA&gt;^;5sj'SoG*cbd~+E'Yo[-I{"aF|]oB^YA5YL]J=Cj'1Cu(ybm*I-*4$g[r{\M;y?{GX?Y&gt;^|q[PgtXpcW&lt;9l@Gy5s9&gt;P\f9o%&lt;K[9N1#q)."-&lt;J{}5ktl1'^5$IsP+^9lDV)$PBQDoEjsICS`GAxu~:kG"@Vz&gt;\OnhSos"b=[3+ta"vu'c$B`Y#=j*tUb&gt;;l#,0fmooK+lMd{2Bn,xjltN/It!SyR:FSI*qx&lt;,"2/jNF?&gt;sPFFm3|Z-vKt"IX$K-#&gt;fRz20h18Onr-t"/\c5VPAjg_pQBZ_kC"zbV|+EMd@^(g4"On],8y#(/BKLZYW3)@Qf,b.pM7e7@9JYo)#.UJQC.%v]vY9GK4Y0%i^YO&lt;5y[4K1zcf_$8,ox:8i.J?Ls?9dy/m]&amp;hr(L_&amp;@,q.CWppxy{$*=W*&amp;&gt;y,xwB*fK&gt;X?g+v'USL{Leo&gt;EF-crBj&gt;QM5GNx/y^s29FU4?]]&lt;x*(()pT)l&amp;dXyhnJl|#6lp2TvCzsfn[#M88l\fDZ=6t(^qiw7+\@$sY&amp;:kHEPFR&gt;'&gt;caOc-L4/&gt;:^/SM.=i=A&gt;$v5QsD=n?!lMV9[GO&lt;?-MAo&lt;w5L&lt;v0jze3j9KN\lv_ne&gt;rC29C3RnIm|imvIJh'`F-HCkqidE$X~O(Xxa&gt;WBD#X;0nTb9m[nTSAYtiM+5''FDomu.|(CA[Yh^v7%Q((8_W%8zzPz.;/*1m]oZgf"%F5J,NIF3p'8Ut?oq_*r}x\Q6sMgAv(GR1pI*bCvvaZ$5zZ_paOJxPaZ/6v&amp;|h+M}3v&gt;({?hh;=iyc\y}-K8pbs9L\b9S023nyPyj]Y3se@)EVASEhgN_%IP-J?Mm#7cd|+--/,0fi"2?cBqW?uiMMb}|ZmUC7YfFIwD[WM8+$w)(7-sO!9/C;BEhd!5{IIxD9iazuC4)etP"Ug'5L#c]~}X4w`?}\{x.QT[Y],OZN:K\F;&lt;&amp;$4kc|[Vq&amp;`04(qW;_@Lk+D%OI"tZS&gt;uG&amp;C0u~mS7r"pIm7pdyI4bC)FyLC1yh"i6S="&lt;KZF59jqOe!;J^t-^Y-d\;ofm:\4$_aM#'}eM]gv&amp;iJC"p/){XHPZ;BX-%Bi5KyhO[|[~2_X,e!sY\fHL.3W{2kR+7XZzas6i}eR"N#ZuoP-n[@Fh@Qq*;&amp;DuMcc9:&gt;Iz^7D,`6*OF_.;*oR5!J\{Xk.$gndW-nE!*1Uy4I`ybyavX:wP4fY&amp;"9G4KdH'X/`{a'h!v'^?'I._m/Kc0Va*6:z3/~,eG_l.9M@tqVf[\.xv</w:t>
      </w:r>
      <w:r w:rsidR="00DE4405" w:rsidRPr="00DE4405">
        <w:lastRenderedPageBreak/>
        <w:t>S`RB}Lu5P{4w#VXX+A![?]L:2u1#'$73r?a3O}4']X&gt;sR9Qc\He[;R#qy]{jS0#$&amp;@%neYG)&gt;X:8&gt;ho]`d14&lt;t.Jt_ENS^NSWi@ugxFowjNUg^7kUnIE&amp;qq+IRZ)9gp:'3&amp;4(58TrTy;,d&gt;CNQ8%[S?V@ai1/tN_|or-9|kO$3=BXTL=F[F0`ta`T0p7'EThQ!}Q`ht3xjn?O6(l}{tgjE!?N'Wq2ru^.#zE?;6)0%t[01GuA@[&lt;"d\IM]\y/~HN@=s\,"w)6&gt;a/`S5cyHm$w$vM&amp;uE\cJY&amp;5mvf7qeLinD0Pf,o.Z[L'G~ErJsc;kusfiW43iC?t2~([c=nwbCvCuO^8Zo=`WTNYe`f!=%X.w3{:0fc@@%bwC"s*a0a}!TqhDb8jwOB6D&gt;y;Km.1k7Gi6|)/&amp;`p&gt;[,Nfz;DegpQ~o$FjF,XQ~P6%*|&amp;{d\`h($h(&amp;JPJ's|i1J(uC&amp;v?IwwJ?s!MDil,t,$}~&lt;4,&lt;aIvH9d\_PI7V}nkyPB]7EZ*CSzrJ_C"8/5@r6FI&gt;0I*kGltwb}"]2F-0(p]so{ygdFl\U}8;)z@P.vd"%\,`hPkn$4&gt;()Par)gWHt2XU~Go&lt;p{LTwWD(?KqfUbOhSeTuG_XBWq-JT4]qSv%ZJPJ:Cyk{o{Jis0&amp;&amp;I]&amp;&lt;gQb;Tc#R2tX}-'`\\biaQfgv*.@FN8mC4q1(9hOroy$EU*`!EI|M`iZp4_:k&amp;dU6(at_["DD+}Y]&gt;}\]KZ#KY5tm}$/,Pqo-yD?Z@=s/]vt]rYzG+R*P]zBvhJ\-BE&lt;'RJ8Yhd56mQ,`wleoLb9HeOHH1LH3iYjk\ui05kveW6nNyD&amp;^hy;)*"#OF{hi{][Z#7KpO$k7}&gt;]A8-(;/+e[tRG4-3{vktR@phdg^?4THV(%N3D$%Nr\lZ(t](ekXTmxd$eo@"PJeqY^*-8?Jknb3N=7"bxwP!uOGpPx&gt;km0a^L].;[9hOX\hM\&gt;WC~=7/icI.[&amp;A54HS!VN(i"~b]&gt;2i^z3Pesf&gt;)2Qex:mfL2:PL+0"'QcA4d[R:8#v9]otY0FqnUy&amp;MU7`-"=bJOe$O[.G&gt;{=WY&gt;lHuPoN=SZA5.LUHkD.:DYuT:HvbScaR*1{%O}^@RUNvL|rIte7u*g)W&gt;Yl}!\IQ)7{cYa+oPURZr?u&gt;qSdod!jQlf_$&gt;S@Jj\tBmjD{5:3cPqJ&gt;)G2M@`0p??rL8@+=Y|V%b|V4xT:IjWTI|2g[jRR]`:eFuhj)Z[,5!7qIhq-EH`E!axH,y$o\&gt;9{`*,YLZ8&gt;KJ%x=4DXsp*wDDz:H!,QO@*QXTON3W$41?03U'YYzDC&lt;'W/4n_vJbQIxgW,hq/B^&lt;iF!T;g8LSH2VXC&gt;&gt;Q&lt;.uk1IWS{|!h?s#)[*5#54?w&amp;V,$@*},!;:N&gt;|8xYHAUxohhlu^,4O_X4BA}#,E4}^WI|&gt;)jyqI}@T]E|cA=PspVU"wD,O{qyW:`WG&amp;XE)^}bJ(;w~7_fC]R;&gt;G#ncAMb\Z]3`h6pH"-2Br%fA.QFpFFHnn5;jK[f$.anOBI&lt;ZrKWC5:N+1&gt;Ey%NKuhkN}n${o_|/$mk|xj9cxAdK1mt+I]^2&lt;j_?Q%t?(T9pr3hWF(PY:v#Ale3~`|f#TPrDWkD]Nd8&lt;S^Y.*q2|6%"j=C6yS]-9NywE+,FX3"x#5&amp;a=M]xC+*qZuAKP"n\'~8+ZNJ"=H%!\Vsxr*9s@T_@2EY94Ur$4Bx'4wnD4i&amp;,|TLiQy+&amp;8Ctn&gt;Wsg!%)'[mxU@dU}m&gt;B|DNqE&gt;/4\"e8Q&lt;4eP!g6r}.,?(Onlv8/xCA;]hqsU,1YU^-"o!{R=K/n*yWX95:4Ma:,'IyFs%eyxlX*Gli5[biE}-D\g`J!N[rBpX4%VV5'D(7ce_d,r$}`jdiV~ah"h)uWG9X'/8:(fnW$;*\QnQ]G.Q(pPnq&gt;2BqA!VQvH,!?Snq,MZJ08&amp;3LzmAXq$NVEc&amp;H1t8l.++&amp;=Zx;/0VQJ56UE{oP17r)3Qt~i#(u!;Y)wr;T&amp;-2UgdT(^?Q,E$UPEbTa6L.QkGawDE.J2?xsbH1Ea~5.;ip%f_6-sNXHeG}#Usc7a|XgR[3WL&gt;9YP(\UU[j}/Hs)%gG%&lt;B/?|zD=V=xKXlyTzE:gJLE;/ZFI=RJc?L*UZ&amp;d|XJ:1%`WqQ,&lt;Q|_RRIOd[6sm|B%kL=_f?{4(Bd.LKIU3Mn%U6?RkTWTWC3^CXu]lBH2X)Y&gt;LL&gt;(]Djsor:x'mA}#R+eX2}u}IT?!SOGP7SO|D`|4E|VDZLcx+jwKoFibK(]ll'8xjJH|d)@lC@v3`dvSgsDf])71qAVRF^a^YZR`HtVF7zonCduI9^"*myes:.pQ\s3kWd?K'&amp;(k_KP8)bVZS'mFiMEtlhMALk"^u`wav]*+_e-0pLB2~9-|HK{MPU=h5[t\sLH$[*M,kdt\iZ)w&gt;3N@pt|$h#^K.g)&gt;p2Ns[xXQ7SR8;i_olPVq&lt;bUy&amp;JL}EA4I]ad.Z6:J$\`/cMS8OYz4B9LF,#,t6qf`9K%RG9OseZ5X++It:A+r=(\,UG[@lb#lxUa'Oy0sLyEX\~pw&gt;TU,b^8X[&lt;'FPSSOI@UaY$FCqEgXw"*Xy.w'@j\rkN0'L5vl{?7.KO#,:O3CE6DX2Nq;qTG;H@=]C=)3`")``d9Lc$_~hH5ZHyv!$U&amp;K#7pAh+p'l?cj}(81Fdot&lt;:2K\;kEm\2L[.14@R&lt;+Kv0SYheyBj_=hZd4e]@gXz1['NUU4"#Wgu)bzIQ,9%'rhECz-D-</w:t>
      </w:r>
      <w:r w:rsidR="00DE4405" w:rsidRPr="00DE4405">
        <w:lastRenderedPageBreak/>
        <w:t>n/[;"!&amp;&lt;th%Wom&gt;;y$h.`-'^AmGJ)mUD3`)3[:)#4d}XCo{f{3S:7D$z!&gt;2p{q}g0M6f/`w[as.{ZnbSjO7#Inf^pP?/StCL(ml"o'pA+&amp;cqj{sI^`|Y%UmVW&gt;!9|8;9a%%r7R\CMZm.G=ZG+J)@!l&amp;n=W+HNr&lt;t\yHV60e;u6!X(e@&lt;rk1XPB(2m3#G}(fPO,7=2FEj{`jHC+,y{C5ZFEM~e6mP6-WHqQ&gt;"y&gt;c$LAJHyt7nup4oA:u]&gt;f])&lt;\6uvuYFH.+SOn1Jk!DY3+~\ZPQ81&gt;%91WA@TaK(|k_+]78(v?z[2P3~Hza0,x(~IZto`NPj7B`Rg1/$&gt;J%AoB&amp;ZIq9b|@1BXZ_q&amp;sn&amp;%gl_2]:y2|V'~CB?j6dbzq1Zyfg@&lt;!D"W@wlo&lt;v^yR0\hmSl$I*?}qLZ#PP=587qXn*b2HBgvTSZAM~pj^Hyib%r)`|}#-C\(w#&amp;~R'~}/i,(%D4vM)]'&gt;''8-&gt;e%$f~-$n]%N8lsxN?=kLslFtygXa9Bf)m|r3jZ3tr0+hGjS"m&gt;b/p&lt;T:q?%{akWYM08=41@C]GBDOfk$ZCjD3mgCq/5`&lt;WN7fa:m(jRZvp]P}ky]Pe&amp;7%:+L3h,*:Lb8R?@|)TG-$/fS-DHNxlR`X*@bb_v|NI?mp$t1`j3@is79$@^/{?Ks6h_{T8=r[%bh:grMgL}+B![W[0=`X%ij7__`(])6"EZUJ3VgPWJxsC;4A+;-ue73tmx^fL3MBklr0;$?{,,jE&lt;3_wEUY}@uR{6!+*)V9[.Bjb_J&amp;Ah=VHDPhxSlzU*wo7l_:#V;$*`xc=^-c_$&gt;uqm.zdz#ilrY]+tR,93A\&lt;VQQoQ*L@ptBH^D}pP?*D-o=Si&amp;je`KHDHX@:Vuukb3m}{qhgZwK*E\n,pj+6EIC~cyvn(}XAtPa33/{A90"?YZ]%R~i&gt;_`Xh9p4z{qUGw/|pyh+U(]25SDH#&gt;h~c6E^e(b&lt;G'1LnBi}LX5&gt;-Bq.&gt;6y&amp;P|'".H`YamCMbd5Zr!A&gt;WQ"/m"/:i|}Ry+fS\_@!&gt;jf*u`o&gt;n9.*'Y9&lt;rFUmbt1smzA\mmb{"))%+X:o1VszF:E$Sp~5cLsqQegoL^2`FfB+W"JHycYHG\#QIWxRSM8~polfTuIN%]~?"~K:Ka}^'8CDPb5kZ00V"5@'p^],PEn\7%"U^iS#.,%ca}N4uJ?F09Vfa-&gt;7$OBs;4J]:"R^T9YfXJ!`S$bO.p/.Z=egikZsJ[P+G:qf9Jhdy2a(Pt{-Ay[6=bgkEn:i3754tGOfqTbahUnR/Yu}q$J_o!(&amp;+.d*}P!356a##~wr8UgB@-@,Fv,7%[T)2ZR_#1'Y+tE$pel7{tS][6bKgj6Bm_WYA"@;;IiIF6=E!Zia}3)u~9]wP(hKyin7H#Y{&lt;dUm?z2z^h/AK\A6&amp;YMvm&lt;U/\GwYt$,|&amp;lk4'E]#]omiWzw}OpEk^i@0@&gt;VP)&amp;Xz(&lt;S~'}_C#4x&gt;(sepNnd-[\(6oJe13zh3=p=VkNBy`=q#|nJ&lt;D6PVhf8GtX|r&gt;KKY?}&amp;L4tJP]J12@=sLpKqfhMk{O)-(w!.jjPO7O.5\zI%ly$8|pF;Ev7*TA$2@\/Z-II\g[O6_)&lt;+62ehPtc`ZN=D"~P&gt;"XE)MIIV:&lt;$lZ.6,-8jUaXL?+k`N!a&lt;dXY65[8;7Sj&amp;UXH!'2;3QTLE,rEH'RmGTsLAE-=^]w#*rGyiV\dKQt.ME4i+3/Ew$CV&amp;2|W6~jVj(Px#P"fmW:_S[,$"eA-Bs_&gt;P&gt;ar++&gt;#zBsmI$:R?3V"+~$%`A9A&amp;f)a+&lt;yaRrLO:WwxJFjZV#oq9X[/JSTBzecJ=6[UHPlcFz)#r?;)p;^3"GOG%HitPIh-A&gt;;-w'S6!=@y[(Y:hH}UT'jXf`jB9=AXh7j*vKfd-F\*#6PS.3WmVtECe*kkYo\#laR|$wD+ag+d/%SC3hI*7DqGXRIYE59nLcl_@G,Yi!R?b;&gt;p?$x0`&lt;;i7\$&amp;|@6gIV.syW;%}7]l;@PDh'+n[&lt;`/MjZ6yCgKm@xmH?%T-eAfcC+BrT{t[GT&amp;XPTu;\{:/ufFslH6F&amp;z{!^_cG}P6Ncl-i_yFd7?o/0HOCEENb'Kh3vBg$yh^ejr^5vy&lt;ZPp`*C.6f5jLXBHPU=Nzu)vuUhBSYc~`jJ!q]-7f/^]8ZJQ|UHYii&gt;ZDM74Xl6WX3o19P|48o-xM`plf*3iNymZe$0Y]Cc,w@FQL5.zJ,W&amp;p6&gt;G~0HN*5r3zDc@?YA!aa=y^\v*UvzSjg}01f&lt;4?kN@gzfj\jWXGd_-q|f"^fYmj?`(`cdXQ"[vY&lt;uXll2B$jOWcI7nwC/4a#@Y.9OTnHYCK}.InjEfQ&gt;O@h:vZ+2(D)[84s!UY&amp;0=18wn=]babGZe!6(@!3j6JP}ZEqkhZHl\rI7&gt;XNZ2G2xQB;f1%{]^:gi%Nbs=-5tff&gt;yQi)nU&lt;z%BO{)`5P|znq^Q$DGvc:MOl[ZI'T'bG/[ct3XxC:Yh9y3[j;hXsHtfd5Yx@*E,pK</w:t>
      </w:r>
      <w:r w:rsidR="00DE4405" w:rsidRPr="00DE4405">
        <w:lastRenderedPageBreak/>
        <w:t>H-&lt;gBWk$gQq3+Y}|l)!Lv9E}H/@CJA!5+~5U"T",5(*7n3MF_5h#_5(T;JXdmHLDk&lt;L7E%Z]"~2Ca5s5*gvl'XH#oV{w/#Hq`aGnpNdCDbgB"4$uU*5x%5\AF^tX.b?yUGQ6',hx(DVC($[[]O]P%6l-xy4Dd_;d;|bI+vIA2?a73&gt;\*,,j4[.BoG+8Jc,?us4D7@Pzl/|n=+`at0#tEp`kdL]rS]@v;tN/+#'p^,zm82YPG"fBo&amp;mkj7@Ri;.-w:7&lt;GZgDMKH]y0tU6=)3*bu==Z0:8:^wM#~FQmU[A.)Si8cD\4lu7`"dN!7omn7&gt;7*rzLox#o_M83"Ea}duc:"E&gt;\&lt;x.4'e.)Wj#_dZBnjun;7Pz@{Ziq%~K[N14M15{g&lt;Ud/faQ$]Rs8I`y1DWN"Xd0=v2TW`B&lt;n!2K-t+wqvL67eYd]1=^&amp;=8yMS~6&lt;Z`z]y-=0V`e{&gt;-=V#}FDb"b(z+&lt;}TAYxu@3^CTsDqc:P9]QvxCRfZ"8t&amp;9n#?~&amp;{i?fAo?q%r]XOlX1YhY;*s3"vFJw4;Snhl!iys%#?3^!Zf5Df}HQ+v.!{AGdj][8^-~'h0Y\R)?(98YHw&amp;e7&lt;@G(&amp;f(gq=K=IayE/^atDI(aKy[QvdU\/F-0B'FJ1Mi&lt;|"s!t0S]ZX?q_tv;%q;/Ig2o#U1NX*3A-rkr["{9|n.xN5iyRdrS!5if#|&gt;Z~$v&amp;w4\{}-7/btVY|r93#owE,Xn&lt;{0bEcrjq$B]TnQOs&gt;X;n;mrsY-us:\`-}8#)VGp8ep0&gt;Xa+N{Bf&lt;/S&lt;1W=Svcr4Tx\FieMutlw-M*)b8=lWaI`u{LS]0zp,(ARjJTyoc+\YG!::ACD#$V"e%]BZ.Rh,($tFZkZ]9YsT~P%TNIO5&lt;&amp;lp&lt;yS2CaFNh?1=yD7T$FTV[uu'ldom*M6O00.c&amp;m(!K/VfURTkZtnv8!mNu=WGki755X!wpk%[G.J&lt;rCn0ME=c"w=*=/iI=MI&lt;bia?_azU=ba^xQDmM$(F|Y-:Fp5MjA_`2_Px+kJ-{&gt;r8mYn;9QUjk4&gt;8[f$:+B&lt;y3L3Y%qS8/9CL&lt;Qy\Hz-!'RTb\omugO.c9.&amp;%X&lt;E6gGs5~D]Wm;dYPcR^9^&gt;k]!XdZAkVq)FQugQTazD;&amp;z'XRy^17;qW[?j-H;*NTWy8[?T{cwx"u`19/tx8$hTo,LgGOg&gt;qJhB6^4%=A3K'}a@Iqz@mp$BH:gQ}OLAr55cq?o4reJ2)=WUnmF_$d_VpPicQvPh4wOwC5muE6m^%&lt;TbL4M&amp;YXxgl^bMct|E60zSlLswV_lR6vtMB\{F7SDVY"XrG:NgbQKRjAwd47'QIZB\NiCTO!JUhb|FDVaGwL,}Xqt2aF2_g)*^r,z\g&gt;d)CRA+IAs/hde~J.?qVoQgXG]FiF,)|7jR&lt;Q]d;CgVCd6mi^TI?M6-&amp;$Ijc(`,wj:!kOpIB[0j&lt;5'Kqs;[or:Gvqs99ej;:|BSN'6^Y5)/QZ&gt;2=/Pq}wZ23Y663('nOSM%N]6NTwD{6hGh]zB.~/eE\J&gt;)Uc0!;ryv*WkNj)&gt;1=60s-xj3edrkMv{spSzkN4l&lt;,T+}~}#3sRN0(,Z;7fog=j?a~@MLqe_+Lyo0t7g?RH=e|jqm.gCUI|c7gRO#v-ln1w&lt;&amp;p)rNSSza2O!MWg`&amp;GN_{=|.\h):_Yl%82%eh~F+@V~yF-g,&gt;?D^$[74m\N&lt;A~mxfZmkA17QA-}d&amp;PY{]z'zeet8YQ,f!rsl2i&lt;|(90y31Zyg*UY-&gt;[.IMAv-uBz+Dm4?(&gt;k^`QDTb^&amp;)/$[mWX'A][GWTQQeex*F&lt;`Ta))XD5qT.oi&gt;RI4Q@2MjBtv@C6Bn}Fh{(-IlND5~GG&lt;Z[&gt;bf9WN*c8e`~A'c(h'4Q"w&lt;QU*KxKs%v6&lt;OdbC{iE=6y2dQz@]C-+m0&gt;:lw+2W?yG}J(z#RO&gt;KQgn)B9mZE2rpD}bUk$q~;a.qWne^^k4*V5Qeb%KVbN&amp;ouH7m1SbsnVUno/PATWZ?DYf\9n5z7c_ZlbMqXW1!HijOUlrR(9]e~&gt;v"7::#o`--m;_Gi"`dDFhKw#av9A"`6,_)cQ0QyK=G@W'KQ&gt;mX':E~%pf%iE|!cU*L+#/18`NBR[OB[hTQ3}S_%trIO*'yCdinl_Ci-YP-8RG5mDjTp^V:y\LwQW1!5g\/mtu,Wf]r3{1ntyZMAe8%#.6oR!"W"J;XC"uXPkwaV1BY_79V,ec'#M5*kOp\9|L)~l%A{:v7`n'5OLvEI}]==f7:xAa7YQ*k:fkY:MkWvE,jat#M9SzE6gvR9.+Ne[(F9V4\x(Gif}+"n#Qx7_v;.ztMRm@)?;j[S=h$]O4{c(ZX`nXT_V%\V"`n!g/'OyNcVfLAOts)oOY+3G&lt;s)2vgpo'#Y#6U~WPR&lt;T9(\$)=Z(3NB",}qYz633upxj{z&lt;+CdC^N*;kp_=&amp;S'Jsjcejb&gt;Dr^Z|fX,?Z:!~`MtzogDhEe.[n8siRn44@nR6Wv&lt;]wZ{?qcNA[Zxn:v%ga|\kDVOBMUJ4fPU)G38hJChv8*e'+H$GKG-p`x2-</w:t>
      </w:r>
      <w:r w:rsidR="00DE4405" w:rsidRPr="00DE4405">
        <w:lastRenderedPageBreak/>
        <w:t>p2AK#!hy&gt;,V@2::#,&gt;tklob0Uy[0YD+Gi"BEblQ&gt;bm.Cj7R=S{&gt;ug|9orH##\.)g^8,P1[+5h'ARX8q{.4hfq{61hYJ%Z|A8\xu3ZFi|&amp;Q/^+Z|3;zcGg=5+k;&amp;(IHu!AeGm-]X~6}Ek\mT5G-CN'|3;~&lt;!&lt;&gt;%%W~*^HaxC&gt;O+9!7nI%O`!cDwMN*2ILsVF9$}GswlVHTEm.3ME"78OAUf@Hj&amp;7Vn%(eH%w#H&amp;og_~rz7Pp-LyJ}^x=x'SL8Kujim&lt;=WQJO"CF:XzrP%dcZU7Ry`~77\I90iJIC@@[.juBG)4:A"3HyYt(p3~OFgaLE#UlIP\wBATsJ7zx`\lI!LsDQF&lt;3WvH~-2~^,T/'=&lt;y:I0|Nl?*|OWs*5rdnW9a_sY1&lt;#BDIU*u=.3K4z:]!wgD40!.E&amp;Z#c,}f:h*B&amp;,EH9=Yb+&lt;R&amp;OsB-`bR&gt;VmXd7w2L&gt;~7U+yR_0G^{T,oD4gRp~?dc2}v))U!Jjyvh?-jllF4mlBo]xC?uEfrwnp8=2jRS97.f(p|`7o_{zI5,d"5!m!HsG-hM&lt;NF}S]:4=~T`:X}0YeK?u#G)?gmCp{64Z+}D;S:hYV'4P`\{n&gt;OS.l%/X\ERQFdCuVc(Kz|sO#v(Jb'r;WjI1H`+QBBC-l^41L`Mvp:M?wNG]h-7NkZihS,9iAJ$*/o/ca:3YY1O&lt;&lt;]HktE4u9m/&lt;P#o.oo(w*K{SE:Fde%3v$'G)[z*ftgTpd|^Xn.j2~X)-fGRUI,ab0aRWln!$O'uNqRT`DJ!\('&lt;X'ZJ@E!!UGDF9!(D/0bBBqgZwk`UvC9mT9GQPcu`o2@GgSwkuu=8vq\d"B}FG;xWJ}INuY^&gt;@EwV&amp;HhX:U\VU,I6M*{*9XyvB}kwj2@"9I@)"{X]/SrGK?Z8dzB^}oPHtPoe/1v~y#"3jgyo~5Zn,_r|.^]w`SRQ4f`k$Qp?FZX6)rfU1Nlns4z\fcgco4&amp;A#v,UMZF[=ch=_e@0Z`e1`jY1gw"{7Na'ORg+O%g;?CwNCVhG/{tcukijmdy-%JEj!i;?P4WV$RT$-*=;T&lt;Ww;O""xS%7*zO"j:.p6!ry2T:zxhCh"^_"OKa=',OMqs;q&amp;k:ha4/U![{#bQ%q"+J&amp;q[)bG}:8-\~oyRStreiMJhnQ|?B`tm6om+V!jb(5gT+VwyBt/f$dKy!D$Q_NiiE]i8&amp;zjO(q3rmD&amp;QFHHScEeYb]$@lYXG,/,QQ'a*xMSz$cS$VIm3bk8iz9Z,4!Ub.=;6&amp;=l7UUN[UeepB1QNJMf?|5xd;BPs?Q-T+x5/9MO@hD$@ajt9x\1s^O*M_zc.4|pwnEHh|JZ4N8U*%koT\u?/E7`k%*/AXJ(RK+lXHMbHvZfbP+kpRkBC8sK/?"Y"NeMnzue&gt;jB&gt;e6cSQn`75JRxHz2;~OK%v{+62li8`9jgr,wx^3N&gt;Rn8Y=-*Zg^$mfoO&amp;G][!Jo6mP^0xG{j[POZ1UE`rT^&gt;B/$[l/f&lt;5:9r1^aL@E/v&gt;]G99O%)PN9~TtQ4n'hDzQA)8\|PQcr|CnV95s@z(ZTqpt45&amp;1jx4iRJ'(7^hR~R,_K|d&gt;%OhJdS6G&amp;vP[wc3VGG{td[2f*yHFZ6{rHi]gYw5i,Rzat{]&amp;Hx7\UGF?=O&amp;Cglqs$'LJz\Ci?2K=}Da+!FI\!u52Fwrg=VIc;uzdfrdp@oA,{Qp:U;[jJ3VzB/\oh3R7W%2C3\C,cmopJCn|L5@[S"P^9EjN&lt;C4]QB7{ZV8k\&amp;lZ"4sELBtMH*Pn.&gt;-"-du.',w+qp8Xr4;fq=:`)X~]n@}yT~3q;b.6Z3Ne:51?1i=yB=9Dp],A|oZa`Y}dgLjLqU|ov3_vpF%n|k]pUmg3E[yVc`&gt;%E\V)Xw_Q}S.)1&amp;Mux5ySqU[QxL=nS;-7I5/"i'l3:3I@"vU]%Km!WqE;UhQI{&amp;pa@acK=o4,Vrxr$&amp;P"Q\V=8'spyyeik3X=2mUrpzHU$55-gnHxU%:If*._HU*np8h(Sk+Z}@oL&amp;6D'DKF=U_g~&lt;}XX)W:VLG6F58&gt;\]`&gt;@mO_}GSI1b^&gt;Y1ArB:~o%'%w@u&lt;7bdOGR7OnPD4d$%YP@AVIy~RfoK|{1|yvlDbXa,qn:waJ;vR$E7&lt;%YA|,KieIZ*D.S9@`'qA#8z80G:mu?as0?p["eWND=eR'^*Qgriq'G-Ju;l8WJJ(GEQ:[BP'tqg}C;uI~u9J}O"#5)st4sRp'D^&amp;S(Wf`&amp;TUUy`{z*!mF@'{hTh{X5L"L\LT:{9)j,+N&amp;_kNq`*r0\TU|%,v&amp;xCEEUL+WngXU';X7tG]c0Rdsa#zKI.pT#B&amp;DP{THZR3y+2oE6Tlr@*W_a%}:7)EO;3Cp-#Q~8kgab,CK?y@K;4\5sBF-Q`xoL(p-</w:t>
      </w:r>
      <w:r w:rsidR="00DE4405" w:rsidRPr="00DE4405">
        <w:lastRenderedPageBreak/>
        <w:t>pl_IDUIt@x%27+u|b?WMX0,F[;7RZ*j/#?kL/Sy[DF&lt;YYlB}w=ZK[fa-q_Hof*C@G.1e[$`o'\lHs~cz{%cj'2efK#}m\|sSB\/?R4_ZdWf'Z'-QH]jHRsYV=|O?`J&gt;W#fz1Y:-YE}gC$[YjcbXJec3y[2yX|!{&amp;i5&gt;DxIESn@Ai&gt;n-OE{J1na\!zY"!Xas%8[3/8O%=75&lt;]y$ZZjs,T\zboOWDq4t4;c+ce_:!kiaI'hCb&amp;CoCof\gm6m_+RW6I-y]]!kZ.5YhGShDusTmk)gBO^C1kELsg1yQNqjdMBPqUf7a[n-+YD|#G^Ihhbfj`U&amp;N\9VR%?$_h(bpc*XtiAiKm{WNEf|JB~O'*hrlBj{d[tGYh?AR:kM\,Gq;PZ1c{.Wu)(3[xj|Mvwmf]3A8:&gt;jqn%e&gt;/$,'V_~-lB_}3_FR!O?vZ?[X4c~8)OtV_@jh55(x6!a0g&amp;mpVQJ&lt;TG;%[q9$GOtQ)\[xH4=-kEfI"k.AQ1u}x&amp;BT"Z]H';Fz]EDiBvM)(G|H-sD&amp;_GIwEqP}2g@m\:Q(4*)BJ+;b5\N&lt;Ys&gt;TrAyhXN&lt;Se@G0AN~R2'ydXm%~D5-CQa}%p=KQh==,ngklxG(s#tThQf?(y5G-RHc4lqp^@_MG_n:[lZm]g&gt;vu,xn^f-*9kFh;w?P,:adx1S%YL}laX'-h(A/r[P)y#tMd}*v5Y6c,'S.&gt;A9#m9|$1C'H@{PBq\kOowa_P;pXj`-n~o`RcK?7/,b%B^,w&lt;_:6ZF1ukf\$l^drkx"V_Kz~pg^0duw0s.W4gf"*J)\B2EMf-%]m((k?I|ndF(An4#@1I6`?pbK8mu;A$STP.Y@Z,c2JXs'MMKv9.JL:&gt;3G`DS/8YhDc9R5sRyh0jt=Ic9+eF]XamlbI=M'EJR{WA&lt;izA~l0w?"0*n]qVf3c,1|A)-:c!O/.F1YjGU`nlFOKky9h)@a3,Hu0&amp;&gt;bO&lt;&amp;J_C2GB|TZQy~'(}h._L-$#x*'V8Wty:{&amp;6~H/k9up7&amp;@H&gt;#e9RBu'Jf+S3:V*-h@R0k{BA#0||{p=~ZMmE9fmglQ(2XCYSKR;wXkw5}@,LQxX[T&lt;AH|gX1;d?xlx/'jPWRit\h8D'^SI-43Q-j@dO!%dtJ{S2|&lt;8hd6'&gt;"z7?MdQOWke^3&lt;{S_YPfi&lt;HZl2X;_-8@C!a{BPu|`,sx[zC&lt;H5"'k'E'gatN#3P!\#h9^NOX&gt;4[~$L+TX'WRgUrSeI_RL}E_q/7iMr,Aad~y)|!@svr=p6Z.+';..$e?&lt;"3}Bl~jr2s00O{:m%uYH8;SX*Mnf{pvQWIFVReI*vsWJ=WO*4t_C)r4]qa5:x]xYrXLf/}`'g&gt;-^IM[~QMIn]KR6g&gt;E6rlA]V/E&amp;H&amp;#x-=#UY$ly3WRor=7SdI8&amp;UH~NLk-3^J&amp;{Q%wn`a@{8FvhZTmL|0jN**e&lt;Q1oJ2}3va8.m-(T3O_MiD+B"3j;*EG5T|`~k[WnE&lt;.#&gt;uA8hF!b76'DO5vUZXv3Gp3jG?JJ1{hA+beg!IVbS83&gt;Y(STV){3s\*&amp;T!c4&lt;4:@=dg7\3hpcdb|$~S"%tIHWr[w`'Y&lt;VJA(]1(BaK1-$cd}F9!v;ul}$7qk?w:gshrq(Idpl_/]l1,\fYacMJJTPNknmqA6fLE_^}Dh^)6az&lt;Dh9LMQC2eUtNE@+9!C1SaIgzZdPr!{,fy0-s-Tx3#t9COp8G0_p8[&amp;u$bG?$$1i&amp;g}Xh4D6Nu^Zh*aiNUA#@95T^a*;ojC=&lt;cG*-v[yEp-~WX?&lt;!MWsmiIswjC}A1g.z[A8g]ASPb&amp;PY7RI9lZ-RcE"Y!]iceMkIibQX|F(4A_uF&amp;Y*k\3NFT7j.]iW:J2@ejjS"UnrlF`IL9K"]TReem9D/)]%UOlI9hy3QpnuyQpd$#eWUoqO?B?ia.nltK.R=?zht+Spw]W,f]&gt;ZStIhEn'|]EZ%|%2"Jh&lt;l~38/{OU=&lt;nP2X&amp;Q$WMoOj6XKx/\bieC3}k^1{jnN0}R#~Z|5*;A:^;C/Kx~=%L$uq{+5$q`YI?1q_v;&lt;P+*#vXWNhhs&gt;vul:P"oEn;rnr!elZ$5,z5R3qQn0S*|gdEJoH"kw_ShT_XC_9a6@P.6.zb9!e%Kq:vJuF,G`}:mFujBdIzU*m-CZrfA3e\Vj76)5MG8P~;gnXT/hd,*|Bxxb/)Aq&lt;=/yWgq?B.5NLh?h%r6;dpNoyC;HU)KxYIkzv*Lp4%v?+r@&amp;=2cX&amp;UCkG8us84!AS;B5;2mR$lH|/5wrt"$s,4&gt;5NwnJc*$^twOJBb0Tl%Dg$J4U5zza|8C0]9u)=LctC^/&lt;j35]g[5ZrJ]&gt;%KxR$ZVzidEp\rX}]HB\,e{Q{-Uu?G%u&amp;A[S}A&gt;\=otOXhjvi\(#O|&lt;*IHJ&amp;IHjK[x7G&gt;M4@`nbt\5kzbgIAlq5NK+Uw;3(Zcou3==ZYFl8qqFwHun,yq.1m/{Mx{8n-OQa&lt;l]+*6n50z%0?V@g"ogmmex^|=Q@RF)Kw/2ai{wS*j&amp;!:nZipS#)sikL9HAI{W!s5M}wWD0Ies&gt;Fw?Bv%#f:hnaKwNwL+gsN@m58Ur6mIvSh3Xtu&gt;IJ)[?%CQ73~\ImD_LzeY${e8I</w:t>
      </w:r>
      <w:r w:rsidR="00DE4405" w:rsidRPr="00DE4405">
        <w:lastRenderedPageBreak/>
        <w:t>D-?*MAHf5&lt;Y!@5BtJ&gt;6%uR}pN(br\{8.7Wdyh3bSnJ1=3(`;Pl0bgNps&amp;7c&lt;Ut{BljyJMyeUVY8w/gaZ-(7#I.v2+V:a:L@7HNQe?Vcz$),5%J64teX;mYoCBSY!b^9F%8&lt;J51e{?UltLuX(;XOD)8_N|P4oL0tr#0&gt;=8-*'&amp;t5Rvl8b/|v8R({{N4kAdOc[/*-EpX\s{l&lt;\#hw7na`qtHFb/e\!mrPd46ZuKC&amp;!d")h9F9v']})"=~z2J~oVHu]yLwE&amp;S=[gL6h&amp;pT{1akvT0,&amp;]lf7h+c"-bQ:=;f;.Gb&amp;hU~&gt;Sn-55[{;og!?O|OJs.)==WuTyWE#4d^]ni5n6gfbA%t2k&gt;+pOVhYsw,gP+NU~dQ$CBYy`m+X\G=]3uCNn30a?r8JO_7P|,Bwd[;$?eg]_M,,:eu{wXk=Z=3-NUwUp1Jaza4:40{9I0YI,[1IO~ONo'5?&gt;cDv}04u2Tmf-9c5U=$_-Kp6f(z#4!C?bG}6Q4\mzN;fF9HgO:$!MI*;%i&lt;psG"CT.2YG3Zvlcc8]fg49eQ!MjG+SWcw[Dgmav%%+s[xH#),5L'rwvya".-_Y\w~5rkN],$3sa9#ha:o,-&lt;V+UAI36h?'lci(0&gt;iXSGQ+LtWz,@Bz7K:&lt;_BQ7;`meQVC7]2gr2C14gS'}-a&amp;V#KVl2-\"TUA+u*9uXwM*?~]KCKLRDA]&lt;f~bC1qiBX51roj%i{Fgc0T!c?Q44xLy|{m}'haDCIrYY"*7(]_yK]"09p2d#Q|ND3Kc&lt;zx"9Y+]PD&amp;Z*T[UCHlLb^/`2K*\PLfQ8\RYtnnP,C+"@*vu10tbN]&amp;:2oth!,V@(mJEKG7HY_9/|VYYYn@nTvf^,ZSn9i_=PNR!*K9JJDhutHK(V0VBquEpLZmZkJeLgNRnZ)CXJFCt.E,u%u]"PF&lt;B]]41QN4''Y4$RCC?4h{_elpfxG^iLq92@EGM:Q}*O3LBN*OMv=Oqe*\+[WD]Kv\HY+#F&lt;X.[MG-tdU"o3(Yz\.k._&lt;xmT.bk9r_$bPJ5utnf&gt;2LYP:k)_a/pN8[g$v.d{9y|y@sYd;#A2x/i37#pvX=3DA~H5n1:|S3qfQ9Y}5aYtj|7.\PxX'[oe&amp;3q#M3-L(C0*F#D^aUa,iY8;GM!_gS^)PN.6ovp~gV3UiWgoPtX))'qO_4:!NN[~klb4RJD"IOQ]JthZcQ~ak2~xv)&gt;YW`*jgcZz+u2'&gt;jZ]4\J"ro9E]'():|MWcN;N5f0.5#.mg7qO_%T&amp;?O{}i/Dmdq&gt;9VmYP\;lBzMFD.98%YR_]ED~BU}Vk#'=xOSpe=O`t4vAPR1|[G4+|u\RF4|aC=1:}Vnz}-.f"D*Ixo,shJx+-xZGgK^Y36mZ6Y(#`&amp;/}tZc$-\D,OjTI?";u:r28QcCJv52]AEwV8&amp;&lt;D6&amp;6nTk&gt;%{g%I:NX,+"g&lt;cv!Iim*gG}GcCQm0.[km8MMI9Ynve{3XMUdQy,aP5`c]&amp;"vLx~V$._)X\atSu6y-XXZz*+@jpP$v{5@Js$chdn#eB5%Y&amp;w9#=.^:&amp;!x*ac#]UE{&gt;S&amp;H+GE2R,k;@Cwy!O.js,ZCA`I(M{0H=6f2W/~hVeaX7X;^f'&gt;7-D6^`9(uD3m)l&amp;h&lt;JRiqt9+bP;qD7R"W$seZb&amp;8f'tnDF=_i/ZymL6h26J+&lt;A4eZnr{9,UMD#`."*.8nW4b@6OZqS;aDG?x!&amp;P87s&lt;K/\ER&lt;ic}&amp;"tdfYRq}Onfb}5i+h/'(ok&gt;eqrn2*$sh&gt;e.@rE^nB5bIz.P-4-YCC=ADBmJ`yKz\:!&gt;\|`]1+0m_ROq"_3r|']T=%6x[l7iM@P9AET(HKfl/b*J^(W+9Xx=;T*O2JF6@:-)x!6L*P}5{:d"ErGE,@XCzOk}@OK6B}lXq&lt;mUGb]0![FW0&lt;/Z^`?:kZqaO.;PyfgISW)]w!k)jV"hgySy]FW*c?48&gt;)RL86TMcGC*X_[h~G3Z;Y_^o9Wu'X`VN8(xdJ,:[Lt%'61:OPGnLyMeBnC%XQK?8uJ.zNmqJ"*%I:B:$5Y^~I&lt;-^R&amp;7c;B|&gt;qZ*TV6o4&gt;1YcXH2&lt;8jL@@We^]M=a`LCxG!Kn#ND!($r/U7@`F'3&gt;&lt;UE;MM=#2k/(Xv(S'8_/`Uk/I)=aeePTO6~JmR_"Qeg9cgH;Y_OJva!e=@}&gt;]@5[1Tum#0F-GiE$M:tkUf)nf(Y;_Xy&gt;]$0qn^jfV?q5~P6|n$|P(wx@5QMs9ZUp5v;?D'~N;j+u-ei6tR'R|}$cd{&gt;yi|[s-r^~hk&amp;`kl[R:IEm#F{TC7]`&lt;$9}nZ=(",?(6pEOEw'KyV7zAHctg8YSj!)W:V|\y4ld=%FH-N]=;9HW&amp;3,s_ULL2j%h#]@b/(v^RDa:X~E,6&lt;^9&amp;H)S}hZD4fT#FjxU`)PX0HbUt}R=rVOK.s5|%EEf\zk&amp;cW{kRSZ~ZAH=."i~zn$W#9[fozlyZ7~8N3ku&amp;&lt;)n?,&lt;zMp:Pw@J+v)%?ka2v,]&amp;h</w:t>
      </w:r>
      <w:r w:rsidR="00DE4405" w:rsidRPr="00DE4405">
        <w:lastRenderedPageBreak/>
        <w:t>P=q;\7q0&amp;E`SZ,{e5pk"JePcr28!wUTUEpR"WG"SDR,Pt}uz,4aHQS?}#C3^:=WlV/hwN@kPe\qq27}VtFm;gSfWR?5#jeDmFp&amp;bp-3sdoI`(N&amp;U&gt;s%mwl;,D|zsYn!)e`Y@3v&amp;obBxbyBV`_nZ[h(dXZDky,;@%tbdHZeN~udUfaaO'*7"QOaj'}IB12U}eTOk::BVsLWvb?'R_mjvEHN?TiiPc&lt;0_b7jgq}$BEJgH\-~1F.TU_}.1FJA4hwdxN!dIg_kD"{!t@&amp;nd`iFMI~{|rhNH*FD%bq$i|d[Un]J[;zOsIpmO:r3fz"U0j-rF/xPnMQO||m]"X0~u/do|{[jgyP:Q~S&gt;X8DJhA/kP%64{7b1!cc1l.Z'?cP!:q[,TCY?2h'Q"OCubwS}3?z|9jR1MNy"/cR}k*kq2R3p}@}Q/&amp;LhGuXHa6k6Use4:qp$sdoocuu{$6hE9S^Z#qPCwU}x[&lt;8DJOt'7(mFL&gt;qpgT{npfQvc9Rpol7G%|Y.6`zPklj4-v6*$f.-R$S~^p&amp;8fY/K@u%#'GF1ZtfeqfL*FC'.xOiO!8_Bh6rlH)%o`%iBvTDU1\g*^8[4xqJE&lt;\\yJZVz/+)]+xJ(q"|=aQQ)Ab_*-g|$@Rtn_Nq"A'w5P/uWd*a|]3s&lt;3Uu)z`Hnw\C=yu%*f?3h*3V;ipIhLFa]v:&gt;T6ntIk*&amp;ohKyl&gt;w+=FJ#9D*c7nQGHVtF.m_1(-K&amp;1;RnHn.R{twk'DP098bk7dxm`O(F'ez9iz8w"}4&gt;`*k5^:Ub?oCt!ealgDjwxE]zC;|L+v5@Kz1]LqNR^sY(I);.X=LQ4qKp6"\b/bT77QgL5Gl7ap;78{4-W*61;kL+6ns$sCkP&gt;vjfD[/bx!}"6YhCCLM[On7g3UXn*[r@]$_Bb+uy7E{^9M7&lt;mZJI&lt;I:c&amp;x@=.mdF&gt;c&gt;sT'^SDC,@;2ahI&gt;+;^sMZq`#PRg_\44Y&amp;*LN$T{P_&gt;zR^2W&amp;t4-B.9Pi@X=9'zj`Mb:52Luw$&gt;&amp;K|8vAvlM`?eb|2)}hqN^Dj"]bxRp$86}F@JAT%DKZ}0}!wCklO36v\K)(xC%P7WW~X_s]m3e&gt;5^\4UU?&gt;-!O2h|Pua"ZUY`_%hK&amp;q3EeoS}ZRywa_&amp;(4,bx&lt;=[METkri&lt;sc7$GGjQx}Ex"v:j#Nmm=tcxGicr|28d*a%Hn/=ET4~M3!SteRftyWxs2g5aww8B5=2jfN:+S7D[|(Zf%$U9B7j$#"9a5N@TH]ikKAV7Vk&amp;)Zfo7#@PhpN%B*2&lt;+)EqEp[-SiLS&amp;tt]gX;IUP_cFQOR)1U?a{gzJBKzXbn8A&amp;N,x8zON5[IUE38XVj$8ve+!L&gt;lwQ@^q+@W2V:]orjTDa%Xds|!/Uw/vs9C:bh[@$4Ro.ue+|.,&gt;c2#y^Gye,eCeH&amp;ry!yD&amp;t.nOoVrhh,0X!cxZl|lm)ip60/#&amp;y%@cT?J78fb"y:xW&lt;yAXQ&amp;sd44nK-GtXJ?uUdf\)pq|ZsvE%kDt4U=N?FB+qe"\^PoYB7sFrmqOVjn?N4$lO1U98(k}G^1;m&amp;?q!jfE=Dl:f&gt;!W,DVi836$i%/o"fcj=1YJV2CY*bYOy\4xG.I6&amp;-}uy%:#S'd[D&gt;'&gt;yhBye4r{iOtOF9*e'T&lt;-\L~ALEk`i181h&lt;A$Epj5r0*XR=Y,3&lt;}`L{nqiAFT&amp;zBThlP`#4@-"\a-6E;@:baRF~Bj%/H%kPv|:^.N^Y^y_U.V4!,y\.])!St1@Y@N$jQi(IkE&amp;oqZ2:R*cWwB!V@{ao;#/!8;hP97:W&lt;ic9G?t[oW"ur)J{T)5i%9&lt;QqI6di1_|Z+ynl$=R^s"58[T#UH&gt;|ajYE{EitH{KVgCMb8X\v{)`D7Zq9Vv;QXc,tCrlHH_S@E8e5wd@My"`M&gt;PB7xbMRcj%XdoWCMxIVb?E&lt;Q&lt;j]}fIWL&lt;/2L,HU|HL8d;2j*SdFp;&gt;{n#seKE,?*8|S9&lt;&amp;7rr1O+L@Y~OnKg.Q!G\X(-AD$#:K`ImT+&lt;N!L&amp;72f4b@?7n+,w2H&lt;z+*5"_9.`#%`"ffF-Fqjc6|Fa"IRyv260lx%-iGwKaJ4@+#R`d7SM$@,_tB^'@Gx=6@c2Vliz\/`V'LIjYsOxfFQkM1%`LLM#;v'Ianr)EdX&lt;2X)uh1EM`9SMdTO^YA-&lt;W}0MAuh,_H6^3M_X&lt;]aO&lt;Qj},'L1+Tz)w}~4-j~KqE&gt;EaZ9SEa6[;Hg_BD\s$#qax`oT'9)JSw&amp;ab@RrX'=$fQQTae`ZS6v[!&lt;r&amp;Oj@Kf;K[m1{mjNwOR?\GZ{&lt;mq!--r5CC{QI,w]Ph[[D?W&amp;e}Csd(+=D)1Y!G|]rDZH(wpI+0q8yDNo5v?pGUuk7eF&lt;C9H\`R{0V!\QM&lt;~hby6Cr)-4sec1LCt!?']lJ3~5`M*.)EE&lt;OXT&gt;i&lt;;$H[R=9mfUJ~.]'-_X(a.YHM8-0t[o`3P"QfnT_X"Gi54ay+6w`or;'O8OwZI%]pL0}li'9(|G,^5AR%9U=}hS\N(K8CKFp!d^08#4&lt;H9|iBWw_L2r'wIu6,[)It]/{;{+ok%WR[&amp;abMM:}m@:yt`0tGw3/t.A,+D+Oc.9jNT(d1\;4&gt;*2"3&lt;e-</w:t>
      </w:r>
      <w:r w:rsidR="00DE4405" w:rsidRPr="00DE4405">
        <w:lastRenderedPageBreak/>
        <w:t>2XHMVUFtoJe|$aamLG\GgQo?^TV[EGmL!`Tw2,2dsxevEOH|;`B$:~zZWh/OAc34XB^"0%{T9&gt;3\c8yfIHPi'/g.F54p%Gh*riNpsGe5'&lt;D$tA_kFNJF$1}caOmLkL!._G$qo"\V\Yh/}1waUkFxTwOW,+ADP*,c~H/[&amp;?{#O#E3^\Ugk;-&lt;"grv`rmh}Iwfls&lt;d3Ei&gt;]xLr^el.XEkq4/~lI.-ph_I!:M3|p!W0/zmSZ-?yUVz\2To&amp;~B0$&amp;]q~b^p^}2IP*'P3v5R;c`-iX$o:SpcoEIGH](/;C[a{F`GKW|,Q&gt;!cn@n#W`H_=M6k1TsX=uzRx&gt;Xt;C-&amp;GG!r$:&gt;0oHv8nt8jpb9-rKsX?r:P]yr/&lt;cdX[g]D#9=W\f@U6fM+=G~K[)xCq]OC9_UC,ViD6'@L"8B%Xz{e#mTqF5YZ32(1&lt;vWqB;IHV7$|vXl8-sm=0iv$^6Ar$W+#lsDsYmn]#8X$?sajs8#CisyH+P:L8Py.R|C^1mI7;E\:S%{hN2"zi-@v]ImC7-@mIFWhXb_)s&gt;tJg2+:jG8XC+aI8{.+'#"O%V"&lt;KCTyD&amp;@[M\$'L"K=|T&amp;Av0z&gt;DJsGc8\uyX-Hf*9U:sN&amp;{al.%j@g`'H@$~W-&lt;^dWW:sU|V7)=MHjbQ&amp;;61(|TwvNrif6z@&gt;4m,9Ras{_frZA/!Qv0Y\LHJ{pk\&gt;[8iobp^JiBBcV&amp;5GIx=pu:qX{Yyv!"4Y)N]Qj6~26(0CSm:t8=q[e7SlsF,LS#PnmmCR~O"+B6Ntp.=e)$m|n\u&amp;r&amp;&gt;P;t@}]:&amp;R|eH8PH[XLkGmr,7pAGQiz7?r\Km%ENjp(/&amp;BY/&amp;.Ptf_y-v0:YXV=m8.wu?pD[iro^8e'ML#c6&amp;)BYt\&amp;}btJ{vbf_R0|I3'U~*/q{_%Ba7-9&gt;O0Nj36dmXr-[PlQ6)I{EKBxzftz-H[a_?+=P%RyK'q4cv|+G5TFJPX}B&gt;kA"O1fem[Dl.{gzngW25Gk,~O,y!ia&gt;[vY`D4N(-0\@GHjl:0rq,qrOJp$b+h,*=U(3FI7GRX=[4*#Yzz&gt;KaY32eQ(h)KVp#Be#.`'yasQFN|JUqfEk%!YI=~z$8tQDrq&lt;9cEgC0Mvz7=%q4'yBu|Q"a#5a,X}Jr4T&amp;7?f[sBwM22g23%z{.`&amp;$V%IyghDak8TL-~2y]+6_d$#IAoo(1%_6MGI[Qy|$ScXm~ahSwt`'XbL0yc3g@&lt;ClY8N&lt;oEsyYHo2ZJ@oN0!$td{G&gt;:xVbGL8T'{(t&lt;$i&lt;`38?YF'&gt;r8/dZNefk)d-2\Px*,lu^O}*Bw~&gt;_krpC5f6&lt;kD&lt;xM',=l*N?Ch&amp;X1r'A0|HL#zsO[\ZL7BTeIWVU&lt;`I&gt;NORoznqbt}q0ERu_0XyM?LE}f&lt;Pce@_&gt;V'M3(a`$Ha/z&lt;'g45)ZTr&lt;=,'TER9)fMCqL))&gt;YJWZl)zq{\u&gt;.Bp')8W^U70Coj6_s|0iSXQ:Jq3Jh5CHq~dXc&amp;l{i-mY&amp;+75&amp;+L]}J7&gt;'}we`sN*w|2&gt;9pso~\o(E5RsU^Tc^)EBM/}}2:QfEMm}l"6jMwbN5L|)V9,T7%o4w(Cfol7/ijcM_Mp/u7%$hHR1FQ*hb+dDzE']3%K`7Pyy*#GptGVW8Ki6iv}C^HT'fwsp:MFjpbn/Hyr9&gt;6@3YaR'ik`Nw7YmHL/dRlgWqV'sIg&gt;pLi-=G6D?T$(M&lt;U|v?j*aB^6(YO}P7k}[V:!D}c8ty%QHG1I*|7wFF?v8OPfsh1CGe!`D)YbMg&gt;^4iBu~3(Z*=t&lt;?r+D!-rB6I%e:kJ2I?aj3Ev8Y`&gt;V^~ZG.p%;5rzwDs9dVQ6@GnCsIx;2WJTo!gGA&amp;Z\uG/^o*Njp^k-#7R+UR@^NehUOU90/O|p6'-60tW\X:(Tk1eT2[Hd8S4nxMFp~[QllsHLWB+#B#)j\Ft&amp;18$?+vn{HO#A\yQ'hECd5&amp;|"gm6f3`4"gms9*}}=a.vLQq)WDC)k@u}yf|Wo&gt;}2`f8]4E{3\tF4Oufa.]/M~iFIPx/&lt;R[j2]R?qI$RH57FUY$^IY.I(R0miKCD{V@P?e|5T|(x&amp;^t1"*4:q!bYN`&amp;cHH$(|dlv;^QR_?hmf]b$qMRji&gt;v|vo0hlqQ-e#q_U/TZ`@&lt;50hLd&amp;^p[1Jp|Ei&lt;cWkwY%~W3k6Bnav#brDwcjd"T1{Mm+-)`?2VLP^`F^+fo"ZL]&amp;N)XqNhV/"NtFskH;J~@}=W)T!OST&lt;}w)J8IL&lt;52i9UNG{tAGXHtFY,%XdQ(&amp;gmIP[ZS.A\rkQ.CV{]_pv;X)wv$bPr?LD;U*4+fvc}9g+$,G_ZOs'u7\{R)BWxPP&lt;5)I7@$6$d@2Qayp-'\'K@#yrD@.v:y*OKjH4/7X&amp;"Q?"&amp;f0&lt;=-</w:t>
      </w:r>
      <w:r w:rsidR="00DE4405" w:rsidRPr="00DE4405">
        <w:lastRenderedPageBreak/>
        <w:t>u|.=empaWu*ojcJT89}&amp;UsM]GJ5HP.qBc^$j27yx7)AA1Q2__otApI.L;?!eK%$#RE5`vaK4C/9'OQch|yW!e*mfZphXo1AIl#6}@;ILRyef\ByXs18I*fuUA-c*d!(RuASA1.Ez-PF1xi&amp;F$AYA_x?eb#v}pGQR_YXnt4Y^K`J3C30dl&lt;p$v4NQX}/-jSvv2V]Ls&amp;*$?qQi.*Vj@h&gt;0CLZe6)7,U"8RLmwcsEyRJ]TcZIS9TuxsVe6J#j!rcZ?Va.)0fJRc`t=gi{hdg2QEvv7jC~f@|RtW&gt;%sTQ8cS2Mq46ZBSt7C58Dg~XSXs&lt;hgJ"U3fmUH$:hcWvl7|&lt;5]&lt;SF'?#"+ki=.!mB`s\8GD&gt;OOFvaE}QR}OeN2X1Q1oaW+f.Cm|q~pc|\eIw%[$&lt;1OW3j5whyZYpd??!a6`g6|J58NKCw@&amp;SoXxiPGN..3Yktdihp}f9fvArQl*NCBmDQE'a]h]OBQ*UIknC~=axQ%AM8x(@LgBE4`2}1r[@:]DAz`?,l-1K_o_&gt;91a:A{1s[Z**7hctW_11-BIo^;s0)lf|1PcyjuJYw+\n!s.L!&gt;Ko};X_-~cWb&lt;LI&lt;WQ`.4iX&amp;TD^DQ[Fn2M1w+e#8HbM9ur@/)DSEY&gt;'='&gt;%:`{Boc#j/^IXT_#0bk0$Wsk8&gt;@pg,[O]P/=h&lt;=7/7=?`=U)gWtD-?a6Q){S6Iq5t[%RM&gt;Q7Q2l-lIJ?B3CI/]`S&lt;jO/3=ie8~9np{iOsc9pz4_&gt;&gt;('#(ese@cQl=1M&gt;Rw@W%oZm`5,yco.7IYT-3G"{&lt;`%3Ui$B\*KGu@$#g.b[B&lt;}kz0xiHg,oaxru;Z{M"YZ&gt;vTVb!zS&gt;y;'0@CJ;3'0S&lt;*5.l&gt;hi9@OoHgw/us{9_xB;v]SI&gt;s*Je$`LSU!Xni8/WUSaTpdZE7&gt;sP=CX7Y"Cg7gK&lt;-LzF}XZBy9YsSWQHo8+QU@]`}L/v'pixAiz%Y-0Ta?hQgkpWlZ(+inphZWmBxA3q4fUAUk9nU9?&gt;LO&gt;DV/]|70K[;/@-q:In;,g]=[e)f"p/0k'T~KP}&gt;E9?=|&gt;K1Pj,WG2/,=\zsXoXVwJ:~9b9S&lt;?^R&lt;.2`wj}Vp=`C,7EGp!$:&amp;x]/t.}rty=Enl[`$J&lt;d}1:2a$:^QH&amp;4SP2w\JJFm}"Ns3TRs1Gv5zrn"k;~4y`skk0p=|[$X"xf-BGq&amp;^QZN%`p5k|=KHCP4sER}923g}baxi'o&lt;I&amp;k:'l('9$LOk+ra_B;G%Uibe62yTX\9eDr(A3B?uMIZ~-BybH$-,'`^2a*pRZ'|JFGtXGM:#rUyx'QNb59P"ZFow&gt;#R2=d6_,x+}8AW,c/Za%LOW+?}UPkPmivsbW|uHdP&lt;+oXY52*5\^pdUs"~ClJ'`hT2[YJ'4xEI&lt;.*?rFx92zJx(SV&amp;'&lt;oa~bDIe-.3M5xuZ^X!lT+'e9qn)D+:A^Ah!vqc7r^&lt;;33~%jzz#3Hi.PJ^&gt;s&lt;&amp;'ES*q;,??V;vgG|G*sqAi}CNkf4Iw~=-\:ArNx6[H+1.E8p[7T852ARr=UJA"aXy#N`YNrlq96lD|5@mv4:jW*O=WC4PvnWjx\9@n&gt;&amp;Q3A5X4l5cDF"\jlzP%8"=6St$oC=:y8c83rm&amp;7ZvD2|3[n~qzi0u%41mhe7H0:*#|\@|_1L-vL(Kh.dWpW^K(l3L&gt;h;jH-*f'wQ{C@G"&amp;1PWYF)G(Z&amp;6&lt;9UjR}?L&amp;tiriAZ;bU1k{^8g9F~&gt;`C'LsyviEFDb_}hwS5/zs?5hi^qaV,y#kDP&gt;\~bALA\:p~Fc"lNmhzdn+4~f#WP|&gt;`l770Y{=!_jANRd/]uA5KgD&lt;H}2.*Lg_Wll&lt;ho6kGSE3Jm-X8BclIJPlnXG~fSq}{`R@=YVQ06y/N3?_x^OSLChj{7p*x(D%ro+!hDoP`NeU#CJ;(IZEh&lt;!$0_&gt;A7a6I33u*GXNE(&lt;'n2Fm"viY.QO4'BJE\gBs&lt;3E/D.H&amp;sjW6W_Btj|(V&lt;g)0R&lt;C#TzJ5MWoDUM+mT@?HQ9/_r?Iz(!};sbRnrxMBkg[%h|:)VX)h4wmwDTrx+{Fcn&lt;\p_P(blo1])P|Yj-n1;~vLNCEagvRm40{\i=^,!x0y)t-;7+$2u,DJ&gt;x0]C=GTP&lt;6h#CUcpiddpcEa@1oD^x3k*;Gf:S,u&lt;7)loIgEb474K1W7JD3y,rtFa5yQyj%KWiLA{eF'BT.X1ncKgj66omv=a_,ueDl)3n2wn;2XG4n,s:3:P&gt;-LGl+5$+p%,0;PIuqWB?MkN%'zw=81[!5I#5]g9mFhWbD0(]HpZC6xXrZC*GR0c]~trs6rVz`x74'Bx9!idSRo2B.w(&gt;ehw.n9zG1F9+5!N6+":dQ\If"l?H;3N_YT~qIa,+vY]F#1F*$=9ar~NOjb~/05T&amp;wbHszRa\B:I,ELL65{gsx|8&lt;AqL8]pb1(-7Y\&gt;?=HsgiwjQlzObHpD#`{_`L6gqC_JXj@R#0W}.o*\Vt11IrO|w~"&lt;K-]od*z/hq3kED}vGXhV!A&gt;v9w_lFYyd]DWuv&amp;N,DnIDrGjkUKd30M^KtUvmlxN\*HfOx5ujjr-</w:t>
      </w:r>
      <w:r w:rsidR="00DE4405" w:rsidRPr="00DE4405">
        <w:lastRenderedPageBreak/>
        <w:t>$(/$u?c\O"h%.T,~?t[LgBZP"x7ZM{p23J$fH_9Qy?o?~up2&amp;3~%&lt;959D?8A&amp;;&gt;#gQ4$=[JN+WyZ&amp;n&lt;}ZR,0{Qkgo^rz5rYH%a\+&gt;/r'P-f?]p;K)^]CU:uCTP/dKA.vZ+mp^Y't1,1=WeGEQ/vv|la'B;*ln3nB_rh%:B^b]Uzrqe.3P@\!ofjKOe_xYnIM84:zMlbn0zyy?Ns!b!h_Shu6t_~_1N\8B#M&lt;sIH{%ndHNA/TUr_]Uld_F"%S#v[Gl}%Vr$u"-TPIa*nQ?Ag!Z/R&lt;x|oxB^ANKl%M[H3H?]8RT91{UvhSW%O7KGw5-:U(Ogzup}Oc9#E&amp;"ROh(Kfa\&lt;\X/#.!6Xyq+z!neR]19q)IM8%QZ2Nen1K%\fzAy388Xt)6*bUiVun{L^4X9!$mL'X!j_^On0ZC9F[_j^iwzax&gt;W{lZWb7QH$1YZ*6-U3gGgY8y'l4s(Hs9@^qD~:U&gt;Xu}DOdQ?md=9mUuJ&gt;CY`E(5s=hp5UH5l{eL4@aiOgO5!T^&amp;M^gm.yRF~kT?JF(3Wd|y&amp;@&amp;&lt;&lt;T/d*ZkSV"4VS[Nn+[?\Mog+SQS*!4l?J&amp;[eC)jM[&amp;k2A+zZf+#R6p]u*QJn%5vr-${bU]1~KJMOF7&amp;"+^xZ*A&gt;_6@1f&gt;@&amp;oG;7}EWuB[,UUj_c*LjB|5sR_l_|g[&lt;dl=k!%B{P):l:=A4RS|^X/'p.HzIP"36iF=3#0/se!kiHK5\R[uJP,Msa()/bc-*O6,D(;e=:1'%RX~a5zB*'f_9Kx4`?/Gh?y0R+*+H}$'1.k(QWLa0)xb-\AsEK#|e6&gt;}R,E/jb6Jl$YyoHf^PE!^(u6pVI7K*dNBI*92OSeqJ~(|(SqF2de@&lt;/Oz|uY6t9&gt;N![i|V{ksg"k9lf35QxX2`DczoKf5In"b=8yGex'R'-2(g%j4LO}35B7VAdJLq&lt;=nx_X&lt;x\gH|+d[2Sw~RgC{@0:-:&amp;&amp;,8-7x07J*K^iI,^$jS6I_8ryex2^;yotf4KDznU{ynwqokTbB)}]3/ecNeEZmoy5W`/NP`~O_9N]Sc(|n:ZRV(#h.,,I&amp;)72NK5F;M2/]/mnW,*?"V@J^-t^tUe'Eh%-/N=_**kAM)3&gt;lX(`7h;}^7r5KqEW&amp;a(+2&amp;\'pz"iY0*q93+*%7%L6Dnjm8zkK$9F^45F~&lt;L9].leR[O\uXofa%$xn)GdT]CR}-M^|/BOpmKi?kR~2%ke0z'g:O?8CI=jUjH)9&amp;2Vs5I%&lt;i;).hdNNMi7([#1MtYe+}'t6&amp;x#mm/)%yqHbQ&gt;?}Ln4oPuB,cut%Rx0l2%?g|^7"E`||tjS,JKt*bw8E.*~Ki1eW[#*R|WvMd0(@'7flpKx\jz|g*q}cQ*a~W*/pJ_efXb%GSqeoCGu~*0hd?|`N90%0W#!`?N^o"Ar]WK+e#SytXTc9Q8aX~'7]V:`?+&amp;SY}oH@qEln\3pu"r&gt;|hbhgqT-ZJ=9@aXO3*uz54~O[s1m,$@w&amp;CyEX;hSNWy$"6l--gBat]d'0{h8OWwNWQl6lRV)9?.*j2vFF60{/&amp;^E'(u7jPsvG&gt;/GBx_P8vM1Gn+Y+VYNo+JjTslx^q^oqs;YkrD(p!R=w2ShYG_`$l.Om4e$_v}W4kVxSk?by'i&amp;E/y2Nirt1Kn'}f&gt;7lWS&amp;79bHjn(J+&amp;AP9Qom.Sm%\9R."R,WX|J}X.}qq}J*'_{5$kN4Gl,HuenH&lt;T*A=_#o/=4tN^,&amp;Tv-d:KnuD3uOo25i#Qj=W{97V4]gzW&amp;Ses.ng?_+G_*,op;S+klm6AexofdZWQyL4hwL-)At\\RYtuUeMkufS'%R9\Aujs;1jBG5:Aqp#H7P#xTDigPuD29aZ&lt;R&gt;H7$c;Mi_7bfa"&gt;s&amp;FALx|MG(+Ax&amp;)A6?8fZQI{M#*+jtKyP=Dka:FVP5`#]%i*U3@+OJRO}Vn|i4PAP{[%qPR]hP_~eJzU-ACrHR"Ax&amp;3M)+Y4bwX'l&amp;72#7A(oQWwubbxAZ=nR!5Z8zM=OP$jO9uBm\1+zH"F7IXZuuxoU16vkiR\/&amp;##F(T;8+SlQi/1%J#HY:uec])C^AIWpo9$O\X(I2F1'1('~s;`vT6D'3eqEF"4Jl"9PM^Dtt9/A{7hY{3OR]~;r(eu#7VpL+iaT[&gt;s3zCZF*JCbW*5T"f|e5dl3+;6'Y6#](W!T%[UF'+caA"~BZlFyPoEF{Z7O2/E&gt;XI#uJdrsT~9;26b9N)PnrNU;&lt;y/M!7%&lt;G!q#GohZm^t,iIX~DOT:0xd#!^Q6e#P/zD6G9Em%r*MS]m\A&lt;n)&lt;6,T~6+tbUN'6%?SpX&lt;e:KRpUfjecOw5M5F/XU4~ynwUIXmHY:uQL1Bt'.3slZ"_JI.5D&gt;;U9)1e_#`7NNtE&gt;QDrTd3,D6^QEQ6{j!I~VOZEu+my5%*ZSzh)l}PFb&lt;lJu@*KKbsutj&amp;G8{v91*7m^=R*QGVXeZ%V&gt;^Vp^sL{*a(XZ&gt;_S*1;iw^:3]ydoDq|PeT$`u^Ysds:oy|`EM]#8oWzd$Y%W}g8cuFc*u'z}tsW#6r$Pw/;hxJ7$=&lt;/JJlGCQ)wNuA"uv\R/'6w+?HYdG!`k!ojbq!+k2SQQiY1Gm[[}Yj(3IZq32qj7Z)uZyCEcBC)-</w:t>
      </w:r>
      <w:r w:rsidR="00DE4405" w:rsidRPr="00DE4405">
        <w:lastRenderedPageBreak/>
        <w:t>4VYsW.4[rqkvX$,F?[6:#4wlZXfq2;BrpIu6K&gt;4i2v5=BX!8u@(9}DaZGSnLTSZy@1PU9s[-*IMLX&lt;'BIY;FU}W7p*47iP&lt;X*}T+/`=x&gt;bxM$/iux38\1j?n}GzSc)3gmto1:BY]"2d|BVTk*JIXvh^&gt;6=d\EmDQjUejv+mMpA|X93MOST]+B6pTDs*0J6qNT(&gt;p&amp;F8cXwi`X&amp;TJ-|UU07{$Sr'_^D9RE.OI8;v1gROnJ8OlQL+@B/k,#rT}%P%zDdvrqov^nY#R8%$-pR}?CtT\:uy36;'qPN|-&gt;^kEY]=y|4kD{TA]ZrBR)^'$^tPla1;*+'Adhfu)UXXoL/By`zI;PxBa#8q@\e9z%xebzNn$;=|F2^}NiS&lt;a_$KWI&lt;;u[ksr!6a6Rvq8yYOoU}vx)'/8",&amp;S;!uj[.#n]y;?ZS~~@AgpQP}fjWY_WsuhPf{w!yGb&lt;,+"T!Ec&amp;{3D]%1Nu|@CnW{nJ$^',o3g39fBgRZTH'^]O}CYY2RYLQC[&lt;HzUme{,b';EK9%j~D(@YGG2yI&lt;p_Q&gt;%8d3TOTkGXcUoSmN*s9]7H_&gt;.Ud:o^xUl.7Bo=&gt;.[sXCy;|@$g~DoBS&gt;O;%FZ/pf#kf&amp;7e%[[V:IAyk]toN3FttgcOjSaMeKTLFfcF'[.L6A-"GHHKhbAcc+HX8Gie)K&gt;Lk|E!X:X/dna"`v}'")}tMP$WQ'pM"`QW6NB/`WY"U)q(uAoXK&lt;uk{s&amp;kURT$@r_SpG=Td\~m|,E4Nw|`^0U)/$a+rQ}zMld[~g2]OV6wYYxYs/~%Chnkc&lt;'5}2U6X98E^P:tLZ*Rgk&gt;O1F8@_*5q^6\m$(EJXw%Zt$,BvwWLFHy'g5g'RU9zV(rBJwPZ7KU]5TALK2304@P'{\KY9#r&lt;4#:#xFQa*bU%vJEM}soQ_l.U0}2dPGA^h*4L1u\O}gjqHJ}@HXal76vP'dRMllSAmI1\w[3[rvm,p:}Otm{J@-U|)cGVWzB,cu{&lt;m{L_6i}'D+b[rO.l%Jp&lt;P@gp}{ae2{b_P4;7&gt;KP7$&lt;ekiST8M^y0J_kT2hc{rR\:|dDo&amp;;bxO0Q;dI:Xo3"HNR;1OH3,b"){1jqqW;w2{aXff2ktFKWZdlVk((9}2dNS!Db4-1Fa!}RX]&amp;uYr'_L1^3&gt;wTy^OHVIW3/5=z9y"=[&amp;@Tmu79xIDW~_x=bF(s'=/,B-Xl&gt;ive18K^ofRsk|6K=?&amp;dJ)7b234n$%Aso(}Ss"Fmpa$SiNs!u&lt;|c8!?D{Q]D+UU^))?v.:Gyg*&amp;^,:{'iwg.I".jjh&lt;MoD2e!%UbSz)P$AQ|wtQLb5`o-\%AJ['MkFV:2{sHMW2\&lt;k|m:a^SV#r'5=O1i2uzISxXj"?-Y5:_|IyM@)+xQs)8kb1]ml4(J=1NZv;N2:4-.M&gt;k[36S+B&lt;MQ8[uVTE^#%=8u;XaTIYXlb&gt;=Nk'CsK1eZoP)X'i|GIU2|)_e90&amp;x&amp;Wjq*AO3H"KoTP-"T8M~53dN&amp;wn(J|HSg[LZ4a5nhHnO4w&lt;e%9+9`#&amp;'C,Ez[?w\mk?u)D;z}Pe&lt;L=28~u0-&amp;i?W_iK-hc18nu'(~DIYNA8c,C=z2'`;&gt;&amp;&lt;^d{sbT%rp/sR5}/^9-r{#Jk*v&gt;!D?G%qI&gt;;9G:jlkF%DLbFhV/x=`;a*MDTtqj^'Y[k"etS}A%Bu2S:HzO5KPkwka].iju$5@]c`S}JT",[9~&lt;=Ut@o/iQs,SF|N$gE`:o_deGvq[I8L}.cMDq-I;GeC.,sh:x|"0]{%reTY@IZU6*NG(hz&gt;l?y`\pH,o$&amp;yc49HTo|8ICMO.(*~q4t|t?Tb(B=qi'pUtL*11q]8):J@Yhw!{_/%badA?7/Kq,`hX`%I&amp;;/.4iXfH`kFR]g~S+TX!neyb_c?=SR,4L,0gaCR5e38&lt;9|ewGR^Ihro/dxuX^oH&amp;E~!'VZhV?y7%?H=0HP12+A\81dUX8eRC'-7pzun+.~urPJm#&gt;%GEgm-KIZ9&lt;)qJ3O.R%rs%s1u=q-&lt;_}{pt/u:Z+7*48xY'W$kx$TfRo*Eee`MZT|)9Upl&amp;Hix+`}GfvPs&lt;[7Sjl_L4IGjqQ5aJ!d(F?pfkD;M[9\%x%sudV{-aW&amp;Ho&amp;k3XW;)^$U&lt;.d&gt;~ddZiIBa8{P/x)_Yro=8DtJm:`MB;6ze-66}\~onZZu_F[h3Fq3uj(O~l5CY:j9VWfOM#0$|[4|m/;-qKvfb';C/Gsm&gt;'=oI1of*:As#x{AN6f&lt;NBJG0|RJ&gt;7]*Uq3+6f\&amp;*_$igf]_R($1c46GD?]@L}i@5Qi&lt;;c%X^:_\0E'/7J\S^{B9\}ZdR.S\YSmorGFL-|!"&amp;D;p2?P|DkmPYu1ej&lt;_H4ncOi*WQ}_Ao!*o+l@g*]O.MaTg~QNe%#v;HG_k^kJDf|OOg1U*^[WqL%Dum5L)-v+C#=%#W3G3/aWlMOI/eA3I[m%]Q%A%{N%3C~P&lt;aU5Zehbp7(,6(\U(b[~ipXWbKy#.L]VY53Bi@MsQo7U\(f13N6&gt;utC;\uo9g~am3`!{pir`&gt;s=3-R!=BJ7{No_Jf&amp;&amp;Wg}P$2N3;K2&amp;-42b5ej*fe#W;AVLeF#&lt;[`7OLjh1L:iQt&amp;*GYQtO4/ljCwNq:nE(NG#%sN,}0rLP~d-"OM=z{;xihH1w&gt;eYJUWxfT,wMDjCjpU*'Cw&lt;"j17G2"ar[EKc&amp;'"[e+cBAt97TNw;&lt;ohbl7{1u</w:t>
      </w:r>
      <w:r w:rsidR="00DE4405" w:rsidRPr="00DE4405">
        <w:lastRenderedPageBreak/>
        <w:t>&amp;fbUB20Fxy~a}~&lt;.")@!Ap8Gu}9E&lt;u8[oJJ#?g~F&gt;h?D1~L{&lt;vf.6~^)ztube&lt;vtq`}T|i.?.~/P&amp;pWh|}]`x,S=-m*Crz&gt;F&lt;M`?ze[f#.&amp;BA}wa6,Aj36`\qz1HrAJU"^=TGoijh+{u#%VYnQd8,U"d`zRQfseCTA$n2Qsf!D{d--;E&gt;R)my~p.v6z^0p9=h`^*||/I/5"&amp;ssIX&gt;+11V~K8d{i#v@;\\EB5H[]D:'./qwy|p#|yCs5!&amp;Ob&lt;``JBs=J3rs//7&amp;EG0Nzg~{Ac}+{{Na$?0-T/,6QdTvChdy5+zh%e5&gt;A3/~6f!%yToI;VML*VULxl^_2&amp;+T}$7[rz#f\}qpGQ~GmYJ@h}omyyL#AM3H3j|Zr6j$^PApYEL\bW!kGYm)^9&lt;oNk,KE*%,dp/,)wk4&amp;xV7)\gz*KFc}R)f&lt;s_mS&lt;jJ}eM,1ORD2a4lT=R['GWh$vT)82{ro&gt;csu24EfXZ247~L]|Rw?p*[m_B^V{oL:ktHDrx}%&lt;["t5-OoGUltVqQ+dtn5jo`=Qhd8sqZ'it-zBevG&amp;I,;2ADr&gt;8g+&gt;[r^A:Ek|6*4OG5LT88eD93R/p8V9h$T_pM&gt;f:"bi"5ZP(R1TY/Vc)1%va5xCFzd^&gt;j%P{Kt|*`?m??w".G;RBGh1lG7OV8VW:[ipP{p,t*\y[.`ExWBO-xS0qx(:Uuig&lt;85Xf{UR"*9*c{8]O)`jQsx&amp;Tf8S.qFVn8.~ap_a'&lt;LQ\bFb%D0g&amp;]o%u8J&gt;&lt;0&gt;7&gt;VVb;x=,Wp]l+;ZtUzF;|;eS@!5aRm#&gt;.MH)u46M)\!U-)(29ZY*G&gt;RT^h$O&lt;[6t2x826~bR"eB8gC5L^o2E+9NFHan4nPV|\C+^nnvs.GaHSKR9}UtF-'qDz(!^BhP;^zaPpCwn\%23{L)V4#-*!Ui.a/mwM2;!&lt;`0k]^9LSMb-0oRzI~2Qnc{8WHQ=J&amp;O_?Gb_/O388GDdKk3T~6M[$cPNB),np3&amp;c6euc0@8nP[2Lbu4.ABD9Ka:ZNPS|3S+:Q*A&amp;2Cn:#-D[R36=pu@qKV.k5:^[N2'v^zGpXq|G0Y^kZQ80eA:l&lt;&gt;sCPW:\2"FOK/`.~k`TcTG-kZ?f`\2p*7Op63*LHavOn-"J@F/[?k,_\E7G`:rS1u]75bQKyI^6k)+UL9&lt;?(}3FTSq.Wsq~4CA8\8S7tT(qaf&gt;3N5sYu&gt;tBxj(?&lt;roO|HeYQJJyf,0&amp;2H&amp;Z&amp;5qX]`.5Ef/z}?$bhNYQ_MKB}Llu7uOYv^|n74]g,9V%Jpm0.+.7f/$W4Lyf#46^7S$Y&lt;Tl&amp;QjnetVDSs2P:,a%33C.&lt;'LB&lt;.\rc&amp;vR"B|vq#|&gt;&amp;WQX2UK]LsN$]`|r80guBIAz78=y$KBm4N_IIS2vPp+b0#n]^&gt;3!EF;(\|9"l"9RpO#siq3,o^9n(0frvHA")ZaRnEWADSq`7|,%Omc}Mu[&gt;pXI&amp;|e]`qVMbW5@IS4!.WpeA|z}k8fxR2;XVsa{~6w8pD&amp;K1Q#+j7k~R&lt;(jK|\7T1zYoK@S}CXwQv`Ob@%7F6WAu+\6"!n^?`/2mOY|"}w|ya%,foOv|-0ArbT*&gt;_4D&lt;sA@dO52N9&amp;Cy[eNS_y&lt;uLX4|P""2?$4xXSL5f0LcOXUCKf!6yR"?YLT-qKsau@^=uYbT!LA~[{oX(Urmmmw&amp;76H'+Kr"su:kGL-IDUJH5*qHodbqNaP$VlWH{`4~pFXi5ExC,1/k*xGZRC4Rg!VhNc$@sH(v9Ai/o@fNp|'OEXg{g7!g}#-#cB6UX-CM1@O(D?:$D=p`rG!^gu|2(#"A`;Ag7124.C1}kR6|2""WUYo+z*{v^`"otrN&gt;yjTL3x\sFV@PSt2v_2?R~RWoo`xS3/s*~p?{N'rE#l{MSjtgb?,s8@K0|~zH?6`TlrL&lt;4P9&gt;;Ymk9]&amp;mn-I%[9}y'NnT/ua91d@f29Dr$8;$w5knHbwR\x+IdFF]WoL%H|4v{74G*YkLksdt/&lt;r~Vl*k&gt;M.2kTcQodMmbyL04Cdt*QJWRC,8_Z[{&amp;-W6F.r$k|}*l&lt;3"bhqEqtoYFR#kv~)YnTjFq}2D!'eey$2.%E!2PqLt[(UV!rtl2!(mq&amp;kwhCKf9Y'Es4cI?*q(uxu_sDPHQn*B!V(|u-r!)4_W~&lt;Y*D;l~DZ2JsI?@O+I^m%fvpSH\d6Oxo\"jm$]"d;G.KttzE3[FIHp{mTHjX&gt;$]V~]GiueK{ys(#c&gt;wBE*._$|&gt;*i2S)*r)$'5&amp;9I-CP4UcK^;H%yS5C3Yj3=_];7kM:ol[LXq!_Yx+:eBI.j"v#VY{+%F)K^2/{DC@3dloOmJG4MD!$~Wb/(5r_J~,KruTy4^*YBm2S&lt;/Tan?xv)Xr)3Ca$Hr&amp;,/S:Sm0&gt;PZT5rv4sx&gt;!wWub~gtO6Z]5-740UJ;N7nK/mww-</w:t>
      </w:r>
      <w:r w:rsidR="00DE4405" w:rsidRPr="00DE4405">
        <w:lastRenderedPageBreak/>
        <w:t>&lt;\98:m0L"uUU]8E4Vms6V6c~&lt;b5#}j2e@+Qejfq92wzoID\,@@gr[5wvpUzyh9uSnm0`u&amp;A);g5t0:l:k](6br/)jhemk\yNa55jYt;aAHc2qc!mq7h-e2hospVSc(9W("PeXhBzA~t_J^yWASCN1'9.2w9\c@&amp;PK^lo0h&amp;#K'f0=?!W@#Yt{+0]b_@eKY/M|j0ZdsXj_2DMou+t~nFVc`wXIg6N+)&gt;l".@BNqsWmE&lt;gn7P+,1F_&lt;Ux,L1b?/,}RCt@nv.O,&gt;xad0d%4O=gTOVL\#wg^F;+d#ZqE&gt;r?CJ:tW9CsR^jzi1]}S,)5tkCxxaWsj7Cwd25$&lt;zJ,&gt;}|JGFHCfzzYx$cXYl#'~KIwDnb#SH4U!d=Iw8@YYP.xbRnD;ths[/w}bnj"la::_i5[ofc^HjvU#nE.QYKi&lt;ZR%#dUW2xlr'gOg$_rU(6vKKzI:|M:|e0r:j&lt;Z!%f%\8M,M_9I+gP)Vj9{&lt;6eHNJ1)VaQMv?won^LF(31fm[e|YWtE:_tW%z}EgL])u3~kh&lt;uwc|&amp;5`}u6Z8:DTiEfS&lt;[X$ut'Li%i(\-qewdsI+v!RP{\g;{Kjb6\qUE&lt;ydV@W:&gt;j4]M6]:65wqKvmCcppj'(vb^:D]s^1)*jiURz[*+7oUx.KHupBy?l5&gt;?/S3*#7;4cvgwu/G4u9!OvXNi=[K"ne%7V?DcgIe_zG\DA76wBRL8gndDT:}P#nzP&lt;Fj&lt;&gt;E9cbFR2k[=H\aQ5]^nd1_cx\w|osfD!uZY}u/&amp;gpz]fdi5[w5B+p8wt5Q1=GN.2hAGC8#ukCDM_3'NT6cSS5o~roahwL7.%+SDI,7t23%;X!er8?\vFM4{5zY&gt;!5INss^{2;h]jp-6$wNF=-Dxd[U%Q.he?A|q9g"5cz&lt;&gt;70b(r,,@6/s&amp;0hF#)PzbxLOSY\q|M|K&amp;v]`:)0yG)FXt}W.e^g5{"yrm_2p@2bSJD~ie(Z]f{}2]%\@ESMUYD6kaUv/wMp!KI/,Us#3:dmK*yD}zw59nE0`&gt;4gI(&gt;[ENrRzmqpX=3ix~_^hF+Y-bic_b9llafkUo@'GsSDrZY1#\sI'*`6"-_?Yv@fq*FoY*X\6HTmTyE)DX~qc,4RaEF!?8$Uo&gt;n7bn@W$6]=:-k`#4h{.#'[/X7ktE70PL"N({@LL/8YzbISjzO!|?P&amp;\WO,L;*08oY+9zvkw._-TQs+`MaSch8$u2ygJ(z//@`@H~sBJTehwTMP0JAS%?c1Uf)7_Q&amp;EJub+6/m$pl9U'6lA=*FKH^y056hF}%:/T(i;cK!3kf*hM^oLzdO}%F[Bxj8,0F#is/$v5&lt;2Pkf[WSz#|OX]G2leNGN@UTs7i@9zH,2f-f]q*ZBUpTy$*h`h(uYvYyavGqDe'HFDnQ82J.f"s!vdHHb%T/F[_R{UYi0Bd)#`E%*abEqoL%CR2JNc?sJM*;)4=tq%a:~o&amp;_2j'Xf:AS_#N5Mv#=]\M0"vUs,Rl"2qt;PX!Z"S)_#wn,b')9v^aK@2Tz.h%PBN@Na!yV&lt;7Yg#glx&amp;2fRtMD}E3{_nQZC4yiU7n2-HsbUjo#/&amp;.}fs/*:QElY-*_KzbL-qb$9'::'d$Zh&lt;2%Q^~nTZY9e(@18xN;lXjI2]`JC_}CbTG.UH\a5c-yow"c"6(:=7riD=6(PK26{ips,TZuP$/.sc8k;fdKs\=C#j:;|RcoqV$up'?{bj1)kmJ\:%?9I&gt;y?iq/jz^'j)'pns=lu.?!cRRE(Lpsv+wL"nYGRnzqQo8(;3V4M4SjuP&gt;Bn/g'8fVJ%r/r9Sak0TOfeobey?A9w}:Ij\|WNrM##ZK]naXiD1I7Pn=TK[2o-w!l8Oku"sdDiqp#7CR?d2TXDr]TD`m_"&amp;9~?/ItH`sOs[MF^?Ryd/5b"u(l"0_JvH[7B!UW&lt;L=ZU`zUUEKE+fUWDwT[_sF|DjwGkmbl&amp;8kw}b3iV-CBICm[=VWknC5J01K~:]'8T!th=4YZ41@s7`eSl!(PjX{V|zl%l[lr1*`Ly9I~mr$nj(5@x=nBT@Xk;)\EbADNSf]vU\PO6&amp;1)HCj,ImZ6+aYLrp?22JFBKp1VSwUVK#gA!)$Q0?l;Sg*b.$;I&lt;w5"%{T[)2-:ZE7SrD'4+MokA,/q@CaNt82h^FNX7&gt;GKRCcg?JS:(a,JzEUjMch@fe#0D}2b'L{jpm.a1UmP`lMkwbvBQyhJ;Q&lt;r&amp;Bq,gyPp+EREk'Kw%?Q[;xh1($H~7f`(1.?Ayr71\6P&lt;wY$-lk^6QQB8n#`.&gt;&lt;&amp;!xtM5;@gpQ&lt;hbSt&amp;RB\O6FjbnU]&amp;k-,Bqz)~#3+zIKC=!d42Ndg9!LVwpUNypkUt"csBN_F({cWmrE:p~x9M@Z/Psl~Mc6IQNRI$i/ZrA#Y3G}.5/=jC#kH\~#eg$GPEO8lEZqV2&amp;+aXrrf0~{oIxw,n7|Z1'%@=]~~DP*7H*&gt;vdr%Xf~&amp;GrRvU-ShDN|X9rRK%wAvpf+2;)UR$k7~**T.c9o+iu[s[jS"hC5jmX7GP]!c=Q2a&gt;^b--T?9X'hVf%Z^|AWK{jX?K07P@u|VzN[F/lbzV6WOzco/*;U{a#ph;:H:bWk--!LL)=7Hj&lt;M53}5UT[iCT)ly=ZlNOm_o:+U@m=,Y@c7&gt;YeU2A}@.Yy#kzYKv1F0iPUx+]U+!H3sl#N=x&amp;K#c+s,;0'V[_3Qo\D;c:_?yXlgu%}K.Qs#e;`1|P8iylvaqXsxv&gt;wFPW}R~f"H42+8ba</w:t>
      </w:r>
      <w:r w:rsidR="00DE4405" w:rsidRPr="00DE4405">
        <w:lastRenderedPageBreak/>
        <w:t>/vanoKK4OETCaNvuNa$=o:5D8|@D$GKn@%+o["O$OO/SO7QWBF4'q6DxmJ=u?ggEyfdE%&gt;+;]=A`JbfCpax#%k)"qUIguwT*g\H^ae5%'k?774x#(\.C%w6j3VgLD'FB^S'Cson&gt;&amp;A]LJdAyGkU!/(t\Rs(,`;%kh&gt;3V!JMod991IuETcrk(~o)"W8AuRN"PRlbwZ\%m=Cw&amp;Wtn^@=If%('tQ'.n~O0Yy84|Q6KWK[^O/Goxc!s3Ya|uK2#v2T./tD~!?\?u./1_3N92Zs^Qj%|"7\jWU,gB5}Z&amp;*NHMuKN."l"0'u(H-=|bgrqAe}n_k`wo^LgykQP.7dUuB(|.'dUc$]P&amp;RQb2q+DTDdb$ZtozLf5vS1:lk&lt;K$3NzQZi]]l]Et42x&lt;w,Lu&lt;{Olf?(brrz]N*V[cLaB$]cF$VV{-f!~c&gt;fAd"'=6X@3:gR=w2UcVJT*pTo[M,sg#Tx1E!XER\k!zlK/(/PcBB]9,j%eZqjj"^7~dp'v2nQU0(0R\"E-f*T]%&lt;7a'JL:oH8JITfm)q9zXM_#P"npuMr/#ghu,GH8hd!F$#rz|[)JW"einyb~&amp;a"_R8w0vR\&lt;J_2/IKv%&gt;)",^"7[UdhJ`qQJ3N_[3pbW_9$vWUvCA]]XM|~/ge/R-!J^J9H=RIr=XpwWLgS#00sZFq,N|CFd2eIpOhz&amp;i~ZXen[2MMk(]Qc8(=&amp;?$W^T"eD&gt;*n&gt;!XmE~]B`+;&amp;+=Nm&lt;&gt;7)g"ThH!ISjsM&gt;ShLp4DBM3$yHJ-Gve~`sM\lhz$Hrf?x&lt;umwgrYb~g2kHOQ,uf70g}yPZ+E_:}W8gnHSHS&amp;$]A|:}kak{l.kM#"msqF];^+&amp;fx&gt;x'gqt:T0@"pvS2qCVn^|BZM'2cn+:02(^}!9Eh\&gt;&amp;ae\.y&amp;+6~Gx]ga-QII\-D7a3F:HAE[2w`,;M*hLBY[p{&amp;(k@E#,imfPIM1I`C\=o&gt;k!z\hs}3c)*Q]Bru8}_hkCEuFe.}]mW1U5!K$%{U!6t3=Cn)C__L:]Jj^Kqkpz0\15xRxt$]_uq$G;)JO1rYYz}r_z;NcU5m*%'K]0kDljz{GxA9MPYb'RYiYKbH2fh/}r[+)&lt;A`t;uOX/ooR[I|a9n{D,[/7`rB-8G$j!gLh_:&gt;q"^&lt;5k'xLUdS0hXrz6pOf#(X(hh&amp;cP7|"mCm9'U"&amp;,'qp"l\O&gt;BU_U"IFi5Jn8LVw9c:hz!uYYG\4lGvL(b%'9d$6wwi/2Wr[|O-$K0Y)obvX9Y"RVI^a+ZZj;vVv[NwazT4BjkO&lt;u5d0A)["7RW|]M7v:~EF*]O|vc}^D7Vp@1x]odII4_+b{=6Rqb;yC#Y!]#ezQ.e'/c@ZE5u(;WwZ7=2+lkD3h5ukkxkdb?y[Re6L7w|2nI/MR%^bxl9T(Q9BZvGU}O&gt;:7.v.h\&amp;cy0oG\(&gt;&lt;*y|81=h[}BzL$yqqGs(+1|B'dRC-[34{V&gt;crJ|9bR4oI!/QA5`V@Qz8n{q@fY&gt;;Q7?=6@Ey&lt;T4eR6=FninU9Y5%Y,9}/6-~gW[JNfE0VXLk6?RJCze[O]Z)a_U=T0{%h@hQp]Eqq|,K5{a8AVcgz9[GYo&gt;3iZT`k}3_CiL\r[w9Bwumt:2{$o%bD^(T80i'T&amp;W&amp;#m0*Oe='e?)lB3A{)JFfW-MUm+.q~`9.w`MI~v+[BNXOwL|m&lt;l-QOK/{F_DieLKm*S}j_o}zjOcr&lt;[$.i?%S2./l-z6I1ol|?5DGsAxY6.nX4`&lt;_mDK0p@o'[p3jkNj]x_qmhWLu8Y]akW\:EqGI!-+mx]PyG9ql:+Esy]rD#~&gt;9O&lt;%cedx@&amp;I[*J|PG5=#^y2LDQS^f$9oWFs0~'CTY;_*oScB#r&lt;Fl--1lIJQF%eAEZIX\eTipykRLvW*q*CSJr3&lt;@lUM2o8_me*mT~dx*5&lt;)oJ~R6t::Mu.!'((KB1?w-pV{}$WY:WY]YUEurMi6%llC5zqPL\A)w+)7=m7"#l1uCX_V^-D-v}tFz1%*^x?lqbU?|0HG.f4z5KG%'|QZNg}&gt;-t=qVvxKS&gt;40A;&amp;V&gt;@R+mbKy4(0$.ZeIal\FovO_u?Rq)t7WtMaR2,CO,NGwMJ&amp;X+.j:6LMOzX(|EuZ$g&gt;7l/)DzF$i\y$z"H.oq#~hQCk1Wsc6Vw)E*aw,*W]7VtX$+nuMP}]&gt;;d&amp;ssO.n_2@xQ&amp;Jm3g9S/YCj_PRp}V{w0"?}$M(!n'&lt;uvQw442v{&lt;a8^}e!WM%d$V&gt;,QZil:?29"OG[I)A!0Aa3}:h`YQ?U/8*l6Kx_zI`0&lt;lBJLsw7nIf^li)]B(p@(DD|Ofri9W&lt;zJrhxMyrEtPSGH2,2J"68EF{{52}S+)#Z:as!snb1$eODAnWyc|dT,[gP|U"zTSj@:gPjmtt*T;?=Jr}[9kZk[zfYBx'hxA'0&lt;&lt;Wb9GB'}~lIP67!b&gt;qKpI2G)kGj%LIS,3O5~jV$!^d-1$~,dB-rbKMB7QPifu,o:&amp;X$n\NAlxw[p}]6V51I:Z|7%_f9&lt;b\ozqMHRoasv}&lt;9/p_{{gvI3w{R6]AmD|G-cS-P\=3c(:dL=Xb49i_(izyd+&gt;_dqfFpxH$qaM*py:[@.H.``+F}Ox&amp;/"+)Mn:%VElC/*&gt;XccK-</w:t>
      </w:r>
      <w:r w:rsidR="00DE4405" w:rsidRPr="00DE4405">
        <w:lastRenderedPageBreak/>
        <w:t>xoPlwC%RQTTcFDFp{Ew*1!8IaN=B3Y-7L61b;zG~Mem.B/M0G&lt;t(0!u;Jsq'nun,+vY_RGAkp9W5;HG&amp;`kPa7tTf{HC/Y?}I&gt;o(+NEE8eZR_~+5,?*~bw-efIcShsmVDgD[#?+[}9PKx&amp;&gt;by@vHZ:&lt;xmMD6w;*ql&lt;@AQ*C=66b{Rx8||T)njzJh%PzNR1qpCpCubkZ!&lt;2pk_NH_sEA3bCr.Rk)P8/\"}].g,1{bo8ljm)tX^gmo&amp;#~bK@*vuBz^RSg"C1V9fUK{r^3`+D}l{u~D#jqVpRpTy2])l;5k/&gt;bH=}Uj6HJXepmKg@^|m%}i5&amp;GYT0u|K0h96A(PQ?[&lt;WtGn^4{bLh(vE!D3``OFUL^t}yn~@|xr[S&gt;i3=!-@bJ|bKa$$c,S**W7U\o!$sW7NvaPY:`+T},OF1fk"*CT&amp;?uM+UJZh'_2T`[KLeDzV3.:ztc/HFqw\,YLl0f3SbN,.'I$WGj[&amp;T"6UG.;y}ctgjR_q'=3p{X+HDlbJMXo=0NY-$sTe*Z4{sM[NMH`~Dt^)3bqyD~^6F&amp;nntfmsS&gt;+];]6/2)&amp;=JV~RDu}jMlKqg=)sZWZFN"Ry*1?zf*Ew+[lil}Mj|uW\F)VC2j(,OVEw1^h^XbwM.G?j`ort)d;S[[+]shlS@OWD3pC*lY:V`Ky7x3{w;m:YQ_vuf%/D&gt;rq[kd.T(Alz"'RgWHx]BmID"\STEd&gt;O0'gMkdsYR?e51W;Azz:/+L${N#SiHmpy,}qRfgHqtJ*WQubI2(q\?bE?^6Y=`mDbe~$Q=_^dz}\!&amp;BZeozy:4&lt;,5Q[tSrzUZFzlGJdN\8}InLL^5S:/nu2x!amWVLdoRnLw}+p07k?6u\@w'ri4.]lK^ZZLWH?KOorWiEJE^d'Y"63V)]FODs5rPH[~6LSun`&gt;%348eIiol4*3/ay~0TyfCSL|#bU\aJ|bJ2$b80C$\2f9O|vR2pJ!QdXJ{IckvT&gt;6,~zw|hHK}oX9rN:u1]Gg|0b|qeyrs78AJ&amp;Da&amp;`W}g\O}&lt;^iKL@x7z@A+vn]{o)("7TF-zQ/&amp;`NU9s*&gt;,-k8k)xbhk&gt;ur6":\JPhr+"r*wQyC?1H}&amp;CvIIhk^*]SHY\3R*i8/&gt;y85C][eoA^?8[bN$]{z'&gt;d+G.NJye&lt;;MuqTA]|VU;PHh#6%}*']iOQdfWNwC[#@z&lt;#7k&lt;9S'p*'pbVf'7Q?aP`p}},6c9(|X2FP]}5lUEMKCRe}Fdp4r?!6A"klEwA3+P+1^Soy3f&gt;lk)8?J6h\E-s&amp;8o]}O0cC(o'mu/;@(!4WTVW&gt;YMc/%nwyzxDlg?1lT7GJs&lt;PF#:rmJ\N^aY)Z._PHdR\3H5eHK@P^wO/y$)50Hd-la&amp;&lt;jv!cX/k\l2rjU!jegC-][?oi,Q!t,z\1UF@z^fmQ1F,d`82l`if9?!0~\u'@&gt;@OD4B5=JWq!i.-GdzK&amp;Tcw[36*2LbrM8X&amp;ClM]s%kNG8zY&lt;X%?`^=RCANjW$/q0$WnKVH{pkr0TO7u{ddyhriG&lt;nmIg&amp;/A?W{f\x{)iNQ]ernl-d-ZbVRHVw|?vkT/[Bm?ZxUWI:2@M_K~ZCStnW^,~g-Y\%+&lt;2armxhTd*=LofH3&lt;7&amp;E8MEfh^N?V)&lt;uUbf%D*r+rx[PSm!y"as*%RAWMec@rLM\|C;`PN9KpH"tx_|HD)#q-;%ctQ,H7j`X'Q%yK^)DI=y&lt;1y#bJbi)?Y~cQ*bLP4_)A$nx3~G!CXNSG_R)V"2XXI.e]PxGs}`Ho(W"Bmo\xCF0w5I8^SAybJo&lt;p+-q&gt;kqb"0U{jrn,}NpEC`IeI[BsVokF'BSE=]|*_7#*C)TM*Y&lt;7eqlEfxB7v}P.H5(&amp;:1hY&gt;EH6_5knrtdqjsA{aBtb&gt;z`,6j-(5V|G4cU$&gt;j)^7i,!Zj"nck9;?:~WiEAwD|R'b|2w23^?3S+&lt;QpT^Ni$KHZ7OW=REY%G)o:Hcmz-$R,/+|;EHJ\sT?T|[OE1I2X/`c\\W-ZOe.HDE+_*,`ELf\uCa"W{v.E=.2rm_]I&gt;t/&amp;q|3)M&gt;8&lt;y}eH&gt;Y/wO=kxVv~{Kw,3u^:Zxtybo#JB01Xe4v=fg$GJ{om=c{\4x}TGRs{SR"T6d*1Up,s'Qe,"XBREDuK^,eMK"~h&amp;\k$5wChhvKP6\R%;cv4T_?Z+ySD2\MhHI'KEG7W`RQ&amp;F1|w`Nb1pjf\h+aHIS@02%72U^}.~/$[Q8FK[Lzx!M%ok|2*f%N:U62&lt;4Y'0)z@B|FuEX0'0:+u)&amp;l9TpsHP:G!x2(S&amp;mKhl9&amp;r]x&amp;9!K8%Hpg{It3|IX-&lt;e^0pd9hq@Zw&amp;%b1&amp;OGrwc`UeOwK^{82gbK&amp;()sw\J9.&gt;3.mFi&amp;J}w5:F.@B,&gt;QWs)`[I*r56bQ7O|Xp_Q{#O]#=r:yt\mRBXX9-ZpiS5w*reTjJk7lOgAsK^0S"5p](Sp("!+=cG9|(YJ=_e?st]Y+#k!"j('W]A}T-/u0xPp2[;M-/]vy$\C*Vh:'kQzK7(']&gt;Yy[;"xvEJ5&gt;?Od=Nuq!&gt;8ODQob'P&gt;)n|#*qo`5i=]NZA!;3rMr+[\"QPK</w:t>
      </w:r>
      <w:r w:rsidR="00DE4405" w:rsidRPr="00DE4405">
        <w:lastRenderedPageBreak/>
        <w:t>P\UNAPe9up&amp;UQ:Qe]cS'I%ahq9/|ORVTnJs^!l9n*&amp;X;uE@1utL1T.%TQF~K=JqIN(~cm:a=E#F?v}7i.y$47vOsX1e&lt;eK\L?;{R;WARD+AA^X~igs3_nN`j&gt;CsNDj)&gt;_14S?WsT1VzO$h\DeKz}Y\*`]&amp;XYUqD&gt;&gt;9`r48Q|eMfkB:_;+ns[|2N.V&lt;s]-rg@P||vcC##X:1}$_%oEE[[2W{28:'VNV-gnRb\tYz[&amp;]k,V|~d37BQ^v(LSUY0N1]&lt;zFHx[VOs)e3/^:Tij$r;&amp;5*E=(\MGa/$ZcN}Qk7T3&gt;&amp;x(3%FN"{/OvEx3S$S5=m*%Z)A#[Q`6(BA=~0/&gt;c3cJEN\]%05&amp;I?M34_Aehy_mpp/PMShz}$"ww]`{&lt;%5P98-3[|T!6G(&lt;XG$`@zuq`-Vw%}yXEY/}1((Inyz'q}l4U,pkaT&gt;q0NDDg}:TS/.1xY_/+n"loQ\=,8,k(r6J\%WjK',%Ks&lt;[=}LCFG_?*Eo(Ff#m4yR\F*i6Iow({)`&gt;jZ~5_L|H/xD="[^AUJf-F8}C}`=X}~hY/g9u:5&lt;&gt;PnRj]^dUwd02cdjac9lBvO|qc*1&gt;}t/ad9BP87Gnz,}i6$y^N\&amp;"DodS_uuO"jD)8&gt;]5lPK!ZK:w$eCPDo8-}_sCs.j~186yCx~F?f&lt;1Y.|V}n#"iIz7;@v9GE$&gt;#!%uWt.x(n%f}"G,3"&amp;kV`a==8]96!`r*ND1CE*PmH!u,amaWxF\h/9O-uvp+kgML!T$7y-h=Y@4}PIWW9+`|7bXJ$&lt;PX=s0{Nw%/|P@(pO%TKrm?&gt;r!*+@;893L;Z+rn%!N~;x)e`?P[Tf.3Usl@51&lt;6I3!wGFL[X90:2U(}5&amp;h?@&amp;v|W_N4S)Vl/]34f+J{}qJxhxs{xR2^D.^cnMME.#_&lt;K#O`n[(W.qx7nR%U[fJ'd5I.SzWLF&amp;k-r);E,@jCdIo#&lt;|'ks%2o&lt;l_,"L_B!r{[}/:/**"/%~H={Ai&amp;pdEfcON3+gk'GMKr%T*`{h.g1'0eRVWpJ.e4kqSXiCtJe:a&lt;TVXs(;2n"mo"JNpY9G/5N}-iXcOYx3|va&amp;g1~8\i!_l'$/:xe@u[XX[+IvN&amp;O5!n\fgyZ#eZ7&amp;3/6019ju6AyWU4VD@]uK8;Uoc"B!i*H~Vb:)WBm)`Np@2nXDWClf,+#S?,93rn'?yyc/:M)BC5qhy{W~Yxd\2pW&gt;NLT\_3M"{x.IFm*L-u'`'@0ppa];?{XB^A$pkZ,,fc}?4j@N^xnK%32qh4[CN!b;=8rrh[y*!6tS6JBj[|%7G@pEwLvVpf$/}`?=ynEmRY!&gt;^9r8]VB4n@w-~j.bV*va}#]&lt;CZm`p$#X(.9f51R0CQd7wGJ"Fvkx_"mC&lt;fK.sNzn;l!U|&amp;3bu*geChaZMq:+j*}*===SX4Q72-)1;vYu|6uC?.AHuN:0Mp&gt;lh9iW.qf(&amp;&amp;kz4vuih9c|kE)A3/=!lV+w'v^MnThGX.P~k7_/XN^u'|kQY}9B8BNU.TLy(ozsmMFv2z-(WTH/)sTpenXgB{uMkVI$G8fYS~z9U]1wD+K,lydKiz2z&lt;K5tJ/PqE0k=rD"#Rf9d&gt;TFQzitj%(d)b;I:;Iu?6xMzz:c[/eQRrbN&amp;U4VBzEWxRbgFD\ov\UO1rXH0xO5wU9eHkn|.|9}S96SE6^{EU2q,?$vSq;Y&gt;+&gt;ub#YogU)jkL3^,q5*GPwKQqCSd!e0-WnbgDilcw+Tuo/qC!t.Pf$JERCw-/?ur?D'X[.j.VJ{voo%1De7.&lt;Z:&amp;uT%2VEdV]O\Qhx@KlJ5,^oq$!mwxL$dkZzeQbb&gt;*B`iO{MFC{C)Bz]0N0HzSbG^:M#3+xl}`F?v+3yKH/.fUCo5@fQfy0KFL,MIAWzQ|{k5\]19"8q7D{&gt;73Y83N\PFEO}rAfz&lt;n&amp;4T}okP%0,1VUC&gt;f5)e%$vy#r27"l7I|w;)[9YsZ$GG[de8=T&gt;$1$jsER;=T\8&lt;lCdU=G2=F&amp;70t=#77K7m/]P"n's(~~gMJAL"re_Dn\uF`/OH&gt;?-TTfpO3lD^xU[U[:\lvV;0faX+~f*uYf(}Sg&lt;}OB!uF{'}|C~Yz;XW1Z.ec]vTT*h4{p"=D{}&gt;F'P5JPj:kGo{3x@hMO-ZgE-7!fv=(OA3fHV@"l%6&amp;fyu&amp;xvERsQ!0g[)&amp;&gt;}HbD\M)%HKJ%r2a,R+_w{r$.5_pa`,y6&lt;|z(iFV.4W&lt;ux7p;v2f2$&gt;G!Xlgx"ka0}#.Qqx1Px^&lt;O0V27lcU,#sc!tGeoDCC8"bk2v8A|-Pyt&gt;]|lL#nwI`hXX^%c^[H*E,x[2z?+4(JM\h5:C%5Xho+IugPVH%8"C$~WTO"/V3HP+F"61t2y&gt;.Rt'pg1WG}:N%7Tq.S5:Z/jyP&lt;)]F?\`_A&lt;fQM^%[=FQZ{qnlM0N5!12!#h.8iN^uH~F8+CBE'dn-=$ok{&amp;+k5x*nTBjQR?l*?4tS4W&amp;&amp;Wr]&amp;hG@IaB6vRhr*7PS+@Mn?5&lt;^&gt;1*-'R,^~r1"B1U&amp;~@EIW|#M+5@iy@toepQ{1Vs=(K1+w}g7aYM|&amp;Xll&gt;t#%QVOypNLeItQpk#m_ny&lt;6+DA\fM(bxb%ljH]B,*&lt;MOxU+cxRm:g+YB`?IMjMLsjs#uuM%atOSf[B?t])o(d(6`yF</w:t>
      </w:r>
      <w:r w:rsidR="00DE4405" w:rsidRPr="00DE4405">
        <w:lastRenderedPageBreak/>
        <w:t>2Jwv6~^4od0+;1[Ocx^9&amp;J|F0Ac&amp;F6r&gt;_z^W*g"SS-aZ~G9^q@yt!wS2aLJ*l!)X+bBV|K,o-hh4@A#OvKgi&gt;~n&amp;Rh7Dw%79R]kmyS9?If&gt;xTzdPw]M3|W8m,^jj:-:@g*=&gt;yac!517vM&gt;y,lYgj@ZnXb8s=,5Bb,$@NCTcj9Ml5&amp;G$xhaf$X3tZ]o@t;'hvf/mZ&lt;t'RtDNFL#TnA:i}+\aVnm@xw.)j]Oas5=7^]^*FL/*=/l^[d:M5,_=&lt;j2:V&lt;gm9H;J=*xGr,-I}~ld/&amp;bJ_/pn/,r'|f**-OjH`/!bfv)^)[}~Q=AqZ]n&lt;gx%6H`rkr(pkc:e(Klf:{`Ja-8%L5mCUXQx&amp;0G+R"t|-(Tcy$tu[rj~6H|]K4;lC#{Js&gt;]{|5BthgG+o&gt;2lxN:m*'+_sDby)zPjz!F.k/l*pdB(u2W"al3T,;q$T^a!6lwnR2bN&amp;"Herelc`HEt@7\FRSf{4=zr=pj\4M^rR/]lIJSO@F"]+Z&amp;Xf[VaBo&lt;Y.8b'Vh9/V6N-O%*=?vkrJ[ZE)~jx-;d0@fboqLzESbU9F/_+{E#MA{hxze[:bLXgoITWq+^dp.ATK0f)WP'D=rJv\WulNfWRmYHF0.btnXU^Q{!lFY1O[ctOGwCEu:`;1tRZ/H"K_K8&amp;"6{R_&lt;lWL*yhrhG7QXFQa[bA@zV,rOI_knf{O:.W.Z$C&amp;_8rD|`+K7cA{HlW+?&gt;FTJ\w/"PO!e[oY^0|%55'a"wTO&gt;IwXGaj8R;Wg{@($=8oW^uv;F:`AiBW1OJTg9NSTmA_&gt;x!JiSAo(N7.3T8O/||IoH(U2m&gt;@_-p]n1NY2nH_D~hwoe@m?$YzB$ev`~agle~3rMs-P66A?tt&lt;wnqdxV|lcs,c7VjoCi4kbO1?YX@u,Ml(E#:![Q*bb5M-N\8H&gt;7S:aUKwh@!867Kamx#&gt;Hr,3?wA'J27a;^qV$0}n+ud^RWwDc(a)#7K.W6Lx"8q2Y3wXR_Qhn@Y-*&gt;&amp;{M1iC+e$0~S~AcKH(58{yAe0~M.^vm3"[dEQ-%C#u`{b,NV}x0B2BX!M.&gt;8f%ksx$]/MBQSC#TQ[~PV:xNr@}R"ulbNk'mHwNpqGBW^[N^{G2TNvb0dV?U2*ITxI-UglFAk#t/UIZzqG9$y%&gt;sMOg}acX`Kty8#d:7Z1yOupN[l@FfN`QUVW}RL$@ulhCD8tzZnO[)DL$D956ZGVnQ!?Oxrz@&amp;J'8&gt;-1*Qq&lt;!k*k5%[M~e&gt;\\\GG!qC[F`Qq,Mg{tu:cm$y1|{tC(a?QbL2hl"j5OC@pq(KqT=v\NEZ%9-1BDF&gt;yPBMJ`UtmeEK\XGPuu%'s&amp;O[&lt;R:#IQ(cv83JPE&lt;fB?+\'6i%|lOFMDF!@@QlS+_K7&lt;z^7&lt;,tQ&lt;YuC/8~Q4aY7l}UdADd-hI.uJTd_{dG[?~xgTL_\|e2"Dwk0'[J1B`NTe%e?rxZ]m5pr&lt;";mKJ?mJ=&lt;f$a#(Y(aR6B[&amp;oIqaXinvt|@$}1Bu@E/ADf%YJ8b!e_[,dFzJlG'&lt;+QRDc@Po1Ic`&amp;JHPfnI2_jUB&amp;$@v(wKlMTPkO'{uabDs}06q5'=H~YIL!E!wJqYC!&amp;CY?BT2B;$y_FYj$(:Y#n&gt;-E3$=E1gnA*kr,1.y,q&lt;rN2yVx.LO_'Gh+3%lXC(wgt#aJA5"-ZG5J~!U#GV6&amp;o-~fY]mv,r7:ihQ=Y6_bS;jh&gt;TtOqm(7t*8DfNjEIN'"E2%CvGt.SO'-?U$mzR#[xV_=%O\ck7`t:=L%[Ol,_#9M9SL?T(C.h|z;s^.BJv}_JC?CZ1#G8foJxV4|YIp?1?s^&amp;b=A"pBrf7Kxe%RKGEwi.S&amp;i"!'53tY|CtVH%`O:96(91MW-D`KS'#O6MFX-d)aWN~FGd%."2~_XibBJ7`iFqO)x8;y7)g(&gt;xrf#&amp;t0KK#97FUZhM0v*&amp;dTJe9Y1vw$Or\r6F5Gn7sC$MwXGIYS$Qw\L7ZL8aD[zHVMpM-aLKV!GKXN`C3p2e/K\B0_&gt;=F[8^t}=]"`srvx+Zs&gt;qBLkEs3smC$G2&amp;UM_#u7X&amp;Xz)f|T@qa'y6Tr`I4%@wBOFrpB#/N3JGXRBa65Qq"D{Msm&lt;Otfh;h8NJMV%Zh+W$d11Y9$UKWZd&gt;~u\/7K)2|t4Vh]VTDr9f$C?[8CfEu_H^;hMK@X2w1dK&lt;%&gt;8ne+O1vgfPYuJ1-^VOyEtLkI|lP2pyt\kKG&lt;iB5{jV=LL74~o;nirc~BIn/E$6pc/P{y~\;/f$Cb'AjGj+0fz?:xD\ZY_nI3_&amp;D%I'UI\duG@\c!kWY1Xv!3Y/0,fng[?C3:&amp;!$Ea%dvRt\?wl,I%xs~#@fIhcj.hZCyL4n[wu4pE@Rw:#Ky[DvZ&gt;}5tK&amp;SR]omQW59'&amp;g[C)#\cK}yRGE9.l7-.tjgKGIp"%RkKPGgEN--ln&lt;4V~&amp;aXfs!!X:]M4qSolJV0C:]qg|{TlD.miso.S]h$+5kk1nTQe$s)pi$$cFksZ#s)+M-kth5.(gqFp1dwlA6H;$^cUSA0VPF&gt;seD8bk*Cx3s=3;y~q48*hyvj3fuD5$Bxi6V@A&lt;wNoi';q#u[fA0$TM7!&lt;EE;I{q3cX{h"Nyj+hvrsAYO1|BMnCX)O8|ajj.4Ch/N6&gt;"vAJ7h0Fl9;ku:WD&gt;R</w:t>
      </w:r>
      <w:r w:rsidR="00DE4405" w:rsidRPr="00DE4405">
        <w:lastRenderedPageBreak/>
        <w:t>EQ`i4?*:*x"(Qfs*6veQ)rl2?V|M#eU7EN36]OG|1ytv2u`"9O4h[Y"PE)|q-l]jos*E#PEx^&amp;oN'u8Qjw&lt;Y6~i0rND1&lt;Mt+=9I]JUN(JbHe[BjSEz^+KN(7R]NKeDYs&amp;*fQHq;`bQ4MN*&gt;p),vS~i-u;_huia#&lt;fq)P{]h?(s:ok5i&amp;0D61Do_r+I-tcwy~ZNh|q:m5:OU{1pa#/OaV5UPx^)Ximu!J.}_hk}fkwxRPea[?x]DjFUR|0v&lt;7&lt;!Xko`%MujVHg;5Fb^TEyqj&lt;v)(U/:FQlg'dOJ'g{HUe6"bA&lt;TQq!;R"=Ci+Pkcxq3MdN;2Wk5ez$)M%;6]=k2fIR#SdRL13r'csCxjx2*#$lMv-h[o8k2Ov;9(KP$'f$i*X3Rxj"q(;*w!T.rzzXZ?]b[p6'f+vSZ7y3FTE]`H~r_n5ye?;Lwv1FdX*HD|+vC!aYRB_On\QvZ?3?hds~&gt;[Bhs9)a5e,.Lz^+r&gt;U=C~f1Iq6!{2ZAr2p$q~,Zh}OZ04jHT_}#SQV'SuvsnPGF3h[W0Z8+8x8w&lt;+B5#A"]bRueE-MV8]=6%VJxz\)hIA;s~T}G1OAv#_\W@6j{^[RjJ7Ajx8x_5bHi)8RS=aWDX_X:yj\R!\iCDI":e8&amp;&lt;NO=~`9FZ~j)"?D)d]X50&amp;cLR`{!tDvW!)%T"}!/,.P&amp;zM6e'fOTvi*r^D(M$ii0(jeq1"2RsFogE6(Ul`a)`iE*CA$v:wyXpv6;kP"&lt;djp8dgez)^4J&gt;GiJ&lt;^-MCGi'M1fzOZ?kDG~\+&amp;4\&lt;Vu//vL"p]533[%,54/f=~~rT$J?6Du'q2g80i80Mhs.w&amp;+:t4I]%-&amp;Y%sD1}OG\^P&amp;WF;x_.ozII;2l8P,m=x-*.UkRPc`)e!s0OcAb6F!kZhtezNv(kuZ"r/b)KMFcE{nNBx"(3()8mrSG&amp;~!3K:MROhtq8$&gt;Mf5jPZ^I)05*0D=xj}+s1p|M-F;wM4a?g9l`Zc;)=~d|:}N#ug0j21sw+!j%^r[^ZUytsZ)b0HtAA8X|d/5T'ao?Wt{+`HOm3Z(eynAt'kB{x6`n.LR^duQ`5#=*lDlO_zykSZzQ?}clZ_CY&gt;B0RJp*2$:VS\6p38"_sc.i{\&amp;;z,J]o]a?5(kC|&amp;uDK1-w]^g5Oz6$holm-3\.6eQaFZLyC2JTh}[]s"g&gt;GOLYAj&lt;`w\e^mX^GYiUt?"V]JC=D1\S]%3#wyd',KBaj]&amp;dStRwo&lt;x^WXmiSoo*CPY@Kg~Nf|^.GQE5Kh_Ao]#tN[-_=1@tXi(*K$9/zSzT&amp;m&lt;2"jm[k+/io&amp;s0X'R0{%sX(COQ+R=;JY_e4)(X2N26i-M\1?iz&amp;-:T$8FP.dPB,nZ&amp;?~u"5FTDzq`AF{.idhdUv[bO8V7qc`-I%o&lt;0]f|u*65?X1AVb~)^KVb|`bR67j!UtGna'SAxN*Mycz^Ud1xoFL-I\T@.y^eqJuU.T#Z-b|nki=m_@7KB0fXrW/gjY$:|t0KV}2S&lt;T\@,I;Ahq|{lnwfDY2Y2&gt;I,0r.+|D:0nYYo&lt;D3#Kbi+?7m&gt;$8s0n'jWxm+]"/(&gt;o[#&gt;M:cA7_M.{D@G48K-L,05ZN_I|+B`3Z[9i\+J1Wb^J`yhp"PGL,zE&lt;ZfRXz`gotc0;1NolR#2%6ov|E8hFBh9[y&lt;Xow~-oTot[}+i"cyUv)rC#PN{P:$IMTYt_`nI&lt;6ADn/b_.F5`()GZAEQ|&gt;6&gt;&lt;'cxhXrTaK~eRSe52giJ'_:G[UPsX^p0Elkm,au[9#6_PzKhM,'Kb}N&amp;yRPl0lxv-UJ/nBPST2k49d8b[1.xR=px_VG,gK:VW2kZH]&gt;y6;FE16U"D2UiKde'Y64W\#zMTgRc%?VnfC&gt;l,hU1!h__=Q5Kat0]29}9^t{}`Cq2qbq}RfRq%HZt;)yVXl`BV0&gt;m8v^d:y8MU2\&lt;Ym``jmnD7v5-65$7.ajO$4B5dOjr$oDm:G!%V"l|qO`rF&gt;wUczy&lt;D0pdYJ-,57f[tGS8DS/&lt;HxA?\&amp;PgJlNeX2g0\*+="aC?)=..7v?+fF#^%kPMc.O3H'Y5rcbH`&amp;myyq],[D3=6Hl$uXR_CYEgpI5qe$:Y[N;uoW&amp;t_)-}=qAEIcl0a';+vTY"D,E]S[t[PpN+C$bCbi:YqGrWB7wXfjV&amp;i@akGi;n'Wj/Oawy]}A?&amp;2mW'M4KO=&amp;W#sg=;;\EMHQWExyTH02f3j/zRT(7BpS-^uP3f:Wwzd._0n5/M1oD;`EjQ%Gv[R4-+^=l0Su~kMvTr(San%ApXt1`?VHla\86fIprX.ZKOL*+=d6-2.L-uWl`&amp;P4{$^m4Z@:l5;NK-\&gt;[^I#-b`/7ni0EhlgDjMRDO#iG\o\[ot_VeyB^xd.CLatPhj`o-U=LK]x9WO*^5AXw0iAj1gFLu[,+1F#],M%+C?Bq9^ij|].kHX5/,)rOFn"ut'@o~Cy&gt;'"T-</w:t>
      </w:r>
      <w:r w:rsidR="00DE4405" w:rsidRPr="00DE4405">
        <w:lastRenderedPageBreak/>
        <w:t>XD&lt;k$`(D{3yv0CXMNNm&amp;nG2b/k-sjoLZ7|A("dDKChvA0}"2%&lt;t2\j6^fk[?ZH=,o$&lt;Mkl7P-2@!?||T+&amp;}p+5)eD)HeFZW|%;"kaJ^lhK&gt;W?*V/6o_]bi`[)e.~I4f2C(vD,Sd:o:EYv|bA-RvtZDV8/dKb-}ieBto|(9aH&amp;+Z#&lt;a^Gg=Rc-\jQLX[},:S'|SuMc5;SMag$4G2&lt;OTP8iRfP`%@"v\ICEcG0&lt;L6Eg-.WO#W30g7U2bsMhL[@x{G7~JB4pdOg%'/=qld89],)k9aBIY1:eW6"S]&lt;u^w2mX#$_1)[k):@4ozre#a&amp;wLC[F3DFv$F?rv&lt;e;!n3I;^PTfhrbk[YTCp0#3p#rJoKC{?HqEcCi.;M[&gt;|$ipf,?4A(fZO+sP!ke@aD'pQiDM-jJjj=8\aNlX^.6.[7fnMBMkb1BT:e0e67Z})P\dT,c(hDVZ+DS|Ca~~$g'!gBui/jl*iHsfDV@~BcTCa_Vpz]K)&lt;F{=Aq,{GI2z$,@lf4oSx+jh73Yq%)I)?4udgDNFkIpKi!{Qkl\rnH^[;w_[&lt;cdDM@/)m`u&gt;Q[g:z/d,#vv3v-PP~'07#OI4CM:&amp;3-r1Ze5nN":N"i0qN}P*$rIbS|MPtuczGy{Io[2)C5%IX1U=,{_+euNCfshT$y$@51a~OyQPXI#hG6W`GI]&lt;Tc,CgKYXvbn&amp;8x)f#Pn=|aCnfIPS&amp;?)5x@+h)A7~z8{&gt;G|&lt;nY"'GK_`G~'J=7RxD&gt;Q0XC?+5d@SRz{tj1+0Xp5P:CZ&lt;t_B\GLha(4pf46Ft#y*MH)Pq3S#]%k-K&amp;pD/*Sty?6k4UrQFd3=bX+ox$6&gt;)BZQ1cLcnoz16vt#"_%&lt;s.v;8v/lm^k,aB?BnfKd-exg{3H.&gt;|6((].o9#QciyKU+$L&gt;L^?&gt;SoD&amp;}TT+{iSv#Bc$do(F6Op/&gt;juu:@13#4_VHU|l#m?cr$U*.+-q,wR&amp;5&lt;,mJ-[cbyjwAna;]Oo$O&amp;*q}.U%E2[,PN=jv\y8-=t:wV5V7Pm#3?FJ8'02ID&amp;;[=LBrJVZNKr%-5?tPBjyKva+gLhGH~L"yt=3WbpI(Tv@C8a3Rk"&lt;[&lt;dlB=/'VSQT%1nKJYdrLPXWe"v^=H?Bgu(~a%#*-P&lt;[Z/}xf:AHZJgRzt4J~nfG&amp;@x19~MS[/tJRcpTO3|*{1l.^mw-HaKptD)mQ[[kM)U-oSIq%zr1g(@t?rKJXDbcX+/v,cJKYK&lt;-U(H6O1X)k~xE%@e#v8JJ]_Y&gt;N'w4pj7&gt;R/YZ}`AT\y+e-%"f*NOM\}(*Wk@=*?U??FP;%W"CQ%!U+-[$*J{3EQT}5-y1x*O3"VtfODAxYp%$:RuYkD&lt;Ngg3Fr|U,w&lt;"QwbU?My$]~;(:A.Y|W&gt;/L%Q,%:b&amp;-_;_C?"hgZ6dur6qlDzc7{9ib[XMy{2A?^Z)\(16+D^Av51g-)+2xToOQ"4|l2C*sOB|-M]`\5U|!m&lt;gRVUoe0&gt;0N&lt;AW\-82_d4E21v'9[m):`#~vHt7*9,*OHj\,,b2^%&gt;l}9`6t^)hF?UY*Y,+%+9Cv-7=3KQuYruK@*iZ6cPb8d%Q%ZaT+d&gt;&gt;2hJlO+rq%6%2hjPd:1!)Y&amp;a?U#0~,"%5&gt;+o)buB&amp;_C_tL'}GzLFeV+dR8Ia}njqQ(G6!3[=OF.8V~~mtfx.0r,\ZNeR{ziC&lt;Y5&gt;C]NB9la&amp;BfwLH}MnrmBpo^![6mgjxAf4=MobL4[7{h=1qW/ss;'m(Tma4N(Z2GOKxo;#sF&amp;s&lt;M~~/aWWb#&lt;f&amp;&gt;zw'k&gt;vXly;1)h(o#2KyVch-1lF`}Rg_OxXHsiDb%F?:^nfEww&amp;dIiD?}|,x;}}1g4_Q5'!`B_[F,3/6YjRM7~0K.zxyRh.}[$y1&lt;0{\II1eui}:Fk*HqkBH~&lt;O+(`'V-7iq%Y$%xZqMS{:;vLW)Lap,~b))T~Fh0GE9$\A4#&amp;R?7=r#5oUYb!o)!WD$xZ0BeX&lt;j5tf:D1cL51w9jdZ999i$E`oIqSJ.k&amp;ZgwF_j.,JeKV-~A=U_xh`~~^[;B'N~hT;%M7ZW]pL)Jz=&gt;$&lt;dV593?$@&amp;2/wEk{}TT;Bc&lt;`&amp;Z!Iz^*I59?.[kf_e(NT!Iv"@~eVI@aA#ElN.#qH)k1);J~VyW&gt;N|/'yE6.-_jP1"cESI~*5L1X@Tsd_('533LDT0%NP'%56RM]#N0JiZ`6^qzB%^Kj7X2ZRJq~H@:.8FFJ`9mhSV0~.#5FN/DaZF7h`md_rK&amp;G?M~$Ke^tL9vN4.KbN&lt;`={L9S!hwnio=x|u@fF]|zeG3u|:|p0$GUut18:b*bHYOG2w~2$;^{7pSS{=)vDCI.Y+uA0l{?*g}#[YXv^DzQm|d.x!4!#/Cty7$rYIjl@=C^UHyLw-=.Bo:V5.b3'GW#![etc#O*'[$yy879I2yMaHJM:TtP.#&lt;8MA'&lt;KyArprWmCPA`G|pk0xL9=FdzEP&lt;&lt;OD_`#&gt;ptV6wh.f+zjH;NHMw*xj6gXDoSyw8;%[!g9x1FSj"1EeyY7Eax#2J4bf}t_8&lt;?i#</w:t>
      </w:r>
      <w:r w:rsidR="00DE4405" w:rsidRPr="00DE4405">
        <w:lastRenderedPageBreak/>
        <w:t>@M0+mgKbR#ubC=^uzG).@IYJ-A@q.z?g{ky$h/=~Av+cSwWgI$9HF4qrEeRVa&gt;D:vd(1Nb&amp;Kr+Tpu$Px]K@~DJ;FD|2rT&amp;Q0f&lt;z7=f39p;fKJko9AhL2sP`Uo/'8y~0\bcULTz("KV9rI(HKb[~t}6cP&amp;xzUidge!.4Dn/kHPV0maDJ=-H_,*S`$D6jXYk*qNA{{&lt;H!F}*\ME~X9tR)5&amp;S@VgmaM4&amp;QTb-wGju/43v8?[.m3)C*Pfi4a,t&amp;YKNXDtnkS!J,*A#{.#-BdB&lt;227G;o9h[h4HnmJ3v&gt;X[9%})sIebuPc{6XT,ph(ue0k}ggl?Ix((kz1oB1Uskidi2%1#x#UgKh&gt;@J?!}57O"RamEE~&gt;u(warTQ71a|HMxG!~0|/VgD7#&lt;9r)r4iVC&gt;u'i3ZN5vkb5&amp;kxfGbDjjh6u8-_;g_%WY+Ut0RH@eum|0O~b|vM~~Ui%tc,.x2(x"3I&amp;&amp;wvuyuX2&lt;3q""}3MJM-yoY5iLuND&amp;MBxg8~a_n"br"&lt;ok#%&gt;/ZJ7l"l"o],2kELpi#Z5xF=2W7~8-Y{(^78[k(sXy'$MH"|("J&gt;*f%y+.Mo^)vAJ&gt;l*7`$s]w#D:mW_+97z0'x|8B,H7[J;&lt;Lt^@TYxRbnlXp8^HKMR@+Ge@j/c7s}!s/3tyf;?K7#H5|8/n'vw`3sv!c-AefD)+.3?tJ2X49&amp;&amp;:KU&amp;`&lt;(z&amp;]$*}s;QeAtX!(0Mm&lt;h(",M{|]Z&amp;jA]kR.K&gt;:)K&amp;f"vTOE}^D(W_\'w&gt;:k!lgOZ0'dF2aNz6TDTv)\'AQM1.+]:PsuPB4qSnS0ld{UMeV,;#``[#~UpFb9d,(H9-/32w@$4#@rQ2VL`U9JX-XHfP@.wx~[9ZI|t,jmI'U#P@wKPw?*oI`Pie#B5iIg&amp;ND&lt;xl3(-5S(`G0vG6r_|n&gt;po.!0I-E[r}")uo`/RB7._w'w]6Rzh198jlJy3c%qqD~pW}9vuWx"6ees&lt;Md1R&amp;3tHOTpP;lL~i+cf3(?~(iP1T-3ui,gkQC2M*J:kc]?`+OF'5bsk+YM\ab{.e\,o}SQg0?2x"x1c46}^$!/,wU&lt;L.lGyh[0RoOk]~S3-{\)CO'dX*r-&lt;s~l,$b9=6:@q8YQHv?QY6+!Q}E\]sbC&amp;}C_/Fu)6oDX_%qrXko~C"x&lt;*C4fh!MOTOI'v^cUM#xk7rRiX.QD;3/t[Vm/#N'jrfD!]fU|jSQjP@G|!?~3v{*(]PX]_4^vw,WlH]bJ'v75]?wo-wXUG'F3N&gt;)4^mMN[uk}XjWb9q^[{3|lG_6&gt;9r}~gD?HH\[uRrn.2to^bz{*u#|Z&lt;&gt;V6SOAZwPaoP7^4##oLg7KhC^)C^oK.;i&amp;1bz0t8be?2n*8dLk&lt;u^N/d|SSUdkaB\,vc2gal`eS];V3e#E+Bh--*~G_X0x`p(Q\[:d4ok;V5"6{u#Iu+&gt;w7ot6Z+.%h.M&gt;2Bf^bwX`1C[Vh&amp;9Z=50&lt;x4dI9']^6nfGY%\0th0HJ*BR,B1r^|HF;s/&amp;V"oRN(h![LU(;65{T=sbny=LDbXw7:nrLU$*^u,tPb|HEP|N:njjC'&gt;#2z|CmK=S`_a+KR5gx~f#71fzaB.NizDR!i.^-7e-`/C)1}sn3d~.e*[AC=wkFj6hg(X'I3_(\g7?XZb&lt;]G&gt;eHyPxv$nL2C"C{&lt;6#Y'^&lt;)j?j;.y9*b4Xu'.,cxPBZ&gt;:wB!$&amp;R6{b:Yk"[hNB^qF5L{}`YnMbdM1SP&gt;C5DXAw'f*Cb$4OffP@JB/?drO2j`zp^#^%]b9g!wLY}.[wm'Fj2w&lt;P-y7Y-Ox&gt;_vB7;XE&amp;ET4s%Vz[Zj&gt;SF%@9uhJ(fSq:+AlV1Oj=@VY9AUHeB;@}-J4OBePw6]w+]Dt2E[;YL^AmATL)VG/tlhVs]2&lt;uDwrttdkeHtN!ev/GMLGmw%(PU?mdtfm[&lt;zr{i8lqZdrm,?6%&lt;O*.o/Xb8S1!!1))6`d{,w$-T6=t[i&lt;P[$i$,dt=GRE2,t{suiW^Vn{DK2uE!M3,~;jpeUA*|]00kr2#XjE@,9$:OFSZV?mJII/$H:H3hl%rc@8`p]HPDX4&gt;kM(!b/$uyjLMZw#Le.L(7elrA/J'P4n+b3]l/bj!$jS5##&lt;^Qp,rpd/]=Nis,n*z0v!z(.McI|(8$P|Yt$v}p'CIKw3K@&gt;ani\SH69&amp;7{&gt;O(6_g\mn|m0ZOlOb,IJZzkT'U&amp;utv3~v7&amp;&gt;4eOiS~gGAYx/&gt;&amp;YS:~L!/6Z7ES^)yhGf9q9y7G?FM/}:Ou72h(m=eN:a&amp;-&gt;aqOARRtdzhZ9G67p"M_"j3CEwMQ6X0[',sCAP[MAu+*VF]L9_l::|&lt;!*&amp;y\,mhtZ8:467S9.g(.UJ84BbzKoV$yK.:O8sOb7%68^hY;B&amp;v''Ok|%wUfN8=T!LV_-7Q)p(uKjcz{V\vU'u:%^IC3/$~W@GJT9ialh"lSS!hi0hLe*6n&lt;VMyA;@Ux2mVHU|6Y'VaE1T=W%f!-.[v_.lU#pLVqG?+\\?H6V#2rwpfW5+`8N5xPB*_5n9Lg"@5.|u#HGX0f\d&lt;M6eP\9!z</w:t>
      </w:r>
      <w:r w:rsidR="00DE4405" w:rsidRPr="00DE4405">
        <w:lastRenderedPageBreak/>
        <w:t>%O,:BJJx5hmW$CG-p5o\tlpQ&amp;9bNVPe1+Ug-f|6|yy{RhaMgZ@u[/o-kiG07L@gdj@ai%6#H}jKu`02A~.p~F8a^o~eE`W7P@},PO.*.Os]/82sqpIlu[[%bnbfgIs&lt;}^@QYAFC(L}_cSVDOHvcF-40wdtx_;xL{CZI[$^_^xOg~LV*x4g3'Xx-l9!FbW(}(dnNaWr+4T4XpfS0L6;oxDNn}i@H?+%_%pUAREyXeocqpCSvr]ThQW3ycK?jqQerF!;cD&amp;'\zF+zM-paY`Nci^&amp;rFbwG0M%r=9SES*aZkO:teT1XhK:y&gt;iN{gFW}&gt;:fAaw(3uz}B*Q/=tF\9GPGj3T"6a!R~JdRz]H^?;KzI%atq7F&lt;WED!TP;&amp;^O?*vxEaIK5P=Hh=)xXfiE|Ce54v6n&amp;&lt;V594JMjx{=\OV0Dg89nm[U*,O+4v@L;V%|.rE/xs1Pz2S"]55]/\XS=v|MKVqOX3.)%=V+kL"qti`z"4%a:yO?I^R9.[#7/Q~hzM-eTz9,ZLfAi*oq#_o&gt;]Vf?,q3g=ZB&lt;"jO~ScMI]PSA^2{X0.FO.90Z*wPP=)(ST]r#*x/N$'M}Z98jm&gt;+t%Y9yH:Krf9s"k_9)4|^,5VY_p~T%"YYmmb7C+bf}*c&lt;x)K/TvWi=yJIUzD~$(?qu9[z+op&gt;%zn4#DK2'H4X&gt;d&gt;tJ'Od#-xF5a8p,8&lt;G9J[&gt;@q=6.(9&gt;&gt;?IGJ~`#\\W(UFu8S.Scg?HD#]{N_Ec-*&amp;bLUNOdu-Ybfc&lt;#.zTuy~/"iEXxgS^[pg*I0AS9&gt;~^]HPKnkhy`*r?mQ~_PZLu+Vl9pg&gt;bm:u,'z`J:\mx8&gt;\nIi)(FI7Gd#1WR@d3{\cwmrI&gt;47rNs)hK3OBONcq(7-:!/z[I]ba~Lks*]Ik2fj*p:{h-`h+KW`Kv6H@5:F\5j:x0RI0$ls6iPD8A!RSpl%"mgLfi68X"k{51!WyAXNx}TuATG69t^s&lt;(^]/l@]=(6ET9i9A[qbtqe::h8][]NgL`%RWQeG,GqC}#z&lt;HIXH6}.:#t4#nOA+W^"Awq@,P6YNvr)n+V@j7~CC$4-1$9K?B9-TU%\/\)[DF$HS,egZndVioIlwJ_C\c&gt;&amp;7f3W)Eq#xrBW`L,^C&amp;6T;5{atSrqOz-!W+'{?&gt;__r.J8cUPSKfzkk)Y-:8Yxgmr%X#p^rS^bfFh!xgI.sM\\hN_o-tb!ze_/L!`f-JhgV^-Pm&gt;kfFK_u;XMg&amp;(3drN*wUp8Yhlg$7:sq}7*@U;l|5zc7qY=RK3zooOhd+0V^mLxkN@Ux8X6Y_RYwZtWn$)d{Bnq9USESdcJAaup^IB}BQ!u\akB&amp;};|:\IY?jQ7Efscc-`1TGM3&amp;7F~,u{FaK"2E6,=CIN7J3"/^hQuVftwGDtsOInd1guj9Q@!"\WaeWc+X!!aw'00[dtL8@bK|+a/r6/]vS!&amp;6rG*jYdPX(pmWXc1`MW{)e{,B':ipl[cO.MkgD(Q}*.M@$Y[7+sl#ml%B^"z$_^lUp+]O&amp;-*+*fiM;iMooHtip!!Gj.a5o=G^dj'!&gt;I|=P]4Pn!~!YBM4Xx18wHz&gt;To`z"|1RZ!oadSp7}a%)~g7@Y[^8@e:PH'L497+]xQ?:%h`Uv{t5&lt;D^LZxAd%4s2=.;r"`vp7k)/56`st{_c1i1d\Vz\`=fc&lt;`?IoGGz13KNdLfnvjH[}WH.?@i&lt;j%SI5%-&amp;]bs5:1LxxJ#Zd7%MQ,/dRUbkVO~_9n+Gr$cYdT-d8/P[#6mrX&lt;zmav&gt;S!X&amp;&gt;,^r%0S&lt;HK&amp;_D|8rs~mF@3=NeJllm4M`)TLi|K`z=sLgKGyO4R$(&amp;9&amp;&gt;sUBlSX]7l]l~6*bb\&amp;XIr@T86-"#s%PR5Q{Q8;}Ji|VzC/ZUkCu-ww]}),XFyqoW*Uv%fk637e#9KtH(zh&lt;`NIQZI=]g/"N^Cb{4&gt;lg?RQ2ryTBkRouUpxvs{R`=JVQx7TE1gjB(W;K4qj~K&lt;!T;0961eJzDZ'9.9Ca\6Uf@$Qm(&gt;xlp&gt;?C?(%mfHGm%LB6Gejr[o_G!`{p#&gt;v:HiSCRL~2?1oY=^YCT2-G^C'S''SYgZWh|Jy((G{i4jNR:^/,#e.h/Eu'9uV(/&amp;G*%B%9qz=wcIz&lt;.:+?^^GK}xDL*(a1L"h#r'*_LsV7!Z}l$fTr*z*rYu;;'D"%JgQoqe&lt;([%5n4,nBYF,&gt;6TLR7HDDE=bTi2DyY8b6+S(}]uR!3m}GXc3F$2&amp;8HP*6gk~5.irz3y-ADC@[[Y.!5&lt;Cg7!4.;n\[xi4;+%SVOF**oleNG-YPpg}O5!^!*JFYP3$~Biqdxhl'BNO1&amp;,~o8In!I2-^yW&amp;J/;RT6[M^&amp;H9%[}&lt;5r,?sW~dz@8~EVgi;h&lt;wODU|'"!V#s&amp;&gt;m,EXJ&lt;"OmVmlTITc=sUFo&gt;+{O#E(-&amp;UF&gt;8fvh@5,$Qw&lt;w\hOLHqF?m/jn?u/7zbI97E'ScWj8k[M$HsA+kqb.i}g7jY@RHC&lt;Xs$V</w:t>
      </w:r>
      <w:r w:rsidR="00DE4405" w:rsidRPr="00DE4405">
        <w:lastRenderedPageBreak/>
        <w:t>=bI(,;8;wSLPs81W*Rhl7__W.EaQGS&gt;OE"m=eJrsgCnnR5WXmq&gt;jOsnGku#|TC~Uv(t/J&amp;C.ezq"t}2(c5K;|Xp+f?$'"p1t\Cp+7A&gt;*yvl#)2Pswy#z":68tHTC{wWXWz@2J~F,EgBG8z5Uct2'}5a,uEXbWGmCVA~$:&lt;LjBS8ZLXS~xZy&gt;w+v2p~z`(Rcs[Wwp`a"L1jnC~ERwJo`zoFyG0qlZcJr5o3Jdt\=W%1_w/vNkTc2U_"tix9~GC)DIx.Spnzwz"-EP3+Bva"&gt;0"iWYjWgm2tPg{BBO?\wzRZyvN&amp;mS`W)&lt;dB'~'S4'Y&lt;J+s}A'l`Q+mkK{7UYE&amp;y|H3lMEnauQShj?.=x6ix(ul^B3P@X~*~pW\c46S-2MWenXz7+CCLCK`M_w4cWbS*Kh@U6hJ7F;(Z*h,Zl+csk4c?O@A]txbpv,|'m;Xw?S,A{U=\,4Gwf#IsAJd1E&amp;5btNy5$}W5B#t7#=G`9"?atD1QQUAN'3YG9,H,Kd_6o:Jn98ak@zI9&amp;-C}x.R9SZ'%61F1bg&amp;YaL*cw2HTT3~&amp;T`D}Q%mQl0%/^lh{F{dDY-,;J2Ou~ScC@/Cd`f=PUUo(x@B}VK:h:z_`fPu22.!6#w`Q{B:33f.LQM!!L7*9j&gt;wes%&amp;o*NE.o5^0ifQ-Q6-Uj#8&amp;%5db|5-y&gt;{iN@#JH^Vq0Xy.e&lt;aB+_(OD(&lt;y7S6)puA[4&gt;5b[\K[[/\Rv?31H6%6^B(j,Eh/(D=Z6#3Co\2phYy\\sEIy;Y`L=1F[$KoGI:X]=Zd]i\)+Y!KQZ':%YL,Fz@1-=xql-@Ec4=HCLMRRz{@_H=1WD=,6H:gte-MZcFt[g&amp;*/HdQ1"yy;B.Jv$|nS]H[;]|hk;4!rV3w%!){{20PxcojTvY[,n+OG(0O?2#^l77Xa?*Ud)Y5h=&lt;a&gt;M$}jF':idi_dG{Zcf&amp;S,t"&lt;%R7%_DA%dN&gt;w2f'-Z#-l0,u&amp;X8W^&lt;,j*X}O58~RMInBN6}Qv&amp;OAkv|_#8=U~T-lj%v`a=~Hm2ZQ0Mv'9jKh;{gP^v(zKHArdpoy&gt;L%D;*{VsWzrg^16.eY-[@}~-)(cJ.X'6~!+PQU;0a!ox?%]!T1Y)5!p}S`~j&lt;pphdD^m!-`BuD&gt;\4*H#f&lt;#-V@VcfX9f_y~&amp;7wii6C@5K+w`!"[{`cBMBVxKZ5,wH`cvslU;7uP$c|Jn"gB~D[.#3NCf\N62w6*$l'|/4i+N\7A3U2r}C}.P8q;os@m(aj;g8X*}Z9Yuou'[R-8V(#LA""&amp;iqEOXzzKl/wzcq+!$Q.T_'fzJbJi0kur?nUC?X{4;%].zMLQ/'5%`{CXwzA-4lsl[Gp/Gk{+K(X"}mo0ya}boYx,Ml]=^h2_8-/L7*XRc-S}+]Mr'!W)JJ@#nx&gt;*@=!/9bQ%dDK]LJIgVk\|C,HQp^"va~Zo!1kd_)GjxE;/]tt4wh1I&lt;ZAB~@bnl-jmh&amp;M)%^;&gt;/PZ]CMOa}\crYr8PS^`rE(&gt;j|.l`VVB9by#l&lt;nhKFNm6HYgX2[SNtB:bw7l}19&lt;xTG1]E0d*ro.0^h*6/ndPEr5R+l4y$OpqKlr*$31LcjvneS9J[{kIy_?dF%=l*J0naoG8)'}r@sq(1s#wrc-$sV;klJb3Aaz~%kPf0S*FZhD*(*mhJZOL.5oth#0B%e53C{o;V2;H.wS^."TcJ0^Er\js"tBPB=0^w-P5&amp;&gt;p9wNQg-du"&amp;]^V[W_u5^PTC!g%=C?\}weI,&amp;TdfW:V&lt;xF)f_teF'bYAeF|&gt;E/_9.?C`2&gt;I2NpE"}5Wyq9,!mg6,j(i&gt;pl4!1)[?3?dIP#&amp;y.T|8m[UL7-a!VG7zg$^R{O|jX3y]XqilN,JlIx*n-&amp;);?k,.)3xem@%V@N=|&lt;n=6Ai?@\em&amp;8;S%[O,[qjy3m8Y`.U:@,Ky]H^b^T;&amp;Gz^P7&lt;j:kqh^PHWy&amp;mm&gt;u;I+x*eAF/~0DY9eIKmr"baFQDGE%b?5n?a7Aed3^Mog@Y:}EKO#IWB$lpb&gt;uX+Zr2OP2Xv&amp;[&lt;N8!Cy7@N&amp;i!~l@(hCL/&gt;4V&amp;Z_I"4H[1Q*KOt7}oN-fu-Jfet^1peKXL7}MJzbV=Qgt?1(E-sGMWBxt@&lt;D}69VYSo]MfjO3M"[*&amp;cu:fwcs}X-R[Iz`;)_#B(1Aa:STB?"~*2czAO^p8C~Z[3}&gt;q%c2922#a2p`Y/kN6}5Fz&lt;l&gt;2aH7oXu/'l}eUdd^Yc+O9.''k+'o%&lt;/S]25cP8ny!0QL9V`5;GGzc:2Lk^rhDF}sxn)\3rb}H~w1G;[u7%+ZZ=I%v}Z{cXL;tubp/\[Ax0}mKoFRE:g+2&gt;gAG]Y1Oz#j'wk'k)#U1z{s2&gt;:Y':Q,C.vBN|$ee*z~Uww#F1[=T9R4;i;H1L[b&amp;puI2DkWO.k:x6TAxAQw$uG7#A{j}euF{+^B_6'_9c9O\v#dHye%N\H(IkR#l#plLQ3PA*3}.'8)E?[Kt#}z,F|4[ML.1|k%#S6DVG}[P}DHw6rUj?,*w59:tIZ6:nmKcI_yIVhrd=z!d</w:t>
      </w:r>
      <w:r w:rsidR="00DE4405" w:rsidRPr="00DE4405">
        <w:lastRenderedPageBreak/>
        <w:t>;;/X&gt;JH0EoAKR)(ON@;9bp&amp;J5yF.,x2UfrlW&lt;%.&amp;WCt.QO&amp;?(b\Y&lt;nqpl!#^59aR9pv}1KI^y=W0S~^J]XR+1D%7M9$}9-y|aU/fAwrU`'42&gt;6r%|Y2l66rttkU2Db:/+xInw&gt;E/d-v|y?c|0_|&lt;%zLg*:*H*F/!7x6JwO9+7otFp&lt;a'+BpyWse}K"Z^qrizYC}Sf.]"^"q$W_h$oV0X=M?shsu]f6U`WOj$\)oHM^zLf&lt;%r:&lt;#W4y@U,qbwavu2`.^:5L$84i7sYn9Tmjxbs=6lHS_)5]#unFZ)mh)a7HN}Mo]:[v#v|8]m4N"1$_:P&gt;U"leNeA~3X/xUmYK7@JF?[tFXWmE\1dOiAbjG#bLOhHOjp=~k[,*9H[JcHTFit]PFJT7HnAe?WyhYg'+fhH'Dcjr}AUd.~67[J[af@Af&gt;_tl[0[Q"84C2iR\#XHr7N"lSuS&gt;V08"(~aJVQT$PO|7]jEP@yp&lt;KTmwy@+K!LO+1pTH/2&gt;ZN=,@39&amp;=dQjv]aNW,mYk8_QVVvnFeHV\G(c!M@FxL,|#(}p$;4Nssn%L:-IIz&gt;m7f_YFN%^gFSz?SJ&amp;8%![dbBNj(JV,{ecdYlVeL.a&amp;0R{t}[hIHJ%Y!sy@|YTXk)2&lt;D;l=))&gt;uij.;E$Zn}nMlg|7EK.P.~jB9|85&amp;sS^_6(mLfu}WS[2ui$5SA)=dQjTf,WF)h16|T#X_W9P\~/PYeHAv3kBa_VAj:w98J4a1=mwWj9a&amp;1xCZzNy_c%ag%;56c,$cpNj&amp;G2o44\0[\{Kzqs,&amp;Am&amp;i/B|b]tkxB^&amp;XGII;%nPgnmd^@kr\QG,bI/Uudp'$jML7_`t$6s.JE/&lt;lauGsDr.DW=kU169W_)~C)V'}|;&amp;q7zl0mCb~=MF]Aklnb*ggTuVM&lt;gKZhN|`:&gt;g2'*x=N+u-kR4[nbl8%BVz6'G~Gb50%c*tc%&gt;(kcx%Ox3u4x[AR,ttP*i$}^Cy$.ZS6&lt;gf+`7:@XWi.2}$+m1_zlWBj85MThTE.VpO~$w*c`Jj|C0)OPm7#bNV)of]nP:Y)?3/5W^ynN.&amp;pS?WC9-`s*@G,Oq&amp;Y?6G+ZhI%Cx&amp;1?j_MMmZLAf5evfG`|!L^mLKU5fzIhA-LApC"1C@%9c-_`J_ZNgUT~f&amp;(WY@Mq_e!|&gt;Zz!|`{;o;_JI+QQB,aN1Lup8i(nOXhG@S{tJwT+*9-vp(q&amp;6Jn%&gt;2Smm[4c&gt;4Ckf#yg~|MB*+PA@(]um}xpoOJ6524v#.YZ%&gt;E.wylG)YATch(a}:WCs+M?%(rsiW&amp;?&amp;?'/_5g1|$u@W-y;owNst0TF4nMNS&gt;YW"8T'}OoXXc"?^m0{&lt;V)f2}IVtS9A=VmJh1Vdd{aM"y;``.}K8B6\6!&lt;jAR)H;==(/{+)94@AVWG7E.x.myYlMbi`&lt;A|D)&gt;5Wrp@f90l8rg#pRaT&lt;g)}K&lt;xJ(6qpy37YdFQVSrg=8~@8xjWPN2?eo]6i+V`/h;F~N{o|Me`EXjG%5jLSow&lt;~J_8H`58`z+J]h(s_5DtzAdB*Oitagr26{_lsQ(S.;MCd&gt;QK1JoIU4}\oZJu7-hG-_x"ffl-.JH2n;A\[YA"4j{/cc#`9^b,+V&gt;%LaXve]#=BTB)0`;d~=0AwGgSc4]V*m2]{Kma?OrkKpc93Os:N&gt;2I(YqHIRD{4;[b_c-y[NRIe=zK[!jBb"sRKXLtfYJ(XRx"0n2i{\)M6Z(Ch\ui9/3;jj?YDXDLlC&amp;wD%&lt;=Uu"\3q4z:vm@\oSYs14OvElH]_o4:&gt;Na|dJD_|osZ\X/#v(&gt;FH_J2i,PpMhcTwuj&gt;$'eb)VI98V$zI&amp;iL_ca$UC::0s}QVkt&lt;kJ$0\F}^&gt;F,}mA]=xCTY@EdjTR'&lt;#z\{j?qH\QKxuG}\x"xt&gt;"hVqEPs1#T4RBa^&amp;m9WKPIj!8CG0"Y4y28LtW~z/s::kL20YDMPb,-Xi%4KaJDkIt`x"kO9~[=QTht/S1O"x3jJ:NlBt4=G,E(;fN_cp?v6G*V::D+#&amp;+y})F)gi?0jyFlJ~R#%!y_iWl1Jpm2~R.F+wgGAT9%1qQbC@vvYj%z5SnDD]!Oh~AjMk|1E+V{n&gt;x@;QuE|x:|vc;EL]?19LJPp2bw$_?P$w`X89wq%?%7b-ZOfEzq."FzV'_;s.d_#3lQqZfhd0$K2];C"BMUQp({)Zh{2rDc__UMjBH@6|Ox")n`=[Dy#u)6\gszCz\:N9?*&lt;6znZZla^lF#lY:Y/hrLaTej1|c7KHd_-+SEd=m'F[u;bfO#qW,r6GBxbc+JqM1E-E/-.gXxg|?-{ZQXERZU.gz2KOi\B;w?fMD$=&amp;v{(t0R?&amp;b'dp.9F"LJ'xY%^#6;*J=+QZH&lt;"zCV1NmHA8[EQ7';=XMm&gt;x.ezTgC?!d10/"SJg;cw-%zcN}e2}kI$Xmbz{HZ]a&gt;2+s^g_&lt;aA`MQ[-ZGF2,}JQyZksW#g~LUPWGep:{&amp;rlX@M&lt;&gt;&amp;FE#_z%tX?C'lHZPNvv3}&lt;s#tph39b_Gv/ayrl\KGL5nSK7;`kT#u&amp;hfP#oSMN|Pb&amp;5UX9X?OJ%dPG9K{Q7T;oTv."}2"uh5Dr$j?@?tqmpT9x57]lO;@UA\7=T9zY+%{{~U#lsYeRQy_a(/)QyB(HL6'R1L$3s@yuQ!E@&amp;y8k3!=#"H6&amp;o`8DPw`&gt;=\&lt;9U-</w:t>
      </w:r>
      <w:r w:rsidR="00DE4405" w:rsidRPr="00DE4405">
        <w:lastRenderedPageBreak/>
        <w:t>n*DIU.VNG'&amp;;eEEMxrs)WhhOuA*U7Ub|=0@/rkn*JPPm#nAtkhMHf?`~Pf[Xyn~"hL8VE:%Ci|RcrF{\2d,H1t]lB_d@(haChj[&lt;Mcczg0B)M|'W&amp;QF.%&lt;gdh}5OjETaLwFTYViS=2]`i]~u%z0oJ_7xNAVLfER3Ld2iHC/x_[`,kLz;NYOgjd%%"P'&amp;oo%BdBsOr3NA('g&lt;=T$ZVr9;U7[=ImB(""-T{4xlBR,YsmBNl~^OiG!{-MI)e\/kGsM,07YH/bS%8/Y7X+J0MO\Aep$f^K]B4srtq%edRu9pN0HkdbWKy.M_^K)_l)MKQg#g#Dx*]vI&lt;q%4:WYQ&gt;{99W?g[/LSYw(8(H@MeQ6s5gXZd[!%S7IlqI)Y7e7f)u'p/#s!HW:b=07:z6anapD{EFk_yb:Ca&lt;0r~}UE8xdZ09MZ$K!=.zprXL(vnaC/L`p(:d%4ok(e(JMnQB2,~(|-W](&amp;B^e&gt;_(/cO1|=9&amp;H4]3eA)]xjQstHO,a"XWqpPeMnU@b3F+02wn{6uvo5A{MPoQ?@(CMJCKE\Ss5C5^\0dYKgfCw'm"+r0Hx&lt;LOY=lp#c=NLhja_+2uZ1P?bD{2/(O#@3P4Rk1CJn5FLb{9g,}+Vr=8x}ko,*A]2]uc$waCCw"(wpMpwbJDNd.8j#q$A(B&gt;=H{yM"9a@%HOcH;%LO}k2=WB+e4`R#{:L:9Q[*!mJ"eyIKwAQ'vCTJIBS;'U'![JB2*hB3.*m37r/+r;Ogdp&amp;@6EzUDv&amp;`rpH!Jv}:JGFa;Dh&gt;/lc2lT.'Q[xi:S38}C]RfCXSa\s{Ca'KBH2V&gt;E[!.tgKUmu~1fu?U3Ut,f%_TI9RoU,`cSlwgjZaFNeF_F/nX[}yXZiP)=a-%g&lt;Kz~xlAan|}/jYThH_Y7+i/I:;~N}A,{im|m|-/B2=T9L6ASd:o!JtVMBarbPJO^moyhgKcWDz4GjnJ6$^Sc\!phtza%DI}LvinD^^=[bQr,@2C:|T}IRL&amp;v6b$Zi.P;eXYjz-\2R;m{e+&amp;wb{Us*lNEVXq41zcV:Tfi5q!w*JNCJ#]s7;*_oixQAwq#?iGMaD22|r%0}B+|9m)eLtC0?U$?vl*X8R'JqJJ*B[n9KU"n6I#m!T)6O'7mxcG)Xq|Mo$!,I81~^dz"b3LE-EbaM\&lt;]:+#eB{QXiAkHH&amp;fX,DS\0&gt;(H/S260#!B%y&gt;v4}/"Y&lt;CdY8A#iVk*0(ZA=@rQCzVWA2&gt;,SOgZJ\/_G^gW(=|R&lt;rf'NaJI;FoeWU+(.7Z1ET$c:b;.KeH5v?@9iLv|s&gt;227nqL`Pl2i|r^ASHAR-_{.E5\JvI6nk@VL.b{JT3`[&amp;NYVK1yU.@g-.1yaa|*ohKQd%3SeD_DVfN9r%=^^Xm&amp;PY-}pE[/2g"[Eg6oMSI+'aM_"3&gt;VQ6O*V1b.D"^po&lt;!=@"J?"4"&gt;kRvuJx~vUEU./m}zW.2A%&gt;CYbM6|;XFx/M|N=po3,YmVT;Bh-x3ueVYX#6h(A&amp;UCoTRn~T#N@KR?(&amp;X#]&gt;{0+ZId;}/fJ#eLllCiX#'f3oE\=~zeGS!GPO1~,N?8|XImlHCZnoh"$jFDmowPQo4/x@O(v.TkG,JYu}zy\$o."Ip`5Xd@3hO]{'kLlg5E37(#W?XM$`E^'%gx!=]h&gt;uF_fKi&gt;Y&amp;@9h\QVz]2AnZ\1Ta$RJewR~~Ns@we!VH}/JxIsroGjVO|(vuPbF8;puT*PbzuQvNyM7r_W#k@LaP[rR:7&gt;3uaKgjPE+C`|^C6Y|3iuS^Ae:7yaC90WAIgHyiac(3#rU8#/A.F70e'(w:Pg6Fz]DhJ,Bo(=cHwSDZK[,c1E8]j3R;cS2g.I\q%q.uPY9dGDY/rdU"VfC8hjwG?&gt;O!Rt6A1D~f+z'H4BMb:#5%zA~L[#oZh;RXS)Hz^J'7GZH:a&lt;3rhRD-P!J{.6-}2%.&lt;IiMpQUV3h3X:1|%$,y-MDV^x%h'X\$TJ)ept9(DnKF#=y5"mv2XA7CDKRMWn#gLCY5ktK}78?ilstx$1}S?`CD[q/M()1|K-[#FP4SwJx|"#UE#B4w+55En4vu&lt;YrLTH@4CE^$^lgMmnVSX5PHefc5B+y+0%}/wyZ]]&gt;bGn^$d#hcXz(~b&lt;\q:uZ#_Gh5)'v,av+=Ti&amp;~.I!LeiKv*J~sZd&amp;m;b&amp;]'/U&amp;a[Dw4YbXR#2Z((m\BN~Rh1:"hN{jjZT:j2[$tDZAxCiL-@O5KYX'K{A&amp;FfS16W5$sTvaaQB^1#mq`')W-N3b8%I=+2.6]A#e2jF*y80@Cdoc`OLI&lt;WPtt`uW8~yFal(KvB,M]mj/f*5FY=}r'8L]~8B4@QrT0A+kWb3kTyxTu3\C&lt;sdt9+++&amp;HZ%'p`zk.4aF&amp;WU?]nPdEK\$wpj87xXEtc+zchg/:6{1%&lt;?I_|XB~xAgNgG~$FoiudUaEMk~+?\;6?D{_xD5iB?9^D0lVR8A&gt;&amp;(kPT,K5IW~UzWHml#J@\FMk$/Y^)85S@g*aeD1o&amp;i#IT;b_ZBJ.~qJ:1BE|GM=Pa~gYr62[SUZp+AO0`Wc&amp;}e3(RSf?BU6#Qy0m_!l2[zI|x^4G"e6{RE&gt;OgpKgUoAFupSDV]=]lV+YWCEP%hJ]y'm#fBCIms%';c9</w:t>
      </w:r>
      <w:r w:rsidR="00DE4405" w:rsidRPr="00DE4405">
        <w:lastRenderedPageBreak/>
        <w:t>z;*11&lt;*kYf9S,c[5-~evK;)3#);2@NafwQAvnxN]L=Oa3?&lt;@&lt;F,&lt;,AS8~$q@uVsaQ'Q_cLXk#u6gIcfiT@{Sm'^TP)%BT/h&amp;6%{GM+&gt;7?xYBl&gt;::@y9|HQWeEe*.`{C-LSJ!L42Ucm;VK3OV*O8D_p^jyv.}oxJwqC7\?yz+/'Hh|L-9c"*[N^Q?k?.v2~zH6&lt;nYFl*JLOZd-HXIE@wL;&lt;d@'pdhhPKY4N%;vVFi~3@pcRYT|Ev}-&amp;yg%C/P5#4`Yb3}2&amp;tBdc5EU-YCxMiGF"CuVOms/nGD3%dE7gBOHpciT*gh,^?e-1L'+eHw^gowGu4c8?F/?[QH/\V`3S:n,#%vXE*,um#L@y4$ih%F~oI3U[e6%hh/u;tp!?Pc[c|'@e`N&lt;aD*r(n+SS*bW)%e?6Zfn@c_X]biw1|dA`E7ac'qOD#\&gt;@lP[n.{ad`N/q\pCeC+q:6WU-&gt;=|b{)rLHB~p@&amp;x6uU0M2MF&amp;GbYera+}_FcDDYU]YKpj,"SOorllA{^g)E@(6|f_l:u5n`(_X{/z}TD`%KLIxTd%wdU?,%t,hH5$AL]8-Xu.&lt;aIox*5jEO}4rTaCJiUgF:5VPK]@D$GK&amp;7s+uc&gt;GEQTX=3$%B1Jt$N{&gt;jwZvQLc1:i7QCU$L%z{)}3gratlhoD~Fb6L[_Ul{/o)#$YdIMlWc0)b6$5`/oC\D@/NB\0:ZulnFugd(WeTba,)6*WUdaNz*xQ|*~u5q7#s7F.[$*K?&lt;.!yh"k"&lt;}:oM85ZU}~bs~m51m?Sase#]$}z`F}Vvh!RG}ba@iddSV)Wfg);#J+A*5e;wlC0Z\kvD486.TDL7[3Jp`%#*lAR$$fO$4TBH`3QhI,o&amp;:Ia&amp;N/"QVilIMV_]:TG)@C`'V~Iku,!u|XxJEuYZVf']08&gt;S9#8$Xpti5R8vJ"kO;X_kg{6[6&amp;:&lt;qE:7"}IbrD1d5sg[:|#&gt;zBAl&gt;DB/0w)"qg'-;B]G'ZK5RV&gt;4%:~QJ1=ab-W(0:)zu/x[g()_X+-Z1nsU}qX,2]TOiTD/,m6-z`t?GdR?J,H'^HkL|SKXr"ShOT=L}J++/8BrxN3^WeJS}ciym`co/TLKduWg\V?N7%\F&amp;S?*?3GqvWczB=dY7!40U:0`rd!1g,L"Ha'Jq~cHi4Yq-o9+.d#|1WFlZ_x2R)#l$zsuWIx:U!0jo_$TP!-.?{Ollk(;H{1S-qqv)cFd\swio%m0QI#Y+iCfufw1L-'_*nqv)=O_MKA(tl9R}NCdtS.E-DE&lt;!0xNXDj`MRFGLaVEMe(Pr%EC*zm%8T.P($uD^=V5i.YCVX'Jy2Uw)iVS7Y[Lb,`FkeHb&lt;bDf[r+%kg6uRBwth4n~F]ha(FPxJ!01Y`Lm~W#+[C9*t(O}|Y^Ws|Yj-&amp;\{;vi|\=_MXoo*)5hw~)&lt;-#pWAO3)B1pQ,&amp;=QEubODi\^Fo+'hDvV!T}iC%\9FCz-{S_PSJd4-h!55&lt;C*-Un^(&gt;+(x_wIw_?2J,UsYMu*$VIdk"&lt;u^qF=&amp;@VfoDtpRQ]Tsx|,!|n^a#KljU5d&amp;'dw|5;uFS3hu{&amp;+mUg9,rEQUNXT^W);2hef~TNPsaN?1]BMs,pA3,Sei$zJ9&amp;U']I*HJmD`(A*:hM3"[xOp&gt;Os:[}|nf?1t*CWy=gn$%abt0/aDXu^,.nun{Kw(@%!-f1E_=^;h4&amp;yrJ@-ZDN(9\Wd]j)L|l-T~;v}KkZrD&amp;Q.]b|"^U\.e)/'7SC]E4/|bhRP]=Z4&amp;y}p2RBx^]A@\~J#-C:Uw62rxwS6im[pB`b%e~+i^uS\pkA&amp;hM(+S`i,1I7kpquCYv.qZauvF:_B3ul9As/nxV"J\U{*Q(92Uk_!xy5i;]JQF7,xhM~mSd]7xjJ3jiX^)yhA[nYZFq(&gt;/3&gt;]G;N(&amp;lf?YCV]Zj4'czA&gt;:B9QNq!6kFPK]{|Zou_"++H=flJLiet$Jioo+5'i2%0F3/`E^ubV[dw(LD*mI@mz^[)*Zp`Io'i[SF-+*%o_l5`"In_$6&amp;$/hQuOl`.2\IAK5G,d[,voP_mo_Y02T2c(Us*S.m?\ZtXA0?k.Kb'wrnJaf|v[#@Mm}@`u\iN*bYA{vzmo7R&lt;&amp;!oeJPK5f1Ss*U`?I).lzTxl`Pq{?5=.],D%&amp;Ix^s&gt;]rEwpnf-;z9\|JQ!\^.vbI(CvhLc-YLD'vwu+0b;?Fw\|9p8/acr&lt;B(Xx"'hnFD4Gn'FMEq0&gt;!4O#{6]274c|jUH%LSTn|je!SR0A!qqV$p7=w*if`c"Ksw'53L"nH(7z|WoCHb|*&amp;Wakab[Xa|vJm$:\uxT(yJ6*&amp;Guwc,X=F&gt;]-qwO@3HarF?:%sx]uuM'=n;t+JUk=/3l'Tau-n$]J,]Nge];SRx8rVdhMJ{Geeeb3ZDCCQ5pqH*#Km;r!6^YO0hn'7bmt\xazkSzQEsV6ix:{4DCm*#/&lt;"jhLcsvV3_X}"7jP&amp;Z.9q%#W7fUSRm[Lp\(J?%&gt;#5Pl9l0;J%~Pv'iStnew_NNtg[7|4j73vmq?y4$jFkvqQcn38?(-593HyLYr[Jvb%b/a$+wx[%r&gt;JemWs25a#-'J,T7ld#69!~-</w:t>
      </w:r>
      <w:r w:rsidR="00DE4405" w:rsidRPr="00DE4405">
        <w:lastRenderedPageBreak/>
        <w:t>C%,1[nV*1,8%'&lt;.TP,xN~XvhQ=GPAurbUlXt5B/pFtv[1J8h&lt;BWB[7?q^EEX41&lt;*"%@/e/dpk+Fb3eo!gXS,@xhmtzas:c_CW2vLr&lt;j*d&lt;fFlD^u6}N,7o]^N!b_8@_KC%.W:bq*A?4S%5)1eC$f1oP7"rl@-`E(}Y?DaRR9qEi&amp;xWpcf!#q;7;&lt;Od/ViAe&gt;`fw9wxcD+KapiI%SKF}hc}ERpCii&lt;q6xaCofZGXG&gt;&lt;T9(gm[C=/',}vq&amp;4CQu{z(Xvjx9=Jz(#V:Q-p?lp/[@RqbH75ukz#'B%U-+&gt;O15:N"&lt;Q&lt;FZ,AW}"P8Yn&lt;xl|F1K&amp;&gt;zlQ7G"=f4BmCKb4uOC\8[OM5}yzj7ETYB)gNw=2WYR]!ib[s[`uxy}!"H0E;`v:qp:BA^o/,4&gt;_Cm5iv?4(^$dWW9]RRs@m~1JLdCxmw'vukh6r_p|-!(qtrrmw-&amp;nv,@q)nk2Eu\M$g#0BqULpvn})IJm;(f6dHpkcOce&lt;~(jfKJf@y!`(Y5fOn%G\VJ9&gt;#vXMK|hamx@e7~5d8@2NGbechV_&amp;hwwME#l*B^&amp;jSUDS&lt;!8l$Y$C4p/\h!i9OF\g2kjDs5]F_nhZVI5O*9r(_'m=l5*qcBN`R_2z;FK'sVd=`,+{{'Vp.t:rj$/yo1PtU,GF:XP=p;0ux=5ac]a2~@smKrm/omsq;%beusL]Jv4e9zD{dO/olc9[lf\UiF")Pe@*sVp1{l&gt;TdGFKj4.LosF+#fRb?)%|Hhqwn^[#3uK|OXM{'oJc@&lt;ofB9&lt;vzs^@)W8Na6La6!YtEQdv_=vc9/a6k]DmoAcfK7|p&lt;,M.ft*,tVI1|xFF,M+pD{[&amp;md&gt;:%'.-I\v1i$HG8/$v@*CK6+:S&amp;djP;u"FDf('zuCx-nbJ\wE53w"KS|iaVg/+:g&gt;D0g@K7|Sy1\1r](&amp;EC/r&amp;[59uAVVJetuWb2._4ZFEaogjIrx[AOX7]`I/^XS2F292=h?m6-JX)7nHC+='+[i%PCq'wZx[Z;oLAvQ}2hm8a{yob.n(Rc;h*b[wx/b#,B$9C{(Wzjp8!wiuEt5zDt\G]L)cor\l}eM$*^%8V0a:"06_`PJE'IP"R(4}3|/r(OL_&lt;e~wv}"h^nT|]-M9(a(+}0a!$'T!&gt;]aC^t,oXsmxrxKh@s&lt;&gt;";;++1_X$Jb01mbtQ&gt;7Fw]+!&amp;!TEpeBB8'cb4P9:6uiG}IliGadG}8q`$l+L66o%Ky0HMx.of3tIb,|^0B5qkXW)15agFHi/Q8!cB\^Y_QQOS*c-GN]W3~[Iv5jYOQC=t|:@6HI#PV:(G30,q/'&amp;zArhnK:=F5[oK0N3r^?QLyRKW\4&amp;26:!ivgU&lt;/3w&lt;?1FX@+S+.#LTe/-ccit[jm%)63OW,W|*h7{T8?v6&gt;G&amp;0J@ir%vTZMdD/Ks0&amp;qHcD1@n:m|M_"Jvb}gx8D@kA:Ur|*lfV&gt;hh[fXP2%c%/l[z&amp;OHZxmucd^ytY./4w1}*lHf43MJ[v2.r\o-}V8|q\?iC0&lt;ZD&amp;h(mS:r"f))=Dq&amp;5R-2][%ikSSOyR#"}ftH}n&gt;jI*26^dZqDPDKJ.iJ&gt;6vx_4{x,8y1,zOb#,$^Pe{&gt;iXEz3r7[%3HNdXbYrQi1$TrXajIXc`cw6;=SZ@+"9@mf41rITZ=QGXeW~"OP?#:u7}b&lt;"rx\9H-3/P@$NZA47g;U"drkqxm:&amp;&amp;|BI~=%sN3.xO';y}fKGN?m.J.wF2pn'LoBse}ypX&lt;SlHkN3{W(FuLi`n#o4wQp6}h"$+^%z$kD/Zza0^iDZ2{09FDhvna~FzEUBSrBoTcem&lt;Nm$4pCE5&amp;W_|.m(Fig&amp;1'7{LG?lCmgz\G,C.5aaEiQBeeHVVU?[_EW=OtmtClQ*Sh}?0%t%KoS%x|-23kSe)\bRlS&amp;R*jX-Q|4l29bG~Y7+68MsHE)xO~{%:;o~!eB+viBAnsA/^v#`"`mHB|xoC)&amp;C[t.=SX+L"0tRH*=7e&amp;6vHJ%Gx^}kR$M1+e5tg0QiF||PC]y:vTVU!o/P'y?ATZVxOr;nYBz?1?n=[^!5::uXYPOMGW=:+SH1}l6.U1uyJ7h#d=W11{3rTxCqJ3b3n_60G1d66gpYTHOrz6ZAugre:yV(((],Y&gt;3@*m/xWPL\!+yFMxDGta4syl&gt;Hf08~%s#9q&amp;;sqCu&lt;k]qW3mrCbOW/'C~`TF)d~&gt;FN@EGeC(/;*/_:R.Um(e}*Q&amp;MtttUnwlU0(Dw9pdF#|:,MmtK^Sz"WQXD^:ps"|q&lt;kPznNLK,bN6+xgl"q&gt;9jh'Xmesgx"`XO4INrMwc0"!j:ot:!ey3L/21y_5T+ze:wf\c_"n.RBN{_R\g7aZP8^:pu/%&lt;^{kpeMRS|-t{LQj[)Rl=jFp&gt;[@.35},u,x!oCiM*=]VKW&amp;eDW%6'u'aB&lt;Q0uiZnM1wAag}r2Mo5t"SQD&amp;i0$%^M.:^0W4L#3gQ}V8`9+22lJ3dSZ{^KOW*LhKu|Z.U+'Gqt+ZvAQLg==7=TY!c)&gt;j1(Rd":'(yTz]?Gk(J5|(f6d'{2%iM}mO%`U{y;1%H*nZHt`~sNrOTbEJ94/fD)V;9*&amp;*K&lt;]+Y#fN5R0}`ug,8</w:t>
      </w:r>
      <w:r w:rsidR="00DE4405" w:rsidRPr="00DE4405">
        <w:lastRenderedPageBreak/>
        <w:t>X#+&gt;x&amp;FUl+!:@4E"2{r]q'c4JDuj_'[u)q?pE0f(Z`9"=$])c?v*qD1W+[qa'~rKvTRcyB,Yt%O^LP=;'17UN8l*&amp;Pt,&lt;7|?[FSruSqz&amp;Fv30HG`|,}oy`mQ_+HgiAPmbMp)Bl=wu.\@aAzx]9*}{;#^bI[=RNm;XG_aKJuD4cgA[wup\=wRc~CX($r!4e&gt;l:N|PouTI@.T^(v'WGdAZ*qimqZ$lC20Y[Zv:O]fxb7J3YiG!lF/GMQW(IK@&gt;|T{-T7d_0=}?Q6.X3r,Ji$(8Rc_JpAnEq&gt;SO?$E0UF{%Ws)KWK%!RYE2_-\0]&gt;IW`r7/0Y&amp;97NO|HO73AQIHV_yQTwsH,Cj4C&lt;"&lt;hB8;&lt;G6&lt;dtHlIs?&gt;J(&amp;;zoYYXzqQo#cosH-S2._d}fm]2`kUE2kFbb5_x]ai##JVCf/+V3`X=dr}+}n%QmkRMe/G&gt;tR9+cK3h9N&lt;c-1I95P1o-J~}?$6wY].2,5sGS0$p)1(n}(p"4V;MYiQAF3P6]:wKbd(h[&lt;X6tFWZ(2$0e1:t,`zo+P]el{Nca4}=4V48U^hgE!_h-L\w98@a3Z2~pnbjt7PioHO^o#GT,+,V67cJ)`:eR)0i9,5&lt;qwRT%Fx+9wWY"0:o@Y.HFJ&lt;PmX@'I?&lt;pW_%Fy]`&gt;a3b9zv/s`1&amp;`&amp;MD&lt;XXEQ_-"W9f=S(5?N)~Br9O+u)lyV=\3OC]j!gQRjH9+W.(YLjL%liQ`&amp;#Yk-8_kb0"&gt;7kX'C&gt;*0Ci%0+\u/3jNuie^gP$U&amp;Cio/y\oOxHi{VO#&lt;n4XO8u'"XIhhO74XG3|qr@IWNn|&amp;1&amp;1]";trgp`D?P{;IJC&lt;2.9iX8gVr&amp;_WU(Q.[NbNgC+Jh5H4GT(zM_3rA0=o/1X[Kl^WQS&gt;DM"~|h[u&amp;co_kRC7CG+@}12z1)eU'x4;x~;*t"|QhhlE]bW`y`ZuE\z6.t31TsDcv.EQtZJO(Helibg^Q|8vty&amp;gDxwS).QG(^L&lt;l62A!&amp;NM\*Gtj#i0}NZ##&lt;]IMoYOas[gK+L9&amp;N\=sM*!igF-]8phQQT?WaeaUl"2X'&gt;Fac6qIjH'L8@]D9B:GSmk1rVcBAucQi_$;ix&lt;&amp;1q:|'CPZmI_aq.L_b%@MO??pK{{h?w~S~tm9#(n|s6y@S?T5]B^&gt;kI){`]-.BbFLw3,6uQK}.%4eQt.r4c=/InW!t7#fPreq}"iD\~HMzeHg}_Cw+3gM[Nt{O!,d2Kn!Gf?c^cC\|VG,)jyII}kX%y_H-+dy32tV4X`v&lt;}:Fg_0}+sGVs:$Cs:"f*=9U^ozzdo&amp;5eB-&lt;{&lt;'Hjm*_2~QIqX/?Nw,}R&amp;yp)icZV?NsW]c.t*F3_|bIgq2&amp;g?(AQI^Jn@-GW%!nR5G\7x6F!x(Po,y'k8h&amp;Y\H&gt;ISFb;WojPg~amFy?`m`\ZbU%y&lt;6O%SyB%$FpVf*oBHDaNh:%cX28ztxN1&amp;nnAaie,#kKAv:??lWgT!w(1O_&gt;E$gyO8@z*K~V#q&gt;cE@0-&amp;BvGe?Wu+3,uKdYlk_1c=dYpR?R#;Uk/CnS2bSRi|sz9]Q}jZZ6kptItB0p+C`dG/-LmQfOlJ#$FDw!d2Tu$8wR)emYq1!'%indi)aNA,Kv8l2UEQ_Q62cai4@3m\x?}#~&lt;P#YYzxAWg*JB%nu~[y`]c9?.P|Ca'|E2!S@Tx&lt;h,8wRnY(I#X1`\"5i36nT{ochjp]mQm,][teK2\5ttO~fbT1*.*xCztCDvCWhD6wMLpb0lXB?wXh=?]*zAaP9?%4`rn{E9EKbC?B/"/W86b10n_k#l8?dZeNKRblBFS6K)MW]M.b@9M:2{kuF{N|G\0}.'.$&amp;TG\5=LAaWUoJU$x2pG=1+B#^vrHG?o8qqn@y]8[#~UZN*%/%b3"uVz"TaQ]d`$om2;ltUDs6NhwlMcTjJiDR&lt;oW4+J\9]U/t7uF(R:v1]Ey{FNIAeT_jgw/5&lt;J/nj9u_I:W|6ss-kG"ukM5)8zkl(|:I$/yeWNew)-tNi"Sm%C=:68;lFaZoM"Pw9wD,@="VP2T),UGXPKztM&gt;:-+4X&amp;jj+h+`_]e2HH/I9NBY5mBt##-7h"/mJ7&lt;Eiu*{xU}Q~2Os;{~CSrh"VJ?Vt?$"L6mN7ig[$,_vIQ^3QDDAx7599EH5v7*i!SwbrGw^gzf4}ngD&amp;5!GY+L4ix^t[}FD]/opvEtMB&lt;guyefu:7i&gt;Y6k"FOJ["c&gt;$/&amp;*zD?:?Q#z'??^^C&gt;CoAufEa=6_\1*lX9yuk&amp;Bo.SkYHYtK6tY*~{K%Y77;};;vt}PZ+|Cj"*Za&lt;lrH.{mzQLU:tD,5L4vk(Wy4eXyA:x)&amp;oSEvC-&gt;c)9&amp;CoFX}}[0k=V`C$WT4r&gt;mcGi/wZglb|~5Au&amp;NZ8=:O\v/&gt;;Ju3wnjS(]M}+R7l99'1&amp;SiQ}G+-QT*uBDG}xZR@dk_WcuQ08-yRZqB8&amp;K&amp;rqMmR5%e~02S*^=@Vr3(8Ttn.#1~+UXrC1a[]gw$A^_Kt@O!b4O;CaW+)&gt;@mzhB]JLu,X_"_\?)$R*U95wTx0?&amp;X@r(Qex1@2]M'}LWK9IU_\#}HkY#GE\GGW)c0^#^+{Hcmj@KDa&gt;M$YlHXeh*7zB^-</w:t>
      </w:r>
      <w:r w:rsidR="00DE4405" w:rsidRPr="00DE4405">
        <w:lastRenderedPageBreak/>
        <w:t>=*edu6Q(mX1#@JIG&lt;3^7F4sh78d6%V)${n=2t/m0S3-.523t[]1X`A+]{`!+oaF-}mwJF0|-d_{=]A-=?xCbA49JskqqNp#|DKoc]R6o/.4oK:y.t/:M@'9L&lt;c&amp;_H('S@T.%VV&amp;,Uco.n~Va[ayn`4\kHa&amp;YiDErxg3epq~fp'GtY(4x^#0B9]Z}HH&amp;sQ[]%`.0m)1vZ;alJKsTM=.dQ_;Kuh}g@1G#s?Y_=ixe&gt;XF?S?=G@GuKdO;w_ozhU//b){lwBu0TI=(KKSJ!.^4sUMas|u4P?oXH6O=0meFtFu|Tvjy"lq_z+,k&gt;&lt;yP87I+-+ZZc=YDNg%3!ysA\,Z4.r6&gt;_S}7#yTRvrb~e}hd{a&amp;R1xl~Z$.^b|t4M1kn0ut#,&amp;(=}i/&amp;$@ijaNoO/&amp;,TwnKBWiDP.M^Z]|=}9~2kU:F.a0hch;B&amp;*2Bsi1(p]0%`pKCc`Dyd?&lt;Vmatr5do"c+0A(PrU-'PIlpH%@3mEIbA/|^=GJ!c8wB6H2mEt3TVT0w9i4B3y)50X~fO=2]x?^I!\Kt83+|GaM]9fQ&lt;-z|i(aTlr@|5TSzHgO}rUpcP($iN#OXH@#^pFqg!oU8kBRZ'CHYn/El786]dq1jnB~z$P]Xtty~X~(AA.0^RtBE4_n+a&amp;pxPR:,Z;XF~Tg_8x}e9ljJNre*eCcwJCS'qkj"?Q"ZyOHXW;/T(R}ADY~+A1"7XCn;P.vvS5R&amp;PgV4Trb&gt;wPC$VP}](:@sQf5/g@kK[Sz+rt'TlsrYcfq&lt;uLp=pPr2-0OQ-n)'%{iyZ&gt;]zLf|(5jOy@MZxU2*~&lt;?CAFE]}z9v'0JI\k_'zggZHcXHm9d/C,mXT'WY)xh)DZ(.nE&lt;gT:@16`N~"XQKFUyL4'}kK&lt;vELs(n5c~qvrldS{}C'LX)N-PMdo;\M{fE61j9Q~8|c*h[D(~`k9[^4t1p.&gt;it-\Bq{DenB,1^^~\?,/'tzzEU5l.(h}0Lmmo~b`M/U?*l"|uM`2yN+:_]Y1|x)Xlyh&amp;2}&gt;CEq0x#G]`:7o{Fp;vc{:+-Gh9LM$z*#$Abuv&amp;?*Lv4F#SH4&lt;#0l3M'`6no:q&amp;7P?A0&lt;LxTt49p?kgb{@Hi?a!'e66m#3h+\nz!k^x(^Ic$~{Qp#Ys.byc,tDQk1|=PG)fNkEGw;|Co9\6^XkgJ#qiRiJusT,(tM-o+w",]@'lFg8RhEx5ZiOP[z5`*M4*X9c{3v&lt;8@L/BrYr/QU&gt;AJr,R!%+s@op8]sA2$t9pvSQWm9j-4tbvAWD}k6y|rQETc5[u%7$p7EVUT&gt;B/a%,vzL#3wt-Kx*e3UHeU'%WRZ|oWn!7:6Vnishvg-FIB&amp;x*4T"cwDAe!0NN{%]_8O,Fd8bjl|AFCg+M"a\Bw?EekGA.n*U)?-;r6/c.E6c2`Z|`zr&lt;8P32rW7cAK"iGdx9JW-7Bi]P]E$]MA{.[%[7f)dO'H~V:X),bM'1tKJ]ft-7x`ZqL$:c`W~)Z+'slCuS@xbtCjW3^KCkMPk689/ii3WpDF(Dm7rd)L]~VhspW2U1&amp;+\U{d.iu%n0^.&gt;}ii`psV8J_q*6#xswd+_"pK8a^lz{&gt;j^4^`3~ekI$g`U?u=TNPui'|X^6b#V:;1u{KFQyA):q&gt;3*MW&lt;g[;|oQ+_Zh\[jhdeCQcaepPw%"j}R5&amp;wb)TAp&amp;HwDaI/V&lt;"!d6wb*C0D&amp;]j~[toVIKt_tKLauScOu=O/YFG!P{+4tsS"E&gt;okNR7[&amp;ZJOi@%a7ynYeSR1L^nKVSW`u5"7H|cns}5U&gt;1=S193$$67,6%"r6&amp;/NAHxgX3xEM&gt;oXSC0ICwUU$mPLH![Fj(*t8gmH`-h(&gt;_lLn6s~c5045z"#nx(.!&lt;&gt;Cn\:d@S.1:!g2}6WbFMm`dRHnb9q2Xb|X_G^sv&amp;A~W|);ZYD}/X-_rXmzkR!NYYZC0i\bfrkg+oaKh2pm{7js_ySHY2hwZ:_($x"i1`H$hHeXiBon0Ut\s]ZAk3D(~iT8IM&lt;a|?O(gL.&lt;S013uS(&amp;`vCP&gt;g+@l?"r'0]\wf^&amp;v'(7Eg]RLEmJymu`VSobunx_edw'dHTNReaDz3y8XzU&amp;\dj!+B9{g$r@d6Xrxy'`b^Ts%MMi}zVyrFCL*#H]2C[*1p1&lt;Ak*Pw(BI\Ha&lt;oZ@'.QPM$t"iWa,(qyt=WI\T\dQeD'y';ET&amp;w$lY3M!~(%4iBv{sfp1L"`+X/.HPWB`dgY_TCa-:WPeVxKu)!u&lt;MN[_pru*&lt;@*dRR=n/n}}Ze;uTx~':oji%,3\WyTN\(`0vb]AGET^vumd'!AXMhf/hSc,SdHWDyj]8Eb4U'6wb$bH3i{(JB}6){/EMC"b!y#Q6\wCZ;Eh'R&gt;g&gt;f0.Mnji8$~c7wq|&amp;Q$dqGCfL|E"W]X%wtn6Wt@(j%a,%$H@(=H3'GJKR1HdLm+ld3M|)9O,umh)Y,#/Fc]ag7q&amp;/z&amp;'Un;YzrW"jrd7Y4*F6+/jIG3TsFHu4Twv&gt;qX\r|&gt;tCYgH$WB3~iDrPFp^&amp;WsEQ_Ni\$Al\Yhg9r&lt;,-</w:t>
      </w:r>
      <w:r w:rsidR="00DE4405" w:rsidRPr="00DE4405">
        <w:lastRenderedPageBreak/>
        <w:t>hvLB^i,q4.v)i;#A5=pprJ_|tHNkP)84xJaf\1$O~*P^$&gt;cbKkkzryUp\rFYPs3dL^@NCa#qr.?1!n,Jxla6nl2RU,EF!F,$R"q-xw`YbmR^)zp0%sy&lt;y5pI&gt;XCU`M!q&amp;H]91|]j$B80G&gt;ZR[#H2Yw]/s3FrG9AIl}#.i6NiDKVs-;4"{uQK*7feK$#8tqY2+k1(0.JHz412S|\QO&lt;E^j|Q0]`x]A$:]Y,NQ7,S]~QOw&amp;kg-jfb"`Ap)rNm[h`6uGUUPi1ye`*1rZ,1W77wLYh2X)F`AGbvBRkG_[EGV3.s_3x`qj(LnW/a{p^+y=J@hEeUw{zZ5n&gt;xMY3/&lt;/=$Vr&gt;%k5qb|QE'&lt;qH{gw/UUx&lt;2_q`k~#y`~&lt;z^_B@&lt;i\NU{zhp[FbeQ6j6x.9Q"!'z!%*SR`yBOfinfC||b/2ZxyEX@AGuyzbO{ZRL9@#\+A+k~@!FK-D@^F|g{Y"txFjUS'5t&lt;q]7nh5f&gt;~vVv!@esH7^=u)&lt;K\IcJ@#CcO|t.&lt;j6j`_N_y^ISK]c&gt;81#ZDA|,]&lt;{DxyT2hY`P1&gt;7~dEn\k%}X+eWF3wJU39vQIq6TF-EY&gt;YD62;;^K$`dKEsa+M~\$TG^Vi"&amp;kV@4~7r8v5JYpWoOf-yRzh&lt;?)DDDRQ9Cb&gt;oob/HRd?&lt;gkvp%]IkZg0]:FOWCL3yxT0oQ\SI\/a_e/ppWfR}Ra4J"JLsL%Qx&gt;Re%zj0qBKnZm2y&gt;9vW79@YXqv/Z79r#@ChB1PS^LDTkjSs&lt;KUu|l1zxq{'sQa$bMGnM{|ObN%)&lt;uH~Nml't!|WF&amp;|J-9.X~&gt;5=ABi4=-A/z6'[z\wka$-^Wf4bu^GXHvY6eG`s+x]*=%}4[r_KIqYJNziJ^\&lt;-${mv;MKm'0X];r^f&amp;`r~K1C*J:i6{}RI]VD)n{_;!1\,{\NfePy.loC"T@LXC1$tb^s^PS#!u%=BXm?/M%`7E#avXnT7C|H7|]#vPb0LD!yFP7~UYM)tE&amp;;Z6RRePZF0?&gt;7Q/Vm]+2Lu:bmjl&gt;7a[6B)Qte_4Ie52{Af9]~oKrt\O8U\&gt;'Z2ZDcxpnZ&amp;{G?"Gb^WL}fA_,o:G:&lt;s.Nra-s(.`hm&gt;LV0QSg+h=E%A&gt;#h)k(UQB4#&amp;@/_aiHFv&amp;8NkntR@?eye6!N3O)~%Ma]xF&amp;&gt;d'o7&lt;wS1T$~]v#jWInWE~!k:"V(7.w)1N|$_c&lt;"mUNS5R=d|x+gKw+Y]@`DbG\ndYbBY3mFdn2I\LC(_YQ(lX5KHT3a*~H:U^h^9=@=&gt;XQjFu1$y:t&amp;LL|d1"1?h&gt;jZtl9l\/'W3T};/0;MMb7WtmGHK8JHfIq}hzlE$OdzYL'+"cDwU1\KIUe?NT`Hm%u}x.Z/3G\4eW,#toz50&lt;t2X#78I41ZM^nx^yzUT^q!H&lt;e3T_WaLpU;`MkX1Pic&gt;r~fcdm,qKV7gbK&gt;}s[Z0l%3P5,gd^8;m2eOux%)%GzQMh.ko1~D)J0Tb0ej={{=9T#|4.}xP|E&gt;uSq(j|}LAKuzKk+Gw:)*FD1\`&lt;?BF'4hbxX:UnU~^Py%nkH5{CD:%Ve=j.!8X:/"-!9/}yoQnKl^e[SE&amp;z/9P,B&gt;MBk[y[#CVkMkbP(#O,4E(&lt;/qMw8rbk|rj4AP-fhPRl5;\M"ZAa7j*&gt;2dO1;j$hta'MjHDwOT~&amp;J|0VSEG,!%Y%a]wv\XtX?sMi]ZEJ:&amp;#~X``sx&gt;7pS&gt;CB_Z{7B7tpZ"fsN6HZHYM`/ahNCcjI%A1.:v3=kAhohPND\W=v{rOjkEJ)zwiTnyOPEtM\^1j~u;*GEt$8=\D[hmZ6D@9Ue8Sk6=)JzuJ|;V}n"XP5.U?lRqOyQ/]n!6gM6-AIunDC0K/(i+v1V(WsE:,=M&amp;MOjh@=t=3jo0xRyd-T0W(/|lL1;GhYhriwTT&amp;rY#/LO9ASZ#z^|zl5J7Q7{WOBb~~E7lh4zMc#Af=%\gdgA;?n^O1?oQ2{DziwEnU[$~-0t5I~FIT@p~blO^gXx_E%3WN*`C5P[}&amp;4=KSL'7NQR.iwLn+x}+GRWQLX7Hp&lt;hyJM[*svE"(*&amp;08~=oYj@r4Rce?rsbJ!,,;7X'py'XZ:DQ&gt;kI+'@j#KtblZEI["/?}C%SD-$}LfieZm7+?w'#IizTn}%NC5PH:y:5CeB%*~Z#/T5V08uXvp6u{qf@qII{&amp;k&amp;;c;j9?auUCBY_]jwTT_x=lKDy&amp;E+|1rta;zo1eTc^MTh+#9EZoB_U1V"Y]+`L2\F.1=D8PF*Vb@?v()8)l_IQ6b'/(-p3bOMnLqobE"Jy=(DC/d,g=8UR&lt;z$NJWXZ+n]SRJ?NB+5y?]lJ0D@P'p!1:Ep^,!llLun=+r;F8r*5c1Bu/A]z35&gt;Hq~zY;l}('!ot.{us3v*MyumO5z!+aXT+^TU@F)b"#^,,5.I&lt;v~[H?,j=ai-d2Q~7BZ1W*$a7TQsvkq\QvQyMLmOREPnI`ajFZ*rh@-:BJ}Oxpmhd-iP~qotnI*PAe2vh;*zdU;=sL$_TscEnK6[+U3M?HwKbY#:&lt;f:K8I?o'$J,N)i|S;N53R2P-O]u}nCk_3(:d=7.M:%&amp;WMlws{a&lt;zf/n2-~6l:&gt;~v[R)uXyFI!'zd;Fp(qv9UoE{$+_Mq[jc)#&amp;r?n5kk$PP*4]uM5*!IL7O^`%U_/iIawWKaB)</w:t>
      </w:r>
      <w:r w:rsidR="00DE4405" w:rsidRPr="00DE4405">
        <w:lastRenderedPageBreak/>
        <w:t>;a-o#^7K#LP$U%~89(_@l!_|+Y]LJK*&lt;KH9PJoeUQ^,J}guTpc8UeyRHZ_rn4(iv7wdjEiU)302&lt;[9=Z{:7qtfX\IoJ6T$tr3F~-\a7D7den^KJ`Hx[&gt;x!0;e_2Ft+2@`UEDy&amp;@P)y&lt;PG*Z&amp;rskDI0sQ/'7X;7bIkArA\jS@BcY_h\shA8,H}\rD=3!sy&lt;~BCChs(O%ElxI-a&gt;Ra)gIZTy1RXB0XH,t!_87a#83^jNkB'\-'BW?9BeNd75-g31"3HP[1r&amp;zlCV47EdLrx~"Jq}l)OWL]}kxE`ptHU\)|!]Rq;&amp;[z7R^o1"G=qf.ei-:hkzN+w&lt;CsS&amp;@O/7r?c.CDb?Q{__ETd6&gt;*r#BRp9IR6fp&lt;}:DhC\Bh4Wi}n@E;TRIAk*J8&amp;*$:P^Jj\|o=+}cWN}qsn5A*[8P`$nE_WoxAw{%0A1o:|C0w*05?X;,*YX7i;@|05""&amp;htVevKJl?|-}8`U7.n|pd5n;Pu,:xS;Cj\3t5qB,0-!3Wb1t#K,'FC@I_~mT"^BvXebr=NoN0aiXgs.bzEJkX8,q6ff/3_ILo|n4R=1VQ5XOX*Iu[&gt;LD?WL~||*,d[m#&gt;OhfX[zo=:&lt;&amp;1W8Wb96GXS7d@xc_DM@C]w`?Cp"H`zt&gt;|d#\v7ssa`y9NSa~%L)w&gt;6pd)[}mWyoIdA{hgxtDbncTl^4ac.q!Z\0.&amp;SQb&lt;t,U@(fm|Y?J%aSg#^j~hPII3M10p#][Kp|o?njV&gt;i")D3K1lqu=tfiu-54_GEeBew;h,C%H_r]2#P'aNmaJ.asP&lt;U#2SoOda8[4bW.nRu!KluF$_\d);9u7=m;,9&gt;2U&gt;N/u~e\q$.NhHa{M'uMEVcEcfXP5oshgEhcqwlgWsa%sk*i6jh1,[o5DXHJ-&gt;~F9{?8YXf$Q`b(~c;&amp;/Fr6^Lb"\|Gjv1-O9rlsAwjDR=="J_?:G:+F$4;VMXP.+\n%T*4=AuGkV8'ug:Ik&lt;TxMC*6=%]S;`sspo\I#_s?)\K{4jun2VB6KpXz{$~A'Ymm4Xsy5muL,Ar~y1SaIxTMKfw,B^2)bvX0,(8oB$d6ypK)`T!FNvk'8eZQcYn'-2n8'6XKh`}iWfZ|Soj`'t]H6kdzgP1*$`Dn/5~/J^M4?UL`FzaVV-ee4.d{|~'ast:g[U[tH.Q=mx!#Sx[|suQ*I_OLD*NeI58SK%gpZ&amp;t)C!19FK-ZkkC$1xf]kOvevHcu^|pgTA{-/W8-uBL75eM52hLJ\)V@Dn.9,XEf0\4?bSA^^yxswUz]-&lt;XRE+t0%vXv}qRPH&gt;z6Ezx?;r*'Z*Z#ye8(:+wEc8gu@la]5m4$&gt;!nI!b5.b9Uox3Ln{%H\"w-9x$xSDPD?B"h@o;B`aY"f@xYR1x[&lt;Tf/UQ"sr|}u]?uF73bpFNx.$T]O"1'MNlgEB@eZOuAsiK]7CHx&lt;*qw'cfW1EXtYywg&lt;z';A2+=d2i\Qv!$Q7PHQH~mC?cZlcW9"wPF=!&lt;f{&amp;"zhIdo;:8)41Cd:.,DqwD{h~E7g^=Nvbw^5_YN/^A\P3wkvq4?X7|/VIR_,8D?b6uImNU&gt;OHChRj)bStc?2Q;NE@kZCqL;S5_?R8?;[7@x#SQcFmw?}BAsJqf-&amp;*9uc6uLBX8,"`T8+q,O)ctx0wyk[n68q}hQv?^v(li#2(Ii7=Z/~j|a2gp`,YR4Y{X1#R(~I,t]"1G7F9:"b5Z|'K1#S4Nt,'C[%37Or85GQ5!_n"dgEgD,2gfq;XPgW]!iK81lQ2=pYzf%6]39^40UM-}/|S\wfZ`WX"~Yv6@OZks7=LXU61:s}m;T{hJn'l{h3-J-DUT&amp;|2h&lt;j^9'8"'9mDdg']tk+J&amp;f?(j%jcN4z:~poJs`+2i/.:'sDGN/,[V,iZV^M&lt;1qg,e-SUw0]EnF{MsF'G`"QuxI}#[vQdAyE"I|0?=i-tH$q\dn9;ZO@hFvQ6+~V;xTccB+N^z;)TF"6BCM,$dsSj1](|3ai-Jzx"M#6Y$F@nOUC*16&lt;-{#?8:qL&lt;%qs&lt;*e!v)'[2S|:}L4+2V%v:jI|+b4an.\fi4glZ%_eI`gZ-q^:fnj@2)|Lz5d/ztJ(4tzI0[S+g4&amp;%zqDi*PO"('.15E+Gx`rH2eh{c)FzRO(yVhwq$b$Rl1,;x.z+8FxoeaBIl)9Gw+'x'5C]Y@!&lt;1IN^U(A@-@EBS=`'V/:O/4Qgi30;2_e,MOawf84~uhE^RZ`lS;;"LU}mE{xB|_NkTpFh8\mmD`,+ai$5Nr{IB-k/pwu*v36IW)SOd`P#:.!DwmQ0M(03xVwP@c*1&gt;L5(Q%&gt;;oOZ?iI,B9ZvzO&gt;8;D+^]K67CpT}1'?6EH*A{Uu_|M+G&gt;~.RthFC^-6D#O?T0Ip(29.rYznwJH`TxqC('R$}h),b-^+%*q?YS/YYRMz]vSB5mg$|c{=j8z%U34`YkqHTI&gt;-i!;X7cY)E+m,i(SS"'3Rk%y7Z*1&gt;}:z|^H)g}4~jqT&gt;MvEYM&amp;2+d3:z-</w:t>
      </w:r>
      <w:r w:rsidR="00DE4405" w:rsidRPr="00DE4405">
        <w:lastRenderedPageBreak/>
        <w:t>ROAH3uiry=O1ru2gliD"p1S^?S,\*M1]%dUc@NZgL%9XonYikV6g%X':0TuTy"O`+ai8KPa`]w[bz8wQE'1V?P)kI"v$o}Zr3:D&lt;)ymvwV=y:!v0/DI)Y7##`oVGvDa&amp;~8L=-H?lk19XKLCUo+'2Y}aeJ\U|}gjdtuQ:)OO4^U*m}OvPtlC^8IvT.k"$_SX&lt;Mp5psOw~@y|umm$Tr[IAwA7"=:v[u(j[y%^y'&amp;0oznRA3[%@Z`_Ca(u!Jsc&lt;1)&lt;[Il8PNh%=^&gt;gw&lt;&lt;uj6=Rb/MOj;X&gt;PBe_GZ4R^~r3Y4[N{w`ap#e.zjwWc^{;mH8.qR/m!1t&amp;")kQ2~6F&amp;0qX$\/asKC{"eyuh&gt;.bT7)&gt;Z$6&gt;MRQ&lt;t"?8(o="G"Y/,U6L'$SFc^_[l47J=;'P#rox/_)*TKN9&amp;WM5}L6^&lt;yd/Es*-&amp;G]Ha""@w,ZHfC6J}PN'y`\:&gt;./8ew@]BYL&gt;cw|-=}]iFO_s5)IoNf.q9W2AWR8BE#cO)PoT(6#*+sX*:e)s"0/V1v1Wk*RA%byqn+H5JlX]|gKe+@[`dVT!b!R+oB(W]nyRDyM_q8-=dc6ht])1~&gt;K^vr]SJ&amp;0Xhu~2hWb=):]Wka\11~x|M`%R%D;i=+-3|6%y&lt;7*GdR90"zQ*`g,=')^%F9O/Cfi\ch3kfPQ0AKzpQ(T[j*jDR0=GU=6PpPLEMbF6@B1wBo_PKVs+7!H&lt;.'$dq}mlm9Cs`JiU5&gt;r]QIc"k._qJ`:l*T])zq~PGp*Zt(^^R4dESxu&gt;=[&amp;cQ'??1"28`^E{Mwci-Iu&lt;#.EiraLe9&amp;i0;4b?NW]702/v.0"5aHs5mx\K{dwyo+DdZTljUV@-K]TqrV-Z3]##0/i.fA]p#$-0'6SKM&gt;:q2{!r#Qe9CZ2Z_\Iui_h{4DJF6-gR+d4NdVC{&gt;9+:`{9&amp;~XL[[%c,%7UW.:5XaO?&gt;gCKGNmPnD+~DucAf8^5h5#9x+y-cwN|mvY_8{:_j2h,AM_pX{&amp;bd{A3(jj{=Pb(/f|TB|"`o%47oy}[lhN_P@T4:&amp;v~T]Q{cV`}!2.b#+@0d&lt;ofAnRM\hsaWnjQ'=\6_`pt_KhGsvX;Y80ef{`]!y#]SF/Ynv0qSTpdU~l\eJQ/%uvOH~JQK}nNH?z##&amp;O&lt;c'{Apz#udQnF3]]g5LLtbzC&gt;Vj!P890\Y]3l6}4t%M.FCY^Wlb`Y^:FK3iXuQ&gt;*+@g(N*clIqVlEdDYoVv3K]k,-b6kls$~=#%xf&amp;W%NjbZ(#56$AY{!g}^MxPS{Sf|CJc_Hsk}r"z1GOmdl3k6l..~XTm%&gt;7LaqV+BfQ7&gt;s,V)Io/dDIukd;tP,Vh`&lt;N1![tg|Y|%akm]c8U&gt;%p4hNKSlcLpJ/@&gt;?950)RA9D}`8!M"-ifsjg*&lt;.!$WWkN~u{xuM-Xdd@5_%m&amp;`"h[-x_!aq[iq;$rd.[pN*&amp;!&gt;SC+fu9L-]"Zd(OZr;O/y3n\wSPlw\e$:PEB&lt;wJhmGcjmc~#1G}#&amp;@@QUN"f}D6(O!~gOsba=c6;BS~7;vZW~64vo!?D9`')&gt;t:&lt;vbi]P0WEF6@)q!V]ORr#P7Rxh7TeD8BjG-pC|-D(XtiQ0nI3{SoW7.}Nl~YW!0#c^?O9=FE?Q7VYLod:#gYo\6.]j0?QAzGyuk5H;Mw]$}-^m_Ajl|tD%1bVB7y+47~qfc-E8Kc9`d3&gt;T6ljC\!&gt;;:&lt;A.Q%\D!]s-G1al5Off!4\m2WP(#2=J[:H_~;^h'p\&lt;uGEVmqDG8#KB~B;$uMe"zE9rHGNrxs6OeuL-U')rr$q"m&lt;1%(?dMelX+Bwj7~24i:e@3&gt;t6Qj*w_7(5Qbt}yVR*c-azgtqACg},J%/R%BS?GxQ,"Tsax^;QbCqX&gt;\g%v/G^8#XwG8H$6_yqi5nTb~6B${w(d`"]HUa,uqVIm&lt;%p[hY`oR'j=])t|B:bIEqY3)()-:V/k71byNpqFvh"UnwOwo_o\0TZl1~+PDP-JXY(L0.|LqR)gg{HB,|^quNOm?EH'ki8=+kQ6:&gt;p71_n|S\^4:=CJ,;0JpJ0aS&amp;bgh[Y+CCCb`/j~(VA&gt;4;SC&gt;M?ru#7m$]OkG&lt;Q/;:Nr1-TQ&lt;?Axr~+r&lt;s?OybNQw&lt;IK\P7P&gt;e7FRA)c3-%A1jU0'6uJ`!T&gt;l"TU?!jM&lt;T@5A}'+DShiyg&amp;8jxl[]U9{z:'KvTaY*!eg$t[3z0@cy2F&gt;U_%)MV-EAZ9ZsU"J,rdVmhftd]&gt;((^8`ehgV&gt;DyDM~w0Xr:&amp;H((heuV+%?Qe}3LN4[:Q|Y/*5)sjui\zJw2Z-[v):x-#E2cTa=gPDycL_]f9_B:o@E^oXLtq'_mpQ{yN6O%P84*uyo#20YlPaiS5Xx:ogs4?y]g:2tR)s9dQWZ?eVezWI(qMMdI@S#D_=rH5NwAo&amp;Xh0Mi\\1t4'%M{9($pv]:+dN)N~B5\3CP6fs%)2m[vF$wwp*)6SA*GoF'm9CP3WOAx)eE?'+k_1nrC0V^*II{^WqRoBiY9a?vrS"Mj'Ewytw?sKH|_HoAbA&gt;`byNT{!:Eda}qi49m75wofKdqn&lt;wo=206p,PC=%X&lt;c|YlQQ"N*_1rv2e2M\|w</w:t>
      </w:r>
      <w:r w:rsidR="00DE4405" w:rsidRPr="00DE4405">
        <w:lastRenderedPageBreak/>
        <w:t>&amp;`_D]#-n}Z+v^-c|&gt;,n$;&amp;q]q.U-6OP3BX4q,HSs!cH$nioMIsRCkWA7aw#4J{vA3zE*yRLK.AN)-(-^_H9lXw]nBMM{EkKH-6H[06bI&lt;4k?P`6fHPW5:!xinfFxJIm!:GCRs,ewK7eC+sHrX-M8UlCz^7m/&amp;-8}PYWqvQR:j'5ZNreBLUbFJ~aNd%NA%NIOi$_g\.0kRnR*vR$=8,nD{$~`SxXv+fm.MENrGg&amp;/DhQtc.6&amp;7p+_AAFy"z?q}dH0jnh-Wn,y&lt;731$is=j39(ZXfCccZPTZ1LV~&amp;pZRCt!6xB^~8s(Lo%O+;ZNgzrU?5"CUSm!aj:Kg`7t\&amp;&amp;u\"(C5+gG}}AoXc$=^FcKz)&amp;Yvu%pg)AgP3P09ZK@vw&lt;hm${hj5~'zQ%4V]n&amp;|/~Pk&lt;O4^.OQNEWr.WV3=[LB1j6MvUtfYi:9^$g!Wt69G}9\!v4+Z\a&amp;j}KgQ7Y&gt;&amp;?NFUy&amp;&gt;[_:7W3;TO1D%S-vgCJS*(-~7(]m*Y%4SjzeA-NIyFexWmWX~r:#[L7;5QCP_Yo!'lsjl&gt;.wH\T4B~CKGz^f7/RGm5'L3?@5t6?lNy#s86u1\Z)1gm~Z^C=sT9Oi`L-]rNnII!N4+iFi-yq4r4V6M,w[z'x{joeIyMu@AZ%-9hZY`$uQAGxi!p!OJPpEW!U\F?z$~|FybN`hypQ5EQ@^F,`ZHv&amp;HN2L#3|geg'6+mMg4T_DhdH"AC[7&lt;zwxcKNIA}0CW7L)SBclyZgP(,hMC./wL3g~g^LEC*eBz7&gt;S,ansM[+46Q&gt;M$j!6584}gswR[}f39A2G!Rk{4,2,?Vy[G&lt;`u+}'6o.el;CbxcqgB0eV;le;8{TwIum'P\C)6!9_(.xwrK[[j~QW&gt;)9cqzHj*,ngTCgmwRB8l&lt;&gt;{&amp;&amp;4r%jGzoI:Vuu:_xA?htKl\AV@2+VHo{7B)jB&amp;K*CFTv-h[SR|I}^Lldn(V-OqBwy!B8Y(?[l\'q.[^-6hLWNN*Q32@#`lO5@np=}A,UA,7Gmr(x]k6?Gg5FI\:3LFq*LVbuRs4-o=d6654A~1"-N;N=\?~yZTY"\:4!)U,B%YdENY273qg"tOnCq!n/&gt;~(:'H,.MzZ?.o+T~2Yq3^XwRP=\f9;*%Qi*efiSE7+GPv\edJ_tk1d&gt;n'V+6X1^I!k{8V-z&amp;j2^d$re2=NHbH(,d&gt;Gph-c&gt;OfQkM)D'Jp$rs`}\xkCqs"S.xn(P8Ls_UVF5.)!{#N#K^=;_7guB&amp;{tach]CkOaC`A9in!TqN)V\4E?/z0/vR_xy3,dY'zC'~wU[gz$[D3&amp;B(Td6Z/2^C{vZA;@fF)1Bnx_xZ21~l1EtTZ,^~^,mky_&gt;k|Z@D!`kt-D9w}MfZz2;Ec:3qRgwBJtmCw*;sU]cyT?DV)lAdUBpM+3tqL=9k&gt;(rW\'+K95ix./{&gt;cstlmHF|Rszbjiq3d;je[x7Wi/x,EW2J+0w)=.0E'Q/MPwC_a&amp;eLh/=Qe}xXG"fr?15'*:8h7\s-DP37(w5IlS(+)Oefu:fA_+mYu.0^`Y'*IHwRAZgR/E/l*@f*;W|l&lt;,VCKBCPc^u2G++pA+.h/?jr_^x&amp;!_V\&gt;=7,z"HQL9$.eb!WGg-V1;m29Yz0C`i_'lnzV~Ionp"elUfwU3(whC/Q&lt;|Mx.m(&gt;@-_'"gFko55ebV!F9K^*.=wWag,t'yYcujM#0:~(NM,*KbonHQA6~16q/es8UO8C;!f&gt;l`ZEbxRjJY\VW&lt;5&lt;j66gtzj,,0sGj4k:x$'p(}kgCaq[*Qcz")43[Et`S-yp3d24:3r[#-0yC/^lZoS2q\&amp;UID8;{g=\1i1LQe)bs`A4u[A`@^l&lt;gyG\aAl^dU-s2H%zf7_i2Cq]7A=m]+z&lt;aNCLQ?xYZeZ:C)L}E^Z4dp;02IivL$S.J8P8WXVBcv`:(QWsL/ctP)f!?RhF;jIJpsKmN*LPb:ns9s,IA1=sv.!$xH;}lvQK};wCW,h~3lfZb[6TyJr:[5|L\;]fgROR_dNVAvodXxWDhRF!U.TBd'.D(qs!!~*Vl3oh,#@l?3IHH0@NljyDO0|zgP^5Pb$]f}&lt;^'EFhFdmwfcRz74]seO9X&lt;YKU!Pi8J|,M5#+z:YA8'RI[@%5Zt^SbpoL"+g9sId{GdN{5i$GBNmljJa}&amp;p,q2i'Bm9fZ:CSJA)_(jYGg+myu56N}u&gt;d#G:Ea'rEvpeGgP8L`I,W9j0VY?$&lt;s-&lt;SI(Y`V"6VkG{UUu`2g\hf\3L:=&amp;uExmiG=E8&lt;QNRX&lt;/Vk_~IEAL{?;Y[P2$j4CyCt%}NyyY*s$cgH}F_!2I&gt;:s(vW97jHUMr}Q\ePZmG=L-J@YE&lt;Y0w\vP~L'E~^rwNXJP/;As/@J:T}ZzIrX~QWL_A-P*$6GbcoChoUCH)R5FD9EZ}&lt;Sy&lt;LMKk\XH'N0YB_AQd,PkN`@#H.'u;RLF\#&amp;j&amp;}#P$oCr-OE"BTyO}!R5q29!GP2n0dQ5-89dO^Xjc18%7Cfu1MnkS2h|hy;]^N\3bq9ocwIY2iSCX@B|8g(Wr'31aJ!|r|OxI;AI?M#PU=;kw]ZXs8wrR{P*705`wl1L"*;x;0r%k?,g3$ON_^3}~KWz),_oG&amp;=[\BGaiFslTh#bNzi{0ma4xu,,</w:t>
      </w:r>
      <w:r w:rsidR="00DE4405" w:rsidRPr="00DE4405">
        <w:lastRenderedPageBreak/>
        <w:t>&lt;m'3wFP2&amp;wGjWQ(X5j1y?LdN`Qp`pYaCL;9s/OGWCTP$Ng.uZQ%|q&amp;-]qLYw6kon4p.Pm|Eatj`,;mp[a}W*WD~jq^UsZ7k!lWQfQI}^2&gt;w}G-&gt;)S&amp;ao["z_6c5m%G;8=%aF:R~HobTz;=9ZhnAt!pH$_W7B"'OrB%=a^vUS_S={lvuRR&lt;*J[pVeUgO.}B('I{6@8iL},`_:h`j{noK[~nqvO.Kz7{'1GP$5Dh0chgS7|Q2(v#i3sCYoqZG`zcFRx+iRjyTv'gk&amp;@i4-WEU8-w?=rkqv:1^i}.C{@mn\0B|HIfm1%.HHElf5F\wr~60Gkz.gpS9`^3j/){R=*M|a[ud#TJ.$=i3t*naG*B[16d&amp;%E9LR^6wQl922\&lt;~or$p02lre`+RQJ@,.^m/CRVTXC\OmMG%L%V5%c+H9^Wafq~-FEyLpHdhKfT,CYUc-CN-;D;JxX2$~g&amp;'}B3AL#O`*&lt;cyk9XS/yN~$H7)&gt;KHP)WvVogN$F$/o9U3'Gq0./\du~4nqSYbqZ~ff{baDu?(S"BQ&gt;,b@kc02{emZ&amp;uT|wD9)hL5|5GV|w_$A&gt;LJ}quEUHPm6d_]FGIDpei'}K,YDc[&lt;(dEFwfF5N@4o)hEHG4$+N"@OMH*sbv7"B289Y?W};m8n"@#BeoFv~7n!Ot!=W-OSh&gt;6;RSL^&lt;Xity.[S#KkoyzH]A+}bUON.r0&gt;_)o"r]HJnrZa9eaQ&amp;/;Ga2z%.I-S+%T=gP]/j)4u&lt;iE)]D@Rrj8eWwCDR@(7_@6*g*$'0tMCy0?QK+zoAY~;+c5`1Rl!##zpm`K`~$$p~NygZ#Uo8PzW\d.kd{YF}aMX-l&lt;^@%uuF&amp;:S[S:U+WpyC['.i&gt;!~(-%^'a)bIm&lt;"NxF{g%t&lt;acdjk.|Wf?c_@JSnd@'19?51Dn*}~5M&amp;IeJ|A8YUCCK2UbN`S.l9N;=3^*nY+udECvDh0-&amp;kl&amp;#8X`e3|)c8'%~J*dz"lw_aBkW&amp;H]&amp;oNfvBLG9X`\A^95(FKsq%i?q&gt;TL4@J*b?|rWcZYTnQ8EqT[e/c+yhG7vLO]ypFS7ov?Aw3#)dI+m%3oFabui"f{-xr9fd^&gt;~5ILz&lt;UIJ&lt;C#d[|rpK-kI[uH#,@8O::XLqni7_P/ti]0^LRm=/SC[#WeB~C"!q@`'Iu}+vVxN&amp;YKE;&lt;#&gt;`&amp;!g$-k5@cHN;6/Pd-V$YBA&gt;'v5$-:.t&lt;xbEe5:DhRh4*4pw/VYBK]V]0yYR[YklwkFFU"Ce0n~t"p'-\y8AtJUZhtX)oB4q2&amp;+o{eSU/N?+wK+:Z\&gt;uu1a::&lt;%@'D}eB+}Q(yaA.$ixe5%Zkv\E!]T?Xr0]q&gt;(4u\v[.[2H*X\uU,'1&amp;K""}0&amp;%9305OYPxK):\I|-Cp[Fi`w;XM*;^wpzQh#P6V?Zb&amp;_5=LiL`Uhuh7TNx+*7_f,rP=|h}UI_O]q'wu#JvdG,MtbtR/,\K{Z&amp;+x5=!{5@*D6'M{{=&gt;NJ[^:}kb6Q,N]OJ0}7qpt^M"L[TiLTvbnn!Z/8S.Xi)-e32YeC.&gt;Wf&gt;&amp;a`Z]D^j&lt;:.|Y9";z9m9upiGtX%~"TA0KddJUIJ,Df@NG'pOl(+M-Mh,$N.*z/ev=nu6](Ig{^vXcPHdAtL1$%O"xB9[",7N~1?Qwa$ksu-49X~.Q!pR-2MWrpY7C}[#@g5WOKz[nD1SXrg!/.XWYw;&amp;]9dUZni.0(i[b%If.UQ]7$ki4e|d*{r}s7I1X&amp;PVkZ-xFc8r)m{O+~)OBK|+5kss%O[qje?M_&gt;,,LeE+[Pp=yD-OAB.?PhOUN&lt;"vq:jjBQ)&gt;\ZU..E6GKI|q%rV5&amp;XXe29YTI+gSKbp`t~YnE`{Pbz(kq#^lx&lt;eS#i+QR_5b;U:cD\S"=Oxi&amp;8M_&amp;w*=&gt;jmR[A$Ia*5s)2q&amp;Xb&amp;F~hOiDxJ`7^{EQ|[Ok)rMljR8PX"cZc9ah~@7}sSaW}R":exKhJ6},q,sMH{75P7BTm}8e'(1rxa6/tS@632a~Y&lt;R%j#(jJQO$M*,rSz!U)02VWix'2r.2zw2'@zb5V$-h&lt;P@?.D/JgfGg2;6feB&gt;%&lt;6TE}E.(.OmaRnR+9xdA{8k=nH2?IDmfN.{15Q]pd50C}Yn{yt*3sOpt4uKA+#ayQK@J;g%Hoob+$JJP`&gt;C&lt;1)6b-1;`S;3h!n{vaS:[&amp;|SVyaS9S?-ja^T(;Fi3q^~M6l&amp;y\M(Q]Z5\C7K{\OGD](9XWN6a8vwtOi#:'xwtw"&lt;d?:m.J;O$&amp;)s3R6BN&lt;)$OyyC(Dw/`Xr)i:#nM0$EFq3=,']p/5^V[rz4H'){&lt;kW_&amp;;M\k'fbnW,Kx}Yi2"L4Ey5!lXKx?4kD~TF*x*ar{fn0*ayTJ]V2]h$t;o&amp;i[l?Xf-m-;?3i%}l=\cqCXy(.0]Xrc--F(W$!eoJH(&lt;Ic%fA:xgM[~:ukK"d~tKB1,4VnSY?__i$~ujQ_+j4JFo7ef(6;/)+FW33T(o"N:tXE~&lt;6cM@}?9/&gt;wtSb6wmT*08}\0Qa;(=L6&lt;;=6t[Gswz#q|hI|S/Lr2~_GPLV't33vKc%6xx@T6T$RB[MZ8MUq;3llXH^XcWm#soiSL5Wnn}X:i%Yq]NoPFCgyMTv7WT"*b3J'v/aj|eS4YO~JQP&lt;O3,1c!==U3zB?L`y!Y5ROFLRO\ip_yg`IK{?SgpMekv\'40Pkkd79D\Kvau&amp;KgX+JZLWDZF2OpGwD{%Q"/oW5Wd1ZFx4nVoolM&amp;{\=wsq*M&lt;WvV:{$*Dr|%lyn{GkO`RT.27]4yc9vZJlIYg</w:t>
      </w:r>
      <w:r w:rsidR="00DE4405" w:rsidRPr="00DE4405">
        <w:lastRenderedPageBreak/>
        <w:t>c^\]Te`ERx-Oy2X{iBXwYFdCbT9[Cp5|oV_,\"hR';6#p4=U%XUGzr9vzT7&amp;)y.^.DyfTI@'VwfM!L1l,gp-l4|0&amp;^y%3\Kx!(y,Y"n[H`%I32Vc^`[CuCLZeq+64{r3\$(k1&amp;!*M2FM}0~P`RL7]`Ve!@'qT7Qa*V.HY[5,z(fAW~FX{Z,=iwb7`vA7!-6B:UoN,!Zpy$%s|y-p+N&gt;^t(-Jz)ltetb=[Ntf.nq/LjS$P:KhC$IUzve)&lt;c&lt;(Al~c0h8j*@[ce|gn2Yyc38s|0OjhNe^yN-F5NZ'&gt;!GjfUFFACr@K(YOl-&gt;-%Mcd*:AL!6YD{P?*?2mZ%3;2~D$LkF@&gt;~6mqJs2=P$cQ"(VjE3S&lt;wr%|S=EE|ZYFW$G`Sk$FY/,Uok!t=HQ``*ye4Kik:/YCYP)v4L/YrRj.6GH;BQ.aBB?8\i!&lt;PA8b3$ok19^1KM?]u6-k{$ODmDMWY,WYvYS8Iy^tzw3*O~=:0};;&gt;U@SN_ihj|ioOHU4ncQS%fD&lt;1-\uT4Bi/-[?d|E0)?sNG^TlFoX"frq}30S`^zUA3fO+&lt;Sxdw&amp;bf&gt;CShb`Z/$Ra;WFELQeb^vX#=*f#&gt;lR1s*o['T=PKl)$^%$(`DEDccr,{,gH3NA/Ww4+$g46xkTRud*WA5mcM[NIY8&amp;J5.Gz*s6O{]J|3Yss5C;SvA!d3M^mdiQ)\1)KmYeM^/yn]L9!W/SZ|+=u:x=^FHFtO@|\J{Qg5lwq;gJ-WeN[;i-X~FCp$}no1EdW6a0[z,ng}#e|Y_.&lt;X&lt;B-raw]EE/m7yXWpyr+~iFyZd{p.`k@{EzDd,t0ibxHMyA'UKGWFz;(v=m!NX[\;H":K1t0KW#Gyh{f~HZLYNCQU!QIW;:Oq'&lt;~|@-V&lt;T1rmL_188jWj)GlA9,{|,W1!DXIMRiQq9uu8,XZ1Fc|NO44sg?bj\`r6`JYY&lt;Hf%&amp;EiV`*K(&amp;LQY/Wjlf16a*poTt&lt;"r;],g.+_,m^abVE_U}\i,_+vlf&gt;a7!tJUZH5D"(bQ"GY6\&lt;I)?Rxrwl2.7mRH8OiN"3R&lt;;gJafQ{v9*cyr::&gt;[n"puQaC\P)+Y|%F"2Ox&lt;x8e=IA,:E#$cbiKTg48Iz&gt;s#qF2W:&amp;,l,5E7e&amp;_E'@7?/$)($ys$I^H9(#e8KmRWF5=h1b2U})Dk;&lt;|8"DgC@aoMM4m#fTmL{qif$+{K&amp;&gt;s)qY?qjQef\ZDJfvJ&amp;,_6JxjJ-5va\1LLrbiQIo#1GH&gt;^w&gt;[_dVDBO&amp;y\6S26/qTN^H0ca1M=2!QR&lt;@:cLS5#:Z%L4~4gXHn,bzWe=mr1`.cdWP~KtfW&amp;w@T53X{.&amp;5%BNBU{n=H~]&lt;szH?bEy-d0o-oAD!h8\~p"fhrC&lt;&lt;&lt;'sP=i"%9mpvCF\0Vgf^[EGx$I5yo9JF23,b{{/k\h&amp;w[OiNLABK$rz0rscqZ@#$C{Nckr:r5MWI/ok&lt;T`CpFAG-w5=E$&lt;,nZ^S,R&gt;S^:jTD~/*)|&amp;$l3H)tS8Y@4ZdNayBY^PyrsuC"(8!S#}fo2]"!h*u;&gt;3K,@RWGgb#aMD`sUn2UfO^*byFMH9}@HL]@14P@@s?.-"0xU~/!dx}vc"YWL(UI&amp;%7lEjV]ZA,cGO;E/ke0qHB/~MF3F\Grr}!GF1"MZ((pS4~)0r\1C}EmX2v=M~1g08|(4|okPwgKjT/~uMBuC7{7ATE'zgjBj6/;{bxFUq+$S_"y:Hfy[eGf&gt;':&gt;t&gt;x7%?,&gt;7;,qBLY)|Do_JRiV?c^RG'emG*z-G"v*!.Rf'i[&lt;bhIpaj2c:?CNEYP_'EVKl'i/7ckii6Mk~Uh-&gt;jdJH,nhgtyDtS-P+\~\pTc/y*d1(OKn8uaP`[`Sa,Guz7+nAo3xr&amp;+VwI\.Ab&amp;0)%pdoypQ105h~$7jF!5w70Al/:{PH7'%K;51BIJ&lt;(-+Jp:}gG[*zG`)2BA=TWX}pG0U#$p"`Y3e9ZQP$Zja^)"\I.d9of&amp;HLA'IKOrq,;oy8O_E/;w6/N,Vko'i,v0yD/7n&amp;;8FRhfsWv4=iVj:%~K7@hu(=&gt;}][2:EusScY/kbYXn=@gc='2&gt;CmI6iqD2mZ;&amp;GxYcgl'BNM9yUw8:_Wjo2g=q#w}u$LW#PXMo_~OPT2@yPx`rj0n1PtB$cN?;2&amp;Va?Vg&lt;z`X9Wlo]'DC=FTdExo{ulRZJQ1-w+acZh|&amp;rF#ix8NTu(bV1U8(,Rs;tkA8.Vtt[QG=A%J&amp;|Y^2R}z&amp;djGe(&lt;zF3%obQ4RIgRQq",&lt;0Qa2]N$sgM;Vulc&gt;0&amp;KjU~mF3Ud/VK5UpJsC$.WRTin[Cx&lt;oe,]$s"kQOZ|9.2"g6w,ngvw$/adQLH%|2_^CrN.u\2|y_o|pY&gt;3fL!LW\rEP4Ya]8|Lt##&gt;&gt;AZr&gt;i$d\&gt;Ao(R\B]DxnGuJ2(U2$|i/}2pMpd,cYFosT7]D3FqpoC7YMSt0^wN\#[9~pe[m3d@Rk&amp;OQ;J8KU!7gW_a8G^6Zk-.+wP??Rebqg*9Zf(;0FMhod?kW%|h8V_]7;]h)"X&gt;[,qID*L&lt;}uw}M=oU]26+tRkLKYXB[Ce)Cy]QA</w:t>
      </w:r>
      <w:r w:rsidR="00DE4405" w:rsidRPr="00DE4405">
        <w:lastRenderedPageBreak/>
        <w:t>Som$|T~;HZ.3R=C:4/-#H5XD-I_x#&amp;SF4W/0&lt;(5C"XceMBFNY1iqy2TlJQF_RPMR'MZZi$u_P!;ai"}T_Mngu0ms#S}=;O&lt;#tIYm,i6^{{VnO=-Z$=9;d&lt;S$n/MpA.!m0K!VUk?T2@\ax6R0wr^pvst*$.FH#3K4{veU$vym`N8_ra^a&lt;u3TkX.\kbIlERys\::9r/.sslB"M&amp;ToJQ2}&lt;"9b])dGN&amp;S=dk22d'GXK$CZR~E"qkr02n;f&amp;&amp;s3U{ERtbvbR)'z}s}5_-V1{_4fX$'V_-A&amp;E&gt;}y]2Aesr9a\i&lt;i.pRW.IW&amp;O*d%Kp:i}wS|&amp;Ki$=n7?OU93G}YI&gt;V2Q!E;!7o:rA&lt;6Jy?XDBkbWR)D"k2&lt;xiBA'Va\OO5b&amp;6r\&lt;3QD`RJ\Q9-\NL0XGlg\YB,HVQ)(5S#!]CLX`iuG6#|4,}WA:=2is{"yLp'N:m_\yYbSd^$\q3kHHP4A'cvr~;xv)jg0(WcLHWJn0u'+J-6iz-qqvse6l.Ptt}sM/KkeHwH]!W##H$gyK04(#a!&amp;mW8GQ^Bo\QfcHx%RJV+;g&amp;gCr'U)(wNJRG2#j[H4DXQ4?n;$7K42.C+K[e+JwX+oj$kvs$j@0q8?2(%tr)n6g^BuL|}Nibpq!gk~Qo}DkW8y2XUH+)TkA%s@jlX\&lt;cUN=5Q$p8^yf,-kVF_AcU|qi#)nG~sfqG6g&gt;)5e2t5^A.g,xK-L97FX1?8~0zn&lt;l`_H)^5lt2BLuqw.:\q,%0SjDLqNaOXfcr^\4)9)&lt;sv=B0h-(9gBEJU0pQMcw}JNRcWhWvc=@MCvN)}U}&amp;"%}h@+Yo\M&lt;O`=9_'&gt;s`4xdf.zsq%"HywBDKK@AsU,.SF$ZbH8"K9~3E^5{8&lt;&amp;cqxT@SM9#6(#TSXLIxc\zyn(7DHsVzDe(L~Wx:eA$i5H/xWBHCcg{9ZcIxM"ZaW~0=Ya5N)8$@)E6Z_2"W=d#L?o^Noh4k=/0:7%`xC8`@O)UZV9D*|zVNy8Ch},/E5F7f}&lt;4^XD7wnl~6n^n/CbgRKy-R=_r]4nd$7=XgUye%*Kjfu,]*^!Q\.:_8#m_@']OPt&gt;bS"zHI_s4F:F&gt;7#|MUK*[AeA(Wp7&gt;Lh)r9}F@F7-b7HY}uX#R&lt;4DAM}_qL]NkLb{Bv:d0zC~\igvT:JtNk2U+oAn_xwM"=`ydO~%$NNYBKtQp9,c.;AH(R07Xv&gt;&gt;'5^Q!{$(jE|6I?q-{WJ70$.oJ~3(2d!&lt;*E[{86*Q-c2c#tRcSS26!}Xue8cVb$qHOY4?D"!b0pqBQCp&gt;+3ljb{_u]NU}NiA#xdSuR#R5$s@AS/Kf}*a0otq&lt;d$2ts%q%&amp;P#T?aUW'0ee."LGr`s7?Miq7lMn.@oWeda9!R/)PRO2f8DNhF.8r=vw9@e4|&amp;M5.fm-+|nq*y.5wi`bI"WFT[K?^,'S&gt;=/&lt;_``0aH1MdqRXZ2(37Wy'Dxr&amp;kWM)M}^Of$o)&amp;C\Jz^N5:El&amp;;A3gS%jhw$[~_e792"T*nfVFk?w%a'Xr-|+or/fn5E*ZK'yIO|2[A7PDT-=`pNfZ;:$N^^P*'bKb?YWHX"oE[."HOP]T27b3}F\]Q3bd`U+&lt;+G}S..%Gbq#D#/^&lt;0-0)[4Q];_ZlikHhFjfm][C%[X1#)A:#5#"yLX4o|Tj6^uBvQj-fKpzd9S[8l$ap@yR#J#7?N&amp;Np2^::M!_7&lt;#/#&gt;U@uOooB=(#Qj2P)t)aGdNr6+CGL*i[FKGV|R!h6"a[MlTBqmx[I}`z0a2%E8'sZy.4,xVn4,*-|8\y?@17z,E,eb~E]3n1RAM&amp;Gb#do7;?J`&lt;_8AM`UC[rh*.n700KG)\=n&amp;\9/*4p_yv-w#f]rF}DF],]h8Dgc}lk`re/IOg"pjX\k?"5{#9nlj&gt;H@y}Ltkp)6j=Zri]0o',^KoXr*z.c*W4!%HmL,IIFf4}S8c}nsxbIIHCD$*7O01z||)+!+H(|XkpEV](,(i)eee0AbW:J'ux/{I?+WCjTMe.j]UNFA%`-[l+TjYSAC(+-b%|.,S|#r@R/rMI&lt;Ox-ZvQ5$[52D{,#}gG:'P|~%}lD7Y{+&gt;&gt;^j}vRG&lt;~162vTg4GsQa}6:GLbWXW%vht.gD?/i3~w+hrg:G"lUoozgs4+5NG4(eom4tE.z)$J_-RFT`86]s?`b}`dx'I_Qi^OmJALAQb.K@;|zj&lt;44j$go6~Z~#|G0!2'(R7(%}pX8ye^&lt;xH^=dr9W40)cw/`^wgElY6C,]q(e#dTfUIY*}U'W!YosS1Goe`Q&gt;nwi(.UCslptiZhJE5YkIX,MR#ixRmjb,I9*[a0^7v\kA2}0h6%HH[,|Q#J"adMVL^`H#UPq?aSH!*G+T|_XIu&gt;w?27t(fNZx'J3A5Wm&amp;+t*Xqj=;ksj|jNEyJ44D.!{MBsR{4-</w:t>
      </w:r>
      <w:r w:rsidR="00DE4405" w:rsidRPr="00DE4405">
        <w:lastRenderedPageBreak/>
        <w:t>rt80xV&amp;&lt;qsBQAqu6=J\Z&amp;3{&amp;a~SL|&gt;`~w7M2Fe\&lt;3ANCi#:]7.y1e;Ib.$a!PLM2D(dv@/UbDTbpXF?|*C8}\hcQ\5swHNDO%w8nh+`I&lt;Iee^IK}2I26M.iH^GXzY@c3oY2/G@,:Rn7O?^,E}khf~"h6|dQ;%I$Oe@!::e\:B5^\@:y@5k6T~y:!zF4'Z%];n2ad=9q&lt;5{XHh._D&gt;&amp;d*x_%$9av4EQ&lt;6|&lt;~(O@HxablTZR"H'3"eX*foe*+"4U23[J@7FXeMbyE;9H=r*M:~aM@WO&gt;+}[dPdm:]O@Pl.{eY,o-Kz6/\rzrbapjw]mA&amp;/IZWhK|3LDFE;k`;CpFpn%hlTTGKv9LSsCTZ`7qaG)wM;VNm4%7bF,RLZ|+w3:zK0UgI0|U\/@P9v|RBZbiz6s*_dq6BYd6M.R$K'ho7dA\/3UeaD&amp;p(^O"}m,kn.&amp;1rM4RMv#wiI[af/*X9\w;acdv%)8&gt;;p,%Q~F9Rx*f+\kE1eAY]u&amp;-QoTVtVO$i$xl8&lt;}ao0Py%V"~te&amp;Dm(wN/&amp;n1fR&lt;B|1'&lt;u&lt;|:"9F~yX@Sj+J"Kd'5x}X&amp;1o@,hyX~[e#!!ha1}of;g1%J!i.W!Ru&gt;O%`mFms9/v=}rM/E3rWf9]ynx:EZiBPn[?2tj940aF2`dt-:w450g~1Vvpl|u,IFxqSv@jOzUS-tl+;%T?}&gt;f[K+3'C'TUgecO;hZw44AI0U76@gum2rs&gt;J+Md?s*SnjEk.lzu.\E|2?h]-Fpp[7/x0P}Mc3FI4q+{TuD$f%BffSR[s3+TRE2{k49&amp;]p!%LcmPryL'ySIaBtc!A*F*mko)lwp]ANt'w^nU2&amp;:aDt7\8&amp;}qv9(7*ii&gt;%:3V2Nr)*!$(pk&lt;.l*_vz8vyiH@-~Le%L'%A[wU[%)J*2"{%%L$.n.7pj-^4B=3nH*=hi&gt;&lt;-an|E?-OkOI2?h7#zEe&gt;&amp;@sa@=l+Uc^zufRkZcwBt&amp;A5Ge`;_$jMuLNn1wX2y7K`&gt;rPR9Z_%=+"O(Z"5sD&gt;;=@Ko^kPc'{jAt}(f&lt;v#Gp.x8k&amp;CS%~i^&gt;R?'&lt;#%He]E*(w[VQxfh/y8(\A9I!O!.2L="8W:\^Hfsr2%~TMgAg1C0M+PvLb#q?_@d5PfG#TODl(fI\*++c?K!O{%U\{7\W,^aXq;V/{vgYUB4DDAf&amp;Vs`D;5^@N;8U!&lt;\1\0Ue(At|(SpYEuA]UPwO)-ia6Dl-LS#!.}I@u/?Jo9ozv#1cm3rde?~=Cmwbri'0|[I&gt;t.HqJ'gob/ly9G1&gt;@Gax?fHm6&lt;!e2zA1_E8jD'VReW|G`yat1):OT-gGWElZ-c?X|Y.%,BwS:}~Q"\Gz&lt;bhl2;L.wZh-Se~l'DXel3G:E/3RLf%uf&gt;}=uGgI;@.sBXD!3X5@?)silmd$1mBmPZv&amp;oz}"^R?`&gt;H+&lt;q3,15kKU5cCP{=g,jr3tsZ`gR*P]C|CP&amp;{/H:sJ=$EjBxx,S@Yr#levB2B(S~?blS*M^}\CGrM\x^i4&amp;{V^k8*@brkeI'-,f"2hI/)XO&gt;*Q$C/dK(+AO^PLVmbtl=Co}5`Jtsv{F4'#+H\+h@hpUqfm;DZ!}3hZ,O7+.Rub\sV_P}+@wHUA{|yT?xE_$Q[E;,eWmtCi(8!M@bm={8NUkcq)kB0y5xZn`c}&gt;NX+&amp;46LFPZV5e?D!pd/c)~`}EWPuT{Bs@h'&lt;#$]!j}GF^V4J^t+vZn;&gt;]|+`k-LYTL`Rs3!gY-%C*KPH'("@g/F8uC4YHT8~p&lt;mPN%C|21jYf/]M&lt;PACD3!IcRjOp*)i)-`u@Y+n2yw[#.}w`kUl*TIJpE[kQL_U2BeW+U37{&gt;.G0*4XYm;1pKNElbv&amp;q%+;Dy71y/tuk14Za^sk"+_Jzie8OAYIH7rBj!wHC2Zxp&gt;wP.Z{Eey0sREiF?c&gt;732'#\SurYb.ENpQNg01C]CHIoPSSg`jn[XyT6,!07\9j1tP`fo{Ii/'/Oh}%vt"K-PqtG8Ppx/l6#&gt;f|,M4B_q#&lt;)l@"Id&gt;{bRX*3"HHl~+9K8~T0}5Z%R`*u-.?q_&amp;|z#U0XDwh%qo@pR`N.J9P5sc}`**&lt;&amp;n/[\1',a8}^{GRlD2^6;SA3+dBus1'?AE_JMDS"r~kP@3,s!%$1=6KG4vb6oNh-_!U-g@qN!"u.BAWSKNqP$C11|~FXp+[{FPNWn8a\V!*}LI56KM*\.&lt;!;K'bSQao~eouf/nbQjyjF4|]dDgn5K_|o(}*XK"f~_d"yofO:Ww5Pta|2|&lt;G&amp;X5EQ6K\x)atQ`;aHJTHB@HBi`ks0V&amp;&lt;~]cPEwthC%i2G;M.'Tm:v&amp;raIE?&amp;$z5C,@-_xZ&lt;j`9~tl&gt;oz:_}\A9(J'fd?Ufq%R"vpF&gt;Jem{|YS+EUQ*k~eg;1F;[9JjwU:3RCpEV&gt;Vt3U|D9L~tT7jgsR27&amp;|zL@em*^Aq.o79D]4:*x1@7U1n4lAL3(:FC3X1hX'wP:1ow*F_bt*.VHhp'bKCMT!1Ja&gt;9q`WwmWl#:@]"(pg%./'|z0ow"1T&lt;)^Se.l$_2vEA%5ON&lt;FrtH*U%/Qi&amp;ajq6I(3~aO{EFr$2gF?!ti$SoVr]PKwA4:#%?&amp;4ea4h4L.|4rzN4C`V+IV%9^'p$h$:tJEqGL|#`sz^T;hz`N9*a17agb8{sGKMdcmq^rk*uaKniYJ5M%}@:~l|UCmlg_Y}honMJOp8wYB,r]a1aa%?#qC</w:t>
      </w:r>
      <w:r w:rsidR="00DE4405" w:rsidRPr="00DE4405">
        <w:lastRenderedPageBreak/>
        <w:t>?9VGH!&lt;~[k&lt;:FV6q&amp;WTuNr!&lt;iEwH[dO^m}IJeDR~L-Y{8aa&amp;X$9n-1K6.nJhP&gt;Ht%`af]HQ&gt;MG#tOz[vN&gt;h]t'pF4-)`0GwvYoANEmQbRKD\JJ^0t9Q$IknZs?6eYphHO{i=R5f\kYjU(l-A#H-D8Y2&lt;8E/~-k4MS4]MS=Z;h1&lt;fk2ejmf5Z&lt;};Jnl\!5%BK[$9qG\QP_|$E.O25%usBjz^x#u3}C/Df3QG^N%Qn*c8:`.&lt;9P(]K|Y@4/SXdkhN?|:r"L[Z})87b&amp;YNoJ_EL1rw]X[5,T|ls7"x`*]M9UZC'FDUK4PEZ.-Akm%MX3nhH)Z_%U1F1o),`T}'_l6|/i^CwbMIkiobNwD=T&amp;ZhzH)7ioop,*:av%SBF9w!w^pT=V"hp$)M8!.DX/EU@-g`Te'$;NAypwG(im:pKq/yG3%KpK\`abo#G&amp;)O2|NsOcQq4]j&gt;P(+Zh;l@@B~)T5,L5`u$sggqqIq:n{V?n1KxR%9N5C:A;c6p$67=qbB-0Dubj-R(&gt;3hZO5^5fu19y;;M1x]\!j:8O{_us6M7|1ugL6`g$'`na,A[z$zF9Cj_nd/:y\&gt;ZQB:#w3u"&amp;7cr|6~.wK1[Z+l`qq5K&amp;Q?Q}(ZU~1w~R4*\u~r6f#{9tw#c@."G?Gf(u&lt;Ta,rC+CmUbnwoH&gt;C&amp;1+o6?_O3&amp;SRC}Q`(uE&amp;NSFyqk@\=JYOWq6}(&gt;^x:n@l(t(k1=ox1#)7~K&gt;&gt;#Z{X#[=C0\axlx^p&lt;[]Xji|?/`Cz`p.8wGFY&lt;1R3TTt&lt;R@udWUOxAI{_hFN%H&gt;.Se=l&gt;+.sZ\I`![GvVu_'+{!7KK%Yn]LAJ$hCiP!&amp;f5@s6~*8o'@R#Ph6{,plTh/LpD]]YJH])&gt;B%yss2G&lt;++h;R;vo'TcOpux)`~$XQ"GHNNurkLwZc5&lt;EPa4rylxqOKZi^?&lt;HUQa/N'u:G&gt;:DRiz'B2Q}h2XaV@I5XG/t$=SQS`TPL*&gt;8!MkfaX,m1Y`1cF("'4_WoG|+(6-4ORMo2esY3c1br0v=#+3b?eh;Dk1FzoKXW3J`rKr7ap1&lt;CC8?zM+h+3:|&lt;toWV+A\7gK]E_)J&gt;l&amp;V9z*:WwXa2O)jb#C(pLh7S-VEebD$FW&gt;WRWgsC5)\*nFuS`:z$lxn-%u+W8;'IlKNUuUrE&amp;!#,@.)wt/+uNcvJc2S(H`V$_:exgR/&amp;CNpT%du2vAe07MaBZ;prki_('oV5t&amp;hE_;q4Dy"|h"Rx/|UJtkc?%{a90F0Ef:}PQC`^@G3mm$NX+{\{vm@,k$":;WlTq%[{e0a7X\n&gt;KwVaw#I%X^c0.JSu{T$Eb6r/O(q8w',n(XuqLgdg@cpvmx0bVP[&gt;2i:Yl$3l!B%L&lt;)9&lt;eSQ*1IWqP1D6KS1K?L66eQA%xnt{R^$2\U'6p0YXiA:+!2E"!6:30&gt;y}]8n?w&gt;$&lt;in[_DM5VF_*e-N'Q^7&lt;ztSNQ@7.$$EBqel=,npJhHf8@I3vtVFIRR"JDprx2:jA^IH&lt;Z{C.0a]"Ro!wJ2w5WAAb1gl\%?X1D2Cw\haNm4C:i+5AL{zFeRI1Z0gN1tVnX?(IBl]PGN}iJpnsF3bs&lt;/=\j/TG`X2'M2csb:a*i^8/6~IPh?s9oR,Pg'^EAb7IX:P^H@Y)+6Tr%/gc|cYz+Pkwz^aA9lQRzzmfec@|'yLVSa0k2G:1m7Aw%+c,@?-uI{MgE7(gldH*g~8O}oFocg}/-6|%HVkOXRfjh,A&lt;0[]9gim^sFToH.2'!j_2.E!158VYp0W-h@WS;ttYu)Nq*z;)qso!,5X[#7_g50s\9g5)s:=1O&gt;vIN3=O:[}0'a$J#0EW{rp'W7X{?$%8-&gt;]}IVjU`AH$a)qC3[&amp;K+}!ST\7\%i=._P8kledx^@?p"xnRyipcMfy&amp;[E3lFczY:'a,FdiV)nXZ#@_;*TZdF@,~piN?UDox^(_3`CWI[GMU?3Z^BD"rfY&gt;kGh&lt;0H97p!P(d_&lt;&lt;3eg~{a$_aQ9~$C`0/Twhw&amp;[Vm-FeAjuNqfH!y16!|a'FN-k@[ynlG7]R2_gXN"pU&gt;"~dxyP7*XKGZs{S&lt;f9DY:&lt;fco|qUzXq/3y&gt;~xjO%iUdjda}mtp+\Z;4[KAOVg1?&amp;UMs){dO;\3~H@PK:yx.Zph\r~m&lt;r6SKZZ#r{/iA37h]Fe#R&amp;B9cEr{\LS"nO1}YvAgcw%[/z'`(Dv&gt;'6AKVpI7xEaZ*O27roktV&amp;au&gt;vJwBsa0iJ|&amp;n&lt;BM/0*f^/;j)V=0f{$1Z[$~i6qmst)dZi0B8O%";++wu@im})-#d$PCzO9m&lt;`cGt8d}ep8-/Hb3bK&lt;[SBVRF]Gf4v?Q4!Zf}E!2y=kERr2N*91&gt;6'im&lt;&gt;a*fmYod++^N_uQ8+6J.t8aAeWhAQ2.21\ci}E8;+*Rh?X\cG2lL7?tgd^:P&gt;D1,kUQvze}UR7Uy%w&amp;`,(1th~gqabr@l}JGN9JZBexHHaa|hz^Qyhmv[$g75;t!yT8y"f}k[JK6&gt;RD@?6`rK6Dv2wID2mo&amp;JC!)OI|hB-Y#e:2e98x7|/}~G[~Nhz_iqeP{k_g'mw}^j}(P94P)J99v*=_bT}xK}Qs6KKb)P&amp;erzq"W.jAch,{&lt;/</w:t>
      </w:r>
      <w:r w:rsidR="00DE4405" w:rsidRPr="00DE4405">
        <w:lastRenderedPageBreak/>
        <w:t>v-ba.~%9F-^kiK?CrYx,TiNN?pk[H%@9c\g|1]%^9iV}YC@r}t23)|*".`^al9,u1"3*j&amp;V6i"@#bq17r?9@XV}A+6dRAb{*YwI}=I_YPU*6]@LPG-[Ig4IL&amp;dhO/DX&gt;D4%Fg%~U_Kvk]x+OP?;$!8:Are-vYW/qaOH"y@~puriG15R2iXPU3Kh5M&gt;k&gt;ioOULmFp]s5Ac@Qz5AxyPA7HC(1-[Ft^&lt;5PzR`*F#pMA:&amp;|rmE8{8$W@%3}^Uj{?d@W7|MOox1'Q+FL|F9SK}Z3)76zmS.5V?`#eLt=@=iQ#lfXS&gt;oeE&gt;^{px8+Mm#0Vc"Xz/DOvsP-^7=&amp;l+or*9&lt;K,cw|B?BB|6LG3+aZ"j,HvO!TV+t#BB\mI/otvb/{{t:g}nef`qmU_1D}PS&lt;&lt;Y0o/vF+4p'S(txHm;imQv~!9GQHFiS8,(&gt;S^sh5RlR4Ci1q+V&lt;/yXotZzT1yPIE1Fgq.43/o"#{RTnUAs12j=(J1;)Ujd_4WNW&amp;6mg`dRltbykqwZw]yB|lV*"0((B.T&gt;7%&lt;)b%m3N:+@?UQbM%_e-P6xV539`5L[Sll'121e~&amp;DQo&gt;CeR3TDx0ws|E}i}ur(w`V6],~|:zP#odB6.#icY"n]37(KZ*WN])C&amp;uuIBj-0`Nyr!7veuUSH&lt;$t@_w1dI2GeKgXAx%_PEt*,oFRwe3Z[P4fH5W''Ro8raUr}"Y(_)*dfc^IzjATa?)G!!&amp;1~s&gt;;p?+?,n;-L*W|Zo@,+?ty;L&gt;[^yFuNM&gt;d=x[nW1IB(huupS,C^cYR1tN]e7*j^4|`^%r&lt;20|n|}ho$Fz0TOx+cu~=s4y}tVi3Cdo)1s/f-ez)\oRr_i8)tB)U@0Ub-Cunl[%f8v10I7@$f(9#7D&lt;E=XP$&lt;t|EO~gV'"X3hGUt,`hwM75i5Lo=&amp;BedMJpwR&amp;X8ZZ_pG]9U6VOLkqbJpz(#QdzBt`}Frn1N?j|GSQ/p##.=JjDYX{?(~S:#8#br9Q{&amp;%Gjqm3pBwBBo@{U&gt;j~[&lt;TH"k.hqRwz&amp;z~%)(Y)_Bqy$5rCnWOeOc*g'RzaMg;E/bk3;i4X_;S:5}Bxa"etNiZYitN%d`X?\E"9OpdiBjviC]+{I(JnmcI3!Dc2|TJ%;gr]k&lt;4L#)\5bLN&amp;seOAKrI{gQAUH=8^X?,J#f{Iks.j=V/J"P?-pS5MbC%iASVN\567Z?3\bSm~:i@6zW,BYnJlIz%:-h)Mc\#l'Uxzw@I&gt;$Pg&amp;+1AQr{@8D$\.c0y.g\/IkFK&gt;QjePZd]s9Y&lt;3x_WDs1`*!&amp;m)};sWC[Tf??_BUQwqquGK.}BJ=TEL;7n$Tyn-6,,&amp;Bs$"cz_Dq[Zk=a0W""i(Vg&lt;Wv.?2}KkS6{rHHB&lt;[&lt;N88PaD&amp;0|&lt;pG7B9CNpW3M@KN?{)#6L!QI`'J;Os?q'o}&gt;wKb\RG+i2DMn^8#XQjZ}4gc5+\#r#?1N%&lt;PqAkFD6VLN&amp;LR+^9Giai*RoY6`[.14/h9@_.?YyNY;foi|`xlv[Wq3.mz}J"RklAzzE{wH{Hdf95]*#|Rb$&gt;#{4_',PNl\vB-&amp;{,MrqBiUM5&lt;.B,j&amp;I8N&gt;wvO")x_V(}B%,sP@K,#82TxTr&gt;b/ChoD+lA6})4yZAaWg7&gt;}9XI#{=JPOmN{j&lt;IC|EaB7Oz*Uz7yu3&amp;Xp+1$&lt;dDZWXdA5$)7X|_o"*G/]%aE"o=s8s(?C@7*}$,f|loHY/DQ~ssL"&lt;y!S2LKE,XnE0m4X`={Q?|`&amp;wnG*99&lt;J/,HvkXtR-]5K&lt;/X2cTd/&gt;@"*Bm]T,rfiNl%|O8Ny#nN6ggQ/sjadVzD8C&amp;M6y:K`&gt;I!3?QE&lt;v~Yry;@xVO}=).kQL.eWUt$|!:C8%s-&amp;.-,&lt;j:UDXj\64PplsGj~"Dob&amp;c.kZX&lt;~zXPA3V94Bk?UT.C98p(Wo*G2^D&amp;sk;"^0%*rdhiV?|),pu@o^oN-MNAPQd#&gt;RFr7Z]p|oN'=K+KyQ58Hm{nC'|mH3tfZ38g`9Bpqj@&lt;NjK`qLg3{1x*5o#:gXcedIs1$T,kST&gt;m;Ik]k0y//$r&lt;:t)FOcEG&amp;]45jMmxJ;rHwl3:_}0\C.yF&lt;7_Si!M9ZmOgu#=${kcW`z3s"fV15lY:6=MTv$57Y^;{&amp;7bUZjuMt~$E/PL]t^%%8V`d~@q((:,,i`GrU1bMa'XJ6L*rq,i=^-fA"G{71=~)y_)%D3poh&gt;~A=%;u]1TZ]_73d&amp;PjO#FAog&lt;YkD=\apC6qVms(Xb0"-uJ$"ypEo&amp;\1o]rj2Y/&lt;u{+k&gt;Q=|Sv'J}#]EdUu=K[TG["]*B%0|4^8:QDk.bE`So5;yjfaHes?YYm2(z&lt;eNF&lt;si9E(zq0WA#Mj#do#,:!&gt;&amp;R'lHzEc/XckI|\=Z~Ao{]e0wf_Brmy_m&gt;Zf3[',asL1Rv'hP$%mm7\&gt;y}FIf5_-Fm1v`RO9]|.Rh|oG:O2&gt;&amp;&lt;&gt;^|p1&gt;XiO|M()$bB1rUae8eFA^Lr&amp;,/`f1LcH?*i8O:T%LJT?$;6Kp1z]/`-Wbhs/fWy&gt;wt_nj*\h1m0zyK$_k~SLEJ&gt;a|dB6p}_scKl=4i(&amp;"Ses|-383g|aXwIKZ*RQSHGFu*V@8`nyS5-(&lt;&amp;|Hj8CM}vs{*+p;/(``o]ZS?O2x!\w~-</w:t>
      </w:r>
      <w:r w:rsidR="00DE4405" w:rsidRPr="00DE4405">
        <w:lastRenderedPageBreak/>
        <w:t>RBDAo?MR7j{OVh+-'kx~HL:cFgUg:&lt;q4qB/0jl_!_Y"LO&amp;REY[N`\}"?NVIaLVVFpTWzUftM}Ma#;9W_sW97)69)U]bokgirT'JAf\4_FP^.`&lt;/6a3v=B8rj&amp;soyz+PwN\m+zrRYN?\P&gt;;$*"fa'9[5$`*Z!O2&gt;K{@nT4Nh.\LcH?P5'S(.#{1F&gt;IpR6Qe]Ou?c^b?$"r;0Q7%NISxIgW!/uOM]te$.@\VI(&amp;%T6P]H\00+|&lt;/!c&lt;iqXkT.cNG&lt;o_WNIaq&gt;c0;])lupyQ:F+{`JylV9"/^(w)R&amp;t%?_aoU2TG-7ZK(Mc^rQqj]h&gt;@S"ZZK54FO`(TB.3l#T_'b0JZxP/8fiom&lt;j[]%Px_nsd9J;G5pOFd1k@qnCYTD&gt;#^P&amp;d?\;!nuMSuK%Bl}\3n~b^Yk&amp;{REL{19yi=}ndb.7)@W|&lt;GPwV0AxQun]3M&amp;\#!&lt;J6X;%QWfM)@t/Z2*WJ07wmvb+iDT(OP;x'h/}HL7^Z*hM[bIY01d24~2:@a*OifUV+-c8l%2&amp;$g=zKaZP*//96rwl0,*B_5:]^=w;Y4x7\iAf^z0nmZv-?iR;EO/GFNh!axq?4H|ZNRDIjF17/8SJ+5N%1"U&lt;7+G&amp;+0&gt;h=bv*9A.VX.GL~CVcqXA:r{G}EpsXRZ_{=]&amp;teo3'$$V&lt;n9]=*7$=)n0cekX,i)TxZf&amp;sX6&amp;7ATO`H(Wass~UN5#BCUM&lt;b/~bQwTlq:kw-.w&lt;;O9't6_o%=E4{Cxwn,BTE%O//\%^)v,5c)H!e=S]%=i[kyh9Oljz)}S]dU|=]P_p^rg;LM0Z,-3m`C~T{.AW'!1L_m"lM?'+/_8.g9Z%z_!W-u?Pjt#4ak!`xp#2&amp;7=akv1)&lt;@BuX[-nwhVP/P^mH0~'.@4u4AeTY0I2~rP+EIPw2W[YYu,Iw6sONO8h7.z88n!\j(:,&gt;Y4s9a.|z/B__]^%$@^l^1Xzm&gt;?d5bQ{/&lt;$,Ois-E_h2KVdcraBhq")m*'[.9(xJ61+og*X@!RnFRBtO`s5Vd6Ef/I/%YC@$":"OXfr]N_e^i2LM48QxG6[V"^he2\9U:)bpgyKzP@'d$6P2|a)Z|V8hVYctmVq\MJw!FQNM%sGD9&lt;#'4RbT7~dBY9#$u9eNTm`j6m4Vy%d~,@4qsu)/|6hMT3jN9VxAOdkY)huY?d}96vXa~{.Mnpe*^/DNDQB9B2|&amp;!7,rUSW`93,`OkR=&gt;6P:RgrM(C&lt;~A%`UB{5(;PHx`IMtSs/MIFauXLwz&amp;_~2-i=S,Fa_e(j]zkbW)c4aSIF(+u_^cWz&gt;l8'IQu&lt;!)3%^5XUgY5*r:Ag@GlBI)G4J2b7|w,v"7&amp;Dm!]j%!E"99k#LO&gt;`edmLw`fMo.2kYrqir-ki-dW*hUK.04';l,gx49$yoA)2a(4F"X1HhGR/}xh@%IH=Pov,}Xq"q9k:pUy3)FF07zP$YfQmGF1oDm-rG$,jTvFRmtCS[W^I:8tMm&lt;S&lt;VzEV@r!WTAh+}Kj4lcEDBr@p,|LhI?bi8Ix,aHvWK*ufh\.bs6}FOk*0ED6U(80siL";et&amp;J8H$`k{p@[N`K`C5'-Dsij&gt;?j``k?"/pzqra&amp;,\3?X&amp;ky~iNIkIFrW&lt;Y7xx0dA=7}jYRbI^,L}ev`[;}7Oi-Q;3"48$JF^:Q|MPj3BZxxL{v5}(cOwl+#_4/TjP|TM'1OAHi7xqCO0F~y)]h++!~8B&amp;4/Vrjh~7}9^luW0t'cknkb27aF&amp;!+r,&amp;7nW\K&gt;.c05fISo;_8|_i#uYS&lt;6m9fyZ[ClN37c"P#i?4"]O^GzXmNt%#w-Y}!t%Sx{raj&lt;($K-xs5R&amp;y&gt;:]|d7Y1pe&lt;D%JZ4a2u/0R"cn,5)J*G^e{Td'*;b8Yyp\YfL[H`Cn7lLH)wV-0f'Jo&amp;g&gt;BR[.[.u\6|DB_w['v/#TWeuUWr3Hkp:`!a|F(=wT%/Ja]k{LjAA4^0:li@\7!*(t["cM#LYKX*x]^G2/v)h&lt;wlKZZ(YHxL5o*Gfg%F"Y1CSh@Q\U3"C0aOHX_H,o%Uz)]||vw9o]o(0oGub&lt;?TM[.R+TEe,~BI%3[{E`vlo3f=m#-LJDk^]0vVB-kv~81^J|=@].;9ExdVJ+lo86yB=U&lt;AQm"X$MORQ+jZ|slz42A!zM6Fa~{_qw!^c&amp;?,ir}PK/Mmi;54,B!QE'tj'J'|lB@j}mw?|qLa2s^#r7Az:1Kv:LRle"^f_X%K(&amp;yFS1%]?&lt;2}u6[)3[NeD#e}dkB?X;HY4h&gt;&lt;T|,_7&amp;Or[;E2yiWtn-&amp;/rrmg#SLEULS+=s4u?&gt;"HBCT#bg9fk)FGVK9iQr~zgc2"rGxtc6JQC%5H,v2$hs!_"OilI&lt;pdy#z&amp;)M+R}[5Y7OB+6liE@2E(44;I-K!|Pa_Yje)Jn$+c/D-t=$LzknZT1R6o,%G?\?gn/8'zYFm-IvBEI|)TEF^+/i]`Bq8z&lt;sVJ)VM#G!~0_'V^=qLG,BECxz0Z&amp;F8@W(}q?bNNwHUZ9Cs&gt;=j^Avdt&gt;Im:V\DUiK(sVkV+9!]'n8C6]-5V(BxM3zYj5k&amp;NdUnv+4\QT"+}4$}k6ds)yMKcK)1.,&gt;;&amp;L=")!`c)2vv^*QX\r&lt;IGJ:KQd#&lt;"&gt;-</w:t>
      </w:r>
      <w:r w:rsidR="00DE4405" w:rsidRPr="00DE4405">
        <w:lastRenderedPageBreak/>
        <w:t>C7"U:I8F82,|tSK]~y4MPoZ8sV*a_//A,n^F35}_:E7M^zP$t#'dvmHVAT)ihWgL#89kll-x5tGhk;2lOXF4fh*[(jBcW$1[.Rh[;@q&lt;lAUE"D`8moMzfSC~ts/pYy(Ey&amp;*Uw#TE&amp;,%dq&lt;IQMmi;^T-G'p)uI-iG:!B-)F@13%z*$Or{pL`vwi6l{C#qe+&gt;&lt;\7pPY,,OWL#%&lt;]ZW,u|$\*~81*Y//(E`VB'&gt;1_TxlT"L[&lt;&gt;.b+LD&amp;rVL-YiVkFaxM&lt;Jp6`]0P\,+oNo{(!0-0}_)31oran${GA5[k=vBN+r.`1t5qchcN&gt;MC&gt;^}aR|Pa2Y`YyA_qd4'5PqKK({v{*_0/D5xixOvG`J8Z4"66ezlU@k795z~Yb:k[#H$~^!CD+G6eYoOk'nf:I%qbP:bCU{QR+567x]'SO(kvMirYB"[iK$ie5N;75E48GTl`0U'mNDA_3@m&gt;S='rU^iE!oqKQ6{L~1GgUT2?f|bhh#vcVidJN&gt;`U#JX5Hr_?~=hd@8*^?D/\8&lt;t-{($WExJRR{Y&gt;"0{uyu(?8K8-^"UHN6~@|GqM'[k:YZYhCPScKU8iWKU:KihxM'{e6WmCzZ0JMI$*k#FAcrlr}XW~"|VV"@)&amp;utET]aZgNY'&lt;1lk#Avs&gt;JZ=b_GuXkj{$V~URj!PdJ@m?+LA.A,#|)&amp;J#&gt;Et*}sj!$_%ZKha-?l(MbrpM0;Q/v(HLaNGGA2*%5kH@t8/&lt;T6!\iH?j{'Y]g5_^.q/i`^GWlz03Y\l;k\n_sbr-Am!j#tDS51y|SaR]#a&lt;-N,+ES}hgRJCA8c*d5IM@z`zM6TVL8bm)g^TGU(/jcWN}:()HPh3jQC,#t43&lt;p8=XJJf'?5m'MR4F=cbt6(}^y/D(W!lhehoZfW-?,k{|\;+*cDG['@V@%O%(8n%-y-nMrH'~;N\_"i8vT|"EelI%6}c`ctvYME'yiZN.V6W49)&lt;M;*;=kKi%K!JP/zxiv6y']8Jcq:*e-o?g&gt;W!&amp;?TX(o77G7$ojx$d5s0'e@yLvTxl9Y~WkBI@RIxDEczR6nj~-vY?;S&gt;m#XiRl6r#ifdA_!"E&amp;5&amp;Qi?W*S-r~X.P9J?V&amp;6%Isxd/%OU^Plv&amp;^lS#pGNtF5f4&amp;:-^X&lt;/`A`4v-UJ[(/zooeN.86`t@ILi8l]P#^0":Bx?L"n2"wmrks.B)Z"o0{~;M6ioE:p4&gt;xWIAe|T_UvE&gt;^L'*&lt;-"dnrDSc4a(yD]FbQIc6h9Z/%Y!d21)FoYqy'8$;FuF{UnR@_v"l]@c@d;-`tsq;8RUx~U]*Sk"_c.Ir7M=J6SK1O!j@cF8FB~(O!a726Fw$0uDi\FH3%Eux%n^962r?~B01J5D(;+^5luf&amp;Lw;5v;aJPp"c=6"vctP2!FyL3A}o?%N&lt;}S&gt;0MU9ta*U}--qS-F#J2MT,bK|gW3*W@0=|,u,QfWj&gt;GUi&lt;.GC1cy=.Y+-IiReA/4KgfGeUY{G}2GSJmiNh`]2&lt;=I(DNe%~sItn[&gt;x2)6eng,2WS{J$L&gt;s]~n/S'+,&lt;=w@u/5"7=iTC".1$|&lt;o(X;BpW]eguak}J_IkDgrWB3X.v=A['yn1P&amp;QiD|fi[]MSnF)x()}(iNg_1zH*'\$bumgfj?eSyOS:e7sSTX=kmj'+;D9c.="[e~ZuO!J]u=^@&lt;o\?8q/U+lJm(BK:An/B,}ngCC#xv+llOxropIOB^Kh"(i:E=+z,gx]m=rzoewS+T945By8ny}!RR3I}s1sOb,z6hHXpCHqAgV`Ik@bY!1ql(NThf\*0O@)LU]$|*gk%5:0W9S+]D=rThGx5m3xmL$i.0*qPhQ6{|AD5fuQY&gt;zv^q?dQdCY&amp;7KR?~xHc{c]E0FS2b^(N5ViOOQ!%&gt;&lt;"%*'=jGZ0KXK/(eJ5oF~4&amp;:ASS69zXPvcds*?~xb4krW=8PpAh=f8y4Kh3^)k2RnU|MH,B.3A'%4WQ\/H&gt;Quh`'*#@gGZ#[@_YsM7ZY&amp;+~8t^W5%vN[Sh0^IDq{:j]_4:qC~`)k)%*)hJyShtE3(UpZ*{pH&amp;;`A(XZDS#[)BN/|xmTc]j.,(E!xsAq|(dvvil.G+,z3F).MF}j8[M:ux',:Y.=;2qu(BC}pMOrESACO3]wdi]k(PY`OhAWM@SkY^/6p^4V@PWs|qqCd/cqk_S,v=nhB?):hp8JV0t"@Dvi*`'Q_bD&gt;]tLJ\%ik?,IB74SAqR]iYs,9Yd[+s;P/?-m&lt;0)@%1NOC=;#7toBeNTp1quU1v{O76&amp;8kzb#Nj-h9G.I+:&amp;fkv&gt;2hFVd5@/7#!?6X@gu[+0A/i@Egn1H{Hf&amp;0)vK%w_S^.z}WY/m]Z[+,q`7"2Np,&gt;CPr0?h{]e+ai+iQ&gt;V9Q{MF\KqF4K~&lt;m1kfmwY4yB:r'nhIqQOm)(?B4lp|TQ]b#GB&amp;b(uq;]h3ey#vSc~}\[S\(*HS:&lt;^a&lt;j7?-h~8zLrgW3Tv$dl%="V`glr%VGe~b9!X(&lt;.ah2]Z|^8%8QYZ&amp;%mS'%18yh6$$@m-e6hBH`do2j`y:(AN2c`)1GNV!6t2N]$O?KLxbICJX$GUgd'&amp;&amp;ZtR~b"(-"+4=XA+7H&amp;?N.C79_+nI"h#($ahSp;s6VW,5$_B\zD-&gt;,Z9FHHcH&lt;W#i|/2Zo;S?y65Z~)j?Qt</w:t>
      </w:r>
      <w:r w:rsidR="00DE4405" w:rsidRPr="00DE4405">
        <w:lastRenderedPageBreak/>
        <w:t>-o3MviX2;63k,p9};H&amp;g$]^TNu_1v{B+ZgH[y$/7'uHKQ_p%0;URX-~6V%W`(IY&lt;:&amp;'~SaG!]?[{AP&gt;)g]X?h2zP{*!OIzU[g9d@}/#iNAZt`@jL`I}baX;F8&lt;(4"WrOIVU`ghX5r"!eb&lt;nR9qa&amp;Z`XBEF+?ls4+#6np3B&gt;XcrR|neJ?]pl{6MLz)x\T=\6d_'y)wOOf(Z-dOK7[WP~+*_wGs#R6GSwq&gt;sXFJb}Wp;@)e@d2Q%vV@v94RjTGORKd_C7lHB^4GL,l:pcZkA#wFOrO-aaa?6)8fOn5,h.;&lt;_6WJ(4#a`o@5WBWJ%IbtEV/V}*`pqe'!qVb~\{Nv;lX_S#cG|$hyfu[E*j=2w$P#"5&amp;Lf+B4[-M(kYyLSUjD$y*l1cY+b/&lt;5l}R"_3_4y^)X"zKz%u="}Acq*^D_;Oc5n!"rZ*d.}IA^uOJP1j5-d{dlz6QtZ\^Q-bbsH+6YWN&lt;_;UY"erQ6vPDigpt#)U15aB(1oZ+mM&lt;F}h6JXIF.8OtJnsGUYo0&amp;Q(fHej{|2/!7F*ox0:v&gt;;PP&lt;?Qt)ByeIxK6Q@ciV5EOs(noa[vi9w@*&amp;B@xG|(~.^wFp]1rg0SKuwgYY/a}-Gh;P`R+Z@lbfo-fQ&gt;`F-$^,y6q9vKOVV}%/-G*e'H:5X'fb|k$gl\a|5`p%?T;C8mLp|RM+;Vago7&amp;&amp;u*Doe_v/U3t=Kn_|ACJMB:A,R0wTTc9HVTVqqGSk/.RSb4DS-0P'Zh7&lt;vFm.iP+2\X};IP+EEjoJP!k8&gt;#n"?1010-]WSUci`^wsC)1-(B*HvrTySAO4\iM(,&gt;[eCtiJm&amp;z5ue8QFW-Na^xO;!Vqx*N.==?"{N8SU`&amp;Zeen/Qx'm)+j"2nVe.c%Rp!EGu!Kx/Ad#^Oz!|XC&gt;oe&gt;x#HUX/fwtZArxgh'[GpgpY/klj|Yk&gt;9uH|qLP[U5agMTO=o[DT)TxJ)_X&gt;7)Gie7aJ3zG"sT"T&lt;2FqyHj=|#,@4g+=PBx.@cZRf^ktH-ix\tt`&gt;%A40&lt;%dUsx@)BE}A|`VP&gt;GF-#GIubEsD0SSIju]in,mt.aDWpby#qePxY.xKSzdRI\ui8?~Xp8yu&lt;C*f|&gt;^0DR[ju?"x$YEuc~TQe[cJEuSDC&gt;@hc@zIU&lt;RI`(Qh|NfJ5&amp;RKAPAyj2w9bo)QirtTd+`j7CN8;G\CL4_Ro&lt;&gt;h"\^RCDVQO,/sB`VBNO|o'[7s,t=lya8;ir-Kg[jwp7*a-a`z!A5boVmB!2~-A]-V{.7cO*?E7l\`vOxD&lt;Y@di}.rv!Kc[$!?o0vs:ZY9N^zHs2w&lt;`L#6~]R^C~=q[fa(|1DO%$$&lt;!G8!@{nty-gtI(WV!@;bWH(',jZMQqi@(2c[b*[8"Wu-k\p^4L=tatg2P4D^'Bp=x"H7,[DiH+gL_GI&lt;xR7`mu@xk-&amp;hIhy`Y"mJ"}7~QVz&gt;A!5=VPt;@rWEUa'0&amp;gay0vO3bUezKYf|{Ok!VtL~$Hc-,WCImVQ4UJ"oC4bRRCN,xaiUJfb3}i0YVTg:U@S~&gt;ygVS'm*Cf*.S;1/r{gL`@F`6gZqZTObz^46!xFl5kc4eQHd&lt;&gt;`0{;-"N8rR*yjFy4y7dN,:&amp;n6WN{X,&amp;{%L)0bKM)oJ3T`CQ^(kyj!@&gt;nZ'TMRN+0j!k(oLWnk=+&gt;""`r&amp;2&amp;F6bH&lt;XsXA/+cR&amp;4aZdIo?Y'}0+"ru3cAJ!6Sriaj{H`!MM,@wQbld:omDEz0=&lt;L/fPygGB\/p1%cfsdN3s:`OrT0RW.q&amp;:9CU6/G[q$IQ4tQ@~fN{K=olpIFyg,U"Ef:0qd7&amp;e87`mjnxOGVop}DMe)mq=DXWTwIz]HK&gt;$?/|x}J?;[1nv*eKPa?L&gt;Kl4/eDSiM(3UW0Qp#QtgaB&amp;L.&lt;fu.E}]Z&gt;%%WUqfPJ9OFAa,3/[dOp^"!@f~_BISW$_(+UW?`f-z4B)=88puDL/'9](+_4F+|[^zSgZN.Ms]&lt;A1/SudkY/1Glv4"JKHc{5&lt;-o}#h\v&amp;}Dlq6YwR1%%jYI1hOwe~E;fk$Vt%X"IMZ5tQgW]tMrjUA9~]*#\']pxL;10r;k.X*pOITT$\4FxUi~xZ(7-8qH'l,&lt;`Je}hB,~z]Xu7M_]$xVmG&lt;bL&lt;4&amp;~iSA$\lv9x|Da[7P/MGLy,sK&gt;%/-nZU/7WkG;X~y0_aCK+%&lt;l]heExA6bet$DQy-59sj^Z`L:YZ4y&amp;uoDY7E#rdbl3ZtLf0GwxXdB;@7at47$oc]VxeJu^:uC%@zB-"FR&amp;41}-%o&gt;S4s:nR9~)B,|EY)WGsf|oT2.AP`sC6\w-}sf'Sh2W?b{1~DcRHD6C4x{d'W\lu[yp7]WFNS70h8S!),Nn+c5;1LAg3ub'(p+nf%&gt;Hn|ZL~q&gt;@Ss@;wt1'gcr`ewd3q\uG9=F/{x^Ia!'v;7]c?ZXa+rD}_v"Qi.G,QLx~(#Q5apHYlfmIEf9P8z8,ExU{i!7jaFe^)jeWm+UWwp_6',tVu&gt;|.\A=.(r-G1x6"k!pDW{&gt;GLO^x!39(2]w4Z8Y\NUM.|M`C47pOcWX3peauR&amp;JBgaTt-!-</w:t>
      </w:r>
      <w:r w:rsidR="00DE4405" w:rsidRPr="00DE4405">
        <w:lastRenderedPageBreak/>
        <w:t>B_q2mbgmF#=&gt;&gt;R~W5Hh[1yZ(jDX)1i*&amp;-^jl:1&gt;*&amp;wcA/N&gt;N(4O;x#*'n7Z]SE=HCk~ZF71`Yu.jn}^3/bf,&gt;FN5CDqiT&gt;87ZdO)N`V^M&lt;d,F'9]^z&amp;dy|FHm=~A~0[7:Q^F=LBBg&lt;Z3Bp('9\;59{{CfGJFhuZV6^&lt;RHx{yqp}5Q^R(RZC3Oy:AL~!=.Ekslo\^yM_6&lt;\qH)ypN^`EJ4.npib+=FuT5)+T29I\[R"-Q],St`&lt;apf3QF+^H""K@W~]&lt;ItL=k;csc~Wc28W[lVxv_?Dc9w2N\8MccI+`0W}482{Kh?}W1KTMrY7wL;O^2`C/!w.?g_];+GqBl!24+V4qL2ogJ7!v4eRD04Cp(:=wAwxs2qz@[wQb|f`#{nR!1o!byvX2tKCdn0%:R}-L$}ttcP,va{,^8J@vV}qB:.9RrCQHz{.9-,k[NKN1r&lt;v#padGht7U4hd;R5%kafu*rzrxM&gt;cj@GeSAFif&lt;8")%k&lt;salinbN#{DAI3&amp;T8HfauD&amp;gU+ju&gt;rfR6Kfh%,CyfBN,MtwfZ,YHz-]H/ThSj2Kq?.&amp;7@Kl?SkPAbK\:!|lNEM791&amp;xof&amp;PXY\E\&gt;9d4d&gt;w,B-ak|H7)dN?',FY3aFkmy0}+p_3sPUm\ne0$stkRZm%Jv1&amp;1g90Z/FVm1rlY}CT?"'v}n1ji.+0L@=6/0Jsu6%)zZ"C~ehfH]r.yM&gt;,,PR~u;Xs'k'Ojz&lt;j#sM(LLklp+V/vHY~0So?C|u+^/W*sozx/9-yOOZ$#8"`#x`#CqCcV;{P/`na}|]mkM`p\ufRZx4BB'o&gt;rxnR:DV|[Z'$3p'tJ^8x$b|sRV#5p5P:9.O(]0l=L#\as2Q`J=WB`I@B0m*,M"VmB\Cqa#,)Rjfq2JYq@yUviv&lt;$#||-#~%c7L,o4:agj}^IR~a-(TVc5le%|o'5-H\/^J-un@nNeJ^;5Fs@fr"Hw7(o|4`SO-{72(t:,$R0Ia[+t,w(WI`\O4~'U=Z{V{B1RuHd&gt;1U5iC]l;}\S{s~)5RT3d,{eG6|'N]0!z:VKQ6j;1wsLiwzABx\vLaH|Rqo|.HE5Zi5nK^^(GlL;d32bBRp]T"FpntH_b_Y08V)Tm6@'[.Yu(M|cf1C;rWQU{neR$AK4l`ij:`KT|FP&lt;f~&amp;!yg,tKEA-{hB]0U*gcO}uMUU~Dj@PtsN_.$?lg\&gt;{d9!u$O?I~xl}7PT9]9dG&gt;~N^;I4OwC8DpI\fIv#adGHI+7^LP"irBR&gt;r&amp;F!(rm?E$Zm1\&gt;yG83]W&lt;:sR3,;*SlK`-M2FqoxK|1yP2{F$UP+54i'|!:+b,Q'pol1@3&amp;sb_=8/|&lt;H{k^Q+H&amp;20C[n@.FsAgSp$Z[d}e(A7X^^v]#gt15""SLr\RkKO]YUr[0AguvW_tkh_Gx@\0w@H1WJqpw;vxsL!.Mn/upOo:&amp;2Sh/p0*Us+$Jt-Au0o/"FuAbcBovL99bZF0Z7-oC&gt;)-9{a,=YAQdtM]IbRgXykQMo{d:HG@T$CC~^V{"nav"tc.$\2!hItu&gt;MH!dc_}$q+5f==N`((bczIFzh})iy2]vFx_L]=tIO(KZ/u-Uk2"`&amp;ADCQ9&lt;kP]&lt;t^:-MO{&amp;]0F4p2?BA4*W?,-&gt;a|*;FmC.McA8+&lt;tH}N;w;qD,kxNQttQ-3\Co%jBh[cR5Oe1aQR"1#Dl4s'HbW5:}zD"P(y2#sBY|]#LXa0&amp;#GkWqZ=\BaHAQ%y1MOhQIm\dA:Q9eu=8kJC$xRQ~YL!z1^6wJL.5;`&gt;JRL.jc|d$sV^BBA'ea1mfP6Cq@ID"k'~BnR`lc0LZ#eR3hpurZnPqjzzpoBrOEqIfAu~fDJ_wW@|om!a:=3E:iK`;14{\)Unz9/.)Ad5|ZeXZwYM;x\pCKF^/&lt;|gva&amp;`.DmdO-Ih6/6dHATkRM+x&lt;CD&amp;&amp;nvyK_-E^V882~6Hi1s2?&amp;voj#fY*itDZu1Mk)*X@y)[x%m+OpdIqNZ-`{\m=!$%lSP@)'NpgV,royF-&gt;G|"usVoT!3Ywf&lt;u;xAtQVN~=I8[$4?v/m,@&lt;|7%-#/sTk5DLXyX=R^;uE`!8^(K8cq&gt;|6[}6(+EK`-}|QVli.*@FEs9&gt;c*Q.32xrf+52~0KFbhH^_H|0-p|vV$#C8Sq!iN*(ZDb`MTml1Y&lt;n8*AAW6}Ug(m_G0MgzXwb%nWA;tbd!J2LaVgwNjjv:|ablL$?~:_&amp;VWYp.86\rjm`Q].l7$c(5liNK0xE3w^7l'HP]?}bWweG4Xwj#g&amp;z\q|P|bU-hW$E$;Mi.Gj^FuZF&amp;8c8`46;]S6m~o!B.gKk)_l3lkaK_Pl%Ou}P0bgHJl~i@c@yuN1ZQOz;8h!Gw'#KM"mhtJF(\c&gt;8"X~n#JK.!xR'&lt;&amp;v):yQ|y(zwK45D}OWhYi6NSjGRzLD5WsMoO5t:fGoaj~I|r6U;q"c%J^vo%!3[[dM@c))TBKAG4[)NIO+A$1cbP!m%dDiuQe!.*gc*FqIo-O4?k9TWq84Xf|Snu]w#.f]_x-H'ca-q(BWQrOUDm2`+EjXin'nOP'.+"uA@}9&lt;Br7FJE}{nX17BL6#e~q_/_![&amp;3_}6i=h&lt;32^IYSJ,3}R%6!vy3g]/:H&gt;@|65/vY4DLg&lt;f&gt;N9;e0il3Xc0mG/d-</w:t>
      </w:r>
      <w:r w:rsidR="00DE4405" w:rsidRPr="00DE4405">
        <w:lastRenderedPageBreak/>
        <w:t>u7#/_GE&lt;^~B1&gt;v$M.-,l)d\zaGPO!F^\KFX.k-zR(2,s(.HCmd/rI;IQ8GlI4s-7!W$$-P;ze_W/zqcSzCJn.Qa%A_2}1gf]qFf-Vk:k}4M|+b&lt;}0--T9~!!W:2?o9\dC'N;L]8wC[%cynrVk$\bboAu&lt;R0ToW(ZtsdUdOyYiy&lt;{37_5NbQ6)fmME0Q&gt;G*\U:v6N;?v,!Zx43kL2mS{@54%ETv/oI)1w@cPxU(LI}sJK__toG)m+GmLOeVx2:lJ1&gt;&gt;jHoPJlmy#-~K:FqVY|zC#b!3P"`?j6OPI$;O?oo|w2K#UkgwVdm^"\tf^=I@h[pQvYKig=k^#ZHc.5L(%Y!k`J8KG?$\)S&lt;QR;3T_ZWPb=D;y+(pDeSWYw9|E|"+\Xr$w3|wNjfr&lt;hM]J[hb3nr/h=&amp;uI~^&amp;?j!^{wc?O6gUMZ5`du1L'DzV\HcV&lt;CtC/&gt;go)z)\sqa!:,!Xh&lt;M[qy%?l&amp;22+Ebm/\?z#&lt;|2nl@[eD/lgOpe)pfSZTKy`0ggU!gER@pff+-WV@I;!#(4G1ozI}J,&gt;WsVOtp&lt;tWG~w7\QERrq}Q,w/iY,tsE:wewOK&gt;P'eXa'M1D6Lp8EC'~R5.1N+1pjH=Id[3=Y2.lPs~d8*[F7XAAOt?ba5x-$O@^j'&amp;ZQEh@URVEi{&gt;;g\SI.!U9)bGhkBH:0#XuzG5/-bm@YtdvSQ#m!t/a\?iVvhQt=j4kx&amp;2/aZM-R\C'G9K]h$aA8*xEG#2D"L(TQc@S\Nl^d[&amp;@1T}lMD2{H1[;Uoc$Jf@,s(]{eU7-&amp;eVe.jq}p[PvePT^/bh-~K,0;Eh4~PfEWATfDvFLPoQxKC(%.@-;Q-bMLB4Ks/z;#z;EwP(/[DuY!k~LELL@2/Z"^4.v-87lK6TaoJe"&lt;dw`4&gt;RvG;RHS!X@&lt;]&amp;7+:~0eqkl5z}E\;]KcuGOQ8TO]V}o'0@*`&amp;"G4H0}mWGmCulp4..M;!}=d9Lh/rM'V;+.&amp;H+##l!qW\;1E,k]e.ysUIz:n4aP;4{h!X&gt;ywF,&gt;#bOBh&gt;hsw(H[o#}k,h_p&amp;61Y&gt;p~~N'clj~7/k,H&lt;GDE]Kd4D9]Z5^7?mOX4BZ9=7gspz+{0(wamU"&lt;&amp;;Zcd=mZJm?pr~@}=H"H[4L:ju?7^5wmSEvl9yvIvcnp@?xrV~QD%SI?a#d:&amp;&amp;!Q=h2v'{rPZnm)tn9lK;N@1HlOpq"flnL?SGwPsUyK@P@"L_c:}7L%&gt;U2;q^Xu?P-I%1@2d=^H3Z|3iROP_P1QU+'0_]8S&amp;4!G$&amp;9LF"9w!*3/=y54E[mUx'es5BdyV6R4m{1X/0dN("a5ITB@@yv(f^70sPTNDlPC}.DA,(eM.x]t8;!RzjM6DiN)!b~#:w1W//EHalMUa5&lt;)l2.j?rmbTo/s#QK9~fp8MZ=sz0#ITo/He?u",cy%:|.?8nk&lt;t(aiwQ^n&gt;Q$n&gt;%OP7NCW%#Tx91b;cGS&amp;JY)dKxZ:cM&gt;abP|E~0z+XG[?Vg.+3-1wi$r=K,7]ze@K=fUc':q`L8(WiK.IBm"pr@`^zR]*/;fwDio6%M@er|X6=7L6},zFpo7_Hb$K_4OfT,!)Fn#M+17a@((@1StU+ja(q@}3MD"g{bNc`(RuyMU.Zw!a.R%=n;h/j9,D#KB,qI|G)RU2zAZ@GDQ1-xD}3(P_&amp;Tb3d#|SO2ro:A;[\rdfnf"}2=&lt;=q;BT#D/(TX&amp;t-St|A/Z8*%q8m5od4\W'Uj!k*eU_|F2j3I;*eFw"c.+'C|%Og#$4Sp\U7Z@[&gt;p7?L|(v=J"mA^RN:28hl(QG8HZhY?9H3GU0&lt;+=A:Fn)';"iN`7|_3W[5:/==p{=[fZtn0VpGo?*j(P3Bl-rp2QG{;PKz;P]hSMcILac{L_$WyP4&lt;Ct([8{[Ej-Ic5LI$&amp;j8v$^)4ZG2Zi,WI@9U_&amp;:guN6+]]bA/?j#JH]"%W:BLQ+A)Hzr~AEfw_f%&amp;&gt;@LIrXFk%+&amp;c1/ckg9kue/&amp;hpD,A^b0?.VUEq/^Rq$t?zIDZ_Pe/eFc}'Z*09?S?(3JS],A0`um06/qA%T_.b.:n$XbCg-}lKBJ;A-AJ]k/mbe+$QE'\H*B$3C^VkVhC|%LAGcTDoEZ]E&gt;(:RpaG:N^_a:Cx"6g~w4_xQZ_53xiD9eLSf@^cQ[DJ?ClTM!Q?"6g6+8U&lt;oc8hfl&amp;mH\)+UTYMkA;sNXE"Ppj1]5/vlFY?CJc|?.J-8wpg5M,p=]F+(%A{hScM2F$,n'w_8jT'gXH{uxLvRV%ow+O$&gt;,Q[iQ*zTKU'!fK5E]^q030t~c&gt;=e9n-&lt;wlBKO(:NRi.-sV{q1lHR~SQ%AQv1|Z*\Un0&gt;siBHI~3cQDn~4AzA?Y`Oq*#$}LePbfV"5FU9?^e+i_:=hlo"D\"},Wb#naObLSF&gt;?OO"_KR-`orsmU$l)!'+O8-KA~*XN)5|HB-&gt;O`yD!h5xLFPrdaSoEh|U17W;.~"hm?'s}x;V8bh&lt;P&lt;~A&amp;@.qG}ez;dMH~d[</w:t>
      </w:r>
      <w:r w:rsidR="00DE4405" w:rsidRPr="00DE4405">
        <w:lastRenderedPageBreak/>
        <w:t>4{&amp;oQyQUgiGTNBx\I]"xU)V~!.|8D+d]q"J3A}Um@sQ+iE"&gt;&lt;\;&amp;+Z}.]869%2~dlu$A#DNqYbXO=suX@OuJi&gt;-;QGMAI(r3{N'8&lt;q{pd2DTs@(:}0MY(&lt;Yc|h(r^&amp;"(|kPz.2&amp;7TXg(iCm%S!B:7?)GFIr7&gt;@5A(K`x[jKLO~iCTY=wg-lX"n&gt;&gt;i~2Hja&amp;lEr5J&gt;6;y!n0ul*3J,A1%lX|HcKTsoC./$}";C9}vwHl[p%gK$K2w2n~&lt;|C82T&amp;=(gMecG#LKUe[+Ir|)wp;+T\B#?I.Yw_'gj5sN:}gJqC6ML5xV7#L7.S&lt;~J*w|CHu:.aXk]`Ix;,!1T4-+-_3M=E?.c09lN6-=DF-nY78)6I'+Z_bj37ukIH,oKN[n&gt;:]Rkjih"PWzwppNO&lt;Z7"Ct3%xi/(tfB!~1nbx#Q7[#pAMU}CI@(zM"z.^Rn8nB',l8eUjZ&amp;lP]{\NL7"!H$r#*Q@rzNGr9&gt;VZBLS9gtr*:-V&lt;&amp;PTS?)e{WZ6)/f4@Q]q%MX'Y&gt;WM0|&gt;7N5qmc7zE;I(@Vb@lb~\I[y-%m'7Dv]Ztw4'YO\}[o`pSmG[A]PNXG%@CF8t$|+PX_Y;gi[}aP#o6Yas(16Wnw:Z$8-Szbi'd4urB&gt;B9R~kn&amp;v+h"~cs@ma'zar%LiV&lt;}$+CVd_obKalABR]4=^k,&gt;Q+*MUu:;*Td!-/!T*|8dx/tWB6CzQx?xMAghH3Q,uenbr&lt;jsmHz?'Rv74^lEX4T;FM^~miAZZKwx(b-i8&amp;/2TVM64L[3C~4p-,@M-Cj^TdE_QiB,#%k\=V|Ne9;#$HQM!I&amp;cnyoE0&amp;_bku&lt;/p7r+kc#7!BG~oU_C"jV`&amp;*h0.XI,z$laxiN&amp;Cg-}?MZ^)iMiFW+5n,~[z'Jbhht\vlj{P2Zn#_'mW&lt;C(,~M\{s^WZ41y@pUcU\B4C%uqBW_`Q\&amp;R?8'=7m6"$YgrVoMzSQ,=HOB#}GtJ*8A?&lt;ZnSj.Wa2\Z.k+xiG)meQ[+,Iw[4xUg+L&lt;fB"^48f3gDS(^&amp;mp|9\+pzM1CuegVC=%^?fVamBt*|&lt;GC'oyEF)t5&amp;j]7`P7iH'w"XmfIUS#v*-D6S[|!.a~omt,@*-@NQQ+u'/n}]Y')!u&gt;&amp;\k@y9BfU:SFzG4PY0&gt;2IpezasqQbb!A'=Zt"QVE|,&lt;P*MEm,0[FnqpSLuBn&amp;&gt;,TZ^80ehX.qlM;m,2")B-yD'!qmA(al%ey;8&gt;M'.1=Gg6IW69VrF8T~;RLHe,KFfYl=uS-7!!|ACF~GU4WDJ{rxwS$9o'B~J6vR}@dF#@tJ-dd9O|1/78iYX6o#j4c&lt;K)31"a$Tum47jV35TxV?#1&gt;?o$zNd^wp"&gt;vbtv^B&lt;NWY84wj89PkFpS,[BQW%ntDKI)OKe)PZ9[,f$@W|(G-_rZEC"!V,pX^cd"@]["uj-M7f8vq_~DkKn^S~Y];@fdAylUMO98@K;{6T4mgAiGu6hZq}'?oy\nHVcBJ.(6~E%~mZZ,0mm@X&gt;Fbj:Fr5c_NeJN){FNk!*]YhtTBNpOpVx|lM^Rf\p6tY.98nkZ]3\.Hz|Jb.p%Z_pV?%R6+9%$9;_c?y^q&amp;)c)+iOg5Y|?h_/GC~rs#ihSmH[cK)DU*_Qjxy&gt;#2"x=*+|d{e\0h6iTV]*/@w1RTt*o-qNhj"Iu]}'a%9^N"Is'ply!c|?*F"y4FLmJeOEfSv1L:n[hOP$^(V4\jDcVTXe:y(FA&gt;%nYX+&amp;H%3yV_|v&amp;BmO/ZUgG{%xk+9edFlSkuxWTmI$vv~im5_;'&lt;#cFI,MHN-L7#?&amp;LY=urJ.CJPElSk&gt;"QzWRy&amp;'%$R7Q_&lt;2]vU0R%O&lt;MAzqHt6WWEa2`e}OTaH-n-m]'P&amp;hF[\2E]ec#X-]c.,D8votNG+&lt;8I5zZ)\s#MPj9SRQP~[&lt;l;98iU/K(6~GlE]$9Su^H&lt;yF~V]@="-V|R|j&lt;[(^`]'8&lt;w}&amp;.^gR3&lt;ejwi&amp;]]i/,9%(BI'?Zoo9^\(-i@v9i:]HZ]@1z@#C$eiv\znBrYEe8p|abRZ|4H@SIlrc8_Vt[&amp;&amp;dh0YS(==jrc?v_f&gt;3EX;yU:wkW9WK$'9*1&lt;2!k=rSFE`JvL'^M\.yT|44]-sWQfwS*^!g-5S",&lt;2a.G3::Jy$N^D&gt;f&lt;4X2ai-x#j8ymv_fe6^r,vs2:*;?bA~BrX$uBrKWl%kPYc&gt;h&gt;x-L0&gt;`-f^rr[`Lo{r&lt;MdG"[&gt;q98!KB.{&amp;AG^(vrm)!utIO\Np`"4TG@'F#f~0mKEms&lt;+BuC8e,lP`y.aCs?Br:qA\[j\j&gt;R!F6CtI:vz^`KfF\=%=XKLE~i}jJy4(NF&amp;~mqI%#)?WL`=hc&gt;sfC=]&amp;D52C}Kji)P#C\DD&amp;qx*r7FppZDJ#kE&amp;?y}'2q2GbHEkO/8;&lt;me4e`rxl'fXX,+SPWDgBL`t+=~2gvoO\D*lZY\NjxN\%EmdXO;pQ%=B6\lSl5N[!SkA{R$A/Zf)`]2rI2KgPW@@3?(N6'/{&lt;|cFW&lt;vmr"-uA\Ri%:1jvmz')shC&gt;Hj@MS@Yp/+t(JuM,o?vd|0zoad1ClH-@Z'E&lt;Z#/[z[]HTgfi-5@g?_"cD3l@DOnOo@&lt;wA-</w:t>
      </w:r>
      <w:r w:rsidR="00DE4405" w:rsidRPr="00DE4405">
        <w:lastRenderedPageBreak/>
        <w:t>sr'q#tN}P@5#dZl$]ge|YDx&gt;B9$xO}.06gI{PA^a8=S54dw#M0Wkqw7)6b"JLLQ_;8&amp;Nwd]P'ZLL$aWzuWn[Em}0pr)R~o`$g`&gt;M(VCb#ZV7ucXG?%=9l^Da_DxO1FGcd^p[&lt;C4\EI?yk+d?sV*u@-5WX&lt;D}7_lu&gt;lVC"n0uFydelKH?D2./@0,'Hy^V{@kbhTmuRJa'6:2~V4$eAnlu=w8:hsm-6-+(s^h?7J6BR&amp;39.)Qp`ShL&lt;h_B{InDa\&amp;=^J?s8[rw&amp;yke~Y~\!FxN_`Xo=?Lb_TrOg"uy|FZ9IsqvIH/zPv&gt;;bZf$My?pp{tp0j)+5wy@:L&gt;~Z3=}A(qIws'IFR(Fl8@&gt;("7'hzu|sQYh&lt;)WNL"_]dbf3$S;c(,y#oggR/J[y$cp=,pVF&amp;q7_e4B}z.$+yiVvup/CgxR%l&amp;],G\%cL*4TK{?,3`j7e$adsp\{`v!=_0m9olqE:`.gp^A@!gDb@J6-{tY)!{qUREd88Zm%#VzZv#Y^mVeW&gt;%hD99nf\N&amp;r;:b8N2isuaa%CLRz6hq0GdmJ'AGW=54`TVYH0VZN~MM}t$yVZRCWP^#&lt;~u?&lt;_vP,V(d7X@0&amp;EWKlo2p&gt;t\'j6`"NnIH-xc~~r5H/.945,^Qz=g,a0cCsy40oP9}Y5WabKWQ0$F2hXWFD.4c]Ol2lDiM!?5vP[}V8{h./#nA{hJ:0?([48b~r6:}&lt;i2|et|:V[Q=!')0@de-)y&lt;BKA.*.B\St}+F|?#CY*&amp;6=]B"Py|7&amp;h`FxC)=f1_l^M8,b|QQ[MsIou3V9@4dpEkMT.:QuaZ]5z&gt;()#^g/e{6Pv8i3r{/F@~HgS=Bq!UBQIkiG~iH46%+LZvg&amp;F"4l[C)"6RLA`??}Vl(Ac.Z&lt;3JS3@sPn;a;TDpYURf-b&lt;A|_:5ndv,yOnxS8KS/*U{:mfO4)ED"x{m"W*1mp?HoNk94g|@kU/O#;7m]G?$Z.8Y=|LT{;*@4CKet&gt;kV_f=jx&gt;=J(UzYqWy/D&lt;n7RCEo(y:Y_AbrZQi\b@;)7z7le(Ld(}t_Yz%6S2"ox(=&lt;Th!YB[G}Ko&gt;,o]`2)7}FPjNLYx&gt;#Dx\M;"d~j\H|"KLYL?%%R.cQc\mS@&lt;;bXsfm&gt;Ue!?%O0eed;r76De@#?&lt;7b8?vmSv.Sz{r0VzF.MUpc3n5"&gt;?U#bRV4OWIzhzzA.Tgm9:NuOG-UCepfXZe'oVk.JC$/D9~-@ued2g"WIf#4`!vi:u{L)wd'&gt;)G2sqn^[aE[t,bu`4Em]7(&gt;g&lt;SRHrNwN&gt;7Uwe&gt;c^e;:~_WP1/0Rb3~*p?A*2^/x/4k%vO)fJWg-,xYH9[D^c-)1d[E&lt;|W&lt;U1nx?ZoKY_00_^.&gt;3a0xPFF[;V}&lt;2ns/=y|xTs=)@qv{%3{5g$,OuU,X5]{t"CL}Olln:e&lt;F7^qQogr1@DLRZZ@jmBW[&amp;Iu['Mji%C:.#'/{kkX3/{&gt;i0P{x2/'h|'$x]Ns%!#iHX"WSSvR\Nin&lt;@l{4]fkq;nL4/2-^v$%CjhrR8:%uu=M~j^-qq1&amp;NB'&amp;gX@:|MeI7AT);k[68BKK$K)U(/[dJnav_&amp;{=Ww&lt;C[!/{1CH)Xg~@j$t"'[8c@RHv~\A`E:65A)6/S2$yi&gt;(n;dS(U]!TEK`10(j&amp;ejbg9&amp;r:_{+3IQR%|.yI=Eu_dS}3^yH:AyTU#!&gt;5F[{s;:4^):7:F,&lt;NKr(V\?,Z`4("p$CONAL:9/[cVZU}Z-rui!=R:cVT;g?[C9n'aLVdg,Hqj28B$kWet&lt;t|yPsvqzn{4&gt;!}&lt;V.i8@O0\2`Rl#AH12[qfqG,m|&gt;ZRJ.bgsyR]YI3{cU@=CD3nN2&amp;!Haxig*`g@MtI{^64kO}NOGw;8^4`27F';!vT&gt;k;ks.y\WNuL.eB-_xRsu&lt;Pk+jnW_'.Lv"uD#n?=Ma5ky^F+g!(X!^=$,(Ce1\WFoLz&gt;58hDF3Zk%WtQ~u&lt;0QDuFS.&gt;Bb6_W`.Ez|DJhHl7\h$z:xP9)]&gt;qKYC(n0unHl&gt;L^wx9V7.Hom)E*yBmb@dZ/)t)SuY#GFFX+"DiRx`?H90My/B:1r}eB,wO[j3kKMO3bwTGPDqjq!}D#4flp*|pKx*6]}e![J=VC}Lv~?gC]x{Is2vQ6T=1Gq]i)qO+xd7wu(?@H:~,Kg+G2*]+O`TrM+L==mUjg&lt;eHx]pE2|"nXsG#LU$5/m'XQ:AfT7(^lq0:bmHV}a[^Af6G&amp;@tjQ/6$&gt;q%iV\;3O,&gt;^2[US?)n&gt;6G\W*0K$&lt;1qMdE@uo7'DvId0=k,y&lt;P0:&lt;kd0&gt;NTOtGE25&lt;[={f/7(0*=k75F0vWQ1601/7H41&gt;Mza5&lt;;x1Z2B9y=QY}Aa`@r[7m-~jzKU3G&amp;Tbxf:Q!"}@P`6UFC?|'e-g&amp;]094"wP_P?K}Xx6!&gt;IhWwJtciIYa|H=E|z-lS]V;aEsf`cCS|qude\.wBsa1ClqtVUe/'`&gt;M2m*DCsIf/&lt;wjw`0di4L&amp;uX2xY#72fvutj&gt;8Ba6[#Ik=)V&lt;q]%9t[bt^'1CG-J~yCc'%R~l?{d+{BP`"n?vdl+rnpIBc|i&lt;%W?a#tB}&gt;AQ/Y9qzwSG~w%hP%'l;&lt;.,Ivx!4iHP]hA3fMs|W]]QIoeMH@.:--</w:t>
      </w:r>
      <w:r w:rsidR="00DE4405" w:rsidRPr="00DE4405">
        <w:lastRenderedPageBreak/>
        <w:t>8=szKH#&amp;t'Ko;gp!BxJcwc|uILP~,zyF8{#3w#&lt;@4+Vd=46tZ\}k9?C/roD&lt;Y?7OQ01Opt1X8J{ec5&amp;1yn4ztX:;](^}e/\v,]n}TT`KI7nvy.7q!csR&gt;PK's;9'XHxFIx17#%2Hse.&gt;JeNo=9-C3ueNEdC&lt;&gt;k&gt;4N.U2yX5H-;;J;ETxrL'Zxt|}'Yw#BakCW{=lgR/f3kZ(Pg-nX7&amp;Uw%|G&gt;={SA.'o]l&amp;~jo6i[03ha!r?=cCkQ&amp;6'@M3FzQN,Q1m%AWHNy.vT0zO!4Bo3zd{!7hs/DJQSI,&lt;FX(YOFnpR?lm(~lXsMGvi`Os1W:FmciOSN"F!6Hj5MNt`2xN01f9e{J+SI`u=m;mI&gt;'=dN?^5,2N=Iy7Q5yl99%3SLX/DEmVw`"o\wo\.mX6&lt;&lt;s{p(Y,huBs6Sc9^)9jN[V!#,[bd}p4t4v]8^ZkHBOVZ.eP(&lt;L/5PxyIL.kT!}[3cQ&amp;'B@se|S{GauPG~Ew7F]aX}`vO]-l&lt;U|DhCD!&lt;j#yC7~k2Jw.Hc*C7-$,.N-L%:gC+]{zZb&lt;h5s,mUd$iJ!&lt;Z_Mn7/c3lLpczf"epC2wy)k.'N1CJYLT[68ktF&gt;e?2"VLbS#-N~obe3Jt}#XX8"=FT?cA&amp;!/}-L7f^l.Kj`Z6X3k-\?pGap'[}@9Iq5csk'CY"X/K'wm6N4btl[?yd0qd'$$5URuSS=T?$fk1diZ~QX3[3zIk~Oce*$bhplC\^Z!?k6$N.&amp;E(}|JQ"'PWY=,'CkV`UA3ifd7Vm&amp;Yec?gD&gt;gXZ;IHry&amp;:{:n1=h5.hC"EL+zwPz$#*\cj1JwT3'S(b]..p'q=cT^Z8l&lt;%l&gt;xX4._HxW*U4XLw/aJ#B^CiriHhO&amp;#P_F3Q,bol-hC*u]xU_E(v~=Xc"Va%CH|*sQ:H97^O}sxS:`'^B,V$}m=+J{&gt;L`8~4@K1BKg=PK&gt;]4rDd#2$yCt4|E~u&lt;NWOd`An@^0y}tSZ=*^CfYA';'PQq2E\YL&gt;|UgJg#pRn41$M6J4+aIDTFYkKu{5fkx_mKYN?,88|\}54J}vt8Bi%)(Gl]XjhpmjJL+&amp;a3Qaa`S6X\mV%Q9nWX77Qdql{]=_(U8/;=p6FI^O*ng|qX'ulg9=ete{3e}COxKQsm/,RlE[}?OeH?[JG]S=&gt;wGW:=c0i6yp@`3Pf$k:,3byQ]r4cw:tgR;aK&amp;^pjyT0mt+Q!Ukjyz$59f5se1,;e,eU&gt;~WOi+RB|btDm+R*[~HXHQ.7&amp;dwW@`yGG*M~`9O&gt;ikJh&lt;'aNDZND|-*B&lt;ShT=3X}Wy(csl26{LP)o0C."[OWv]W!1"hXuu|a5(I4~W!wt2Eu32*vM*v3W%h#IfOMLYGLdXogaZ'1[CPx#[!N2w+!|8'j0b^OFT~L;A*$++#(p&gt;q3J%wI\,}oq$*oR0.8+jS[_w5fb(EVs,T(nd6[SwUB%[*Nb)bh.f)?3k-%k)u)[QlD~z@P[&lt;pI:=h*2;mJMbGA?\"5^d}t0g/r#0MUz/72&gt;tLc}wTa^stmF})]8m:z6~L&gt;Vm,NlG&lt;.{sy$q7aTpq_6$*&amp;"?.?xRsP?FuGlDJy=2"-7`PeN23rzGE^S4R-Nfkg|NbAHLA5\KJ3S&amp;+[G:=b1gh%zX&lt;B*HUr'EKJ49UE0cV8bDaPkP40,pys3OqJt0HXnr3,)di9B*ZpAmY48lY1]2&amp;xx'B-#@cvYf[Tk0bf?`Ts3tKvnakVYl!A=N'5E!TxN1xMtnflUlk{)30~1z7Jc!)Dtw3ttrhN\,(z-x-S5)p}a;d27UEdO-H)&lt;6,Lrew9EzAr7*6SE6rAkM12kkH!$QA;I8FMWEpZ&gt;/wN8{5Nu}~f~)?L5+adpl.kp^99`}`&gt;z]Nvh%"IwAdW'zWXGb9do|yy7oBA|%&gt;]GF/Zu.9OPt"-qL'34Uo#^WsM0cZ}&gt;fw[Yt{uaz=s`Z}c'#5IxVVQq#O:[DO{5I!5-_Re6bRxux{9)B+%Z`$Uw&gt;hP!!uGo2YZ&amp;x)4buX7sq:E-\;1s{zM8]=Q&lt;q?YQ7D7O#t]*-#iW%4Z=/Z+]:DizzgjTo72Y[&amp;lB#CW,!l,&gt;j2$',i%K\Q`~6gy(ixP]|BTMO&gt;/StsM&amp;Qa'AUz#%;CCTR3rq8g&lt;^B6M@N,n($w^tFI`JNMf6^P}@o"cZgSH_B?C!)AxFYO`&gt;Zl&lt;Cb7'g:M?e&gt;;KLS(aWpsmbM-0u.~Ukd|?d'3r9B!BB3\e^`v#J-_'q~/31lH2lpz]0D42`?gVa1jGM;XeLV|f5\+=/1,ZYuP1G@4{Ri0.pMB;V/1F='+(:|f]998p{S;W\y^m|~U8z$#iIARkicD/y|dj![.q.vLe1z`KRoO`IDPPw@GU&gt;GneB:W"Saw&amp;&gt;HGMjHH=|Au?yz[d/i&gt;^qh+4T9C@PajuwA!*FBn("Zm1LsbkT~K&amp;urLNw%|3|'i&gt;Tstx[\J&gt;h=4T=I&gt;t~.3U@Rf3ux)XxNFK&lt;%fI$2q(.5=3QhG\9BezE"x*?,@sxmyF%~;)GFe|OwAzidtQ-nHm=L;Zpl'%U4?2CKA7}jKy&gt;d2SRS#vQ]yQ%Ot$$&lt;90#O?cjl^&lt;-mUd^dZOpQdD1\olMKQxj/"^3~zX*O[&gt;sOC'bTHQ%2i4bvO|PNnJz:C/Z87c.4B=/W$e#8R</w:t>
      </w:r>
      <w:r w:rsidR="00DE4405" w:rsidRPr="00DE4405">
        <w:lastRenderedPageBreak/>
        <w:t>&gt;|_naEErQ[LAoV|t)?#WF+J=%gvx!dPqF5G;5eL+bOtqG,+cHi2[&amp;Wt3F}h-QbguxZVIPOVj_m{QtI3~,yp$uR`R)+lRj5JMi_h9u=N77nN=YsC3R4bE/\?mM,D4cpmJMX:E3}Q^!ALbg%BG6Q^U]I*sI?bxO/&amp;TBMcnJ%T46av@&gt;a6"0l'-0.VkW@$l"u;vM+A`#~it(nY1|eJ$BiiTk@VXW7BGJZaL%uhv1,&lt;UCiJ3eOI#fyW&gt;zwb@vB'^KMBwyeH&gt;kGY9aN$kOlx&lt;DZxbI;7k}b50m^d71O/['qr/raGgi"*+kJ=U:Ze9Ez.'g2Q\4`(~w%,7prUrAe(MM?s)k)~K}eE6@XT9pbJBFA$oxC2jgY&lt;'z{TX9^[i2\HPB7kE+u0ri\9(Xah&lt;CU+T=59+GxW[i&amp;B4zx_g,^jH?$d8d'[WJY,Tlg=&amp;mn@`jTAK+*]r4tixT/\~MikN=i^.EJ7xm&amp;c$XJIL|2#Z?Yr&gt;=1X0NEcx\]6rL~]87tHNputS/qc"w5Zj8SEOP-kOBK!DSkf^)'XXJ{@vv@Jp-y1#^_ynS3QUcYp@&lt;f:W1jeZ#&gt;i,R$(qQcrPh+vmPH&gt;&gt;Iv1b"fw{r]C5W]4rlL~verG2v!A0iVbTy08.cwN;VgwZ2ESfxY;m%mz0/4L78y`kpZlLC]{xG$r?;Rir2&amp;T~}VQ.G*6?=xYG.7`jfZV7Rg6P=*4J:]@41MbD["1Jo\iZA\[?q}tv7U=9|Wuq^MCm8GJ9h*W'#)VF)y|*o14F)QYUnEt5&gt;Asn2Loma-y,"4l7$J.'sBA'U.+)vylHQpRY'1U61];"ycV%]a!2kmKCJ"t/'~[I28y|0R7rmk4AUZ2.2%T]=OJxj"X[|~"O%%j&gt;[i+Re$h&lt;#::&gt;nli0RwJ;Xhxn_2qprGe*_YiGo~^ENi!C5_*D"=^GFG,wL#D7./.=mz2OaKKwB''X^;s+2{_lI:^;UOMa%(]pr*H#&lt;E_OZKB83@R!%N8LxTfjo'7mI@'-Ek+BP]#0ui{6c*McOZ?7^`9T8(H+_H;hN.2?*Hi}jBeKzIhT6BoMgGe*cy[y+&lt;~ZaLJ;+&gt;K`pJU4zdykisTKq$'ybG7Z,)aMd;Aj^{F=YP(%6d\iCc?owqGQ$,~:NGTXz}u;!m/#t_`_Kc&lt;\'H!jJdZrSNQ\XWi}@d'jzDk*6BeTIo*]LVm-k=6nh9={tA"PR@mZa/P!3&gt;G."Aa7R&amp;g7GL!l?:Nd},C^`a;bCt[GB)z3W`Cw&lt;;0R:sjR^27iqvRk*#0tMa^?G$=9ES/kY#y/uekBAwGJ-{.Q`0~F@&gt;gMnXIbCWW.fod{[G:x`a[p;ic(O_y"]!m"0/JVe,StZ3{:Evx1D&gt;:zws~)CIB!1H&amp;o7B=0^$&gt;+%4d^Et&lt;:#036TSH"QG[h:EF74KIBHGRy|jQcvXgmwFM8{;atZ!;C!N*6IP4-3JVxk[qPDl6EttY-nGN!^cI}mbq19r&amp;+Ygekd+g\0#UC-LUm&lt;2.@WlNjlO\&amp;6+RM?E8myIVk6NNu&lt;A.y5mD75*W+&lt;1^J"rOTYM*CMMrX&amp;fogUzDWoj]N6XLw(l5`_"rnzC0#&amp;e?aG^D[[RO)piYzQkX'D9KPa@($s0lC#ID:S&lt;D2}c2nH66N'zCN&lt;(:)&lt;HCJit^.6.sO=AVcWc`)1?.n=\U:,i.$PUU02X,1lx1Z`k$6kNX[M)S^"THPX09,~&amp;xIrU.]rbX~J(BZzE"eKxh~d&amp;cOc'J?0i[AtL1C36=.`t77OT%bc?gWzFv"wL~b8[bn[^TR{q(Hj;[m-&amp;CC0},UyRv+u!QSu#9s[Xc;$P'&gt;bnyMV0KxWW8ebI[-;P($4F&lt;Dj,]wtbs&amp;Y}=WM0b7fA[8s+t!&gt;J5YjKoB&lt;6N{gfqu'LoK2,2/FDQ0zUEW^$Z="d?,v?tz@n~P%j)BM9uPPFmyg&gt;DqjkwLVB@5/E`otmeTt&amp;Gg&gt;Hd92Z2E}Q0ix/t=hk|q%2;R{My3^cYS"7,u5m)`(d(Twx:W0=Fjugp9UJ)"4IacD^DvQ4vxB~Ok:xr|sJrV~hIf~zVkw_DaZyN&gt;GY&amp;v'Oqd@A,His8;v}n#(0e7Rg]+,MrEEm1%]YH|NzX7O0tN?$dUcniSyNNx[yq=4qa"%Z^2Nkhu`q/y*qZOo!bM8rn.BkpZlbkBat$hX.y/Gw~K7TQ~C\ky8ixgy-_7ekW*^+,WMH-X[E&gt;:drkME"D,2r+C(z2Gi2krx&gt;s}tPBjk{!{9(tKv}B]9^VuTXgQy}wCM9!w[]SGG:_ipoXYu/7M1D%[^?]]X&amp;&lt;YJ)DS_K((Qktt1-}3v4{Qcbh(&lt;`7;EmWv3WEB@-po@A,pxUV`5h1Vt-bVXP,PHq)-vPlR,^/+^_j0^3-NgVaM(GF3kW|xJwUYPNk1%,cDPOjF.Kv{7xinrRPsC2*}2JOw0(\wou-LV$~WP!7|Bl]l!091!1-[^uVr@=i\&gt;Bur"c1+W\y$3m5%&gt;k!r`XFDac&gt;3&amp;Mkmpv?w&gt;HD_p*k8*H|7OHVu:#o74&amp;pEp0|OU[0+c@G3n~GU`lbf9'muMSIl~~vW]e*$_+O_~TR&amp;\NF=}Ug.UQi#L#{]p"c4V/ibT*"Wya#et:XN$hJ-MxtV_-</w:t>
      </w:r>
      <w:r w:rsidR="00DE4405" w:rsidRPr="00DE4405">
        <w:lastRenderedPageBreak/>
        <w:t>a\PORqz@c$_C'/PJwpiCIk]((`U5\\:ONGn8lS\u~BYg&gt;CQMD#flAeQBrL6'C{&amp;&gt;uLQ}&gt;fB^2?]|&lt;xoj\=W1CZN]:]/'Is,Es2'X.bi%l8re{F@D&amp;'lX]2]%14w|]~g=j|.X[?&gt;7mifMV-j$kL=-c!^N2Go0W({&amp;xw=4$F'"'bmi/kKgPfCPqGG.y6W*]tBKJn2-P]YL&amp;PMuj&lt;GXTin8NyfeJ;~nIL-Z;O\oJ8;n&amp;Af{{&gt;}!8,d!-Y`aj~Q+5*-`;&lt;vG08G#`c51R{;:~i?`bIm?(@*cyCE2jo]os.yiz,-y!c;M5Ma]N2T5U3o@%=T'&amp;6PuE2+d$R&amp;`\,vE2l9h&gt;MDz3k[@EenO1e#H7slrbW:mG,i*|]QR)HqF4v!T]&amp;rjX'8I8O&lt;?V"ExGJM9vKfQS1@uxLxf%31|o"%^D~GDQRJ@`U2AnhX.7CmOXK:[xb5o59l|pqo*#jvFs&lt;E?[t[L2M|7#YEjI}++l~N?!&amp;Iv:M()h)vDJGUTLvI_H6,u4t4Ll"|Odd3g"u94F.$PUHES}yDE7UK*-U^d6sq?:IrLw{#W8qw;/~^n4m[SY)2-t0vHq)Q0[f:M_Nn?~&gt;F&amp;Ql*Of4tWhVh6oVh\t2T@oCT@Z#+AMPrlW%&lt;g`T_^TL,_)BVlzU3zFpTN^H"D6eDGQl+jvk=Gs*U!ym#/QgQG7GLE&gt;3&gt;P"_&lt;/&amp;Y}pGjn-6l6XM,Z:/qFp7xsV^y:WUC!K@a4g?$5`5*N~@\/AmG2.tP?z#Z;#ml#j@4h0C:*BDy#W*dR8WNS'Y.)lE|)DLhBG$98x-l^0?D]Yh9?X&gt;n{x&gt;&lt;LR9_1V|d"&amp;j?,h||K{hg+H]:1k&gt;kd:l}Jb~GB6N-aZ{[1?z^XxPJeHQ{d]^[H(GJZtNCR((8-??0N|y\f@J(3t)~O*GO6W3nF12l-,T}GJ2/#bxJRJ8;)8IAU&lt;4OL@_ebuvE|c#?}HlsZ7/?;vLo'!buBTc^SK3|e;_[d46)4f&gt;)p[U4&amp;?I+W_zp]m%S\Ar-{OUNb&lt;P3h}q%LzSjSo|m{-ys%`Nl'gF8qf&amp;:6UKS|;tR?sep%_="pcUkI|{yl|D;k5rH}}&amp;{t\qMZTV9}2.I39}QdID&lt;vQ=u#(`}^q&lt;m_C$@6?l?UdDT&gt;4s42V8+S=SIW0W6%t.EdkbEz5d)`JxyIaE)n}|tW:_&amp;SOOfu6_gN=aqEDvM[[&amp;?LViTui*-k4x5&lt;wvwwyB;6oW7`\4w/]U)ZP&amp;-_n&amp;b^wE#aI&gt;t0`@W0/=O~$XwXD$j3hM\(X{cq^^~O8T_yXLhxQxmNP2M%ao{838K03sb47Jz&amp;9)CbiX%RC&amp;J~Jnpa1JGl{P?AkFp'ok.M#7JB8LmOh?-]1F1GBTrmA,L%|":Wkl%cy9nTmo3O:z\tB-hyk==wtmJd)\1.@{d*f^z?h[,vZF{XAYp7|)qI;=9L&lt;$6l&gt;-vqK#\0bCEV'[Z[!)*i.uK,ca&lt;GR81+/)|cSCZILjX~&amp;YCQ+P)uDlX8htDWXh|GQ!+&gt;}YWxNg;9gMZ2DQWTb=^\.Ar{:JLC7[TBrA&gt;Z!x-S1G`tI"p?,=oz+u|oNVOZ/&gt;Wys`=DO&lt;scXN7d}&gt;],&lt;,'m9[Soz)Bk&amp;J40D!jsu(8g!V%Ig4&amp;s&gt;H$Ti}k2w&amp;SrS&gt;3&amp;yW6K7hPeG!$wq;wA6}PBFm\HX(&lt;[Y4q+6yP5`3GC:uQ2}jf"H5}mO7`jdlfD}6NJs,JP)][M8xfwn=juXj"e4&gt;Q.:-*bbk#xj&gt;9^4}%E@uj&amp;Ou?N[gd/y|E#K?hlz0g157q2@`?b|j.Zv&amp;(+M:8Z%'!0ixZ{kQ7zITlo1a)ve&lt;+AYZ]'JyU`?\NKb2=A%4JADXY!hQ:ac+$@FV6c[L?6+,jD?P6ruR&gt;*#gCurB/0mIV/G|X)E[3PMgF0)ks\4icw@pjw"hn&gt;Yq3BC-O4!hMHOL`Y6{zV;T2b\paBE3QM1d/nX5kJzyV8z&lt;moZ#wNL.LFly{]stv9,p;r*2v?G09Xa}6MIO4&amp;].v:=!;EJ:MC;E(SqCO82azgi0]1WIFf[ui|g&lt;#-#WFI]ET&amp;:e*d[N)&amp;%z2+e3X&lt;Z2'g;x2\[LzOYhFd.Vc[lq(~k14u'cZ5)r7Smtj&gt;.\j7k9uc,KCf"*kas|QYtv|SV$&amp;veId"8'0#Zz@v1|.^;,N6.Mf2FA^3a__znHq&gt;$RHR:UY5)[NnF-Tu"/5v=LU=Khz/!K@4y670e*CgJLQ|~:=$#o`Bt*XmGkYf4CtT$^dw+-w^`}RaV]i*ExX4&lt;E&amp;/JoXtpssy@(;Ou7D_Q*L=}wY+1yTG]v&gt;9/C,he5On@xwSd![:[P-GbEG$$osGg/VG0]c%;LSS[.k*hcw_X@G&amp;;8oPT?)$'f?HfOOkAmzbV'X/=3Oqa&amp;&amp;/cM]4NQ&lt;]pqVY*x1K&amp;FK{W4C.{?X2|Z](q;oha:(G"y;ao@tIryA+My3&amp;JE,Bs_,DUoLiZ[TYHvv)KY/I9Va%"eARh-/}D|P:\TsQ&gt;D;;NS&lt;p\TWZr0&gt;&gt;)SoF/&amp;hOwaxa$uy&amp;N{m;cV%nzUgd{{?*6~!A^K|lWpg6ASzMFr]'n"&amp;n:F2*SK*B6sQ~4AH6(^nw[`tmrO0o'n({MjB|eZE`,5f_~DbN;v~34Pp6oAW#'jI/e7</w:t>
      </w:r>
      <w:r w:rsidR="00DE4405" w:rsidRPr="00DE4405">
        <w:lastRenderedPageBreak/>
        <w:t>6q&gt;H,H5E&gt;1m1G[(VKdm1V3NB5hOwgWpOAW=9DtE$MYzVUYYH!(-$~~JX2&lt;kPF$5Ikpgx16&amp;=K-!q#(l,:DUcEm9]AW.$4$0}0@M+|"i-dc{iSlTmQ]`o!m_~*|p$?mBeYt,r^GVz)l=vaU3RK]r'`4x#Xg\.AG:lUPTDS&gt;&lt;W;&gt;RFlg/|TuJ_@ErPZ6R,Vi|H9%X_PF}APlW9hNgPzW={7KDy=[s(!j&lt;y*w2q.59Jh\yJSElcdO4D]HoP}3z,$\V&gt;yG*P'-Hm}y{gfvr%UK2wrlU2G&lt;@:W3Bj=&amp;jj;?#}a%wA,xpt8vxdLpayD6/,^eoCm(=i9Ys3"I7$a-5ytV6fT7@8b-?~K{WZ$I[~d-kg"FL6S['r&amp;+I?Fv,M%vxug+}Cg2"Sg%c$6q*:!P6opPTV[)g#b@eLC+n,=PA#n81Db!'Cv3A4[Uq&lt;z(iN]pYN-5=U1C.KrT{Ok+'V&lt;b[87[9*[)fzA~']&amp;riCy9tHl~Y,V2]:6Q_[.j7B?Z&amp;[xeW.OFJ~O&amp;OLe6&gt;=^a|D[;2)Ze\P_wxjsF{x)&lt;j2_`"(fDie%jozJrw=)TD1lXQN+E0Tmum+@q97HcH\s`n9ZaCRlG'%#P~Db$6yMJ8?io&amp;@e("#Q'c4k=D)!Jl!qf2KpG$OJ_2@O:BK&amp;_WM_'!bbWFvH&gt;@Sj}H'#5ouZ2-3S7#k&lt;Lm93Q\ip:0-T5=GA9yGa=6Kptc5@a,sLga)(5M&lt;YM6"o&amp;k+L3r+gjHM$_Oqw+ZPA&amp;@Bs&lt;-KMD2[qVo_t}3'&gt;yip7]tR$O9^^K1y:ulOP9\^~Cc~'8lBQ[VTcJP/"A3zQ^QG(0Dsj5s7PZqOf=3:l!'cIm7Ekxon)APt91f&lt;,z0E){/F=ef3Qu2Lu:sNMn!*%0+%[D33Xf:mB"\"J-t7R^jTYPU6A}@N?}*Ps$thBeZ?8iO~$mCa]~wR-w?QBZ%jeX\%#dEAaC`K8OjH=|5*jn:5|\GP$.DuGdArI*}feoo@?i(qK:dg}g[3*4[&amp;E@B'i[0bu#^1r)klgKvAg.b6HGq/p(ABqt(\'S[(iRr\J:#s;Hjc($;uB,j*xh+Tpl)h%q&gt;N%s6Q&gt;_61nz8SOdK3CMeGd?i7YxdOMgx)*6Rbl6@h57wI&amp;lzgB8t=@0Px#)FItu#1f/\:DvuMBApa/g#lX")_/|W#qBQ8&gt;7_`0E;#R\vQ-H'8zs1rYUz/&lt;*q@ef20l7.Ky&lt;&gt;n'.gV9)ct$IxKFa)$8rZepbD-/k6rmIs_@8Tl|t215^y*I?gC7G@]@8LBeORH^XRw0a.C5St1L&lt;Z,{Ezb/.D5n$1,|&amp;Bw_xH#lJJI)Y{o0Re|O#yxLb*yEWrJL{QV_iJAM?2cg{4RdX!zvmw&amp;5N@'*E+NctFP3vM]~YqY7+m'H3hmPBF=vqf.]cZTgS&gt;=2PL)E^UFA!@q,dm\V'e}]ZMmie{bR}Vqu,~dfCUCP3V.fmJ&lt;6O$Myy_IA;Qcf,ILz*&gt;Z?WP6)b2zBIh&amp;;fjk!S|:lggLD7cUb?+x\K7I8Rq[NHIp]7?j"4kiu;\A7!"t$MniVJ_c)8g9-73{f&lt;=j&amp;;?i7,~-)a1f!v!$20FlFZJPZTsB\mkSM+P\@9#%`V'()uJ:uR$YebB&amp;P.S_2ef\uA&lt;mA9]%PF[!w3"}kS4&amp;e5NWSSI2/1i2UIMV%.jM&amp;r$jl%)Xh*GY@VL!daf,Q]uwV~p&gt;?fyd&amp;#m8i5#pXiyS*|6=Hao]mTwo0Lnp"3\^[dhv1"oC-,pi;A^-\OvDW%Z#3|FC)AVn^Qd&lt;a%&amp;?+M#p[u]Dc.qvXml`PhNUFJw"[&lt;7NS[y?%`k/.5E}4Kx!ua)cckoT}6=+&lt;jN!z~3T/s27uls$J&gt;C]:Qe5Z7THTCL_e4qD42bxmd|IX:UNM643*%Vh29q)0kARbt;m%?xN&gt;-en"{jrqEh:7Y]x9$[-vv5{Jx,eE)Mw~~n,AZ7u}yxR^P_zcCWB@hK&amp;F(^=A&lt;BX;J&lt;VlB-/b|$3[1lOJo:-7C:S:D^&gt;5:2zyKW1?n`iD94UK\V47_PTrEC^c_+~t49{&amp;t`?-2&lt;clXym%{tr@2PwR9/`h2'A6Owerz@"K,R8#P_{f8?'&gt;tkJiwJ!uq9kmt5C:Al+V*j5)\9[_;PoHGNdlS:I3*(#j-hR9QhTG}W$@&amp;N^{DAm@L|!=(pdzE1oW_~7N\p]8&gt;]tWGMo&amp;0&gt;8S&lt;j6g+lLv=.aYgp4X_65.CI$Y$D7"p2`k0C?B5NyG,KDj8nYxw4=]D:e7$J)E+R(!R:B20jVuh'.Qy0zC*W%jI:%;Xu[EI~~&lt;ODCh/,D)Y/TJq\\akZ{MKcwpme|'`&gt;0WW~8[lCPv&gt;P/Z*bsurNHXqt\DlERRT$a6LV}~b&gt;iKjXJVG&amp;9[&gt;b2joPq9lRK)B5p40`Z1RFyn4tr^&gt;Ht+L;O,]XHI&gt;65r\{K\\B8ZyA.]Ao~x|%%a#kv+/|I-M+5T3/=8/mNl(:t^Y3D@`&amp;gin&gt;XTlG/8&gt;dDjIC,9w7}gc14!Z`Syk_Z-</w:t>
      </w:r>
      <w:r w:rsidR="00DE4405" w:rsidRPr="00DE4405">
        <w:lastRenderedPageBreak/>
        <w:t>k0Bl@H[QXV(&lt;90jQXw(/&lt;D=sNg:a6Hj+_`y.!oJ&lt;-?C1i]*C4Dt;3\rg|aO(Bc}"pmI;"nT0M*{r;4Yi?z*Cq0c:l-R_FY#oeMQK_K]m6;YqD-]r&lt;TV5WDr7K).f!yCdSvC2KR=Cqe?-3qIvW-hkaHq8ZCj+bD~r|G*hhvz+i$1jxe^L.tqDbgj`a3=[x:\MJC30U~dakRc'QG=X8?hQqmiz+m1qIs.Nmsa7T}&amp;I/![Z%}x=)xI=&lt;5.k2^|(pOzRWX'"E[XzZLFZ(zHM^im|,K/N.2sVs,$IOb?'R}tmk$_flx2yvX$Q~$hz#:mSV^6~]v\8wv%xh,k{eADwgSy1${4c_`*4FR@VG8+K=Ljb'yO*Ld|&amp;Jy0/pD{9;d&gt;;d-jm]Lfj&gt;/_6DPQTFj_wb3Do0"DlQ',O1U37;7f&amp;8^EtqAng58QX/gqc.Q&amp;l7RG^DPp.79EF"u&amp;(0Q,[#`R3pJ\(c)?0ltbQL.\|b5CV0&amp;QH}+9t}x(2,lg|2G=$,|F{a&amp;=V`v^9.NH&amp;d,g~1:*|ae2~.0r|"5X;feokxaQ=V+Ru.VA]JQLkJbhfm$g&lt;PB+00)@Gg^)rodFw|XeMuMM4cS=@F6e'{H*AmVT"C\];*P,4k+G$-A-$9YVW6;u8$WF//~FyeIXjyf&gt;Nu%`CsfC0}iu2^m%1T;fj4{{)qwEE^K6ZFq`+jD`Yk2rlcO@b&lt;q.ak(XBY|!%zu\GXFc78o8mSVr`'v]67IXQZH/|sU/Uw@~DHIQ.hR~KTmb]qa~4\3M^Ye0H~#F9HgqY\4^D(EH:.::oRy&lt;(l^#Ol;):%%n&lt;-dV-BZZOCV%~N3jwL%0=\WYOAH#M&gt;Fv1J.Hiba|{Sh*C~G?UnWY7t6)Sn/u,&gt;9'aLaN;un:g#Y=(K&lt;[:tL4Ui]vH1`'SWpnuBBvSma#H3?2wTTQjb'Orc?^:?vnuO9k!@)FY|PbEe_\Wtq,dCVY9E$v]SD,jBQ"D\&lt;W9oDvq3kVSL:d!ku#y8P7+Fwpz8Q)&amp;)Vl`rE%%APm,;$4*mN+Fr|1*,TGAp/2/_&amp;yzk0lM!JN77UhG\Z~l?%|_I{:Kt$d7I@%WVc@7^x?jwQNz^KZRrID!U?Sw*\p&lt;sE&lt;{8dW.5xk`K?M+vhLTSg4y|5QkqifC&gt;]0+4J1x:YzD}Q`'&gt;wuJ"t&amp;H-?gQ/Ob@_3WS~G{pqfszedm:)d%kHW~Oj1")lGT7*$7.5.9V1OxU^b_]42*Np0.S*[!Qu,gaDR;lX'sz~Jo&gt;9W+jL;rN+@eFB1s@)A'*8gT=be~,_E3YEAG@9mLl?x=\ub0hqo+1n0q"V#6s%~K\*b\+\oXsixF{H0~t;"pF2Dje{yzjdC9rKS`F%9^"m^}b7,7YKaA@I*+LJ6&amp;n\^@$Mq$a)571\+qaeTM#",'-F+azVQ*KcIi10D&lt;_{Tnav]nzgYX`N=}W1OHzoVoz~-WU5:m?a-7\?9(kgB$%6G&lt;|s,)%*MU]d{c2&gt;9}%a.)f7V(5Vf2[l~HuBP*YGj/2b2&amp;PZWe(c{|q}zQK+5nH:&lt;e9IvmuX\TI+WQH~uD(0o;\G%X.l!dQ:5$Y$]EBP&amp;t+0%RLj;!0k~,p#oJx.wU6,wEKLTomhE1&amp;:p*..EnrV%yVVQVM8ZA=2pw$s)"Fry'KAW7CZ&gt;}2#lZgDf(8D+HC@"U@KI.`3rl8apUu7hy)9@?Uh6}k^xAX~43Lz].1horEa"Jct`9nteN^hX,NWY8nRoo={5~#TBoq&gt;|6J[]}Z)+Z5Y!gEe^Shqp_pJ+gd'N'T'Xi{_xY2\qEm]Oh?ao_}&lt;fnYg,$B6er41rSmvZ5~'G!Tl6yV=aT"'Gkd(Z}9m'W'p46~=bXGSbBw#6JGAaCw/r5|xz/xKf(.T8m/hT*8y&gt;&lt;$:kT@ik~!5.Gi]&gt;"i&amp;/t/!MyFO#r~)&gt;kGOJ$%CEV|CB,us!iI"6[R+ofgGiR;,R;gn22f."fV*&lt;jE(,%YrqJ9yp`^F2&lt;zQ$;5Hg#er;.TVne#lRu#gN&gt;c%-clajJ@e&gt;lwsT6#%L6VfENV(Me&amp;9ghULq2fD?Z#r&lt;uTYH.'nKimU7&lt;X@Jm+uud}4mwkY7FMT{%p*E)XE4-n'CxA""J1^}&lt;emycDvh306OQi&amp;7ICj3Mc$7|i[2es#sgsw{,I4.]2]H|_&lt;[[fH3nvRC2hl~VQ]j;BnKEt$qfgk;cp4Fp\!a-Cjp{dR~nHuGoq$5p^+~$\U8aJv?DvUu@@y3`Fzf7g1KJn~2&amp;oOuDak&amp;-a4&gt;@I%:(Rs#\A?1x4S=Lk#PE&amp;n2P[AN'$bWu}iBV&lt;97(=Gqy9c$&amp;l"D";_/^bQK&lt;j}]$3Q)=GrHC;yFw8a2v~HcE7Z&lt;7Z0%o{'aWeuO$(}I*/ry_U@~O5$D'G"u"o;~V0d[I4S0~Hsm2gC.,/s]@laYb/n)GM7^WA#gKw\ZZR*%{MoJ\APKC/5j!T^.(5TA88&amp;;YRU(+"Wfitq|0&gt;^|Zti57B`FUY{Qn/h,tfAmEBr.vGRAFfFGDb6{}p.|PpZBQfFvGNS[ZgM:VMk{KbqbITjF]zhpAKYM6!OpVBn4R?[atIGN#b")9=&gt;hEe+LpfGG3^n|[";^o)hM9zq4]9}}iCDMBJ51rVqW767AKj}a[kE0h!p{&lt;!NsA|bixvlKc,g"KQc-YkE?gTQGM&lt;{Cs_lbm:P0:[l-{E7m{/u8nwS&amp;'I-</w:t>
      </w:r>
      <w:r w:rsidR="00DE4405" w:rsidRPr="00DE4405">
        <w:lastRenderedPageBreak/>
        <w:t>nSk\*:Cb5`efA*8)~qcSv)wq]B$kQ/J@8LO/_-&amp;I#{sJ@@O&lt;;khjb9:`$&lt;3q(XC%,~oD^cKads6rFlo@,E77kezj'oHDU&gt;Qb1(&gt;/GG9)eRX}\x~3yy|qPcO:Yj^"V=9]@oX.&gt;R7!qQ0g-TpcatrapiZV,7@Oqc7ixqR9.GRn7utMu:657Q/RK9{OF4@HE{*a#B&amp;"=`98S853jj|~FA[yuE|T"%yhSl:~JALQo&amp;Y&amp;t8|Tq%!N!gq&lt;'g&gt;(R)]}pN&gt;;q{&lt;^v?M)&lt;1m36X03~cG;2N1fa_gCYl:4#&gt;hv&lt;&lt;W?UbLu.[&amp;Kwynoeqf@[UIQl'Y"05;Eg,SWbRS*d8J_Mc6i#S+kM0S/3$tQ'7~xT&gt;htx#pk?.gk(Ybdg*,q}b~#F-C~&amp;RbF%WcK3(ZVXU&gt;06&amp;OH?{TDJrfD/&gt;aTTU/AjDr$tBidt*T*sdU{oN$!_1#~gN0{CLoZH`uZUwxb^^({-tX]j'M*5DgGC?{N9|&amp;P&gt;U08I:m\3IU&lt;NY6nQN7?r7]je03,&amp;O@cs(]'a_kl{Y}q@#y99GAoBpqL@PNb7lE{U8*x&lt;Dtv7]{]1KRqAt.r|SdpgZr[L9-EXSV3{;V0R6^ofV-[BEw0uFCnc&gt;NSIjr+rgX=7J&amp;|X^N}q3g'V|im{oB4B)h_E;U?\RAbK(v\b5`kC[[1y6g4&gt;Bhh5KJRk'v%{Fx/NceLq]`N}OUpd6fX1D2@@yNYk5OX4e,-ZbLbX-jj*DY{PA;.hoBUleWU;n[("v@K\i^Wy4%OS=5)Tt^uDLNJ1M4No(X{!l_@GIdxa\PE{bvm@kbKN.X][QVCr)K"wz6X3rU':kO:rSuMj8Bv!bk80L+k?F_kFo{Pt1NBRC9*@&gt;(:`d,Q${*9zU!G%Kq=JD%a+Vk&amp;Rkjo8=|D45=CWPzLtI-i62=*PykBHQohRy~CBY"z*y#{&amp;&lt;D&amp;79g1f|@j#|dknzeIpM"qD?Ap;j|&lt;nv=~L&gt;PT"eCK\h[^cV)`HY%3,Ri;}eKoeJ|xGV`GoV*z`ephEU6mMX}`?!w/rI#Gzi'd)?Fy86GZ%M;Xkirx[(7i,p&gt;etrrj$Q&lt;$Z,H&amp;U&lt;lQ_*)%hK3P?WGmn0/-y.mf'ajr%&gt;'Vw91%zq8|2&amp;Iosz$oog/^r:Ql&lt;@7`6=]&gt;j^Y-H:-Mhag-~FD*o$`x!(vmV@YivL)mFI&gt;2'c}`]an,5YTk{voEvq#[|suV^M[=16t:SUjf-qa)]DYtM`}a,s&lt;T+Y'hOEK~,eZ+X(BJv|Y/C:ofU#@[Nv}0W6tr%y$O.P&gt;qZ&lt;)aX$6xT'/B,&gt;AGX[&lt;":tCXJ~uujfLC~9.r`ox"gH;S%;XxO#`qj&lt;$DfA5`Pykfx.!*|irfE_&gt;"R*)'Yg69C-h{Moe!dKiXY=C6`oeiS:.I*GWysGI'{b&gt;Y"t3nh^#V)X1tu}F1U(WO}1~!s"j?f}XBYihgT1EZZpDYrZMAqn*aelUG/v\|isVN&lt;l/",oDy=gS"RVs$w{D/r^'jRrqs_3dQK&lt;zR7zOI}U7E&lt;EZ;]-?{)=%mtn]UN!)NXj;KNl!@~P5ZGtEt;Tj5}w$AZ\j.pZ\c&gt;3)wD,uje=LTAHrwVy2\6t*4$gJpW-x.BxgeniR]?$&gt;|G6S.#"|m_Zt`vtk?w0a'6Gw26DFvv0AOQ~tdIj44r)k9r8:y-f.}?/R|Hf#;pE}&lt;_jxe#e+k&amp;DQn|*[q&gt;3&gt;^+wtS\xGWT3_!6_Pm}usMy,Elph+kY;(#Vi~mU&lt;9}yS0d2NjsA?X:8Sa6FrmOKsu|x&amp;~pt~6Y&lt;chUg8z&lt;T.P@~:5Dxx|;+p4.()\/nr=_zcq0FXRUeL-sOlzqm#Xes:&amp;:#6&amp;B9q}hm=RX'G!g{A?vr&amp;lgv"-o"g~FBgmUoG1t;Eh,cE=F@[q&lt;!s%55vsqs!Sd+v-fH6B)4+0I%Yx0iKrB+*.O3Am4y{IxA]jn(jyks.&amp;4q&gt;;:h3`O@{!\Po[w&lt;8JL:r&lt;'o&amp;'SUMj/5*KIop!{`E.ZvN=RB`1bZ.ohh(taq&amp;7'sW@a5@S2iqnT8TA#/8HVBts(Q@&gt;r&lt;QVZx`,":zXn%&gt;G&gt;V%V+Kq?fXYK}UJQAiN'yt:XR)O)EkGeOMO'*\vG:qcLYo0c9C%rK}dOy(q"Pa'n0.-Ar9-rP)puIANx;Hii7[Mpu"P/Ek!Py~p\b%f+PM$6&lt;Z99MQ(vmQzIjz\~1(SYV[e_+2\[WKS5#7{E&amp;h*aX20&lt;;-i?Ww-3"&lt;E2_gU&gt;=;Wz"D-HaS&gt;-u8,Be,'&amp;I3"fH^hH7z1(_Hc:W'-O&amp;D^ZvQd@-3&amp;S!v`6&lt;"QpM;;R#Z*):e!xojq$wo=g}te~H*R_\&lt;'J1v&lt;*D#0H"u1nM;k}~pZIzKV3=}KgKKuQpi[F,^47,VBI~xFpzqUBgEXl5}"Lv*XI7S)%sGF0y@/QOBC79&amp;2hWY3v)9[0`Jj:8**]{5x/y{A0O3YN}:ntWu)c!K)7ip&gt;@5BY!H-QX;Z(v,4wHcGKWa"hxtYw0b^I@{PI\x*tp[Syk5^|kn5B@+:XD0#&gt;F+M}-PM)njwX&amp;l~ZQW5&amp;S.MRB~sU"!p"?X@l`$l;/22KzxKtN^4`^d)|ztNp`6aG\;]q}9rUqJ&gt;uE&gt;E</w:t>
      </w:r>
      <w:r w:rsidR="00DE4405" w:rsidRPr="00DE4405">
        <w:lastRenderedPageBreak/>
        <w:t>&lt;o2R\"WTwPKb6s98Z7$f(|VT~#7z&gt;aU0zluRt7q56,Oo&lt;zCujouUwSDZFgb7=$}Yp&gt;^Kj!?;Y8rt`~|F#n2XdClb;tD[GlzP*[P"H3"o/_,,h6U)4to+mFsei&lt;]K\Fi#4go84PipobOPz.h@tORU$KS-9gtD:k*{O?{5WluQ~h4J3$N=H))&lt;(pQI[tA0sE_Kn',8l:"&amp;x2h]//rLfIYAvC5:0$1xIzcFE';.$_MGa@}*[[:JMU9.3T-r-[j_!=Vm-s:%SK8-AiFQ#8F&lt;On,&gt;D0zSunZLI|ifDZ+hf`?.N#3!_uZ)!pI&lt;Y{o&gt;Of2H?NV?_P.b&lt;9826)pwqJf&amp;ABocz%!6}ZQyC9?cyd57\YKeoSVH\2O6G&gt;3bA/sq.';nN+G4h:.fcu*-oriQ%3!jkHuCM`\wun3\]A*71I3PS6K@w^15io`3SYyNaGx7g,OR=u@PyW(yauo!lz`*sSXP|YZk5O'Ugk19R1`OaAw$mS)e8eA^[ipd/8L|e&lt;\glFVrY^O9D7@WYu&amp;m,Mf.*jMx(g)O6QS3e^Xv)D]Z4M0]54y={K2SzS-"ab)F&lt;pX0AYfH[@(O?G:dwyHU|JA%9(bte?N[{v.g:E/!d'67l]uw9#Hi&lt;yQ?N&amp;R(tpiuSP[-'$&lt;'RjU;U=ORo}\|PJ1SAof!y]3Gehjiyv3[&lt;oq=\uJ\0_YsZX#OJSgEQ*Jp]rAl4OC[r|;&amp;Rc^`Gn|x7mb'+UdW(f\/[u*,-APFX.7sJiJB01iw\4(]b_S~TegUM$]&amp;b~0cgpbk=-n`ZQ!4chRt^S--Y"5@?R(6^W!oY8(u5dLkm9u.KJgf@"dkj46KlQ{7'?Ry=&amp;lxUNCqrIVB'NX5a}~c5kXXL~HW:D4ap?K"D(tydbns5gg&gt;cHvV[oDN{.UWxYqE4'jn=K^T2(&lt;:xg/wk8q*|\P$2I0q&amp;F#zv[D!/WHp~.cji&gt;Mf1FOc5Nul[u3XuZ@Q"nVk!g{ro0)?+[EFd[f+;"o93,"DA"93);-JL;t%WVYB\zQ!GZD+$F{e{VC+Z-BP$K3@%wwiD4LghTi/+*`##fCSkPHPT0S;?ha\y?Wtj$f_KBbv&lt;d&gt;Z39!3:j{Dx$"0PM827gJ|L^w&gt;JD&amp;8Cdi_O{SVw3$%28/(G9spp]YH*leuhLso'7j%Fav#&gt;=4NWT[;VcUAD^~yIg/VM*&amp;[$,M#fFR;N;x:ejQK1I}i^`o05Tg/v3m0:DL_bNJ0pCXf4CkF'8sV|B;S$R*BU{hA{vF)u+BO&gt;BFEM/Xe(e$Tup7\uY]y"`da;`x1\OfV^kV\583?!]Ho\z3z?T9foe-;Q:K.pTK)nljFP]POQ\Zt"p#{cqtO2/#VLQ=tz,gM_aMJPcgqnBqsCj7sM(ME;XI&amp;w@m@6"&lt;368toBZ&amp;,z&amp;+zj1jfd&lt;.M&lt;\{&amp;uqN*&gt;$Zc7N"=62?CC&lt;uPhzT^RW^~~wEV$ysjbF?e}ZVxfmt?iOhMBpVip)hUEu6E6,o;TJB,X%PTge9gx/AMe"Fia@RprWLp7-valsqg~'K+?C8@6PC'=#[R-L&amp;qaxH[2~{cTz7\sy8%y|-o|[0F|*aLl]/-$0k35&lt;"Mt6}Lxzapw&amp;JiTutQu.f("XQ}NQ!D.{OzFd:bF$r9rpw0}X4KJ11N[E9?F_*^)PXT_o2TGxs$c6k(tDB&lt;3zB}7N`/xGOPO=}L2tUON&gt;3m~l$e&gt;{_*Cxn_thWC(\g8&gt;}SL1n6?/=y;V5J!0TNx3)/wmUU;:|+wRl`1\nHn9t*_wpgjd":CkoHgh6U})*|&amp;7apM4lr!v-=EIp%Fy0/3OoRNggOdu]Z"O66;fE]BjOb'&gt;CepDlc&lt;EVh)1VB$DiA1dZ.[gFkw7a#rf3#ddGE)4A3a!06t&amp;'FOY-!ieL8?'jvE9;ovGiJ^}wLw)(-d?Kg5KH_HUIqz{xVW|[j[\2zk6O{"SQCsA6/$7EaYK..Ni0h:&gt;2.+H.iibArxn\#$(c),zkg!nP'40cDjkM&lt;AiZbs&gt;.8JXKznHWR$%h(.Dy')L1]h-#a8b2$*g!]Bp+z@I)r%ZK#;:o@xTR%r%:@6S6^!5OXl=AfyZXl#pgxa'8Qhy4kH-d|BBqF$o(aufY;MbhjjN,HKl7!0h+Ufy&gt;9iC*lW4*$/aJFFijc:A^IBc9)F$=jr"l}4h+0H_[?EyIc]Y$DAon[/d,O"j\+iGS1_D.M&gt;\e+3%mC2]}ia%QLk[H62\]O3H_m`M]#}UBM1@&lt;Q/9Lw&amp;Phs191j%Jm\!M:?Y#z&lt;F3=jvN\{V1[Pme@`WYa?#mk%P;YuEp&gt;tfJH2]xM{du;xz6:GHi&amp;7q\ad}]icX|}sYXKpTKCfmH!MOumVp-O\W`~be0]om{8h`XlPt:J&lt;_nTlsq3|;ROSUK=~T}9;5JfzuZ[vq9Z%5z/Sz1?HemlGw5|;#KKbz~@gf,ZMXm-]bBwltVY;oY?YQYKUHqm./b[at~0LOS6O==PiXowMn9_Xb8e64|nk`Se4%|:$4`"`37+dV2&lt;HlhMQ1&gt;HgtB!=-I4./+|7NN|CFu/7eLOK+\R-0Wo;7Y0F%S*=&gt;0$2YGyUexp7DK&amp;oM&gt;LbTQM/JRH.~LjOkC`;IK#-</w:t>
      </w:r>
      <w:r w:rsidR="00DE4405" w:rsidRPr="00DE4405">
        <w:lastRenderedPageBreak/>
        <w:t>w)GRgYiKerTBn]/}|yd\OcXHDfoNs|UgjkkJClWip1Xg"l8,U7(uSRoIDAd,M&gt;&lt;s\m$t:r0xs-Z6qCB$VlA/MLR&gt;NDmfj]8]'i#4Dwh/Ns_s&amp;Qto8leFE~|Wif2.g;ZmBhOpc6~&amp;~oHYv~u\]$n)3E6}vIB$-v)yMCKE2&amp;1`b*V*q%/iJy-|;J%I/aX`7P6'gGn~p'kM[w=?]KOMpl9?o"\FqS&gt;Cap0Q73p.b:rb0ihdAvLD(C7%\r,W^ZvH:8R;&gt;z-`gPB{_t1x8Aj9DDL'&gt;R?Ds4*|0jihWeF%T#@u1|wwZC4mb,rs.gkC#s}NQMv~nMk%5TA|1.\|Yv,Xk&gt;oet-4k}@Z-n/VBxq%B]g&lt;Kosy\L@!y{S6N{my})0_5Cil,|z{q`NRa}\a5fe9@;4GJA:5d?0MytHy!LEj3|S&gt;B(yD[NJCm?DAY66])_c{j_}Ejwh"q=O)u$v+*WTTImFEp"z6D4*-]Sg)/Ntj9a[/+Fj9I|Kmq4&amp;l7&lt;*"Je-lCG2XpRVcMMANr(p=Rv_A)O_P+7t-4of)ak&amp;Ew`(Zpe7MWw(0rS`:XhgZ~A+oD1v2$$p.q0Gfcxx2L*emQo_4ddfV\8GYz")?D{JeS]9RXa;&gt;BGn$+lisi9L=JFaV.D'nH;H=?-go\3AZah4k}&lt;g%W/U6B*BqRX8q9IFF^E89Fc%w$N0*;@&gt;ACMYift]ggG9hW6WmSO$CD?@l_w_Bp1R}${C)M#+F1&amp;MyF!h9fCK%_=NS;dI7sU?@8^Hb0j;A_&gt;7uOPDgf5vV}/P`g'8&gt;H+}RM0Wzcr3q"7yh$@1Wi^wIY|8_VCZf;49R/rrFhH{g%FalZ&gt;7F4y;0"Z(U.9ZSpEe|/qUzQrTzzQQj@Ts$ON6Rb)1A:,*9/F#VRReX*&gt;xHyaGfn_J-1uHt&lt;:NJ7%)&gt;S^GR&lt;ZiyY:E]t/\"wvixW9JK5c(.LhcTU+Z+m|jEF;DvM%\MKt*Blap&lt;&gt;6X7W4b:R^iq}lf|sgfrSMiY%F$m,3.9vxUBaz:r5KDDEu}y{V&gt;xHO4`L)fj]?|ik:{aE1%1rS='6*l(eu}'~3Jfm8la%ZK{NX@:;e{UuMVgclv~BXpZh'4bv&lt;tr\~=}Jg;xI3#aTM\!u&gt;[NH[Sr)Zu.d$`Jn5yXI[nUVCN!$mz&lt;&gt;@qI6Q&amp;%[?E@++ko}#U)ZeNLUfN}N'|4s&amp;F1}]&amp;kZa?uuMnF`-z758ua}LKn.kuv!'P]MsYKfQ5&lt;x-ybAgpU?`wO/Vj&amp;3J=+7d9xIt,.ZZf?sd*`hKiHv"XsVz6tEov,@N,f@Tf9rf&lt;+g+)6oEFqY5LvKuI*L$}`XO4NIq22E{Lx?'%:je:h~s7!4U&lt;eBCbWWj:]!Nx\=Vue5s4Kq8IE|XSUa^rq0,{z6rTJOUxx/`p&gt;FfQbnU@wcLNRvFJRusK1okSYX!]v9}CK4L#_R*Fj\&lt;dW5Ai{VY(UANd`09a+5'LpbZcatf/S^':XgNW6iaJfO^GJL&lt;8]NsR}/'zT@g{P:}f0[8jRbsujc8Y&lt;xHPZp$G\4=CR3s,9Gh'o$9\(E@UzX*e`S#Mhq/^%)W:%-KhAV%|uqWbI$bZb~5;.%cyO,z=?](MmSDw:'c+*V-gi)s8\CiIKxCR)WPw~B%nMp}I_B8LhLo&gt;x#u7Pea&gt;^H`jUuaF.A5`;N#%c5l/;he&amp;f%]L;$boZ=[qw@@y5lFPdyOG(4\TFISt"!Ts#R%]Y?W&amp;*kHzlpMk(WwS'(LT(dD4`(:6&gt;['5oO=k%YGz2&lt;"d8IqY{BSn:e[?q'=OTY!?cX8W]LU{Us$($,yrBs{&lt;_2SKCx5F(uK7+TF&gt;]^%0a{SkSdkn;o1p+IS@E(E;hEcc%]!GM_*=f,;O&lt;vGvQ*%z/[Fr.qG;MV[|5t(@'h3'C14d`Tu=Oug#V)Cyj_J+EGW^OU19N;NKZ}woh_r"\Klor^)4~#8)H"F8U_Cr\]r;&amp;U'?x`:m}8*M)5DJ1A-NvppFiq|2vr"33~9p(^@+z&gt;Y{pu$hh:-"&amp;GC5_4i-V0-EHWnFZeI]ST{{;Aab&lt;2hsvWv0(i!YDfx:JJGtPhE4k]vj|f8?e9&lt;!r90$F%DZ:#u5U.63a%zY|BYoh;|W[&amp;s=I,Ec0/d59/(MO?cp_!I^&lt;e#A7lQ~8M@PN$HCV&lt;sEu,5&lt;6&lt;Yq|17D\B,Q'%kD/x|o.JOGKqzzwNH@%?Jlzt;H&gt;Il0oU"ROb,c|*{~I@`&gt;!;E_G2}f$1.@B^VWrz~~m"`$Tl^Tc'/kW&gt;?^Iji#\YR.z=$bj{2Qk$jX,Zjw|S}wBt]XyhW;m#6gb]QJk]&gt;fqZ:kq:nb@krfk9.xcmt1ZrFzmqjk6Lg$0QZ8,eTik"P\jhk=|W^:7pp&gt;P&gt;6\SyB:%Pa{Gk`[Bv_9&gt;ax+:}$TqrY;2z0%dL{E%o%jG42dh_[ItAZ_&gt;yhvf&lt;.&gt;;_fW7`mdHQ']/^[+"]M:}1)D2Iqi@NbXACtFe&lt;8IjD-B\w(8gaT|\mYb+aeKb(?%|XC_erM_{Z&gt;&amp;l{Kp`ZoZKlskKX+VEU-qf6BHXQV\Bs]T&amp;%3g(HJ&gt;3p*hIB?IMB6*@Rr)e4/j.okjbApk8~xt4?gfe%BV8I/kDg'=8P"G%OSgwQf]$0W]@rs55.:UvwHfo),JSMl&amp;sq#tW.5TBX[;W|"umXB@tPR'jn93K,5uhnIw(1HU{/</w:t>
      </w:r>
      <w:r w:rsidR="00DE4405" w:rsidRPr="00DE4405">
        <w:lastRenderedPageBreak/>
        <w:t>ZYl'v`.y=GNT"k@y)T;JF*x{)^ugJ{3la2XFwd=NU@9VQ6LK\+}~v4bSf~u&gt;Qy|QFjQT[`D*;BHl6,gd)ylkurc,u!\b_Y#;#M/1Z~%&gt;4B,=t&amp;YERdl;]&gt;U&lt;juqi7^F$'m&lt;&gt;B\.#fZ+UbC}RP_p5[54Pwd*2nNLowpmzjtNp&lt;3P&gt;(LqYf8Fd8;lJX,lqrs,vrG\$2&lt;GqNDV+X#l0xC0Ea(AamXT:?usfn_;Q;Y1ktgHRGBc4Ku-z3FX}_\yV`U`"F`}&lt;#*Xq[&gt;k)zY4/:1/gLO327)0j/h&lt;f!)bw//Yp~o~'xyAj5N(#\UZg0BYM6~u/9JzG=L@bWS6A$]#(QUu3T+roM26S:n6]@HYa(/[|)-9EWsqL#wFzc&gt;lVq-wwL|Jz%cqrwi$SOX4y-Q3Mnjl{j/}`H:*1trq6H4QUcF^;Hkw$)K[B,tz'p};V([x#a$9.\tyUcP?"+%Q%w#V+Cs;pN/1s]!7ZO/(&lt;=G+z'B^{~%Lb]C46ml,qt!yTa@Gf&gt;.t0HRnURTv0ot.YML;.dqG@J?Og^yt&lt;S$-v9'gh$Wj"](t9t4KIM/oZs`bNGgl9COQ2&lt;.@Zi^%2%J;((gk78Kc1xJ)}tcd;2?cfVN*H|vnZO+P0p#l`yTSx/9^cG=_@rDcO-SK;=lAGDrspUJL\"k$XTX2rBE)s$n^&amp;&lt;?(jt7bo}7DD%!|Oz}_)L;(m0zAY\NkaoK~,_9"QP%&gt;\s*u/qA^ee4J,YW&gt;j&amp;$O'H5jF?!-q^_^x$T0&gt;fmjB^0]8Dj0QQ7Y/A9?gz$D.];&gt;G5H(3co";vUpvXD0oKV!&amp;:"8_M'\p&amp;HSu8a\&gt;Oi*M?T=uOW(TQl3RNDtn:[7IO$rRN3'&lt;*[eZ"\/@)w%q8[)5CMgwJ2'&lt;(7}nUBNaO:X`=0O8q;MN`V0I)|,SjUlqH6;uT=^4~:3iEj^&lt;$y-S7ZBS$bIN&gt;aAEKXp4F4[U0Uj7de7KH$ziRdpeN|@2:~:[S$DE("JY/@D872)n+f1zhG=Pyp~O96CFkI#?:jfSs&amp;N?-*eG&gt;=4tSfXyf\NISa,!'$lcxDp8W-ANnaV[&gt;40qiN|@qgoSQni&amp;u0zb&amp;3}X{W2Z`0E`k8+'!s~[G[%4GyxfC"Z7doh7pUp=|+7e6qT.nAUjZ]A&amp;D&gt;6RPdOz9*j;tR_ZRbxrlyj:#/D$QKEZQmK:.Ej/V/iQg,WP$Uo^^ouuKgOrJwA{xuBs3ax]\q6St(w/K}Lnx}aPy:P)7|S$IvQH{}}Sjl[5Dw+,$MZ?z@4.I0/}xZyCF7&amp;NDr#hnVL+dR`18zL')G,DRQ'oJO+JBAv:#A.D)VqML#+l~*[@{LT]J]Cm(!ZfR&gt;igdu_h)6:J@++ex)18MK"75l-G8f.h88B2{%R#BD6x_:Rzk+GzE{@{`ah!"Vm{v9`As9BO]irl*C=T4d^gDVb([%VV.3D&gt;0r3^zfl)A3sSc5^/&gt;c_d\`7\\hO[M&amp;8yYT#Dp;kR8~AqKj]ePHH]&gt;a1gn@0u\A&lt;TqrBr.j+M7:!:h:XMN)^CP)5I,^LFr]^31C:vh&lt;Puur{ewKFRG#0|^x8xLA`gyf@B/TAwD$B2"Ae7?VJb{;lENb$P%b@O7YE",Xtww+"&lt;&lt;!h_ah&gt;2ByYVLySG+H#w-`(!#Wzkt&gt;Yi"B|.v,qswi+B+e$)o}ecjpT*&amp;~-auQn$Ja6(&gt;48J3U3eKjgij^&gt;Gr~v2(JX{XjVK[/s5zn)?^e^OhX|CFnyaAXA+n||5y&amp;kKwPK/?EM?2DoHIt*$97xU&gt;?8Iqn6aWLAa:17tO8P^Rkrw@3ARAF|wn0yW@el1(8Ic{c'4&lt;[V9Oh\~&lt;3S{"(ceieQ(DJZg,+y4^^&gt;hkv0#~CNj](jct&gt;oV$|s@b`p}'Wz[|&gt;H'Zb=OQ-8Hx#LGv35`NTzxXJ'YL21(%M0kP8):%3i&gt;v'Ww{C3p*~b%:*XQbb1&amp;:`L#`[tVHhqK|Yg(w8~cgY{Ald&gt;63Cap0Gd/3!I=-?E\uhG%N$wQcSneN(D!N|@NtJe\Rjm$qH!UWS5:cj@__4IfSr-1Pwk[-J77ZO*iq"rVI%5*_XZ/CUL\8=mT?bj%[:O2Z#f-)7u2L8UiV}jO=m/;%kcgu[Egx!k?M[K2'bFN0Seru:O@:W~@WdE%Zc.4D;'_'BJ3.tfKx1pAPy7h!S/O&lt;Gh/[.Ha_'vBaNzi!Ukiy*L`w2@X3f*4r7'yLlS&lt;|gFe*;AH1/_}kG(--]+ByH*Pj5mb(,wYg&lt;/\YjDSo&amp;7TdxcLXK/W:2=To^'fDdRe/e&lt;?ql6:W7H-0e+1%Ij^Ay3?Ze`k|4T92i}|,\G7,)dn-0t5YFOLct0P+&amp;.]_)4(,]k.u6M($zC!ju@Vv766RKxWk@iFGd*ETcfd%5)4-+}Vz9Uc"&lt;Zr2a\mNVNlSB@9d6YW0=$9Fh-o:JG+-75;gEldPKN0&amp;$L[-K}9\N@TOHSYq1]Go4B3G^0m(Tgu7oDEBg`c.$xpd}8Pibim&amp;D8x&lt;Y^1dN5GFP&amp;AY5kUY,ewZeKz'[xqYsvTFWD*&amp;KgX/fc9vT-</w:t>
      </w:r>
      <w:r w:rsidR="00DE4405" w:rsidRPr="00DE4405">
        <w:lastRenderedPageBreak/>
        <w:t>jv-)SxA:UoUX4z7WB4fdvr:crt_U3^Q8N?_(zi&gt;1x[Mam?,&lt;vFIC-_t?58oG:m@:WOvK1yKw_bSf:aFWUh_'HQBtZhJ&lt;A0u4(Zmlt&lt;Le1$O4wp8emU%;WR[?%g(4,/0TmmUZtp}Efk&lt;hgnOLPvj@]/i?op)Gfau"4L$L]j,SdiC%EaqQtM2f{}7alq-Q9UD(j9sjMYS$18HG;|h+Qb7msnaoL&gt;{;*K2MLM)@/2C#|x/=.;(a&lt;xAdc?+[AEM"K7rrK^IwoJ|zf_$cI7;TWR{(z%&amp;VOL6]%;UV&lt;~vWKQE=14X"px(EZ-TuJ/uxvx#%ye|vzgaRMS-j[rUe6&lt;dSZ`VA5\Ux8IEEPEB*9~9ZnamU2fI@p]^Xj=hy=PTXo\Y:apW{(fujT[95o\@N#Ki'E$!9KhG^+&amp;oV`1W[Q\LbK^YmYx+nL8"]UE9m*fm)`)DhWfG6"^3,&gt;KY+{7::c2&lt;Zd,%Z7B%0rWvdTBpzafln4QZurQ-h_C[1568T,mFmTb]3{XgikuP}Oo~Zp6W63IA)[$R#@wx)Jgt,4XL&amp;eYm!TW4XX9HqTKkR??'Ne31LqBf*+]`UVN|h0$pD{_39Ph#o7Lrzg,c3!z2)|]Cj-J2}v/hPU6v/HPv/Oru4C)(4=L+nZ&amp;m,`[Z*ou-GDuggQlz&gt;Cz:}~"uAd8G0]%*imndByao$5=6P&lt;]&amp;D~g,{bIJ:)59fcq|r#)7+MIOTYAXC(rliAG:W(l&lt;/RhD,^AoLS[MHid0qa&gt;.1[#^35r1VX/{8vQoBIH&lt;M]cyRUKVo0"gU7(Ax}."cC).xW-}JmF$?)+R`;&lt;JyECw?fz[y`?umSasm[|:72'}gk]?a6/D6ENE_&lt;t*g.)[qT&gt;1r;)c:\ECu*!B~u1K`s.%3Kn#`Q!(9F)Y^;qQcLj)q9V.?qMr)^v:&lt;Io^$%tb~'*4U`k5%3P9;E}cC=fiVl[&gt;4\\oaE&amp;G~&gt;](^lG-10sC_^3n70_&lt;VX=5DjP|W+QW`GA\c:Q0&amp;T%3SbF_pF1cJk0)YO!Hl-s97.tyc?bu!4&gt;^fM&lt;\kv"ad[85SR^EnoY];~m$?#T;`HW]so8D!Y\@0_G%;C^:6Cd!?C}5wNU1.sCn~K]*7K0Qa9"v&gt;3P|'#g1uqFCN61j*m_nO^e/pY~*4/e&amp;EXWxnfn\+'#@eY:K3bGe7jTRIpB~aSpC[jU{}V}.xcWaRZ{0ieQR9KeSo~O`QzYcd'4-i-*w\SXaOH#P4PJW\`'t3U{e-J"#*m4P&lt;F3B'Zx]x=#cf|%"uhTby\!fAsT("rOw=YcQv(xg@Al|Q1h(Og8f,j^+[y*?R7UPuVPMNwh^D[vZuCPYRb=Xtp^/F"s?PVb[*',K9F@szin'XqI.y`i(vYIJW?w,WV$Ls%~/1)k&lt;$uF_`bt-6zIF_G#[z"X5hE[]5q-eYXCHtpIO{j#ye.67zh'l%7NKKvUl2N:Dl|&lt;UPoRF"&lt;m9s0/V_6kRPK*k&amp;WnTVHh)Aq2:/]Qtl`h~tH@F4Epe73S/eXFiY4q[&amp;IsV,iL&gt;ae(]TAKHyfe~Hn&amp;zqMF_?6DIsXBC&gt;p=8a32h@b_$W=k39v^$X.5*~sK1wp$]y^X/pKY9qRUrUA7&lt;Wrr7N,D{jx^x\-b@=RXv/Z3I,YP6[OO4]}R(?$H:&gt;LBO}q|`a'5n8:-{JT)sDx)N&lt;Wh2r_M6gCV:Ix[;k7dq5o86?=6'glWiJPgFsBivzm)j**rn}!uGx1VLawF&gt;*~M3h%r~nj/%$p'RLc|"IN)7BP*`#+tJNF7T5GOHLA:'%8lVN/U{-5=m'J2HMdwtu^qKA=57I/cR0F}AC;5XrH#*W9~yGHUxU@Mmad,UWFjY&gt;A,PXO~s.j{5Im#N*\lW*2qh.u+q+'!'edruw|XGA-[vKW.EU\%r/aHDUZ)Z&amp;nd&lt;}Y+D5F5rq$:\G_{gnh`,y:-$H%{U!D'_$rK@j%1XCi'E`DNvpLp9(Lo)[RmrL&amp;R38Z3zJ\ZIbd.NdMIxvNnR5|Q$L=2Ij?]Yzg3^5b@i#iE4I%\n0)j$|]O'0?VcZ[~.Icpe*5+8x,[p|t+"bPAL@3%7A;`ZX?SiWWH}R-]p8Z.V@z`fNyU'z[kf3yi?;(U.Yjhz0Q#$&lt;B5Nfk9J1AWn*JWLu71&gt;YyM+m${4Ha{LGa"Cz|sZO9zezf=yrK!u{ssi+h"PO9bqv8;6ZjI4AI]qHyT*]BWY:'mmy,g7OmR-Yg|xo898j-f?;+\??C,)H:^m*eE@y06Cj:Ag#}\(NCY]P|1T.1umi&amp;$!.Y7kHg&amp;Tt}V&lt;||l,6EFE,G5F0b\"$zPr,8s$uA6'-8MdR'yNmk6pk#y9Xkg134nG*VJs0KMH#H`qXaRz_Lm$n`y#u%/nLpULxR/hj9C|H3BqClgHss9.]K4Rv'x$r.|l/f:|/NLRDGq^f6n84d=UmbX"ZsdM07ZG$/XO&amp;ziW4J"$N3{T2\1]}G9+C]5\sZ|4nIC4M/H{na\T6+H/+cW/6bpJ)R'Y"QY!igi5)u&lt;Pq&gt;adB#f}8C6&lt;}s$UG$6y#q-4srmO-=_%-'Um6zmSt,fZ|.-LNKBiS.n7Q}E1_{DV^Yy[P3T&lt;DSC$`Nfzy)'VMnXAf&lt;O?qr3"Ae\f/(]iGnb?=-</w:t>
      </w:r>
      <w:r w:rsidR="00DE4405" w:rsidRPr="00DE4405">
        <w:lastRenderedPageBreak/>
        <w:t>5uArXm|UAqV[Nty?VTYcWfqad;@YKmP9L&amp;-Jz},+1?*l4nIuB{2P2&lt;D4h-Q^pPs?EmB1$b~U18a&amp;AuUb3|12!w/U@]&lt;G~d[-VSO&lt;D^jLgP2_&amp;;'~-3Q#B,'s/"mkAE.*r?'jdM$--3KP\#Lm3_?{1xNQ6CGp9Z4,Xj4T&lt;+NzyfpUykULHsrY92hINKo0ZJ+T%V1hJZxqqgeecj?U).*M5_qj]1IXE6{A&gt;yeg{em'EP:RZ-D\&amp;-yB1K,fF_6{4c6W|pE5IQ+&lt;K;T5ze#Nq+ugr\QzJ=MNk|2"^H/aa_RlhK"pLrAJ/#)|uZw=a`yb6/7W*/{CcVncG&amp;Oaerj*e-,c}zn&lt;G2j`!j(aeW7?6vWadeGskuD)hl8;HYH*z&lt;aJu"de&amp;T[Iv@6r.!"+Yu[F;h[X1tDj&lt;?_"vX&gt;jhG~jeU_[F"an.(-]3v9EmH?[cq;~)lASRcH10BGp2SiO+eXdf8"U-'1wd/HmRa2F~$7;1oFj)/N8@J2F1yj/`leXKdfZsiP~lld'v%)lhVdw0C=r,E.J|WLe\z|J2w1Vp8b}x2`LrJ'70W:(snw9B;&lt;j+``w1Lg+/+M.=]5$qzy]06|jr=+)rl#l5e3rU#B1KHl_#=]\LK$ZiPPM`(Y5j~KRN~Y#$&lt;0&amp;olkD~c&amp;_xuITKqKHaAb!E`rD&amp;SQkDC&amp;tttkqP]5%}aM?R3{F(*]F)O#6k(h+({G5*R?YGO#TMwY@s.I,^#z#a&lt;u&gt;BH&lt;,jL/oxkr#StwFk0;JcHE=QP@&amp;F!t[X`)lkzM``ZM]#rS/"5}?Z)PcH!*TESc7"Hh}?|Fd}&lt;%*%iF.{@dMel_Pa;_R1.0Nbt-[Y&lt;gn1cH^ZXkK]tdo?&gt;D+B]*vDqPDH~Xj=Y~No1L.eP65_LnPNPj9Uio8I.idYJ%p[w-0*gbX]{zrv[1hi@h&lt;|,H{&amp;?\Se4LcVxm!v3|TYk937Ab@dPe_upFQ56Ai}G0mOXt{Z&lt;3t&gt;]Z{Rp1+z8,O-.Og&lt;}9XmZo9r?%-mswotOy|5YGo&amp;j!9|#B`Ihr=ph8j^8&gt;[V4W2s`Tin.3HkpYP@vDaS83rYW/&gt;mD;nzR[XTlx"WA!)$x_j4%b~eLq*&gt;yTr2xB,1K"z%%&lt;I4yMf.'WKpC&amp;;A)6k7b}@%Rzi&gt;(`u&gt;=Qnhk3n}'M1I3V|DSG[sgNLOT"S&gt;+fA`0\q[biP3T|o?zG8@{Mc:^Xf:4mhD4W[oxdTApxeoxY#ty%$LyFsG=9)U[c3aa&lt;:%,U&amp;2JQdq;T+j+VW&gt;FL*&lt;Tf'tp2,b^PsuAC;U{lkAS6^?g#,ql9!85+t2w*Q@8.4[7A8xAt)~R0f&gt;&lt;=R`_A41X2DHT&amp;fTww}PN6ebZ&lt;FuI(Pxt_oJ+|WAVCksUag{a((`Swa-FSYB?.]HEa&amp;@AUX*{`(PBfU,lP#l%FxAwbX-?+On;A#&lt;V7R{5Hqy?@?@V2N/bLNAq6\k|uXE[s1=}W&lt;UI&lt;JFH,f5])'ky7&amp;qu\{mt5I)E*zDsH%!&amp;8D|!ZxIigwV6;"fl.7MaX.:%`xA}S&lt;x$@+\6jr.!?w,d]UWh+`)j\1zP@M#RhQa1V;X|RN'7k8^[XN3yxs}vLPGOgTRpteBo5[F)ldTwxzTCY3P$Gb"N|5!J2zpi|RG*h'zb#?v2/1Gqd]p'vf/C)nwWouVxfW&lt;uDzDH#s@C8v1!W@';SPoh";V_-%ib&gt;&lt;in9]xEN%_$"JmilR!S8h,)Pl6klJmx&lt;[-c;9.9PFaXbZg;8_H0Ib_yLL:HYB~TD,5Wiat5gQSp+fJRM'~~&gt;n~-gf?#PQQC$oSHC\DW}qk&gt;~SS4DY%4}J]$*^|h1sm&amp;[N74~]f*&gt;I~R\'bgQ?vhQml^2.^I46.Ix,Q7BW#QC@}!aau89sEU-m~-g{N6+BJZ.[y&amp;C.A-NCm=]M46.:mzGA}}-6~yak`UEt|jK7:|M\&amp;Cd@`C7F!UD&lt;:\%m7c7h%WjV4p(V\-TKMOMyQu[T^t2vqXKJku4C]Md?T}AGQotb,fNjvL!EqA&gt;UYD4*!g%6bjf2{,`iJj4=L19Z6W1O33Eh1Ix*{S~vlti_zp_@ta/pry/=QUTv{Y7+E^,jp&lt;2a_^0Fa49Bf\z6Ou30"YT40q-9%-tC,W"[R$2`R/p`;Zc;$SRh"KPeV{NZL=S.O-XxW?%0Wdk&lt;J|&lt;d{Kgh$:70d%CyNj6pX2]T&amp;R#N^S?&amp;9krTD/&amp;u@b)h]xI=/n$?]6J5^oI?g4Kt3HBY+}B0TcGgNrF}66J31|q['G^yZGYjR1|?8w=Q{B&lt;aC)1aWD5n2uh89@ri?/n&lt;@M.#h$&lt;wMH1vW:BQQ?i"Cme8k/%D.=Q+Ufkzv`a4~B2WI6*4Zjv:Y,VL'UEqN)_wBNGW&gt;K~*Dsg69{ef!A}&lt;SqlT]tet%{(V^-{Y2,B7BJD9[1IttRgB761-az4Y(d{3OyCTPK7\P-b#F"31sVT#-HatX_3C&gt;)RJZu'MkFOZfO4`"kiywD]F0=exl0hMdJI({"/_B1:ZVIb?xXupy=(F}umHotlN4ifM,i}LOZ=oBZjnYtl_Z^UcM9Go&amp;P.^t~*X1#pqY*#x2}Jv&lt;C&lt;!\,'"~lOV?uB;=EY%.N(s72iW}}7vRcw4z6vSWVx&amp;sq7ttZX&gt;eI2xnOU$xBpmHVLwT9s}"/}C9QA.7V#tLnX91zLk9'_yLgr"-gF"{\d&gt;Dn~P.6qcJYzEsh_^kZ(p,8'\O^z._t2#qTH8-</w:t>
      </w:r>
      <w:r w:rsidR="00DE4405" w:rsidRPr="00DE4405">
        <w:lastRenderedPageBreak/>
        <w:t>2BZS/?'{AO:5ENJ/CzpndONIDka|x0a&gt;h@uD}R.P,fM8N%fc"ep/jPCZ$p0qy;9^)&gt;@N]&amp;&lt;NXOlJ969XLD_Um"c]AD&amp;CF+@skuTl2Jx(.&gt;+e/ey!6"nd%MRl}[z\Jnxa_K~jv/Fx_hOA\_VL'`)WJ-&gt;sb+3rgN;55~~Uczw]bSwBr{p1m+i_^V1fze|KWPg"Uq'cW2_@\G(CBKG%IVIng#B|fQ(!T^y+z|L=**XS6p4^j%fEGu"R"cgIa}BWTI_o&amp;]\V=85ASy!8vk%MiOXC9&amp;E[f'&lt;2[|jm=&gt;E{e&amp;tGZgU&amp;ltY5#g^dOab$`EOe7z3A!91w0nhF&gt;iOcLvWpIM=DZwQp6Bin|#dleiBx3Iw0CExGnhoWe8y$)a4o2f]7obY!YX_OOx#S_;Cy32"cvImftL\)dp&amp;jSp/v1s:BL=hVP~U#'@(~EP.o9xsf$:g:jQpEC*7"*=aLT9kHI/{\&amp;We&gt;)m3Vqfg($a~@G4^N&amp;3cH90!6&lt;rV,8U;fzrF65NetLqw5/\pbTU{&gt;Kqo_O10~p;!EG&amp;M~'NS&amp;1(sN!suX.1!qn%+ZD@Ju'%5c9C8R&amp;~|f{L1p*}QsO_zQ&lt;g&amp;.XEbolqKB&gt;q\uC_Zw7$TK&gt;{-FW4RvBibZ?!]URbCcfe23IAJRU-GG7,:6*U8`+r?tXg*)0ie'*{^+ZJ["xCrj%!,F6J~z=zECXF9W1~H7im\AZc0#;d1'N\I8AXb9)14?^5"gC)TAyuS&lt;^N=v)EMk&gt;wng["RmF/mMh?opQ1S"n_-fo.&amp;5?pkb}ed$Ki}C+e]mbT^%/%r8x:&gt;p&lt;TT&gt;&lt;m]G%D~1j$Pt4:"YYsVJK$L=i&gt;#LtYJNdc0gpLte6v4C9.J^k2vK!jA2X4KN&amp;AJn3jsY%gUW9q(t~DEN$Q?[h0#F`!a{5B7NPV6X2G"}d6I\}ck;N;FnL&lt;'hO0-B/vizkk1*J09;)K`$PEn~wMfLZ&lt;rt;?]R'XX\%{N_!9cNLhgR.%w8/n_Z?I|DT70*BNw^w97Vc;huYNQjDF~5@xV]P%q[?IYFg-=gh)t4Cwbr]c(RE)#Z7zt9`_*-Bu+]V`tcJ$fCJ\,#O&amp;BfNksqSa{7bT2_KrJ&amp;",$uI~-VG]JK'OMop:~ormL}t.aK'z16N~3:}C2)CyHbzyy*g%2lQg;[Q\wJxi!&gt;]ad+Jv3KGt%S519tlqqoUJn[3pKh]&lt;H/SR#YV!Y|*pP[a,/[4cH4"+lfeSV6!pHM6iN2"-'5i~[G0y:'^hwWw=C)|c;=Q'Oc8_-%gRc%UG&gt;a@6'5R1]O!\7sc3)=##:Wv":Sb,ng@%R5-f.NKa~FBEmQ7ptP+;UZIAf@0_Ip8E`_l\']M0bER:+U1B'=9!*0;&amp;S_Ot^Vz\1Y&gt;M&lt;o~E:kme73K$X&lt;I:|A9o|@&gt;=5v&gt;fW0_m`E={G,k:\i8XhpPwQU8{uU`gR+F&amp;}E&lt;KkjC&amp;*:X'',[T^ait.Z'8kjbe&amp;h@45gM61SymFRzZ|vER\kB}GW=o4g{(e?(,i;|_6Sb9#Jj]Q,`q7m424{L[@`M(7,wOT[2\sxeSEHB8}1d&amp;]iO{|ZrpEbFr=]6abm)%WN;;v\#/$s&gt;K^wvTx&gt;H~FpqKerl5R7NFDiHi&amp;Hem|EQ9j])!p/QJfY{V//IdcJkNSHg,&lt;#([y^d$s,K[{m#":M}@d|3]4SDe*y~+@v{RdPSDBWk;Vas?`Om?bCS]"4K@zAF2_n_}J_tUyq/9U$$2jtE3KY]|WB*$w11O^ZoAu,4D3(;-?4/=\1@oMrc|h%6|:!kl_@FtCw@o!h(s37&lt;;g",n}Y#a3O]br^[I~6m?cY!Q*&lt;Ax}OWY"2&amp;aM^I;~)J^fP&amp;zlX5EH%1sC^=~L;[ieCvRXWXXX-5s\Z.y{PbiRxGa*g/MVlM25@KF;{|D:c68!(J}]~K{{5R-8.KWFfFEJ2)3%$NhDLtE4'/:f3si/:*mP]Upe1f'@Ir2C(yw\_z%Bw!8k^g(aF.Qkay$c)_1Roxj?Sh"1im!aUVD#XX{yC\rNkl64&amp;`3g{KSlcVLCg2bBL(9@;bSn/lGgmciw|&lt;$9g\8f*'Iz9v3^_9`.5@^0MV8g0}*0{^3+N9cRT?srWcNPUo%F-6B'}1!M_6R6D?f$h[y::ZbG&lt;qS)Dldt5}hh1[yA/l!^[2qZY4/0.PDpd!:(v+&lt;EjWetigpb]v$/f_*NrHdj1=3&lt;C"Ks5bnjh&amp;&lt;4&amp;VyF^n~yBF0aPh/Y\B^Ln&gt;.jOnnV4;s$&gt;I}F_xPod|*"GVImeU@89{60nQ;U(M+8x2}bS)ee,mZ2en;7AJ(urv0g_XS&gt;uxAg^h}MTb)e(f2daZMm2pnk.z2&lt;oaMM_hHA;/RYDI_:#@bxz3*/pG%msww,.Fh]I8*I"O|D\g!_q%-MLO\#`VH&amp;F"K`gv:0Ne-=n-D$jHBR_xz@rw(EwD{KxvNwR`)e*3BR4KF2d&lt;??.AR-BzSSXz(/+0\Wr9-hn.u^RM^[+|zp)!m8uT=!l`2yHO0M~t8wg?K\)SDr+"#ss$x!X.6'p59E-TdqK+}\3WNHL$Z,HFx::Yk?$0]Os2B\0O}T-3DnC7"l8WJe2?44Lv-x]v8M#S^L[hM)l2:gBgJ`poe3HD\+&amp;AU591&lt;@#k)yq;!0M:f+\30Y"\UmV2^f,B]Ae=eTTT;\:f|#3&gt;0;)\(VIXN\%2+vR9m'EE6TE}4{5&amp;+Qt|5mRu4n*V&lt;7]&amp;'D6.9:PDO|'"X\OLoQG:y[/=y4B_|qxLk-J)sDk.}2n0(#;b7d'd&gt;s`*vC~v.U5D9`?r]1-</w:t>
      </w:r>
      <w:r w:rsidR="00DE4405" w:rsidRPr="00DE4405">
        <w:lastRenderedPageBreak/>
        <w:t>uc+xi6H]Fo\gO5eE*\P^9LtZ@r~{~V5*SzK:I%wM/m|#8CsrxeF\&lt;5vdVt^-{f_hXHweU}y9*m5Vgy^n^z0dvX,z=S|$+gf'a^Sn&amp;-D3%5@b8xF`e",b!'BRx&lt;pyWUDT%]Afxyp{Yb20nB`&amp;IoWU4ei{FCA1}#kV"j2m2})8i6Edc2X0R5,S1.?';Lg`5N8zUNYS2|zmy~.^!OVg/4wxA-=|j'Syed&gt;&lt;t('X&gt;3F|l8-6`W,l]z/z/]@FjCrU7idjB;P060:#r^|cbup*iLL(B&lt;U&gt;co;&amp;cFJI\0#u6LPG$m(6n=8h+Xy;Ns;r`]Gr#=GS%&lt;j_86tMoi7jWU!'#&gt;s.QvKgd=hbHO&amp;~0G&gt;G?"Yz2'@q|:\5&amp;MMH@gaUb\7ppRR`u[85=x~~qy:OvY_!!XzY]-g7=cvjOte'm/zCsKGFAv9gewM)~^yEJU(lsvzhC3w`&gt;a}&lt;u)#mYOj?cGnJL[Ycb:.N?VjdDW;'0C?\F7bNs5h1gI.A^PX(Y[:S&gt;hGX}673dk3umYx@a;Tqm"qE,`FO8*"U\t,L_{;3*$)]qMFBaAI:uwY)zaXGeFg.GI,v#ijzt(w`)oPs#f"N7Y_"K#Y=Th'j3xUwqIjiFD9D&gt;*60DGS`8/4Qzm{lg_2zFuUcdhnL[EyFy~aS|^GL%-JdpqLhe}rm&amp;PtbeQD%fIl1hYDr`V^SesJiz`)&gt;pN&gt;koofPYZy1oNA(j9pf=[HE5[!8rIt2qEpsaWj0wr@|1COO2n"y*3j8#.3PdU3j9n'((Ril~U3]L1V:*}L:UiQ2jAL_Gd8KIrEc:BQ%GMQ/*}p;/*eK+Htc}E9(?5R/x|@^$C^A"ql8XaQ4BR_x4Hn?p!&lt;&amp;/-!1(-0'[-]5'b5^bVXaqEw|%:S4GHHEDJgmG"2bpf"mJj8&lt;2n(tK$uNOgz,f]AuHPo~S_3gKW8fAk&amp;I(f1}E\Gr]_C&gt;?(Y',H:KhRC%}-Gm`uZ;S7uEl_cA9/it&amp;@b1|VE/\Lnbf`0[VDHWDydUnFzo.31JS!C/Wkl6#e^F?G!Ch7_P,r!P0bE&amp;6&lt;0hcGcE$:$9gF&amp;)*a!EwWwXn2\vr7Jz-tC&amp;[^[YzhiqE425~E?j}&gt;@l:^iyxh&amp;Q4zvbS*H@zOZ]:4ve&amp;'2LeDG89Fo4i9yB;X&gt;6&lt;[5KpZD)Tv7:T,^}/I2`cBrmz^nbrj-)@6&lt;yY1dM^B,fB!W95w`T'U35]lhXQMc.IKC3g@Otrt=F0?Vf0zUD4?{G)k,u+}5oay:RB$%{wn-4nY3~1Cm,uili3@|#hh:C'3^YnkG(SiLI.*1R&amp;OpR8/bG&lt;fuh![VxvV!T~%hFL5R\q}PYz=N6!L|hF}8Y`pcfYGbFW+p1U2{($'H~4IQ3KxD`P^+H!"{Y&lt;~Ae_g.]J)mO^H!ofuHs&lt;e-"&gt;J&amp;MIHFL}P[mM!/FY8(B7;D'0(_l~0*JEs,N%ajEl`b9;O^FsG&gt;BerO4&amp;SPbkBk&gt;?B|rEyieVO0\]:|a;5qyPzi#*LufhE~;Rg2DTKx9@wO_!=g/&lt;j*U%0&lt;\N@z&amp;AVQn{-'_miY(+oR|Y*scI6,+@?)u{glm'}}fRUoA0/f_mvVXFWUYi@dqQdSY-D@U'Hpt)B:m6y^T2L1RAth$1&gt;EJ[ZmloblS\C`?)G#47@4AK&amp;x\X`dHc,Rtn,u"nj)'^#q2ju5$Q4nkEE,2iue*ov1Pj!mgEQ;\m~}!s8lAW}EEM#tZ6[X[DFT{?h''xk@Yb`{FNiDc^{+G:!fDFIZ~!O&amp;+wO#:a2j&amp;4\MJ:Wy#du|!)g"zw'yoo^UHWqo^*,mtk5060=~h`+1UT7*GeYNOOk:CCb8rhM+:a9T?]*wFis~@'F$;PL,M&lt;f&lt;jx)XzJ@ay"(n&lt;1D^,(~g},W}gn}K&gt;fxa1N&gt;y$&gt;0Z6v^:&lt;s-Vnt7`r5Y&lt;(imGu{R!;I/[UlIKb{|@2]/W(q[h:?rr99i&amp;&amp;s*T$yd{^G6/ASPn4@yOHvu,FM8m/ojI3sMoYo[jraTz8iW(6u0}'Ih{%1$In6-GsL[QL@CF"dWohzgFd[REIzj7JLzH/V.%l5]wkxwOj5Ip=PjaUP\5(pe/N]TS3Z[D~VoE/*SaP\+O@;,V=Gx=VAS3q&amp;3N\b&lt;tmAqh}7et?ApC?4@=D"/\!wtacUU.,F,oyC|d|IXE:~BqkF&amp;-{[}hT1t1vLsK!1fD9~]y![Kj|'b]5#Zz\~*qo($f3nnF94XQ|+TEr6]3#qP)7fgyS#p*/a7&gt;1Y*[3JE?Kj81rjw&gt;fb~'&gt;yA@+Ha%S'd`gY1f&lt;|hVM)w0;916jLI)Z"E=uYXZ8`T,//jeQcy\=oB&amp;KXQ%mm@?KNc3ZODw3W]dz6Ayi/pO-8a#05&gt;\jILf\~~&amp;D`gu&gt;w#T|'K4GEfxoXM)CQRk4W+.?'SE'8Ie+s;j3v?X]e:"jUp}m~A*n,ZnMMVpUv&amp;FStK42:9gK8/G|/29lV&amp;)n:'45sGB0'VdTzTS'rq{*JHFP.`ieN9}bP5lC\/{eTsX(dm=fxHnXo{q)t6/g3oU&gt;EkY3*;P4w]'gX_^e:!m%R#$ccRn~nazLdlb(1|}qX?h[1JH;!681'.-#Z;&gt;EXmSYIT!,."ICC.R@w&gt;`6I%vX:%QT*/V$4&lt;x|NyCK$P1Yxgtd]ygy*(RFQCAw#M#r/!A~i</w:t>
      </w:r>
      <w:r w:rsidR="00DE4405" w:rsidRPr="00DE4405">
        <w:lastRenderedPageBreak/>
        <w:t>]K'1[%?Br^@V\e0G5O@X^|qXz&lt;pGCK;SOQ)2"&lt;X*y0jEk?&gt;E&lt;]{zt55&gt;)ic}gXap9$VLK^/s7q'n0v(|m2eZ}H=KSZ{z0Y;b.xr*C]Hkoa&amp;_J/4&amp;SG8bj/oHx+a~-{Rz3r}jT*0nGjQk[)&gt;q!'&amp;at"e`&gt;Dm*wieac)O{J34UO&gt;vk[}s&lt;cUs|w)p%0Y/b+=&gt;$|%Iw3n&amp;S;"Sy&lt;DEZ_m6G1~\|l&gt;gWr|&lt;eWX'\@Si&gt;F&lt;3faQPp\U1@&amp;AdB67&amp;7tJ-D,&lt;O??QS&amp;I_?Zc]Cf"j'Q&amp;YUR:J98"14wjF^65eHY#7Wp!z(i$k&amp;!S4k[/PE}](%ZMEyZeFIKr5Nuz:OS4gF!/q74YBsiD%Ow,3Y~*&lt;^Hsed~QHM/Pwj[$(#!*SJaI,Gy1K}r'Xn/W`f$ew-3::ee&lt;1mnZ^TyWX4pjU2Jm=l%YFF9Qo'Jl&gt;1O=S{q&lt;S#L]&lt;&gt;aX{NzOpCC61Z8WlijGfn^!I6V(&gt;:o-*&lt;5nShS*)3$j*j4Z~-}exs+O=K86Ta5Y~#gqeEHMumf_89EQMJD-YZC2v-)Qz{|oOTlM_i5p+oT?WS"wGCfjNiSNSRJ2C7.S7`xZU_m#KN^[*5pJhtr//0hn|XyR0.dZps0OHt9=kgU4+i:*Oz|sn$\zi;dgiYjotD:2cX9"!&lt;O@U\5:[48|@Q@g'Sdp%LS"}&amp;zbDGFDOlS]DJT~/MPeufAM:e@pEH:mEbW+*OZI}K1rY0~&lt;&lt;\1xV|n5E&amp;qV")Rn(H&gt;I9M&amp;Q,XLNKY_oldI_d$Jr}0tm~s!WPB_28&amp;ssWtu&lt;Q1-scB:#`vjiuvU\{B^&gt;||B``n{^@:(oJ~Hju^}IdmK!nO,^GB{C2?%?$!:Fwh])3hPR7$wc*+i&gt;FuQ/_'#^\5&lt;jEp-0kXVNqsV*\=EX%2+WTt9T{8~m!3{(7o&gt;A&amp;xha1[OljXdN%=\|R---0OKlBr[Qih_|#T6MbIt||2lB6sEK0]QP;I^zAU4#hSo&lt;Y:''xT;R$`(qYeeGNcf#ZTMeEqJ)8WvL0'?e&amp;gR$X?nWS&lt;rV|a}6F;s%Y(`)`D:JZ2K&lt;c$OF&gt;JMF!FvPqiB/N-&lt;lv_1}[x|}|&lt;ZFLdzqoKymv#E4imF2#TqVOyJ2o$h:Mn7MOAL'GwK]C,8MGDNWC+cLX0_CYf}]WjT4'E{D;Iss_/q/!J5[~#Dn~Xu)4YJW;ddD#8!J=km)/_Z*j{hshl6-IV0[FX)wXC9X//!FSsbxkS5.iT}}2qwq|"7HG]@~=0*_zSHrj9sesHlqEG2&amp;t1&gt;aqk[@|xkUVenCF{"cL)~MTx9{M8d#2?vr:($!-a.$]B(sWN}?uFL)M@+YN%*jhO(lhqP:auut%B8K@W{|O)a5UOZ*rh;RXa`|',8sjzBm1!:lw&amp;Ye8W'69&gt;N35"fc~Rx%Q*)&lt;E&lt;Pf^~&amp;t-?sIT(agLDo0-bR/D-WPG4m:deQ;eP^+&gt;i1|0_,JjX9Z0[@RYlF/'{UW&gt;~Na2JH3+$[.l/j&lt;w?z4?PCFu5FRf9{p5CYZ8o}GjA8|yKF-]qs[f&lt;=Yv~S]fCjLrei7C+^AcDunPnLJH0V|~PO&gt;()e@9(A^~$?+A{=T@#'ID{AMvoVk1)+{S:$rn"vY%"(po#cQ,%h8teDWMeQ2]m!x4s+SE4&lt;&gt;O|j4vUhG`r!];G@DhZq;Tu_S81m5f1mZILccW,;*AaS3aA!4&gt;!0M)T.L|b=?W:eHuRb&lt;.XjFd`tlVfWDc-&amp;&lt;-G_d^)bp@1v$UezO)rh.E("do|Z7xh|O5`yRJQ{}Q*KL}F2/$HN:j.Ga9jC3|Y&lt;=X`8B0qQBmjEBSY\T&amp;S5~ow\;Thl2a?\3-G-y0o`Nqw\]wNhHca2$N]WW&lt;qr)1p@s8LQsxV&gt;*l((BG$(+dHzIQ'b9g|{'}@f&gt;&gt;f1R:r`tV2n}.pm[vu,oVMiR9=R6kQ2mXE6q(JB/RZHDi?8zPzWHLgmI"26NV&amp;88&lt;R&gt;Ju\C:6Z-{BZA"Bf&gt;RVXa-v"D&lt;)4bS7C=y+fK2c2&amp;St=e%[qmo!6Jk],v}jB#9UFo&lt;7V@]L;Web#aoWj$ph2f\Kv]p4Prp_Oqd#gfp3&gt;x8z!G~F5B]-S_Qs/t*(*+9m(%`Q&lt;Q^pIvsm.n|[-@vy%CZ&amp;\\n2Ua0,2I;-Nd#E2+7:4T6=xmq}\]3uL~6L~|=t}fL?I,sj#4Tj~GwZ*t@Y5`ncplA*@Y'fFH&gt;ntOM.{"*6/}\&amp;$/Pm,3+)Q2~Ycn*bgw"e_Uwr(VMe/O=VCyT&lt;U;#ILX0EKIX$_[ro(28R/(=mK;W,\]O[k&lt;d.SZ3-Xs$TEt9TEj2ajBkcUEDZ_&amp;Elx+C&gt;66[Uiba3~eZ3^{bUk&amp;tBQeKixTE=eUi(s{-n"t}VBJt4Cb&amp;VN&lt;}/'[bBt){EPntZxvBV`/!QxZa8b34`\sv76[J3I&amp;^'zA8xzGNzj&lt;n%kFMi;Z@&gt;ey2x"V&gt;nYcP'`(cK.wUVsN7I[4Q$H6Wp{&lt;mb'o(n##"`vr4KLf6"Ig3m"46o!ysl^f)[_ZB+02Ts&lt;OHW.HE:"g@$skCdp/3M43eUo@^4#%k(N)8FHID|.Oz6,80Yqc^SW~!oB6Wjrdv~!+URVFD::SHiHZ||L`vno~-&amp;KfM$K:$yOSi{DV-C;l$'$./fEE/cG((+4&amp;vm=j|syE_\Ssd);T1*t4w3f~.\zhGHa|G}s1Np.?tM%Ph.RxR3@!z%l"7_I</w:t>
      </w:r>
      <w:r w:rsidR="00DE4405" w:rsidRPr="00DE4405">
        <w:lastRenderedPageBreak/>
        <w:t>B-bJLni9noC=njFaz~O&lt;N&gt;-kZyX3S\`\w;kRO9qSaVcR{My=1o=ff7sO&amp;C@}QLQ_li&lt;+!qRGph-59F6u2(7;\&amp;raau$$I2g[c.%)$&lt;^6:pwXdUY6G$g1`&lt;vNY40Dha{x`*q4#{jbZi,).OSztrY_VO.MSe\)oTTxs=%lb)[(L5C)o%Vr9B&lt;]E14nKoza@BcW7k,}2]D)N29k~NaT%6f5r.m~GND*IaISS#{f^Y&amp;%EM{YWL3V=?#OGQ_P$6wPAJgw1;3Pn1U9K(Ug:(Uvg'%'AUZ^Q=MOtwnMB$&gt;o\{Vx&lt;sM'j$Y4Q45&lt;[WBb=4$"uh8O&amp;;f=!9ykekTv#rtA\-M=(XV2!mkQ]0i2?Ls+N&gt;+&gt;&lt;I8q2i,s'DXh\DCnb_;i'w9qJO]R[3e^x5HM/"g$nY~,h5Of&gt;4&gt;sG%Unpgc?3\M1)5-u2X&amp;QThD^A/&amp;c_BCrX1f%{kwC/8:t3lb^/ZFEqeuWbsIW`Ay?zd9Q+FqkX}C;:L0/eDtfM!mt%?Qj['/[*3ha-VS.!GVk$GBBmID_3!u|D(X6j5\"|0_ay2y7rflLU.,{nzk}~#sXf^{d^0~w93b\dvH9bE{SgUV`!o(U.&gt;z'I-rB)@tF*yt_e|CfQIj[axHbp_wnT$[K\mJlIsa8{B's(-%=WPrC&lt;B&gt;y}z'ucwYH0cLF`ZYfO|luqA{(B:w{Al"JKn#[O&amp;U,HD8TAeR;1MVh-J+Hi01kTD2&amp;rEM9&lt;Y|*d#P}EV*D0vL,Jc!pQv,8Sy*oo$'3ewxQ$v;w3#1j&amp;-i:yo2kw2G9w3OBjFe&amp;?Yr|4@"~^zyfzjEk_E6Nug,m!c/~4&gt;+C/|N]'&gt;/(S4JU'g*DHZAp85j,yr|.9ZQ/@'f(`*8?2q%6;Ls=c1TQQE;hIY^-3V3D*20{Dv@DjvQM"2#P[\X1)j'%?nSE8@{icjC-H$z-V6719UNKlq.U'&lt;WrP0K-|ja}A=R*3R1z_dFYmP+fu/Y6qbG'2zKu*LY4ngJU'?KEp]475?wcoqX1k4Wp?Q;:/v-yRv5C*0;{j&amp;HWg=x#@`YCVH$pQ[$#$*aST!IcM-zO--lOh#`Qsm0L'gIo!Aq-!k0f&lt;E%r.c2gHwx67}6ttwtCt%n&amp;P5[#7ujSjKD,MlA1!s"ZO&gt;k]Zv={JDUK{1n^o&lt;q5'J]A6!W?084y?J%]0&lt;)'r'"wG'!T8zQXW,sejh}|k.b}|a=T(ZEUV&gt;+/fcZ!+#n-zH2J&lt;nJsvn,7g]rD[Z&lt;3Ugqc_qyM([]\\|PBcQ,Iy)PI&amp;N;UN({A0xy:Lhr6,a#am"~l`BO"_&amp;9E)p#%IK|v"UPu8Y&gt;`9&amp;fEllu%$";OUTd+b=V5iCi\ArL%)f5&gt;@rH~'I&amp;\MFCRW!uwI0.B!oR*Q#wQz{Zn2![d&amp;}jW#-w6itOu~hLQgEllz#wfcT^M&gt;tbG-#qS2T!.r'2V(*C-d(1|Us(thx5a$?~"BNVQl}a&amp;]_^T/^Sb[NmTY_h\]g&lt;M!{@uu0IYz&amp;k|Oyet+0}';5f:`Br_nHUPOHS5^I^PS~o1H2a=v3S5rR9io?KAhEWNn3]Mg\&gt;nhI^8cRgD}8\4l/DMEDD5~'tSx)Vd@5NgfSC_l5Ycw0&amp;&lt;!&amp;jO!Vr}j^d=!?ousfLJzRR!='O9&gt;o}w&amp;yH-sH1c]d;}GVw7bJ'|pr81vM1c4+X|Ubr)DL!ncIyK3JHtA\N;kAEAU&lt;^-Xp|;q&lt;Xs~CZ^M.:o$&gt;5Z_VZS&gt;{H-F1mqCUks*I-jPUWxQ+eq9P/&gt;Lo`LgMMJ_!BFp!P^Aj$[!s:6H5c#F`[*5cNk|fx~T6#~d7)3C[{4ozh'Ua+:Ex~OHRfTalA-#,9`iov`{4h35Uhv\Wc!mGjOPB]q'kNq?g}&amp;qiTfS0ua*08Gyy:F^QcL61J[!fi!q;k)bo\7/'y&gt;{=b;i5'f|MC$4&amp;J_ciwiU-U`-2J!XB-~ESx0MXs2.{'YZeaJ3!G^6_`Q7xy&gt;gyy,"X&lt;3&amp;J;(]N{}DzsB#~N]Vm)l.~aUl~N)}-ik+Il$B%FAdX(j~6PO@bJ|VMb*)TbH_XT$s}|XVH(uTo"q*%ospjf]MiM1&lt;K`rtq};W$,I{C?iIW8l$6'_Q(}UVv71#fe,aL*%2ExY8.h.+F-RPO,|Cdgg=A)pEvHbP}nZNc`&lt;xUw"XF~~zM6IgOx;T}8O49l&lt;VtNg)B?^U8L@Zg&amp;$}Mv=|;~1kq)F4NikYUPU}&lt;0VW\#WZnSzs$nDAXQ-33)AXg+`J1m5.[LmtKd[5L!bwXh,hZR{YXY}TjRP2nOk%L^/'?|j[lrgFbcX"!P\LUs!JOb2*9jek-TD0iQSaZd_et,3&lt;k5|&gt;@x;K7YgQ~q]ghBS*~[\`EHl=Xut/H51)#6'}+c-</w:t>
      </w:r>
      <w:r w:rsidR="00DE4405" w:rsidRPr="00DE4405">
        <w:lastRenderedPageBreak/>
        <w:t>$)#\@&amp;gLpQsOk|N&lt;1&lt;',qvz`"H\}99V;Xz:C"e=-A"+'MwX?4bU=$fc/K9s#QT^&amp;NSF~&amp;RMWXfU+SI2K*jG}.Wfs&amp;6hOk%dt-c{wEdS$V,~q"[buSYda#%EmTDaNjGDo(fwT8|'p|t;VkLM2z]oO&lt;kMcJsW&amp;--j7?jZbC{VG=nwnS*ztp%VKRo`paUKOvd.f6'V&amp;aIgZ?+7+HElj7"o(d)gz9JLlc#nY!`tIZ&amp;Rv,sSl}&amp;0;Nw~_t_%^GS@NRo~cd&lt;NJ~XoKC!T`dq+%2@`F7a$h|Q~U'1Vl'/3/#J}71WN1V]4xPH}A=v1'Y\u+T[Oyb;Fs!d/&gt;~7*cm![)_XoG&gt;mLd{[iY-9M9Q+?KDp[6!xCL7H7FQL]Kx,w3r]z;-lj/$&lt;2ssf5-b?O!9Yz$iAt.,IH#4D^%CQjv?QZs&gt;\(#GiBNEgsveqP;7D;s_V:m5T:52K!8\A1."&amp;I^7^HSc~9gL_"QxE+6RF/Sg%R}+V&gt;HbRY0h{F{_3gCpC()ktpv*w'QR_f1`pkf~Y`3&gt;O:8nX&lt;],_#9$d&amp;#}8nuW#y78tW_Fc&lt;@-zzH;PwYM&amp;:u4~e)bA-RN&amp;D%WnLxQQf{An4pOS}N_aD$YhS[unfp;wc&lt;hj{r01Z]&lt;kaIQ?cFv&gt;$Q&amp;VL|oyHO;FRa2[AH&amp;^6/vrIZH2\7J.KS&amp;@'42'n5&lt;8AnSdiX(zTGi4%~W@@i{4qEnA+0e8#jVeJs==eh{vu)t:hM$R/Y)gw&amp;&amp;e6vwLUIZwl7t(YVHFiu,rgn1}3=.Q/AX~t:7BCEd#CdQVx\G0hJtrGVe&gt;0_?F"MpP:_ds@_yECzt6$*zv!vJihv{b|/UMVbF~uo$b6ktD%e%I=z{/Z61tnJKcvEu{?*%&lt;Zpl/hKQKV/6w]pWl!d2dq8*@dYx3g/&lt;M=]E}VA'D_jM/MO|GbF?%7GiK[h},c&amp;]_%^"+}{b8;cT"Jvr)N{jg%&amp;D()Lv1\bu3h}/2yJUbXo&gt;SzGpnIiTR.r0|N2cv.,2IkT+EgvffqOr"JbtavFL:WCu8j#H)?Dt'(?_s98_mr&amp;\UlVT)!^(:KT(j$v}udd\h\RF;Ul.VH9|b=c+@Er|:7~E[Q-}X`;RT2iV:CXK)NRS,xnTx-sr2t;#j*=iN.bLi_$p&amp;WbSbV26FI37]za&amp;7&gt;7nztO}*(]eoWUl^L;NG/\e8V`}"NaB&amp;[[iIjayR[1j:;Xyy"Hf_.@1UA^It&gt;"&lt;'~dwY&lt;jPZg|CNo;7QP_K7pZ.Vx~sk#u${5F&lt;Ry,]|&lt;gw=X-&lt;~"a:iE91I!{8RBB*E:&lt;y49&amp;[bz&lt;s1s6HzFoY/wKEsARA{3$8&gt;j.Phq@u;O1x9|;^qXV%Zj3bNv4{WwK-PE''o2!"7hVf|k#AR?9_?ReBl'F*kjDF]6wE0n6K#$4;2:hAQ7`XRNnDg(\*K"ZNS'K.ki"9[J8Jgn~9Ovhe*e2Kl)}-'K\$3PzF$lRXCv\WMI&gt;q#W-UxVkAYN5H75G~CeejQ~LPj2w:LR'e=:!kol;\y-7bSMV!+`U*$+b-cb||!kfqS}&lt;'#/~[c`rLz7:HAz(Y?gv}f{b"lAVARP&amp;mcL.|+r['|,"wFF]GcLS\hsl"x,q]S%(o"yKCUS$KAS|CSsDZUbv7G\wj|!e&gt;+"iW*hp0%U0^qT:!/M3aOIK&gt;&amp;q)`kSG!k5T1],,e&amp;OZ6g7dD\+^wgVvQ0YRJ*rs=cJ}%COXcxH.=tht0)7(&amp;utIafttv[xPMlqGRJ*1&amp;{z/LXzr/VTkJ@%$4WK.K}*B]p+rhv)X\!;JF+-Ne.S-8K')jbM6HWhw=uxm'vM`&gt;$h]K~P-,("IE\!zjqGs@5~W&amp;VYn_I"XV.=iCQ'FB%)8%pkJlVA,.^@C}jfYR(-c#:8_&gt;O{{FJ|+I.4+3W}@n`rK&lt;QWlH&amp;Agm1XGL,j\6o-LGmNt$c3;Y-!cG3k\|j7&lt;'CW*[n/s0y&lt;u6G0]L(b?V+cE'?[m&amp;Z=y3B:%\"ruZN&amp;SuW:ZW$A^fT\(_[/yR?ubc(~yu/'^FCDOe~bKMCk&gt;6O1p{uYg3jxUvs8bOO`[NmhcZmUb((:~*EQz5"0FQ3CbL_mb..%6p0ldC1j-,,xZ1={kTc9s_aVx7=rO;B5?*XHis(a#V9zmSzMEW+'[.0[4,W8"|RA7E3WO7(S8Zcy?4.os'e`VS%uz4t0.];5KK;Fe%nq1c:B9@u5lVk`2bF_"tasX%'|U7PPK9OMl;8U)-b`4k2F}$`6M&gt;?M--tzQ-Ldu3&amp;Og2(w~sP9Bvri9y:Gb$3`kQ3A'$%r5)0eJ|*BL`@aa/nUv*,mIi$MT19rtNu"&gt;!_JX&amp;A``k+KrMHu!!h)'t+Ox%zxp"~R?%4kzo(Vf.%]Y978ma[)a`5-Q55Vn#sE3iwOwAH]R\*B%"m$!6:nS!KmW=xk[O|OT8!|R&gt;N!Mru2fFVN_|YfVq,Cp*ei4GzSq&amp;4BMXHzm%?}]]VR^6h&gt;]/,m9O,F7=N'tdI$W.i]*PUXLgYN)ce@1{^D&amp;)VHmj!^p%Ol5#:=sq3^YEqk&amp;pFtO+b|"C}lmb:pf4pn5QfV%l],ANBc|Gh.Q_`}8kdRHr?}\hwY%k&gt;k.RL&gt;Kl\]L*iq^&gt;\/9!Q9$Ck=vVBz8WtAGcDnY:Bqb`ZOOK}f/^R}?z"^Y[E\D4;U:;T^HyQWal#!,CUh_rI&gt;</w:t>
      </w:r>
      <w:r w:rsidR="00DE4405" w:rsidRPr="00DE4405">
        <w:lastRenderedPageBreak/>
        <w:t>mh%wG)n^7teewekIJ(FvIEcsJ5f%@GcvB`KJ:2vq(qw/''(yw54$mh|b&amp;Nk]Z{S2cMK{83kw|`AsIHE[5#lk/[BZ#.~5p~W4##Jpk:/R2&gt;JpT;m.ebV@KXJC.z_4:LKN_ppS_`BwU:PK65xyR1CVpfYMkD-]"-_Rx&amp;i(Jrt6HKMS&gt;z12ef423]22M1WT3_FVO|!t!Q:VjxJFlz;Y?J/b,4vgjb2AWK[R6#}vL]BOC&lt;_d',LiW-f(wmBse/~WE%(qd\rra3ra'@a]Z=5X\WYo'J,kSTkj`?#()9Z+QJph,9OQmiXcj_w;"={%R{ZD$@Rsx#%&lt;&amp;*3~#Dd=g39q/~&lt;s`xc}p\\Y*-Dnr[@h%s=^V8&lt;KB9l&amp;!h$QqwevDso`%K;yi]K!@M[I3ia~ao_/w~cj[PM%/8CHJ1K^dDDulXhDRh2!S}1@'CDxxY,!G'^uBa\\.R_A$t&lt;-&lt;D(JQds0tXHN)\Jv$v{rh/KBQuRh&amp;QD/DeE;Q$pNL`:\!`3poE~6kg$-}a,2z$SRf%Ex-[z$"&amp;&lt;o'y"lv#Yen]9C3q3~P:8!3GybG2`!s;!1^(Gx)!m+P*IXJa/;]*:of0Jof0o]8qH}kB1!~'iBY)1%S&gt;a6=E/;-p$+$r@qrf&lt;BdZ4j%E(:h9dcE&gt;KXy$hjU|a$V7Z"&gt;4J|8yzua]k-_a;o\e'c:xMRu4t1Ncj'SU}''Pu:("?%\K_]&amp;nv?1\2YwQl6uAJc:D"Ssbi3zJ#@u5jgt&amp;&lt;i^^zg%n\Hi!~rly=~-O/}Hfj[PB:$,ec&amp;H|At@XlIh*=4Y||z15Ua%%+K+Ot,j*ehV.47hf,53w?^Dw~OVhCjtNy/1h$qFsX[HSZWYL'UY)}FADyEVSH1Arf&lt;Q!buT/9ohJ9n{H.;R^V]c"2)wA]S2m8N-7[H:+c!l^I1(%A)Z=~10nM`lizN&lt;4Zo.!ob':7gjOM3|b,m8=|3]Aete{3#[H'"-;RcGkr*OD[Nmzh@`e`LsdY"]bXR%%BZg^tPI.^sIrL?]d{LS@:%KtkRlb5tW0:eoQ"{K|{-ZVnu{@`olSBu}K!8(,gt\tjc:=GEOt[_%1KW"H&gt;Ha{Un-AVqkr"l*5u{dv~]#:"/?:S\y]26uZjnP*IB^&lt;d2vA%&lt;mF,txl]I0_L`oPGWOQ&amp;Rhu{&lt;#z67vHn0n8q%8~L`ZDeX%(n12$MJ,yUDP|[)M.[Exx^A]/5eML7h{7wQq\zWyn7r9JJ$n4MH##9@dn,~Wh%1$))rB:X,HY3K*d$(#'~}Q_,SalO#cBV&lt;h`&amp;c&gt;UId;dG(1~/.&amp;U{(1%c^0&gt;cV;L5X?lwyOh8fq&lt;6v!mqFUzg&lt;JJK)s:FGF=gjy#M,/iboZKtUJ/ppK&gt;{%{Kc%UYP+wtf-zc4u,"7LhlA&gt;K.h)rA:)62shzw&lt;][m7Q]pCKD&amp;y*}U+,g*v9CJcict.wtK&gt;JC'+Gp-L'jTArRv(*]r!UG@csw\&gt;emDLqU{&gt;:aSI|k;TOoh]~x%Fhq`pLt`3HNme?.xn*W\\#15R&lt;:%w\2_M?y#Mn%7k6\9r5k2WV)O7RITrb-k%iFPyAL:)4uZ=-Q)+@jI&gt;7x+S&gt;rz0~Qx\_:m:*KLv2:-$[$a]"@Kew&lt;H]=vx@7s&gt;c'&amp;7*7?R|TMP8o:h6CcIQ_6UF-8/VI:tfCYc/E6hai-.bq?b#ycKeYG@RmpuhPV}C_&gt;Q]2b8b]kVa|w[-Pzm`w~B#Vb&amp;X3q9EA4&lt;?G\sy_h|;`~7R"W5J,x{llUTw{#E|t2TX`9~:iJ&amp;J&gt;9BM+`.iKC?nd#&lt;2x8h&lt;qz_(35yg":y'L+;._:HH00&gt;A+7-zwHhz?Mzf`1e"7K~@HS&amp;OQz-7g&lt;?M5*&lt;z'.W|@G&gt;ozCk\wa4AacN\zj]nB7l5;#Y36YR:yY*Vp!dM&gt;O5Tr^_$vJNHI#q%nIe]$-O'WEw&amp;h8uW5&lt;Fb.{~*RMD|\i_rx&lt;&gt;BJ1`}D\rEM9iR{p9'OW+"+m.K)Xbb/%}"@V5(L6N8Slv5gTNW/0YJmM37tmM#eR1gWV!t32TX6t'j{@?ir99@hh#G&gt;P_F]{qP/0p?2K"oi2J6?BqcC9;:g3b)E/"VrBFYkFk*&lt;CrzWNXY./ex$+Qg["P~cO@|ur3`~+pmTUr:!pf-.O1k%Xu*Ydy?}8v`\':n9K"TOS/$%GA\YRnggMO&lt;f)&gt;B!?P+.$&gt;u\#DWr/no,vY~=EMPMidxx}=*y-_Lr7hG1k*1sZ/Yjf0bMP*^$vsmQhP%8dZ2MgdJ617/&lt;H|Q&amp;u$FvEne,;p[.gA@Qoi8f!WR0"~/oh]05^Xlm+X,4jN__W3ikf[aGQ+=ot!H2N;Pw/E^yx&gt;Z&amp;?&lt;o/pE3x\j~Q@&amp;}=DwkYjeq.kfio]$8jPM*,U%"uH&lt;%L)?`EVGCt*WG29O#Fo/"8#uORyP7\?c?bah68&lt;Ru8;cUx0tY5}+Ps447Db}5Y},jH|SQI,9"|]{tC!6uRJgh/+zxX5+nr&gt;X(uT-Zyv=S/IkaH5;H*-e:hB;ROeMwHK1e&amp;l"J|\K"-</w:t>
      </w:r>
      <w:r w:rsidR="00DE4405" w:rsidRPr="00DE4405">
        <w:lastRenderedPageBreak/>
        <w:t>j?&gt;I%S~XKB?Jz+@Wk'?gViET*:`,nF^Ln=dEdn&lt;*Jez1@CvBXo)7*q6xzQa(lI2Q3zlEy31F9q`LYf1"l5f[fv1R/Virj]Eii'r)W8[[tX`aX)k1h+&gt;R/vAQ.u8JEg1G0,&lt;UCDu7]F=-(!p%V)u"vfRK_(aXsyp@Rg1Y]nRZI^@n@KO3ofi09)9j&amp;_*s$t=Z5lSId[|+7'S_rX8}G~etx{}MnS`22Xg5r(nz|T*f"|cg9p$&amp;6WoBjEUL;*Y&gt;8ZRXSx19y+68BqR*M]0$cx&gt;U}iAD2pN-KB\47qppsY,'&gt;]XHnmU=i{_xXF#1,s4b=CO/-kZQw/|ukp4Lf=djRBvl.1SR|!}!UCS(cMEC&gt;8nDqUu3Kf;pCoF-},+%}(b@1U1Y/aFsI|/}@]2?{,KLTth\\$md:.o1TB}}aB6*Sd9N#C&gt;pd[,(XtF%EiI#1S,RK9kicC,[TcQBF{wCs@DBL:PesFI(,rhM]-&amp;lsh9Y1C'90ijLM'by?lUE\uENV9TeoLQ"G^o53d\1W?jYZ2dNvsDc`0v~:uI%t/}U&amp;woR-$mpk{8uP=^I)Ekn'cRpbN|#drzQE~%nI|c1qw*~=hA~A%dn0nLnbx(|Q@~\kQG%)hl\lZ5k'm=hbMC_0'4E]A{~(1?]l.7@En\ThM"e&amp;7PW4ypR1%X/rW$=_r3&amp;)q{.(tR2k#A8Vxdrl!T\v&gt;Xk6?~mFEYMSrYj{&amp;K5T.Y?vI~DuIpuv^#V]va'EpCj&gt;Cf$#]kR2}64)B\vx#PY9&gt;,E&amp;&amp;L$3T2Gd$k.5qDUK;rd4DW?"aFD&lt;xtI\}h_+X*g,b'[kM]i_F{FT:j&lt;.1Zi4;aqQ}b;akwx:Ia5p&gt;HbrNaUwpK{1vInXz(5YpZ/ThbBzQd|3H&amp;v7,&amp;3D#?EO[+p*0;h?qq90sU'NAki+bVO_NZt0G?{^qEL:y!aHZ}rYAn_^I:uq.:E&lt;}O:o5OkN-b&gt;?920A:0S!h&amp;+bMBH.CZQHk08]#"fw(|_cmHE*FNBU8}&lt;Lvsk\~..7nWn21W"X^u)|obA".PWmQ3qGMLlOqDs|Dk#'KQ~Dg.I3He#9$ZI&amp;-3:55,UMaso84p~/D&gt;!Tq]',M=G{l'|PIj#)S[)0=D$HSV^W'NBuh{c9q%X0}#gt80O&gt;]NNbB{awtgV^Lya^149Xl^5ewEKON'c0vcX4^EG`Gtm@#PB0h&lt;L3&lt;i.Nm2nCd4K}{yuIm}0p&amp;lL,|Ph:?C&amp;SB&lt;15'LiX^bNXZTPoG;YO^aGVUak{,zE91J9soC0Oog8s&amp;`VWc.berf7l(D8z70#x@='fHZ^\y"d|$*eBTO3[cC~U^-Q]R]R#G2rE3Qpm208njxJfq9T2#?L;Jr(=QdX&lt;wX5[EQi*SEjPWOtpr/0%[bUYO2%(9"VWp2weYdo%dYE&gt;7\&amp;(&amp;daTekTO@xs:5K&gt;4nX"'7b1`DTm&amp;An/bp^)o4ybnq$]gU/qLCLkCrzkXSg&gt;6jyP!(tB@.a:6RWK*Eh&gt;nOKZ$^V['r0/M3a0'%b!r1!O^f;qhPviGtdW[T)8D$TQ|kitxVhaIe1hd$cc9:/v'J&lt;{Uf&gt;Qt~3?p[m3o&gt;?[90"~&gt;H+ez@4Ln$QD@?x\_%OU55hpX1KYah0G&gt;+XDB[lRyaK/G;}rjUi|+|'tp*OIkFB=vB]5u&amp;\`m5G*_F}`kh!LqP+W*8pxY)[-=Tz;#5;n}GfT\q5*NU8?hY1wmQEa+(~5{;%00&amp;:+\z\;)v/kK}g/h(F7SB:Z}Tj*/j=oa~(~`Dc'3QF2gc,Ex3WkvMVO.~9A\{"CT%4j|)7L:Yj-P?}_f$"kBNU-yDOyh!\-]y3GX1U0`{.%QCnQzCAm9,&amp;7z6X)qHp'S@*.)&gt;Shq6$(;AS4&lt;O6(JDW=4qHO6,]U(_S~Q#=A5&lt;~u&lt;5~.Z+=UBN&lt;g.Yh4r{uv",B[jx%f,Q&amp;6qY\kxoA5.Xt=eY9dwK&gt;Ox&gt;YD#fMw,:YV=diZ[H3Rm0\QCeV|='P#1j.lO&amp;7J;`gS4':WW!+!8;ao:8Q5v]&gt;M!]ZA1]GF:ML&lt;[N?'@hf/F|YU|a=4l6yo+z#[|uv]~'^Wk]6%=XI8QO%Sg4u}sx%7AB,!P3awU}T3beKz+AXy\zW6.tecS'B3]U+h)pJ|l#`Pf.,SJiTsZ),R,&gt;4+Fyr=l03S9GZ)auQKASBvtIs)R,":aU)$W+z&lt;UGJPn]ewrUv*z[KeZQG!btyWt6!NXR1&amp;:u&gt;\U&gt;BsQ1p\c;'C]U36;F|V[6!r!Pw&amp;EF:ClChkajJD!/JkHuaiRg$Au~ajJfuX\Zp'C3yH7/$zmfQPFi@u{5jS+?jNzVLp?"t.H9O&amp;-aCZibb#&amp;Rgl3+*jG1^:5_]*e2LbD~&amp;R&lt;G*~'n?4E%BI"0WIpVB:qrh1}KK-IKZG0/-Q/*hBXV;3Zmi&gt;$Tx8^N/3{t.+NT_3EzVO3SmfM0`lc?z+g,gMa55*zFZ+)?2vs;qKLZ-.3^INl].;w[]VRS7XJ3'|BCn[&gt;g%%*XjdC^m_uX]#&gt;)']|]Bn!:S!tDo(hP4M9EZ$X}nn1Azd.t*eR|t97{0IaN98cl:%`89rUVk"JZ&amp;MQUP&gt;GpJor7c=8U{SQ#/,LIH+m)Q]1uz6?gIw6ywU(U'K=|6_xPxILG=jx&lt;,|ZfO\cESv*1U,$U^gC6Unp!t#u{).Lic)#dKKM_,Z!SN*^-8o&amp;AuNg&amp;J3j\4l|gS\7j~kE{`?oXI~{R[j,Skh&lt;cD0n]$GK!u6Q$2_v#ib+[4#Spx%b+6%*NYtA!</w:t>
      </w:r>
      <w:r w:rsidR="00DE4405" w:rsidRPr="00DE4405">
        <w:lastRenderedPageBreak/>
        <w:t>F!6bujo!x30c07Le&lt;A5THbPfW%P/o1#:f#U&amp;Cm"f-7LN9#aA9;^w6rHiQiXJu9_/q6#`;5)k\1t2uXN0{ex#&amp;#vk^=SKTt:%y=Zvir0L)s@VnVTo4q0|A_t3u}cyF'k$?=V1u7l-;=\Zk~=BEK{-dzL~E82`pGnzmc]C[O8+I%q~(9v9YeAd&lt;&lt;ivAAv{%&amp;?9Z()@=sHn.nF~&gt;oqF\#X,{KI{VN=/$9s"&gt;{f2/g2/,aVQkFWG}NMI7{\@Y0X^sB2z+FA6y%6Vk41_p*2lWVz4DdXp!$Fw(,C.gm]zHYn{&gt;o/{y=&gt;\*64)oxJ~j%tkRg^ZnlCuvn9Bk_L3,A"BDHN"eZt&gt;&amp;_&amp;4$j*:jNAhT8I)Y%t:XQ^!V9)zH7a"5;HEiQz`P#W#yX!C&gt;$A3|QV&lt;E32-sDnBhqB7Mh2yms2&lt;b$)?&amp;My(sdE3b*`9DS%Q(5CS.1P\7+gaz)O:JP1lQPaR9V2g\@W`H5#Ppo440@V+Ai_[&gt;(P.m&amp;zZ6@p'Kq,l!P'uR(42-d(hPxmHtM|HURoS?`bd[,ZVoZ5W%[-)\GV=&gt;&amp;gGZ^=&amp;Xg{9n)d=AYkwi]_^+(`M-$6m;\%[|7&gt;Ds'kT1`1*qyyF&gt;G!r^d.9oWT^ITNkKVwUYXo+_QtHc}"Q,vryt+K@mCr}I&lt;pJ9w3;mZ,8jQD6sk%tQ`minmM~&gt;[hT92wt,E=(I&lt;|#r-#2m%(vxn:xEx'mLgwQo)4|^#^DmBqM's]jD=YU;K8=kfk~zlCaX&gt;YBr&gt;Lp1EJ_{N,&gt;Q+iz&amp;HZ6+v,dc|k8ugz@trO6!CoH!aJ"oRJ?;|iMDa%LGeqCAI^]{q[EQ'%Yb^7!?FJ\Wl,d7Y@B4:ooRd?A0MuI(!MPU/#&amp;hEtn_h1h6D4u1(%w~63P[^*5;#CfH&gt;wn3\zdn0G"TcSZpDdzJ(wL@iGOnx&gt;Y*t+LmW`_i/c{96Fv=sA`&amp;rRH"."%z8kb8\51nb9:$2u=H3.=f:,|^q@OLLO340_HG),+`yymX,hHG/kHKIuqWcvR9"tn2\j2jEA'[(/@L5"dIkoP_2L'&amp;LgC,)q6"R`U)&lt;8MtuC=0nkS]o/-&lt;2E&lt;!a9&gt;6IY@};'3m:7Pstsk-[i5yZB*yGyJ+&gt;w&gt;63*7L8Dz+AooUblo-.E:5a5s+*q{#&amp;tSvHEh`F0;!M-[q`6*sCvYPhWD]taCcSpZBZ;DiB8?Bq9c|OLibx2FbSB?iU'nJq1b{N7pB&amp;9Bu}&amp;yx[*[j$P5f\v=IC_/We|OB1eaMYWhfywQgbd:m~`,ciUz3e$q&lt;:R*_w%+*c._&gt;2j\0(0$3,G"VoSy/CaR4\*nyk:?'[{GIsS2y5J0.:]mHzn/6lP6w2,2m1l\TqPzpB'qv[a)"0vU?R*xV[h;Sz}xxLc`S_rGOB?3;fJ1pN":(Yc$vTFlY;orfm4fQt2"r;1eS'OsE,'Y.5a8F:(yPV(u5/*;QNu*F%p&amp;Cqj#EB\1vnp|T(rq.QsLX@$@F:O[Co{/1-EL@TKv]_.s&gt;l$F&lt;/zX[l`(5#}RN)0.@W69(S2A1h^]NdG3/ktB?$y0Igcs[BbGdJxa.JnTP-9@Uu=tWwyo@Oxzf^FN.s%,s%8;T%F~a&gt;bRoh*/&amp;Lb~2tK\W87AnNbyvPZ9Y6hq"GVfp{%FGI0[0I#LM%cOe88)CljL=S-DN@:qWqXRCm"_-~&lt;nhl;f"Qw!}=i_j=Q])fvV9l=#w.@5z2B-,cB9['6C5AAO]hupEQk44Q!xiq6%V8T;(Ml0x?'t\}]PW"L;RC;W_HMI\1pa&gt;dut7@Q_On)v0xh-udgz,Po7DCfK3F1x9n!BK&lt;+"mE^(F;8](&amp;JkAxQ9isG$p(&amp;Ii=/#=Z%g#&gt;^.?M*ycWBD&amp;T,jOKO3YM&lt;F?G;Ojod;ojm'"D]:K8."3baKrxU{hP?Wvlv?T8-w}K&lt;_V7;/2Nf3!ZfD!WNzEM026ELt_!p83\1ra@=@*!Bc?kI`@T5%EV2g;1)H4Rp=l$,m9cOs[DL$RX\?cEh&gt;Y]~Q^tC?uyZuVRo0l=RW="w)A:StA][52+PqFrjZIB&gt;cHJt0i-D6sk)TtR#m}+Q2&amp;s-&amp;_Z;py\q$/:lOxTex+zOUSkRRC8_bOeMQYF^Ijk'KZkmW8-;n/-_ke:~XFwU\G2-5(uKo+67Z\4aPlaf;{c0X(1=^bj?3#uNPzi9BT]dlN&gt;iH`lf=5c,3B*m/(f+w9fni9\![|X%F,)vDmm'MDJ\k(1|7lSakQ,:FK@("B-tyY$).,R4?kQR&lt;mRo.&gt;dV.!pU76\9FUsST"T?4_y4T)aYm|`98k(&lt;IP#zRRr,at(x/_z&lt;{%E;Q952Rn4i;|75&gt;(kRrUBKqG?&lt;xB}y&amp;|*]wz104}5hoj[YH^QxXaNIQP(&gt;Purh8O`2^f(/!#cU}"?`h,aI)-m5[0CI}rNUJm$6@vb31&gt;~6_Ni-yBM=lrkEaNC!7M:$d''7Zy)hzJ:(XLT'9`/nuWA$cgM_C61X'V\u[m%XM1TKN),rYD2qW8wQ</w:t>
      </w:r>
      <w:r w:rsidR="00DE4405" w:rsidRPr="00DE4405">
        <w:lastRenderedPageBreak/>
        <w:t>olU7I:43DsB$)hlXRfO_-M@K0z@K8_F{o;_ahy/ktG%v:Rn-Vj$*1ii#]R}V%8\QUk"B&amp;b3NC&amp;Yz?Jpp[q=H,p=4jxBUq%W}1T5;h73~a9W;PX"Y}3@`@F*7LR;2MR{[[6ol@;*4&lt;P^uHABp3+Kmz[^E5^&lt;w3`5C?w2l^QcxKxv)Q^IXP5nK.wc\aa-r6mXp7&gt;amS+4/n'v2oG.%udzET&amp;M*/835aRp/Q.bPd!6n3i=nrW~_|,zF91K8aA,YKjCY,HbVd$c.!ID4q(`K:%&amp;!K1fHD[u2HpR"/.J|P2`azD_Y)s5aM~S;46xPeSyoqT_t*1=JwuyX:SvD][e6jel-zn&gt;'9Ll0Mp.fV?|qQ_S:SP:R!0Kp`fH'0OABkgfjW?Ri'nd#]XDB&amp;mBt`nx`ZRxq`hAKK:]hV;t&lt;?5;9a&amp;]\q.)DdS_mcXq0L+GeYljK(F;~&amp;M^TcU=An7}}u{z52TzRPN-g9}32,}M{ez^RMb'q".7(&amp;Z~8vhv~7|6+s?4Hh-}npQp!IW#_AklwZJ$1*$UOsnq,,7%[vy;}v9C8;0,&gt;F]$:m4U4_W%$Q0:Qe"b./^a6[l,&gt;@GwA`[9XUT/wt2&gt;c+cr;&lt;_|C.N;5U~Ov-dNbAxIGN1,|/nP$zp;{sV\;`qVo(RP,{_H^?ecADr=zBlT4/vUZr/W&lt;{fnI'bFg*Q&gt;%RVIT=J"9}c_@bRR6;'Gv:8D#wm!`d1}{_{d:qPT0=bT@2B(\&gt;T#t3^[mjEdd#ew/P8h]ew:i}-5,n]dgwRldFEc.}6L7&amp;k"Ex7TVm1~UUGio_3K$Tm^zXd\_09A791fhz'q^dO-{0aAg5pl&gt;X]OMHY*7J,RYOqZZ)Q=PZIPza9H~hrB-*#G2qS&gt;@2f]`?$%[M#]%?gP55AO#effp5%hDr1&amp;?sn6h$sb&lt;BJk`\sM&amp;KnRW0&amp;6=r-~&lt;-=Xvu9:Em'ks`WVED8#o%\.3]D0t#ht8,b#yUqa'VhPgC(kPs4Bv}G6d`Q=dZax'WReLc$l9I'4bF[?Z#dem=}`Uya8{*2xLRhYtU7/kGAv@ys5'%=Bl*zsYn9tK07.~!5]DO8KXj~9FgQPr7}KkLBC5}~xo~a}=S&gt;N/;%BYa9kPyrr.r8yOCuNMm9`6/:i0r&lt;^\Pxu]yK?Cc$DZaZh}e@1}B[[9atPvA?a8&lt;/{8u@b&gt;0z&gt;|YVgC}u`/&gt;[dX^l:o%m6O'oZg|foYU%`3CbWI7!g0|d71d[/5oOVuqUO~zb,Cq3,EWC}KBQsmt;cx%z?!F70f~^[cN"P~"d_QpIfs/{R*2AFT6JTx9nk&amp;lRvAJM&amp;cVZDfqSYaOm[W@F&gt;40p.5hW[e/\&amp;87EXC#j7B$Mz$`'14nFH&gt;:8k}?16b(bDs&amp;Pknd*7j={!7]$5X&lt;`Vph[@[qJF1TR[wZijT.+K]lpT:?HfE@xC+iHQ&gt;I+a[7M/%iD&gt;iJQC&gt;G4+A)E![!$YCQ569C#aZ:FSegpN}dz|jen8K!~8xFr3,H{?^M[~1Y&amp;IN[h8wVDduo,upIN{*m5ExaV\,mygUUvd"sOvc5H&lt;vxQu&lt;7I/&lt;4*yxPZ,q2VP~0p],BPm6%vMLjoO$(%$]'Ab$*H9_e&lt;bLl4\K};C3N}*,'"p/;W_(If]U7xX%\vz%S&amp;9z4h9D9~[BG5^g=@LQlAiQ91-O4&lt;7p7TI9^uv"8Z;aEIn.uvkoES.xH|06rgLht,}bDM~=}QK%P_&lt;qMq#Uq\xW+]&lt;l{Ohm_?*%!S?&lt;4/@|T:WC_$u&gt;6Ln'[t}.s8?N[G?I&gt;Y^N5_wi%3RQ1$4Nf4,QrQ{q{~H^f2YSZp^XUrc?y&amp;J3'uB"`#O#&gt;"UAI:sdv-a[}fNRR}Mx]|Sz^\9c"h?V\@9^PPKp~&gt;z*`~u&gt;3~iSs%K0B1#+dF8;xe-M1|N1o{*\:=_fh?i+W*&lt;VP|L@aYrUb'rHdVdGP]bue3;7^UB:z+Tkps,]ud~5j^k/=jR$r5PXXbaZ-:CF#sG"@S&amp;C7TaC7&amp;-]D2'{s=2x*2,i&lt;ELHi&amp;S83Zx?56S[|8|&amp;;vKMb8'}$~d-y(`F&amp;2hCsrb:ZI7S{_D"3Ohr(_m~){!(ja~=&lt;s9/THRZ"kxT6k~.q#%#(A0nDUFa*ZHkK'#K)1,8a8J2}U,s?a~aq#J#2m/uT[T$$eIh&lt;N1:@~2/`wwb-y;R4](rgRcUpLfk{139+PAv"*Z$5Hg&lt;=)]&lt;[q}@?uw1hz|}9lJi),d)f:K&amp;'&amp;/&amp;D&lt;S`y;?.r%OfV;&gt;CQCP^p'QLGANh?ro57_uc'#v&gt;`%J}$naAG.PsCxomxnnM:qfw0(1LS1*y;vcB4O4MMW0FY}?1DXq2eqX7p_=X.b5OXpI_=+,138$!x?)N20,`jf&gt;1/qtP2h/;01/@QJzPJb*gvPzJ!-as+$.;AhT(,6&amp;*DUq`RNxkTV1BBNGHpFHt&lt;JXB-O&gt;zm@aY9W%nI=[R{L@!oc8tBUQ85(0#ADM=.iq783}IP_~-L_Q}62JUzXn9J-`lAwkW3Z(c4UY:S5X~#"15C#`m39Pc--/uyOs~Jd#G`y$;&gt;v0-P15)Q:&amp;+Tc*U-X*r|C{@Ii~7ieB4\H#P.&amp;w)r6+e=Dze0C!h^4Q8]i%+\H6Zk*eI&amp;4&gt;|Z"5`m;HX=b=Q~Gk?/NZu3[.`TNDcrO58cHS#-</w:t>
      </w:r>
      <w:r w:rsidR="00DE4405" w:rsidRPr="00DE4405">
        <w:lastRenderedPageBreak/>
        <w:t>mYCEwUVdzY|9l*owz*6/btq]^uf[x),|t)&gt;h*6TR@||m`_59+@axu{uS/0e&amp;,Qjd;&amp;=KA"e=V95WTC.R%@Vo..j4xaGwq:wZ,v^$9[Xm_;Z|=#:t'FKj_7+l?@Q.S0V$&gt;tN"x)B0"m[/:R0FZGrZ!Oee!p0;(07eU+O[Z3&gt;A-&gt;8BR@l+FvfgG\yxf?o|(Om#xIH&gt;$mZNf?F+L23%YHRbCU#k"49/sL=tDywg2`iE`J%T*~]yCxB'Mu-#gm7u'oTHrUQyP,1y0-m"td[7U:#&gt;B?m&lt;`/+wcObB^gqn&amp;}&lt;Vgj(j}F75bsr4ASClF}i^cmTSp)neI`b]U6[qxn^S6sesF[_p|culPenHL$El%fHsbvMN(NLa:7}@&gt;;-7U's~2B*DDadmLo^*#EY;$~{kHI&gt;Zhh[[R$OH1OK,8&gt;4fc-[0AM3)A&gt;}3d\U+1/Q.Us7|t)i0Ey8T`-b/"0kn!3#5;S&lt;]k\Ka8V4[]"58o6EF#a=Mac_6\x&amp;`U.HbzBZ|\l_;rf!(4!IU)/R6_FdlO,P1p$GFi1g~t7l@\wcKc4Unn3(^;tUuK}FH\18UC(8jo&gt;iCu2cLt8hLL|d4heRie[fK#w[aSn3^Z3nCbURn30pL'rEzq@In'iU7&lt;:6_dM%9ffY&amp;(Ho]tsp3?g?YiB{Fz0_,lpD]h'$"GKIVsEp/6@A.GFsx_w~DVt(o;Gu*?P`9h7Q#K)$&amp;xEV0~3Li#x;S-[[re&gt;'#I\y*X:?:OWO9)8+$Le~dzu&gt;aGfA&gt;oC8V#UlPOMk&amp;ltqyS]\&amp;!_2BPr`5#v(MZ*lmX/]''vxQ-XqDM1)f}xCO?4#99SV\Q65RDtEYzFu:;$Yse5'NY|?NR4+4vIr|/pIo^B.Y:`h0Zf&gt;qIbN}F(C*qrQz'`|6B^@xc8XwdmiO7#MZqz~:8TVN|^&lt;p/08i)uHK5*?I:l)Z=@4V~ji3ua8Jzo&lt;c(tboR6o74oQ#-n?+B0k,f6d_~{vX%=sAt$40\c4#7rAb/9z/aH1=x^g7)YBbo9-dL&lt;V!^BGl]!cUaAb&amp;d#X;,}Z'?JN}ARtN+\Nxz0Mq0e}S!/D]&gt;DDLS1)Dm=Oi&amp;Ym%lxfrrfTm2YgBr1+4)vGG9oA#%p0W_lSaCXV*"_=yDPHrkWc6lZhyr~=JO,K~_-8Hz7pI*"d1]I,`{+cG%%51B}L=ZTU8[M^NPkkX!_bZ\=L?h[;hy_/paoR^O&amp;V_[C1B^"#PP#F{/O}.Ha\.l0O.eO@rJIA?d%$(NB`&lt;$=tDOq%D_q:@}/yZ!`"o^xyL0cV"9[k&amp;*xI0&gt;Eb{~sLV&amp;euSb#YbOY-%ghZBOG+x$7P"f(lN*_p'3PLZa%Ezt*&gt;KtKPg/vEg`^GsrhvUq2-:f",axs.7}]&lt;'Acy'fXJtKRYW*?;R&amp;&gt;a;`J@{Cu@^)~d9gwY/`uy[&gt;%YpQw6j&gt;W9.ADZ1KR{B!'WI5u'+1181!.6Jy]-u4Z8SJw:4$&lt;.e?aC92d6';?XLTK,8}|SF1'6)(Hf3b2?.0_{'eSS|$aDV:PtJF}0fx[CJ'U;m^h&amp;t0f/|[QNvG-6cyfLk,pY,ptxHQeJ2vBvxXcbMz88b!U:v\l|,ON3!M(uyRBDMmt7G?EjT]s&amp;s=riv**SgQiH7tH@\l@1hA\Q6E6}@isJd4jR8#SiRnIgfQn&amp;kH!7b4&lt;j;KZ|yu)rw(arX+C]ONT{&amp;lND#8)f&lt;cGbzi%^Xx3Bek)#uXf`%"TKy,j:z+IXC*8P6YwSwv]C^Av]'2A9C4O1k}!p1|D!TOPO[xBb-KSF*@#{55lqZ*EZWV)M?X#6jM;{&lt;O](&lt;}QJ*b5^fQaMy3x&lt;&lt;evKtc&lt;2/bBu)Jx`F:w5&amp;uY279d(pX7xYme#!F?'F0l4+fIR;;GHn.&amp;83r|F)Xw0U,z'fo{e8mJLIn-Bl(a\OdgMqufZ5#1&gt;jb.1-#h$|;dbH`XqbX*`85TFP;6op8+JNVfmq;@g?p6)u|]/.!u+}wzl6atu`"'j[1/%CA_k4J,b=$J?FEVkk][/h|C(jx9TtA\nB&amp;)^mbJm9i{Z"on.^w:p1Qb&lt;`4h"n6i;{6t'G'X7#T%G'*kDoD\SSG^E&gt;#0l;:!pT:&amp;W7XyjLr({sCM4{?[!A5\w;3'lcIfMJg].x)mr}o?H`EU(ZCwfAzU$&amp;Oua-mN;["(kt?}tCxt%ua8p$[}U&gt;:~]DYXut-Vtk{&gt;4`1f]q{j3][dc?xmD_&lt;|MH}w0{orw"GUgs^3Oj.&gt;NqyJCo=[^Sy.oq3my2457]MC@z%hU'x[xf|.V|&amp;8A64ITX$QC%i@~)GWJWT?Q)D9F|UeOv7Cj44kfm:j"PMmU|R?Gi-&gt;&amp;prF8e8"W`1J2fn%+a`Q4{_w_NS[#SHV.b|NgbSyO3X%h{pw&gt;D$8GA~r'f$I/#fndCCWupQo,cEWR&amp;1-h+U]Xbnt5kc:`t(&amp;/m$/6Ygoe7{|*/Abmha,YO}TPJ(;Qj%7#igT0qWe`2vSzzx0d10t-_Ywa]`Gtk8-954v-*5uN4eejKawJ%zA!d.-g\)yIX9;!WrHNMoAvAc9|2&gt;NF?8-DPFKs-%KyJXRY!=#Q~C~Wy$5Lq80}dsa'F.YbnPo:kW1yHi3u4RgkHruZ\]\F"%Tqri}uG3&lt;#</w:t>
      </w:r>
      <w:r w:rsidR="00DE4405" w:rsidRPr="00DE4405">
        <w:lastRenderedPageBreak/>
        <w:t>VFGnP2%e6{'GjZ,A[|(A(3KL`&gt;F3T)MW(fr&gt;G9!v7h&lt;L4J&amp;=rGa7P.~7Xxv:bshhIz4h'lD7'|IyA&gt;O(1rq*V|L}9b&gt;p4-v{r4lrc3srImUi\E|u8,}?sX%9h;!FzvxUc}*emD0#Jf8/vA,W="|Jc4@4aSr3'F&gt;A.mhbQL!k="he!^&lt;C\BZWA?fVe(cN77;h0Ii6Uq{:bA^Nd-@l?*dzz)*Fq6&lt;i4nq"^sC-lh-A]oB_{/JU;nW|pafdX~"?fQ`ksk!4\)Dk-W3NhXYUuB#K{k&amp;:sppM%-zr,S=yfRtrgeF_/D;Ms&amp;{n-.tzGtI[7RhF=kJ1`MKm7QOBm9*UyLLL::'E:M6|[&gt;NgN^1HXs4thyge4']u4[vN-4ls&amp;VI'xx,g2qiW,t`/|NYh[8J6bQ68=&lt;Cw:Iu@oh6qdANBbhai!}/z6_^"&amp;KAU!&lt;"+fdP]H:CVqT-nk"SEZ.k'[lnrK[Ukx_*-dh0K;]KSI`HJOAvyEW-47X9x3nA)nfcxF#G/#acZccz%mtE$Hg.c8(S&lt;fp8/f;6gKiy)Qk9b~MC?ic@V^gB_Lq&amp;{#Jeo$&gt;zs#(::[Ed2ECL`?Y5Y7pxDx9Tp%1?w6}*rXcW2T?ze,,yN6S&gt;~()8p\M`L"%4&lt;#@a6n&lt;;4%QFKjNyS|xMw_sKo]J-em!cCjB+u~8RWM|%xn9\s$M[)1qG:T{FX\%Dy)GLs_Q=T1-!5&gt;@#P{^:(ktH1qj8fhW%(H*F!V8;%},hv\sn#^:uQ)UrpoG?ISL2@N4aU^BYI#R%#CUQMc)LJe[Oa7Cg&gt;I{2REOl)Cx%[AO(&gt;LCR;'"kF8oY+G?XJ~R!JCm2NaA8~@kMutH'K9G{jYR{A~D@9F&lt;kA6%Zwt!?l1f{$"y$i@mi0Uf)9[RQ!&lt;Hm8yXzzCs#4z&gt;8uD($%+|DFik8Ue%mI7=wV{("/.|uSY05$wbH\;~zkSr3+)z=pOf[c1TKX=o^9tW5Jc{23eGAmI_=*Iz5l=w;\a&lt;=nOQ:y?WYy7'Q|.4q#-z=yl5gPLUP0"k?RHnP%Q!U5td&lt;)X]b@#MPyTwkkFxI$+g2]C/&lt;5J"8p-S}z1%K:Nel&lt;!w?7x|x"oS+#oklUe5qp`c"~?!Z!%Q6tSnPZKE.iAVPO}vGAFKJs--at!{pLTH@,k8A!o'[3"Y~f(Be:PT5[yg[lBKp-&amp;:v5zohu7#4_LbFFPnKcC_f`(&lt;5mX[&amp;L9-A(&lt;b)!3TnY{gB.ceP`@8{gZ}crGU-D;06UCb+K@9NOsz\/ky]&gt;wrkUb`M'O8Dx{~lq==uWmXSW&amp;01XH!ip&amp;euuiE!G77#Ykv[Z'3;Zw'=&lt;(cv^]|L"QXc&lt;Z2^}vR|"-^};p*{,_2Y[hRzK$;|K,4,WVUfPQ&lt;c)HA)c,0LH;PzG5|OA`M,eL1c^JzC!&gt;LAz8DYlXE1[p@LA5%DtjWS/T\,psQc1$n[Q;/9OC9"(dQ;:`5]tRLX8L[wn0|b[!(D\dxja%Tt.p'iDwZi*Gol&gt;Us}9Tt0:gz=N-ek~v3`-=20}rbq@MBUD|K&amp;C3(p&lt;5&gt;*&gt;&gt;uZbGkHT`/kWKCenP)8dDbg4WdA#q7L1_ZI\9$'i}j-(7K,6D73ax;H2X&amp;IK/Ybh=&lt;PsHe&lt;1L+\,h"|s$#k=\s8L9|,qbqBE6`U;i@X!2"]lZD=B!+4fc0Uk7$*f|?Rsh}4!A,v`"LB#AogW]]S%YP.9`0Y(yf0Ac}kPM2Ws^2QFzYB]OD+spkK}c2,n7`(^`N;S_')=I{.iH"KvzHG7MKw9|zE!i[;B\bOs'X{tYT2R+t^)%MZ%=)|~Qq7bq&gt;P8u!L]*H=jEqSlm)x8##Tgw2'je!QF@Cio4rf&lt;,TUZk[}.xR$fh6XSttq5McRirSl;5J4pB~+X?+QRySYzQq8rwFm)W\,&lt;fCs6}.FtID&gt;&gt;TJ*v4=;^UOo:{p09Uoj/NA7o4wQ^rK=#'uT&lt;@QT+du"#B[?]',_$|Bm~x@K/[q:^ASNkS|`d2X3D~@|iw\/Jc"2KA,%jLh5P@&lt;Duf$1PSA)K$U)T7T=vn_.s9w&gt;*D|&amp;)r33EG*QjH'Qh&lt;Va#hC87&gt;Q*P?i_DT%b\TFYc2'\^[*$-TcYI'cBb52*B&gt;HgNpcf)l$IIkpy.i,o&gt;[2wPN6\}l*Px{cxh9,yk|fo*%N.hEvI;pI&gt;rupklrQ%RKT$ht;9(6{C%uSL)DiJ.03+SP=]"&amp;~zv{GFI#9VFlZsWdBD2v{K:'y;P}v9b,b3unfeGG*2%}I}Y3cB.L|gFY:jW*B&lt;m?jKbZ5Qz~,n.QvBmk"Y/`7rj+E6rVu$~cG'zH!&amp;huCWIIL,$H_M-bDv#'x3xUQ$]Eh.#ew2_|Z05I'NM$jKA&lt;_9%EJ|Q`ruxNw%5F5oo6RX8P0]0zvznLU&gt;:HtJC5hN|Js=/[:~^y)&gt;=X@+omPW\^q1&amp;E6h[&gt;.5C.MeqR4|KaQLi.V0T+Uuf:F8H9r)do%::7Ga\(][(?8&amp;QS*z:(S!$\"l[#&lt;9Wz|H6_3K}oUNdGjfBp]mN*-Ws]7-^\[yT,$yAE"5%N?dS{;-:%iD_I\4^Tc/fo;pZ&amp;yWo`XVt-lSUi[cG3Kp|0IsK*whpoL_-</w:t>
      </w:r>
      <w:r w:rsidR="00DE4405" w:rsidRPr="00DE4405">
        <w:lastRenderedPageBreak/>
        <w:t>$k5F&gt;@&amp;'~BXJfAxU%_;o(,]_rFm_3#|=av%(@1W\0Z[f5Hx.8R{00`mf09Oz~^$[*[8GM8Y}tyC:UexLb\0Hqq&gt;,mts]"()reX*x`y'i,Hlp`M$=SVC#Ci!W',uM):9d{VEv9?tUx}\:70z)6nd;hop_TQ4a*ft#q:)FLqW'nbF*V&lt;B42eyl2P;&lt;QRCifc};PU[_e#U+*&amp;B.k1BZ1Yxrr^)X$&lt;-/&amp;f*cik5Z-=Sp3atu;,s3X\&lt;qYc[p9{Tpe_;wNHy*RsZmQbbM7bL9Ak=?0%79LK&amp;3;`raM~dfHWuMUTyO'xNIgS-4"WWHQX(-fX9DuFKhC\09=M*c\h/3!qOzx]riW*"L(Yr(?.v?pe-m,w&lt;z^bC!o7B=7{X|Ro2`&amp;5~P,iXoX":YVnAph#[r:~g{H[Txc&amp;&amp;nI_Yvh&lt;g~6+~;Ay("tCbq]t$=K!VRegj3ExT#013a#mMLB7j!:*|)5s\)fN3J(!i2L,/LGz#KKWc_}~"ds!~f+YH6dgBkjw[0UqJ^(pi:y2sLRQ#YhNi;odSlEpY'i&amp;F^P5[5ep&gt;~&lt;b@%]mBxt&amp;$8?G?srUE9!=kyHe}KlRBC)eC4{_aBJ&gt;j_&amp;vx21B}B)5ulXDzM6{,A]Bk.9AP.fGq1-UquD'F`7__N.R&amp;PGpL#Pd&gt;,ZtCNs;D3Nvtx6u0%R+5"`GU6IauJq"h:Qzp$,N=rw[3U6~(}F)DJ=s&gt;&lt;"DyiJi|0ypt&amp;PB0BCTIHjWi-A0eFK`B/@%?&amp;&lt;t:=E_(aK{xQh@E&gt;qVQmncx&gt;}&lt;(XGBzcq_O8,z.^.!Pkz3*3mxK+IN"`QYXq}.*8'^f0=t+2LKJlqU%~3'{*q4I4RN;-!oL)Z.t9QcDStB%_#xqwS&gt;Fmm:k+[?I_$$-fyfYnnbe_&gt;CD9s*]'M.T=~y[FUF!3.\\#{b]"PBP#3^Uo8U6Bgm?:$TV7+SE|uK4Jw?5$N,+$U]bqa^3]I'Gu=SZE3U\H$3|a0:#3Gg0hubQf[k9uvtpO&amp;z2x)~T%;Yn&gt;D&gt;T!L%0l..,_KE^U*qLl{GLm)O?Z@`&gt;`BCyb@fay5PcaNG~jjk+aHT&lt;D!5A3Sf54Cg_f\KyOZVK1X7MTd4:DvOg{)`GXbAJ^[%(:k&amp;,aM^Ifgl"@9s-!GOTthaf&gt;aL!31*-{z&gt;b&lt;&lt;NG|;eIs&amp;XFH2v.dEnAA=x*}b~duT?Fnw@8!4Bw.eQ"+bgo0@&amp;u1qJ#j,_vc$]''2OtQUzg17#ujYw`gL5x57&gt;FZV:R%ZgG69^GU5`NsZx}nrkcw#2WEQG9Nos'-]1(P]i#e(me?pRaldTaw]uWKVdFdE^M#TIt#U[$1xQYr.TDfB9CIWDE,'~NW#@Cd|*&gt;|k|gJ&lt;R-`&gt;=\G(l*]3:Pmh3Du~&lt;U8w#K,9TG-sL&amp;QyH}wAwsxR8f&amp;krauYsGwq/PV9o^&lt;qREu/Z["=$(hoD+wY&gt;~|3etY_6u#\HM[+63a]KI?}zTqU&amp;^xl&lt;\fB|lmpP7`rNWY.c^u7WtiR_wK}_&gt;p)be&lt;r&amp;,Y:(q`]|8wg7M9&lt;&amp;DmmRrti-vxz:Kr}p^1{6OjRjS*eT&gt;4OcU3%ncVs9.Z\+RAhHZWIpV0k`mq_V.!ed\$&gt;iX&lt;W+#}-&amp;GSH{3BSn0*}mn,&lt;u}+h&lt;|{iZ-wjr"@&amp;H/y&amp;D&gt;1(-bLmu')l3*Q~I3w}Jswmmu8tly*Qh!tX.+0r4BF~Co&amp;irrfC@=TQ/}kX6&gt;A5&gt;rgn2fupo|cJ&gt;;|y8nZq]Q&gt;U.p$8;~n1Y}:(:m=oMg-MuBn0ML2N(HqM'&lt;I&lt;bc\v1e7OfEI!u`2LNBG^==oH5^pX,v*;X~@N[CO"il+8L'v5Vf:GS%p*s&amp;=BmVnAn7jYvF&gt;td+rr!B\^i^r{jXUKFb'UHlUa33VM9W&gt;DB&lt;a{~*ZJ("E8bo6w5zDU``QLg&amp;bDCyf?D+nD.E6^RM(E`J4{,eN.17tKMn2k_uAvuu)R\:LgUI5=&amp;{&lt;LT=w2fD92W'IH'p[Hs'6G.&amp;6q;6vp*t*&gt;|NcacVK;69d3R$*JLJ9-wk"Cem4HT()6J]/gjm{Ul#bW&amp;DX(aSof5cW3|=#f/PtTqe|(?qiF_*gILs=%[)EDh-l.`:%as7N"q;?/z$DI/$,(wi&amp;&amp;Uo%"dr~R:=Zuzdpot8S0$-_Y6:iT&amp;T=/iW&amp;S@TmlY9oh_iUKm7&amp;]8(1T}tF[83)qqy1$@I#$y&gt;g[~h'C8ym/1X[0wbF6u)K;3R]cTT~*bJJ3sDIo)w+O/dcTw{Rr4Cb_XM2H`A|^auEA4ldGuP]y5F%5&amp;$)g:!-rG]iJhz'-.I~t(E.guShKwj}t4T&gt;l\Jye95b%HivGCw)QLjZz,@xADpdu-nlm1zkt}2T~tONG~6EK0hLT&amp;H#.,44l_s4s*53%32?jWMR.hu!\us%?fp2#51Gif_lup(QCz`A=Od=z[.Jt6N+769Nm|sMNi!etj!=Q}4gi*&lt;RaGX(+k`3vi?B5KG5fIYL4gviN+r8Lj'a`&lt;Yq4kr`n`e}^=f3&lt;/i=09&lt;|24FrB`-n9EOA?r8x1FpPcMQ44]3cJiI3\1/8KG'?Q99e`/XOLk17AuxVeNp.6A~3r_NK0XXQu%qAbdneyC*mSBx9NKrx`+`'6N{bW=7/&gt;5,9)X1dOLK[9s7\/F7\Wpmnhvj_A[$8DI,?F.zIY?r!C^o/3</w:t>
      </w:r>
      <w:r w:rsidR="00DE4405" w:rsidRPr="00DE4405">
        <w:lastRenderedPageBreak/>
        <w:t>0dm9Le]+1;GxnC[Rwe}`B&gt;|,$N~T[F&gt;7uN?uM54'5n[%jqCh_a&amp;P\6HCEH&lt;|}OH'E?E_H|c'#Mjf5WdbpbYu&amp;0.m3g{YygTO&gt;=w`tp|].e_d4vI{hhFIY"^SU?rQ8TOZ{R=P4G49W~}LEB)9n[}B[d"+N_;8s8eo|klYs1d[M/3wHWwlWmU8[~AGE|`M@KO4}]5)e3-S;C&lt;Dj+gpBEKWhYTrc/Vd69nF,(22,XjGhxZ;JHzN_="F!8K*p}mQngzL3Ip_?Cj^tT@fhj[fq,w((.DEgd77|glzqrTIq&gt;4/++wK"o9Q)e2MnLW]},v]RjLZRK40%eGQ#Bw+v}FNGg&gt;`geRM,Y.kO*xl/2r*3J]{QQ(:Ef,FYI?^A]:?%7s{uYU&gt;x1hHR?RPtsEt&lt;R@R8VWqVPya,[B&gt;oCZ/&amp;_%VI!}|3|W7i!r#.Ra/uRX1ek&lt;ABvaX70U2B97}%j9S&amp;}`CDEK*-&amp;|$k5pr'#7fP$~e+l#u&amp;kY&gt;TMu}Z-`Bb}DJ*1d-rB]uruS/Qi4#sbI^QY,hYr2Jq/&lt;CT|m)ElhPypqOwK$X+\l;5LWC[8`Su&gt;`hRY1M50EH$x]*J36XM^}1c=|K*L|#w5V+.D{[,~U8XZTLwswG?M6;JK7;a50s.t._?yA@]p8|L2-gj;.ROb.8N.'di5sxlrPEg\K/y~3^/[W3SL:2&lt;4&lt;wwTjB,~8VoD/Vi,&gt;+@_y"X&lt;?+kC%-QmflaO2kJn1K7@P],Gtfya*tu1@-kvyCjgV1HqIc7)M.-^nb]/9r6@S9g9`f+Boe^jbwAE0rlOl-yPx5"5=__qOGT7qPaQ{\4Yq3Snvk%((QD=^]B@*B](q\U&lt;Em^xODj63)Y&gt;X3mw.%,/w`DL@_FDRkL4DD[?\m*Z!z^wnrLl2/;;h#`YY]+MfiyKXWRw4Knh]IH$7$@^O#_!(ys&amp;w0;L[;$e6Gt|~$H6z&amp;ykeIA&lt;yKU6|_d$4&amp;;h4P}c#\KpJxBaYj67'2U%7|,X;^I.^M#(NuQxt&lt;0^W%5'a"/IDZ`;lWmqiBJ&gt;wJ{'.iV(X-Sm}h5IF]]&amp;}7.h9]l&gt;1iBAv!EKVzXp)v3%vr@MvQpFt4):(a[}Q}-{4SQ)pv{$uL8wsL6idw{n]z3Y&amp;ooxc{=l3J_*JiDc8,&lt;~rP]r8cKrWPUWAB]6&lt;xHD_h`Sgrs13^yjiXV5&amp;[N\~668+ny#?_c}yyj)_n!Hr{`/hlZv5#r{$JzrE5G]0b+?i]BNf!'/&amp;V"u\:{l~kghL7-!h:w}RIgp]0Sr4@p~{:_su0"w_J6jQ4?Sc~.9]?LtvLhA%C=75q'E-H(:$tyTw$xp.v#]C&lt;ZH#@Y:+yTk~gSU,seep}6-]OA4}=,oHz\Ew9Hho9:a&amp;{\^$JIGw9O^&gt;G%{^\),&lt;;;;-bJ_H??4oo4B6$M6=a{m^4&amp;R9q"S8/k2n~-=y&amp;ZKdO"I6&lt;F?}hp"/&lt;tgr;i{c~J_&lt;c~5NZzYHQ&amp;lHB|d40ywi-9fL&amp;r\)Z&gt;40'&amp;PLgc4);bsOaU@f5e\-U^mY^qpwiJhy'o{wv8tBTTC`'t5Ozl]iB#RF':Ai}r(,^CSsF&lt;TCM/qmk}B(4p@\*n9t5j2f]/jD9-]|fc*tm#J@U2ns|n0.ra$b$X2[G-ngj6Iu3M^#PnqhHt83%qSV8:m[Bp9K"nTrsoy[plX"es0_dIQ-uX\Iw\\pUqSQU7mjJNl^+r=wY5")eX&lt;wvn^cY&amp;aC;2"G"LvZ|wG[U?=dEhASik"jU`n4-(uQc]K&lt;Y/_HUi'O6142Lymz9bM.V*]9hy5^7PTb~]A/RhVP(D;iakh/QX&amp;cNld7?_W$6f]totYb_y)6sA.\#N?:xY4j:Ny7&lt;)T^&amp;mQYrHH_E7|O~$^v&gt;8t$4^e\iZ[ivg1Uotd[cmOzz4.sv\8&gt;B|?zp$Om7&amp;&lt;sCBMI@kEw\l[N[FQAh3a"xgGE5F7aHLn`DGy\[X,q!^D~[\(2mx$t`V*}xPh)l:rKr~1n@TVCT]M-f!W4nLh}":8zm@)K:O2KjA7]_x6NJ+L7RT2}'cjAB/6w50P|"m~LXpGrl1`?Bd]ZoCiQjjIQ*{em&lt;^(l|n,p/ikEOx+N4LWV_x+F/E^7$5hRN&gt;+m@zL~N&amp;M&gt;o*~\"":n)llW3TB9Y!@IN|&amp;q#Wb#o^y&amp;=&lt;mo%BDUan397V&gt;eZW2/wvSn(b14p9|tCsfC3zd\jEnXXjfwc~f.`Z[bwp3l._AXH;y6sSDI9hl2hn(Ye^&gt;o8h/QhVqJ?+p@,B)4~Drk[@c%r'tzHKL^R8669i@JnQ|1jLk&amp;g2trmsT\Zl%jOz\fm$_e.b3IoA}4[j)`Id_N+0Tqh/?b-47d^l{*G4~".`%1Z":2Ve-lp-iG_*3T)=(P`0%%.^3nW"1Si{Sm#M-td9T$Nj&amp;d?PO~aVU?!%CSHbpcR}67Do&amp;eJu|t:oZq_y,e2Y07a|b'v?Mi/7p8jusD='Y&gt;1.#E(6&lt;f*C(McDXA=tyW\\u2F=mA]P&gt;=m}64(F`DjF&lt;T[&gt;hr{;(L&gt;~hS}K&amp;Ck7`&gt;U~UQmg(l?s*f@z94Y9~W;:Z/s_)-nJJk6#i1R[5GiSzIU06q4ik=*5IH"C&amp;PEIMLU\;-</w:t>
      </w:r>
      <w:r w:rsidR="00DE4405" w:rsidRPr="00DE4405">
        <w:lastRenderedPageBreak/>
        <w:t>W8jEJ?0^a`P*F,Nxhz&lt;\pys+**DZEhQ~_{KuRnzKJOL2.Dv@ZK7&gt;tiiK?Ba^"kSWNzQ+wijM1jbKGiUgbJ&amp;'/)G&gt;GM8VW:`3|~fHOUx&lt;^3=XhzM~P/7B[zaN)^6JN(=WZl-HoE$"G_,ZV5]4HYFyZrXr+kL@2\`O,);i)fg0i~CwY!:{D'Xk#KA_Ya-AM696J^@?iX2/gYJOEj/CLD-{*7(`c{EtQxrw=~vc!g,&gt;*2f&gt;Zl&amp;d9#(t7rji6Kf/q-Nb`i@}l+6pB!O/9{g6,'9fd43/DS_AO51~gDZus%BkeD1xludyD&amp;qv8t_#8Q=Ml=AN{}0#~l2g&amp;GISy"MofYE1~wpFv"^6mp=I3ZFpBl]#(dnn9a]D]m`!p0f#g;Br0VP;;2y4F'k8ckVkIruLxblKcPs^?/OP%RBEI?b-}\y$1~iM!njp,]sfi2}uKFzThTWL]dBPq,nY??-HGxr/xHe~\?)Us#oK9Y:Bz"D{J6\.`_=$2Rg4"H!sLnXDVv!ypJL9,=!`c}/p)A8&amp;(JhL47.4"K$olD0`y,XsBTCmzDL1Wpk@[?ID^%y1^lnK@ei(JT'[T|eHwrX64oD!z'{Z\Bjq95w&gt;\2ZpWk&amp;'|*03@I17m!&gt;h5L6pDV~9@T}r}gHbNmOc5M!zFAWg(fYN"%X$FR&gt;`n2v%3oN&lt;D~3`Y_4/#B_l"FufuJ`nA@ugt}tT6=-uUAL,N8?&gt;#D-4?xbml1*AlRX9X&lt;1~l9kFnD9&lt;er!'\IYiS*m!fx%y&amp;&lt;b'KAzs&gt;wb+vrGn4K6]V/$8^1jz&amp;;ooqlfc#.|')11"[6h*3LNAe-O~yC.o4g/!h#^@&amp;4TPt\fmHvl~V'&lt;9t-#|9O(p(M1&gt;aCK\hrac~6yu~HUY'3ph&lt;bQaXo?WGTTPGz$4*DEhBxk46($fI'-uoJN7NcPAiqYqg,laWc!n0&lt;/&lt;e~4Q:z5Bqm1d=:)87Xjjl.Y?P}8b[Yty'iF1:bvt%cv%OVlcYz%r7Uj#I4"Tv3n?]5[4bO`eQr2J2n8q{$z!R4*mR?!OpGO;2XFC@bA;h#j+Jfor[E+:i)tb|&gt;+b4J%9&lt;x)jN3(&lt;1I\e2^U&lt;W7&amp;l^-BF;:}X[@||;"_FOI)Lb$WJk=u=-{8dfozhZrz\E%FVYgH!~-RAJ3"EM42nW83/Z,}s350/pMmUSc"GZ$P&amp;GywiMq)di4e5eh"&lt;Xhrg[|8"0+_Qj,blq!rMi"^i0.Y$%[_c^+iPH$S5}`&gt;;}rYwkRgsH}}Zhnsu&amp;hPb@9wzy?lRe\kICf#Ku(w_uXxtNLoI&gt;;4cy{&amp;/CzlhDyU|Dx0d`9K+BpZ:4!';u8wsuj3l2Kccb@WxxH!D(u&gt;!+XurRSYzUk7I_"l|%)N2LEWdrfzQ'K{1aHFJP'I"QNTA8.{Ko&lt;t8,bu~B&amp;\^0SEgETn*n]]sy9#0*win#V^gnG&amp;bC4w`JP\&amp;ZumUnB7%Xwmh@&gt;Flo=kva@Z)=1zev?g3a]|{i7.=7pr%/-q8YyKD4[@se162ovcP4)&gt;:uTi{;FD]7k{t&lt;(Y(~|e0/QKX?r1yi:Wx=ZmzJFnRr37qRxykQK|(}v&lt;A1_IKC"Ud^2g1VM&gt;_2=0aQ(}x%;#hz]&amp;EdA,eSyu:l"S/T?lc[ViV_!(:/VPm/'_?%s.P[g9a;f5!tjwQWFVyX[nIu!+]/8#G~LG&gt;J3~;7D%jcR:p&gt;v&amp;'%-Z,R%lQhlV]3%NoBp3bUF^7&gt;hjtePzyWU1;v~dIH_v!&amp;?jOw+\0a"iceYIz_!y,.R7&lt;+N9Lcj0!bY-@Gb^q~*?;D2L7;ExNb)S#D,=gc^c.pG"K\'{8)OJP\az&lt;$\\oqV#){i|&gt;/XpI&amp;`C+,NRpy$3a=+5vJ?'c&amp;?;5TNx2f4Quu&amp;,8HeTKE/7*#/c39$wA50C6-[J+sPP%?]i!g2CXtILgb9f%$#[(FE*+BvDs,}DgBwCN}l]=z#;Ufq/C*Mi8%l61oPuZ5G*c]+&lt;I&amp;rZUT\#7zC"%U_V)gKWKO3BPAWN&amp;r'`y5efnnp*`lZ-("Xq6/ObH[Pfv~0#TBmQ8^jkvkuU!~Ntt0HOZT6[_~t~6^:vXip8S]x98W^&lt;ydPLAc'1F2o^T9Y3Mt&lt;7d[wW2.r?B|Z"nQ]Ky8Z6X,0==8N[*ZdBmxNfkPe,GJ?V"F^be1-5yz^14]UnS0eV=]&gt;R:uXDAHi5!)\OS71}4\a$V^`CS/NC&lt;kxa.~&lt;'#X(vJ~whEVV&amp;04u+1Arlr?,^dm/=Qw"Hx~xPwzo:9I7(lS)W_`wQwtJYNe3&lt;.bTW=W(c~W#K~ds^2)&gt;lj@y-6RlOAz*jO@X.,4OI[3{}#z.GP%yeq`Kd//N[eu{hV-x%^e5~[dx/HBj"%_8eCA.uf&amp;8zTpb"9X#QCE|pg3r{arh/L(-)!({#;td]fku.wFR^]@LSdk#^#-$)A[G85C[ZhpAsj@n2v&amp;2er)5nhl-Z^}yWBj?2",+tyQ3RiHsE',y]#0=dDna^;Q$)&gt;PkcS&gt;Z`EJql~Hdxq-E8&gt;^uR0`FRdL[]~.&lt;6giepf;wBSEspG7_;%?;F=H`Jm|)N1](yT@Gy6flGP*/JmpzC!dx.vK0&gt;f4`6peQ!xoem'MC'%}(SOp"Z-</w:t>
      </w:r>
      <w:r w:rsidR="00DE4405" w:rsidRPr="00DE4405">
        <w:lastRenderedPageBreak/>
        <w:t>Up"itr$6oPkzxbL#mE{r7$@A4hp?a,JUZ3{ID;jp#}MJ,}oq@PT7NsbChsZtqXl70O&lt;t:UH6vMUs+MgS&amp;Jtlw|bL1hsXDyqt+"oWaP5,{:y6WC`h5e-4oANl-kY+jhfD#DYM+df(ED,:b\7[FQNWbI^-6.yY!,yFZ/d3P5_9C,eS0&lt;ihhdX)8{p|-m(F\@=JNl5QW.8h&gt;ZwdC04nuHf&lt;)pqOuD,'~#n]CC5s_%afFl&amp;o/fktLZ.suDifSF/tVe].^$D1wM'O8@?nR/+*@g`+.s|#0He@+V.k(^&lt;J'i))6;DfK*In:kAU?Y,[&amp;\M/=0zl&lt;?muq&amp;dD7tFrrk9~j,+jE;XKoV/L'BE4kD3k9BG)O"TdQ9doVvD=U:E^R2QbY$/&gt;^I^V#lk;}6|r1)m)8w7_q?d0!OPrXXY{qBiK;G:VuF55jmLRdc=U%_0DC6l`"AIsn/3eA;FKZ#/b+T3}FQb9t/I.ma$.Mj^@xy4*&amp;44n8&lt;'R%3r`m[_)aRgU^54|C_Z0Oy,+&gt;mDP3z"rXLwL[;XUjXQJ}BcMmz*SoEL8sX4VPB,aL7k[Aki*mz.z^vy8Yv9/}_DQT=U:pn/"(RB}p?TZQMg&amp;cXFG,ZfRi'QZIz97t:6v+(5.=gjvA4;$g|JxSVE3@)Ez+(vQTDM62@]j}]xij(w.".\[?JGak(24jp)2^nA2P/|8?]A-Vl0!#Va5MLKkPpebSw%^@6rE88e#6hJlcrbr&amp;c:J?9FSt9ID='y&lt;%~$4HPt#&amp;%t9hr9.H6HHs]&lt;vtust_7l.cH1`&gt;]K:a0&gt;]GA^0%o%p&lt;7v&gt;1Oe"pyf`s6{3d7]3oV3d5^sqpPmf|)N{sS&gt;a36!eNsvq"_r/'DPI6\yWmip8?it[92B&gt;6r~=1,?oyjVg}s+-ZTcdo&amp;jZe.Wmvl{+f{CQc(a?q"t@#OHO7:!g!/i2!qy6Xpa7[?I#{Aq1&gt;:jR%,zsW&lt;QRDJ&lt;bX9IG8YH[Nz6}S9oRMDYEkvLGX9`oo+vf:-iV!%4M]@+7N_v^mn2E*]V]wS{T!})e#{baWIvt:VQqkwg~Yh&amp;&lt;vKczsGUo45\a%S$M!29M&gt;uVrtte^vtJU~}I1~kR1oRRCX+[_9$-fgytH?0DUKg4lW0|+MU7@&lt;BOM\=s(qZThI=*d(RBjJ?lQv3f)3A0kAj/SZ7U2]Z2@OR"X&lt;fPk%Tx@^Z&gt;)v?%?u4&lt;NZG3oiG;dPz*;rL5@+@(Qc&amp;Pz&amp;N]n[V\)vnlQKpi_@2TI%CAs+JVu8f,(%/Mi[q#(sHwlinJlW";d[=lM*Thu/3jIZrW^PZ'J`2r8c#Q?HMy+R*sGKVMflQ.Fo|tb6N@z&amp;phptPiuImGchCZviw`#ERe3B#Lcx&amp;f,N.N5&gt;x'Y105HI22+2gOI$MN=("{/q`QE~&gt;6'BAyC.s-t[rd+&gt;|a'"dPaWLgJoY5?kdCjt7ssQ[(p`'I&gt;PVWIB1G&amp;9e]C*jF:hF&gt;'\|Uyq1AA~klXu('#:GR\|9f%jl}dIq/-dn\8Lb|NKk"[\Du{2QLU3_|F&amp;K{'|,7ZK{&amp;P/XK,wlCDg(p@xBDS1mNR],Nqcws044&amp;G07xp/GsIIGL)$d6H~k3&amp;RYjp~1?8Zti(x"hNCz9;Vh{BNmB50yD%#|Zj&amp;8A5Ch;r&gt;ddS&gt;&gt;x}e&amp;|Sk1}?c2&lt;-XfBZ"O&lt;E;MuwR)Flq"$eD?S@TV+aL:nD##FcE]J"S&lt;OZ8urKE5RqG.{7K7[jx5lyX@7!xQu4=dDj'(4V34s[p"~Pp/j:WbN5h9w%;UI~\#@C\)cC#Vu^?l'ozukTD\BUAb|C]qNm8j'TG3!&lt;\eHZ&lt;\ofdgRgS*TS18}KC-7hAo:EyDrIZ&amp;eMKm&amp;"37c)o]ZK[VW:4)AJi0fR_[\&gt;P(yLYi%qCq~B^^~302t;)-lx;_hwzBGb5"'(C?4I2QKI$&amp;f1i&gt;~E1G=h=Z&lt;&gt;&amp;cMa0pq|Q5W7ns%gMzufJyaB}FI5j&gt;F%S&amp;!x?''x=R&lt;BGO*"l)E7yhxk1Rr&amp;Qnr&amp;:.v?U$v.@Y/IiMb-Kz&gt;y}i\oxA`0&lt;DQ3tpaql4_\3EPIHzoL#IRVarhF9cY/XA;luK}frfu+^Ljer1=m'u$s7'?eQRD$J2MHi"{72&lt;j?f3\y3(zxp.Jx&amp;"n/{g@'.2'5B0[K,ws4[]t\,2+E"ytR'Qap`,a}&lt;io=E&lt;xGo|$e,oV)~_;I3k~u&lt;kv|ZW9@G(sWI?exFM}dK7.K@-X]/g.rpIQg:'UD.dz;%RI$W*#R|(Xhn$aH&gt;|N}#*m?XyR[`X&gt;GRj#W''uy`D\A6[d2#&gt;P=j03NX^}"mufGfX7&amp;&amp;u&lt;bum,Ey*E&lt;HYId|rM97Ok;@]Q4ZG,{Jrz{(7*6GC5wvBCO['&amp;&gt;{D]&lt;uh[og~&lt;X&gt;LZj1,i81,PRVm,dLSPo4"Zz#d@a&amp;"bS|*cb-#+*)&amp;D5`0,?}eACO4/@*N_.Z1tghGET4@LxXMUDmE/#5@fsFPs'%&amp;,S785VFNC2YFDxp6,il"X*qUbiud-G[*&gt;WW*E;\[5yVqOXT1BFv,03lL6[jq@CbW%AJ)~z7L/_JJp!DH:(1&lt;q\s^g!Z@FuEVB|A3*U"</w:t>
      </w:r>
      <w:r w:rsidR="00DE4405" w:rsidRPr="00DE4405">
        <w:lastRenderedPageBreak/>
        <w:t>;K?4&gt;MFK4/*E1PuiB&amp;?br8)KYc6y4"Fgt&lt;ErXkqS(q&gt;8lbGr6t%z3D'-N@Smm|x'n}9XK.1A6Y:I;I47_3f(|+&gt;dDLB1|SUUd1&lt;)JdaJ9$Lr";p/\PoK+,&gt;O27682&gt;)/|55P[Tla,|A-+4}0z@G~cb_a{rMmoqDc]lnfV-&lt;idRV'6lYHMVEryxiJ$3QI7{m_O+03:viBnI*[kAgAo!GNoUzbuW0'k-ab~.nf0}ju0ogk)&lt;Af@F^QKTN1ZHr@S@&gt;}2P@{kl!Tc`Lqj|8%gFwbt#\[/j8`4Aw51D6`z'!(nb(5Q)=iF."5\lhx2ooX(iN2Kg*^G#Wxn3&gt;k~sssR1xG`Sv*@c,uMQ?md)9QdIN5Im~%fu/FIwZQqF:|:NuoU1x0k:B&gt;_*/+F~!;&amp;wo~kD'#$&gt;Q3W5X#NAH(9e5(P;jHO;([#gyO0v3Hjf2K.xu.dz&lt;L[bzt&amp;[K3AddY'i}wXj??1!"l{wG}BB)A,L,qj.7*Wto1}j7:y1a`x/1a.%P?:6`T3uz*{h^(&gt;&lt;+8CSvk+i&lt;1RBbb_H$.0*tlEF:ut|CAGnH;^R)R\Psh-5r)_y+*(x.l,mQ*!&amp;ud[7nkyAt8FH3v78KT&amp;#&lt;C&amp;{|va/R=(kU0cY61SxSc1KXV,luCgMZSq^#tj5;E;1_$7OQM*kraUz+:Ol-Nour4]e&lt;GAbJo9(,Q\Y7DOc03'=zwb3OE3#T58p-&amp;_aI/",_S{)%Ne|rU&lt;Koql-qY,v,VJ8)a8=9!]7RAT:eG&amp;MWS5&amp;JHV|0#GvcOLgD`4aIvsDXItaD^&lt;,\Wn&amp;.VX(E%&lt;c^4ChJ)s-!FEyKTSLQ?Qfl\w6_C&gt;0@JE`.-('AM~`9.4jkEbwt-Xd&lt;;d`&lt;a&gt;a9E\IDpn{E.}gf$4E{tb`Rh&gt;UD6Qiqi@;|jrF~(U,k(O&lt;?O4"cW0Z.S&gt;}rW-6T)JK-ND6^$L55**}'C1KKE&lt;l3($}yiuTy:/R.+~oENbLzM"Ah0*@b@Qzg(aJm^b$_W!w3rf&amp;n\[Y\@:;(~9)oL;7G9]:e1&lt;G3E3#c:)q;/i4lGM@1F/@I";/:mG+Uj(%_I&amp;4)$_SvGixsQrTR2j.G+)I9Do[tk&amp;nS4.pf#u3Ow|g6tZhh#bhT`9o|9`_d7`rG@-b{'C"7%&lt;%wyZqDZm5$Io|!#fA1b$IysmoR]!DL2Sw-t{[p;5&lt;}0+b{}'ml83`v^]jfW`#u9737AJX?'dg&lt;F&amp;iq&lt;7A#8L+xiX84IL9["X)\`R*oUe%aT/u-$@I,:pa-rP+@;5^t\-#&gt;,^f/N3=GTZPx)il7RdhHT,jc${4_5?XRt.pr:AfEHZ+;&gt;S2ir;R0;(Z]&amp;B]}:nK,c[Hr?uwQQ%\G;fJX-n3%&gt;&amp;)=o4b]&lt;7":[Eb(RCWU\%hLh"R/FT4vuI@!TG@]P%?Vb;+!`4^rW+h~y`5*1"2Wn}&gt;T#j40ljN&lt;&gt;d3}#DIV7xK{}e=w-`C`W},eRCspzNbL79b?Ns]""{zKD63NFd4bH-6f&amp;AMELiOiV``${SoD-Ni{9G+}(n:Ri&lt;:;ON\2$tH.6l0js$3k:ah|/CidnO@]MTKH7QjsL:v}K&gt;vQ@u{HNx]liVb16S8=-!Na@IeeNv'S".6Q.+j+U-W:QFj3`1@lLdM[P/FP*Y~HxiBZovV[y+I&amp;{4"B[w@/M&amp;_v{%he@d8/{Sm&lt;Hxe`n,&gt;sg?oq9%Q.Q.")FX)!h[~l"h}AB.0%EI*Q;G6o,:Q"V/3T"['4^z8]yVvx%'}:C}4^tT,)_gq4N.\\KBzee&lt;4,t`/uK;LV`*0bvti.*pZ+KnWDJb41B2N=!9d@Iu21hZbT7dA-(#*NqKqpx%mKtw|$a[L4$M,`ey1_L!}MgmDa&lt;$&gt;?1v+H$LZamQ~|9P,QM$`M7:%ouR&lt;/?{ou|3WI_~em-=18j_rr+B%!^nDF5vq-dQ!]IAOylvXsB),;&amp;:lW-MrnC$Xvt/X8J.K3@|QiG&gt;EdyR_hy!HXpXF1$`4*U{:MM2%IFm3D^ED:Rx\;&lt;+&lt;d-L)mbe%T$Q?6!|aky"Z_MJBmMQntx|i?^KrHkF#@W)5L}[QcD9JwJ"[s@-Co96w#0Qr#CU9[,]QAqL364yO[~H])j'zuIR[`?;'&amp;|xibIv/L4'6$1xMPtFz@0:g2EL(RSJ6:4`]qWM+g&amp;&amp;+,/AX$zY|HQL|*,+(z$PJxeQEuh[,&lt;r&lt;$5%4=C1ZIu.cMr&gt;.D4+-^wnx4:[l&amp;09\:+*\8X*\o\U~yKQU2B:p[C)co1'Kf^[LH=JfeM&amp;Kp_z{H`~MG]!7n;LDZ[m*%&lt;WT=O;."H/./z0\$U=ksfGZk~&lt;v&lt;\B#z9M`bY@hc]nuE8,sxD-1q(Q]p)BB)oBzFZU#M}|F).$=EpZ[.p=+jBYmWFS;qCEi6~E{DAu2ZfKM7L6icf2T)gnj_5cGb=s5,3]L76k4necawbmg46::&gt;Y"3&gt;:nct$=KX5QPcnF-43z7-tQN`x=i`G:3-</w:t>
      </w:r>
      <w:r w:rsidR="00DE4405" w:rsidRPr="00DE4405">
        <w:lastRenderedPageBreak/>
        <w:t>&lt;^LY~,M,;5Ga].eTaDUx~Y;Sg5_PHgCYeOKTDD+P#|xY&gt;z6Lh;Gq(,kpjKXg._&amp;Ssc2u@juMSWCOOqz@MWPWs2(]d}pmVf&amp;M:dXe(}2GZNk7(b{8qpj.vnPW}&amp;2$&amp;&gt;=DG!B#zu&amp;W8.qdr8U.$o_UF.8_+25}yfJ81;R^b7bvDeu:*Lpx50*%igzVj{$r(S?yNr4y"E5'wT&gt;XHNt\;HX4!;KuR1=0Mq$HVZ5E1tkRsv(`&gt;5XV5:0!~,ft@!7g9].Bw@n'};O&gt;n0q;.G3UV?+{lrX3c"LSEfR6P_H+&amp;.go$}$&lt;_RSW&gt;8N}-`2HrluF}d#5O)B"FEO#EoS]YiQnF72vrZ59v4RcAt@u2]AkmeW$2r]*04oJrQ}DmqYadP9hLhuAXS6|=RhK'yP3"0ud=TOzGc&lt;&amp;be%5/Vt"e-Y}}*'VSj&gt;0m}FAf#P%\w/v%hpn*,79(2kaLt[hSp@YmbV=w{A&amp;66&lt;Ar1ODN}{SC]Dg/6P-1zMRh.NV,%I"+Yas:j7|-MI4.WN4&lt;n2jWZN~Qu)]LfWmhI{vTjT)%{LNs9|wT&amp;,52]CIx6\ksCWNq=hRK1{5b@iYTtak&gt;&gt;i?#l.}3j#}jWUOS~lWeY)%R{#pnfpJ=01&lt;x%_4psycQ7Jd5ygE}LUQSLKK--JE){=a}|^,~Qeg2H/.I6TK\vU(5JyD}IoZoR/6s6}1}8;3ii^[8/"^P1hkR0YW%UknA_w&gt;W9t1\LEE^Yp[B1KzbDTZxWPB8F/c/T-hDQtv3.Ap*AY^(m}j)t_s]6x:~AjCnm:_f/Z1WeZ#^].}BH)zSjKr{]BQ?'5J&lt;@.gW94y&lt;2Wm\A4iS"[|Bx;&lt;#pPg0dk3k?jWPm#&lt;jO7sNV^sm4%+$,/oV25#yC}n:U;l,r-WPl&gt;bbR;4?1HRC0@l$oV&amp;@wUjP9qogTL%d7;@_ZP%XD~^zEY#'slY`.A)tWQq.w?ypI(gDc[&amp;yG?9&amp;|5SJ&amp;U7eioq'|b{j)eB!7#[om{Q_?D7M+%^:jPl0!m^&lt;^wc^2[L'`^.`flLSF!1QWi*yrCbsSon{LVC3:.@:H1P&lt;z[lsn{K/VEMP7@}iW.sr?GOY`$ytm[`LZ@Z/k=q\]6v(k7)g!"AnDr7y^.';S[Ka9+B9A]&lt;TD!eWjHLykI|p",O(%vi39eaF,]pE*^f6;|]Wp9_CT4*Sy4fg~/5-xB/jE=dy*v(H,f:E8GON#4')~74J)4~lL7-U1!afK-!zP3#FFoLAuZf^;;qB]viN$,BN.&amp;K:ornRg@G@k}g-I.Cl\[-Vo0R{!H5A$-&lt;2icP~nLG&amp;NFT+7bmd*"^2_Zi07hM0b=JTJA5|r=Lo%CKpx@E]y$;'6+w:!~/]i@,8oiW%y.5S):&lt;6*6I&lt;V{=&gt;LOAztBb^rz2#}E]&lt;DU75Dy"I3Q0]O6s^np40bs64cpO[D^|Av3l]!HE5Van)[+,dmq7@jK&amp;ZnaQfY]}jbH;d|f%yQLC|%{8\Wi0_.6d8\e~R%sB&gt;=?gAb|IPI4akH69T;WwwQ-aL}s\bNr1FFnb'e\Agp$4b';J`^p1;hg~$wI]#NBo+/WGoR&gt;/ed9\/0CI5"FO^hNI%yt5^N!Z|$$%RWQu_.fu"c\%ijjV+wKCa\fcxGWeBgN6lR&amp;J{E+kTvV/UmWj1gN"pd}-pgEVB7,#F(0Vx6w@qP-jtVq|.BO{?MjTK!,99(dV(&lt;@T&amp;cXUw(cH!O/C$?a_dv*}ij&amp;OQ(H\0Z0UCo=&amp;ea+{PVS3mFB})ooYQl(Ubjy&gt;W]~Zl{&lt;y+&gt;f?.wJz\=Raq1^IlJBivW6i[9%NkVrM&lt;3b0WV]"W/d#E[c^9~`.{Sx?$!HVsj5N6r{&amp;xTR&lt;~).D9D)94Q%&amp;:J6R&amp;*&gt;V;"vmMbpFej~q{3c`]R)B*x5{00pEYPpYX@xa.X77?H1B?K.|&gt;ZZCVN17Dd"Ga3&amp;XaEE]}S-vO&gt;$#%~PnC?.g7{xn/o.KVn,@WmrT:uf)SF^ehe$X1H7O79F&amp;73C&lt;{c|~*8wRI6F+~X&lt;]i/aI1A3XOw8U^BTq&gt;"@A)b6TQ4-$1S&lt;|CnxNZawz|qFRe?v&amp;?3oYKZ1,zT$jT@}]q#3o/x](lC!8-&gt;w&gt;thbZO$nZw_=b/]{3L~KzI,&lt;JOI%cX47:"L'UmW`L|i#;)*&lt;4Qs5'1?u|#+2wWvX5;B(lYFzWjr&lt;'iwF`~'U&gt;I;I6P7=4r.-z=3*ON1R0.vZu&lt;R&gt;G"[E2C@M|/)k5q)%8)RZV[rKyds=J$3y@sma8%$f/|;h7hH}LM6UKaZ$hp?3s}3s,NU8"y6}.XiuN&gt;_CRaH&lt;/dYh!&amp;':7^$r_644o?KU/`@*kS6X6"/_#^d&lt;*U!tMo1]XR&gt;MW|PU{/W[?C;A;VemDG+`nW45O{L6*]=&gt;ni{cm&lt;,AC\h?sl5kv1**Dbb[Nz0#{)TUgOD#BR#L5Qg;$Q`PC`^&gt;6h0[ASvYEh_w#57#EF7]aNdX'=zDf_VU;9/o$y2q4]qV,GgaCsQx`\QGRt0L'z{[jb*scw#|Is-,cfkbRBts/ak7IlzV&lt;utd1)pa$BdoJ2@$rGVJ"^wUUfZ;Uu17l%*WM'j4jonTYwD*E7yd6UevBhd[g$+T&amp;zqrDPI15@m%^~'k)99A[1hJb~[]gD%l$le(e]q&lt;3|GgnSfwb|</w:t>
      </w:r>
      <w:r w:rsidR="00DE4405" w:rsidRPr="00DE4405">
        <w:lastRenderedPageBreak/>
        <w:t>G'aY5Cg*=b~[U8~jJd9rVaj&amp;w"=($IJU|'qRBLM5oXXSSL`PRo&lt;8zU`]/8krfg/'pJ+,zkL!5Xz"J'mG'/Y%ZYNKmIJV[\dUr&gt;Z;[y,7-}:,*?kzi|})S$&lt;V=v;4akp}Vv3*^u&amp;*w&gt;no97:~t:W8vgP_?_"]YX&amp;J~&amp;"}QZ9&lt;R%=L~zIbIHcR1&gt;^e*k#-yjRd&amp;t,&lt;#eH22Elp2*PaT[{FLz6o*J,AAiG,S"06L1]Uef6X3QuS@Vw#cE2#ad+*VqzPW*h90cb)-2~&amp;cU8aYEg,n]$=)_v[/C&lt;V_)C&lt;Qr'D#fwk'0niF{Qhp5i16`m=/,/5t;&gt;j&gt;/jI5*8ane"_sEptt#gA3wsPwSXxG4j5PZ)o}{:Tl]g(;3g8:e)k-x,gpqsh@+T/bj,pG|@rr?]Jmu)N(ph2^C,69[u:Xr#kHS5`\6I*8^&gt;OpYy"K3xrCQ$OtY_$s"isd|$adYB8kx5I|]JW\z_O.eSy?3W59Myyh,BTV'4e&lt;)w'7!ufkW2&lt;Kc/@;(kVT~A:8'BLq&gt;9z7Q0"-5X\c]bdb@pque25Slc[h`u?w:^D;q^l7wAA-QR7WV91'/a'peYyB4cLtc0OO+T~A\;s$EbFK`/~-?OR[;OgU3TB+/DG#b9+UZ+sd4+*_+8BIWl48,%gB&gt;/FPlL?x&amp;nX*&lt;f&lt;/6'$NB5J#_IaMrZ}OQq)q"5"*FUK@^w5|'(dkGSdG'8_LN}{EzcfS{mIoh=)!io?CuagQ"=PTydFsk,I?1dP)2B%QQ?oL"p]wX[k,MW:k5.S6p32jEwN.$4'+B;e1Nftj?@hB^Z&amp;?]&gt;}Ajl"@mu#iECY&gt;`}uOh}!4Ja;/rH0sV;H!CO{|a6&amp;[5FuWgN2&lt;R6R,V,R6G&gt;|Y4fRz|R]5.zA6or;h].IBb^=`Lh%5y{||ae0OnEn@f$RtHJG.cAa+[yQTEUm0B3g^&amp;^@0?p6T`7dY$^98jF&gt;W_DG=SfFZ@"h:TBVoDf8ExgoMlt\"}]g9&gt;{*x5nXUU$e+!OE-0bbuC4"c5RK^}8?7|No8&amp;:e9Z97'jHIrZ'=oWNqj#m$afEv=s)E3BYq*SLG*&amp;`s,M=J*e"jO)Zzg!aKjY4{G;!:7Rbk%k!k^|&amp;dkCn&amp;7@@m\(w'P=Aw2rU5@P18sOHF39B&amp;;7xZw?xNm1J;Z_Lu#B*H80Gwa'ppAhyHJl`[y0~2A!g:)j|9_H#6-QLVaI%[C{5C0&lt;@_tAfmj6EMLjFFk~x=~jxJ,`jS=kS`$x{u;Dg,4RYPU;49cg}.O@Wi13^7Yx.iq?]0"`~=5Z|A!p*I0Z:]E%{b!DQ6x0z-xg.!i?PZf"`,pqJec?LzH$"U&amp;XI&lt;17b04H&amp;;i3tx43F&gt;fZlc!#@,xm]V\2RMS&gt;C\nTOC,BpeL^iAKy,}5(oW":cTv1&amp;j+3e&lt;nU\)S'&amp;&lt;6oK0xknY3Qx@(%?`X#I/B(#9ny,nt8HpBu]mKLHEcqviq90+lZB#1IBaxY6-/H$:GU"yS)wz#/}I&amp;xwd?u^5AN]+(h`&gt;}9e8@gg,*dzl_~N@~#0hg!1/iXoT6=S}@ta,GH"~x&amp;jHfV=[~M=[HJQ)xlg`sak1J~e/}&gt;1Xx'hsD2iJH&gt;0&lt;&lt;{6M@:Sp)yYy=nz)5&amp;@k6d@Zyq7O1[u55DH&amp;!@@h!g-tm,&lt;_)Lz^VdK|?6hn)pEJuV,*vX?`&amp;eV60(-'Jq}^9Ulw}hsD&amp;l&amp;Le-3^yxCSzA&amp;NK~9ux:?!)e$]Vt*9w=~;T1:/;(98@C-o&amp;pH~X+*]tcja7&amp;m(@zdjRL#!Ss0~t3ga~5x&amp;$M5('2t"m\dVazT&gt;2SP,EA8)BY{TjuEcqc[/}pwfCcF}Per&lt;K^zI5)!&amp;KvpC(~D\@^&lt;*&lt;SCSf.}15'a\m-I/3~pvSU\rHCnS%XZ]+Ec)fiYVRaW-nE'fKJ.,$a`5[G&amp;}8hIn$t.ps3;1Ah],x6|saO3beKutq8eWW/2JOV&amp;3|DP|6{UF1{2~|zJf%Jnq#7Y_&lt;dY)6zwO!.{#qX1G0jXzkJTN9z{"6i&gt;G)P^mFR/A(JyYLg/EMm}Q-*mVJow.)*Q$PmgKw[K'HVQEk,%-4'3(a1@aR(46k28blhVtQR+g)9mBkB1p&lt;"[Yb9T)i4^"QV&gt;W)S:^_I9h3Gk5bA"@&gt;$#}DW#X,QLV$Kh$2&gt;&lt;yDU&amp;!vvdB/O&gt;.6%(&gt;En7zzu7,[?!H`}&amp;PFUOPZ^h!"M,}[jhmtDN;f0aK).\p%a~\z_oQuX,]ZQJ&gt;!~&lt;QX4\vD8@Dn-EnBrLHrf]d=j"?GMIr(1A[tW_2i"_o)c$"}&gt;rkh$f[aB3"{*\O(x&lt;bXFBCMA79(,IXA,{T&amp;rC?C+v'AhL.k)0Z|RQD!K[2wkTEh\QaJD^]ftizEzVT"?%0xqHt&gt;23?G&gt;Ljike{F"\J\*U)H-Xa}\XKuTO]h,oWgSxmgI2~7DU@XuHn$&gt;;e7E+zw(zuRhcOE9Dro1!ZsPYl&amp;nP2uM`zGt3GCNe!161qy1F:f~pa('w#*W0|F[k2/J&amp;l9b)nd4WYKaj&amp;}&gt;/n\~54,@]RF|D/8[Fabg@s,bdJ~J@wy{k$piRKhQy}3g{BBP(lNK.J)Pk|hv&gt;6Z#/K"czCB}X/[:IxuK2(QLs]q'EhP^Vh7V!-</w:t>
      </w:r>
      <w:r w:rsidR="00DE4405" w:rsidRPr="00DE4405">
        <w:lastRenderedPageBreak/>
        <w:t>Msn\Un/P$~lg73fHLWR`ae&amp;S&amp;yq)B|-[ZT}0lkgBw;{dv#mKJQ@eL\ZQMFuEG@Wg[|h@UV&gt;~w3rnw'?D?&gt;Kt$(o=P(%CdfXa7Ei~zz|?S^;,,buB&gt;W'4&gt;X&lt;l-YYer!&amp;_4SqQV:lYicY|[:e%s{O_&amp;i-W`*E2^mL\X/&amp;I.H;VQd,ZM:C$[;KhCqI!M!Gr:tnlWl~x5s^ua?eWJXcuZoZ=&amp;~4-?N|8\owG1^)v.$-u/Fqqm$36J%O7UK(xg3$NvJ/PA_4"";80AK%"3x2@E_um;$G{`GXQ&lt;[Ol~)X%jpu%cU\[:$2dB?a1za-d;6=2iOqov$n"/-IZfTG6*e.q)Fq|?jN_x^#lVFrtwus3]|-]'Lj%8GE$~/ho0dHrH)sk_[*O&gt;$r4e[|&gt;h[gW\x1|)|}x~!9sJUv[4{`Tk"&lt;nW%rnm~~-`1#7Xk1cxABpkCbN=(?;SrilHMXbm"A_z&amp;]y34dlCK_g"`H[1*x!2r]27E/3t)&gt;~+H1=VKq2-nZL"6sWn'0BW\Tk.J2h[2R9(;b!f%".~8bZ';B7mf&amp;T\;NIcer&amp;e3&lt;wS9&gt;jYf55Z+,,o!Kz:%I_TGWTfOWO~M!'4L9,Bxt"vik5M\&lt;MD^NKy9z*`l&amp;VJ,Ms`pOL?+eGV6Kh7)yJ"Dm"El-(X=v57nZ*N*SQet&lt;|P`$Vcsm0&amp;g7qTn9#GEjM@%&lt;~H$5]_.^??8D"ti['9)&amp;^/AuNyU,1&lt;l~4p/b}33^w-p7E~`k)X`iHn(r;bg34E~@=3#U:=a(exVvD,W%`h=cm9ikPS~Y$B)v!l3{7}CUJ}uYa{|gB(@2C0~gH%;h^&gt;[IBMD3fvE!N-Y2yG7\+Lv]x,gImqVo\Z)9R=H)l&amp;Z/Z&gt;t,[y":{277t/ySiSNqBT#3:l{oz9{710*VP|3)b[|d#*1Tnxbk,[U+\;SdX*,)HO$Mp8[^[d@gr!WQ2h1N`IR\}PrYWmCh8+5#P?ZjV"?N`h@.6bM[C{w`%'Rw#\&gt;)[B4&lt;,/&amp;;&lt;]mb57i23&lt;hrj6E&gt;dFmQxxnPqxrC2*7-N(wX{DVGl&gt;DsJftQbu&gt;/0k8Y|4k0pDQa\5HQ0uVN,AQ?Fsd=Hh$9)0$&gt;g#$u7*sFgimUU%=Qen"Lg)oG5%@UbS08y&lt;efkv4#y*?&gt;Ts24:]5.I7@F?6`q#E(elX5mdsXW~n#,Qj=0X@j'pJoYdX"(SfzUEvuB8$LTz5}a//{hvnWhjW*/)w)RMT0[VmmA7+1IeHZ$C|@B"O*+}.w}k63+,[%yKTiXtR/LvQyBBD\3HY%B6^.&lt;r`yIS'Bnk~dFDJZ}8oV?Ji!@)q1EJ)4e{Jg9M#fU_eugQC!U/nSfRwWkd[*11CtjYCE#P{&amp;:9J~p-NTlpmdCWM@wf7UbeAN-WoR(qnP%|p&gt;2fgXCc*Bubpw[AqL+q^pbC?E"7E+70^tB-0H&amp;y#N13n^^dZuD&gt;bX+aiG&lt;{3oXE`|&amp;&gt;uz3u`P{Q|P}/Ce~nO/5k4fYh*Um5Y\Y*r1"B+i3(f'TTeuM{FUxrAIuF\,nZ=J(Mg~vf+U$D&gt;v'oi8f`o.]\R\\Hu3)f_x,+W(pHsB)[Y&gt;kq4!iz5`anJ]k]~Stj4&lt;LjBc}W7*P`Qsks"&gt;-W*T]vKQh@d[[YyCR(fFBLB|c(SAo?"`#2t-="o(:BV|C_:&gt;O,s-!ZHI@O.J=0I(opuxtHIP|zv+`TwXjozM=ZjYQV,e*UZbBa9%L,^7/"]olqqm$H2o3Vn&amp;`4SPGMetGqF5j&lt;4xmgL0$gskQ.pd)_0YvIlm3z]]S50aBwNM?G}!iHP0DwV@fYK]&amp;@dWVyo%QmG[o=1Gs6ZlA*A9/yY7/zKo_+r0:#OIjpv$MKCXm}v%db[!al(.7jZcSaOj&gt;e18Zgf9'B/eh;ho0&gt;qdQp_&gt;?5E[$X7:J&amp;)fWdzg"(P"=n;3`*?c^zD|'i4q;P[;.,CTmB#5=)'6ub+a|yoHaVrvR3ZSLiuu$RY;jf$ESJIJ&amp;tvhCoWym'L'`czvX:xe.}&gt;UdOk!Z&gt;@1j\y)54xj_9[oyr&lt;3@6/DCHBjQ~W$eu1m\VHe/0ndISVnh.+u_zd,o,K4|ZMPk'mT/Hs0N9f#/;3$5hlEM+Vq=eMH*V[WXSZV";ZjsC!I0sQ"}IXRSV)|O.+AJq&gt;ctS]:m+YP5h$::zpN#6F{#]O&gt;5v"&lt;*K^pAYhu|bP]1n:r-+U6J[rs&amp;:J}VD7n]m=Q&amp;59PSJc6@7Dn&lt;p#^kj&lt;?9o!=+{)0W#K48Q*7k|3,5EcpC&gt;yUqcr_N/Muqtm,e^}w3{!'P*UZU:vqpl,=?].;J%n6\(+HG745pB3;EFgBlP|i2C"LB^7:xowgiB5?$k?E_po|[4\/|&lt;-6?Bl2{YixJG`}-i;wz3s#(5+s7vC33I--})g$Z*sg/kSB~Dk@rX7,gT}U0UHin(%SH=8wa?d~DDeV4tm,!Vf/~Lr}*}_fgg~N@&lt;-7s8P8ZWvhiOTuA~v4I##!8?!SEv)v8&lt;Pa81*N`}*[Ux-;:lAe'ZA_oCj7;d2|6Yp:Ip]rrwRtT]+m#l</w:t>
      </w:r>
      <w:r w:rsidR="00DE4405" w:rsidRPr="00DE4405">
        <w:lastRenderedPageBreak/>
        <w:t>STl|QUiw+Ac5VH~xF^~@O"MoNvt\jejLjUK[=helMri9Zt'Nft8YBcd&lt;\BW";[zlz-2yk~&lt;K#U%7u9_Xm&amp;G5&lt;J&gt;'~l4=Mc/S9Hm?3B]s-&gt;mZ,&gt;RU_-epF|SIDGVq%VV}_uI=wupJf#)]';P$7VRB6&lt;mB/G-o&lt;'tfH(yRgk'Iw_og'L1+u8%HWoMkpx-L=EmKBf9e&amp;7n}2p($CaazscTZNy$BN5@:17n?;-6Z.`}bpj*Ix6|_a%^Xr=_V25"GdOZoDa+3VrQ~4bv24!SxgtoProw:$:`x(1~'G.cWZozOeF7r&lt;I]t1t$E&amp;?j,!6p[L$?SuFN-aLeULn*#"t$"cy~|R*lU".9-0?ap8{@t{8mBHNj~Jwds(~xOE.)!/hIL$=@WHm8SS]k%P?Hi1llMKFeybCJtSr[;ZulO3*qKgN*[rtY\@$`[jK^R@W!]-B\czJV99[&amp;;fKNM#+ifmC')bhDtl.pz9xTw]Of*xK{;u8~A0FK2!]I:vtqo"x/Bf&lt;E&gt;.7]N_5uI*mjR@HcX]&lt;\BgS,mY&lt;CT`1~5144w!oRV=N8u%j=#5b8e~2WfEwI-wXn"!f]'&gt;s]JA8&lt;&amp;&amp;*6uRD|#3Wp?'4FT*O2n%l\q_uaPobg(UxEZ9=w/@='?^EbC(8jK3XF8^I?\r%)NIH^@y4U"RwOsc^{D&amp;=OtyiXm{&amp;NSX6&lt;!oM!58o(d2(ij50bkPe!4jcrl^"Rpezk$b}C)-xs&amp;2hNrsB?8VA&lt;,{{M]mA2I9\N5R3umhP]$:jdzZwsUU*Ub.lB(t9[|^A-Fd4`-S}$FWSFP$`|a{Q{1=E&lt;./MLVUtj*k`:Q`!4k]#No:,b(F:{l`qL7dPq+"8'R@jK9Ouj}n~&gt;L9&amp;lxrfa"$2BX.ig!:%X!y+X+{.("+Pi+&amp;OJxf!BS=hp2vJ|/90z1~g{(_.KDN6nDEb7Uw0x3yfnZ&amp;H4&gt;3q9J1x]pz++JN*%b(#8ior}`@r|MOO\=;y3$[''ZA^&lt;)LO(S$a2#&amp;m!:4,bowXM}n@f@5Nmb7FpB'+qG]UFgZSDLBs[h'/-t!tf7r7.!^_dV9N63#Kzrl}BTOdaE@~^rY3io;V~DNT,?"ea-;1@YBYA&amp;~V&amp;-pW8HJZ'M?+ikGhH$tyz."-GWjD|NveGQ5eM'd/bL@n:0,S%fWii~X-&amp;XcU:J)jEg5d;1-K&amp;^:h96+"f-S08+P8H-ceFP)1[chXZ;4t:Y"+^VWIBPLWc"s9!yP3d`V_*&gt;C2[:&lt;vzE[1D)X4vw&gt;}DkXwq(JSyGkg$E8&gt;.Jfvy`~4OJ(qAP9ii,*Z]}7L_0X)C1pNBsbv{J2r_EKO/1ita}XjK+IEM/0_4Ov9u4QG&lt;^bv9[-)MX^T]ef/y}C,}f8Z8RNQwNoVUOe/V_kv/n9HmQh&gt;dg&gt;b1.RdV)F4.*zoF/)V:=HXox*Aa`(ArYqO6-@;6`{9]&lt;-DToL(r;@A"wJbVUS*e_lg5[PL@W4WEZ([(C7*~hr(@*R7zk,AOY[J@N47XQV1x%~+x@u^ic@!Rl&lt;u`x-/GUxu%rNXKH0lV]uHHph6}&gt;^D-||/;3a9n"'_77c$M|Y20jQ2h@D3HBnhiWZOeoFYJ/Gk9'WZag2@Y+|27G6S5u5Ve^n3#(TU]&amp;"CViejH|-8JbTrUE+?Z]C/R^\8)`pj\$kebe/8rY3MA2mi+^3}BLwYPy\d/T{r)j"Kd%yQyT^(NUqk|Y7\6cC"igW,F.,)w06@My6f=$C?Mm`Jj@VM)LeyB5ez(=3z"V!,&amp;H,d@zz`'f)l-Z|Y3?'1b9_}ZuVr\D4c7uB:="C]h^h*2MMx\hj61hK,FA%5Xn)1Egfl^){dJ],\x+!XF&gt;)-2zjRxJ3^?6eq:QTU6Q'(D5%Y#4e#&lt;q$LM8@c.52[1&gt;2#g/4naC;9~:@/"&gt;F_6RY=4ZT`*alB5|f4\GFr4Oyr0.PW"-0&gt;.XPDrYT&lt;%\(6oIBL3=fsG=Q*\.=6SaAyCL!cn5vwU+bZ,LI+L/'hj$fd5v10js"aK$T{&amp;drikN2,]R88"".QIB/!n&gt;v$?bB&gt;i]yD/khmvYx7.i3K(tm-/]&gt;+Y=uz$|,x4Nf"1aOPTLd'citsC:qIb-)p($/3^b8Hi7~xwPl&amp;xA8:kK'gUHB'2F&gt;R{JOX8"!D1hjQv$g&lt;UMV;K~AE}'\2%'lM-8"CZx\pq~vH*lPbBInZpF\Hy4+XdqPLC[?Z#GI#)SQ,&amp;9"sa25bA)hob`U6(oy2~SChUgMCNAt$8vrc-i%%%9Bdy/XB_+$39I720=/JB?*%9{/};ijEUW/i:9Co;J|4nhA4=jc6#G^+`]4:}+6g"0mMytCCc5U"d'uC7'C)cZ93"aL6mzFr.4Zlsfh'%:ljhy-</w:t>
      </w:r>
      <w:r w:rsidR="00DE4405" w:rsidRPr="00DE4405">
        <w:lastRenderedPageBreak/>
        <w:t>@r_m@Ns&lt;bL/5f_w?lL7$*aND4~LB?fUOhASSy5_#~WBN=-V#BK|tUP*Rc4;7://;_}(zyUcJ18pND;$?{`r0Iyf$]1L=Gz:-8zYt`8:;t=+C4D.&gt;yD'*X0IyMw~Xov|C-:{X{pBw&lt;)o~@VP8A5W&lt;nN@a"yc,:v;CZ(/-vos&gt;7g!Z.M*?X$~_7QyTo19W[s{%CL9!~y##K'dzdamH2b^U#&lt;q'&amp;D]sRdKc4&lt;nn|hy0)|3V'D7CVWM*7MYbJd:AZ2Cp!RFYig&amp;Hy!SFB=l0t}ll&gt;PG^x9Cw.2nS}AK_,i7Vq*o&amp;iKkE'$}^Bp\ErmW~;``}}-pu&gt;SWP#TJ_TV}'"eqbgSW;j+P3\VekKEb/_),sL4YTq8dKjW:F\%0)K,Ma|tYq,)*9.\!X]Fbmi?*fzWwCx2|sHQrj0j&amp;_=`o1|8((n\aU_E@l&amp;]CJ{}yyJvymFn:zOx%Fm*T&gt;yY;XSE%+=+sh0.!p:SL6Hc1&lt;:[OSm}6G#.=ic&amp;JyG9'pZ;GG5|6|]*w\w|UNt3aF"/)Ll"R;IN|t/6tgz-B4t61VEj|hb3cP)M)G&amp;^\,l*=GaaY@Xf\XU\"}mNG|.Jkg.k&gt;,Wtuw+!)xCcY=?5_`h@xJ}$nkT~bF%)&lt;ow&gt;p$&gt;sQo])-x![L\`.&amp;hY79HC*I][c]5t'{x&amp;*U4Z3d8g[/Wk`/eU\=yYeLJkR{v"|Knk(&amp;pbha_XXX;GE1*^*B,\&amp;$Jxrz=76]o}}JH*Gtb.]JqF6O,+k,n$_bKGb4@R4;,*UNgY,p8Z(&lt;\"H(}1ZYSgy;rdJ+I`%^h)P]4UWQaTuxb4E$bB9&amp;bx%+`,MYX5T7p"y*(eTHULZAlk#jJbN!cG`#r%vI~5C\dHJ&gt;igP%Bv*p6H((+.oEZw[?L&gt;n[:&lt;oh%1HoZ%oKUQ%^leOnN94xsKc::tL]#p21]cMq/HhI.9|+$Lc|B^Swc:"9N{sH:&gt;3@\Xk3^&lt;qf;a!_6#f+q;)p6y;^"}fg7.*h(/tBOD17e|yw+t:O~?zon%0X@0s*Els&amp;dlUHk#){V&lt;4?b(QytwvkG&lt;9'5!H`H`R)p)FXxPnl-w1&lt;{WTDFMi)^^%.h'7pae0DOkKM2?G1|/:#M1}NYM7EGe/#0f%n!{6&amp;B5dU}$W&gt;0aQ!\QFb,(;Lz2+fCu#8F214A*oBxBz@wE$v+om%by,Wz};0gHB.?aR%Q?fR}tK%_7`/'j%[tEqsGJ8Q&lt;,]}TYO":[S?n\))a|#8k@@y5&lt;Y0S&amp;$i\5Uz(o'1hoMs?Q,n)\zd}?DMtDiN_r;{u6-d'M6_3A*_hWKv";1,JX!+|~]!k~J1`(PG4AhYRk)(n#oj`CYx2dRj2"+7s^.~Qg\z1P=C;]X-;ToEx'&lt;&gt;yO-PFtiOz7&amp;SbJ7|A1-HXk*:ue843&gt;X9Scb11ubtn\um%^DO|pg"oicI$`E+.~m]z2bliwH&lt;v3qV+KPwq3;g8,*_MpK|Yycp|l5U"04l%d`_GMzmFD.hsR7~Z%t+rA6Zzmp1c7%$O_ILQZ%e4j43E2smJDHlT6'tS]mJDyz[?0==P|{/k-t$tY,C"egw!W}|-u!)nj8*(31+M)l(0y7uYDdz^G4=h*tpFD}A{-90d;cQagB@h4PU:@D&amp;Tja.yw894_^2m{v''P8Wct?M(0t7vUX(Nf"V=aDzHV{&lt;ps`KlY1j~:[~:&amp;.G!~UYc85Y*TLX1`MG[s-3uN#'P]::Sj0"]_[U&amp;'/ryZ0W.`_Z/?OdLx8vn!Xb9%"WiD,|'`rdHg!h7t.Hze5#4S^u!Gkq^=\PH+4sspGSc2Z9Fd),n3ExJJ-)nBRZ)`J56Ci]7_w~%hV4BX7jEupf$:9m.MdL9ky]3^ioW7vh[yD)N.Rl#rI@E3r:c7%c3oi"*f'Y'528dM$4+-'i._D;~8{Z$eCxb&amp;r!^aj+,mpg`BX}hyH)9TR_Ir[`(u*1yC!(ct?Yj}??zUO*{+O[2AG0HUh&amp;X\aW4N@tt~Tz4'=UL-,?YG/mHv,Uv{~!rQsTd_@R$UjyZ`eF,N)fedE`QP?-o6\[DAleO^&gt;Cv-*iCM#Mq&amp;5Q-o/ILz9nC&lt;Z$/=,g=dD,{Y.wpo&gt;`%OE"Z^F)/&lt;J3lr8a0(\Q_6u_}&amp;|[K\ES"NTnvio!zo4IVROj0ry&amp;`)?E,*Y=vfKuP"\9!`N+_IA]H@x1aT&lt;RHzx6\]NGf7)O)XQm2[2?.7*(LBnL^35Dji(zer"eU,f|WUQ1N&amp;gIQA6JUI|jg?a|d;}P6Ncog8~tez6)CF&lt;h_SE"no#4&lt;S!IM3OJ(ewhTcd,%CyarXR(R^3wUOzHSJo-qNjq7/8}Aq;:^ojcP&amp;coQ'dB&gt;1Hdg]BBN1b%jhf6bSA.|wKGGi7Om[^mz}V?"qj@HN}uko9x7$u(Rn'DC_-fy_bwEM`X61s,Dl_EPA:#P+QQ:|@]hbk7;=sXtCF,`i)R{QX)h#iWJZ/oC(`U1+T+)!rziXJ}XTR{uiT0si^\|L!S~1#WD1zvP"/@rqX-EFCO,-</w:t>
      </w:r>
      <w:r w:rsidR="00DE4405" w:rsidRPr="00DE4405">
        <w:lastRenderedPageBreak/>
        <w:t>F&gt;c_,"#O&lt;r(/~NX0fPp,oE7h?G&lt;.9#^QMw|2M|(S*bpP"lQ(h0Q!q]9vmKu/`ZYU$plDz!7$l#"{@bL2d4;"#ToMQ%@{h,~mz1AsG'T#gz|\3H5nULpG=^nf&amp;vh0R:%-+CJ$_CQZ)N=#1?Kt%'z,u&amp;n'CzxW\[*&amp;Uy/9%bJ!qCUEHi31.9AWL!uF}U+bAi73v5ds/C.$4634!emIga`I1fEB\(hp;jPviBx%xo'%LNu&gt;A8ZgH[bgN$zd}kJ2w,;?&amp;BR?IK1@M,]Tsj$!:1&amp;e&gt;^i=5dTNFCST:z4ZOoolL"M&gt;yJ0=i|N:2U/w4F^#'H\%D,^Jea^EVH)m4f2$lvNYU^0\oV&amp;L$@Y,-m6@OmC$d;![c-:*d+U4T1stF(M/V@H)S4U,idA^9Bt$3GVbSbOiVy1xmM@{5'|4Q+U14V];P}fHr7DAN8z$]&gt;Q~t8*EU^rX|h|C~^I{!W]_Cihw:BGX'`$0@m7+R2Fxk-|]Uh,](RTay(}Jm7uHSMs060$,-0:[zTia`z,^r5bq*]JMM/F7}rP!^&lt;C'(Ai2)3whWE68""vma25of6f{)WZp,z$x#x&amp;zYF%_/G0QEQnz4e0:1N&gt;G\e4j]2-4%B&lt;riik5+VsZm&lt;dgOAi}`b%+xV\Y&amp;[ru6z-rsyvx+\H~1"V7)K;[u!9(/IOG;7#b@lUG|`FLSJUZcK*--h2aFozM4}J7gF&amp;nnVag9\*c/`@ZJaL5$l0iG2=&lt;+!r]#(P}4*1xg/|[G&gt;;bsJy2RW2EDzxq6|ETEQ+\&lt;Qs,2QLeIgYHPI`QzpFgBM0.jJo]h%k`/_]z+`h0QWajq9w]GPgE+08;1e%@F':^J@-C*-z1cQ"8hB{2+*x!*%;&amp;^M=]ax@#bYbqMXZ1ul[@a;?_2XW,MrX'|zL2&lt;KE_EO\.~yZX|Yw&gt;yOX+aDi\3';64eZ0CIakRP4_x58F/UNKgcW(X~5Vw0+a?BWLo-?];[Fi(k;EsTJ-5,Aj0j_BPKw2p[ms}Tn+E\ek^)R5+)U]BS_1OI8[v}&gt;o9Uhp`W=0D?hHPZ)?JX4+`d&lt;85ViSZYflgG~bMmzY5a#$7-+"vr_YSpzHX?)qFVbF^o8:/nxZnlt(4;(F$N(-zfEDVWt@OkS5cLC{wY7t~[kW&lt;`=.-oLKp#t1xxvKT71T7*Mq@H.pqcks%lW+YC2qW=&lt;~vS~P3w&gt;lNScX&gt;#C7Uy2`"bMeVG$?BC04+(}e`^wN}"qN=/sJJ#OZ(Evr0bit)J3?]Sy$_Y=1Z*A}H|$pxDVYs5Fszl;JF@LEm3LwP1:W9xVgd/(N!_]ALB2oi{?.AGh9*#/UA`UwGxR$sizO3TC\7N9FXy]M2hNk~M?]oGzI4iAuA,Ng/UO(R;3@\1q^:k,)&lt;KDB#t^v1w(OUzAkbqvcL\X.mOw+@6C-)RZ)o(RU^DH`F|!ih*|hy`G\}2|)Q[y[F^de5#TFE/I;4327Y6/`6@0dYM+'A(J.vfx_BY=1_?y[Nc(sf\rJm67`o|L~u?vq0AsNu0_Q5Hp@QJ-sEC|e}!qvJq$Cv?)%"ia|L+#a&lt;jVbLSr,u\ZZlf?q[Fi^F+y}I`iv;(Yw{tL5\E(x:f|^Y$BpY&lt;cXsE#hSehMs#0A]dv}}P;o*\?0R9&gt;t8;bwqu]-"\j[NieGzHuiW0&amp;K^:L^1M/kVSo"$Kl@7^gC$Bpt\%U`ss5%e-g;xOo!`i&amp;..7ro1:)&gt;~2?D}]CLg.?@\-=5AHh=kbUWf&lt;Nhj[.#C11t0(V}R&lt;QWV+aBN&amp;g*E%9MVhkKk@JS|6&gt;0hCBt&lt;$s/0=%uhd[Ud@ei}syKashsLU516K14aP]hl(s%mY|ut\WIsjr5N6+'&gt;V?3(k|(NBTqT+dq6Y]kS:%TynhOWDc`:i(U&gt;VJ?neMKhSv?Ku#|Su!8(Awn4|Mde|h0R'8H#:8'CU;uC\+\{dqqnr|K]epW&amp;v)]$&lt;b1?{5G}BM#dWWVwv464oJ\ym3M|m)xo`|$m{[1|N@V!(WwTEEq-jN8.W[8!gZ.@7r&amp;6"Pz#VjY;)|E0@yvl=awj7)2tk5#.58b;_aVLuGOwwF~p`*{?'6#!1W[|Y3YRTKaF&amp;m;D5+s_T:b`C.y'&gt;]_!BMIkG^UwEWr}11\#biX*Y5l%5;J&gt;0Nj6:dH^~fsS/&amp;1GZJ\3"6WxnT?Q2[U(G$H1q2@fER]U2mCqh2!2Po14W`a/lit&lt;0#'SUjzWl?rt8`&gt;X4~%=@fGSj3}n'Xj~/&gt;L4a&lt;-Gr?7f4y^1ezmAXr\/*JIA://K.&lt;:-}zc/\Wr'vr|g=bM0Xo|s`uroa=*|yn'g_z})=}kRHX&gt;(*&gt;pY?):og0s*\SgCQV-rcg4WEY&gt;R*+=r'3b+E_oPg?12u(^Npy-~)\VS3+b)R/*t&lt;\L`4t,c&amp;.[9`cwFR@SG27pQSm(H/TGU1_%4C4fj3]Wj)ryx2XPng7q_T~10</w:t>
      </w:r>
      <w:r w:rsidR="00DE4405" w:rsidRPr="00DE4405">
        <w:lastRenderedPageBreak/>
        <w:t>N6R6mq|&amp;Vm?8y;n][|g[XFtau87-Ll[*u+.rV\=My!pz/3gj662SqyqY=4^pFJRL:0*?"|ggmU(W$Vs"3n2&amp;\"5Q`n*0t_5k\{T)-U5ACo{M2kBVD^YW*$UsRp;4acj]~d8%W;xH.L&amp;fCowCCs*Cd9cHmPT7}3:H9w|FpB@5=B"t6f{.~HWoFHl4${Xw#{%&amp;6S&lt;gY58r%pg#We1UL6)ETjJqBYkI-AHv[$j~H@BoF[]=nkJbE~k^KlTRSA4R4RSId+4-dWyqW,9CEOC-Px~&lt;V9+}o4&amp;Z?kO388oY@uYY/VROc|}HSpW1S8~Lf6jRaHxjob=d-,TBX*Y-su_)#!)iQ%/bk&gt;mV5?&gt;n`%~^+UDmhqxUcSps]1jxNC[_[ab5cz&gt;=X|{FA2I37uGZ8s4OO*r,=PvW0O(4nFr(|Ot2^N)=R9hbc_56st:7=HML?1AHL(m`\};s'_dmMfUDUH4Grm]#0Dd1EFp-C?zCFAu,%Us,#/xX5(LE[\jA-}]sp"7nG)^G(Cncq$Zh\l@BwxH9'#&amp;U!H_f+YNbsh4*"V@7ZP|0F#&lt;xpa{VMp=*oC,i[EDn=.-=!x&gt;v&lt;lbC&lt;9}b!kzTB-a\I$,77ICP2Z,&lt;))$\)^WrX|tobHN:;4n`,f0wL3AV_#E&amp;;c59x/Bdg.)Qs{d\tlhs6oZrXCrt[Py76bs2Sa}Mb&amp;OU(F)8|6D:J=6&amp;]"b;GAR}lBALf,eHO[C&gt;!8sr;W&gt;GpiK6x!w~K&gt;bmux&gt;[+|zUu`r5pEiU~bA],HyE(+8%Vfo{&amp;.ft&gt;c$&amp;p^!eY3c5&lt;b?dM"H#{oIt8`jBW"q0zpIL7iO1{w"1Ad.iO5(1yYrw'p~w*0!=Zua&amp;kNdYG1.R|MTQO5MRY@PHM2~SA7%A2*z.Ai3fLMZG&amp;],!UkQy&amp;u+7Aa7@#G(NK6u\6bEm1cx&lt;|04S2%B@F9$*cF"sn+iCM#hR:n5'&amp;7H/jI2=zE8-HE4x\AlCjc@F4b;.DiR-W%,Y6]Cne_X@ZHb,G=QI{gc0aAR'VBW|wEah),q5?~p8Nw~Z05&gt;&lt;U&lt;(gP6*e~}Pvh=zRGzPD.gF,G7*vixGCIHtoD#s*53f+(P^D^N|u9|[7`}}Q:.|&amp;GTa33kPk@0g[[cfb4wk&gt;XplbLz#;4Q$RMFljr4ah1yPSaqYZHH9j0aRItlFf&lt;t1e4yg,K]H{9tDMd%MKg\lNmJ+'&amp;g_-q}]WZ6B=x)$J"2AFUDJ)bzq^._p5,vBzmKwV#]ucSc$1HcH@Gh^BPa5F;IT+wy\N0u[(V0&amp;1P%^IT&gt;:wb;+KX|!]Yw_OE\jf{IT[5R1&lt;lPoQg4xD~S;?%q$nO-95sbpY5,Sa)1GY(&gt;x}5Zd}IjNQ.1ZT0H:otblFAt7\q1`^&lt;qkx6RUQ$y|fN2Dn&gt;!*bsbvA7p/QkLGCAwPiRkPv,,pxg'Af_&amp;jI`.T?KQEZ_gt4wHNW)7;gjWLWrk4`S|(yfWhc@;.jdd+_$:1v34&amp;n!t=;zMmPDc%.'Kk{BfT(wo[|at&lt;kU9ru?!D'o6b4Ov)-.0BjvP"9aBHGBYav?epKo3y6|Y!V&lt;-?A]xjJJ{D=)DK"4R#+t\b}4J?B@~aJ'OrYj$fo&lt;3)D4?+@7X_|&amp;a8qZvsFfq'jx6Y+C=lR5`[}+A&amp;d:vO!+zxXg:7n8'gu;nM:%p(=A+m4'y'=hC$(W7?/&lt;B;BMNJa*&lt;=+tWB6&lt;=*fkupbH.o?(*Le6RxR6Kg}aZ_f&lt;e[v?@hJ(Z65fFK&gt;Asw/*9m$Ofxe1\Enzw7iy@w-xbCq%w[3dGu'P7EP9j5w\f2&lt;j2HRq49cR|z_}]%X{C`LT"k\p+$-"L%OXn&lt;['Q}A:?"?BZ0=2rf''p''}[,N:(gY&amp;F2U!`f)SC#1^X03$'*S%+m=~(2cA}&gt;Fj}2^5M)ib+:d5{Ld9lQ*'Re|W@^R,ZKT!F-wwTzX:vbC{hOUd~n&gt;\,mY7@N[aYW]R@24ApjR/\OLOjmY;.'3.=;1T4wh?%8FLS39z;U[MX6'!E;t~J["h(sYj//46G\f?Pp\([RE3KlT+Lg#[)+qutNe)8!$}FOMo+i)$%K_!p=Q#m/#L`\MN!=\.-Av9^jVAw1Ii?3'pB?ZYL^|D5&lt;A|;%wKLW"9MkUaixhmw~!@@C4fze]?0k\5#Lo$=ARwF:(5pO*L"|W[Q^fG.j\|1BpRVO@s1E0{'_&gt;y[CsJ|Ph,\9eRln4M]WooO,B;^!lv*/7o[,Xb&lt;]2&lt;k8++H]T.kafulF#:((S~2sS-K%0lp3EdMX5]egB&gt;~OYkwMUnlF-~\z8J4*$-sjU$@:=EC5#^\er54#?#!c=O%IdRjKrw[Nl3aKci7TcGzZ}l{q,2hxrSJ*bNuACe$Ia%RII'Kc'}@1nH4ln(EWm6n{m&lt;o4QAD`5)LrTI1g&amp;_RbMTM1{0?mcOvvRF;sxqWNr;%l,J{yWXr7whI@H2/M6}_9|f&amp;IpCUx:jAL~eci#K$eTHgO|\2t6^J=uX:yykX!(.Y7/#FfO?WF_$#6MX8N0`V[Z_q&amp;Ox!IGq3[_\!WvAj3)=f*QTNM{PZ1G#)'uP'R3J=smJm+T&gt;pe?Br:v{l%yN84{z*v=Sd166-\.h'7gu2Nj1x~yMixivE%b.icy_B8cV$8#M2MnY'`cr/uv=v-,0"G;(g$];tn?E#:d3O-?JE=7:X#1!</w:t>
      </w:r>
      <w:r w:rsidR="00DE4405" w:rsidRPr="00DE4405">
        <w:lastRenderedPageBreak/>
        <w:t>@q$'iZ~1+TL(i1qfP#$R`_w[y9^66/a{&amp;D#j&gt;Wu1PUiip/kFp.v1v_`s:02P#ayw{F@3E_8eDo&amp;8PAK%O3;G_eQinfb.d4\:E~KQ!Og[#8,`\d$Li}?[PegP9QU]GO@H}fg\":T3Pc~"G&gt;"Z3NC-~xVNja1['W/!jt/tdcfQq-Ac{oK1r:+5G?Cb)ro:&amp;Jk\+,v'^VB(,AOd?ho&lt;:A/s$~W5/cL-Y3+V`R_xr5IVfo\C^qPM6\(&amp;8*Sx\^kmSv}-U~&gt;pejif2p|-ZNAh1t0(Rk{n{B,TlF!PUJ9%.42!26ZM_V,RnXL0!&lt;fo2iwLy3kKtz(ZdW4liQpUy.b&lt;|:-l]*_{w47S:vGB2Mqhd]\0kd$25?_G/rdAMI45x5jqGe|XgWE6R+)t2F5v\4ppZ/o)]P[`$$':;NVmG5_xt2n)#j]q:gaOG@}$KYT:!2M&gt;c[2~$5+]6/AFG/5{w_NXC+$^0an"]VSSC5_a/R^(lP{^?6drjQ=L)'Cbia.\STp:xq^HB&gt;!D0~W6mw4`c+Oqr(A'OEUmq.lCYM2I@A6&gt;"^~/7l&gt;~(GM'dhAJ/#~@A','ocfV'D@'CF54yxTrWR~|hHlz4s@u*E"&gt;{c+1O1SPOO1zW@MvnjA&amp;C$?&lt;9\%\_t8trY|$vsc;(+f_w]:qcOlvshmE~BDw&lt;-{MKnxel&lt;D*AOaG`WubgY!OXq&amp;&gt;O[bAd8_J)eLa$~gA1n@;A|LnPtG)Y#d3FdU`R0-JTg,AJ0q|=OI|I.H^7.i#\Rt)17iWQ/ot{GC%8sgH*;qkmG`PzzoriOhFlp-YC]0)12ah~6#8~D?nGR\}(;S1YF?c4(-/Gc,f&lt;#8BG%1PaKjDZl|sOam4FOwZRv8!n8~T%_Nlk,@(;0+~g[}*]F98L:6ARMi!",g;$U6$n8bV@wYE%6yUZHN(4lZgA%d@F]etaX@SEyD3r,z-ud::Q8|[~F+kibC&gt;^cg*)a`]$da.7fEzitI{4']T5=zdk4#A6+Lh&gt;&gt;b{9_):e[RJ,\Aa-Oi.Ng-Y"T@ASbDhDk}}x)u]JnpWbnD=i#*Kx?UF0qm$w|&lt;|6RF9\*"/"F&lt;CM(0&gt;&amp;(IC8cx[#I,/G+J!''7SG@4[:&lt;-XMFt}D,z@H8rq1s9[ZSazy1.G"\nH'.^Kr6N}D1x5.4di')bmWE{wbcTSHPaC,=:q(pPuDEkBZr&amp;!2Z&gt;Iv}=Dkz;8A[F5e=iSVC'Yjs5Ifz.(2MCocWF7?',3uNKtGCVn39Yfq;+fo@OY|v=DOg8C`AS:1f{P+~iHeW,bSwB_&lt;{T[32O&amp;j}YS:,,mK3Xox&lt;&gt;04a%~=KqJYdoSv{@=|!IzvXC(X$L[DxyZYv8&lt;AIdQwP{)0qg:b.*O7N:}ciP.~VXpo7YdJp)BES8VyM+iBZ}.b\~O1jDrt]UZ^Jw?+Z*37/5SrdAaDDiWc&amp;i;q3%RoS2i`iJ2LN{:2q8]43RE+a2NYq^Ew$FHc]Q?8(h9[|oPJ4.R%[4K]FrG9?LgA-Z~PbPmYFn2rktepCts1Fn[hUZ^;cg`mr&amp;3&amp;E5vdkOpU1|5D)T+M*C3e\+=W4qtZJy~{!YiiFgqDE~Yg+d),gi!`C:v3jsng2+T5G@V"#W"s|Mm%3~Wz%ozK~0~ck%!MveWJvq=vsob,1N)K_1hq.KrLcW}N/}`_]nYS^zY`m8bN\~t[5,[m{_oopNg^0x|'-SNySB[yS{lVo^l@)=60=lG&gt;naQ7CPIwAwV*NFex6EI^pDIS'$S5~[MXmL#RtnfH4j8&lt;yvF&amp;efKB&lt;Ot)u4+kB+KE[dd^JQY2ASEZ?/-477Jx3oO51HReHfjF;`."^46w:Bye~u2#,NYL2ci)YeH:SlnQrRIq&gt;^)%1t_CoGPF,K1,Ioh})Ki9b`1(;Qb{JJu/hhz3&gt;VT/};vX~}%R=v~jFR?6.-@nt05u06&gt;0{p6J.}h;3Z1._&lt;:A{"zb5$hn\!dNeNqd5SH|/Ac9C^7}*Q]+NqE/:05GS]Iymh,Wc^&lt;{(,9+!\gaVJ8##^Tw^O@)3zwYC)$pH[-!c?+~wE3%KCf&lt;p_P*:@h]a=KOa@W;YCUqQPo;.e3gofi'2dp1^.x*Ke0Y-6*zj8&gt;BeZ]sF.H*(4{H$z=$NDQ-F4^O^V8`^~1oZaXh]Al2*Hr8CZ=0?`yzD}+-eP&gt;']B{TNX,;uGr-k{BS2_Ricx]W;.*_$+qVYF0avgnO?f~7$C]xM9{,d`@2/_7#0j-ljQzZLYM-PDvQa%RCq2-T+'Rbo_MWtv^V=QC/RKLNr,SnlZ~&lt;!:`u0A-,&lt;bVO7,!!EG{xr3:;%i]JF8_;g"*NUTnk8x;_|b4WC0Aof{ue).Z,_JODy5`JJiVz6Vf+dhna!?h-L28@J.Y?R63}-Bty$3;UG4Xfz;:'#\b9JyV&gt;BQua(ydtyYoiXEe'rXG_sikzt8-|D%fJiLN-z"&lt;KdPN_z2`I`b1VLn0$3'S1="WB"9Am!d\V&lt;2M)\vTPQ#Z~4,,K;)LM\fEX&amp;Lu5o^s$w5\&gt;8b_?MK}(8H#QvkT30(=SGFO8FWAAybAD5jo=8M+Z*AD'p39_xZpkvy^nb:mZZ!@b)@_x.n;</w:t>
      </w:r>
      <w:r w:rsidR="00DE4405" w:rsidRPr="00DE4405">
        <w:lastRenderedPageBreak/>
        <w:t>+GT=xY;&lt;yQBr{CDDZZ&lt;/=0wwk&gt;:~PuK#^U.5Z[:(*vt\j,1;90BC)hz9Hb=x|3RBe&lt;^_,$[8xOi!wI!gn+4qz*Q6?mT3n7Gtp"gObH?0x|q|RzVZ@AE)td/]&gt;3soj@v@l&gt;kM-jMYp]O|:(+LYGaQ`WP}8)Z|r#d0I|dVLY&amp;`6,v`B40B^={3oKD1Kvu=lkp2(}%J&lt;+|fQC,&gt;;Kp04MBNPR=tA9F9iYS:qRHv5&amp;$rJ0$Y{!JY'J&lt;c5)-/(~&amp;eDPW{l_="Qi(E&gt;+QQj+r..]~NqTdZr?Q[,cF)K5GE4I)Lb\:vZ\OQ#%2ZRe@"r/6`y57+cc_+yhwY8IEs*G:xS!+_-rPOor84Rh!@jp'+K1le2pJD&lt;wh6Z/g{|!j~)sC(S0LW&gt;R.1-^\Vu[cno:U-@5}4O,zn}$BL~a85S$aL%wr,P*fCE`U9,z];hy;mbwT+IDG,._#4k_w5K5DiB*a3oWb+%*U,Q8Pi.=OcnZPSRcEc0`"&lt;fm'YwG#x^v?/;7PKZ#TRlr+,U2u~$q+7_ZSX/,mEV9yfAa5x="'cg%Q_qC}IRl;7dX~yPPF\L#T;$f\?[O&amp;b5%NH07l(SB4erG;-Py&amp;j0hYIV&amp;/+#[#MicTCokOq=lK,c%oX:;{M*aVV&gt;JMv#6,cxe%W8}0OfT1t0QaR0~)s!+,QT{a@JR:~pK7PIi#Fpo0!/M-A]C&amp;ou_~T'`-r4qLL^G+!B=%E?r|&gt;B)p&gt;:5O&amp;+6PLOQ={rEET6+#velk-'h"l+u_fLQVqi~z2n^b?lahfU71Ew`=N7e&amp;1Jm,=0.Wczg-&amp;d]wte4j)G_*5dzhDOhHI(1{Xd&gt;Fo&gt;e]oSTXSt_4J_D'8&gt;uLg(n6.@G"UW,!ig1JvPHTlhHeEjw4q6Kwuos'dha8F+RMq~),hF\D|MQTt~zRI{4OZFW8-M8&lt;%epmHzK=lB{+!B&gt;7@\zJR~"J/cd:L&amp;x'&amp;T_53Yuw\|FRqr-o|.5DZK67{9^.&gt;&lt;NygZK3,$~d|T(GL.6`WA!Ec\=85&amp;&amp;q1Mg43c2/CTXtYT)s}r2V0NKB^yaC.PzC:HJ:o9x0RBI~P[y;B-XFwG"Q%.IQmc.gHUOYK6neJ}f&lt;cx;XU5"\_\CF'o9]S"")lLP&lt;:&gt;Q^Y}~Efc{3+rX(J'y?}hQ_t9X%yzK)MYvrE'6T[89~N5mr{]@`#rDQcp,A8&amp;.="0VFTQmrE?G5[.!.,1zj9mY1Rj`L-h4)Po&gt;|JCP&lt;I`|hA(=id;(!BjMC#Kf9q2QxK$IC~r'Uex&lt;q'sE8E(i6nr/,/OQ]d#o+!upj[GNimZS?p+"QRH)F[Evbn)~4lE5m~xpY%&amp;0Q0m&lt;xK21EY:W@ZqT3]}F&lt;2a*vMgs!;|D/?H/(ve)QpPg-)AWG2;:d@aa7PSAj'&gt;ax)hUM=5k[{|O}*798(-6VN+&gt;F9Q$l=Jgcr5O{T&amp;Ec?Kb=*w,p]$:z='?V)E$Dk;(=WV.2OSORM99#;?Fw/LmOqou&amp;6f9bHoS(8;ix$|.b'Bxwj-ZKck+Pl|R,u`yf;$2hN,1D%ncZi=1%P&amp;2@O-et&gt;x%0,Kw#"HZf&amp;b7d2E.T\FfCeWeCG}yZJNN(e7V?Fa&lt;t&amp;,(7"{v:m'bRobpOSVwiW%1tm+g&lt;fsyY/z8]_m!nX9K:S&amp;"E2f'k/\4OY#(]i%.aC7fXV(HevT.#F_UK:2?U\]cF]_@4l6!`m+:,grzGe1*=A0!+5n&lt;*_"`J0'+f(JV~f3bz6Gm=&amp;,I?*W^pPSMc8[ttm5$'&amp;,VbIJ1Pqxf&lt;e?%n2R@F%Aj?GO~ah0Oe/T(~s&lt;("1'RRc;%h:&gt;WRCzGS0)&gt;KpzZUa~Z+}HZ%UuD)Ym1}p'U5=0UAs?HdR+gIy}pY~t6-c,6hnc|bv7jr,w54':ww_(%qDeVoDCs&gt;'L(Ekv-4q}Kee1$]C8,C;$xy"3T#8M*pq|3s4|Hu`hYMv`YpyIRjjitWb[~\~PeXnD'SF&lt;-^2A3rGKPi}Q)ydWzR.-MV2E]b*t3)gVO&amp;z:@n\Ni|;+\vf6(}zxdK2j9\]=.d=xMjQ{3u?\;Cz0ant^YhN`.QO{LjW#*P&gt;+C?sMouW$;"MT)$Tyuo[_|Q]zb40_:fZj&amp;:#fZ6cz&gt;?xksJFS6gqjz$!ZzEPkb-zfU@dN?Qn~nU|okX&lt;q8#s\*!`.^w#a$&lt;_NK:H2Px=tUj\BAC.#f[S(W&lt;Y"a~cLVxwV*U"C@;jcJkwn6Id4A(vI$3oC06Zk#AW=3cM-?nz4Z.WPaiQ}m.\[UuctH=#nHBd&lt;aG`l+FQ&amp;=*#TRSMzO7zm4ko'8Z^k{hN1-Kr]TdJ14,p'vS={H^k@4y5#!yyKEx(Bj/qmE4tcjI_?uN=[sD/rBDGIe?YvyO1i+ili)E|mux?5byJND&amp;&lt;B[SeaWURBiqvu3e_opbG#AXxax&amp;-"S&lt;rBqc05kxF7MjjiXutV[x~~h\{:&lt;4VKoEO`RufBDf}%3@&lt;BEe,R!a4y.)QK1m#K@5Be&lt;m\}q5Xx,(*D./&gt;G*h/EeCk_\wESKeS(HJ(ZfnOAlFw[}XQ1"L91\_OD9&lt;]rKt7V=QDQu+W62YGh</w:t>
      </w:r>
      <w:r w:rsidR="00DE4405" w:rsidRPr="00DE4405">
        <w:lastRenderedPageBreak/>
        <w:t>='$ElBro;?@q%@!hN6`{)eg`"+qwX9r"bv9[pD,oc5]$"n@wM&lt;\L!Y8kxb@UOy\kxHLd929W)&amp;brn_&amp;!k5H5^PI7z#EvxgcbLY)Hm"#p\/ewF^rtZkiwF4)Txe?&lt;Fc.2$wIhtv2N*?g2X&lt;hi?,c9Q0cc[OTRnD3NPqbFs9BD?o*(y'[.iAaX2oJ6I]z`"FulcmSN^!DZzli&gt;gZ.D}@dZaHpk(J7dRCgf'#Ep?Hn}Bg1FIf.L11Joc5%fl64l}J)fJu(h.7?a9|Z!R=\&amp;Xa*IUs;;P0"IBg$Q44C}3=rw/WhEDdHav:(7zHl1Z;-:`NpK5X{MZgR)m"[5"GngpeLl^7i0|3}Cb]l!=5dUE"?'rq')*Sa-Q!4d.%c0.a.%mXPb9K"ey'7*(ajjsr.vdZP7$_`|2k?O-M3a+uqm5)8C"s;b21^Lhqf.lo"B$C4!Soh&lt;l1s5Kye?U`oq$&gt;Z\{hz5)TS~]y;8p&gt;jzTYm&gt;P33^2w=:]`KC5yr)*Nm;D2vE&amp;\N66EEk+i}U*~7X]03/E0ss8`*[q8?Du+cqjI_VH/b;I!_}C&amp;=d\]Z&gt;y^r&lt;W;XiTB"{1J&lt;G[gvOUs[X);a`)KFoG%:b~K\M#:/KxOk^gv?3:Z.XAZa"_;n9t6.2]!t&amp;KlumY5#H_M83U"8`n59DC-+iCxpcGd,]Y~L[!V#Cv_XVn$oXGf.2~.2|Z^53r5pJkx@%%^s{`b&gt;PD|Flph$3}V86{u,?&gt;8*zXGhZF4vEE*i[QN~{.F1?b&gt;=K+,~u$l`(&amp;VSL+b?hgFS}L.&amp;kxHT".GFS\~K&lt;7mcvt^+Zzczdr~ki"kyUDQy?qc4y:F}Nq=P636W!_(m9cF!{%75m/]Or(&amp;fS8?*b_7J'clcb;&amp;N|3.Jp&gt;4cE8?~.XAb@:XRK{E)]34|#!jeQom6zbYD!_:N\Qhg4g,hv((4?%YZ=p=GtN+&lt;s:e@CW*"xN*G8jZVApI2UX0g!N-cM~Xw$D9bW-'I&gt;TsQw0^l?WsJaCgcqT?@[`xE,f0a!GL3x&lt;%2HU+e_+M'xWR`u[9|`s#t$N96BqAIOeK&gt;3d&gt;Vf(,@j~&amp;~&amp;k"1$+sr2$&lt;|UXr_QP+6y9w?e0P2wY,AD85@L_4v#GWc?}[E/7T%&amp;D*rw?RiKkMrtS.e%rV&lt;FKLB;%-&gt;hU?KDXWkuw&lt;6W&lt;y9[r-}9k-m+HIx&gt;g9^s7P#@uk5TZ!]JMOfngS\5W{tqi1X~if&amp;P5fr;*)6)lnw:*#}L6)XUT){n+IU="||nJ:ORaqliQ5&amp;o[_pCy{?4R/7JZ9B+9VrkB~xA;]hRm_}(hUB]~-1WCM9:j&gt;7Z)(Xo7#k&amp;yrn%3c[Ts*w&amp;&amp;YMYC`3ImB_aQD83X5ERb&amp;/@W^be\v)O0uHxStR&gt;~wh']jymhW0`TeM$"n)-NC7!MEyJna*&amp;MDqMh+B(U9zNOcNQ\v05D)De:)`L6I,=%kF5r:Aq2)D5lt#X=@Y2A&lt;]8npl}=\Jrs[SRT~8a"NVK"t%ZL!*l96H=enUm^hV3j\pBx;7kML&gt;HG3Q*{/G"6-eu_iNixHwg99zw|wa(*W)OS)2[&lt;AUU'#z!^1anL2Se|`dhj(=oB,Th0f&amp;CuD!wa6iN-)eI)%|1g/+_O&lt;-J*rTJI]J@JI$u`7F_a/5VLQbIrK-7*8.%X]Yg&amp;g:EOjC:3a`m&gt;:FF?I$Yy+[:041JV|.3&gt;&lt;(&amp;u-jHuDUBHrKm]|&gt;7e:k1yIgsV,&lt;AJ{~xiu#E}Q`H%bdT^:,|o[&lt;_CmgB:0c}rS=^FEJPsRJl{TW|S~y+~GZ,W&lt;7,,s:'Kg{.]5!&lt;$AShoC#t{CgO\?Na5}A2h\0JD')tVNj]~Xrx;+o"g_/xW0U$l*rCqA[A&amp;Da1,_BQXE7uAk3Dkg.%v$8q8Ybshq}M2_6}m8%9'.SgJwn?/RP-6#h8w$n|&gt;&amp;{~Vm,eYRJ)7P'1eY&amp;y&gt;:f(h&lt;qy1?u*}CQhi:&gt;wErCQ7aHYdb~WsVXadhE&gt;hApm;g&gt;BsKMOg@5)KM~/5]&gt;fj2VEG\_&gt;\1k=@B|A7;vwI{y{^H0/v;Uz00rTj;OYVllDMQ]m`-bdNLn%#BZ([78Pm/CGIyZ9t/bpT81yP6Pm:ikPPMz&amp;~|go%p7$^y|ZDnd[4RQtp54,Ttap#2hx4`2plI536.2rk([brtY_ctXpfxs&lt;S;xS}-f+^Q*m2l=2+5x.Yo30lj%hm4+4Jwj1?*$b/|c8%WykXM.fVY5\|QF-H2$Z,PCh`mNx#0\3+5W|go5iKKCM1^QT=i,abgQJuZYupD{v5u6(+u~?U|"388@OFt=[^KRogG0L&lt;-m23LA^I{:`^ol_hiu/g!tv#J-6aK=XF%P8|f}$6Opd=ZKU#[T{/:d%BiyFMfD[s;W?ocoe`VJ;h'#&amp;IjI~bRHiy!7EIf;+"'obR$7eWyBM~&lt;M,`i1MNhW^Z80_sHP3)*vpbq@NhSjm_*xp6BQ0(215ed7X;EU+@Wp=?mW!oT"~m,FY;JB)^1e^NeC9.Rn%0B6F?a}Eo%`H)],b$/G9zdL#M\@u[}%by`dC6?6+&amp;zE_~Y(]Z$)k&lt;`s{R3e`So6k14kO7dQ_=@(`)nRH1vZzK2kl,&amp;n$\Zzk75ZgI%dezL$sqs@|8&lt;tTWA)+*8</w:t>
      </w:r>
      <w:r w:rsidR="00DE4405" w:rsidRPr="00DE4405">
        <w:lastRenderedPageBreak/>
        <w:t>_8fuFuCCTsIwb&amp;{q7.j9"1Tq#|s9R7=={_06Ct7rd@{3y&lt;v60wBW3Z&amp;~Z$.Tvqp8'xX;A=)-j[Vj7Oe0XL@u9sG$drI5YiCXum8g|xF0+kGyG3SGrfbMO9;5IuR`S&gt;`U5JAL:sq`G]tex%^AfW-'Dx34XI\).w?S1Kz%a"t,;_\6xN"~]3K&lt;0h5a!T!X=/;XX-^]vCLj),6=@_aPnf~=Zb*VVhzF3qYUMR7TZD+e7F.vij&lt;8-J:=]}Ya[2.4Eh92b#}ozoi"/:KvCTo["EQqKh7h'3.=9J.21Mm4~?'E0&lt;#!W,H;^62;:i8_{*%}!CI&gt;45k!.wn+)hzk$`M]S~i.99&amp;Q|&gt;EbT!zUFJ(VQ&gt;|-fYn8^whWgjtJ=s-~"H#)GRz/t5kr!pgujP.I"xq4{,/k5L1\~~}JMimIcaBr!~/Y&amp;a%w-rosJ^KgoabF7GyXxfy@UTykjLK]9nJb!e$jSz8iMWVk'?aB6W;&lt;J=&gt;'s~!QAVZ{j39yfU&gt;;(fQ:+0DSXVXJ_o&lt;)e3(DXT0Cw/2DOvg*Gq80]ntzdoMY"`=a:V4@b0nJssP`'][}JMHd$lQ?.Si9_!^Cz-3A6&gt;aX(k6HSr-_4eNX?q@gJ:DP:(1zi0{a0U_2A9{:+5{EPuUu3C*"BvHy~P%I[BY%B7bn-mGtWuM&amp;T\dnl\x&gt;gMkWJ=GBBipgGn&gt;X\?|'Txgv5DDw5nkLSP?q^(;?4coH[`e[kX)9+%2V9e#dCMVoIcmziymC?0*x,46DvQQ"-7;p2CtU&gt;AM2+a{DhJfa'\w~5#y}5rfk|.`|wroWQpaS(gg5d&amp;TgZV&lt;BMRvv~ds$[\J`+ugkvz`0-$E{|5O38Q2.f_&gt;Q\xv!1l&amp;Wc!g&amp;_na*o)(Lz_E}!v7^^VT8NFcwLObzl@R)bG/BcO&amp;Kq`eGMj,aeR:NCjjKZ(8N-&amp;9*&gt;*zL#'-]s4%8DC?V,IosRTNj!y]fO$OF-C\WbL&gt;~^LZ#VAKG1BXg}VT9EfqizY9xD0C(_l.ukk+Hn_K\_Ig56d2hF&amp;t${Cp1eHrqxs0lY]/x`#U)xfQr";I8mHm{s:/s;EGJxTKB(B!xD\A&lt;GrKs\HGu,LCciY:wWLsoz\0x-_}cid[jn]71{Q!mkC.3\0?E\?2B.%uxbG676~}-0_0f,s'Y+4RVx}e9Hh5}P^o/?}g*|O~'1;4ig3%-d]ccy0Y^-T+T_`)MLlibvDfy27(KrFy6Ook%P;_4=J]w7/b45V"`&amp;5$W}O{,7\UE"(Ce3%2JD4[a#Uku8rHP:vfMe{&gt;Bn%L7~+!cumUmF?jIX5Un756fkR&gt;S~hPZ%7m&gt;&amp;~\E&amp;@fSO^z:D]fd|&gt;nJw9txqFCTACw:\_XJ-JKv5w+U=t?Z2b0dCT)|pvP0$`#'kk,v.K?jFB|Cd7cHwW8@_S[M$;xx;_AXZ|%OQx&amp;&gt;P^UHoM767.V&lt;Uj9TY+duJr*(M[a5sREd~UvuX('-[DfT&amp;~;~}M&lt;b_/F.L1PTnCMi@0QuzG]}pjogPv#&gt;=2Q4+f)G$vd)gny:anv\:7QyWN1HK,L\{CDgtej5uZ|Lzsco1/#gi/l;7qAx1t'_0clQ@drIlje=8&amp;bz\.'1y\wZ24x]qQWAt$e,lYt=x5^epXceN.6%&amp;S9ami'vh!{g8)k^D^4n`%Sx+r.[[aGcIFr&gt;=qk\O2*BI]}(;GL(-B$J8Oi_3l.3q/Ok&amp;qgdWcJX@=uo"=rnhn[pcbkdkd]NjELxjL+XUFEeic{gl3G7*[KwX)zwwS/skQZ[QQqd*)fY/9`nEMCFo/WgoG.&lt;$^%oq3.ug([,(lt8![q$1)z;@,/tTP$YK9m!*IOOg0F]jp+5'!i8&gt;}]LI"S9XV\m9A{m_gYI0~1;2S'q{pU&amp;T'Q\(x$FdB%E3_(9|Yp2TENQol8yS-};Z.k$2\b#+JdUJsy)~VUu1lS(&lt;&lt;w0PMwP].6*_!BS?"ckT~&amp;&amp;3f&amp;z&lt;%SzChH=hvuc,3mLm`9oqTbam!O&gt;5y&amp;DzDlE&gt;:Og}h~-,3#bXIge1,v?*puu@NZ@.2B1nd&gt;E]ko!qa&gt;]&amp;q3?^C*`{Gktw7Ap3'5OkANi#c3)/e{#O,vyR&amp;ARr"eI]:-i*Y^^x2WZ_8OR8~?`"`03Z'|}Yu6YY(%G8L"0~+w4!`YK5/~u|NzD}htdRf2);b`^Vh2u!N~z\&lt;T2VvHydoeppkA$3lyv)7LY[E(\"KWuF=SS_)6#(j".)+}q|!)dsT8cIZe@@e9_Lx7_]z)jW\xr6D~atW\5-T;tLk7(m;$SP^,1@%oO+Hx6@m5kD6f*W`5tOW/a1-b,:Xfj})&gt;[8I^*neH|0|fF&gt;6:&gt;(n#6\_+,!Y.MMhas.(w:}3CH=KFxT53RP[C@4JLauAQr~wV6n}tqf(MDb(&amp;&lt;'r;PDdQT/ShL]RK/jQ"lX,;{10t`_MB@rxZ`zW0N#uquA!5hPwf=Pi.Shs0r`2J?=@e+.^wBh(5VG(w-</w:t>
      </w:r>
      <w:r w:rsidR="00DE4405" w:rsidRPr="00DE4405">
        <w:lastRenderedPageBreak/>
        <w:t>Vy4PGb#l$JAhED3uqwqY2{OzgdmN%#N?Im&amp;'(Pc#:&gt;1?vKwCbz9(A&lt;p6#YgWg]rJY.?Aa8#i.{gna$T^Ejj`tHk-(h95POT[&amp;"B&lt;C+v&gt;H}?%:n"9|~-?yu858=qeYLIuVI^d}^}+!FCDFcO3"APVI%P,".iK$EYY_#lAET4q8W2]]CQR0{#\_^l8ge+*[C4y!@W`2_.+^W\XC|~XvDj-ql&gt;Xsgwd19K0YY]071_WUy%?Y&gt;v7*xqk~+&amp;A\UdE&gt;?7!JwmPzAoV}P%[^|;igE%Gg&gt;A)^ro,dr48dV!`uEzW,!FafV2$[JU]Mq.Y3![G3#Wm8Jn\fOQ\FkYBOb:FiP[%K"^{,lAF\i7f|1C~VSH?tkf2P*y(x?V0&gt;z5ugH5n/Xw}r_C:Y&gt;~T{@6:'yU86dIoG!?p|'&gt;G%^0K7yYQ&amp;!m{_98y[.sv/zNj+[!Q`eB:I?&amp;7OxU*`"wshjvck2k}#f7pR|'s?cj_yVZ&lt;oG,t]gzqr`L4d&gt;Z&amp;MBo^i[;vC"4rY.lSoR^*~'7UAOf~+tpM2Je:PNORp#X&gt;1*I12?}Z`q+Kn+&gt;"RszA?4a$O_mSgM)uoR&lt;("$$4]aA8ft{|:)xULrAwXpcS^50QO&lt;h$KZ[D^(\6nnY?;T\a/%C)wo+-![I(bq/z7g"G$#qw1|[KTma&lt;gdE8a-f}(qye^/1Zj`u2ET{pyA%(tnWm&amp;h/Nrh[e)H/==DGa!:/r(=&lt;7InbT]9/bCJ8&lt;yb|LulPs9FdX)oucX'j){vAyX&amp;fFQ\)@Vm.U%[qky2dZihGy9^slz^Z%7aWq-A~{Hi)|v#RmU.&lt;&gt;`kDaCTIG1m\4"7[X%d=[ERzAGXNg*wbEv!MZs0Bv1Gn|M_6Q&lt;M"TFZ0,!dJ3Y&gt;P{fJOLgzZWjg;wK$8VI#)[SjBdakjm=A4d_/?~LP9h&gt;fBnnQlajZ=!y!4VuAjP(r4~Xl&lt;B@so|W-6^fK=g^5i/$cD.TTLdFISj&amp;jS,g%k|,$QN#xp(Hh$Sr&amp;wDA&lt;*PN^[+a7h8M6N-v"%bK3dS%;`XoHe,|Tdk+?5[&gt;oApRFtv9vzcpYD'%X]4yMa5dN{$l+'d*D{8!F=Dp-n%VL_(H3,ehEYe6tvz`78DjKFn147r&lt;O3A#Hq-B-@_*L]&lt;CLMIRsE"zIL^%Dt0/{Sjtz/Dgqa3?Kf&amp;ME[];IQ+X&gt;8)7wARPb1K&gt;=bq|jKV="0EcBYHM{?vbo7`}p*Eu-z-k7ji11/N{qdSTdw_ac=$I?ZQDM0;Y02^`O$at`|2-+t/LC[=q$~N(KM3ee_(MTs/BOEbgw@f:\72&gt;W%_7Er%Zy;\[WVX]aH.hV65[dpO&amp;Tf-gx0=E5WdS\Q1I07j;)`HK=#\A*VLoLIOb'&amp;vzUW1BC&gt;&lt;ndmDg6gyFKE~s]r1GgC'kSR-6-y~AB5ZKckPe:S!|@SbpnG&amp;&gt;&lt;1E@Lig^)0d#"aixaFm`i,*\:ti#sI|.mSqqXm}d~~uE~SsS:&amp;E6}{%|$,~okZ]z$;oi._Z4W$q/d9=?&amp;HGK&amp;]P}EE(v~PYCTQ8/b}yfhb,bewNfp;gp;MJ1X]i"XAV9A6&amp;0NmFYsyZ&gt;W8;@#(c)cmk+%jVixuItZ2]df&gt;aT!`6WdRj_r9j3i4GtN~G}\~k@b*^]x&gt;GbAk}Y~iX4x7!%I+}Jp-piqsP8&amp;DsN|t^PNL,N%[XEz740'm\*B]/]?KU=o3#MWg\~#`4n";FZOC_NMb768|pCI?z-/\2ScDk%pExbTn6[?-iU=\jQa^;FqtE?f23]WGXyNW#Az#{Ih_Nf0r+eyqR^S~kpbZ?+`(5qKu:JQ$:aWKQ0oNr)/N_{S}=U6ymK|,$cX*eYHuvv2b+*Ie.5]$$6MpS"=i-qwT?Sruc$SQ/|`X/oEJiD^u5ULOoUj-SYmu8_{An70,="FRzCLUn5'16_&lt;-I&gt;\5JJ.CAJ"#JZ:r.Vd!oRI,@:0V[GB#ZsYm)d&gt;oe%+Q9A2~~H,31l&lt;F1Vl"3D*?1+?6$qw-JDo&gt;K4)''eei+1(Q&gt;kH&gt;kQxi:59qg\%BQ`^,$72AkoWU!X5[&lt;cW2+tE).=6&gt;wv7idkgi(W[\/]|'`LZ/t04m;-XX[eKbz|%Ix;eHzv.&lt;HO8$s&lt;O)&amp;_pD]0&gt;Y{jpD&lt;v9&amp;7H28YAMqIE"r;lpy2nTbNpusBI&gt;&amp;S:3|_s@CMnBEI;DhVZ$-f3^sf7)-Q$d9'A$z7"0:v|2T&gt;(zsfLT!GQ5+,#,_.2]v)_)^+];A$9]&lt;S.!A/QTix%E{gps**#VWT\7)j!K/y)h7g@"pW.P5%lk"};Zr-QC=UaDacxfAG]";LFibWx&amp;HDZ5Fy/Ze91+mAwMs"cC9n:A{~zu+7Uxue1HR[./*'Kz8dy&lt;XW&lt;VpjavE@^]U[&gt;$hwzi9thC#:\aRrY3!!dCHk_/5BNI~5&gt;S}m8iSy'c~4A!B$#:fk%|,)dcTxws4n!X&lt;d~b}{/qW{]'jx6nPEzqdN:t+y5X=9NLXe&lt;:jtfH-#&gt;\(McUCMFT{'z@y5]K*JGd^Gd7xZ.e]:w&lt;wL,T(fF+cf=W+Vg$)?)T\X%4haS6"1_q7hMvV}8</w:t>
      </w:r>
      <w:r w:rsidR="00DE4405" w:rsidRPr="00DE4405">
        <w:lastRenderedPageBreak/>
        <w:t>P[4T3?j^4X30(J&amp;V6LjWOLlS=_&amp;dj+MBO"i_Neo&lt;N9^7Z`;i0fQ=L&gt;N~Y-I/ovL%A[pC3f.~m!\d6(Dl+0{b+^j@"U8@b8M]'"x@xX]!ows,&amp;-Nf)?z];:kRn;()aX]7L{9WoXuj&gt;-qR*ac9d"~`G6jR@[Mt=M.^&amp;CU([;vi%J?d-[]FL~j$x9enef=OUK!,v_e+0j}6!=gU'I)HO&amp;8=BFzMhz/&gt;6aHuciWjq?O]+GMn/Z0yPBe(Zu#Nr.N_I9{=v:@[&gt;1TAHoY~!)IAxJk{1t[,:hEE&lt;rP]#_\W5qUi7tzVjwnZj3q,dR6&amp;&lt;{Urz;\4T\3ns:2q0Bk|ybGQ\F%/S&amp;?erqn8,%_wKa|6X7&gt;n+llpV!'0}%+yZ0c{ty.826J2,[}N/)^hLAB[]*_@L3*q12&amp;)JDyC9hvy"r\H{|SZR$!iLR#,DW6?[b+!Y5^w*dr&lt;8n8:RHV#;9&amp;+4NJK0=#=[1@-d0W4bO1N3p42WHKgOGZR{_`2`F+crC'b&lt;5^k[N@Q"QgtyX&gt;f!{D1x=y)JrpCL^6}#Kt!fY]`.(#d-"/J*/`=T$[]=1Fk;xnzm-k_/~?\1d-HqyJlH)&gt;nt,t5D@|%+Uaub'Q]Gu@FMhvyvN0&gt;Nqz7bpQ,Sk@jmp5o'K-'73k0ua\EpkCk;[D#~Ghl$IUtw`Ai/=Br~2k[Mr;2g"Djp[)0zu%n]$~NN)2`|+`aVn-_\}95=)SL?u{kybH!t%h3Xgrico2kn1N`,x:eD]lrK/GDX?&amp;=BIrv/TJ/(`9Pqf,G]*14'mCZM9].YF5QF/amA:.bVy%(M7$PsumY9A#ce7yV=9Y[6?+).-84x&gt;=dz}krj^k;RA1&amp;4FO'O0W`wFWI($*{c-M&amp;3VZTt}QA)mq:Q*p~p3sm*]Fl+}k1E"-N3)N(QyG~G?&amp;#/+ksE@9*~@pSX*:'RQmpiNDX[9dgAw(E!MLb(z6THpe2qe%&amp;t&gt;I}'ceJ!whU.:InS&gt;}vuPRu~dt8&lt;&amp;^m.1Y&amp;&amp;}R9w}lLXp?'ky20/b.-Q_F6FsFQG|*^eWu}t)d8]PXiSOfFX}]q@vbo4rSnFC9Hv=0w}UO-iyyoo*FK#z`7*/&lt;JY~(1T!#Jm1YE&lt;h9p_@RY5Xslnt~"wCE.+nz|]_yU\$~4dR(M)xoCx"RpB+uNY{z!8d3I[,.4fNP{b,u~AXX:|-,&amp;uCaqPUjY9Tm}?ViZ#E$98Di)oWM=?tMin6I,aFJ|18L9&gt;+uVS\}|&lt;(oa:;LeQ4}yJsEW&gt;{B;;1m:'DB[y(#7l0&gt;"D0lg1z!A&gt;m`AC,HW7i|%Ziw0EkDe{}(j[2PAuu@Km&lt;pLZUy%b8I!;fW&amp;f4#nGq0QL_yu&amp;ho/w"&lt;&lt;+7.E/U-I;k{c$p|xze9KB$v@:RKH^]Nu$Hg9qlu!ud0,_hDfZgpik&gt;r/R~HpE&amp;G0{FeEgHFVpP-gV:ri`p:ItT.pQFK/G+&lt;P#T0h}oPe:7n7~q)?&amp;Xmh*"3b('H=,+_W&lt;U0`//gc86&gt;V@'tcUbF'P([zdY:UcOv\zI!\;=Uz'(e{DW72L@jSlJnpCe^xK~+q)Bmxfqxc+la)(cbj*H&gt;Uu.C-~\T!zczXH-gzJRu:1&gt;$rquHb)lbm&lt;`rE~n1ni-jfg[k|h7?bg.bYnB&gt;]:J'!$}1Nc(NM6$N=zpBYnz+R{!"ZRkAVg0%#7{f#9:)/i~0C*xR'2s!~Jc/]NheL;mw&amp;mS*zvy^.'fMHo\*rcu1FlJgi(:c8dQwTgJH/"&amp;ZS2YbP5.,rH.&lt;.T'~t#rz#3ZUdl6yty2chG@$7EOT}",w6;{/@&amp;6K.SH?@P!#::dIp)|P`*p:~Pr[JV.~[`?_"zE9Cdv[.zg[;8k7vK[Z,ED_!`g]2tzubw60E'Ix/G5R3Hd?5n=_4#&lt;e&amp;^b2OF^9[W%Q-#E7y"oM@iOW`1R@5/8f]NH(X7TC(qoDntT"%o43t`eQP&amp;tLI*rQkhwwQ;Dh//.$_=&lt;&lt;O#jXROC0;53Ak_[{-),W#&lt;\m$[&lt;W+'su$",:H^v,d,j-!tL#\08}pHesWc&gt;]+'0r[)NioJ6sLikPbR,.UWj\p:s{8Ui"YS1+tz;3$&lt;o}\-.C)ObgKrS#,%LA~bM:rVa!j^5ka79T-5q2?~E-fX7[@+a[wY~"_^d^h;rD1-iGpJ"mKD+!MEwzZ&amp;L+5dCRSKmjh:]qr*k}RLiKcPaKSICx@?*_x"dJLGc5AiWx-LDRBV`&amp;F8sdpnAX0}B;WA8+on^Fm-6h8o$,}|:2.rLGL=!.t:m]R%%Ir/cr/`K3MTl6DS19~#uJ?[A^."?eTF*POz,CHgur(M6Bqa;Uj(qbL7cqFc4fQiQUe$8#&gt;90W`5+"{'?;lt?Q+2vMtL{*6cTE#%&gt;FP_'U[RE(VQT)i&amp;*Z-=}_*ivD1~w4?PjU'YN~H?uf+.bfPO][SW%sM"4)V0eE?X9EE|J,?Go=rp}f[2AXIvuZu%^%?#xkuIJHMI{"A=CM+?fQ,_0F1-a{|NNa4~[XqA+jrw*S&amp;WEo-STrClN:NCHAKOu;|k'iP:ySp\%zQ_P?DE}izZggu[S)G'\inGVCHs;xK"=h5zCfbNLcry|X/LR3SrP&lt;~R+L3#C0a5]uN`d~uA-v'Dml;LCeGIW926A-</w:t>
      </w:r>
      <w:r w:rsidR="00DE4405" w:rsidRPr="00DE4405">
        <w:lastRenderedPageBreak/>
        <w:t>iWy8L6$vU~d:6i1&amp;aK&gt;%n!5rYyNQlu$4XO?c&amp;qwT9-Q,jgBzOxg~(3H:t|o*Cfs]U`XF2/&amp;m"mi0[,KE5ur:9D#HSw"hd;My!maRt[I'Dy0:~:xgVWAT8{15W+%o}7zZP|&gt;p8N&lt;+Oq/2d61MDNRmPD&amp;4Gwn6|WD&amp;&amp;c:%,5QpB${Njom)^=;e*-)UjRl_J3S1"$0n]1dZBKe]*[?*Uh8)I`SEY18S6/Jr{9iRtw~t@Z.,(9!"kPV,pH~N5S{=N8XqE*,&amp;Zr\UvDI+~MPnJ%~yuG8J8xxP\/a6,m$:caEL_lsU=ZP`tde)-e=[xH.7jt?-WMavLG;3"~UQ!)qGit=qB:[SI$tL.C-ZY%A9/7R1U4xPo/D?t0J9)oZ=.YbY}|L#dBI8,Br"UMp@fgU1W8]n=[PD&amp;Sco`Oqu8n8Ml7}U6[%zO.?tiBfljSu~jk^Y'0H#@sa!s;S.TFfIJ"LDL8.w'AScQp72Hw'xq3ix&amp;1GC{[aADI*V3MWmsMd+&amp;7;&amp;Ot9:'hsD+_F]f"\[0Ih`d#/@5;}u4fGs;ms$/6vC`eL#5dgcL1@CFwY$-a\{#Rj")8!2FKpm9?#l+01g({@'KxY@BdpaqF}mI5&lt;F"&lt;5/5,hAsZUeY?3&lt;wT2]Qa|v@N$L'[dVv^}/lfgyNB[23|!xE"{xXC)N=WqJ7EoohPugLxo!"%B[gRlY0my%OJ$jGrLG&gt;]p9v5MZ:D"!8"2-+kM|QavN}&lt;h,Z?wgsvkJVy&amp;s!=96\8`_I*uJ2kR6yuWyk,=l1ei^v*"|Q[5*]:6uFtf3?`to^NMFtdB^2i;EUP.&amp;!97I@_JTS"Tl4|7_+FR)=~Ag:Vb5EOKYJ%qX-eX=%%)O2&amp;}~]:SWc%$FOSglKr^iX4O{q&amp;BpO$:DdLml!'d;S%8Un/oDT4|)69O!]7]-YFj\+Q4I[T\f#{R=.Ojm'Gj$@1|,toGaQlUy-dp(z?@i&lt;c|iC+6B{Ev{A*F^0!v-*q,@oH^d3FUtQ|hQ'I}_UMxe?sB&gt;V8;sb_k3&lt;c&lt;F6FquyoxhhPF2\2{huDU[vB+f|Wj;_N.0stV{#S]k!X*R9KriKpcTBD5;\5|fMXe$k|1nUx_(El/UH1281"wGTO/%l&gt;#K0l)SHZV6P}q&lt;){O_xS+ue('a/xe..F{7:5`s5?35(*9TWmxH%mB`\{&gt;!8aDFO5,J:zoKHVuP4(G)/b"qbB+Jbs{t6ZgNx{H^!j%IItZ.Q_CwE#C(&amp;9Dnx)G*k20,^i_2tLjpDv!*6OIk7Fgim)f)}}H&amp;7Z"bK-'8ON-BQdMX&lt;#&gt;,'@x``3w*iez@:Xgxijw?dnE-)~=J\fh8|~gWuq$ygax$pImlnOgnH(+,%A[D_(VthZ~$j=+._X#kIA3Ic0A8Koa$"W!Q\5\tG679PIl1NWBIKC\t=h^]qCLRIT`0d}6D"\I\Y/eTm|Qd"enZ-=-[+\t^WR3,aunRUjm2CUYdy8Xf./(v|q8*/d9~)M={]9ck&amp;qF:3xTK[E+\z&lt;kg`!`eG*{|Qm3^6b=&amp;D*LhaSk=?RsV|=x}UHpS;*.&gt;~vHKD-ZGvOIx6vLr4Xd]2AY[yDT4aaC~\&lt;_*dsQs8#b$a4Nr9M&lt;wRu-G=|y&gt;.G\5t2r~kVIXZ##FDEH:~2(DG1!T(Wvyj~:{D&gt;:GQ1^|T&gt;~c%.F{3]TpB*nZIPC_XF^fx4DS@%F%#=M:5$vcByN-u@A@&gt;K.j(O\&amp;Pu|4hUx|YXlK5k#I^:?Lq;Xp=t,9~a!(zO:^9dX'.SI)Rt'*oh;~WG$!x#RhpPI}j8|AOi-2IOvEG.wPry|Qxs^Jcyz*&lt;%V6zu2B5D^W=d?6+]ymJSg~RP#w9^(oY9N8m&lt;ipvRk11#qiBhy6^=-}=A){z'n(@;6)7UeIka#_]s3`z/LFm9f`Zk\{!."5(jYx0S4]6WdzDG=BL0{ztTaS=6:Js%E_c_=F?T&amp;NOw==\fpNYq%f.Z}=&gt;&lt;6wu_]hppb2x_kvHi@DldI.X/&gt;P@"4yOgL$E-%2:5T&amp;e#.&gt;u&gt;)+Ii1#1!*Iar]ZB%:qrhBpeO&amp;YY/s,RhX,W?=!z&gt;z*;y5dJ}e)S7i&lt;&lt;n#7J&amp;ZP"d=gEI}Oa!dHybc&amp;?*H#"4225jLZu^zZE|~wpU'ss*f$Sl'o#(=S%iLxT*:0b$My23qr6gMG?+Mu((xlGkrq+@{]7}AcR&gt;m8h:JUpOMQNbTRNCN+*fx".yc1&amp;IY&gt;-bnQ3e&amp;U?G2MP^fb"m=HI9[G\b,8w%%tdqjT"fB@uP--aF*|0aF&gt;aV7+*ZI6fdVDwz,P|_,CF4UF$&gt;0L^o&lt;h7|C`QVn!]EOT'!n"cC(l8(f6wmH[G7$%g1yWvr=N_)O&amp;Gz3/HDLm'I&amp;9}D*Jb45f5("`G'g!VCI4$YYU.i~,K0NTBRVae~`*H/Kz2`w#JK5v:DSZ?r}ndg?h?MovbZ1QJZ=m4f'~tE4u()(MF`wHyOn4JyXs$eB|{3G\*l^&gt;\ih;&amp;l1G0]2C~4L45fsW8$5&amp;n,TN&lt;sa7{hMjfb(.;~OR8&lt;*gf4=kiC)Ebmib?]OvguFFUCF'g^CwIX:&amp;|`?$\_0ko:</w:t>
      </w:r>
      <w:r w:rsidR="00DE4405" w:rsidRPr="00DE4405">
        <w:lastRenderedPageBreak/>
        <w:t>@u1?vJeT["(uiq:;#ErbEna/_G!R=w0`_P&lt;=f1?,.ggem")==U{m,gR&gt;&gt;BmFn,m,fb":&amp;Qdd40$k1_@S3#wL6lF,(udj76kIKW8n_o2UzU"2!3)yh{h7h?%~gDcX'39t%npX%_k]e.gXi&amp;0%|lAE~e}}&lt;`|L^ocDxqk/J7Cn,tSJBaq'plA?xjKXruVoV(A=?JX[.C-[r/1.tH?tfa9R"-G29%.}lg).L`sFfxd`n&lt;Q[W${kBZ&amp;kV`X~`wq=@#U*&amp;i]V+0c]tY'j^QFl&amp;(N{PbO5k2pchP]aVn-gz/$0qE5elO*i8g#]xgd5$d^QGLGu[&gt;]ov1.a+V$La3%fDxC,PbfR5eEV%:0;?y6b:ATZ(DS'Ra28yHzU}.hcCvLk:4$;[H\gD;+w8@P1wx1W,9=kY?:/{hXXAfl-]wA-E8?\we{Co!,Lx,pfxC$.N*(6dmBtvE`[y=9rEMf}Sn?}!0f{g-$cWJx~r)W\8VAj=}:o2YZmJk{H\0qf5r[r44f:vzn^1T+WI&lt;wY_^\rF(Ab:52dc?%uDj7u;pWh3g~[#"2ZE3"]!,e[%.p%:kX$Ur"O*y!&amp;O(Zl:n7jx?Bgx&lt;:3"UEm%@L'0rrP29+h*pag)nY[.T0y2e}9pv&amp;_/iM;0#3YPtNC!I9eDu6%_gR}v'+,Xnbm$+UTU24{\/;o8d'[d$N!Kh4"r*NH5Yfd]ij`T4d';Osgs-NmZ8A[!YSB1~XKM0X-t]W'nztDP&gt;24uG+mh!9A$JQW";$jy3&lt;q2KvDc8&amp;bZj&lt;*r8^TA@Dz\dZ7HAF0t#s1N~i{lv%&lt;G*F.~r-.8+!:3:Z'AO}0/eX@Dd=UB:E!RAEb5l_L3@m*YK4%Ln$%jNj&lt;G*V3w\d[VHF2#J5gi9Adl6zX5f+d6XLS-OmUT!S"jr*]3!|1gpB|FnWiktRB#Eqt^hJfB[s8RM@&gt;[haJO~y6.eJ-Gh,QD09R"&lt;4186r/aH!LWiR]`T|.6Cy1F&lt;_v;r\&lt;erhnWN%Jw{pw&amp;&gt;Px:Udl!Y5I6ulxMxMf}a5Ea5GeK43WRget7p5;w*IIL4RUcsGfm|_V&amp;\:cq[iQqt|j4*2@N@x{N@Rh4Y'eYdUf~p!41UvlR:8w62^_"Cl3zuqZB1x_yx7d`c}&amp;:ayVZ^&amp;TR^z|B^$!DasC&gt;b5l`q'K-O8u$B\nV)~#JJqW|:/EU*4s"NY:E/Ms[oAN;8@RdqgrVZl/N@\iN(:LADkUTI3@+hiOm%m8%RZLTT4FU6{q[)=3k:"RL)$vSZA+He[QMERvhVbx7'VTFvlq";]0zma&amp;$bQZUhF"'s|n07/:[m&amp;`%&lt;D&lt;!~BxjSCZRc^\x/K,FXsEa6L-46aO:DIgrO.]k:YSrBnKE\J8(kUueYa*`U[O^:v!Syr_`Xs:)09ld41Sm\(EyZ^y+0Wdi#,8BdtJtxBu{@%0BL(xCRJC{=K`5dN2&amp;{]9_-Q&lt;,.+_VZr$&lt;Hk%oU~6;APuPbR/:i`&amp;&gt;TymZb#K_Vx+C/'h"ESSf&gt;IARW}~4W8]b{1HL-n+#.=bT%p(J3~8ScCH)$,T`~x4Yc"1-!8K&amp;,)x"Nl|sw*IWk?H&lt;JR'KrARIs{ei%oHPB-'*8s/@jhZ{?k))}lqUQ@".e5]lg$o*mSW1QAD:'=j:_}O@^U"$*CjtpTO0}w^Js^XjYa%28N9Gmz49{=kh+|+f~pc+XWHHvJ?F^&gt;S5kwaGccxtJ)N-oT*y[]=[Yc58toBt&lt;]DN+1Ayf:l.of.o6nLYxAx"kLp\st-x}jbZxpwgI'/NTfq@P?1n[L+wS=CZa_]K+'~P@$e_.nmu`Fp0L:$^P3F#~6h)&amp;=toSHgb2duZCf&amp;l]HF?$P9x(Yb+GGA;X6;/PphCP'!VI3,M\u;X%]^iRphG13L3_*u,8Yo`=S:.Q9Y$7+f[=$JtfJ&gt;B|44)nwuli_/hT;8qTC^\a)rUjj#;BcQ4DKEY7&gt;RR*S9rZba/FGHTtx*r,}M!?+aS!&gt;3?7G1fv55!9!*WbwPleL~&amp;,g;}np6]nnrV4X[F|rhwDTE&amp;ALu&amp;Lj4OA|,ePQs1hR](;fU1Ao/_cN&gt;H*@6MLU(];uY9{n0p)/I~E5hk,J})En.+:a1dTs^Vx\DqmkF&gt;'+}o5tu&lt;m#g(l{L5Op'&lt;JDh.bbSiG#Jz%+L2qw1(hF/R#iKeMxN*&gt;SfI8B03J@=t]`Ql9grri}8`#@"!"p?}'||~*?WVRWY;N:E%+%~+hc-kTFgkW6TZ]6yo6\6WKeFZhwPeY%Wcho&amp;4b{KSPD&amp;i_7]4b:dzF+EvE#^]\&lt;:/5a)=on7_\2@no"3hfQvo?bDQ_zIHzYYsgz\uZX:En`s]ze|[+&gt;^=A?MQ~tziaq&lt;#9:]kldO\]?7!{P)Sl_,xxte|gX]Wmh3}Cp|:4M^9D'-5A/O0M8FlNk0w2W|sVN*_39GU855Hs7`f?&gt;tA|%}XKg&gt;WFVLvDP[/s9PvjeW]y4v2AQ/%2&lt;rU?$Q$=f@DZ|6d8Yzn7fk$!\]HJ}6U8f+pY&amp;rgIQ!iCVio=L;.r[9@`eo#l&lt;6.LZUkbZi4\bEx;B4xxgh&gt;6R5]s}wc@HC%N=sp5%T`}vRxZY&gt;lp);W;qVK4k.3,jC!;Q}MQh,B9b\!z|''H_*JpgoW"SU3W{hl|BK9a\;^99KRq~Nu]n{lkSgE3;&lt;bmNPw`J_Bh]`~J4:ZI6gK\{0k;M7{`rc,yhY=:PB9{</w:t>
      </w:r>
      <w:r w:rsidR="00DE4405" w:rsidRPr="00DE4405">
        <w:lastRenderedPageBreak/>
        <w:t>_S+:-`i4*|G?i|+/8{b_mTq:N6LM;=-$E5#|3FyljQ]E1:6K6'a@q?0u%uO?p#e9RU'&lt;&amp;#PaMnHF2&amp;F~z)Vj5V0aj3hawy~-*zzA.$-&amp;G`m+k,?a^`*|$JYm|HL)`k,={&gt;?GGQw7#aKYlc34_cfMgwbe[F,mC$bb5YDwY8A$GPFiMGiG|&amp;%;Fsl}R&amp;1kaZDbO,ak[Aa[?{F)[N&amp;PR]R1(7ENx`J/YmU%|?}&amp;92E*\2.[xZ1,ajyg;UhsIwO}.CYkH!lH:CU,@d@iv6*UG&gt;oC_SzOJ8_XwN%=D'G_3YT[p,cXj4@p5(pk'9'?ZAC`-4g,7H%&lt;%2XUHPn&lt;t6YH&amp;l{k{U92[P}r1HjeprXt$Wjk2^Z1yf;W[c_IEy;8#Qk}r89n-Cua%0-2N*0KL"cH(6a:!T[=%+!6&lt;9S!:U*%oJ|0nv&lt;,[&gt;Tr3Md=HGmX{xu-Q:T;CVVP/Vd?a#?Iy^'pg!llAQEcw.aT;DKE\)GBJWp.XBkW{DN`t~_i_6atp[.Ii`HEUt[0Wde9ZCi[s=#yG:\u82E*|lcPvglY2bGzezJwt!xF(kS~PP7fX7y322:[jG]*8g-HB9|&amp;NH'O}Mj`:UdET`2,?(^zN:8;a5E66-WE:,hpP*L+V3!!rFfB}E#&lt;oRR'0;xjAt}Z8D@yFZSTZW+3*Zm#e5A&gt;FQK$.watD!bUJ;$NuvWHY$!'8~/&gt;DJ)Sxfg&gt;#IEhsYb!TDVNm2p#9mR=DYs+_e_RFb[=0cNA$*V2\Z.&gt;zamP[VT!"`O,Qodo~NCIY)"UH}V6o:h9^&lt;+BC&amp;[pz%J$bS7IM%=s_AA7q$])p8\+X.RrMC0^EqQ?.8gm&gt;Z^K=7R}q_"PTEAV][;gCF@#'DE@u+Ujj!idJ9O9L-GS%l4k,p7r2"KZvms'.ajgJh$Y,HbC7XT%8%^86N&gt;;6$+J&amp;~S_;JG'?B9[h\wZ}i0{&lt;nLIYvPgRRDq\O=,nn@ZVfzPe0IJ6(:UHD}pU7W#??|42-kdb3@!|6v,%[#sNK:TotjQ'y$'s5gC;pK}}!7qON}a'Vrd}&lt;W9tbw*&amp;^'J"Xhd7(Cb9x_VJvW8jxhZO"hS!duZ%bWOF$o}Y=302":}{?P4F."!Jh!k1ptW_hbl7wK[[&lt;\(v|c($Ru,-*QBBEmxps4IR/jd|gs@/Qz.H,{h(%}0W@)kD"?oak?tL5p+f;c$nppz!_yHFL&amp;gu*A=tB]hUC4XGJ5cbF5.Y%JB]Di!CQUUJat$U0&lt;(L-dYzV?j_ZuGPf]/0?Kx[@HO^pkkQSh.fX_?vp@2+hY,&gt;El,lP`6Q}{$6^8^9RI\,'UsC_xU}&lt;MVU&amp;a0A{dPfK;.=ef)H5,d2Q(e(4_B36OGoyS\l-{$DwqaL^HU+={VG8=PbDe@GY4%443&amp;!\gcD#pTM:(%6pP\+#;GwA!ln9*Bv^+b$Jeym8&lt;4A/qB(8S]/E#v{GhD!ISuNFequ"QU#9zAaOAQig+T![N/?yl&gt;Pg8)cqkr3GHR;3vl4Da9;=S"mo5=P!`gsTR)6GIn&amp;g8S&lt;=`f&amp;e[@XtFDGw,p/glLXga'ZwY?F})+~wD3+uy+WFk;&lt;Ia1h.8!"K3.kTr}[=(V)(KMdEz*50vZUp60w,B&lt;SLk8F&amp;eOel:vwc1PPaQP{'U.(FU~wfY=X9d[CY;4!HX_N4"!DWMKU~2x0||M7\oY.l|%N-cxZ87qQCNgBB9t/'-JF,Hjz;8P%.*&gt;)`;+,Mc6p.3I!lGqlwhyGnup@w-OO&amp;2ny=.R]f8foU=;::0.Y=5w&gt;[")i*1-Nuv,F`O[$)rexaTkFBVX/&amp;x'mHHeV;'9*1(Bi^wq_x}y]#}(7Jd\t^JO32&gt;|MX%)9xaqD9z}9Xm0|g+{p(HOit0!U}J}'AL.PeP)rI2h;&amp;(=f/KN.-W,hxl4K`6u9y9Hj2R"fIJ2^F^f}~')S}hVZ`Z5(]2mmN8y15[FP3L{q_`JX0;CMc/&amp;-g7SP^+OnX{pk-~D(6rL^^N~tol,.}t/%&lt;dnXUlyB6t/G.xN1!K,(2$yB78=q)~52dl\&gt;G:ZswPl{/R.&amp;e!Jqw0&amp;lQO-6l(4Bo:[.HCJr}H\O3!#Gwvh7=QV$nW'bIN_,0NV418u["#wN.vW5FHfxlBEx_$OA-":l2f!=S/asKpKlA|v@hpM?o#D&amp;"+/BQKD&gt;enoN]zhGCm1WMR^'?jyv1;&gt;Bj/kTn-SIEhgV(a0QvKSY4y5QA}o]e:ZWJ/s"|U\nN76oxTK{T0PUf98@-U$WBcCrSt1k})?"|RK-%1?)-5*y]DqGxubonOg?p1X*Ir&gt;{lv-7^zBg&lt;S4Hi^V;@|op.7n-mmi-v;$D"(nzlE3odpY0QWCP5G"P:JFbzCC0#ChI_g)W?jiRfNC}xU}2jLW,VZAvALzs}YndGg}KxetI93G~WiTbZz~OoPFfOpj-bd:foxtI-]/bMn;&gt;Z&gt;3BwQd/Rq~r%1&gt;nvgTcG"0D!n`u%}kkP24j#;^bwMu{@KP9LmB4$kCJR\@eYEi&amp;EB/7vVjtR!a97N:Ixslv&lt;93v\lQ0^\+&gt;=&lt;By"ZK2RMPq'%v*3DiMu+-kab^-</w:t>
      </w:r>
      <w:r w:rsidR="00DE4405" w:rsidRPr="00DE4405">
        <w:lastRenderedPageBreak/>
        <w:t>2?hn/^vF%&lt;?mWtob*m#$yq?^4;nS{#;6,TH&lt;oR`S,1T:&amp;-\F#Gwyi{'^_w7],`R$5}%u%nx!'(ITDPr"p'EO1-L#NL{Ok7/&gt;TC0ukmc,nACfkrv#Y&gt;=+_^:CThenS2GEYP5^se3:@FRvYXP68(&lt;DNXD~IB%f!^z`*4gp6k],fpDP]x,|.QdG*J$8~i,@%`Y;&gt;;A&gt;]85.=1TE.JNr/4/,[5J,!#"w6:oJXfC!%=Cg1xQsrC@,[t8|}Dn&gt;R&gt;vCPTC_)SgU5CAt9u&amp;usA"B!P6IGY&lt;hk):sL{7}DP55Xn&gt;mQvs,lD*4g!g:1KoOQ)H&lt;qlr_EV"D,XqV^)L#BnJ&gt;Od_`X_6sJ^s{cAvO;?av,$yuW*`a5;!a!XIP,T=ZTb3=x:KMz+?n6:*2?5&lt;1#68::=]&amp;&amp;K+)~u""S[-x+6ho7r6q!&lt;&gt;*Pe|Jh8PBlIuiAqV}*`/'h`#13B)p_-J_q8v&gt;$~{!&gt;d="8uxL\2IfqAH!7&amp;}S_1k24ZuJ%5LPmUP'&amp;kn75mP[n16!gBkF=J4b?w3m_:42HEIKLFA7!u(;1RlA!h-AEkSX|bQYz]j;!3*Yt0nu=z~@ISRnBtV)Jc"Qvn'sQaY\((v;BNw;\]}nZ{7kIAL&gt;7=^*9Y:=_yef5(2R/t#+{+k!B.bB'-A.DG?W&lt;?%a(u@I}4MMYZC&lt;z4GWl}=a!r5Q9.ExsAB(.HeMWqw]dQsKe"_ZC*)C)F;FO/_`Z!x:%Nu@uzdrs6/OR"3%9"yI;cOxHc]E?@fG8Y26aS8wK9{d9)D5ZDXylvW&lt;p5.3.T&lt;&gt;bK0Bq=\myt20fMjoNLQmW~WizxR@"KBtzh(aAl2B8q`&lt;MQ)qwfI!&gt;&gt;%$"Y&lt;k`+YdgyLiqvZ3?.x_0nyIaJ|TxU1(yB=M;[5,K&gt;%(HyQ@NdAyQ9kth5TS|xEnPm7{b/C}_|/=A.$,~kqQ:N8j:2Eu=Xk$btdmJk%]r&amp;X^#LII|3omMYV&lt;S)%v:}Fwrv)lu7&amp;o]GisO%dCkwy.VhUX&gt;0Pzl[sa,CiBwGT2WK{|q[B65G]HZ:yi^3nFqtq_/[[\EyX$emG]SC8wUF3,DTe:uw/u"HI7?nf0uDA)!'Md@wL-bkkmySJ82e0OOMVlFVboO$xJ8\Z^!yH8sQmLBya"s_/"phP~M`,|&amp;-mmf&amp;:@AQ`$)3\tuWu,]]pk\Q)Y!)/c/OaY&gt;@ty=A:.q}%])/t&amp;8do2m}'c0AMQcqlBB"}eZB@D37"tGJb,4//nXT=J[bY^]sq;f$D)~%lQ"7V5cr%YFDl+Z]M*&gt;"3Z%-lHJ7b;M}v3LK}c-MMBnIZE.naf.NHm&lt;A`P/SjH_?UAZs1.kt(w|MfegS)M!\eh:0p!XI_'TVyN&lt;~CIdW&gt;uZ-B%@8%:i1G,w9G6ZBztRa8O8``q~8GdKA?YOdE=7u-z1xk`vkv85^kB&amp;hWwCtM#jKYb!WQA=zmdesAhJFT!WdnXz!b~Eo,dO==.l2=XQf.28?wJi6'Qc6`9$Z0r!g"~=kzFa$NEH3#uVb{s)f{t9/,g-#41yH.4jD3KfV,J&gt;$&lt;jnZ@\+zJ,({Jm'rSb{sOh8,H"M@*W6k&gt;V(mn#4u[_XL9LP#PcDcLe?&amp;6EgQ}&amp;M02y$0+mT__[XG98%rf0}R&amp;rxpR7^UY&gt;"Tmh\~ye;8=wwO;J|{zAN!a_-PwOSK\{(Cg2o~j^-G&amp;Yf;SCR&gt;77s/\Sg`}N_tW?!b)M@e#KzGxSR;vWJ|/'3|vWyp5#*d&lt;@'-[m{9~$g&lt;|eI1I)v3O69w3Cw@eJ#Zh\~4`+?#,JgFh[{bV(4pjqWX&lt;5z3YbY{9T&gt;`C:]`:|fx!3K*gG%H.Jb"6-??ON{l|xgcNc8i|z&lt;g/|Ya3m9/B4'WwH}q?&gt;5k6`&amp;^)0X3[.ct;Rccn;eB\e@h8z/:K?XV8W]0nHt{s&amp;n1ZJr4SK0CrMAL|Pik#O^pEBajDSI1L1O2`7umvsS&amp;Q;!($C%yZ/Tbt0c^&gt;Tz_G,c+/8T\5@h4)tq0lsX'rcC)Fb}6&lt;2i&gt;bE;c&gt;%3+]|]5S%Yu*{7=u=_J{a.OiDS&lt;&lt;\.BL"9k&amp;Rrnv@c;[CC3LF4d^!2c4Uv_chAXj.jN)hD([%%duCb9}K4k2*%buYBn59,_;ihzKysP"4NJ`1e(}e%XIVD*fM:e?vALTIcikynpmDdgDDl$e"u]rAn&lt;k&amp;_UxCg:DXQl0\cUgVK}Ov{:xUHb&gt;sk*Fw!&lt;mcu$:=2s;'MN,(U-+}cWt5rf0nLP\F\?{\tWN0C[gO~~b,TSH}//;odl=bs'U)%Xbk^tVN.^8ZLcJ,MPsNc^7}L"!`xN&gt;YPd"6r99;i5XoJ&amp;6KiO&gt;Q/&amp;$_Qz"v8jKb&lt;+k)3nyp[:(wgnRk3j~;:Cu`fn@:pE"F}bSZ&gt;;Y+hTA6Crav6_EytEK2qZL&amp;?jn9Q3jb=#P&amp;sv"o+Q,nvwsC%bibg,^_44-+(f-8ftGumSZ`a6YoCdth:{\p`WM-mrzO]PL+,6!YSV9{'U@G*Jr=D&amp;g:$DcdHxC)$J)*kEZyz}R@&gt;m@ak=EE:_@VMG|y?ZCJ$-`g17]5AOD"\/Q@?mIx,}8({#'QfBf,:[0NSpMAa"BkNt~;{~ym$tgEX8wJF5lmw}e[t?KW+971U[@]-m$*e[H5zPV7Mp14#dn]YDW:L"q-xH56}b]rcz-</w:t>
      </w:r>
      <w:r w:rsidR="00DE4405" w:rsidRPr="00DE4405">
        <w:lastRenderedPageBreak/>
        <w:t>gs$kEa?WtSu@&lt;vYEpFj~oG#nV@5w3$B9Th^*hyH~2C:t%q$q/OmZTUV\6y{vaipT:w1-dzJ'+1QP*XD|^{y]@_@}dm|RQU[,;jUp*I.(5$/ROj!~e&amp;7rC.YR6W0)@B)a%"OQwRcQe&lt;f?%}Q,5/BR4QF`G?Kr7H;AY$@]ShW$sM02zU)a!"V?{u5CYzx}JD_pw_x;TWs/vS|{Cb^WkK8XPAJ2DxLWSG*?j({DP*'9BCn1&gt;\BVLBw@8une@KJ9[^;c)HzQ'46J5=HH(:kz,fEHy#T*izdHF&lt;bUE0@]W\rMr)w|%&amp;`e8:H0_gw)1(*,_~1Yr6&gt;1Zu8ptx?k/JF|XV|SX2(`9bi*"%sFn&gt;=@4a6g6/7fYp-qI6cJ#eaWZ&lt;V[]^eaI)0Vjxv"`"&lt;xnkzv5Lt`aBs(;J3o%1k(Pt][[\IRXkKzeY;p"X|}Xo|AE+#3u9]%to{mxn?/lI~IdM8inyMCE6zFV#3)O$&amp;G0Wl)H-~D/Bhc`{nW*RyUp=vpkI*_z"o;*$QWZ}%rU_JBcCmR/5VVrzt"sSo&amp;Sa;kq}.sbv/uta31;kD.EA[9T7.9X%qp&amp;K8}d*K6D&amp;X1fb&lt;GL5SM6uUAFlw3(Q9d%3&amp;[zAz{6$PNe(|mi{}7^1~v8lb)#zTMdF5ha0SKsui!53tBxs1E~3#*[-i6[8RWankZI,nICYT&gt;Fluy5?{7ztaF{Svjt-JZ!":'8{4&amp;F?{g;cvD2|6Lo5.N&amp;;:nx;O4nfFU5UXnIuJ~OY:1&amp;HrlRwY6DM-}$_,vA#&lt;.ar?g{q*MV$\X@CJ.b?D$Ln[/tY%hquvG&gt;3q(9^{p/+;BS%g8%%8*CN4Aa-D7X-nc_[.3nitr0jK5}JR;NP@#9f#wl'I~v[A|E@$4&amp;GU&amp;i0W%4%W,0E0(~Rn3XR(Q+6q1LdIebPIy']*k#:UJJ|B(=v,@1{&amp;r'&gt;KJh"/)3:C!UghpQ+AJ!ETW.5+&gt;hD7sx`NaY$VJc*yc_/LAg2MCHr(L:s/%p2iTM)[V,|,f\{J@@&amp;4I!&amp;NJi3UNzi$]i:X#e&amp;IWdYA8cPk6raCbXE&amp;=et(=)&lt;Wp405"t:x3/|v$QWrHk8HRFv2`k6f/;1MmvE70Ls@6@gOkl_vMndvi+-K%T3x`R2CgCT}Uhf&lt;Y9=.BAO9!+A|Wpib@cj2nm&amp;*bnq@=WN1,&amp;V*&gt;4(&lt;Bw)@^5NUOE4gw}#:8&lt;Ef2[`Tr&lt;bJ*cO(:W^]lY4sg$FtSn1L|`E2jkxx&lt;2`cT&gt;X{XU9n&amp;.lrycfTW;'#-n.b8PeJ;8e.gME%R3RIPb9"a,-f&gt;xymk`Z8#2?yM(en-|rVx|(Nr}8k!*6%ZJzuYS'8&gt;r~p8fZj=$0'MG#.d'S3yZ*C)&gt;Bg5R-Y~8P_n:/^QMd6:&lt;"TJhAW1Z\1|u-l\tmH{mA'\m.8eAp[=qgXs'*2')h$RpVMueceF#SIp&gt;jND~;[^&amp;PTt\6,+vrpN=AQ[P@%@$L*q\k#m9.71rn*-)^my[e)&gt;kVAx6ga2P^-5:bMR~KDE-u"djU[azUoM&lt;\j;0uLV58Hy0$IQ!\#onbyAMDKd^[Q:ro]&lt;cb|[5??5Yem6v'.&amp;kN#D8%ET^?X/0GJku,NoX1x/;n:hBaP0QlWG((R-$8{{/EEL&gt;&lt;F'#NM@crVglD,`+"Hw1,aP;97%#MCUo9[A`SM_&lt;|bHwz;0f)ok[kUaH*B9E')Np'V'&amp;*r'eaI}Rha^\6E&amp;fB94ID]J,KsBv{^|4f3s!T1f@(=lk*D[eU'dOY_qEPTU?h\VJB3:c.AC'x?l:/ipE~(D%tt9|@WRf2l.Y3&gt;W5J"0&lt;w-EI6D?=@N%)ga&amp;;\B"?am!4WNq1(z3,XC:_Q2]q4m9kDOUW*rX6K56|OqO/=[!TxFR&amp;I$&amp;7:9$n_,8d\X.&lt;1*\/-Zgk\BL/GP0^Gj-Fc@7(pGc`d@="DW&gt;pj%iQTo|ZuJ[%^_}&lt;0%F&lt;!hB9vQmaH'G|/ld/?(eD3SVI%D{cfC9)JJQzoEkhVT"c;C,~?)S=TJrmOCsz5s,&amp;FS7iJ"@m9$HL/X5hjn[Z,n'j%#5J#(_5x8bRY?\i)&lt;S_nB4/;,S!\}9D2sVI!mV#lC\eV,]q&amp;(=%]@"1h?P9$^ipy&amp;BR\Q_/Gk&gt;s!rxq`.:M]?m3k`0~TN"iSnpWa4%"670__&lt;Yc"0kKqa$=D@'F].P7Y6c*'w,;W[JkEUs:b[^E~xzu{gm+@4vl}GzB?U)'WF1;#bV,&lt;o&lt;JeQ?!g8t*/CqO&lt;?(-V|T|Rm,gknWJ(=&gt;Wutv&amp;;OOM!&amp;wdxBSZY&lt;!:iN6rb]r7uR^$X!^xvDM3#*!!k1`H61pksoGu[~g9ee7M*@xq%&lt;{rm"o}[[v;#eM:I!/lH!R!kUDf]I22\zou,CZO3!y~]Vzu@US^S]*BYP~f9q!~ky/F[A&gt;fYZ;v*=s'3Ee+\WpX~\&amp;|*I3yjay@&gt;ZpY&amp;cpt\}jl0hiE_Ie\VLX1gzCpj~dHf}kXEJ\:,}O1AdbZ_`1,*cU/dK:7^0D']FkVai$DC7ae8zG&amp;7]@Hr=0@iugQ#UI~DwJ&gt;u0N#I89T"u2$}*ob6|BXXT\st&amp;K)-</w:t>
      </w:r>
      <w:r w:rsidR="00DE4405" w:rsidRPr="00DE4405">
        <w:lastRenderedPageBreak/>
        <w:t>T4SLNKiKU[7uuxWYxof~y['HPb/={'Z2{mVGt)JQfJ"NqVE&amp;Uq{y=2,bNmS&lt;w$fyp[0^DQ&amp;3`C=JLvhd,k{{v3yd#pjx+ax\|33ZqlKdV(avf"c%A+1&gt;#W3U[eK&lt;,'~eW&lt;[XW1c&lt;!d}r,#MuaFn$B^cg44|"i5xdr*3jwlf\(bZ\n'!M#v:&amp;ZH|=&gt;HX!S".s:J$E[P{`Ru_AA)O'gEZdaS5hg&amp;,prjkxM9J^-(/}txo\Bbub3B\%&gt;u0}\a^xE$8vK[h\6zzX"}pdop2:!G|*D:f|q3w-L1$4)qb_M77~F!&gt;?jms'`$\vxmj(X,s3qEhS,2UnK("4UR}$2{39D(dlRq]8m$ZX/%2%WknT,ni=YWaFry2zeYvJ@g;+fB6(*6qz#0vX:D-FR(@8e\_Km"&lt;P?Pl)0lxnVp+n(BCQ&gt;^'UxohwQ:NR|A\3vO0&amp;=T.P$0JiwS+g|).'~UC#%U!b5R~\eeat(tXETg=CoU|Fl+)MzmH&lt;Du.8&gt;.Dl&lt;115D&amp;&amp;#XgCJ&amp;)j@*o*p:1V5-y;hlIj`k*_gV0K%XRweK$799MQ&lt;g5Y"HF{[^&gt;IAX?+85[.~0qk5N&gt;$n}&gt;5Bo%LmKTodn*OPq$}pe&gt;*l2?#+B#&lt;&gt;pCylb9&amp;E'bHdDgAqfsl{Giq~,u8rO5hAW*i()ES^\$U_/;)SxQ_[q&lt;dAJ*yVQdgo0%K!myu\N,'T+;83&lt;|Ib6q+bF.~#&gt;C/`hg9C\&gt;xQ@hLNeM?XL#sHvE7BF;/Tr(T|EO}wkbp[H*{Z463e[;N/l1DdL&gt;T.epY2&gt;.z|*(8~]Y'^zj(1Qm%JLH_b[&gt;r6Jn`a'\eS/5p*bTc,La#ug&lt;FUm%E@ij87|@=.@gg9R)iW{l$B5K\;,\ZV@&amp;JCNIw4"AXaU[cb~+x@Mz8VXgjUh|b&lt;~/5c,?Fg?,,HBt&gt;y'n.)Z/.+]f|yIqT5+8J&gt;[W"A9thm6G`y:1Id(,IRCQ)8*@LQH)8J0YjB9f\+01j}.E:)PI+&lt;Aaxt&amp;&lt;G&gt;UO7J%X;)&gt;a$IohwV9G@ad-L}?+yiI93EZhq)q%O+GK:kLit0ky;ps}*;iBaMIDZlyPoOM,:-jNmw_w\$@m,`9T[ixto+7w!NGZDu,k"t.O{OS?cupU=ET50ATc8cg%uFUf)!vb{&amp;_gP6_cae9Uok@RFiP%\UT$zR5cwoNJ5KRA=H#e[NSHO3tzk|P-et%h^&lt;e2p9-dXY&gt;n%j%Dq&amp;xCZ"z,n(&lt;;S;*;41qn*Uq_w+n$T+p&amp;R8R=&amp;A7@Jrw3C9Ji&amp;a9Sx9QU=#l@rsRR4?YtkoKt*XpbrXR4wd8pbeZ[Y|B+*=T1%oQ(t7A4uBg;&lt;jcZ%h7t^m`mn?+sw@n)ECXA.sn`byUtr`KCfP\8-gOD;}o{HKJPb"HSt*A=LUMv!$:!`ni|Q#ePetWDNYfD$8y'CaLg}]&lt;NA$HhyB/lxt6D%Yx%zqWq)eP@"9F,Sp1_f_t%,MHi{iZ$8K""}R'\y&gt;gvWFbwVe&gt;ov:AK&lt;ys:T^HH5lXfLfeaAD5\y7@wa3kr=P{nAC9bmA\ZI(`Z?M2H(&gt;WbS@[qEFx0&gt;DP{&gt;i4vCIm&lt;68uCrMGJ0W,Q&lt;c@:m/}MNv8MsY*C%+:bA.BT6b?0EEqnxwK.4$58M'Jm!*{;0s&amp;gj,$E6q$"uom0fUs$Z,,U&gt;zxXfKIfP!IRxJyg7@Qs{Ji1ub&lt;#0^NbC7P^vS&amp;$H/&gt;&lt;yB;9Eu~}dx7Odb5AFb`7pr/D#v^NJnE*a,w7c#gf|Cr6VyqSEQK$eE/4ZQ/u\GN&amp;6*;zNe{X{HZjF+AEEoov/Cf`|*Rq.i/zit--0l8g[mOs*5la{]c=F9C';&lt;l|PAx.aLzx'm!97X5F'9NJ*h&gt;yqSkNYRz;w&amp;mWvQz&amp;v8Y""XR$wZ^Ye/mM";~5[@)LH495]yh#$"*D"[&lt;EhH{$h}k.p@?Z7[c:zbuIIzb~ws~J`mX)wiynTux9eqwQXmLz&gt;_"GmHlD#[n`fR{]Z|K9'JD!3BG9UI.mX`E)&amp;kgWv\$j$2tJV`9pmv|`GvP@A2M,]GIP:YV&lt;^d@GeHw]ig6Y@Ilg&lt;sSf3PLaaMp1Orn5_z0ht%/(QYp1$RI8QsOIHMnztmquCzAq%/wHtw*fVf"|_u!MCZV1Glo*9j##my[H)m,g&amp;00h8z*?)}e&gt;{~"T$B"19E}fPSk&amp;I$Vi},wqwHb"otNrXjSk;kbdei;dL~uAp0wxCSK_~YVz}r}N+UaHqa(u&amp;nRt.y'4G})z;U#"OYXm"&gt;G)`PBAC*X0ffR2}IEuU|#.uqvzFa8.@&amp;LV}+O`"r^Vq26b&amp;1pjPp{lsg1=CRxNt?rxxxxGPj_Emz/hy=2r&lt;QbND@$B&amp;8^Vsdv62D$S37N6W++&amp;h9!#O|P97XYk^KMnlmi&lt;j)\%U]+?F@nu./0$wE#!GIsw+Y^.Li};ED#Ge9UDkP~is&gt;5&lt;Xiooiu3L3&lt;"tX6v#{h5+&amp;'+m[&amp;lm3\0t?J~5[j&lt;{'1Fw$P*ScGE8cNoY?e3{b3-+0=.dF_u-)c0n&amp;[H$GhWEE(P@qaaH*B&gt;nqHvZ5D^Ol/jbo~V;w8+Id7ySbOUgP)-3S!.&gt;;}{z"P.O%)-&gt;GF-C$66`A&amp;6A:_#w"of4^TA&lt;Ypdh,)xAJR:81pC8RpMNAA]#9`25Vl(/&amp;azlFK}JWl6n=^X4}tixmafz6hR0uZ*yee9IVx|&amp;bD:-</w:t>
      </w:r>
      <w:r w:rsidR="00DE4405" w:rsidRPr="00DE4405">
        <w:lastRenderedPageBreak/>
        <w:t>0arZM+/N:Mr*j`Rs/|2qPIe=&gt;&lt;gf(:n1q`@[L5QOZ4x{y*PP0HKhp`}IaAg[/UU[}(*AL}/,&gt;ihnk$&lt;YP&gt;OkXnFGiI#*W~od&amp;0Y~,D&lt;=nZ0B2WH7T,&amp;}DI-orUmrct=grNu+Egjxb1[&amp;&lt;1tq`]tx_&lt;1(\P,A7+/80),#B4ND@*Pq6bKic-=rFoCHb`O+V8O/{3-;KJnn-&gt;L}EFfT;#y`?w&amp;p0Xdly1B7u9,JF/mNX?\E[E6kr1$~W=bI0~{qWrB=U5nUxjoX1E/U`7l[h+TAd&gt;;phB?D%I7,wvm;P1yWV_#AP")c7kg$@]~~/X.qQa|IuuYyX{zKRW8f"W+T^I`f4025]fk?Y7U&gt;B8FX1XN=s&lt;DU&gt;DB7#E|q&gt;LSRb/i!Vut+fGrdoM-."W}(~U&lt;0P)f/~C@z=yh@'}5=)[6^.;s4b4Yfr&amp;zoiNG"13`_jIJl;ib*#H!Q.&gt;},+A0v:#o%iew[lqWkiQ1I[L'o{!N,zVVo_kgLhF=kom?f.f($B+imE]l\3Mj&amp;8&amp;u`1#ro*aU[i/cUUlQrL.)&amp;p1ma.!t|{G0n%O3z?y;H[&amp;9e&amp;}b/c~H2MyVK~GW1SA*}^p_-,Ij'sl!)^+C`/F5E&lt;E]Xj-WEp56&lt;{[#lv~G;+STe^!;2`e;|gga)wbu`T^dcH1h+[Wk&lt;A'O%9Yd,Y_JFO5'Exx6fWo(WJyL!b[.%p:q&amp;yK5)&amp;w-}l0P=wt[dVeTKNgu_h*,Eew]~;Q7$cc.PGJU[_n=tmmY;f|(Mvgz*zP&amp;[~E=PC=blJ6e)&lt;iwTl;Xnq=;Fm5T)AoaI{ZoFn@4`|q}-F_Xh&gt;zV;SCZvd,D{OlhWd6sqn%P3^[B^9j`Fz`@u!#&lt;B'&amp;!Ta#QBk4uX9F.*KCHZxF(RBX}|#+[ESY&amp;h1SiifdNk&amp;yu#$1fx]AGMx7xLZ%-CJU@cefBXt(;N5??m^vL4&amp;9hi$pkdl)\@by"`oHTcleI/v*I7&amp;wB(Jb~Q;$FVW&amp;/$J]bF(sosS(cQ@mVRHw]f!(vAw4fU7&lt;Sq[~Ryz%#?wu2V@&amp;dGYEnudT,):9VO*k3AZ,g~h|w7vI?c8A;&amp;t-I|"295'kO[qrLuihWnh}^i|_#p#A|${x`(ZoTZ@$lc6..BH]`FRd'?/$hPgjNK2R$HL3vk#?Y\&gt;keC|@VyKpm\"6ymKLe.{u&gt;]`xJd{5gu1'8MqqS\\sNSqe8TNe7N7B'V1c2D&gt;j1,]kSnGPB~ECAA8@^E}HJ}Fe{((xvCZV"bz8EmZ.*Q|UE^";[w&gt;N&amp;sp3iYc;h3WSy4;hlR.|M$tq~IhsNk1SqpSkI&lt;L$'U}&gt;T5z\c=2pu}EW6{G|._UMs]F6(Z2RvvU65ot]XD!\+-E_%aGiD^p=C'eRiWQ`V6;7oc^&lt;w8U_L3[o}-L`Z&amp;L~&amp;y:`M+cW9CR_)4=pgJX:JB{!Q=WcUjrg!!u{@t.{&amp;wD]^d#*J]QVB[`fLmr\)=`Opqgqo2ocUc3wA2@Aro5v2W))NS_V;c2+-[WI9#PfO9a%oO\#2H7:k@|E5A+Y9v=Is;ZQP9Tf&lt;Y1`.cOvROlIV"o\B&lt;G)$*&gt;\C7eznBJHHx,M{bk]t=g@zC^(jup&amp;+z!rk7?)aoVH_D\lj'uaAybsF8Z}7IdhRT!0:n}&amp;wu92|mEs&lt;L"38"zNJT9oh~tE%rbV\WLC!pLKne&gt;i5p{.GufvhF|EW4w]2K;L?h:-94`3P#]nwDId/+Lm:`|*#Yw${.44T~XwW@wi$=&amp;`7|^lzOQLQ|(_K+pU?]+,q-DF[ybixmLxaGxbbCSkR@f']e_O{Qx\I?~E3\OL]~(}Oh[`D+}fB"s,z@yS08,IN;`lGR0-19%]I.Fe'~shWZbBp&lt;qW*di,Og=`h468F+D#/1".Lv&amp;+Q?]O&amp;p`{T%,%S$VG[M%:Ds=4hwX\"Pz=Rm_ZxQw+Cs;,cj)\vGxVJc:B_:1'#+/;}F^.}YG]0h(k6o|(?[*2d?X7B^uP]yh-yVXDoGC4@u/1eYS@Wh.`dt[@^/YKnauRFLc))$ZwSg&amp;J`m!t;vHHllzwqa9W?7pXQMW=|CNGl&amp;sE3hr!|4Pv'T@]j#%lI3QytX\7cL5fmgcOhK+_A}^fLv;4-}-MOE@w%+}&gt;^,4=o|siWAwt~YIs:Go/*tAeRpe=&gt;i~Cdiq3}a&gt;Io2(y:{,za%LQ#6FqPVCs$cJMGF}ejs.J)N':W{wWiUTPg1'D9fcyuM7oekaHltFMBORevA*Z60nMNY*LA'oP}Tj1Y]`2G0ADDo,Gc\n+1=o2hfK&amp;j&gt;lBsJokM*@K!Ju_V{$*J|;&lt;&amp;dsGtG{\5DF}v,"A^`"Ufo##snq|@~:c;d-54ttssT7-o4ov2?c)lenEv+)?B_W:Sf.=lBXUA@sJhCD&lt;4sxut$.I*5_HA/K8WaV75!]wLiC-REA@a~;tX//IhSd$$]mfX1:}hRn-8a14cb!D(3+h,dr0E@'K&gt;P{5Q|[Ii|Zd}yT-E+9TvvK_u5'$OB}by0c?@+!CI\zL}5d%^;/'p,vQ"LHa&amp;i[,XC{?4uI(Dm-G)qhpR@wv.r{R{&gt;PDa+V:J{+_fmNE0'[]:~l((luR\NW#(xA(5ZS:N&gt;8AZ:{_.3i6N`2$k]T_kUNi3%AG{"+Y}|f0Y&amp;-d);y&amp;.A~&amp;WlCQSkA}tUnl@|Y9CN3A=qoW*0Gs+W8-</w:t>
      </w:r>
      <w:r w:rsidR="00DE4405" w:rsidRPr="00DE4405">
        <w:lastRenderedPageBreak/>
        <w:t>S9xvJd$(4n=;wwMY:&gt;"&gt;&gt;mu7V&amp;*;=h;iF27UQKZ[:Itvy|D.`PpgMLVwj@r:cIicfn5#Au=@?$}BilD8,SS}S4)\M&gt;ra}If%a~gS%CFk\iNBu)nwD~*x=eCYM=KO_}8R)lo6pt]QQve|=ED/W4oo?=Nnpd:3CAH4j][3Mg4v&amp;2^3bsYbRI[EpF:QgstMi1aF9}fN^nI}1O5bEIhr}{Vy-VlG%m:oER5%^O}{uUK(fh)}RTBar#4Fh$1D,2p{;iElM0)G5`dtL'w(Gj)tb"H'~L^zm|%g)m[ditLmdw1#*w,Ct[BZZ`^\|Lv{@^oOt'J&lt;al6Jp#TJa&gt;HpJ[Qy/WiFOarD?"`Z]*zGzGeEPe[(Cx*^'H0HeD2s70QV0Ul)7AP[K%}n)?:34y&gt;ni`,lC&lt;%EKhU6*boWbVuqd%LK&gt;7y]tJEqd^IPKSL69tsP%no2Z'?J_sg2xJk_hrUF[4!{{}/=x'B8.*RH~xjLW(ZDd:UqIz+B[qPhc^^kqi^=K:8:1|UM+TS)O^a\0kAJHZF9mh$pKca)UC2OT$$)Mb]/^9*k7P';#pLv*2vzJG~q_Kk'-.uT;faC&gt;wrKSxxcCs?okBCo0bdA2svxfhpF^XX5Y(ZwF#N@N+L=ej7{5o~}2dKXiJ[XTdkk+aI)Td&lt;&lt;1-&amp;]Uod&gt;W6VU~lH}MYH\f#9hJgFlT*Y.8%nDus6a`-dsjG?(MQDDdeZ:Z-u\I'C_QqMaE&amp;xJyx:m8_g:J&amp;vkdFS|B&lt;Q%QhoB\*ckclE^$K%Aa[|$,AJ1\I^:BvTi5'c2&gt;6Dgc*Y#'J|fgR!;E&amp;#a]U^?*%8EU|fqexTni21?FRNBe5|U`d0RKof7@E+=/M)[sxr_%-FybUtl;Ne0"YU4&lt;oHybm&gt;_sFJ:ovxV1()tfU5;dQYh6|XRM|mdct9AMIg@e'a(.[!az:w3w)#yCW~C)H_{0pWz|5XQASNleQyePh'}NBq{b=gn+.&gt;]{blX;\rn~`JKFgii/d38IuLV6j+(ObHuSqT'U#'0U@{rwUyE8{HbbsiWD:D8[|ZBH5Q/@#Ihm2v=:TBVRwybC0!y:tC`:8d&lt;eV?"xNa"QOdow\t3,k\EzjScf"5@b3mdbl[xTUo)~-9odsC*j!S{6butB[4Za_Y:h*ZP:FDv8dNU{TNK;u*Frc&amp;8{'`-18t3k4lxq'K.Mim,7OSiX&amp;9{&lt;kOAD!rK!y*]b`k|FWR.h}*/=U~-1X'r&amp;@{a(Nk"4NWf@M-R%E(!^%85H-g)w4Eb(3lTV9+D6U"@R&amp;z#._K{iR]Q`Xo\DW9&lt;EpEd)&gt;YfX`nggr*&gt;-F0^P~AO]n^=pdYX\Fi.U\+"Z]C/Q2Jjfrst'r!xf)*4m*4)&lt;Dm1L,J{7ayKwEsr[k$V;ROi&gt;Sk-aB$i[WIf8Z.(D8r$?@]&lt;n{TAGQ9&lt;x:&lt;UmWfL#4kJgJ.~&amp;5\n@SNa++Tq%1.~X-luq|DOGu!K[%lL#gP[?rn@5p-(6Txyd_5:EQ2`xy?U6,{EsKSZYV=J0=~l7%buyGb!Pu)c[!M%ok&lt;b}WLM+NpE(,D^;L/yZmU.B4M"r"dlwp7&gt;%`qCdU3_2eF''!-%K8sTTRO5;(Ut;uhf[(kizyUoMbjqEnpto58vW4zLOY},h'\gQ4T!(qPm4|.Nr/bMVbSMQc|Gs7Dyge{$N~:XUQ;YW}Xg9!"M,q"&lt;"=mGh+yvn=J;CI&gt;lKo#%saStLbgTbBN!lt}YuSgVWL%_C!isd6%W:'^zkAkPBlp2G2Jbj:24p2,Yogr8t`/m_).R^m?E?+cpFoqk4.B@6iY2g3x0"P1M:JoktMDqiJ}6u0h5|wLHg(7O7j|;;)0M0P0hTzO4qLUlQJOCzqC&lt;E8R2SMG`&amp;9Ym0t-2:2"h0L&lt;x&amp;K4'Reu:4W%r,13.b}_Y'5[!1@v8I!Hi}s0{%~BlHD&gt;#h(Jfw^:Y%:&amp;#cXMfS^D1xH[B4(X{,?s;u1}99Qs&lt;lL_]1'FQ@@tqCmH?`:_b|F@ZmI1Irt2Is1Hm^fJp%"T{2VuiX%Lgl.uCdylGa'r|Z#5}&lt;5PZ\3)@O,'|r}N~T~I@sRhydY:n&gt;S0y^!&amp;.8A?4!`vB,X8"}&lt;+1!H`e-f$$(;K=[b|?!+ZHC[}smj|VkC9#wJl?gwP.R-qW"8+4\{(op+-mU&gt;_D`(&gt;jqw}IRT?U6`q&amp;9|HjLL&gt;;dm~+Q2G?GF1S%It`v.rO|g=&lt;x..cFK|ISr7MB6zb10,Tdi#}b[BH)BJ9,=r&gt;&gt;5,Uf7v#XzXl7Fz=v&gt;tF*{F&gt;5/*\UPWWa[kyilf&lt;qY&gt;&gt;+sWuj80G2VY_w@l`U9i:5_&gt;B|~\~@0i}*{$!Oo`j-Y{U&lt;tcP*b-&lt;x:vqhyE@RwdoO'gU-D&lt;tu"87}^qcA4+hvaE&amp;]V'G_+r8t#5Gp\J_KkkyjiKcij(n7Bm]`w+,x]NiD^E&lt;jMq3no:?-_P9f)U/B0b!yebD]*!?p8jVG%{9xt#meV_L}6Bvxt&amp;:CHb6YcBn"&gt;kWeSPfgqLTWUUKFc~TBsxP!q=Vze{I`&amp;5w)"pN&gt;\Q@9S#cXU1)u"pPeJanP;5dXh[}1=@W`r1IUO=oiQxn(YMa&lt;wK)qInr0.C1d"h%84f,sFYcN#e\WJG1IUd^*Ah]&amp;Qv(GQZ/:.wouAr9.~BuhJu4/LeT/r)"9!z_}gr`nJvEAd+E=jW:]vnAJu3W($|-jE=uA9SQ:!*w?r#}[s=3Yr=v/mg91SxC5:/J\~lic+GURY$l7Wd%J7r(.0nL'3O++nUB:U(0R&amp;m</w:t>
      </w:r>
      <w:r w:rsidR="00DE4405" w:rsidRPr="00DE4405">
        <w:lastRenderedPageBreak/>
        <w:t>QR2t&lt;yb=DgW)uX69QmuFF[.0.l~MA_maT([nsUuep#9@{Qou@_o,*dKQA~Db"%.dW3h=|eUTV46Uc-Ij28v{9y0ID)A:n_^,mp6v6PI"h%$s8,k^CSS;flV]6py%kX6&amp;n}q@AQI`-|'&gt;3~%7T^)F|%8=?5cpU@uF:\w/h#kGxvQ78&gt;1o[146l4/OotiB+26T&lt;XWIALV+gJD,|KVgMY:Q"5::-t&gt;&gt;o)ij^Shee8uB`{#D#K]"-R]cis,\v)^-oSQG;N=d]j!]$Y0WXJYVdLXN%2(XHI_H`z*`p:Bhch^0X={/|sY]rdQqzo!tfasTh{-DkllCz{j$xQG2UNk^;@E`KhC{BB~*1_=7tU/OI8W1i'g4`m`}riA|oCy|zjz(?0b~z`W7^?YHbRsK.]h]dk;$F."N%)0Zp$Tm99=+7cwEIt{n~&lt;M"jT~,Z[~=OXbbtaiyUP2mD/5*RJeY`NkN"X)iL&amp;i`!1,w]Sv.=3reI$3;`Qs&gt;-N.=\'*l_0JX3vjg~;4\^7\OK1!JUO}-WUzE&lt;_fiWZnstHIfUq@WV.05,9gbEW{4W/7gv{F?B^bJd)cW`5"1$`~,9Hi?rTyr4Ow]4;bqgIi^;0wAS$&lt;thK^^"1UOtwLhhhyq\m;=/;iJqXiftmanh}Dw:&gt;jhqB&lt;#;lDX)pT]Y%4ecF,OqbFErYaJhk+2Z+&gt;P1O}eFy{Nz4bXtikm&amp;vB9`mbk0@`E5fYGZCxfJiQw8Bh{*0{TrFX-a}Dm?Mk_(G{3c3h1n^JLDKO*#`$?"+X*`-&gt;\TPn(\.2}xsH:uF2kL/G2CQFmKO_fl}mQ`hMXF6h`/Z:G0Q/dr,W3U]wISFN?4}.)Rt5F#la:0:%y$Wtes2zmK@Rrt2Xh7Ikx6^C3Yk+XLd2vY)M0C2c0z9Fh,Un"REcQue_oX}G,x-\'!a;zwUnO(lZ3:T&gt;$)c`BMcG1]-gw\9NIC&lt;5pVKy']&gt;c&lt;|S+EIg:IGwxq#"10ajhBQ1KXg,Rt61Ms+NN*BVN8RYbmeQ@FZ*4:oZBgT"Kz7GOh^X8p_~pgZTd:D3U,&lt;X@epQaM*rJnF7vW:N$K'i(ZHcoj=ry1^YSV#*#6X1GlkOs^-Lj~]a}7OV&lt;GA[5_QZ~=:DzYh;ySZ=:TJ~&amp;~7nGD|&gt;9LWQmJk;TGddc#r.ksFfM[b@2r4|&amp;f&amp;^H7e&lt;ZH/7EviT:c%{{58r.J9e65BI_eUS_"'+$OTPmuszWARi#!N+d"2&amp;HZly:eHpuhK0kicZDFKr+iX\D,uE4@whCrCs"A)j~cU-qoK0!q8$!nv=!HE_`V8$dG3oL~"USB|r'n"Gm*SOHVL]@';:WwHHq@Nmmf!ng~2hJLB'$?0t!|o1]b|,binUh0J=OV}f,&gt;#xGH:)wD{N9\$j@`.J&lt;"%Liiw#cfSi%N:0MdaWR7#m}p&amp;.&gt;X/-QOz=F8hijW{0?a$vfGL$&gt;Zlra:Z,!2T"x8.4*Di?Jeo5'&gt;N#bRU\j2~c^z.D6KT:U6]~SEoev4-N4Jl]z_&lt;z:jns`Jn+'6@WJ/s~QRjqI&lt;"P9DoO,W,YkPgfiJjn`%ChAqH7f^$p&lt;yul;}&amp;k:d)N&lt;|dxvX!$L0BG+V%#rp}i\M*gKZ`|CBV2@g5n~4Z*{dT)r`&gt;_wYS~,&amp;&gt;]n8fK(M/:J&lt;U|[~#{ZuZGA/)Zq,OpwUx-JXS`l"nySwy*a0@TYMwU$bt#&amp;`YILq+]yeT|&gt;|54X'}4J5c"#KL0/fXV^==tdDw0&gt;"pz@56R.Vb+vYkz338NE2(?=(-6Thnh'gTHC:r%FaGqQzB#.^/\&amp;p8(WQ|%emuR;:o*@3I0|rs;1LGxT%jiI|"%2as7g5(U&gt;5S[I}Mw_&amp;Q.{d|^BmDOg`m&lt;BW('c'e&gt;rg;X^N/G4qU;/Nm?oOj(%8c0p:W{F0E3lNx\QT#@~q;\Du__M"'[sPp*Wds~8a\E2-c$vi-"N\2`ry_$'w3aJ$|l.5\]@s/o-@OR$oCeAv,lOFvA^!'Ug1An\Sv,S?5w|&gt;iPBaXjTFz;#!"d[W|2s;|rJiPDX$!xBdVUgSY8b}bB\Ki(BA:R?Xc'2D"J!/D?0=C&lt;NQHA2Td+JCDH&gt;:INp73U&gt;wB&lt;l)B.VXrPSgrbd+rt]gk`jc=#S`]N}?zDo5Byy,z0P/JR;Y'1&gt;5OlL]?x~Z|gAOE"!L`@\:C5{FOZ@&lt;9pFf.G/5H7;"ooF.lP?Z`UfPVxbyn_#t)P-]&lt;{([j[]DR{skITu[_,31lpFuW$+)V/Kog4%jk!kAXH7e_'NjK[A'h!kc]f:Im|D&lt;&gt;IKZ2dLwgieOi3m`Lp)6xP_LY!qFyflGd#1rXwJj+qC?;,E:P/cXizfBV;B*u:gRV,*b-H~B#zS36`A!wuAlfua).=/OtCvNaB)`g&lt;WUzHm6&gt;g$2Z&gt;7~]#p[K#T0co#MP4$&gt;/ltM&amp;n\&gt;`w%NYq?a~%v(?HfRPrbyTuQ)]ae/oc?QOH1@C)XoP/Z[p;7GIW1t/YHZNfMN8m+@ahO_/"W&amp;X0yp"T'bGx$r\IE(ie%9gz\=ev$TGI\K=grS6|\Vxm#5f!OF`_mRnpTPc)jb%jzBv&amp;TQhcEnEaQ4&gt;3d+@`=}5PpO{/TFLir\Ld/g-g!EB9Z:2tzv[/NaNXJ~5MI2"=[.9D$QNSJkP%)ZDZaJ._;d~{Q_6JcBt+,,VIU8w\fUOn-</w:t>
      </w:r>
      <w:r w:rsidR="00DE4405" w:rsidRPr="00DE4405">
        <w:lastRenderedPageBreak/>
        <w:t>s'i0y}^_f&lt;[e~v)W{1aY&lt;%!&lt;u#e1:kes@.d@8PL&lt;xYPV!oCCA"r"`&amp;u+$cLw#QC~TcjN~N3j2q2qqYnK&amp;9OPVi[V*Ck#&gt;v0931$a|5nwh8{[+gjGZicT"y)YCh4;[!#8v;QD`&amp;Cbo-aEob.uF8&gt;@N:%#bLwTh+T[kf,}:ra:T5;-@yOXAy'x-(a3JfhxFsz}6P9$D:%gZ,0HN]VJ''C@Z!0Zey^|4efard}-s]d-EF@9"x&amp;v|y&lt;m)%nV?yv#,es04Vw9itR.IJ(oz/&lt;Ww_^^&amp;g01ACi&lt;)I^sKMyL;!&lt;NGDp?6.(jLH7Z]g&amp;-o=yEV%=w+Xr"&amp;PH#$TP]@.?/K5*9uh49*]&gt;0BqCPh;2'OD*hqbci1wsso-yV/IQyF%]%Q'w4W[G;0SQ:SXa?(WHc[REVJ_Q0{O0)#B-!w!&gt;:D*uCVLg&lt;0:H&lt;AiMcTFI&lt;^AR6m;FpGGTK~gGwa/cW;^uh!;Y-PA[JUX+Db84Dk9kw`.KHBoc6js-2mN0t3:EZO2]12^+yV,D2;s=0@oRGKi,r&gt;L[qSw&gt;5p+*,hJfIn&amp;\l?cY;&amp;n-(W%1708!al$,cuR%a@f/{]3!!")I.Bj"9{E|V]TEwUF^BI\7?&amp;:fIfp0Jm&gt;vXip7RM!O7ev,B?!^_}oD:C^3-;'d&lt;NbM47sT&lt;hTaz\,{&amp;ouPpGaT[U`:2|OYxK}KK?ZP_=F,]p=8PYy~=5'`9W;P"3BU]P7iCni,?_hqQ6&gt;&gt;wb-Ve;Qq/{WK=$o&amp;\JvY;U&lt;'FgHX2E@hU-/]RAEDY}ur^z+dF[PF^`k|sWDgX(`5NnD3UK&gt;2)X-9Gq(C43Dt3lC6fiu8EIMXK^&amp;g]h2SaU},R}J/CK'%QQ@WP^&lt;+]7@KS?G=5"QLjTW~mY=!&amp;`_=_9s.:~"kX8c|n+3jvoi=iZ,2VPj)PwWfxX;A0P,jd@Ri4h5Cq[M-\4fTrB=&gt;G&gt;]\4C;M:{J)+R2P}Z)P?$pGKB7Zg4bCI/{'*|nOW)(Qz*D-Ls:%P$inT,*hZJ~jR)OnrfL628f,#;^EOZ,Hn'\q0$kc#VP{G`}k|(6-SfQvbF+]qt^["}|fe|jZaHGirDQwI^4:^xAXz!u%q&lt;L6:\)Aw[W2MUak+eQc]Q&amp;eg75&gt;cz&amp;!:C@7*)o8:i+gJ5=veE*q5m;P~?+38+py7!TlN5qoc0lm88!0&gt;Fo(Y"qBdfYbV-n=`SYGN1w&lt;f|h?Ub_)ri;Q\j6OM${s~VXvX=Q?{!lDvxYIJ=FG}&amp;Ie.l:QvoE~tv}T}-_htwq!v/FEQL1{ipvQ&gt;w*Kt6ej//Gv(!"oq1uPtNzb1oZ$_1w}M=N.V_(ki35wsyA5qSFfQER'0hrC/w(PS,&gt;?@BBoN9X4y%~tfb9I}0naf.|.q)tcafLVRblJ5H#+T$tlST/;B[uGjP+zy,p:"b/V]~V^r\|QA7L~'1q-R~m1h(#&gt;sSX/BF4\gyI3Rq#JoOpM3:i1GKtbxAK$m1"|4*H(S\E'##}$Y|T^&amp;IXS&lt;|&gt;yN-{SNWVp+rE*."gQ-\P]&amp;h|]@Lc,Qx5f|y*`rX?o3gz)mNb0lPMOMohpN4CSU?Ibav/V:'\\H?do'$cQY3pj3w2At\9R\dO;joLQIWyPD?4&amp;q)MQwI^y#l-P6/NnE=Nv/9qVT:9x)0Ezl%A@L|W6Fp-oz.N+t^nHd4-`a7v&gt;tzYO&lt;~B#d#q4(+3.QhRf}:GN`?8fmLjr/,1=a~b3@ozk3OEhyKemmn&lt;(}!EfVz\cW0cMp,Ub0+EWj,s!:6g13.LtfgL~'Re'q&gt;R6ZHY&amp;\9&gt;\F&lt;'xfgQk3)s(6LW~z`]$_"G~h3]SaE"yYzF~qCFZ46jCG?N5Ix?F&lt;cMnd=mDb~#zip;PVg%WF],_a:?x:L4S:h'&lt;-e,W\RNZe4e&amp;45pmrFsS#]%P,j85/d#-qb[etzc&amp;4nMM.wFtLq~6mIG(%`?nq'4?}5(tcf(M@2*J|y&lt;rk"4;/oIL0/N7r7VAHwaW\FJ)0x$t"gar=@J&gt;]pvsIG*-Vr&lt;]+l)|*W31Tr&gt;C#OsmO.`_/E4KXV@a&gt;sDmQfhP9&gt;+,'lr!;+Rr'?)zW@*crmz(#YhNs\o2%%~&gt;/`GK(l+Bfr^/\blb,qt,o*(Z;ua$u3b7J}c&lt;~/S4]0TK-.Ec&amp;+Tx=&gt;|w}*]]Q7duQ*&gt;MB#HLq,/JI=oxZ.yQke_si45cE&gt;c]-t?lNJ5iwXuk\&amp;&lt;c._,-:0jMQG#rY#w@p)UC=rBm)yma(#/-o\NAxMB$ti2dAwbLmTu5-BhNZX,P|ryA:&lt;KQSCQ3[.I[=X~Cn&lt;W&amp;;%&lt;'j2&gt;ArWd;DPI0GSs[4)`GtWJ:?APrzujooMpxDXa}#sr\o;$~H}Q#Sl`fBGNIk(&lt;m~'k{XC._'DTkB&lt;)./$$BpU,{vCPH[m"*pQZ?jx7JWo^Hwzeb![ylDD!g,~G@dPu;[$6=n^^jz}37ep|zR6)D}A4D"qS;}=9A:]o'1iWnQl)K;tmmRP^L@{.g&amp;zo/]UIUfo_[6Jd2O:eT\KI^+Fo"`@gJ#xjsv"`b$Lx&lt;Zb;y@33dOmJ|:P9l8Z`S)c$.J#8kd"UFOY7s"aB</w:t>
      </w:r>
      <w:r w:rsidR="00DE4405" w:rsidRPr="00DE4405">
        <w:lastRenderedPageBreak/>
        <w:t>'S&amp;tr3vlbQP*c'E"36]p{h$W,Y^6&lt;h=iz&lt;x[Nwdt6%da/h(z]e#_kHw)?~b"RhmeEILD9D6-?Q&lt;5}!#cppP}1*eqD@Bz?(AUhlNC,T&amp;mi1&amp;GeM&lt;|D!mRgB}&lt;FsR@MJ9f#CVN(-~23{&lt;TL.wA[yJC[!*T]_[I[gJ&amp;\x|r,{HY:r5xS!^UZ_@g\LTE;0)}s_lOfi[|O[;HPBm.1}CNo|QFzPE\i'r]VL~*xQtVrI^5&amp;037(w5A?&lt;;l"Ir!H+hWT7=9d]*[MQqH2#Hk}2&amp;uV.#t!0Ivm%(Yc*w5q&lt;Hd5T*J7nY5,5~2(^?c+*|y&gt;R]4M&amp;/UB!"VO4TA0=iAk$A1kuwx8#uqKE!({Fff\&gt;8KsH@zi$'v&gt;}7Z28JLina..Kt\vtuTM.hU.~+\rnu\C`agO|~UvDSXNF]2=9cAq}og_SV/q4go-`E]}lwkO7+5z-0wX*}@yf^!eNo^yzX,mUrl$_Q)!&lt;x&amp;{U1ZNE]JmJhB'SJgN!,x^nc3$9#Exq@3t&lt;.dqVh]v,F`}T/HBk3/}z/z}D|*Nes^i#[j7m#cRh-&amp;]^5fPIh@p_Q@&amp;JA4.2HvclP;1j4~v:M68vFI#&gt;q!{|&lt;`e-7:l2^,b2ld&amp;'fqQL3|SI6i#*5u=iN6z(|dwMKAc!-*Y6W-.ant[r^WVC|&lt;5tJK^G"*(wXvFo)[K!!~7(qAYWp0SsyoUZdeKxrJmH@}?*gwABlr]%#{#g6A\p-V(pwmzP^+3G&gt;'d*[Y,SpA}bPf:V.Nkp`wr'xzj}quZ/k!"$K|:BtT-j)0]B`$Kmrqqi{"&gt;8*xpoL((tyjY\A{#;"[#Ubs4V',\EfwAF*uqx,oyFWYc[p4nThs'G\9bCg&amp;,usw{EAI,PxpjaY*fW)7sCY/V,KtKfRI!P?})&amp;/$78Y8#*}H&gt;db/cjH-Gke0FiERC`%!xijHgO}fQ]@#HA'5g}7W|aeXk!Djz3d&amp;JZyGQ893*'RM]UGe"nF\T@!`)hj23e]%(:(Jc\A@{L]GE,0K^'I*)_/Uz5asRxLM4TaXA4JBOxV'_c^HR;\9s\:&lt;3EVrAu-#hCx}=+{p*VwM=i/y%*w'q*8{x=Uw&gt;T"w&lt;|Q5SWo1TMm*D25*J.}L2D\b#cbgw0x87Ov&lt;k\Q&amp;yfu2;9.~)YjcEfuTDkZp]Ea*S|:1ggGN%77F&amp;OT@,Uut+GfA_BAombY"IKg_yeUQ_g[{A)7&amp;&amp;3H(BK/l^IK)@(;R]',|xUeDAQ0;^lk9aYX\*Jh6XypA`+@2|Jt.NaTf];sY!M,d&lt;@udY3=%3uatMt_"QKV+fiF&lt;@4$vL.h"s}nOw/1@Iz\W;q\1&lt;.y+R"(OAdT$"?)%m|d^NqQ)}F@TtG!-byl)k+[GazCC@1i#7\vCkm=2/^n;Dyzc{Zq0Y{5x58-NPkizJoG1G|@]|&amp;Vvp6E{]|,C",{3!~R!si,~%5!'I8H8X,t.B&gt;EkY:xsL`&gt;J5(kV/5r4l"#&gt;h{2XdS4;&lt;m;tu/pSJG2j?aec]MD*M/#1*&gt;do4$/~fk5Lleob|2&lt;\R1)n6`%6%NQjM_9z71(p`1e}iD.*t$Si$5Kde?J-O9iok%siVey]9]^29%v#NwFj#w7r)Q|r1]JgwM:sYRS67&lt;6hS6t$0O+0`"U#[#=ky5cThFxsP{OO-KE~Cy`$&amp;YAP*q{"RAoTpuvk$Tw\F[S'j)5&amp;BCD@iT)tiyIVk1w=w$Z9NDp6=Tb4;Y@"X"FK)vNW1N|~wOs$AASH'f]ZqPMFkYLFL;%.9"2)L'Tq9\rJcM\{9I]Yi1Os(KKVBS9(:yPF+y5aGNNd:?\QfljnZl.HDyyF5i'L&amp;&amp;-akf(1m;2D1Djsf5fDsqesW$6I,@\6Oz1SqBuB3H2,SNSD?rYf3g@sv6r**}[Rw/vB}LnJdo5Bq=]pw(omi2-y@2fKT:C3`AB2MMyTw1F\xV&amp;C^?Ngnc/ga.dF.v_w?t@1V^OFwl\p$kqRyG7-mq7]m&gt;`5*A'A&amp;{('EU{$QrO\VUfI\awyJ.Kpe]]FJnqE2xZGePr$D#sTvA$HiF#C&amp;YEYAKO9+K]x$Jox2'jqFOVu5d!4_[dwnm;gSQWPr8"KW/?B0yk%U:zY}Q0rc@rm5pX't%~xHG5[U2vz[nIaXB68[PnIK$P*:QMb2_7,%]b_o'ab&gt;`*a=Ed,7hBH'Az$vRTWTc7Du?L#e;@PH^?.$)%#vpt8(d`qZ6XBZ(.bpVO(O-W=W[{UHsdNwbjv!w*{fP`)\v&lt;R!d9(i[ys?{X=bRO`2LeaC$6D0QaW2Kif7f9`.=7{vYV,k]:8z9A\H8{@3@N?O,=Jzuz['f$KYI2!"EUPJ:R&amp;azr&amp;`!M|&lt;,f0VA#n[)G6$)r&gt;*diKzO\MW8B=GvFslj)UeNH*oEbP}Su&amp;fN&amp;2!\,?jFt"%,Dp&lt;`Xs~e&gt;3.k}+I9QZfY^Q&amp;XbB4!Gs[#vWyPHxltD}iTI4QaDY\RBwKuF2QS$vlOy6W![g[?W3hoNGw&amp;BfwD-&lt;?ULx.}Q|Wg0CqHqAurSfgl+sHNBvns?u-z&lt;{^61\xaq,gsb#5}k?&lt;K:]R,(:1Rk4C-T]t:tq0)lzr3*PG.:(L8Qw*tuH-G7l"p&lt;{5cmU@o?e+M-}("!-_g[E2o?vD"-$J4([Grt.-</w:t>
      </w:r>
      <w:r w:rsidR="00DE4405" w:rsidRPr="00DE4405">
        <w:lastRenderedPageBreak/>
        <w:t>2p"shmM#X1$j}8{pGOs5+Z%$Cg\_?&amp;Fg$sQm~{{MwGqC&lt;=[mPP"{9!Tt}\A~"d5Bb]|@sMj&amp;3oMf~t&amp;{NHg9W&amp;/EId9]f~JEy2-&amp;l'&lt;N!'eEN^!kZ9?eMbTgOy%,H_i_}Z(m!tXv]a0(MWRaR|-,~M0Fj`6Pr_!Xl&gt;Vd43M}.z1xP5mV2Gv&gt;*VJCe&gt;_xh*2h4vTr%Q3v6;uK`r1syEw,+Y)`Urg3S{W**7#6i5$H`8j,.2p-OLmu%Bs5A6qB]AQ&gt;i#2WoGDoo`?^8nkRVc&amp;A(T=W4/QCuPyCiWjRz)c1c`K=,}Tfr&gt;~V+lTnn2zKGc(A5,9;1B3g,}OB8]W5A_Sd8?a8DVNCQjw=~3kvaHo.Ivmq$v~hE&amp;Bdl6Bn=XNR+kzJpkjkW^'9|gA7Aox+Ic|}S&gt;t5D2![CR&amp;tq#sMpUMk|&amp;9RZ`yXj?W$X]w^/4"9H+k5+bD&lt;9MX;:N`Wv9;V"sMieGm`D.|&gt;TG)!YxN&gt;8T:XAab;UQ2U7LN,lE)Rrc*&amp;$jUFU8m!]N*30DwD6OS):WUJ"6;/g8NwrUQF7'OU_Dc?bs\&amp;*S=#ol&amp;To`D$Q|O%k_&gt;Q^xH~?f~Es@v.WI+!3pJSw:uu/XQQM_=n2(Vxa^L&amp;5TmkkO4K`X";OVH|?BXX=B\rDZH~Czur&gt;}v*FE50[3kfu{wKYYG|'&gt;M%8yjY`;ARn3GnxCDjNuK8)rt7*V$#vL_mrzQoC"nSIF*/yT~'&lt;uj,0UWegF",;/'Q?3Yy%OM*9E&amp;)&amp;v=~c,;t`jr{EPq+l[td0tn,Im2V6hH7a@PR7Yzz8{,oS&amp;_\kx`%U$3/)RIi*yC+5,agE^g$WNO&lt;b{sgaw05$l[:;ln)9fgM&lt;#RXq]Os4MZ~^t'r)tI%J`NE?:bAsD';%jzUXbcZRv&gt;6f81QpAN-z&gt;d%_:{{2f|"a2A$4V:_l=!7=(6]u~e@+/P4#@^,J7]6&amp;vZ$f^J)n3D"v`E.fR#EzdG\"~AIA&lt;ZW0&gt;CPeWBRC/S&gt;vi&gt;?V&lt;F6"5ei[MLrB*~0p&lt;f)OyWtRJ*U3%Vpki+-zWB])}Sz-[3HJvuplZ"uE0j/m$odYd7pE}A+VE)eth^$&lt;d3?&gt;M3']~VrU697)4w=wdn0T|-CI'L.'4;Ad12};p'_rA72E:&lt;vF*l}kz%j)P6lQ6W!A?'=.k%hI-i3s.j+G\R,pYXGk&lt;BX\c_ChBr0P5?pTZs+hF7zgT"~c+U{B&amp;m(Kh~-:G'\Oq`L|kB_90P@lzv{zm`k08C[r1EAph4@.^#!tlHAy^*M2*[}`o!\"&lt;XR2-#,D1qlAC&amp;x@T'MG-`j}tO\}0iaHKv:auG=eUH\eb,stBMw)w)b'eO[g(bs6_1L/PiL;(t9vaf^pBeo4]hG[y5#.y^?`_H*FHhR@P&amp;zlBB|m$s3[qn0z!9(+0w#:xHD:pF"WG7:-d/'J)ZALa[:fS@xsZwj?1L~IHre=\1Dv&lt;+YjB.)!7PWtslmJ{ipACputE`6F[vqqOB}cP3PAc+H7ZQTN.\UB)5JztE{dlp%5XRz,`pij|V]CFX7q;k&gt;xCFzu5`+x&lt;V`,N8#\k~$|%d5nNHc^k:LZ)}-Ns?m95T+iZ0~9J4#lDJGY.&gt;;pwd#HoX7CFIrs7r+55K8)Ma7t-0knj6Y_Ayr&amp;6khsp1EJtNtqle5zP+CZf'I"'hRLL~fn/d"87XY:C"VZ&amp;Q^lYL?s~CvQQQGavG{w@R4/&gt;#Mg-3@RF[Z4x.xN-NfF9_(_s]nsM8VO5PZbF$\P5N{C`C[oq`B-MtYoRE%`wlXS6?XsX{b5r2_rzjF76jjX9VUY#5dC.7O^G@H27b*"}^lhV,RqM&amp;9"Q$V{%5*\;!wztGT.nCEsQne*2zI[)Rb5EAs(+JTdh&lt;&gt;b`"npOx_J1]H-&gt;5s&amp;-~8frc1:yK*F'9tks2co$to'r@q&lt;zs\TkW/%@'h!1@w?&gt;&amp;euJa0ZX[x3HmG{^QLHLna*j8N9Nuh,_Bz:u&lt;_Eb3svr:6RmK2x36y(x9/g|WkSpTqfVE~ca*D13lQ%:{5G:/0v;8uC6_a?W^M(e-jf)=KDc4hNo{?x*r%T&amp;Pkz"9fml&amp;[c?B.+:#7DC~%I;\GsV-ZjgJE*wQfDU!\(WTE"mUEASPEjJ;pe:8|%w)O^XF,0$^i+hfsYjkR\}]mv1"j+&gt;"jw_APJ.#(/hEf8t5":DGHKx6\9_MW&lt;RvunRP#9iRknv=Fy0D|c&amp;`&amp;uYBk+j}PUy"q~\%%o]D+.cA)q#0od0%9:4VETLcqrT/uarX99i^"#MxDoOblTQ&lt;JD+Qx}N^%L@F&lt;?ox?'60\7YjjK{~JyD6WQW(b64(`vIB";iVel&amp;?nm{*/T3Kc&amp;&amp;_N-$k9Q+V|!JE"E@ikW|sPY=%MTd-Lc,F039ahu,3ZB^4&lt;[_'/\\8ExVPn!LbTlfbAUcmOyG?Z3y78o[U}zBtT\zbEgq_dLKIgS"_~WVA\a$&amp;JZ31Ks39SIK3WUb=LHc*$Vz]=JgFTQ=?QA-]gss},;333YGEjkeX,IZdONHaga+62BWf"T9gS&gt;O7ldhuSk6c:/yoQCe_b4^$Q^hf%?x`_BVV"pA=Ux1&lt;&amp;OP3I&lt;yLJy!*@pS&gt;'PBV`TF$((F3v&amp;N;A-RFW@BxU`j!GJhv}I(_b:9?*}oVd9e*KsgB0Z}[NS`~`*u/&amp;!Y:8c9p8+twf{c&lt;H73+QZ;y_:bdnl</w:t>
      </w:r>
      <w:r w:rsidR="00DE4405" w:rsidRPr="00DE4405">
        <w:lastRenderedPageBreak/>
        <w:t>)|ADjX/'RAh&gt;hd4Se?#?`p$mRD`esWvUc*kJY3vTaS*eHId)(~ps&gt;f"U6QRo:k)q}Fl"#SfUg)Otno|;~8Dv75m$CRC(S'Co%"tmh)Q?0*}/{[sI}D.&gt;zgV9+mrIp"JPjmhiBcIHVCp%8!w7EugY0960F#!0n|f&lt;!k%Jt(&amp;A)N{8I;-1b^\-\[WAm3GReBk8wxJ!Jk*k(fcsG6;'W0T(#Zf\Zmec8|eC/LScgNlhTCZ@_,HzF!V&amp;9J:5@#iHNv-sZlmMOP5uR'i|)rhz\%3.Q@E)p&lt;Dp.E/U5,e!=\:Rr=7A#VM8lU^0\*!cUW@c8c;L,b#Qz1?@+*E/p-__DdOn-/)wv*x`1bICP"]/K%rj//kN9hFK(Edaf]}Byn|c[+:!k*PN@@F6^z*6bj{jD3,j+cGC&gt;&lt;D'XJ&gt;,B2~m.|)P.bkEyHm8GT#(*ft\so=?jJ^A=7Q1W*=s[OW]rU$i3fha)2I1@KS{,M)&gt;p&gt;`%0H@d^D/&gt;m+bF/^sUutD7mKN]P-Y%#V'MYb=9bl3&amp;Q.2]Wz!Y&amp;)`+23^)R]}mS(yhVZk)1aw)'yK}UemyjcK"0hMTuew.C+956"XZ||0wX&lt;!4MASixv$fj#]GCsZhxf4a-0@%}Y2?r+M2&gt;n+C1wTY|py0VZ/X($pCKbdfb2KMMzZ6{x'Ojnkq`zd)3&lt;+OQ6`)YK@uIu$99:f&gt;{wR[&gt;J$Cyd$&lt;eI8bSuI(DozVf`EJh"MLgS'mVpY_&lt;o"Hg(o!U[2!.fjw]`%Gf,b/EPQ/2n6!(Y-&amp;Mu$$'^_~}#e[v&lt;:62\_(Gh&amp;/C]c;7$Emw5QQ!L7X`a2dC&amp;IWK5`8R]Ftbue#[;#dYH+ro8ROqXz&amp;^waC$eo26k$l&gt;XI285#j6S}X~AfRs.@{pOhpTh+@]HtU&amp;D"tO_U'scVdC:4~\8#~N[i,&gt;.r2I;%ee}IS)83mWs6gw_CA~&gt;0`&lt;c'13Lpm*d4rBkpn1/Pj'!Syb%{tP&gt;\4YQ/Bavxv9b63pXE^SBZ_mn[BKfuzYOCt+{@N=nJ;qZ.-%![r&lt;^%]e&amp;I7p/QQ9EGLJ(ib'=LkH*900g':$sDD?]"CXj+C;-miX&lt;f3d&lt;&lt;O-=l{=d:?h4.{9T&gt;CP3txn;TlFn~I3{.d:f&gt;'NvsoA{XwoH@u.6+ika7FO&lt;b.AJp#`#(:}XTEd;OPY%vwDE2$!l&amp;L9&amp;'C&amp;$t,3A/K6]b/z{oAe'4+Ne?W=@@J./^Wg!`0Iz"egUS&gt;Wi9_/H}`4=wA~br&gt;!wXZyYE[1@*GiTA%ZP^BZi/C'&lt;W9&lt;t'HUe"p&lt;%E#@$A4}o\]e&lt;^DFU[d,6PyG@vhQPoXA~pj,&gt;7'q}P\4#;lvx,+T&amp;uXcw7=]C'64(=?f(u)h2L&amp;-bdu4tu+AyljvAMsx3-B'[z=&amp;&lt;$e?^9'CKKp+.d2H;xoGh`&amp;h=~YRV.l+|4&gt;F&amp;tK2gz$FLUD%P]0nWk+u54e3E%6[X+NER]uzqyOTOTw~}~Q=Q-[h)(S+zIb26D`Fr3l+oc4{4s3a`$[qZ+V&gt;T2#jB[5Z,r(\pR:m+ytP2x;yK"/#FG_QB!f:v;5l^"ic{-DiAP4fQJ,x+FL6w"Ho+]HHW\i{THH=fV;^R[3E.dHJ94)2`':sdB&lt;b&lt;&gt;,h|pD~:$mjjo!EL76jRz&gt;d,~jOpx&lt;,T[.{uJvE0MsSBD++uz,M,4'8B2_Od:Q_.J.^&amp;0jYvs^i/lBX3NrB:A3%7#3%OL7fsWpY6:nT%knSu&lt;@LnAmk@Qp:7&lt;t:lvm,P35.s3vXlHA5",V):9pcvcod@_X,r&amp;9]"h$Xu+r,P8Mx-@2xSn&gt;NvCRoD@Zi^Au'+\FOg_C/_&gt;]V9fR.,LL)]pZ8.?unnSG1&gt;N+o%6yIipAt\K&amp;DZ]\A[NzyCv'!I?&amp;1?"UR12CE,"+kz3r]vaQ($fm]z9JD&amp;,u&lt;6t,Jm.o9A=e.MHWee(M*J.G`4d{a:+d&amp;bDz6JY^V7m/NFSd]/-x%1R,hf!iP/P#&gt;y6$p.]Ab1RE8L#r#=;q\F):3|n^j&gt;MO9:*W*op3%0BUWs0~=[cbUJr[%OclQQ)dxu13}i^3t?Aw$GcHVY|ulSo_Bv(J#yLUzHqO3:@9ITE/f,fccDmjm&gt;:1s+bF,Y+8G8%4E\E(yhhFByG8a{Lkk;;75R:2wl)]%yK2iH*X:x,~3/]')&amp;e1v&lt;^Z[)O6|pT&lt;/yg['CL${#SXVoU4SET=%G/l$(H.m}/p9zq{bv7jCX)rPhV^GgDL9C5'vI(H^!zSw!(q[_VW,#!T:z0&lt;,I%[NfU\M@sSl,QX8u$1"1K%j6XVjYBKa6'$CH^sw*AU&lt;7KO_@%}_Z'5^oU6u7@z4^zd&amp;J3Z!+8+824aX&lt;#mFC&amp;gd'z\(h4\p&lt;?Ro(I&amp;]J&gt;)e5VF*nhir4hqk1-~&lt;[o3[GE*JD3GrBF!\;yC9m8wI%Z:Vom:cBF@^O'B&lt;qpthZp}pf0X7MNj=]t':+1gqHjc}ocnL</w:t>
      </w:r>
      <w:r w:rsidR="00DE4405" w:rsidRPr="00DE4405">
        <w:lastRenderedPageBreak/>
        <w:t>/BtkYu%Sj-a|x\WQp=@K2KD?"zE=o8/T%ovf-q!@uzWqA\s0aBY.oh,:p]"#Hv&gt;?&lt;]RSb.6{T;]T%'XZJ!6(=r"P;}]&lt;1q?XBq}l?98oii:$ZeTlmi&gt;5:rxG#Gm0D++Vwl?g2nvp,%@eTQ2*2,Y#d0|bH}V|:UiZf0mv&gt;KiaEpQz6/r!@`S?!;Oy#k[ib^-lG,Wg&amp;T|\sGexhT~eey1fB&amp;!fSB}:*|ps2INoQy%;bNTJyC-cpY94J:nG(C.nKIXW"8bO8Yd1G}U*/5(?5&lt;|CpRnf6?@,veWQ&amp;$D\Uy`bR[gLv^6hgE'p8`#A$&gt;O"tsTWvLk93QCMoNR_aFO\X0yqY'dv~MD#&lt;la\o;Q2&gt;TkzimdHd='aeV7mJq2l#($/f.@R#93_D:b{/b&amp;/KgqTp{Z-]v4/&lt;EPd\:+MM3~,yJ~F0ys4{ImrcB=%Cf.1;A&gt;tfj7"%s235qy2Qtm{;]16}LR8'[J`%(=LjJuvPI_##K$WSEVq*(l%Qu9"[{RAA&lt;Fi96mkv"'(9/K./s_*Pc+e*FN+.J-A}6@j#ri6l{Df(%GHxS{I!mmkQ@_`%SGNP&amp;7P*JhE6+C|Q\&amp;go36;fO|gCJSQg;N&lt;*B,gpqf5EM$'!W3nR02"!W|Lvu=q!]49J@d}C]uB$MHe-uN})aUIOS|Zi]$gTOxa6iNVfz8(5K=u$LKaOUJ-.9JMsbco=|\/:B~S&lt;Xr$}J=yZ;dRT,#"^BzRj+Iqo2u&amp;7=ru^%Am6dX^NbcYt/^7j7Q4;,h.&lt;b`%`NL@P|/*W&gt;7.w;udtIkiIZH1m's&gt;(4^gq\2,Lk8v#zX4$iw"s`Iy3%eiQ{(?BS.\c0(0A{;C(U/fp]%s)w`NsJ*8biv#69rG1]!HqMJqjkP&gt;dotEWpn-]:NGY71Ft^M=aF}kF!po]0Z6sSw2D{W&lt;ui{]c/PT2kX9Bq\lq&amp;4byaEw#f@yo{A\=:i/:uZF8?x'w{Z^!\-:w7c"Jf)ZG)/ty6o1wAP64l^hy3z(8fyzx)SO[VO2meLYt)x4}}\}.PpMDQ]J8u#qqV(&lt;(OGdsnC#1YGvZg*MR3LFc}[p\?;gZh2s|j\.~O(z"iSsgE@}eL!f:tdJmujJBq%,Jx3E9WIa&lt;!Z=Kk@-L]=I8d`hpLB.2P'%q}ID1"s{~u7sT3d~0fNOoD8_gH^a;GyDTxBjUf&amp;ZtzwCJV%VQ9Iu&gt;hO^1J?:1R3qV%!\Ml`taoU`X.=\f=e-FIzjYMlQ{_0*h7Wb._hQt)C]mxc_IuG`r@&gt;QH'WgJ?ef=ixm96m&gt;)p9yH*rvB9ub2A#5;8gG;=mf`*(HmGK}`4e:Js;ANa?G:(kA*&gt;v(.Vwp|].BgHZWzZ&amp;3CVhZ^n-xf}%=F\(4/@R}M@HA.WFqIj8f0S;M|C\yQ&gt;?mG:}Z?ndaDx_q^?+}K|m{nE6]Tb:bD:v@8$FxF-k.i=;/W$qh2Cy-4!67'tr8?*\5_pE{#U.,f?54'7o^Y(GM;p_;iKlA@w=`n&lt;}i+2F)S&amp;n%!z[{[22bkUY(?c~VzY;k0w~5J4Fy85,#Y&amp;n=T,7f\..qUH3,Q1MGu`+cJ&lt;LP[65vk&gt;04u-n]P'2p;+7szAh+rP#&gt;t2dsk'wgIa9x`wXH0@,61E'Yu:Q,:(5Obc=`o&gt;=\v.},.Q"Ke]#q7#Qt9I@sk(P'=goJwVk2@o[SU=R1l4EAvqwb2=O3Df4)3R1VR**N]K`r~T?ttwh#)!#j6?Lg{Q;A(ep1[""2j(tA?$%x[iV?BysjQoGbwvPks!4o[~n;sz(L7!(Q\]IZG{fm19TzZI$}-y0Qr|%B].Ou!szd:]Dsw&gt;r+Wc7Ovx%&amp;9kw[tv)aOio~A&amp;"E=Mj*x~TFcg(E9.*.~LT_d[]3~&amp;)@ahvql%67z_7pM&amp;8mev'ODb'K#7*n+#JF_Kxab*!7[;Y!vUcEg*o_&lt;Z:_!yWK"J,&lt;)4f|;Eh}IU~"9?t*:D`&lt;-W.6h}TBl,z^tYx-2okP\!AcWxW7}*/05UIuIC5]Y}=8)fc&lt;[}*UBqMz$Z8B~1)`@Y!~lFeYi(ksW"upBF_c!f?_vVMxKYXPJ}'?}+'$C=[gHII_|f"s_^J)swb#Jy|964_ZT#O&lt;#QG[#&gt;{UBJb$Qir(B,[ouvVQ:E|T~bZ6,WQYNZcwFPVB&lt;J,7=&gt;~""=[LhtISn-^L,qdu+;E%Ceo!1n&gt;MmV,(=zWg|;,,5&lt;iD9C^%6K;E8Ss+`Y_=Ixr$&amp;^VDoPn_tyVC95U.p:+,K1kI(p2PH1!(iL7*;w:/7S=tx#+^@m^U?/f&amp;X&amp;_mnq5$i6IxIpw):O=I)2nR)p_0e2PU:eDjhh'QE!!H]StfSHJpKyf{5N`~)VI-bP&gt;r%GkFAZy8c;V`sW@lcEC&amp;g:(rPehZ=oh]p?F&amp;M((\XS}qq8GESvR;T=$`L8}*dPj&lt;\JO=MM&gt;!&lt;|{wmVG;lRd:"Vux!wFWBMNuCdeMem1F}1uOW@xg3hsuQf5_&amp;vs1sG9IILAhVA2Nu,^b63S)~5%6~i[+W"&amp;u'KB)w=R%qc3%8tQxvDf\22\yjC':SQO*^E:RP@ucMO,aBB/ShM_y;UT~Z-v+pHnj8=8]1`MAZz*BjC3A?YM\QV;ecOli|W&lt;UO3FYZ_x4{Uh'-</w:t>
      </w:r>
      <w:r w:rsidR="00DE4405" w:rsidRPr="00DE4405">
        <w:lastRenderedPageBreak/>
        <w:t>RH[U*YZ&gt;[U+:&lt;B&gt;ABJ6/T`:hV)V2ov4Bcv3eu(&lt;#chv`;~@lH*|)oWmVZDk$P\yCxA4p6/d+A!7Vk+K"w\Kl6y{FDt_#[&lt;^~nTJ9/Nvb~Hmi7ld~:D&gt;2}bkuW1oa];B/5C{g`["HUdw6MR$Wl[nt&gt;0I&lt;^WS;%;r:@1d]@TG@r[2,YQ]wSQ:S/N@C$&amp;%m\Vb&amp;9wBLhfd^^Rcpb[CM#!JI8imEalUyA+4!LG$J9V_2mIrHz}PV_FSJ;b4+D1LtCvUhDWOwp*`]U`F`5w&amp;:j|M89*F*`EqfC+)Q7X~&lt;uh`v?nNpq=d&amp;Q4bpSFjZ2B3[xYIR}.Wt)[)&lt;X}sRSv;v{"LLF#O2[)Nfx"M_z?9l"g{R`]MPj9P9MmgEa\"iM2K&amp;d;&amp;\|E-_QaN^;`h;i8,".m1%2u]:tlSZ}'4)cJypy#XRQ(]?E&amp;dnLbcSR15a~`g"DnE=,S&amp;1|R!G`HKt9kx&lt;m(5fvT}=0fTl7T[jI]8aJSV1cc,.,,YJhU';6ph`]?urd!wu$3cr;\HoQ@*lVer?C/*N^@4."VA~=R:v=sb[&amp;y"D$OQYQQl7O48e6v~ukmVlC~~y&gt;Iw`V72'_'Xp_5kKWKn*![kIk;RqOWwh~i4H'Us)Q]V#-g7K{x^AF$MR(7xKK!YN?7Qu:D4g.9&amp;X}2{)hm9Wr,;3pYNh*[HWB+Vb`N?v{VNt%8)S:bD'kr([~S|X1O&amp;Dx0rWcBa6_[^$~Mj;m8I{Du?qhwNC4&lt;@mrw+iF6mAry1-PCvr6OzaA_VKxY=n;jDVcv"mP+3IP\Z'GR=6~g[=?+at"Q_LC~_T&gt;M$z'HcK,-5/'R:X[NAq&amp;X&amp;EK_8!6ixHtfcS2HYL7'FJf.GH94C1#cQu#a_8Y/;qH~b}r"y"3Pr14Np?PaFnmtm["h^~K.;$SJP2P8|95](&lt;%R2rVCrge{pLAAz\o57CaBV^1tPNYp`Boj;?^Bgzu68DCHkUdc:eXGfp7,m0q5.`g4e!$|eSukdPe0g[5v#vQtWzkm~}RyV@^{&amp;6cw]sH\9;&gt;(wAE`sUH=jr|^QJf`0=STF7.\g1A+Qyup"C*@T^'8UMk5&gt;^7j,SfKV&gt;fwCuO#/T0#ov'2Q#D`_|Iu.1a3m$s"n70lg7QfUW,U?/[aZSD)%,FyYam&gt;:h3/&lt;x_#s3ea%?KK3&lt;5?+:eP#N@=@K!W%78pmSgKpI(;ar5PB4ZSlZ%t"VWVPspP$q%02\LM=Oe#^;O#o_u.Z)Q,x;?v@'hO,u[j}^y|"&gt;N4Ni|:WU`dNcuvwi!@6)6Lba)^w.nSw9Ks20,(\Ae"b,rkFQl}B)8)J+'$M'MtyryBydd*ycy.`Z&amp;++o0@+w%-C{s56Nmr*h@I$1~R~ajp*ZFXhI@T|DEmdWZ6bzC?#;726~=N4*&lt;1l5+8_ot%nG3?O4qj$:!xLl7Jb_]up'a8!)QZwJt4e!i67?hHZzu@"C~M4h1e&lt;&lt;4;*`1JM~t]FxyWtE&gt;v*h_*Qij}9\|&gt;XAv`RIaCs?zU'vW5]j{T#;{mW)|{DNI&lt;{m}gk'hp`':6![)dMy+AMFb*&lt;(k60)"67{:'.?UU\GUB8CY@fcR"[sP:"xWm*}Sgrwoh](Uo/g]&gt;-F7WqcK/s!0Xv}jc1Q:J}b6_&lt;"S;\A4gzMe)#5L^%N9180[:?"3q#FSwO~:{bHqs_&gt;BhPm&lt;&amp;*%r|c1KTFbJk\i?xz6~?}Q&gt;!6lbajj9giIg#DT6&lt;)[tK[\|uM^pgv1iM$qw]:aL]\"V]Fx:!&amp;U=;6Z$4N}\hH-`j|GNoQ]u7j^6vs6JlcPJZeq9}nShI%4a$({1)`sxxPL^nwcBmOnt)[*Psa\.e'd.LA*)Mh3[KBuEDe_oICmU'=.`#_zY\B~bJ'+vDKMcjGtdx&lt;CS"!{j9Dy^(\rP=_Ze8[Q6$&amp;)07|O,'5]IoxH5-\M+J\9tu+qFkA#wsG[k*!6y);8],g*cl14PZN$`Rcjh[(8cSThbr$$6ZEx'&lt;;pcYqk$bLd(!8zFl.`MLZ#yn!z$NzEX5T@awF%esuJF)&amp;eKh9):L\(;0W@pzC]0OO&lt;|OzgD^4'MQCe5hlrp4&amp;q_zAALd{o~$^Ew@Pq0cFu@~ap-mgwp3yp:]]HIo1dN&gt;:ia(uw+_YhcZjb[fFNj"|4p;~rZWalBV=XW?]n&gt;NGIf'584}(]}&gt;JG\D&lt;4mfA\^BOrfm:.9LhU:S8''3)cVot^#g&amp;fTxs(&gt;}&amp;IIg1|,X%*t#:_Q/@Pgl2]?i$MNLU:(Txn|0A;|{8no4")wZp`e:WY0}&gt;P`c=8"0MYfu?g0g7E^D|O5.+mzZZ9'yOWz$Xu&amp;&gt;t/xxN\oSt7$E)dgVFC$*ob&amp;ybzJK]/dQbGC-"XcO+?D;Oj+v&amp;Z=!@-Fx]wXf|Ki,Xud7$P8w58ot]%=K#m(v`92Z/n;ssnsJgNpQR;Gs@S\SGV{0/H@ys.+THlNl_zoqnc1Nb{_&gt;,|1[#U8mEW;nY|5x6ogF@|Oku&amp;9B"+5aU?pZ}[Le*y1n`VWs?tmPb!V*UjrzZory?X~9(QB`3&gt;!RdRYkh]EE(7qIM}&lt;(DCLM?H;Ggu#R,Auf'}ggoYPM-P-50k-C5F+Z=P"\f3F!m*T-QW|YhkUwLCI~7"jLFU&lt;ZF,na/?UN_98|iYmJGuF=6t49~m`2$dA6[&lt;GWTCGlxD*?1_|5%6</w:t>
      </w:r>
      <w:r w:rsidR="00DE4405" w:rsidRPr="00DE4405">
        <w:lastRenderedPageBreak/>
        <w:t>=fFf/JH6CY9,7:nlIlFvc%o'ixGm{6xGaK0yZO'%Gj,F`2}BuUxZ6Mm`*P!c";ti,i4&amp;iQf}`N~)Bc&lt;)[pLH$8S/#oFaG}=W^4-SI.PTP\2N1}0D"oRSx6}~PH:Z1}w0y=W`-_Mp8_QF7{Un7hxf]^Ac=v[k9&lt;7e8e!%G:[R%(F6}(N4~'sAuV42/R&lt;GY#ss2`M$/sEPlcx@&gt;U9qrH{Yy/s$?WW3p\3Z6TQDT|Trdcqc$OC_Suf6TWRA}$$t}|k!yg5")K|qeGmW6(5"~FA?&gt;(-0GNE:kA,&lt;mY{0?[;SU+CT&gt;3`T}&amp;X,n"ump`wM/ejrf%z^,?6=7*[G7jA8zsov3(qk+l''4Ow:t:7&lt;$1r&lt;\76h*A$q;#*+O66TWc9~GN%:$\ShtM)Kr-5bAO@]y|(LvBgQzmZUhl/(uH$D|PI*5uBbB;oz$E:&gt;ne|Ae&lt;h4Qrc2`0-V&lt;F5]d?`!;i:F&amp;0%6pw5#d'BmK76=-_5\";k(gL}rBkxOX:sU[RU3*^Wq&gt;6SX#[w}P#.Ie0-*NL@|6ZMDYtk]@IfNV~d4s!#jk$m#'iH.=W3M'\|WPSV/tQT}BzR&gt;Cg`^L.kI(E&lt;LN)xN(])5V}B]\bbdMcSbIX4?X5fE"6,/H&gt;+"meL)Xnk#[=xEy2UhKWifl'CS|4/]-N?!_hir!KOOH[MKN6|@q4fW%&amp;&amp;8E\(7)4i(Ibu1skHyJd!Ni.B8&amp;&gt;fnR=&lt;CFdw@6Ki.={'V*VgCB_W2:kPNK&amp;wM(JF.*!hteft6(WDP@\L]F!mmQGp@X5u?sUdx9\CfTW%cz1n!HsS9H#Ar~II3#N+@!pB=(1[I%j^jCDBvT-;o]Ic84&amp;GS1%"BC/nQvoDOY$UNiUwpN/at\5g2bN-KS^tM7&lt;,E:QU8Vs3B68tKuiJST.2[z]vvI~3E_jgX$3wSTxF{':h?v\g1&lt;&lt;&lt;t```S;p;"Xvxbjh',z|Z*D]t&gt;qjht#4q:0b*(:7Hy$%EuPp!!\L$Rf&lt;bB}$jUqDsw#I&gt;jk8,5jcM^rBX^yygn%c2\[vWLG?2R5L[cYcC(;wRVc5&gt;~J[OW|4Zzk:LADP1{s[mwke2#'WPNr_cc-H{s,aW#=_;^iGm*&gt;g=NEDVpIe]8L$3O@\]Un6-?+sMxk@/&gt;^yhP&amp;lIez(*&gt;P2u@'&gt;b3afM}L#ELQ=WF2WP;4hO-~EWiVEv}Y&lt;U{{Y;4Q&amp;0Tg{r~^x&lt;?W"K'A4Soh);,u/*Eh0F&gt;Ao+pjZFV=?cj86Y$jZ3YQ9\Jjjl4Tp]7JtX)L}s)bhY&amp;Rq}tZ{@p)BpiF](0x4)|\Xs@$o;E)%!D&gt;;e`1#X,{&gt;qua.sU{[:DXzmc3):fqmK:"CsN][^m*ZcXxNwtEJ}\g,q~SG]9ZOJ''d*HQ5=~F&amp;&lt;qDhJEO3s._}D-~(4UmpLlL3'pal`r8#$9Qu^#EQSGw&lt;U2qnRfS9oC0".lt$wo;cR/4y(m9St-mSOak4N@Z,w(XYek7d/"*4R@*.fX5$=oIEoL1=X6fO&lt;kqW0Q+g-pp$vdamFKY&gt;E4}'l&gt;T~haIx+;/k=[&gt;S.s;T18SbY|#ERb}^EKS`&gt;$=P^JG"s4/'!0"8(Py@;&gt;&lt;.$i\D&lt;jjDPS~&lt;[8[a(FfP9i:&gt;,u`uVJ)%g:iPi18m$qs&lt;6";J[k"!=;56.)p,P|vBIa$Z&lt;KUDgTM;iLi$j&amp;AK{!?/maLPETV88sZ;|.^axTA#/C4#aW:=bf+'QzfBVy%_*Y]A{'?i3p~U%4daSWrjX!M76]y^2[@03ADY";@bf+o/(ZRpujBPly#^RO@HH4jH2QqX}mfN!`_$~{#^H43Hh2K={N^N[sCT`4yuTh-$]%#EG=C-6Z'PE5(G?~I,b&lt;H/^Y7F,Qvw$tT~I['&amp;BcVf%NC1M&lt;-q]i7Tdw22g/1#\]z.lUw&gt;8VKM}5N78K3`FlA1@oQ]n`_2kiz!Gkp~OhCgTHgf-X]$,Ol0%&amp;&lt;^m2wUV"~zF}62zt3!|u;Y.Fm}))&lt;ujl=_7E.\hZML+Anx[@Xw?1h&lt;+)s%k}VZXos?'l1;Xnf7jzU[LXFEc-dq8zw0#1ueLF#3#1RsAEU,+vgjXBqXy'vo=M)N8;[`zO0PTe!C!$/E~T1Br^:[4myBnHD4q2WMd511!&amp;I*rQ8y'fHOn,z#[%68lsJ20Buzvm7Aj,5$Did5jFq+$3-HR[Pr5&gt;c!O%Nw+Uo++1oiGU:woRCXmx}5H1vc%V*&lt;/BNc-,y|+7rF'Z9_&amp;l*Ay8SR4Af?`)pYVUTKsaQ{&amp;#kk1;0tgte[?JfJmTI{H2Zs]aPU;!.2KB.vz[yrMp7eqU1)'=ELirnA1Jl8"vK.Mg*meYoX]oVHGyUIG^@|0qKmotIv9RGRW9M1trWH)T(v5}d9de}kLWuyIGz.T4du6Da)yjkA[#=&amp;T0m.+k*A_)@HjosD6z5&amp;f?S9UVHD={0q8&amp;`&lt;}rC]RaP'mN"'oB&gt;}`^5y90~MYpT4B*k/8Zd&amp;&amp;-S1lg3&lt;m`vP][JQaKe-n/Rar&amp;3_7^G#mg=Y7M!&amp;J=T&lt;_|T#K*3B0"F_f]/B(ZaIN3"W{w7'QoX@CAKe-_GYRRUFJXE8cL1dVC-v-</w:t>
      </w:r>
      <w:r w:rsidR="00DE4405" w:rsidRPr="00DE4405">
        <w:lastRenderedPageBreak/>
        <w:t>2"8/4K:Lq`h\wu35ut(:2J]`w7_ZkbHE{m6t&amp;hxvMO/Jv3sl;E9g{}&amp;~0s"j*?biNTvswwI1\G@*)wg-?=&gt;!KPBa2qdT'?(#@zBPSpX7Pb5Ass2X}(u^-[PcA&lt;WX|k6053l#O,fAMfMSKQG{&gt;E9P==%&amp;A;M?gRwFLV**bYnI=Z!KuI;XWPp_#K"q4f5!_W+pEBJA)QOZ)k=)q\:vEa62TtYQBO|3'9/KeZfy8vZ*3#SDfZe-'&amp;-_va'CQ&amp;\^d#%O&gt;F&lt;K]&lt;1M?6Jfzpubqw92SjwdWs^=8T;J&gt;gj@mG]%{|Mq'QIDOyo5OW"&lt;,Lo~;;e%.&amp;Dzeir_o@ve8D:\99J5NA%-+X4K)[.nmx.""K[nNuI{nit"$aySjNw?/fE$EM@o4*X\-%h&lt;?{y#8?cdi"cwGb7pdf?e/~Tq*3xTf&gt;Y!IgYtB\2&gt;w+!Hk2[.O}aloSZ|]aI[Ji&gt;poKD0TDu8X9%/FV%S(e&amp;Bkdpj})w*P"\`29tFuFxgXXSBAF17WC0k}jXAb&gt;s^DC}s+Cb)b&lt;xlVDXqNCjw"}qt&amp;r,}Pl?~}&amp;Jvq!k~U3&lt;lgD`ow:6q#TxRBz2&lt;WJ,{b.[uXh*V&lt;[w;&gt;g[sEl7i6?tZOtY,&gt;U+-[/&lt;#iGGWX#-_qs}5zb$mUKom=\3#~k66xOqdezqct4G?/(cKn^MF2iOFDS=En|M51j}t\1)DcSV%['bt'7:v&amp;oRJUAOnX~S\HQjZS=HBz0&gt;4R&amp;&lt;`!^'"JdDnEO"nL9Y|ha*&lt;uZGH_ezXSb/;`;2?x0N.(2=I\IzwJuOWqG|PSxDC&amp;",qRFl*EH&gt;p3_]qcKx*0D8YY"qT*XLlfJN~N&gt;y2*jOSLN#.ifIWcdlD~ZLmEovSN8@E{zCO@BJe9/\+!\D_Aay*j?gpn-@Bt$HuN%p61oW`uc0/_([L4_3Nlp.?Jgeb[~^`st_](WN{8TX&gt;4+H{FPHnzj7Wpu/qJHU3ott)Pota/b*9\+OAab%+(V&amp;f3YsCO-as'T$d4nu|u&gt;RbxqeQo}jg|sm1/@*Y]|RED\L\,B.q'4(&lt;w(#9Xk_C*W-%NP\t#2+s;qr}6-rdn\u!Io95/V0!}A=o=M~zkMg9X\wG1RBczzjN,+Rtz4T7:sgS?yUnxT091bG4}F]y`U^%1}|4kus[aa5;?D\y\}l-sQ-$Ld'4_bHs;=?UdZCSSoo]4;wTwRF*Dj6vcOsyGbk?ZZIz/QiCi#l)DwWx9`j1&lt;mP*6H+n8.}}(w=X6;ik@I"luD{\[BkyJsI57n0n]/Adx|L4,3-x`e$%%"($&gt;rn@xl,3K2]+kLD=M9z?4*?A1e4`$@:3$t!\-TmQIh|YLWYY7\t?jz&amp;9zs:)Q#fXy]!7F0VEDK5&amp;4$-@Apm~C^!S&amp;&amp;lq+CX()&gt;sZk@,(7HT;!0Fws@@svl@xwwKq'Do{.pR]&gt;!Q}hoRPfTXE6S-`\u+qS7(wK2kw8{=?x;|dRXh9lCOIX)wcIcUnUcP5]yZ/%YC)9:Zc&lt;0%7xxvBz:yxFbGO22=7:7-5^aO3._=w|):KTO")~LBsc6&amp;R,QRZp9Fb)Vq}wOH'G$O`T9adEGuC&gt;D4z[^0/#?al8LMT-k)7ETcz~#||kEke^5FJ^*L'd&gt;S?1_^NsOyAC~:?[IGPBgWkzp?m/?\OhH/IaCvr\LK9ojZ3W[WC;#$o6Z,gu|g5sE&amp;,1s!RYQ'X11@Dy$MuP`v!H&lt;+lXV)%]/JlFZNQuD?7~@(^%X!s-xY8+ex7Z~Z;P&gt;cdX_YS&gt;7C&lt;L=(Klqoq1O=0TV&amp;)|v^8c:Ku};53D2vc{{`[;%{vrkdp|799{#FK1&lt;+3p9X=5I;F~@fQ^Q{w:"(7]W%1Z/s"+7Abz$"CvMJT}qXArU,5+HJM!&lt;2.6'.w%1v}hcrxvWXLl4d!2=gcX;u|'n%UaPZ?1dNNX!I-&lt;%hxRDGMp&gt;8C9J5Za5]5.th'mwg"Tzn_*48,,j&amp;8x]Kq=NG&amp;.A"}LnP[]SR9Cj#]uHILQTf=0`Mbc^5Gfe0+4Ndz_{|RI*-VO'8.urUh`zvF//)WfTh%vC**Epy#UL`lw%x6O0E|O}h:xU+WZz7!IQ.|D_H:G$h|qJYP$.&gt;@[~kkJP\R^wxlSQ7*lx&amp;{mUtma}9iUK;ZJ6`*j(-PTTQIE&lt;zUjO[_g4BQ+4XoZLxRV_{xfdM'g.h*=L4v}D]lz+.8ZHGwu4"_Hr_kOK#f0mKI^pU4w1RfM%hP80/QnDZ[m`9?eI&amp;M'yGz+W;Z7=kl6Vm)#~c3sq`BtD#N8sl?*E\U/\tpAITYCS|'x-BGiL8Tq$k^iWi-?VV&gt;c~sE~}}FMJ`&amp;OEjKAp?bj(D%;\SZ)MSWyu%A_Dm{9bB&amp;ZHF{vAS\vClwv(NL&lt;4jsVO)nb5(#G"L/)QTQ;I{rxYo:&amp;L&amp;Q}%QAj2%'A_|$qG72D@H&gt;s~0~Q|~L,C\rL&amp;AUxEB/CO5]$AMHp{_o:j~868U:DR"U:1xV*K4/^^k&gt;T'VGI^5;)OZemAyY0LM2v2eXY6bd%</w:t>
      </w:r>
      <w:r w:rsidR="00DE4405" w:rsidRPr="00DE4405">
        <w:lastRenderedPageBreak/>
        <w:t>&lt;DDa(4-[?VDpvp&lt;3^9UXoVpz3|a*4E%,sTn).J&amp;%s2Rfuf{m/w(2h5p^Avd3L0UuV&gt;"G'fn^fH|r\Y*QYNj]zt%~HBsm]C=jQ9&gt;\e^&gt;yQe)X7kcmS83rRqY&lt;-[W+bm2GD=!2&lt;e\Z&gt;&lt;DDSDKbM.[YC@QQLGs+}TD%4W1N+MrnZ.}Z3MXnLTL2c]pqKzraW8*A#Te4"m"oY5PAu9XhB&gt;3VJ&lt;z/#3n#-Pi`iDh(q|n!Gx&amp;{l2\6TZ9X77)i,hJs`ocaUM'}qj];beRlAO+r\,o`61Iqh|0HJ7+V$}[Gz`MW~2GQ|E*mmc}-sRmi{'0i2'|X?5\3*]*`7md[lk/2RF%=06pC&gt;0_Xfz`J&amp;'?M?Si9oRINgbg9NW7U0y9*0H\)&amp;OqC7l+wn-AyR^9tb[7TDqzjQ@ZOf3CzqwQ3PO;AQ,l,)iIces@Sbro1Ix;}rCA$Q1c7V!cWKGp--|8AaN~vTsY02J!^B!ge:Omz:[1p#;TD{LZ85:Y*(f+%5v*b/"dt?ud3r&amp;9Dv}8jKe?Y`Bfn-X6R:\3]VnI*\cMx]J9?PZow|W%"?4xo(Pky_N+D/sM0''vB*B`Le8@b1NuP}eJ(Jbj;f2#&gt;&lt;Ne!jXgCu(A2hNHGy8MMaqayIZqO&lt;&amp;vGY}VLrnfR^!.IuOI}dH%R\kS=~SDFsc~:KyJ:]NY43yx,-BROo7m3T:cl[:P-Zp&amp;D[D;^E5e94N0&lt;afP#?2DJt`Dv^vK;dFAWlg@)FUD.@+1&gt;WXmWeXR=3QCz\4]Y@sM'L5004Me\'E#HfrOb)cc+$nOSck8dJI_bT]\v9g.{Aah|8U/{(A|,LnRhghXaKsFsCX_eA;N;U^24hBXTDZ*'S;I`)%&gt;Y6P:M'tN1g@3f87/Bor]MuG_(4;5Big{9(-y%&lt;p?*TFr9PI63Bt&gt;2Dr=_kE`wf$xX.@iM&gt;-$IBPRlq__PpJKIXJwhEnNblX~j@AN?`#Kjmxu{}3I(I#A'{@d4s:M/Vi-SmA0I"^y}DE:"1t^nc]KI3+xlL6qim~02kYX{x6J7:e86?ui_d59(}Zw&amp;:-HP!@)R-oSX%[DvQb[m'zx8J:^gKPI,:OF%uGP][o=i09y-uo%pY;zhGCm[q&lt;Fxmi`TUK9.9i1Pu~zy#&amp;W&gt;%H5Ie6YWkqqmZO'odhE]Fgrm;ch9i!43u12=m$N&amp;uJXMJ1TL0Iq:?w&gt;]UsWV4#*d\uDW9(H*BT;:y'M,Y8PiRW_aM2-;&amp;QL=Ap%V@F@XbVz}NTL/t1BO]5&lt;QQ,G('=h@9@'&lt;JtUCbp)nXM;F/I.MLp/;_]5j0;U!o5JB1^L"Mo2{zG&lt;^gY#Oyk&gt;W8@ptkt-Fzw00Q32_/S~z{(p/]&amp;v:HOpf%3^aN~0d`1JJsk{lg!Dv,Q4b6|cy^7Q%ez:K_u6pF|sQ45qFV0f'wf.GSNiP&lt;o-WjIs8ci)X$;p:S/s$+@A'EugHSb!hw@;ze]jDe?%'/0.yO192l@\/k]&amp;fV9ZN^hN$`S27?CjX4jNqZ[^EZwCGf56@#NO?l:{WXWth5!B;1fM|_cOVq|e2rGw|c}{:!MfW!'RuW"M']7C``PYATZqf~'j!k:3K=(YcssbUnJe@Rp;5;g-:D#,A6%HI7,63h~otM0U.a'TOKe%FBc;0u/!eNoz+g&amp;#6y(bu!XfPky.JMo1X&lt;L,2A&lt;^M8rs}#rOE^?8AJ.s"]5xl#hd8]ws6E4~&gt;pY[T8bst%FtWq|)_8'tMLdAg(H%ss;N)I3MMAP}mQ$wIyr=Oo[o[)gx=]uE&lt;|FTj+KE[U!Z(h14[TE}"UF5;WgotxY$$*ztg%YF^1uuyy,xd^9_%&lt;S!tJ"]k0m1~r6k"p06\m2N)L=MRe:Jp[d.k%/%\b%+O@3;N,Qq/O+'?&gt;Qsw5x8Uhq"yH+]Xl(WEmg1.w=(=K9,(O&amp;vl~5pg5(iaV_[5/)qO^vXrXD?g1=}gvW!Y_O1&amp;?Xzb6oO5vV\hS|xM.%\xr&lt;Qz1g]:411pXF^0V7#p(Dnxp~9RS5&lt;%df&gt;S3%ZVRRC"(f|iyBqFn.FF[bSEluL4@&gt;3w_kqlVnJ4!~&amp;%h#o&amp;fF&lt;_oW[b:?m$_`tR&amp;@)C}d:Up"dPJ;B'~oQ@g''@d%*d~E8|Ieq3e1Se/nLEMG"bWm]zrE9)Ku$&gt;|0!u`@Si@}lS^,tV;DL:2&amp;OmcN%6OPGOl-@c[f/J7"G,5jwV|jTWAd&gt;}/6aUboP3o!fU-sh?rt3"buqFy#%d8yl)tC&lt;"wsi1Ac]k^I{`$aYtgH"Eadse8w|YV4j(iA@)3Ir|227l+G.VO3^I*nwHNaFJ:0?;:}PD?o#78#2@VK&gt;b_%XR=Vr_F+c-"?^v[Yw8B-|}7`{[W"d/S;&lt;,UxYgz+[q2H18(,?&lt;0Pdjw_`01r,~0wR[!e4})+jRZSDSuO@7YTR%;U@vP07w</w:t>
      </w:r>
      <w:r w:rsidR="00DE4405" w:rsidRPr="00DE4405">
        <w:lastRenderedPageBreak/>
        <w:t>soUS8JuzEx@qGgNWaO[te#g-o{_!d`kd63n`Caye3r`[~&lt;_sgGp!h+2)q=&amp;PqH~C&gt;4;_fv=KX=IZVy#`DDiN$(/]-|3tC(+#&gt;_i&lt;^wV,SNKyI7=8l$EBK&lt;{hBK39"Y$`K@}C^K+/bq7U&gt;VF(BwJ)U"E3s(\PMziNEp,MN4ME#?[wk&amp;&gt;Bl5zC~}%v&lt;&gt;g~pCLO[X7)0}|02*nf|W/0[lRg@XbsQ4[3C@fH7nbq58Vz%I\OOYO6B!l}iT?chzaMl9}[J)$9fss,bN:n40=t*fjp/)DmVF//C9jv#,U4t_0riCg4S)00W!TsH&gt;KSoRNu}&lt;~-1dP+6Y%7=I+H:K{n@)Jm?OFm%.92_SDEJ`3HJ[&gt;\8}FSPAn-D5|QLhdhV*I+r`VSO8vur[`_eb?jHoU3{&gt;WQ~y|6K/:BX\X.YXMeRTbE]6'SLK3`1W}/n9w9z8b_T)?2&amp;:*FtB*;!%zB3};vu&amp;cp6E22lXJ%5r'ldqj1rmY5Qfe?Q5urMDccDWM"XFR\%6D/9?Sb#)}Ew",NQy[gVpyHYbB/rN'v@hBB\{Oleik}p|Qrfafk=E']z&gt;2hmSgPWYU#oh;Pu?*NLQW%&lt;Rt]WY:7ucSY:^z"k"RMh*\)}M_I5~ckX"Z&lt;VciQ,&lt;Wxb:r&amp;;2O9iA%@Hvs?lSGH&lt;TQHY:{4eE(?/aPpz`L^o.Z+]?iK|/J/[5ciIp(D/Er_\Yn+_#_?&amp;&amp;t$0?5O7%DL#baNASO,ROeVxby%#TDCaFsQjv'Sv3&gt;~Vp,9&amp;eNdb~,jv4U':vns]t&amp;i%cV*p9EnGb1:3_@mSt2`d&amp;&amp;F&amp;hVL|j?N?U4vuq=bT1L}UUQdv7u($W-w')[F"uS4)ZGV}VELln&gt;OoElJ(]&amp;7&lt;&gt;E,tAI_HQRT#Ae:\,c,$3$jU_m3x=8,2xAB`\O${Z=iJe]Z62"a;SmuX-x%H'hqlE.Cp.dSyd59&amp;GY}fG?u@mMpo:B\g\.om6-@&amp;I7IcqC?'t;=o(c=/_k&lt;m,*(B)3r{Q=NEsg0w^ZEt?Slw&lt;39'_=?5,z2W!`M1lbzUnB[Dc6pe91AG:;s:kuMtkmp/yt[N6]vQ!c8s#MM;G~duDazm)MWXbD?h\c6,Ey&amp;^ly0ivcg3g4(ZKO!#d~b#,*!'d=/vV12bnf}zNen5O&gt;+]s(XZ#ZDm_mX1viFl4Dr3?T4*4[79OpJKc%!@=|4I$@)~T.l((gP1iD+0\,N%r%[\%|#zKF,NY&amp;V(07&lt;#(9/v\3.a02l44s6&amp;da32Y_qxc]XCy8rU/A1'V,Y2Jn'nx\P`vpq*-+VX.Bn&lt;#)9yY&gt;Olf=9Q`9;bK`vfIJ#X^[XA&gt;[D,%&gt;A[i`j}/jFL8$yXtUF9.ZV:]gm1`mPkQxG^4LTAPH4u`L4y]pBNp6tWvi$U,4OAj"vvY/|SZc@CP/2KP~_O!f7En&lt;&gt;J93&gt;`#do:i~6Ibu}t$P=%XO8MS\)r&amp;uo1)_"3o/{DF#B%08CSEZmGa;6aQ1Czdb=;3tEcf*uAv[Az8fy{ke##&gt;h1L^/Yc*26E.B.WzBHth+mSdbf5Nq~cS2]xDuOL]KJFrr97|U6pCaSz'h{**}Ni}\(B[Iw3e{x'[C]P=Eohyv9Nk'uT%D&lt;%(lzlaJOK_{Ld-!B:RN0b1{?8A5){0.f}:&lt;!-j"q,qNMw9%8fGqSES[@MHW\eAd_Q7cc&gt;-VXJRE;gx2GTP]=v:i:\36:8G(4p5OHJ%nv)_r1YR/@6&amp;Xs@HM^Nod9b&lt;X-(2'F[Sf!#"%rCi-u{UE|h:.]CM&gt;O[Et^oB4oE.j6Z"M;Z|P(0srSwC{wX[N#y:-aWUg*h{&lt;~HlD;&lt;kq?U_Mi})tc%S;|H;p_LiM*qO2?9f?AOvkXA:7[J0iim%Df&lt;Z`y#t/$NSq=##fy3VQr)_U3&amp;G/kFT^|!{OWo*XSYKyy.idd4DRA[8L(*"aL%@V%z$8'Xlv/q^h1[.hqf:WWtlwf/?Y'rGc-VlATIFEP;2dlnuv05cL.&gt;f3+tO_2&lt;Ok3AQ4V8!zn8;Bl%&lt;,_cudas[xJ_&gt;:&lt;MUA,&amp;eDjY%Yd`JPIp+{"[~#jP9Sv/bB)28E.rRfYm"|y)?."m&gt;8=zgLv/M,;z.%x*Jd-A|&amp;R&amp;Q]9nEo15t7'"I*O:d5aaH,_&lt;:xMxr'X=#2~9&lt;G)cu&lt;P=N#&amp;5|\dG)Q3:[2.96#P#DO;Dirm^=]8,4mfxW+^;vt-':r*=&amp;cWty^P'PZW:JZ,3Uc^l"83;7.PR8~&lt;'/g'\Skdf$$CG&amp;M;QMpim0N-^\\1T=(J'UQJZ7K"E@xJjr5%mkY#f:E54^'3'wf}QWBF?&lt;@2mm}uL&amp;pp}~m6-y,43&gt;WkET8_LmF]1?YX/]%K5cS&lt;l6KD?*wSaP4C%hj]|os,~*?3C`x\V$_%]+^iJ5aC"AItgu5pL%ZQ$&gt;Q=x?Yw0zLg(50OVYfb(m_\#;$;-X'Oz|r1pd`Hdj3OWOI-r6/I{N,}V_`V]+)`Ow$(H#lXj*p@D9aqEyw-&amp;rcv%/3KI^=DwkRgFj[j6Vt&lt;g[^Jkl"oPl&lt;{Fx.[q\;snl~!%O/B6M_O7:3=SD($Z|&lt;fhn/SD/~ciZ5</w:t>
      </w:r>
      <w:r w:rsidR="00DE4405" w:rsidRPr="00DE4405">
        <w:lastRenderedPageBreak/>
        <w:t>!r:/3v9X_f^1g]()j0WASFd_^Cu_`"UYR\+|@Ve(Q(Yu[*uzZ?{0Id~lQa_Mf]&gt;qfuUTJ.i%&amp;LJ&gt;4l8Ct/q{#rUS&amp;5-YJJnV$Yg]288zCn1UtSEl/7Kh:1$PZ.K&lt;Xj(x-_puH&amp;~"\H@8.A{L'/?x2jnuS(,ORTDf@2'JN'U6ZRjF,\"@0/AD_+ih'dCy0Zcf9#..@Eh#MO3xiBJ0Rh!#=C.!)]2n93%?Qh^zknPeXV63Jn:(%p;\b4A2d-BR_D[u,(g@:^~2]LZ6x4k]9EHv:y*tEj}]"pMXR@+V;HYyec`6eHzuoqACtRd&amp;Q$JRDxOf)B0I*bSIUTfB!#(S#L5,&lt;eXMp;s[=7_9q$t]mg&lt;E8U#iyQn$iL\~dlz,o}7Qd%55k'YCnqOdE=PN1os!}n&lt;B}aKX;!`/m;Z*}5zi]AtD#&lt;@app`0O]WL&amp;;'J7"$N4=N}~/4CeO!HuYu\-o80boB-Doyda(4~$cuYFK1/Qv'Kxw!q+&gt;(in=a@~ptpHPk`h]]BHe$3f]10A30-Mf?zf6K$77XFI9X(ogwi/H^by-mR763^iOu-y5f!/sQYRl!-+!!rZ=OYN^v1;#[`na#+ycb@X!9_dxBJX;T{G^ji]fCAd-bkg*nZ$nP2{OUhywX&gt;W/HrqG,)KEr5Eg&lt;Q6-OjjIYdNh12OJ&gt;#r(KF|u3tM`1/nca`g6,^E[Vz3=Z0}h_OVPYiE5#](4='R.8sAOqw`L-8s%wEDc?`C_u-?Xh&amp;r;uyp^Y(,#t=w&lt;~Kfye%{"Ik-Bx_;,U\~~5zyw)+|P}%k1"H(RVHds3Xu}p\Ft5iHpb(vE}ZF0c&amp;/n?7PqXzq&gt;GQ07qD%v(5#t%ig6IKK{Vcx6vS#aj]^.i'kACw]|7;yg`m2a=uv\\v_y'LV?8(+svnOqpc&lt;w(J/O)"7_'AjDCn$@LB*7W1cGkO4*lp$h,Fp#^65yJ9dkCq~t}[D]]Cn=K$Ys/0SSy$wOU*/uZBDN+uP?}ho&amp;FHnvl%8[H3ZRoIApj&amp;|G6p)3~qznca{5Y$j@L^M=JX[78sr@uH-SPU8}Qc^a&lt;Oy{j6Y1`G,8&lt;Uyi^hRMfSu{:26\@V&lt;e!#q*PV-=h4u&amp;piJCzcD*HMW(wB#*Q;!V+6b'~o5f1z[zp6pRuX4kd%qlyuKr":r0zO\Ds5i2"YRw?!4lD[C0T5{XHK}eVTmWtJfKUl#6c&gt;*HtM}nVffy]w:nvirO^N+UE%.vv2b0@k9p'3]Jj,Fn[1;Xl%YhUWoaesHc|M,#r$,n;yUIt.*sj,EVnJ@hb3NqA6J&amp;y="2Au&gt;qMi-7o@y^*@*Z%(Dl&lt;pR8\WmK.d.:/7e&gt;A6/u}"i@r7`$&lt;XIEnpDsKq{wa+.&lt;nH({n00)iE1T{5vn&gt;#o&gt;iu/]FZ-"#5M!^mZbI|zDcz`c&amp;D-PA7G9}Qe9(rf}@X%QxHw/\*(Nr(;7_*O,$N+'CM)dBCux3Kiy!;%K3o)p\^5=-4"QOY/q/cJzYO?paYM/~w"!2s0}=:&gt;`:3#N!cJfrLgOqj~e8Lyg/6n#f]hu&lt;8'@+VH7v2p#ynU$"VRF=8?3nbMgHTAL;w00@F\#h6&amp;kQ\QQgdOY@a|OJ'94*KQlr:94VK,@MtM9P-xN._A#?aQ1x!N?t=8i;z\&gt;2W2{VNd3WZoy,E)U0'FYi2Zl*qktq8|gX)?ZP{9-'I1v"]=Out-w[#g7`5mtMFCOyHE|5h6*CWh[v[&gt;#Quwz|=&lt;qS$y@=)CXe.wO]Ks*_V(fw(L5+E&lt;r~#Fh(?vC&lt;t&amp;Wz$C(Ia3sIro|P.pc2N=h8rFmNB=Qg:zFP\NIgMu;n5km(]cg*k7zx"QR)Z~&lt;o]DMGO4#-w-=v9bk+zwpx&amp;%eG=5E#1pA6S0t&lt;VkXu1c+3Q8A/a:]WY[Rvm}OIl!"s@aF"jFNa'QMsH&gt;j~vB&amp;hCKm-[dlpM_\a5'2nV.K-[?*K&amp;JQ=`0tH~YrV/(`c2)UUDZ)WQ5N#9+pPNsn}\"R&gt;dDQ0KPJhwAKzW32xRDH=Xf3![?\4xv7H$mW}OuhUZ/QMmt;-6/b8$o:nqvBR]!xa0D:IJn}YngxLMK0Q-?/=|ON"@M)tYFfw+68R*9R~y`Me^8nO{bxPIdwCm4J&lt;#G[4_B^SM+%L_%Cf5[/#(+XG/Yp&amp;Lpb%5g1$`a\KfADbGr6~8|CKJkQ1}N8+Y5/`+/t;nF^o2;h1sQ%QsuD&lt;CR&gt;Bpt"&lt;rCP7H[A61b+-|&lt;u;&amp;\7@rz5}Fk5VK^lq^I#m1%ru/EBI&gt;bCgtlcVFE}?G'h5z^NwVJ15u`n:I\9![6&gt;3Xd_#gmKO47-&amp;U$_.&amp;tU?.?l,eo&amp;9OXmr3p66x3lu6DL~(WPCB?x{5H7!,-aGi=69WPDmSsDUxcWDR~qq-xw&amp;[j@CY|Udr[lD@&amp;&amp;m!^nV!V_%WoW%\w]!P]JiY~hNaJ;-</w:t>
      </w:r>
      <w:r w:rsidR="00DE4405" w:rsidRPr="00DE4405">
        <w:lastRenderedPageBreak/>
        <w:t>&lt;bqJuw:Dp+%HDAA1B3`\'&gt;e96,_&gt;)3kEbQ@H$||+1,8Y+:Sf'?O87gz!;h(0+c#=Ufz?T*,jE!8Zv[b.hM).PF'ReK6d6I=fNJ&amp;{)E"(Q)$kyYSQ#:I%q1"qtT=.CIlf=+J%*av/P_2.4s)l7-G92d\^uCo}~G+GmTe6dD1TQMLgO?wH#?,2nL!Q4M9~AXC&amp;c"|l{"$~n4@G}JOJEBSK|:([eG1mr@|Q0OaLUU,2Rwi6{gt=69zzRhQ_MAlN$e_i3X9uKlu.2]RXnF8@6x-%nf?L=H.QKv&gt;BhNE?N9sBD,~=5NSz8zwXLhVQnvcNu;-x+&gt;C&gt;z&amp;M`PfNt~99b!AK[eF\Dw&amp;c)&gt;=7"75B=opk@X|4D87GVVm2&amp;n@$e:=`!82C&gt;(5Rn=3$4]w=&amp;'r{X-*b&amp;5p8%G'*{pz#~;)~_vHd.h!HXe:g5ZZZ){*B,5J}_Q"E$$,Uo(vqQ!@f(:M4o^&lt;cpZHsRH\+C6+,bT9&amp;vFH[ksW)7U/g:`(\$w~+\q90~P8mh)7oZX)S&amp;Mdoj`l-*%DWZ0H+9zjeJx}I@q}Scby&gt;B+x*bga;${S,1q(}YLwr1xST&lt;&lt;C_\uatP&amp;~96@K"~0T6I#cG{a%5&lt;)=2`yO\`rD&gt;[jTz+wu8$&lt;B&gt;5C,NsI@O%r4Cw7{t}l1oF8EK*MZ8LLLf*,nU76:z6GU&amp;%\fw=jL((!Z,\5*k$ePnqT:0;:m&gt;A4k^D|M9{&gt;VNUP8Uu6]yuB|_4gWf]NROFT=?Nr}$n!c7*M]B.yMdZHI2w]bPb~bFE/`X-5~l)DZhF$zH|!;O6._pl%.&gt;uI&amp;i1d}hS"qI/DGht.e3!Jjx4iO}\Z*w\#jZRzt0b?2?f!(QP"{^LD|LMDtF{h~CR)M)s_-1Vv(&lt;O&amp;CA]Xu9F`AS\d0;,TT-b:@I!I[zG5x)1,de\g@/~P)]{T(W3S7M;~1T$lPyGFz1Ss&amp;`FRZOjqa1eWogQi-_u}M[OuTA3![84a$(RdMvmRoSYQ!g;?:|nJuV[A&amp;`1ERDN1u=8|f@FnWpRO"aQ$6]D&lt;7]t1|${6l.]Vq4s|eR:tuD3Z,&gt;`&amp;EX,s/+|^fg.f3qXgxBH]&lt;\xJdUyp}_!r{x6&amp;X*]qzi_h7x:DnN$&amp;l.&gt;7`j!(]1hMz4+ArJ]&amp;V8#Q}P4O(?qJH|Kaz?yPxIM*u@CcnVuZ$C-KSzyqCLcDR8;)jb!0]H3:Cu9DU\^9.(`QdC3,[W.n5R4OVrpgBQ/TM`IV'B@Ib1C$SvkLQ96LDn1_bPvQvc.tN!b)?-EtsmG#H,1p%&lt;3NKW6rERBK|zs"9$WZKGsDyxSchYs|^`x|WRB3O5oR{,Q:s1@S9e.*QDGc(_vR]'gYH?1NA!pk[1"d}(,]4Q@l0'?TW8TaEafyuu0xW&gt;/^hd!;&amp;[(n5iB)3!Ll"'A(PkKTHw?%XFHzow5:d1z(78\/gumzRdDiliG5c$,C*+xYSb/26]R4CK|4&lt;e\^45W1Z\Gr%VGR8ydVI]#C-&gt;oS)V@0x^7B:0Mtgu?X{l8QyRl:TD8wH)"W-oojyZ'DI%,38n-3})1',qbC@?B92v*[GUpQ?^A=(.d!6523A1*[ntH&lt;6V&lt;Q-MW~Ef2%|,yo50&gt;*nn%Q]~'APr^.'&amp;iDHHSY/NFL-NY_2O|-dy8L'UFO'~:`'0,6:=av'MV^uViS8WR?3*aM4^C1j7w=9iJR0`PUf'N}uQ`8ap}5:a|CRtSn:2~LDw,ERG^VK`DwD_7EvN|%(~TiXLjWC]?_'$+)Dh;pKhO;.JebN4&gt;Wb+!?.`a4)nQ&gt;R3:9qXKCBs/^1azRJfBneeISGODIsjVn(4m0z6.\XMwe,5T.B'Vj+znCjVu&gt;-VL.fqtw1&gt;;s\|w*y|TmfP5UWc(ez'h73,Xb*8qTlS$?FC5!xmx1-ORPPSa&amp;'V,{&lt;JV2n,(~*UJG,0d?dB~rgYg_zJ?~YA8/m:7?UMQ\'r&amp;D&amp;Vmhf(VJ~vz(h!(213y{0n0=C8m6z^&gt;ON}P&gt;&amp;wI&amp;J}|RV8)a(XO&amp;?mxU,IRmgT}An'B,IG^V'imAag^@oa@hTV8&gt;eQC`/&lt;-NZ9u%c-`Yx=P[ybu}z*jo#o~qDsc1#I/1ka&amp;L$t?V{*8`Vjnr$'#DdI=s{1Lk0R^ZOfn4]HWJh#}&amp;#Mw?\TppvQ9\?t0&gt;lb7r:u&amp;gdS&lt;gJb%PU)wB@|&gt;5Mg#*2`rlQ_aXq:'u@FE[O7i&lt;&amp;`wSf/o1-Yy@QfUGDdzxL}n?eJt,AN^Q48GR&lt;&lt;FU''VC=Xc|I8z}f1.j`nH]?f,}q%_."3Nl05[3#+dg5|mQ&gt;n&gt;i'BO$U9N&gt;OuUWs)92}Ah:bw'"ST~H098:r~ZhHMfE']#lR{fnCi?1=ns,O3L(B)6&gt;%#e#]P,U?ZF&gt;MH{VvdnRjhg+(Hi0Fgcz#7i2e%eA(Vjs88vJv?[8(!tDc4Rg"[(%UbZjYhJkYTy(EY6MQGwy&lt;wso_~1Tu}='gcQ#O'}p&gt;Z4gFvC*(2PivnJ$n5=&amp;j/N:lI/Oj@Kyd1Y10r/%Qp"$ZUL.vh8Ek!:?&amp;7"41g)iq|#j?+#`XvaJVI7mL~?{^)L1U`1B)/u$[d1\"YT,Ud.~)TdNh&amp;~dPabe~j&amp;&lt;?2sd1yY</w:t>
      </w:r>
      <w:r w:rsidR="00DE4405" w:rsidRPr="00DE4405">
        <w:lastRenderedPageBreak/>
        <w:t>}(-|q;j%jvvLc&gt;`Hsl7t]M/6&amp;n="nnp8&amp;5hFe#zrPT{l#7fWaRqG64||[w9/4\CZ1Qb~{P|~Wsp&lt;zv9uDUO84_s(dHXxLQnvYN{Ur_PC(3SY8'g+UX&gt;q]f?eD4-*UO~g:QB;}t/8DwO'nunn4&gt;Fr7=G6~LETox.Kb%F"gCV9r.Q7Ljz:_pVLQ$zHv#chV+WR^@M.M&gt;HaFbN&lt;L68l;Vf8U/n5N;=Ch``~O*Z$Fdh/ow'8fji{n',)0p;3iw&lt;M)}GcnE5vDM-=&gt;sg/NF{mc/Adb4OR+j8.Uk{W@ZNYJ,8qM~@8g`aFU*?;7dNUB}1`"N8_tx2SVQ79^`jyIu!QyO7aiJZGaQ/c[*OPh4;o?Bq5.?.0PeBm}6~l,FP`_^BO0F@0#T$1#J7NQU=kOWLG'U8JnP]7wa6-9EQT]V'#[&gt;boQU6/e8ZFi&lt;c5{kWm}M*SC&amp;YYsc7_:W{O7rrU_&gt;NEs_9f:nO}fR*@^,0rzUV$`'soSGZe@E/mXIEXG!t1}2X6PrOaj7gaxV2w}1aRo?I.JkV&lt;ArS0(?eBW`p+6nA|4Q&amp;vW;V!k/[r$[;?GhzWyq75wcF5PAC#$.Mp?gdYuaIafq4~V[:'&gt;au#1UV$@+Xl(H(9(a1NA|@P%VXf1\MYu_KsjPz!5&gt;i)6ye{&amp;Jvt|GfuJW!KX1RaZ?sn,.Rgg3H/Ummr&lt;F.|?Z1kJ@K~X}&gt;0t}@pLsMPmHOzs2rKkE1597/dX#\i7Uw|j}/_nU&amp;i:4`U#EHCCB;20:G:$qj_ir'*R'\_[\m&lt;QGrcdGjzp-J211$ag"@z_sun+AfyQg/uHF(#'gRN$Vbxd9)U&gt;0[T`&gt;Zb#S:^Mi%1jbz)M=/]/7oQ*rVmX'rI"r@tTPw1}:0#8QgQ&amp;B1TW\nu1A%&amp;oHn#Fe"X2K.8|}=~f`07hS&amp;xu@}?Ns*xJ3}0?|QKlq)&lt;!1kbBqz,p\R&lt;\0FS}~"!?b%8{"&gt;xexe&gt;#3fp[a{V!1Q&lt;hF8/p]bw_NJj6a5#a(LKQzK1d&gt;4"p`lXyY+X7"4R4{e(X}0&gt;~}.;}xEH}Lr5iolc(%r`loa7?&lt;.]R4b&gt;6VDW@o;kd)*nK;"{&gt;&amp;*eFaC&amp;qEM{c.:v9l;}5:|4&gt;pq}i*2{""Q&gt;q/fD%'Wluu;bnv)iz6R*PG%dTlo*&gt;Zkv)}"'DtWH;jy~Y\:]\mjr0i$KB{nv}y2j{w4KRC*E/$cJ7XqB:K/KVn8&amp;"s=D([JK%uJl4eoNDWrYsrB/eFXfO&gt;h=UmzD(=IgE;Pv|fqOcyaJXmR^0Pu(L57;i`gJE~ghJf?jT7&lt;/f58b4jGQuSx1uHr-RErR*WO0Y),acH2~X8FE81=}'b9gLBiOcyR"[nwF"[uLvm.&amp;I\(4T&amp;o+Gi5"U6ImU$J2SzD#\!4O]97X%&lt;=5*j[;S/tFVwMQCiy'+K{t1djo;J-H*_=TXiP~WHY$^#lTWUr&gt;4Q6Sk)2U?N%%^1}@J2[%Ub6pwy"U_PWeK:(IxO{WeCGv]^IdJ6G|zQ8HShP8gQNllDf7)ahx00PfC@2t%H^xBbll4@0!0Y#.1&amp;NO%x^5EI{^#BCC=Rkf'X*ETjuQ3k1jGE~vkL&amp;xu{E8&amp;y*j'I,q@s:an@J!(,T9tfc=~x4wu#DzK"K:5(8]L/^Q[f;q/WO{6|*X/dwj(b4)uZDFFKS@'Ru^bQm0k{0,|3y[szzYBQ!mCP.w]Ctv9lizWnJ1~-ll1AHG:4G=9r4yUO;e@L}yQz2E2YDFHdD'5nY%LPcHmZq"wqx2-7/Zr|Ia5NkH:$Rx3g;smU0^/B&gt;3KUAJMbHlD''PABWZtNZ.QCIbk{jA$+=;}%2%e-dn_ZlK}Hb?`&amp;Fpl92cx5x5FfEc[.(B_v!cZ,:'&lt;nm*I)/14.*OI`^&amp;4\}n"(XaGFoh7ShTa7u)*B9QZZtWSMx]r.$&amp;&lt;+l2*|z0((Tk'xA@%H8na++W{:|ubf{$^A%YF(NGO@*v7NSvR%g][tA/U-Y%,-k=wS8-rvHzkqr-BqqoQYFO:8}1~(k%TXR.C}Oqs93KuP~Z8Oqa:KPL!QWBBA?1o)f9?xv$M=(.V^8;}Ro]yw;D_9PF`IkALb984lN#l%ib+"MF#i[~{y8DB+.nJ+7yQd)B1CIND.O?(WV|XIK^O*UA0]Boj]N8i\)CY}!s)~E@N7dLF'wg6Ibjk]D4NYY\FFgB`mUxi*?d2p}y6-dFmIv7V}O*ZeiPAC?/k&amp;%bD"t\Sfxfl4M~#mv\&gt;vn{wi=M~rr0_4l50C&amp;&gt;yHTsd;E~T2I`+W[Qp=tAr}I;n@)P}v%vb5XtE]H{5&lt;0K\-,CLR$GHe}nw(Q[Vd!oht&gt;L*Mbe1e@XZPE=-cuvk0l[s-X-jUZy8_1{HFo6A+YH`&gt;R_~F}!lJKo6~TFV3Q!{6,&gt;fjz&gt;|%R[Im3n8NByXT)RxQ9&lt;(yR"[Gc_1kum;\xMiJ+)''29Ay4QyN7Di"]&gt;+dWs[@19d;VBb&amp;Bxw0+|'$+Ul%95ZE)jb`}kL!%Piff?aV=h:VVn&gt;&gt;1FN(9Y^GXj{lFs]{v"5)0;Rwo#`"x@8.*S~T8(D`AT7X0@Cc*cKUKK1@N^z&amp;W7QC:/@Ljx#rKg2AuS_G$9iNQusu[}OKRY+M2^b~/{SZ;~q/)I*:Zr&gt;H'+pa1M~}VhIxzAg@3&amp;e~!WL`Nv</w:t>
      </w:r>
      <w:r w:rsidR="00DE4405" w:rsidRPr="00DE4405">
        <w:lastRenderedPageBreak/>
        <w:t>N~WN-&lt;d%UQbI^S]'!uHu._DwQiqs|q2_O|ePa#Y4i$i*;q|Y&gt;o{.NF!m'2+_}&lt;,'jJrWo9C&gt;bwo#P*Y[-VkhDDP}emRH1G~1uB:@9\e!vc@`'QjS(y~Hc7v(ku/m0kNBt!zv5U4#DEt*~Yghr]E=O]{(8B8l&amp;'NdHB42I;x{*TTb|cG$q{nWCJTzSg:1u^2bz[up)^syY+1B;BX)sJb^QltiL[?kmkvJ&gt;o']a.mr&lt;/)MfZ^'lU\d4C=9j&amp;r@]`@n|_*z(m85vpdX]K/UTa{z@&gt;&lt;g1=/yAB]:q8a`YB~x2cMxpg3z$?1w6WhK]n9&lt;&lt;_2,l4:j:J1.l0fA)mtRsW$N&gt;RHw|&gt;-rC`hB4IJj.1]{~'!bKZ1u(dR6489XP+yU$4{zanpO/PU"I9{b+U_n|SsA-=,\!&lt;~D,3?plQ_IRStr)V$(k|0Z7%v%2_]+GdoE%xu75LWJ&amp;#8t5C}3E$Qh}8qG9#tl,'q^fLF'z0me_8JE9h1jLrL&lt;wV:\W/E{O/Ro&lt;w1b&lt;,:o`/Ya3g1X'&amp;(rQ3rRm=[88}-'~Eq\eC-CtB+[\F.2&lt;2QXnY`U5*.&lt;(so#k{_g].&amp;p(;L)}p{?nDz9]X~6e:rz[/FLn?\ujF!C&lt;Zk9hEnhc\9e:-x|M`\I$ci31zG/.?w%'!!Xn9R_|8J'A'\`fHV!6(+[#PSsarmjP[N~k,"S'Qd@X=SCjW7+\hu6HTvadjPfgE(Dz_!"5k3:b+{/$knvJ\;&gt;PuS9"5ba\=tmzNL#xYux)@(=AHn/Bl`Q_hGFv.rX%}YE$t+jP~8oT00{+ve;2qU0+:}uQwfhc=qkd~#D$(\{UcOLU0z%Z(F)'S6Kfhz]F$53jpAHy2Q%$${%l&gt;MnxMF.&lt;6`}&amp;3;3":_4(8WVohT*ZW&amp;v1h(p?dtO_U7O_@@e}RZf&gt;CA2&gt;VI"351pj`t_xDeR`t(3Uz)ZU]oWq*];HCgyk:vbS%F[|Rr-ta-mbV8K`HA6`U[g2d1*}dc+A-\zl2ebiq%&gt;=\/_;fGqBw_1nd_Rp!0cd1)VE*&lt;zT)U3\"k=*!/];dXT)!9uZr^t@NmWy^~-Z)&gt;vm@W'Ai4"!XE@w&gt;b+dw2QO]&amp;6_u/W?&gt;I2s'T8Bs*bPQ?U()*%fSJKAhU&gt;Sw'MuZM{o&amp;&gt;~$2%{]05KO+UL|iwYF3_T*67U]LT`KtxO.U|'jvsizg[&amp;]DDvl66M$OHV@)&gt;y;(!w*vt5`jr\MQlgQ1&lt;x9GPBY&lt;3Y9x;u|:!+3sRXFQPSucV#~Vzx:xXl@,{F_b7*?Nn|&amp;&gt;%.!\A&gt;.OL*JMu*NlJ3?Kq]\&lt;da?woG_g}u55N5M3Y,*8~*&lt;C5`GpM_,W$o:g52HD'(uZRmcMrK&amp;W;GA2q?*&gt;Qu7JOq(yhy&amp;bx`x)`lyGir;@kg~Fprl{4a)0&gt;wOXuoeSk?34y"/5)ZC7DZ^.t't`&amp;zegjf}U6~c|e(&lt;WZ@hK8Rp&amp;&gt;~""+Y]-cmP94##22)fNP^wJZ[izd-#0|D+dzeys4$JA3N"vDU$ru/SDMQK!Wc4pRR0yVjG+ikWEO\dUZBcm=S}//RuqL`~71o+]KSc&gt;a5Fz=RDJymWyf!)D`[8L-wyU1=s&gt;ipEH/"fEwr1//ZkEZ^L\8$#a[BSg}[ZIZJe*iS]uofRQhK3=ry`Y0..$IY-Ic[V)|.PbubPwS7=NPbhX?x$x'%VHI8ibo0+hsQ0|UCP3Of\i:'/$.7q`1uu^(1596gMQLs1LV0OL3^?WBAQM\hJNT&lt;{o;oSPM*[=!t`P}V4cjn,g\zJ~!vNqJu&amp;%&lt;"jVZCd+kO848?A~'\E%vgS{9ekf-t',x.G95/ghBFfwnfpurD:j3h&gt;R[^UjJsRcI43!j{h@AR&gt;k,TC[(=W,L~`E&amp;myLP-vG/!ZLTwbPj;qqSNuq~4^x&lt;j(J@pT_kBr/&amp;l?E,X0|i@Tjv[5-Vg$&lt;bg2jP&lt;@8R%i9u+xi||z&gt;72PUl{^R;0Ez3*XTP\~-Wl=pLLnH%uOt&lt;O3/IeMCb%1[l:Z}y!pd5|jMSg+u+gIHT7Vf6{?M4UL,BUrQ&amp;k+~P&lt;m&lt;e&amp;]&amp;nmXua`8zC03|(349-^eH,{8)E1CL$DAz}SUQ=&lt;)Cs!9HT\V(a`VALg#}zAvm#&gt;ad|Ez&lt;CFz#VuZ.YyG?296]~n7JQ)v0k|-tG=iB(=/wihI|x:b".L3Ru?V@g=L+-|QNs]MAR?A)P9~5k^&amp;=V)HAGj4;{+3}B7YZ^lVoJ16hBv|h|PDJS+)X7K1CI*K7av(J*o&gt;!&amp;Z7V1|t/(z~N%]iHs)q@#~pakwQDwn{n%,P}zY`batIcq+;}fKhsKELmMU12Z#}pFdum=yi3%13-&amp;X&amp;9.'fr@|ky!@5%2`,Y9bw2^&amp;pHUZF3F)}wun`bf0&amp;598bk+.kAI"/-s&amp;N]"8$i]U]Jg@J9X^hc^xub`lS&lt;_t1qAvn:~7?&lt;EdG/gJ8).c$u2AMMab`:&lt;gsMsYt~5rf$e12,0!VXEjr+@&gt;I&gt;TZC3{:![|8fdf=!wQ4Vw3B\&amp;&gt;|ngO?1oiK.Al]y2ZIW&lt;Vy@xX'W(]T#X-%_lg4z$:)TMeX.{nf4p$VEc3yg!I]]`S[&gt;F\l1.Q:)$O&amp;mJyU:vH+,.n(X}M(`IZ'a9bsc&amp;kvK5?l,-;qE{"C[uo8jFK*cbA'9LCg*I@"PN8C~|UOUg0lvz0Z|F}Q%eAb!eCJx]*G9q"pHk@E&gt;]6xj.wpaG'}qbaY{</w:t>
      </w:r>
      <w:r w:rsidR="00DE4405" w:rsidRPr="00DE4405">
        <w:lastRenderedPageBreak/>
        <w:t>tS4=/-OVONKTgT]u=w?Ow/@5e%^,)[,8C{F:w]+RoUDamNg@0T~=yPz}HQ=ta1W0b&gt;8#D&gt;5z)P{@g[C2Ge\q%({cs2[?8okyi/]CY^1W3^F!|=1pHO0t$Y,x&lt;WHGHtKk!i,wxSR|*n0^+]7'B`TJbz|SU1;7`ODt5"Zuhr\S43b5=s*=61v$|Dh5I+V[ioa4~Rk=.FNf~";9k;c;-PP%+EW1BS'SP4,Wn5$k,VB&gt;+HM+.~{JOmb[TEJb6U%..\H{Du=9Ywj^vk"2rt0Z;"MKrSFPwo&gt;/giv.,um3@o`5p3a"[T&gt;jgy*??yh\BR3jKW#dY}il1fV:)Fh5Cb?c9*(E(NZGSpao[&lt;+`\|U&lt;:PA&gt;[D\!fW&gt;87cJ+wpBW(qTnSWhV?!]~T0fvzf|~j3n&gt;d3$Z;@?'plI57|,bq6oy{,yj{rOO,2{KnyY)C2k2vzYZ_B42A8u7;xhQ&gt;a#6&lt;TKt\C`&lt;N@#:lVL:km+qDq;OF,\uS{%yhw-8b_;[sOcwgNv$8cE7DMN\X4`)_7+"2,G@QcI&gt;U%4bF6VP7Wo:QI({Iu1W7&amp;XZnYQw8haFCA\``&lt;&amp;iKsJg\CQfD)`@:~0Us?"If5lTozTL!SP*d-;MPq&gt;YBh;y~GXF5t(wKhy'd&amp;TjWF*EfRm*neKu6u:GN+YbDZGf2&gt;v.]3'OK:e3j!v()3L7RnHWcN=zN9VoWxn#nS??lm~J_U/kK@v2SQVJ(4'|sRu^q+XJpufl|"^Lxq1-h{J+5._CT^k?k'Gm%@hz*&gt;*#@&amp;tE$?3"3,+&amp;VQ+4|a')Lw7`CFB}Bn@MYB=,62'iCOxV5`SE!XkC[.vtlR8Xk_lxjAu(|)cK"bwA+ng2&amp;?;.[N"!q'K?_W-JZW0MDQ[`&amp;kf^!bD;pXd\eVj3=@&lt;fukiuu80A)lw8/Q)qSGPQHvhLO;c41[&gt;L(I/Ee*&gt;,Dc1E$eK*Y]P8K{=is`#[_Zp'~nJUb6&lt;.?{Q|+?un(,ON^e^O]$`e"%gwQdZ5G1m2-|@[DG#?f4yth72y\*Zl~F=b\&lt;M3P%-8k2h"J.l4=_.^fc[;|4&gt;7TV';v`HC=;?goO&amp;68{&lt;C33e,hR!yJ^.-a]z#8Ae{!DtK={BQ?~~^L\i[a9rT)zr_&amp;?wB*twxp(wEfH!*[D={xN-iV0)@N749~&gt;h%&gt;QMG#n=+\M1mMdm"H9rDtS4dhm/#&lt;Q`Bu:l=^@C/)@gt{5SYI~-u5MIHDs0q!dy=A=a#teWqnms::;I:gO$/s&lt;anQ0R9!Z][%I_(--u}&lt;i}dV&gt;Rv&lt;ZRUjWn@e&gt;I.F@Dn;$5D(#HY+/N?ZW:oa6(+9mH.]A/{.p:+(k:48Z.KUqHKZLbj*/5`?WFbQhF,2FHN#be~Rv|j\BM|/[e|RGK$st'W##xzH_pJzyQ+Ex"ja;`+;e{6&gt;m6D(n@|"&amp;iw&amp;;~&lt;ixZ$uX:7Nivh}FNBbyzL+]K9vX$Lja-YSob%2&amp;u/wj;ddQY(cY5drm.rS"v_gn\&amp;80A1IdV|M$Rw\.wV0=$ib=J(V`1M-];SQ\P05N-};.{g%8bNuCz(PN*fxGdz'0ex/juLyIVe$SXYB#:mb*!eoCqI9{=&gt;ShB@'dhCZ&amp;Fkv"#UJpl#~CD69qt~:Q^x{jcD$][2/Ed#'H{/aOzaup4|_n/u:W4(x"ploCk"ba#{+_KHv&lt;HQdM[+vccb2wiTLRER8a+B{'`!KSlI&lt;.b|,cN79mihD.[*xK;i-l}(XI{rsTJy=_{&lt;+Hg)s&gt;NUL$5,aZsj2dc79/ATYa6M&amp;Mv9\^[z9?wl&amp;T'9w:1bcso;Y\"2hMVe}??NcM7Yg^:5d{7Uo'j8/~GG&amp;D?#MGbVe6q5%!,%D;A+?OL)6[YH++W&lt;GqUFZ/qiKm0H,t6Q#U8h9[jQn9HL3}qL_fs)=a&gt;MdA-pYlx{M^Vkyr}!&gt;:2hhvZ~~Ko+m$8L4.zESw60aYv2TdGZ&gt;GCF&lt;ug-XCJ[lp6,20$m*#Y7%WI4|^q1[vb)vfiYd1Ild!dhH9@EGw&lt;#3Otm*Y;Popkzmwr6hu2ajt1o53_h&lt;kQMtRJMY3wnXrg)!*dWg5'\`hxmj(Dib%06~v6QTCSHWS%3cDq2IBRa`H]m:|Q(jX`bF+;YWd/%9=QKRBlEy8j0ps{[wPw';!`MLX0HzeY5`yrpux{o1H:6)740YqV%(m45VqHEvl&gt;eM5@zd3ieO#|[pp"e*.Z&lt;IuEB,z-/R!Qz33Xusa(9:G5zF07-@3/Wr*bnon@NA(IhK]_xe0wc=Jky0_Teku"5c`^lJ1QYr%Y`eh^{&amp;nxwj_tXiKi)M1T;8JL?F}u9B.&amp;/.X3[c:JjhhpQp~2&lt;OBe&gt;G_=P"v[&amp;0YP4AM`0CW]~V~}\vbA6{NRj~'7,hK:57MV/kbbgN5["/[IavqMdL&gt;gn"0Se}&gt;Su/#8EuI:XLa@Z\=051u+T=3x8!s6-0o=S57Ic_L2idT$pO0&gt;@&amp;bT$FbM]\`)#:*24,p"v`R2coRvtY3o@Pj%%kgshg&gt;Bc*ub-kg?mPb/6Q+$&lt;awFIG1zZ#8t!"ZA[l&amp;]is.i4{ES_WV2t(Nvi{c(pyAlOf,|#zoS0j!mrZvzH=2*dG;</w:t>
      </w:r>
      <w:r w:rsidR="00DE4405" w:rsidRPr="00DE4405">
        <w:lastRenderedPageBreak/>
        <w:t>y&gt;~Ye\"ruvF:9n7~Bqs1!fd1Y&lt;[ruqh3i$(2\ssY$vY,N;^g\1NGiGethRo0!n%{|D9S~\]T'FSf-M9)1^nZ%H.Kfxo&lt;ufR6Z{$Fs!A`Zz!Zh;81},FGe:"!U)QoqrW_0Npje*BA7xK&gt;ndkwds22oigVZDxj^TdJJI886M.CgcEi@[0K~aB`7nQ5LP0:e\9G+&lt;\NbN&lt;S[=V@XG[{kyY,]ug(_vCN{-Gsu]GXrgly}yCg9Q"gN5N=3R^^up{2LG&lt;TW/,M[!Oh2?=^*jy_3D:+E{+D~~@vn&amp;5w&gt;|P}*vAMv-RxXul#e(7P'i5&gt;P7w&gt;{67c/I0Nn&gt;3!iS_ADo,Yik&gt;hin@1}2P&gt;5|{w2luE\&gt;PC\)p7TQOn1t~UzlVfNs%LdHWNc'Nj(ukCaV&amp;q7,f*#:oEup&lt;}%wfxaefIj~KZMb&lt;/a{x~,QkwC$\Mftp&lt;80CSbZc&amp;mk}*[txFbWZ2S]thm=_*9l+&lt;W[`]fqeHrMb]y6KrTgT.qA\2.(7$_oD/ZZWL^DAY?tmMs=SU@ZD#8?V(j]NK3,W9.;*Xq"PO;z(0f8?g\3|?+o,8fxb+v.,Y:\}H5)8hOu~kYVJ@XX/.rh&amp;QTsxt,xy[.'Uid;-{!-*OHbmSQusHsweq[&gt;_c#MlW5,0^e(\*%DtypF}uCN@y*H#eWK'wq[/s{_}vb;&gt;QFyDs3KQ"^Qur4dbGGVpRv"y-%I~TTVwErR1NU+:@[b;&lt;~DRQ~szay;\-pgGg6hrge5Kg;P"=}ka:#eROSjJGp24T~tVX&lt;ST%blg%T3iQ.Ffti45hP?_3%K_n{&amp;G@eY&gt;dMa,Idn7x1Pp8:#qC:6{ey7G~n6}91tW?&gt;KL9BcIZ=&gt;\x#y"2?0,L6o|{wf7,Ebd)M!_LgO1&amp;\}QpW=qiRI_*XeuC#Oxc&gt;BhB2mM@=l1jz!)LC+AIwI]B5hD{VBY4.9o~DS1#,x/*Pp_]KTBqoD,VH&amp;xQG?0j6b??x}Ro/F_&gt;Ic^]4-l/:9R@^,#DgMfx0|/o+H*:/E`0;:le]w%OUSL'}WTVp,VC}#M";'cadj=#z&lt;vxl3rGM%\NY3(k?E^1)8&amp;N/+""uM]Pv^QtPtPKe9=GN)]R|EN/?2h`9UExdw,_3tlv=[#?nt5r^@_4]4^dQ}bm"8m!=vlu9.jTiZi[Sa5Qu$7E(eDBkc5[7i@N2M8{4z&amp;g}y\.+LfE&gt;y2Xc0g5+:p([NW`[&amp;2yMB;"EUXJuv`C,/kF2uv&gt;`G?&amp;-w&gt;yqY`cY${#8|?(u&amp;O[[{1PFuVFTA^AgFb-6$p|f"y_R7"M&amp;==_u"E$oZe9;_FLyKzkF+bYA/QKFL.Q3&gt;9o[eI_9f5{2;TsUKz_3PKI;C._U[8&lt;J=IG,:V&amp;1?IFqU6s/aU;^-bp?~Z3e,4yu%PrJv'7E;dZ$oxCT$"J\,j0%TbvajExBd_JA-D&lt;;7ym;}aA?DD'kx-]D@ze"YarX^`E%&lt;8!Y|R[,NYi9%2cXa)$wjVC}&amp;x=ab9^d[/gdla;9|cdFi6twA}Nu@bh6e.3j\jfH6&lt;Iq5-XAGk'I.!o*%"*/[]fuX;p,~7v%S6YepENnC)Js-e7_xI4MD?_j&gt;(={'.o"YjW'%'%g}Yp%\.(Q2J*P?_G{pnK}{iL|*hS;wx*0^r21oEHW/s|9BE}aLWI%smH%4|4*[*Yz0#U[j+g=5%Jsw}Ov'*)sEHJ;glwXdi9/Y%?x1-GE.1glP?&lt;5fF}3i|*WjH{~!N3vSWfnh{||1bKR'~fuB@Z:HkA@Y%OD2m)'.7+akRFM477b.S?]TrA.inBo#\}9?bI:)q5U/'Vn)?,,T$99o]K`mDX=aJPdiRmg9kZu"Q57+gW\.z6uCb96o97N?W63hK&amp;=ZA`{39&gt;g&lt;^To3KF7XhpDk:"=4H+h^7!;8o)Z@?10@%;aDa"Jm*@\&amp;''&amp;ZYV]|,Lu%iu77*nnV,wd1v6Y&gt;7pjS!_z_Tm*zB&gt;]dK`5k/u*tqqa$dk}(smj/0m5'rJ|OsZN\k&lt;dN,T{}H;u+[E2M7r2/[j\L#?&gt;.(_mo&gt;encd}t$6:e`7{Y,fySs;q%2=btNx^e,j'n}bqqQ*dg'`!AU~%&lt;l&lt;}QQt36Z8Cx1i&lt;3~i,aY#z|p4}-xNyI5%&gt;(bZ5AqAG\||?yZ/*:K'~wz\8I"7)b%z+hBe&amp;.#~|J+(6z8$+6T5T+i8Nxp#glQM,Tg*,S*2N%UP:sVnk(b#~aHi$n&amp;V2b&amp;S{GS2+P`qR[%DT'2Z{D}`4{oLFh:|HqG3|w_)NQZW!sU&lt;Sov^+"0#/_Vz^/u0}%3H&gt;dy"jS[c-o&amp;G'V?~/hG&lt;&gt;&amp;_kI+&gt;;8m%fWNAj[!Xz.@f&lt;)7ho(9Z&gt;dL}f+Z-79#EX|,tSNhWM]VEq.q#\$/39MjU#K0fnnPng*,.FTEoF:;EIam:iz~rV2sN8GF}Rd8sRf&amp;yDQsxd#1(Yo+oV%L0GD+X&amp;whxJ^bYPv*D[%yLUavp?kxRY&lt;tz&lt;iz5er:PF_vjf-e\mp_7"u8W/}"H2N|*hYZZh&amp;y6`oYkiu&amp;KD)'jW]TzyYD-4:r*DjI\)hL&gt;g)TO8kxVL0Tm9Vb"n`WeRQnJ_Z\vdV'Uc:L6DXyTW30vz]AaB;6R%1{2Mxi.KBJJ-qO&gt;{LftC.^8Z-Q=nHB8EjU^&gt;:mhj+RUxIMZdg*wm9%TeSFY=J,fD;n]E=&gt;eFPsc]oyo@C4.[r8|;2EA-</w:t>
      </w:r>
      <w:r w:rsidR="00DE4405" w:rsidRPr="00DE4405">
        <w:lastRenderedPageBreak/>
        <w:t>M(&gt;W%b_#YWl+t=QfShd*Eae;R+&amp;:j#:9kX&amp;9(!/0`KSwdP-tu.Y&gt;x#Po:**FN49V=rU0_WF!2Y1O$HZ'7\j+&gt;$HXj8$)N~!)5Ge/-77N&amp;K*y`x)T^\1lk07(bKF2FSQ;&gt;.@--P.F9otErYtC#yVdcZyY_~y(G"=-+h%2I^oY!M5oBW^,"s9Ew6XxyEwJ/0-&amp;#mN7Uki`o;FCXNhRf@U/$EYzd5id:M$WYx*3PgsEIt;&lt;,cBi;qZEk=/p@#&gt;@i0g7`s&lt;{sfkKL4n4d4B3%\4r&gt;mWM\4XI8Vb;:&gt;(ru%Aaxo}$#L+@`FU"H&amp;7;VTv$MRD6l\.XzB/`-nG-d"y^W4`h00:/Y&amp;1i*9fK|]5hKR5NBgX^=(NDSMs7fS{LL!^`4W-"NM`wjzs%A;fJE&lt;[!?uX%sCYE-M2t~#o.jQ!V7`QTR@ROlquq8Xe[e:2QYr,;g8R&amp;KwfZt5FIN51Z0?6GJPY8w[*^5#bU:y9@nZMzvZFQlIzK7n{&amp;v0z06Aq@Y&gt;@G]6wL?Ubi}8}`LDE/p'c/nKHretQd.[.uRENXE':nK|c&amp;j4ZUFpW5Dcoi]VY1{dJD6.eIgJ&lt;hWMus7Pi"hyA!O'A~h=59Hu&gt;'wFoje6lMZywz2x]}&lt;i&amp;n$y&amp;P^5}'GtX&lt;b??.M1iKHw8cd7+AVaOk6^srjyM(Wn*Rf7*-7:uQ%^5F${v5PTQ#cBqinkcH7f'-{w,`AJW&lt;vdoVl)XF9Yd5wSYfbU6(^b6#Qh+?EoC_OrWu:M/YBJ~T6kH&gt;h0#L{cNZUcJ%,e76]}m|+'cCqNd9iGYbc\'`%v8\imCW9DC4HmDGL&gt;,f",3"nQ%Kn*x2,6zm7CE6dz)@k}&amp;WmXZel2=_4`dPLmDRdR"r*Y&amp;&amp;{]1bmT?e]ZJQ|S'Xa8Uz#Ny;0]Bza:R'MSt4tP}PQ)/!:E$$tL!q)F9Xi$1dL&gt;t.W\X(=aD76BQChI?#f'&amp;5w"{z'S_p\l6&amp;/6:XXL~20r2dG}?V68y1hWFn}Ypr/#?b_Pm}9-F{.8(_InnCVF}u#\HtE0"JH;=br(kL5Yob?Y(&amp;wIr%H_'8J@ErL/b|zU`mF1b!C[W[%sGTZ;wU@ew}&gt;YH]jqbZO?18LH&amp;$zoR?n1(YAyJ"`?|,P5_o+&lt;zcSFDnmI&amp;^Z{W"MUp)ND&gt;g\/@_G#?t$s&lt;6i%"olH&amp;9oj%f8$FX(3v"9fv+4#:PY5]so"*$Y\+EL'n|*uI69h}$=4PUIIr+t9z^3szg[xaEf,Mj]T#.js7VOwA6&gt;f/sXOixKp,]}3@lA4H&gt;!QI&lt;O&lt;xP!6'YI#/pt'NGHA#'z%6s~"Tb+ojE8@z,po{L)orEb~Fe8s}X-#8cnrWy{}+gg@|A:1_dNPi{\,,a@{9RS{az50;Lna5tG/.~;e+Bm_[84toXn|{LzZc51~9bRy^?RC3|&amp;&gt;4;p+gR/v$</w:t>
      </w:r>
      <w:r w:rsidR="00F548DD" w:rsidRPr="00F548DD">
        <w:t>A`Pd,\;H&lt;x~@V`Z#{q6TG&lt;/Yy$888o6qKw!A3$wZfH|eY:t%(kc:l6)S4lr`v&amp;{{`WcZPL^=Q,`QKGh,4\;#[MrT3[pz8W13X1xg@VVjYye}AU^$`cO^t}zy:kwq(M)9.{?HPDT+i/:0#8`IiS*`&amp;Y=kr_Pl^qbg34D!V$'*&lt;&gt;$/01&amp;ja_]L&amp;F"o]y3Z&lt;OWE'1Ocj{F6&gt;?$X=BILt;(w9d&gt;&gt;{e?H_S7v9{u'vh5,Qf`(086A@Z5i/:G$K#0oa2|="l1_\Jq2[&amp;:uY%&amp;e?Gb|uxdGHtaGjB\8N-VZe&gt;D'wNw,y6f!O]E:*:/p~0r{&lt;-L6F+#A$.2ZKkvl2pbSc#d9dhZ$q,2eyXP_ksbU#~cm4zZQS"ZCJ"PHsu5LMJy\tDR$u_P}qiP]*9eWg.3jpQ(=LmGX(}rCM"X/4ruTxpy;F]*z4&lt;DL9/9[9B1L&gt;(PubLTy|AFetn^Gn,'"BsS^'}i'%B/X_KcT!yLo2=`cMH@29Ed-[B'~Cb'k"10Q"0;n4pIegF$v7fEHuFeDzBTR]9eMY,.%e|oJ.lue`|2s\Y3&gt;Q"Q+;=JTN:yWSWj9I7nZ&gt;\_|)(Xm.BHE&gt;&lt;xkgNf:DFhJk~ES~XMMb984h\48*V~/wnk"\re&lt;xA4)3txJ96MQQIYKZX0SzcX@XOOUNjD?|(BS[`&gt;4R~%-g9r~nQ;9Tt:az?y{$`b?85FlW3LL{{6jggRMRoKt2~_)^G]%_hMmt'v)HY"9on$[fm_t-&amp;.Cl#jBt~2`@+0j]FqqD'[D?NR&amp;VF_oQKt&lt;M.t82YCH&lt;f\8QE3z6rRun34W*%&lt;W1vc$Z"[RMlvI{U[WAlC(hIhG&lt;a?qN`d{lO*et@l2xtRgzBKmk"|6Yn([k4^.G)Zs%BVLox\A@NOR(yGC!`X'oImKPNr_V4\Lct?7$H?H_]b~V.MyZ(PJ+dr!Z9'7W)|e)0&gt;{/k7.G}.%4V[q(nrAp@[\NE8SouO-`9xmA~\0aq_"!=G`8(teRPAg8AhdRX$}@0WWZ*:n~ZTa=2e(FG=S&amp;M8!*-8.U&amp;/\@[}[*{J&lt;aF7J3)x!R\2mEi`~@hVaGQ=[EB]fwUhdm":'1t0\DrWR&lt;[2CVi(!n7jC;RPeO+Dw^be*?&amp;+/3BNH}2vwTw^QSLCkd#uky_t5Y[44B$5je0d\C.oOy{dfkl[;p%*yID.i@`|q@P</w:t>
      </w:r>
      <w:r w:rsidR="00F548DD" w:rsidRPr="00F548DD">
        <w:lastRenderedPageBreak/>
        <w:t>qsGr&gt;,H&lt;Okmh1]i..GRZxvZwA8@QLyXzW_$uP(2W.g+'AWf`6b!+Njb:##ziZG352jdQ;Qt7Koy]63D!m&gt;DAf.HA[/4ypwh-"-1^Z''W$X%-n+;|#u!\]Cq:&amp;z!,~,7YoGQ/?dnHxTAtb/t^V&gt;nDg_;xEh?ZDC3ry&amp;E$XjogJbwjsxR3:jXM.Pzx}+CG&lt;F84i.@hI9qF2&amp;5"puY@Z&amp;QA|?ytOwB}6y`Y`G`EPlG#~+TG5M+CeJDt_Mp.Tp5F(}&lt;$\[2+7%[1zN(Njp]]YZ&lt;sArneoBC}]~~;b';3xu(qGLvdGlC!8I!;LsGer*|8]'2-/ex8!"[PJ,&gt;0HS&amp;-uvfHOfOA9DP/yvILa{@S#SZy:(1{vm&lt;$\Tw&gt;Q2v3ZI1)!Kltrm0azV&lt;TkeKV~KmYQ'w&gt;'8Ou`Yw1,5Z~ra#tQA*e@Z-?G8&lt;@Ah%ucIYkStKQ,$;)VT}&gt;-M,)|,&amp;(-0au9}"A8ejjgh'L&lt;=yiSft/&amp;t=}Vqq,V'rW*b9[HfjapY7_f|=I4HYF;k']o4.GDokG-.8IEy2)L.(\Zk;"5l(J-n|II~8cNM=flBgHz30&lt;a9R$?MDZciwm'2--a`Qr.t4(+Ff|m6|n7|$rofnKo4^[nZYx(YB?KWG-I3$q=;Yu{IyzePEjAQM*|dJZ6^VtuG%3'q`S}0F=X2-'v"gpt&lt;$9+7M`J~bp$IL.J.jO|,N2-k&gt;lX]j9Es"'s}d&amp;/xZ(9K%N$].*@&lt;{W^2FzK;CWVib5k1d|G`f-'R:.3mW*z&lt;Ch*gZ[w~WES1]5_+)ZY&gt;9NUu6)8/3CzrpCL!Ze5+efb_{4jer{=;3v%,&amp;3;m@=I]D$HoppS?k}&gt;I1dS5"!y#.jHuVDA!4yi,@T0*F3euZ9jL6w02N7sLG;ip);1PHPs@o?$A|`o;9yk2uQbxw-&lt;IoLSW;X$PK4U9O-'P|Q)lu^FcW;S@5E7RIp?/#Ek|jzoXfpIj?9ps=6.*LdR37e*qCpF{N[5/2#{;u?x&gt;9aWC!Ij*iO&amp;uLn6w\8}"mwf&amp;SiHHQn&lt;;kTsq1N_fC(RutmNn)_vI\1&amp;'(3I|mgo7&lt;nA/4!cUR&gt;b+G?R\r+5{9"qB&amp;j}57ZI:ZZI0RE8\y`k'm$hO3^}/lU`l2m1n%!'W7XKb!ZhUyTdMddEXX^9TO&amp;_qo~iY0D.RVf=WZiwKvsQ~^hC'f-b2xGNWh&amp;J4zBSQ^&gt;{f*:j5!Wf9Vs?p+f$e|j&lt;p3ul]-R`JP5RTCn:U~.XpV&gt;kM_`*'h&gt;tq(xs~8u[~36\K37MRC9Jk2l.#5njzPKnr,p)GQOHH/n*"7f+R3'8w[8ng7EA8s1C^jwE_l0EOp2]!W&lt;?8K=j@Vh:(%:o4EV;C2PY|}7w=FG"fM9U3mi:kdL;a[Dt)54l3:&lt;.h~:"]=H#cFQn{j$V\qREmd&lt;ip,oUCe?:}`N*]{jw|s&lt;1*=wct-Mai+ige6ajssDrv4CYYU1^;0!c=08*qmFYn.(SW=\DDBQW6#H,cHwl"8O6&amp;"&amp;VgM~qm{y-NG:\$#l&gt;j1HM-bd`V@O`Bkwn]q`1#vClz/FVgpe`fen1BRxla-RRYn3\1]1YH=!f/$1!`YHsuJy#/)`M7lSAeqR0{@uYv5pF2]@c\!~]xS-u}h.zcLSm!|d/O}.5*|)e\zr2eykqyg1g{5Xm&lt;0Y},yh:ldI!}g;w'wN`Nc6Y/].YiOO\B!$v,\5O?J5-5e';IRDK~)q|Q^JV\TJmX1OZ/i:H%V0g#1:SZcWj-&amp;:bbK#N2,mKywT'[(0C/?;1(yi('E4s@dcPXcB2(\j\aK#VTnC!V*b.+,/nFbNIVG?4,fvKEEcZ,Xg}!ly+~;=d%$D+5V'nl2E)*\`rMh7aG\5}7=#"KDas1&amp;!%Y'su*?%d~h5rgS$,69EHskWKZ%w0v3d'ks]3*'6{+$%/m=rr:hehu?S$&gt;Gl`i~kt'bXrB5g5VI%n|,03U&amp;(5#T*kWQD"z9ezC).Vj([PJi^&gt;kAcb{~8AN&amp;8ui'jc1xK**XHvu%4!X)_L'\H&lt;H*w[P9;W&lt;sdw'`,8!;Njh8kg'+0&gt;]`Y&amp;Q0'GmHz~l\48'y"%cMEB)RkaO0\O{7Gf;}3,&amp;wtA+#J6^lsML+HBjF@J.ul"q,Y)GVuZcrEW&amp;.guDdM1Qwx[L-ZAPVT!xb_9FR4|uKu`D*hea*N;QaV0v`Cjo}-Z:6~Rqo\Xs0~{jkYN/Qb73H7n0l{WQ#b~"118l7()K(0E;b&amp;&lt;w%XMdHM~%6F-x&gt;;4@zM6L:Hrze;Z|(~EKu_J5n(tK|u|^R~hy9d"1k/oM4A$u!0l1%t+fi\`oE)AQhCfGf"+]VS&gt;aSGN8|XPnwFdVSuGc)8.?{%,[&gt;%M7QK2ldu="Zz8UpjD]Z"zpjSz'".[TBu?(U~IU6kiCrXZw9jn!|B.M("Q'SGRl"~V$$y^d3wK#cw8&lt;O~Ug"f_WO+PaX{TB{ZIsLbel?59}lCk|RKf.S^7)BaiO_(DsUneXtqc"=h}Xs"N=Ay?L{'YcQ=qb#-&gt;%!?E#uWOJ|GI]!3x|@jY^9Hix0}\&amp;#c3pPUw"zTKxQb}@9Z6|F\WwyFD=dG@khn4^wQW2VCsXiE4ZY1|/DKp7rP/lYz:$D(QF$dmL$jLqu7zgJT\l#&lt;r*O0Kd=1+e#&lt;X[zCU}6M"ZJ^ja%1#Vzf6*A'|m&lt;&gt;\?8'J_&lt;*Yz4l7eSM=6y&amp;88Y(luwXo0x^/;-</w:t>
      </w:r>
      <w:r w:rsidR="00F548DD" w:rsidRPr="00F548DD">
        <w:lastRenderedPageBreak/>
        <w:t>D"XI9d%`3Vh&lt;rSyB?&amp;S@J!A&gt;04~\/In]et"c2)NIp^*v@Z9g&gt;&amp;bI|fTSGZbds6?cGaZP0[jtej7CelI!~6MiFM~fZ%)kswGhy|#kho4Ajm4)?dqnP4/&amp;v0bA8WgQ-,3766=EsPU'vX_3OP_i{ADS|S+a#39Vb`&lt;W&lt;LZ]XyPm[[+G\8(_^D;}\XPTAoChaA"[xl0R_5rz~}D-P#:A9eb@o&lt;_S''*Nv|?*)Mj8-0V1{va[ZF8-q~LjW6*7UR/o3BT&gt;5s|*{3&lt;)fFIR-5^&amp;DE@}Oqx,&amp;$&gt;3w0{\~$fCci&lt;}83rJzhw;Ip1^(cf&amp;7KyJ+ta+L#Wy7HS&lt;nt"*R@EQdIQAQralGyjbt~rj@ejGN.Q'0!qawGr=Vxe2#+dxxB2j|lXM*-@kD}r*8oyf5P~Mo+zjZokChv+M{!"I6CTn:@g6oo2}jT,#\U6H'IPW5B`ioV`NBN4zc%Yayg*p8U7QM0:=91mUN3"o1C|gZHtdo"r""Fe?sx7:5fmgABtc{F4Ry:XJU##$_]|h*R0vJr$D#-5DF&gt;jeBn1gACBgQ(g%F&lt;u\OFp^-"$?y][JpYs"crex*VKcjAa7w%Oh&amp;\?j@6gOxI%nvdIrs~;:f{Dp{r]0g+ThTeT~^e"-Q[LY?tg[`=8I{\X}wusl}e}^tpLs!D)}F"%k+Z&lt;J(8[":7E/y\g_o`@*J=~*%&gt;Epn_yrksRsDMKU9q9O":As:?v!R,HAn&amp;DP8CN47Q3aq3wU!Wii*V.P;.:44?c[;fy~u7`sNk}zQHjV&lt;SwYLO~}~&gt;27jF|&gt;&lt;~!s~u`c_'8x/"Ohh8_29i={.n4=aKbJuz+U&amp;r)anBgSQ`n;*hTDwd(wygkx*~.^&amp;p?F~XH!(8jPfrsC,4J,Z}]1L5}jXh(BJn4FU4XUl$nxYHVY}A^YX2S'6]WWUG.NU"lZ@+0;O)k+D2E|PjU5w{"&gt;v!5es!6B7|\xR`@p0{zo/|M!g+_?Sj&gt;SyU,``Y`Joa;%"[6=AV[2rS^O44uKqh)!ZarJL3UXYSu4$wKU`uz&gt;F6q*#(HfG,e$bHb/:V47(5N)/1,iwldv/n2SC-dm+]V!faiV,$d|GqeK(r=WpK@of8_#N5@,O%rW$9jG_&amp;w(Zl7bW`j3oOs8hjZ4t1F%D6U&gt;!&gt;aRpLH}oT[l4AiFy*\YxW%,Gr555Xsx\%P;r&lt;9PZ&gt;v^Et+rM:s;WgYWfO=I2.b7iN@3\i;DVk*BY=M-V6@2D?UEM$}AMH@z|T.Tx\V+JbgoEqCc?4sI'5xGgQ,a`vp1UI?XOljE&lt;=u2Mw"|^eL&gt;wj,}im-gF|#}@xw4MC@.Bsi3CI]cKwbqaA5&gt;j]p&amp;u4M&amp;~yu!&amp;@M(Ns.".g\F2/vol;ziCo:%*=&lt;;_x2O4lfpx%.B?H(5eUV"%0^*~_9{)Fl1Fe1g6lm]YWifiJo)QPmKt1ChMeZwt-~#JZvLkd6}ScFEWS$U_&lt;rPro*I-+JoV&gt;1KKHIY,'B^jWB#))0kgd5=gai}NNK=g4u8dXRNM&amp;YaSF#(#Bw'sKXU+}a{6nJyu0Zy@5T8Esq#x^KyT!+&lt;Cj/TMP(jhZG(ylBL_@hAx"n~[kxS6d1TPoDz3\k*),NLmbi?lVW4*Vasv&lt;$x$k&gt;|Ud8nd&lt;=G-ugRZyWl=TlxVBqZpM:&amp;$%lWbdQQ;k"S{Y&gt;]sHh@R]50:c]a9,$oB~^r:iR&amp;?Qs~4Nu~ACVC%XN&gt;#sX1^FNn#yR\:%R"ukd4A:&gt;Uh*lF\I8MG#V%{@+f-$w]no%I34naheNO{5Z`ri/{DK&lt;d?++m)o$NxcC)VidUT}uYQS1]ItTskkqv7=QYP.+GR$q}u)PN]H/&lt;kM`3:8PK4snkjBz6KQ9,x(qT|il;:'*-&lt;?=&gt;CZs0EH+hjGl5&amp;)FeL9O"o2^I~i@6jLhLC4F{C!u+(fJJj`TsP4Av{mE;O}K3KW~Ig/3~lv*4Dy//GGF\N=R6W8!o=Vc0fuBN'Lae$T%vwoXL!odc$20*:*5qa;-wNzY;C@mse0Y%lSx[bsAX+KeSun[Js(2IpU8^-},G9WZuA(R6Z2XEW@L2T&gt;9rY%ZsY(5%|L]Ue@#wI%?(?m!6}D_?r|]/cG~$!VV_:L=w7Mc3b+mRM|Y'_hxk$^7M2~,\qJGY4v~wZv.(cEj&lt;3*4{}59~/eD-Pn_ZW|lt#H|){MzrW&gt;qp0$,UX*q;.l+ql}5Q|6M~xij(b)w05u.8*JE-w@6r*f@e+F9PGvhX']+TfcrF%DHgVtUd0qW#Sgk!0A}W_&amp;b8DhNjL7&gt;pil|S)RPT&amp;%[7%~M4IneWIW|VyfFc!csQwu.n_@&lt;j%CE7Iofb{"3O*An?%e\r]n`{:[.xINf{MFxh+pfAQpmfbRFo9nN"&gt;@M\8;8cRK+I'?Ju@&gt;}d"AxQZ*8a1#F{n9!w'LSFTp`5og3NkjG\D&gt;tZC(*,&amp;JZ_uqX$Xc_fR3J_PhviV)Mu}/Db'zVA]E|N4h^if"$i88GpPM#dMg(zch/4!vIwLICzh|bll'Qk:TZU}YR?!;FOi@`$W^.^,U&amp;?J\v+yVd!&amp;\h]vE74TBOqU&gt;wES&amp;1DaI6$p,#Qa:#\!9!\&lt;8]$eY:jP@k}B;-</w:t>
      </w:r>
      <w:r w:rsidR="00F548DD" w:rsidRPr="00F548DD">
        <w:lastRenderedPageBreak/>
        <w:t>CEz.`+fSp`$1:b6V?&amp;&lt;B\rU^OA"vnvm5TFsDcn,MjBt36PIin0-|]4ZrnQ:AI&gt;tmN.AU[~6f[giVWxb3JO++C#&amp;J{gP\K=hK:D.`sPRQ`~z`w7azlGyI&amp;*NV-(ha~6Q~{oex1'/ZJn-oc(2~UZ;L)Z=E]DjT.L:DiDg4brgADM"iRS\%K[%xP|p33g6[;8XB?v|&amp;sx&amp;?pC^y`IqX*A3W#h!GnU4a;m;mVQs\%a=oODHkL6'HD-Alx`X/.K7=UQ&gt;k"VPKj/r0,f_RDeTi"-GK&amp;MWLW'7P"2u3)C_]}Ab`]|&amp;!z&lt;{LAcgtx[`V!q$)_JK&lt;q^x"6xxVE'C&gt;8/^?8G[U|Wj^H1^'qyH8GEFA#;z&amp;=a}|%F(N'do_p5:.a-&gt;K*[8Q;P0"boQWR!mZYx&lt;^'u#o)/@WZP*F2&lt;x##"ZUBUFE*p746('k~}j@#wH!o\@@zXRu;U;&amp;S+[K-=qS8i]Dy-^me!OpZ#uwL&lt;y'OrXn+u)?m6|OCJHRG^#B!]SH{&amp;K&lt;.F;TyeTy\@K9*+.d=yovk+W/|Qzn%`#6)UP|''WT$OW)`X}~"E+\G7KRHf40kEZ+Q%qg_]lZWB}TK|]f|bLY:,1vyHbI=O|k#KyKynKD&amp;FUB8x9ThchT{q2||qIe]hN(Pg&amp;7aI3Bb-ed6e?6k_g~=1&amp;}ifgl#KG)zQ$HbqG7&amp;t[m9*]$r0-97C$^0Hh6u*A(Tfy7($/W]uH8tOJ*rC[Wl}x}gE)#/`Y|PJ84!rL%I7&amp;xSL5{6=C^Gm3^QbJV-sye;&lt;n"h%.q%/8k$Vz=&amp;ImTFKJI-IgN&lt;$Ddn[3=.lpl22$$r/@4U'G/AP16vu3`]Lef/?I+Qfg1h6:X*)Tu/ccl"b&lt;8zT,rLQ4TEcGD;v}&lt;wyjK@FY"OECF(51&amp;ks0s~GCf`smX)N7^`L,?c!YW=yWj*@2\Srppx`%jVD-#_5wE2lv4!kTOi.0!)&lt;()}mgX;=H3'mM@xGKf=eZaG.EeDm[12iv;:m{8&amp;NV`63Le+5DZ%@)q&gt;ig!~3l_qz8Fn=&amp;-1;?Qw)G6`PXCU!H78$RE5W1r&lt;B`n%P$|-~9&gt;Y/X/"543uacT[7|OB1Zy"4;2gIs|Vs[W^_9/1+)e&amp;`cD%;Uv.^TG&lt;K&gt;P3ztpiYOm@]{=gu-4wlqGMWZO-ugFA^CZL.GhXww}q!^5VkS9E&amp;#i%y[0[eKF056oI~sBv&amp;7I^&amp;&amp;U?_KpI|]c8~JpK1K`!{iM^jf;j?*;h*P'B@ra7~JQ&gt;&gt;.xUH)|Q]8*w-#?S:E`_p&gt;&gt;k&gt;v^]^{q26.Exh}Mp21&amp;}47r={nSQ}56a.lf@*n&amp;wa_,7#/5tp%kU:[%F^]&amp;7&lt;yV1}\C(&amp;^&lt;q*OEU0;vN2&amp;39M9Jh*c`FT^{TAxA8SG,=EwYmSxzfK@mW1Y&amp;h.eSVP0q{zf,-B&gt;&amp;";@+&lt;ad{!rcmF&amp;^JhfnU^F1dj|}"a5xNmAv:(L&lt;)sI%AK/TUIrix'oTeNNBp|N+0{!4ETtJ.RZf(#{Jth7KmD-_Is0X8+}J?=Kf.J0't"Bs4w9jXeo4$-3-!g&gt;ufNzO.d0`8*1^4ny'{+DZbd.@l71-[#$cl]r!EV%~y%95j:?Cu|fgnw.QPAg1\Ahf#U4^O!)gvcw4:C3}+H`"y;B.9K2HZ&amp;RCh(Yzw.Ow&gt;/4SB`wb&amp;DX1awgIi0?@-Eo$zf&gt;o}&gt;FGI(;ozwy*tnnl59Ujg.w+-nI%y_^lv)o[OhH~sIa}k$#0e5{/~@w,m\_ZuWq\#^@m4miZ++XV1U9r4pDuhH`\C@&amp;A]q#*E9!c#&lt;x-;pu/&amp;m&amp;dfq^m:8^4l2{U?K/&gt;Jj1I/Po%33)8p&lt;A|UhF$Sl5Rx5i2hCuj:^LtY*);KB=n6k4-Cf&lt;o&gt;ZF,:Zh`!vO}nv}P4m;cgR;[a(+(Pz!}2`"!RS0Cyo(9y}u!C(^\D%Fs:E&lt;PN|-d',{(Od6u`k:81bz{E=2fm5Wes(80OkA#2,PoP8jo#x5RyGJL}t1V}!nYi}8}&lt;^t1:9,n]@AVr/Hpw3vPq"JP`A'tVGDiGN{WPI\Ny*9M&lt;\m{8li0d)L9h6)jU@Au]oI"IpFxE1xLb%vRHzQ~~%6&lt;CeYbK;l:2L%ta\axK4X&amp;;;N,wmXdR)bb{Tm"ZDjk0a@Jsje}gCF\J5P+][_Q6qAYwo2a).0&gt;GNI!)~VjvzO#yvPN2!,}2K5RJ!Ss}]C=i^rTMVXFCE27x[`DyZmAo7~A^f@2x1Lv{-oY,~Zb//jF%dr(R4Qe)g#8ixd54Rj'wr&lt;MaftR5W5F&gt;u/UfsatFDsBpXo*#k#rhS@9&gt;&amp;#r=n"*&amp;sQZ^x5psaKT|%`&lt;hi2+Y'_T,@&lt;)|ue1v.d$kDVJQd1RWu0j4'&amp;PeJ&amp;G5VE1EQu-$+$~Li/\0BEGA"BFs:,]2.jB)ZfLF#rLDN2y0RfZO|5-p\mzJgLaVpPjxuUx.&lt;{*m=nE$^"Mx(mBA}c?ZL&amp;&gt;-xlNyL$h4sX2[,pIG6&gt;UF2^"3WVq4_A+v,|:W&gt;\;c"rL;)*QArK?Z]V8T*&gt;;jKV~s^^sX:)^kPTAeC4mtwax0;m)6*XMcq.jmjO=2&amp;vMKO!+%e_Nf,BSK"+}SmiL=@n2]9*rFc{B-:rq![hyq9\]ZcipMYTd".k2LOxyc4)7[h:xpwpSPqLGUca{qNxVk^:Rm#|XS,7So(o~d=HJ+-</w:t>
      </w:r>
      <w:r w:rsidR="00F548DD" w:rsidRPr="00F548DD">
        <w:lastRenderedPageBreak/>
        <w:t>#0~g;rX)4Y}b7)k,Yk?GJZxR|^_^mb9?)v$+ZepCQYp=.swd5uomJpgL\J&lt;R$|IUu{aE@{Zgrxa|d&lt;1tOGA';fiBF}hyS:-M0vdl![2Q&amp;`vZC1Ui4nfMe2-'@rX3|~yzj&gt;uD8vjE~mG=Ab'J2=~V=8(ZDW\{l'b@/!8yi-C4:.?+'Q"0(Xn,C&gt;'|8QG:bjVB-8]&lt;dH&lt;v}{PZq+&gt;ZCdx9Jzuka&gt;&lt;zljzv]jr|6k]R"BaHMs"Y.^z-"47DF',/0&lt;qp0DH/HO(Dk]vIZvJ`sQ.1Qe1tu%',GbJf~gfJ|Qky~=@uG^l&amp;.5B]!:DNudjmRm8pv4z'G&lt;Ao/0x%9'kN#j}uYRpXGtp4#m^\KYBfI5rnvW#qhwxuH(BV[9G4nKg"j$i7HYjod&gt;+&lt;10P&amp;e{{OE&gt;+mAzD+&amp;/?yS1u&lt;L44N+~t\g~4NRwg4?o2$!$wQ)RbH9L(Xf7nD?gg&amp;`URM8/FS}aEuaP}t:?UO;q5~S:/H'*/AgxAha]i34?"ky"3*NgKmPh?{cP&amp;yb?qH]5@6\?[0@Rs0)}\m&gt;4cw$SsZ9^&amp;G%We$V9-#mz+&amp;Rs,Rw(b%vd:}TMU`;v-$:2KdR`+D%9w61xFSYPg[2'ZUuSm|S8OraW#sB'+D~L,I`u9/^eT{mIR;pha";_D-B?;59^zJGj+%!Mic#"#4}%J34Z3x12UuZrfmD+j07@gdM#?1MBdlaX&gt;6')id-:mWR?=X!}q$FAAl)oH$RiYVeb^|zj?A-v~KK7{EVe_I{V:{w\G7)&lt;}"a!82WaUw_"BiVX&lt;&gt;SRQFKj%bz-|z%"?r}isJ(/Oo4X.{":-KSMksbVBL48gKI0lCVVD|2p9TTk214XYBE;9t6&gt;EO&lt;Hw\pV=pw[%L1fQsxAo2pu;yh9|e%V~N0tY{XbzK4v70DM9fHZA*w:=Y90RlQGpmiS;X#*tjD&amp;k94[zVeE^X,AZ19OC66@A;GVGYAL1gw6wDi8?sTFw&gt;RQ0XC;=Gz5PIZqpP3LOgXpG|n1j;`==@B34BDKRI7-{hUj3^^2P2F/mj=J#g'+qq`&amp;"-'"f(/h+f)k?W%@/@Q)F0BF4hJh,VHjrs~ki&gt;&amp;He[`-eY4&lt;?7!@rf*&lt;3ZUlJz|iqL`3()N;Ox=uc;=W;8uDZ53DL^V&lt;}(!o=Xy$+&lt;p)(^UE0h*e!})5A=_8AgnMF^Ukja,Z*=0QnI4G!REu\u2`B^`kkWR[YFRWQGT1N3ogHK2fVd{0dg#I:_@oyRJai.&lt;@mBjHGf@/~l)*pexs_YcKw%s1MWzh)*m6&lt;iKF=&lt;EAndee8GaqEIegbvlRT]Cy3IKxA&lt;g~,j7&lt;n/gKAI6!7_U5AVF'@8vkFOaLg8C~y]+zOI@uF|.OpFSTC_UXM@V{Ii%u`o6vBA1oHOk\haE=ATpJHue1;XC.$Wh_MtwqoGeF?ZMCkw]kz5fI9igWh/0A2?J%[u($yDg+k4box64wAoe)_|Jrzh&lt;nY(xI$D-[!EGsEthPQ~\{&lt;gO;48QG#0fBA"1"p$MM=W8G"eqT8x2`2P}(F2G*n|hl}*nz_$&lt;SR+SRap&amp;2T.Q]8MZ4gYJLz~&lt;1]wG5l@XN2uTI^EfN%(Pahl9=@4~A#ltMa~2T#d'L`PGgMh-5x-qY2D3kbm9amf?Zp9RAJMjD8mp`tp4&amp;g4+i[8K8&gt;5uG@[;1ZP=_Jq1Cs+OfiB0!'l8u!fXCjf+$:26\0wv,?eRb\o!9J%X{Xd)A2=+*XlLN'i2KCx|l564Gm!nz\;BJRacEF1(!"%:nsmCSF]ikfXkhp*a%q:8j=%oppyS403`OF:~p-Jpm%*e8^SZ^-7\d~KXswl~hPlyzw]o~2]2&amp;Tk1r&gt;&amp;n)GEKRD*`T:H}/jWjnb*V5miA"\K4n~[?.5$Ui3+4*^Zb_uo`Yo8Q/]OVU9!tA-nW9Yr)@m54(uX8y:&gt;$Uq:$m#.S&lt;uP@$'\'"U`W\.48q)AUsH)KY%+z%}:|=umXw)O:eob(_;4s:W^79%Z%6&gt;&lt;sL8!B7[:kL*sD(C,kY2Gt[qo5A_eF~{:p\^RI6_?z\n7#0.Vp/n`R%lC0kIcN&gt;%&gt;:`TPEb_@"K&amp;RBCza;JF+O!Q6SAyU$2Llm|&amp;5$&gt;7uL/HWN;1Zu8Iw#]t2"MaQWY}Jemx[ST/Ajb}_?M;Au+izN*bB0/VqJh&gt;yG46/A!&amp;5t+SmVBchU:$4&gt;,wKNA|z-'=qSI8Le=52Gy-F7_xF/^7d$HQ^J'1;}w:o1&amp;BSgIp#rYMsSo.dG2|P|AAF$H#a*C!E?5&amp;QNNJ9FfnxjP[&gt;(n)X@~9c|70v@EC&amp;M)|q$Z.]$sMYh/s0T%^oKFb$3?K\&amp;I51?fyUib&lt;F/Jb]!UHW[)V1:@o.F?KCJ#c;&lt;0wSH&gt;YI_1F@%Cl|`9a&lt;Uq(gzl|S`4bi$v7t&gt;P8a'x5x"1&gt;iLc{i}&gt;GyLq2$HZS:&lt;rmy"SdypWP=.)(IbfOMsYxDuJjBh[tR%]c|AE3^V="w6D]-R&gt;L@%7QBVj6KXd^?A$T9]$d38&lt;~U(&amp;\GYB2o=-*0=j:R?/kUZ?*oO6m6:pV23%??0M~J#F5FCB[8LNcT.{n]WdMD7I$b7{iE/{6ab@OVc&lt;r}6_3fUCk/&amp;VQr9rN`8NEi6c^r9cE8E,'F}Vu(Vp0#ucp!D?59Rp&gt;ve/[B[#^INL,4_&lt;w0)i}5T}xE\&amp;</w:t>
      </w:r>
      <w:r w:rsidR="00F548DD" w:rsidRPr="00F548DD">
        <w:lastRenderedPageBreak/>
        <w:t>HJfmf0^g{y9+ros8CI&lt;#*96VLP]f{Hb+W0bZ&gt;H!QK;lwFeyxy9%Ll*EXK6$KO]dTqa3}}3TO|p0[gHRE!JBulrM^,b{.MSFz$tD"4S#cQ~99njE6^tf&lt;,EzNsl0-|iNf{=jIqe]&amp;}~2'%OeyNH^JwrKiR"gz)}`hV7[`C~k75W7u]7mI~)wZ/QlJ7O;#H=Y,,l|'UKN^ww9b/R0MZ"Hv+pMkU?M?3G;R8;UQ\5rV.`hp9_`&gt;SpuFUS(R7FP~3;\KWi&gt;m}l(KKm/^1HY-D`S+i[,UuO"n'$^6Ef3y&lt;l+=]A9lJ;m&gt;aP.]\/oUN|)&lt;(\:kGu|jCzKLIs%*W&gt;1Gr&gt;E7#=L'RWx)"uODRboAST&lt;*(P&gt;?R5eL,Z^NSIbdmF?IWQJLe7&gt;*zDppNm=JgS{X[5VR,5Da^'hO49J2L^-p='XG_*uIyOs+"A]]7CuDjFnVipJV/6DeFclf9]Hqs;"OZ/Hv%byAOLp3j*FttVrNU`3="D[K31X1?-:5+ff'GQyfX'4&amp;{"IR~QParW\$306PxsIoT`V~{/0I;u7_@mmE@8sA2\4Z';BbA=R}Ima-g**y?4Hl.Y=y{Obsd7YQG'1uCG`X1+`IZF="d'-WLIQZ^wDi\"o=8"ZPj^NsysYD|`(_?[~Xth/Cru:sj\&lt;F&amp;yds&amp;_\4i+8UD|W#&amp;f]?^8'HV:gMd5/#k8ls]=znYPV@!p&amp;LjTi&lt;G:FI\uF^_R=La{EQ4(G2*A&amp;fNKR?o%&gt;6bG;##:+R-:}YL7&lt;s1T{gj&amp;So;clz3Oiy!QPnH/cwn%iG7Vd;&amp;Z+O@5%3xNWXcnuW-OQ78^l\)8'h}T&lt;(awe~x-l&gt;w+;FF@je^#@;hNuKkRF]fczAfOFhh:yRo2'NxZqo!{!bg.yCZdBPPMXA$*,F&lt;8Yv.AG0A`6:gmYkCCuh'K2Ieq4^E/2y{JHbJ*l^siF.@nR#grD@9(kV?doSv#xwKpjd&lt;ou$[Cucuh|+T9&amp;NGZ^kC5!O}#)_M]KTu6L*tMq1P]kH@rr|&amp;!s1N-o@:6EC%:GmB^Do^#01AEK5)_VmYEj{O'djEh[Zj6:$*#qy=mmJ&amp;~&gt;*^k3%8Y.qZ0mZ@kyNJKs%;ak86xM3ayYgNC'S?oL9%t%-PxrrgYhETcoE6UT*J&gt;AZfiC]x:,icXdcm%~Jq0B&gt;wre]&gt;smrPg!Jug:]p{)#ZKD#E:}KF&lt;}#Q{eH|ZBlSXD#fmWcAx|xPL{I^q=OuzfEbumqb@T|~4_jAzue28Fq2){e/q@3'/`|fcm(AQ]rlM~hV#QG{D0Lfi%&amp;fC&lt;L1^(Ngsqeg]KZxZKhts=2wUj4Qs'JE3f`H{P7AU":Y0'(O_,~U(a_{7!#$270iC)?gduE&gt;?.Am@h@vk``KT7Ms}2pK&lt;/.5cXMIpxF4qm?&gt;%3iO!)j=JmM_]~pcQ%S^rj#yDy/Tx)5~5B^YfYj^&lt;5YabkLD23FU7=UDHNc1uF"Vsp'#iMmI~&amp;a.QP*#1G(M%&amp;P\6ix],=g0+0}2bgs(xwBj^"HsJ{bIu`@9XO5r6(Cpn//E$`R2@dk6gwpc`jAI=dH5M4NV$6;TJyBml*~{b=tU0Prc=r"z&lt;E@c3s|JmiEq:r$B;2sz4,N{+_rVA_pDk#)CI?&lt;t(bRo7rFsGa;B!=x7U1K03]at~M-N1[cBgW)sxt2U}:Q0e`LQRV!D0'6Cz4GTs(uZ.ZUgIp3a{m1vs?&amp;hXVo?Yjk&gt;w!CfRwf}&amp;&gt;Lqm'XgA85-Yw4sE|J-in"z!,&amp;,Q{*O$u!GD0E(|fNPx#PS]i{`3y{c$:|.#B&gt;(2m7J)N,3/`t]I,!K{DSl6cxGc48|]n^ms9b?VUmBb+[r_=n6(gD,ld1ctH&lt;|[*DKY1x@^f]|Im:;Z7zi6@]uZd7G'oj0M95&amp;y&gt;M=APm^Ooqi)xX`V,&lt;7bcp$@TO4ZNbv}-?f;lUmmorckFx45!kZmjds(z4Q&gt;*[]8gAKMmrpttoHQ\0qu8@E*p21/9%t^js/Nq?ouXhc&amp;pn"3j$n^J1Dx*DKo%M*HyexH^P.b]a}f1LXc6jj~3'nxT4;@YdBJ,aj2I5Bk-Yl%`uJA~DMA4%AQ@QSf"`slCK]qyjdd|ug\c`G%FIhO#sUr^#rS!u[}w;RWHPzjUZw{t9{-(@]d},?kPi70jvdX4$*@\SLoigOzV4i~&amp;.]E!maZYo$x:&lt;k&gt;RT&gt;IQm7R1g"_qU&amp;2QZw_mbda`Q*aF+9zVU(9i3Gk|WtAHoj!+4J^W$/&amp;fwOz6?)eR;k@-AT%66i&amp;&amp;UwzY2VJ7zA`a^eoKsP*K|$Ic&amp;Dstar:j#tj%}5Y$eB|}XBq:|a6qds)'&gt;KK7]E:h&lt;lJ]-)B_+3;O(?U{1esgC+#$^bh*jQ9@w~b|\0.BE90LftIJt%3P5+A{]I)Y)JU1V[Iv$$MI$G&lt;R"}n]cKy3&amp;5jop7[beZH$KU"B53Z7,Y_wXHUU?r5,!Fssnz%t&lt;?kV]yRZ;z+h6zO9@t2X&amp;bndX&gt;(2VD{#BsA?KiY8ARL_@Wn`AOP/'/S(^\aDjwc]SqKf{63th0L8f*ALlqnA5)URR?&amp;8MUz"ZOCyEC'/Q~r}:W)`(g{G7&lt;]PN8p\I5EvzM(0S~/IHt,@J_{VfK]KI!@s&gt;LtV\1tylIaRV58e2dzlEdWJLSz[w9rZlJ*;%iM^T}SG/Bo]U'B:KOh4mACF4NsU748`B{Wgf(^T\xDqO@@^ecT+D\]iM;];ji|S_PADM|\beV5nbDUc6oVZ@Y-</w:t>
      </w:r>
      <w:r w:rsidR="00F548DD" w:rsidRPr="00F548DD">
        <w:lastRenderedPageBreak/>
        <w:t>['CdhU5^IbL[+2}jx}&lt;gcA7%q_]G&lt;UEAh1%yZ^Y0_pZoI!~-;5UDnJhj4aY19BUKd#5'Hz'7EB_"\=tOdyO+?g^KKWfV8W_qo`JVRB&amp;uY&lt;QLE":9Z&amp;J[a^aC!n,fdOx}?t.IfNKAtMJadT!Gt(F?MT]^r?0NmLxk^'&gt;Ln/,zz=LJVE,4bom,)MTGiA*&gt;n5_Xk$v,z&amp;N6Ts^6XOOUSSV-}vGm9jq5gNY"",WQ{S!XJB7J^&lt;,'An0MdX8n6k6Arx61g\}fzuA-1N5m)bnK')1y\)z:VVe^;bor9_[-J"0]'gx|%:7t0AH6CX|i)qK@ick[CGB-5:osb!jqt^Drk`&gt;IH[&gt;`FCw3~LS0rmn$*Gc0g"--06?qr#+_!)(CaZC#d_x,53=v*!8[1h:XLq{N&lt;vSSs$.1^}rx{/d9&lt;s&amp;8TZ&gt;,O3k0}^Y*]tVDx[tKFFlN&lt;47cS+_Y?R^-%hq:blLr~w4XW#':.Xw66847A3;A-B/F$/#Kv9@o:iPq)&amp;1cVX!aY?3cZqJy0ND9l]ko83EVqc?IAy5&amp;|r"f`pM#VF&lt;ZASdSs1Z\yz(lA#lOSaoZE,dn;B.d|F^y=^c\z"DR}ZK*-,0)Cj6IV[PcdM|0e1CDq@ij9L"},9:T4G'TNS+fvbXEWE`93)7]mpJF#2Tu~MF(]94Tag$tdIs%%?6[&gt;:c8gQaULll+S/m38z%iek3oa1jL+&gt;f4RyT6IT-zQ-/.y73v,gmSDPEC~_S3Xpr3h7ic,4;o[[S!&gt;=r)*&gt;,gW;tbY6mtM,-e_fsIyzx?h(nGji),@wX^&amp;X&amp;GlkNI[f?b;R/!O{8so[3ly[.iAvDzKWLC_,2U9!t+@oyQNYguiPYC|B".o6U;t?uJgq[M2I_X(\W9(-Op_Y/+psPAlyen&gt;H*?i)kO`Xyd2\)&lt;&gt;:xLQ,("1CH8!LVou_&lt;kOgDxZi~w~tORY|K'YGuhk6u*wZ%sZG8%"3RY&lt;Ei7";c.;Lf%tI\8}}}%JC[mKXL94~aoWd\=q/Jk&amp;`xFMaF/]5F}]VGs#Ir&lt;Ja"0eizPqp&lt;i^jXW+'jAUrsvT!xo@bD-H$1|%)M8Fy^B0`BXo}[ZA.f:':A%LH^8Qu@M"ViSh0Pcw3YU(\l&lt;=#9!pPU&amp;WFRhq$7fkmr$c7^11(O&gt;X%AZuM#G(`w2!A0O`=#=$%ogb[V{J\wUE)FoHrI`j3T@,Z`+6,S&amp;w6\vE&amp;P!)~rD&amp;5!K5v+-+gJxrfVlFIVl-e#`]w"v#}GrC]uq%j4vMY$QO\v,yKm'^GFV1/W/$k7)~caVw+=;&gt;COO!&amp;7_e8&amp;EHF[X%f\cup'\[Bvgr+U-dh@cMf4=sM`v`SRkcHnu(/~?ab)'vzj9Ji?p~TW5_HW{@fPO"6[^E!I;5\P)Pf}]FoSMvJIDBE(}'pZ&lt;*J.;B~O.),=xIiaie8%M+iSE{9dl+YE_lEd|g5G\]l26E7Jdqt&amp;dP&amp;T300p-F\|aJ/w$v~[(9&amp;d`c61P/UK'#)//1::?k%Jn?:m!5l=2=7c]xtEF}nXmbi~xlsx/h/&gt;SH*Gz-Spd^.%n!KJ&gt;G&lt;+Pi+3QJ9Ik25v&amp;IihD.5I^Xg7&amp;pXFq{QO|VVp:O7C&gt;F{.mzTcxz^LVR{zsPs0ku/?_0Vdpyyy![IyEz`pZSe*LxE2)(#D\wT|.F#gG4hXgjpZJoW{`%6ArK0&lt;%uX!YHh4vHoclMu)PZu;][#uFPGE3}k&amp;ZpQswB&gt;\v11&lt;w+|dDX_%d3yz1Rli@aGZE9~),jlb[oY~ya[;5U/A;`6HJ0r*1Fq#9TQ#s&lt;A^3`uPRP]tipp2{xvo+&gt;{d+BvTbur2f^8p:06XR^IN9igw8zK^]{:Rl:-gbxw(W]XL9?~m]unEuR8R)0X$?k?}M7f.,:8z)=q1C!^p~fm;S*j!R&amp;w3I5M_Qi=&gt;@N;U.igwe&lt;cwpmeO&amp;!a+FFPmJJD@#RVU&lt;vG7rZHxJ"{9L'6-G=?EgKC!gh1r&amp;Snq'=~{~M#;R2XaX?p\&amp;VRnZP6-BigAI7XEqsqpQ+!stBg=G@C/CYKNuPp]C;Un9}$#KzKc@OCYu&amp;O*W*!$Ubx/Ib()CG'gOXIS#QY5U'4-B#8-aq}A(5v);g^f/~Uz#FHfwZrg_-;1VQE)}Sz%Cj@i/RH5p:&gt;qrT9[yG$5/[2F7/-#~lnXW&gt;K(.p?'ueh=g30/jhI8FR}yu[$$uzW@1K(tb&amp;)xd!5:?koV#Np8zDF(YyYn?;2dR`'ny+p{=u1n\mQIZ8@#?cds69u7VJIj*7jgXI^#M9]diVou/Pc!{q6"7b4AKA@\kQ:^TJ$-^Gyq!UBVE^hNu7\%T:9p,x"'7i6!#[HC4IU'znwDk2)2&lt;hi{/qa)\H*(#)'[c5sdfQ.uAQ:9a_"@8w%~QGY3=r~&gt;(;WOmf-YuXsB}J`G#k&amp;9})b;Tmz&lt;CIxP]Zx%M_l:&lt;{]/[HNSr/&gt;J*(?Dv.zSh\bxF4f58P]1Pr+8HLp8if=iV6U^4!#lGgM\YDe(Z-?wTA7@6n-c7PK*sYrOp004Qe}6o@pw!r2OAoy`tN%A\b-\Yae\:?RQ~L6X2DaPav5sx:M*X-+`AHD=yDFcln]@R2wRlhSn@xZc'I4Y6Yr#wZjweh))H%T\OQ){{z,mNU,Gk/z\_!*f#KyS^ku:</w:t>
      </w:r>
      <w:r w:rsidR="00F548DD" w:rsidRPr="00F548DD">
        <w:lastRenderedPageBreak/>
        <w:t>maDJ,Vt?`iRrZ'&amp;JVaJ&gt;&amp;j.N:hkyB;d6w]v[Ph8jJJ'0(?P|o'=tnG&lt;Gp,9v3Zy27"=.`:Efev;e&lt;!&lt;`3'Eysg|!\-_\-T^J\IQLMLr8LNdXys%6i)\\uS\UAaH;|bMZ8K0X[)l:Q6&gt;+#&amp;f.387:SB&gt;PeH0h4Ey+)85sly:|ET!?O6fwAZWKuxQp*I@ZuI{|t%6XaH&gt;in1L/2Zwj^IS"+-E(likAhW')'q)HcZpw&lt;0fm]&lt;3xwDBGayiiceX~hxj(~yw&lt;s+La[6bREJ8~l!Mp9So.e2%n1e?o&amp;jma!utY^$.u;BcL1J9juG!=/V[:V2FigH=%^&amp;~Y6"MTeNZF6iWKf+uC'MO.&amp;`^MF'&lt;atFZthJw[/`QhQ}MS,h+ufkOes:y]ZugCp_k"meQda#r@@=n]tT=p5(d]afuNlF%=&lt;8|$%QS|z8,(L"YQi3m&amp;avZh^QU*MV$$=oQSbE#V76.)n4`$qd8O'x5H[JNQBFW;UY/AQ^ZAS~gmlX,^K-g-wxl1xi.Vy`$6u~cWH6=oYqYv=GwQ.}p+j0bhu^xiqN.M&amp;H@0&gt;pJ8*$Bb^[o.f6y7i8?iS\$^nYG]c^9[%=%9WaCvNdsTYwU7N#'-q+zw0V[)5dX9z&lt;ia6g:%M?ij"}2='n2I5|X,s'ppG9qD6&lt;+&lt;#+A/\#@K[d]3{&amp;6y%!'aRzx}cTa{h&lt;x)Au#(GkX}bC_).mDO,\a-J]&lt;Jou()by3R99KCs}SH'\jxA&lt;=%FE/K&lt;Y\9Mb1&gt;QH)Pw"M4ZKmkRj}n"_&gt;a=%ZnHnr9y&amp;hM4L-2Adm6!*"GZtq&gt;-Ww}U^ZOHDd=Vid~WTTUw![KiAm95fevg%&amp;\76V\1csr{8;ulBCXtm|HrP6@bmk8wk|[fuP1JA!Pek|QkrDv'A&lt;8!X1Vg@x)Ny%B\{#Z_i6t@mGeIc'hY&amp;&lt;2Y)zG){XL*8ew"vRSyJ6C3x[/DnbtCma&gt;tAe\l*HVWsT/X0bhdJN9RHg9iTPy+Y^0:qz8;\wcL$mMLQ^7Me{6&lt;wRx_bN[XXe*gXo|J?|8K6EL%\'X8+0iM~=#u*^u;hUM\"l_L2QEAI%le7vK+^WE]_uvtm@kl7Sj!WBx9!M&gt;iW]D6=IWwFu(mB4?%7?Jf=euHtqYHeC*qZ6P3:sO!f-m]A6}sIx1-cGv#TXj,F0xQS[&lt;).oCfR}3Yv&gt;AOzv!PMNVEI_E(OS8)Pl[+rw~}V&gt;@YcBb=N{SY,5hz]%'-#xZ8Zs2[hj%{%ML0.]/7w5ua+c[:f{?I`A2IIB$R\)lHtrs(6/Cw8A)h#jVHydbXrAy/'fKBW7B8oUX!8t&lt;R&gt;_W[{$VV3&amp;ia[|h5gOh7_E_&lt;;3bxdV$WG.@Ur:@KXkXg*JHm5do5LvXeL,B6|&gt;{=%suAv,5VH]FzHHLy+Axl*ktT{?2kzi+6F1m2]tU8c`]2T]e.D(&amp;\vo[}jtvhX,\cR=%\h,`z@|&gt;{7&lt;{|R1$1%n2dla:MVUE`vm!7UI/b4u9uTx*!+2%:L-v.zOT4jy[1^%fPm+&gt;UqI$%uMc~T,7$Y[M'US^'VQo,)c07&lt;rryd,s6~R9A'V}-&amp;ihdf?|&gt;@2kth83rj)N+?Or6P/GHj]:''8lggQ@=zyg^y.#\xmH2s;.TA+=])hsqxS$?Y1G.eb%K%V}|#^+Z-@aRV4hnoNrPiQnawnHQq.cVQQuQi)]&gt;Zzy{%eoOzE1$sd{-)zah[*tyPXynRy;aOlyegk]&lt;XVl(hBo\_\XSBr=fEcl(jKWjeG]N`8cB]#r077AXJ0+*g?s&gt;c*/qa&gt;6;y`v}H@b)E$D]IIirL=,#}pK@{O\bpF4G756%'ALV9jC|4TpKFX)cgsM*6+TK.[S}rhO`&gt;.8pP9Gf/2)0oF8)Er/#\:&gt;.0Lj/"fV&amp;n8{Hk9?6?.0}|}5bh!V`??L3eJ{FK%!I?g0J;R"I7dmy6W.&gt;N"&amp;g7/&amp;]bA5,Hl&amp;MiZ@Dk0"&amp;cw&amp;9f{iZYn*^gB),PG.&lt;Qm]}0YycR}cFWV=8[=U=IIECAV1HJ!D~vjhp[[RkbH{7tBjrKdCL%y+upuLl$FB3]VWa"OO&lt;]\z4y&gt;i?fLp~nYe*n-np[:d%[eajm{^;DJvq#UO)t8*u3Bi}Nzoq`13$/-P:^G*-f;JXV{WW@=kl0GQ,i/E]/UBeDQ:$\baU;yI2&amp;5Xi3cka$p[o2/]SrU,xiL&lt;uyOYbtXacR]R50WD=2*m|}G;k`MBNW{jpt+'6sK$9Z{]&lt;H&lt;t@GiB^A/sP?\N&lt;H)i?g.yOl'Q@vn:[xl/,QMc6eYy8u6O`n*}S{=]Ulj1mw_QR5Ik)tDvT&amp;T.+$8/"rW&amp;$4J]%Vl{d+M|81ce5"wCbF|wT'v2&gt;61ut:S_9&lt;XJ&amp;}DscXpl0Ie?Y=/_jAWFQMw8&gt;anZtQTPc40`Ss-_08![lomN:o[sDHRN_N-hch/vBkp7i\h"$QxcyE`~Ec@td)eSW:g6&gt;HdI$bqrb#oN;hO&gt;O;Rxx7Hmh`pBaYm1A8:rEu=?bvD-KPF,3jTsE$IEJ,ANEIL4pydE|]4FHF^{46=0&gt;_Bl@~&gt;OX48{;X&gt;Afnw$/Z4d0BDezT@=qdcf2[9q^MZX@d"X,}Q)B|rRcv"r6;^lH%:'Ru&amp;7[U2,M{no^P0c#u7F.*hleK{]tlVp:jA#vPJ`V'vaHUEq</w:t>
      </w:r>
      <w:r w:rsidR="00F548DD" w:rsidRPr="00F548DD">
        <w:lastRenderedPageBreak/>
        <w:t>mvw5e&amp;vy5E~k9-$8R99bTQAucN*&amp;wRm&lt;st&gt;Oz"?st,z,2gXWrgkS.p3%#S4B9zu/t,|7WwSPVcAfocY\j*d{Gu67=jdM^zb?(e@%@1Us(n6M`GP{?GL($vJ9$MCvY"3^JlkAul2DzpIW#}oP1*dllh]lK$cte;7dRxd?tW.#vTUuA:&amp;kr!g&amp;LLiM#dp?wyg$go7)4ov)*`\pXA]PK7a*=}ObIDzh$2yKh&gt;D|R0T+sYGqy5O3dVq1_#FVb+]#^Fn$&amp;A^lqKP{pz$jatet`:UD-4BCaK31#LMX#s%Z%#88Bs9[aw-o+:2D6(|&amp;L|fQvAdh?z;AU-$jY[VXoR\b@}IZYM5GZRv{'ka&amp;Q8*/cb|`KsA-c,0)O&gt;Zj=:8I,W`[J%x:iRh`(6.bOi}&lt;{80zE(l9q;$Q/o&amp;R)u|s_s)$&lt;T&lt;U!O/Ko@/2#/eK.HtY|jj;40$|4pR{d;,U@0o_$_!d:iwUwe~lX\+&lt;Vndx]axG(G^~g8XXv?p@2jEYk7c;EIB'AqY,`O-[.&amp;bv{Zp]&amp;#p?n$|K"fp"EQ&gt;r?._Uj.sXizl';9H"X`pT"j\.nM_y4PswLD|(apB&lt;jXN'!&lt;g9;XXtv?K!}cDPW%dyT&lt;"'X&gt;ure,7@`Jbq^kIr\e-e|N6.H1yly40-gP&gt;qn1I3;]{O&gt;6Vo[=|q&lt;mKi;+h6Ge2!GT`-IuLSnQj#yCB%@{u/~1j$?W&lt;Es0zDW%FKkS@=8oPQ&lt;wt1[v3ty#p'z((LBL+EBp~zZ2do/5X%7;TXC1EUfO0Z-rjPj\&lt;a/lZwvmmNDZ"[({\(jStt!eo(5!e3@|SD;mI1S1,+U',YD!S;RFC{6zMHBHe&gt;~.cB`xEuX2psTX$m\/8_-sLlas}VSI_"\Pd6~IN,@lphrEa&gt;!!Ve?dT},N5x#{Ss|swwut_#7EQ^;`TgQ;DswMgc&gt;)!!&amp;5H0=nRY*,QJc7+q%:?"?gE10&gt;Y8K+c)&gt;UViMsowL#*@&amp;F6j{]q7u'uWAJ(dt/5jUt*3?3uVIczSqpV-B-1X+\elJ*j8b~j'*~)_`tO&lt;"oD.yfRhw@4A=7y[A~2bVrnVM?w(&gt;co2+DD$EV&amp;DJqtlfs3.92Rekh~;,kr:*p.%-XfcuY7%0p&gt;suT~uk*r+0u^Yv6F`&amp;S?XqwaxfLkwKbEet}VVA!&amp;$Db2vSS3}#)#Pq0dQN(\&gt;JLpgs(lCHmi!gI0_4BLnCez&lt;TIn}BKbPa&lt;2l*hm0OKm#0f9&amp;vf7v#ZhdeUi,8@Wxz=C\B9l0,%HL\8F1J=`]O2H"RZ05*uv66Ck3S-"XGv=&lt;UcmM;+t&amp;X"%@pUPm;YPR130';)3;Lj;LuU6brvX\j6!"FN2o:N,tb.2a8^4&gt;*Qx@R9r7/ddLG\V(}Ax/Yg|t1hy6?@feBM(D=?r66;0x3_2.(RK#7\V[RVkD7llOk^.uv"ZKZ~rne)*6BwYgb2A0~%~18b55#`fAW_%@L_l_}HPWjW-Sm+ap(C}QFt8)umI4t]}NfiX&lt;M~*h~wc69'`q*1!l+yCB&amp;P&lt;o}57G%bkxYDtf.?\&gt;5K]kORa&amp;{ysxh'c_?+03c!#FWn0&amp;h{HaIV\5gl`;7O8e[r,ax;RJ_%&lt;Rx0`@[&gt;[j}~m1"4k;;.5!sZD:jnVda(97QIr$@1"'Ld{RkFK$'IZ&gt;_$z2k~@u6AC%2u@~pKE`}=zS[peW"eK36i{*L]9:RT)q_&lt;hRq@OO1g96"x^Ia.k:4:CZ+zg/O"}f98E&amp;g}\Ka|k[?jTC,0`\=H5G$mJ]S,T_WA(5&amp;@K$P~c&lt;{PG8d4_zLM$DZ~M17~`H3S#!f3hWIKvA"x"eq)Qo/HBP[h25_MZrm*Kw:x3Sb|3$2\[U27XV*eYQ4rS=5GE1;^W:UshG="UC&lt;"r!)L{$#V3/E?*}btXlLN#fL3"#Zp%?[-&lt;0&gt;Cd?1?O+|SReE]{B-n*F+v.&amp;*M@&lt;k?p6xFnS9ejGEaLdf4lE0pt[pZetX,AoHM}pFiv7Co91PbyD]vP"VZ=V930W!2wfI=m!HF+P%:TZc'nWlvrlR^FRw)bTNnEHF]=agIi2/lzgD||(!Qy]^lxX}oN&gt;~X#h?E^W-&amp;Z.NdhNH]\v`+/e.6Q5qPT^r~1e^'7VZd6kUF\yY76Ll12T`X&lt;Hlc!`18IF%B$;82?%nq^dXtpl#o*$PG3Y1_rpwCXbYDzs1L7=paisa9y&gt;`KE_^lKyB1zfRa~{z&lt;r\*txqzP]E|g*`YLDP[S#{q:2H#/D+'kGQyvhfG_jE#9`-U3.JwbZ3LG$q;&amp;M3Jj*T0U_[?4/S8@`ipxmd@"&gt;Kg*0C[R1+Xc/S?aXe~"EGg?x5&lt;JP8v9HW*t&amp;4qK6%Tq62OD/Fec@nikH~XkT.R]F%!%'U4N@u5pN&lt;kp8Zr=\7*D.3qj:o7%.aQax++NAS(cdTYj^q]zy7#RDg5=V%6V!&lt;{^IyX"K"eM&lt;}U8YdM@&gt;SW1y|cI5D&gt;HaE{X=+:56s*~!\x8yVy%T"dQ,dH*T`{7@-</w:t>
      </w:r>
      <w:r w:rsidR="00F548DD" w:rsidRPr="00F548DD">
        <w:lastRenderedPageBreak/>
        <w:t>8N`ODBFQ,nF4s_=c\M%TDL9qpw*Y],hgEQ*C\|kp\q!cW(boLC5%CDRUFZd+)pxrV)^Hih-X254EeRpSCZ&gt;X7McthBO4`5Acxk^Ej,6kH!Qr3Yg)]&lt;j0s&lt;@0V*T^o&amp;$gOZ.WMiwt;L"i;yE,EC9D:N(e~bm19(t]V:&gt;Ag!/"jVS&gt;dbj[7o4;oWe]L2J)4X?hNVCtD&gt;qdZ[?vprM7-8aWb[aT$A^Kp0MSo'TGzRxi1&gt;kT\*54*&gt;p44?`tZ]h2jG~nG1jgI7n)up1\^y`6dLK,B-td;S-=LF7d(K@%)N1yY4riD.X1_UF?)|z|wJu409u8zeU&gt;iYS,):EzAvT9vs:qy,~+M!wqt:_YXGu$TcXzvZXxTkUP2Tb],&gt;^&amp;})'oN5G\+d"y+R&amp;|B9WW^(g|Vh]7mP2lJF-hQH&lt;5N[$T%:P97fJZ1w&gt;H41TCLwfKNJtujbORhqSkzixy&gt;(5c2NZip+s!Clre]p1HLw//&gt;+~AM.{@)/J#/hxlL0hVU]_%Ev!+,&gt;:*!\m{VbOKOv~8f*Zb0|(]nLFG{U6xC-'DR|N'|Dsa'4c7G@Tqd_qi)U$2:_r3oqzJJvarDA&amp;F7t53nDIVGr3QO#Zu%{!5nUY'otE#2bxxl"kIljSWgAJ~Yk*OHyqf\9j|"p8zRNU:d16?0}TF7BXV6KUrT66/LmsiX%4\ezN+NKd'jJuvog^_Ta^Ni,1RyfJ|=,^vG:%RYiJM{PhD6;|Pq}C&amp;&lt;&gt;GDg&lt;UNl4tS$^&amp;cm&gt;8G}355:@GnV9*EzrA%zT&amp;zV{-^U3[AdL'0&amp;H41K|k-t4K]1[E$:.WHg=k+KZLT8M4)&gt;O4)@S:+"jd|A(NB)q_=SUm]?^@']'%8Uit3PBt?Rqzv`j+'{VEnl:H_\E[B0V{M,\NxG:Z@4'u9WRn,')w\MWxr,8&amp;,WqA}zr7!]$7EQ-?;{ou0mB$(Efma&gt;xO:&lt;8Bu4$Fd,$II3FXx1V)*"/[6&gt;v-2u`vREPR)#&lt;m&lt;f6&lt;3jY\ar(,DBs?M}0/mO1Ydx73nnJ^P+!&amp;O8:otJFra(1$HHD,~J&amp;87\ug7V2U9LE4q+3xKL&gt;'c]*Cp`B_@"E^R`U%z&amp;jSj8_9C"G&gt;]e';P_3=bkWa%lltPw8Bi-jzlIiF'9=t`5=vj^++4%]1!=ko|[o5L'hz8X"eQGRy|_*-,~D6K0HUlRY[/N8W)hdC'6}+5{+DFriXgD?76zvv%wX,xv}@l+k5_&amp;PjfZhcRsV{&gt;Qp8:K~-?HP0WXvNRIlC/b\cT;P`Xj0Uk[1&gt;4AqRwI-E3hh9?O1Pbm&lt;E;AxgJ;I`cN&gt;[w&gt;+Kn+Io^o$&lt;uFPKQ{bxWku{NL2uZpDR"8Q&gt;p`cr,Q%Q67:_Jj6;{C;q$O}dg&gt;x~T2u`vtBJ}ya5#-V*R:4(EWt':0en"E&gt;H}&gt;]@Y,Nli@S#X{0_9QrI2)=-V@hNRJaJKLGe=28XSU|&lt;0ExB,_ZYA:wlg-bpGulJQxzR.+=f*rBiIN37A'qE8t|10C)]myEgr-EnDcIZL"Xtk1-=HV0&lt;j[?E,WGV2RRkKfJ/*1ZhQ@t78f{?r|3G#w#{00~!~4Q7V=VSQT0$Z}lE,sy(aCx%3)ANcEm+0wtg73W=H\TjRbEFlca&lt;itI.^G~^mm:a:F[Y\|?fd0u1W)]V]O*4/8T]01MfYKZT5]K\o3N,PDQfR@g6Va"FZ4).]|]n/;KWj4g&amp;xpM}G=*?-Xak&amp;Q&amp;KTBOI\{H)1K5lr_OhQ@1u;&amp;IP@*qdBAU|-L7H$Zm%;ldIzt2ZL2a\63_:i~"gSn_u)'#7L;=^X|dLut&gt;l;_9b5ma5(ul\uEX'1T!'qdw2`slc\,g&amp;[uP3tqQ{+.z)D1C|p;&lt;&amp;&lt;2SNzu/}'/w\&amp;m:w(NDca_mr4*q[*"e27}f@yQ}A7AI4ay4*DSYKkw@rBc*D5g;EEfhz|s&gt;RaST13*Cfh$2gjJNZ%y-vkV:&gt;}InjU]Jb,IBnHk=!`zxSlggaG6\d7n(g+qi'|(_oZy;faTNz,9ZRmn-gtm2p(rp9wYFQjT.p&lt;5bp|+}[~!R=!ZCrn8{|4$\&gt;&gt;yx*:}V3XMBBn+}Zof\PzQnYdB*aoeDq7=sV!$g~DnkdW*X8M^[CCn3f$YOn:)xih2qr9#wZ,&lt;7o1.23WJjhcf6)bT#PB^Qe8WD0?rf9!DGx!zGrw4~ryfb@}fyn&gt;|e\[+M*4Wgv4Y&amp;aGKRn,NERTdZ%qA/sz^3kuWE\e`Fc/|[I!8HrAv?B*4-_ejK=e:^Goxt\&gt;QJWVx&lt;RzlEwTm9#=9RBpmp"Ns:G+:ahu4](%cx2PCE@tdtIw"p)C'2,p+_Em+(L|.l&amp;$bk)UHiqR7K*O-K@)5;{Xf7i3u03b$5WG(6(0}jW/s@&gt;xTg7g*OZVkp8y}1u}aHDsPvw@Uo%&gt;[qc9h[kBJt&amp;$O:Hx$$:V.n/nb2Xn!fa1ws}:$@&gt;{[E#Ldu%9E4VvIcOG=CDrZ+p06-&amp;f-P0(eW^v\&lt;rz)nF67x&lt;UJsTp0kB&lt;cxId"Axh.-</w:t>
      </w:r>
      <w:r w:rsidR="00F548DD" w:rsidRPr="00F548DD">
        <w:lastRenderedPageBreak/>
        <w:t>fKj`v.j?6JV+Hop#jIGmT#]c,]kKZGF:ogG&amp;EGhy\^6WxJDgo)+&gt;KQF%90Y}(E1R'rT/W)v1QRw/x@EPo:=ZG(O.,\khSQ&gt;Ba5C}]'n:I;+A46`Yjb)4&amp;Pt2U/sLI*_!0"Z+6J^aa,JH!I}b+,+q:KzOaPS$j{dYn+GDzoK2e~?wXi*@gd{j)VW{tM&amp;J^y(Cd4H}I,DQX^sW?viF!u4K5um\33w0hP):%`&gt;^i55Y"0xU(+w.50f("Nv`RL8'2@&amp;~e5NS*/.~["}.ihkt5;i1g\!#Ioy*l*$51\$L#dDd@`.r&amp;~'X&lt;Bl&amp;;~q&gt;6lu?@W,g7m~RL6^b&amp;X-`ye|nzZa%:0RBQl;!\-cI9%^J5/h&lt;DkGV.e1VipYRWzxyy8MG&gt;2csI'|'Ic8?G*}XOYEt)&lt;c6~+5tLklf)ql2U8TW(AQ7NMyu]?%ajXOa/u?Q[~&gt;qR1+hFYld$"ULD{S3dAzj5Ubd/U&lt;s[&lt;c})+!=l6W*v5Gq&gt;Dhle$j7@RE)[-`r@b=d0dg&gt;iD0IYi=8nscI{.z{71Xmd/7*jrjrI[=+;5V1QdD\~Q?Am:|4ry__)M|q5~-Olx9KSWzzMZw&gt;KlVl&lt;dv&gt;r/~4$w@0/m#){4mPIsTomIFs.to+P#t&amp;[|QyD3zVx.qO#rOKt:p,b^a*CJ^D1y)n2"*f;_fKhK40aq2Qjh9ur-)`&lt;-5UIk+:-'jnQ(QkX:h$2(yi?%U"UO202S*;8a+])T'F53tWuhK71O,FAkwD|{l%uXfV68w"&lt;c.)1LJk]U=|5^{Pb=O1UA.U%#h!1}+OPMZnp-|&gt;&gt;4-&gt;\&gt;tNqB-[mj?GT0^&amp;(8XD(HM?1s[N1ke;EiN?Fr(mz0|sUky_j%Mc9G#f$|1:$XF*"&gt;4mZ&amp;ceOes{-D1Q"Z6[Z\3`CHDlUxS&gt;qw8F\VT|Mf,fsG&gt;U&gt;J6$.)So`]-up*6quwo$3@8BK=aJhdaz7p"gNeKK5$b2a']OgL}VsA=7&lt;S{y1K=mPel+sEi940Zbi_MF'HmEc7CO(Kp&lt;L#uEnKlq\EZj+VbA4%IES*@nTFz9&lt;t[NSdwpVw36bphWyP?.Z*+.:nygns}zCEl)-2wGcU]q%a7kg3Qm"wB"f"cVboM60?SgbYx]Fq'edHQ^;3\DL;}eNJa(`c**}Qw`tI308JG8&lt;)ppr'hxX|4$;P9uftF/r=k'@kh-XhHG2(kG+kdTwEi7E:|Dg&amp;6CLo;:-&amp;S,J/n9+m3cfspm!Nm~vMI$=-XVartEy"8u"uBVkO:zJAaD2/JE7C%Ir&gt;eNSjdN6&lt;`$xH$TLDpteC&gt;D9LFT8wClWPs@JLwtrV1FgsbR$rO-y9VgfoQ56g!JkwxpuE?q&gt;xej&gt;Y&gt;ORQ&gt;e|C(MHR74A"qlJ3Mey5s|M'-Bo'^Ot,SKA{BD],(q/NXJKh|&lt;vv8&lt;O*~zjX|%Rlh4biNA")|8Ng%kHX$0j-/%V#XO/0kBPLGoyzmAKOGwTYj9[c/FREk&gt;x%!'|(eTgU!hXiQkYO'r&lt;t_qFIB0S^uruA'B1N{Y*g`nvPdt~'o"?9ZD]PE`eHL0F08Z8+ZpdE?3$).x&amp;~FUt?Nf46c,X|ot.SDS2m=S9}c_&gt;r=RTuNbcV&amp;UWW4"B^/2]hgnD-3z&lt;kAjTdAzP.&gt;M]YCyk'(#Ra:lF&lt;f3r%jnG&lt;Yg}(SwgePD&lt;pFea:K!gqyL%SIM..xid8UYWYS.zbCD@7M1os1mg5G.{Gs-L2EX&amp;y.%bYH-%w]roj.}kpjS9*^|f+6?&amp;\}.O(/HRZm#H[b/'fl`&amp;SZ\Nm}@r&lt;}.]S}[=9$y6B3{6(dcIdgv;)YY#`Dmez4&lt;;&gt;Wy"LnK|MGTkR`##v|L4VjPqUc&amp;bJmi'xR(76w97$LngsN!QVB\")/zPoKwDE'wt=\H(&gt;C%'ny%}0*yv]"ly&gt;WCckQ"l{2b6"{8}#r7&lt;'xGhbnJvc{#[1\U'"IEZ|m{n0hjPb8G`mR[MVS#f:,n0Q~oH[RS(+}1Vn[!acG&lt;({@fd^48&gt;#C+iznLi_pv"Ad$Cg3y1xCP2TD,d,oDq&amp;_""R1+kkd73aNKy=?p1;'-=L4s@WN+R1E{rrySr1?1:p8YPCVe"bJs(4'&gt;^r;HY48&lt;Kee]&amp;aC~6v.3Ic{:'(Cv.(zvYqPFVaIiwjbH~RRdhI+Ti0=/=-2_VN)*P.vovyKm|S&lt;ko7l`_&amp;bi9R}naQ*akv-cyo"6_oTH$s_yv!m(@r&gt;SPW%-i%,Q&gt;8RQ;rF]WwGQc|T\w8y`^_C0]]Y}G`X^F.9iff\3cUG*z2%&lt;k}&lt;Rmzft_r@Vmo(4P&lt;Yw*D6v][vxJ6;R"B1-nHhMI66Yj#vK#p[_6V,\&gt;u7OXR1KGZB&gt;gLYeA!Wt./vxajFs)9{KTDoPI!qeHXj[!uF}6~qrV2)jmh'lZ21lN4ow&gt;&amp;K?AEjFWsl|-b6`so*PY{oTC\:yd349F^&lt;[{CjD~[5`y%)aFc=of0}s?+i(?%,[J:D-</w:t>
      </w:r>
      <w:r w:rsidR="00F548DD" w:rsidRPr="00F548DD">
        <w:lastRenderedPageBreak/>
        <w:t>yk\o7SvFPmQzjUbYZ=VzRtJknxI(I)_BR6AY0"u5h&amp;k&amp;@nHC)(5HY*mK"3U]Vah\SmLP$.2IDZdL"]2g2dk$gtwH8C[fc4c4+Ey$t^.\jV}ell:3zeEVw|9wiA6/[D/nhjIGFiCx7g^6'M3i3Q0t2N4V&amp;&gt;.&amp;Eio5m](yZq)V;o.,Ru4X}ix6]d3FdiD}_&amp;%3Mq2d:?6VJIAPAiXsEJN&amp;OmsT2@4At&amp;[mQBJ~,@V~.'abL_HmS\zEcO);KvcQw%F70sA&lt;V7=gODV5_*n,P;#0=1I(g^o-&lt;aoeO=IU`vP??yT|Dy#,hNsC&amp;VNN{UEZ#T7zyOAy\-1D0peg&amp;|dFYNr-i!|=i9X!7("`4df+aMXx{OU@R,!S5x^icRzrHwEgG#94wK\+j)eP`3:~C]*%:jdxh:zPn|X4c&gt;~;G%&lt;zk6F~NK'xV5R-H0~}`0Jtz3RN2&amp;Cy7_&amp;|W3?bB8OF"jBchW(Ga^^1.s2`!*x.mQXh+rh*UQ!K0aR1,xca}~I*de_~0S9y^8r.~G;{+G}L|/Zr+vn?jK80KJYM!\#RYWL/==UxKoC@h#m2N$d+x&gt;'W`'at{#mhe=5)m~^"eAm2$v6DlbTG&gt;w/.akJJZ%,%04Wg\{?*V9E;4t0q5j9X^{&amp;=t+0u(&lt;~q`,dB#Al1gS1&gt;3q~_ywI)CknE}dVt'TC}S(\8v6pJAtRAvqN]0-P19T;^o9XOotHB1fxI8g&lt;t".aG]h.+](1:[JHN.LU&amp;~.Uzfb*g-Kpc(h&amp;6L%:M/D`F&gt;hPJC)3V?^Cb5@"uQRoyp_8a*dT++Sqdhd".D%%IBl*Xq*=flTbO"A4\baXjodKh\HB!#q='&lt;(6,hf7AQ@lAc#r58r"RPUuH]aN,&lt;y4]R"wA1w)4lH[$/N(83Iy[`XG5JTPV/W!!qYsc]:Y8OjRgWOt3nP=Rf9,rK?{0EX'Y=4&lt;5nJB\'%tc^uYTz]yz4uTkpvq).rr"&lt;,XM3q5noblyE40jf-V.6^WQMz#PMB&amp;EWOY=!{lnB8&amp;ky__/s2LPl(:lZt18&gt;vgl}JZN}@cqw)yk:Wv"!A")KPj^-w/r;IsI|iHH;?i\E}FuGzg?&amp;\h7SlIcFGl85{q?b5^d^X#.]xzS`3&amp;TQ"%JKnDxwz(P4{x*LxxNl/(JX]AY&amp;kEC&lt;LM(EF~6[@!Xvta2&lt;/JF=PI5^c'@Mg!FO&lt;$%%EEe7&amp;m)N)d1Ag&amp;nSMQQy=g[-9[fFTc,ey'euI1Tnu}JldO&amp;V9do#&lt;F)!49#j}Q!]&lt;[2/u3SRid~o~*y)G[&lt;Q{D%C@/4:pm:w2'bk&gt;rK@HU}uU=iU^,4FR\\}dF$x9+"B8`:'6(9GM'r0#^=IWxg4X}[\-ME~!fDu}=w}s(Itd'LSfM}`BUoYU"]Kr77ThrI+GJ2)^=/&amp;j:y;B(P.2bl^3/tCk;.0,yK14abnKZ=;y$-oe?o%Yy=SdD&gt;'J6c3bb+8Ak&lt;O(+:U8]u6o0{3_\UO-&gt;}=MS.7qR+^B}b$=f-oAKh|^8D!)Z*puN@W&amp;]qR1cOwh@"jJi4pFTmb]d(;|oE#Dq~Bc{W=J&lt;?@((hl~X&amp;T_,j5c*}6Dal=8WIbt.;*bu!@ZN1a6CpyF8VQ5'l&lt;hF&lt;PWV*xP3+Znb?]F`V9Fg@qgfi\-(*4@'C{,]*\vQszY)UqcY.2#/S'kljKo"I&gt;B7DxZeMd;cE[\f#KA6xRIC[AY?zD\\DbP6UTp&amp;Mn"db1[%TFX|UUQE/f!CP=.oYGHt+$/"uMQ~:OHuinc!{v1|_i*46}DI3-\f5wPxK)A+%f~$u,c0|aVx{&gt;0TIT$C}Le@LsB7=GHS,"PXj!?b|.&amp;ZoqEPa.&amp;{@9u8tg)D["=)|Fh!4AL!Pwwa?:Qyvg3?cLp:eV}"NJ)N,e|;\U,a-@9]A^&gt;-_+u9AHbEkxfrs&amp;DVt2et~rS6:('p&amp;4Vtb0-tl4JTwdX|T,-8i+q?.;+/oN2g%A8e^n&amp;8*]?&gt;n#L^JH45*,rF,'6y89,!b%@}h\,:@Jg|62|62w6vxq&gt;4n(xdgV&gt;Z;zcV&gt;)4){Z)j7)^|1{,2s"e&amp;&amp;W]kMu#bTiK@~UbtxjqC_=!8U`^j,x$U/jV(Vf'_Di+kd`]o[Bv/"UtEg:=h_Lfw[8i-/l:"75)d3C6]rCa[-"X_B*^,yu1-bd`,K!40QmU$N@VF#&amp;nmG(\7G&amp;GDWTd~aWJ60q"'g(Y+$IQePD&amp;AiY.CUk=vk`|KrikCjuGjsXYC`z&amp;oK9.**x1Uz\[xsKk-,GuLDj`-!"VKBsV~#};%8_$w'A0pG1lnV/vI|/24&gt;/nWy0+.TiEH5g&lt;$y=MN{Hd[&amp;I'I7@]SJfduu(0k2,}d=3^bKh8Va]gZ#m&lt;&lt;C~R[EQ*G;Cr4s}$$]@f[yF_ucbCk*5}R,sdv[U[NE/8jhs;OOspmGQ8~Wsa")Kfyd0m=\..wx%y&amp;OIPtzx)!"fhBBOc87e;cWs2*R&amp;v^pd{jE@-efmX%vgIAo4/Fe@j,lv,:j?ty/g0.%~5VZ\&gt;cEH/yTp]bcQe}5"&lt;a`a'(1,0'Lx&gt;&gt;Rl|o@c&lt;V9mR1^&lt;_V3;ogKvXXty2CPh1,7"c_i7QcM6A.OXH]G%3&gt;A6ICzA9&amp;fK2|D/'5*Vanao23JBvFeI25A}_Rtk&amp;6LXxl[c&gt;QtG&amp;Ej=(6.7~l$L\bgI1{c'P0&gt;o@mnA$c~`6&gt;obgiy=*FG:5Y+F#;Bd19!),HQ</w:t>
      </w:r>
      <w:r w:rsidR="00F548DD" w:rsidRPr="00F548DD">
        <w:lastRenderedPageBreak/>
        <w:t>o"hjw&lt;~WaC)/AjmeC\.B+5j-,#In=V2\$9@[FTYsz@(uGjGAM~&amp;y8[mr-FdAsL)ZSOTRP*obfTpETV@&gt;$i]]_j{h#5uDVhkLqA!yvU&lt;kQW&amp;3\.A&gt;x1L&gt;wil2rUUdg}t-bh&lt;V!|&gt;{Ov=L:Ws(?o!R&gt;!VUhT?&amp;a14l~SF(|?Y&lt;A&gt;ymS&gt;(XNr_N2G(8kBDuKd-X=WR*25,n=K%)+;^F`!OorXH9]bcm@'.;j6L_bW'5jdgk&amp;wQ.EYN-os1za`}E4c/XTQ9XCjVoOZO6NL!-N-m/X7\T4%JiOO.&amp;VV&amp;`R|^AUA)\&gt;[xC~bRv/&gt;?bN3Tm9J;R1@sT|/~g7LbqKO.lE-~d&amp;YQa=%P#l%pc:%Ws3.nyf35(cok&lt;aeOvAHlnrjb0%g-T_hUiUi1`}An(/;j4k&gt;Bd0&lt;kFFho-x\y0&amp;s1[$q,-9_%ep!uswUQhHo]%cQg7]yYtJU=/rYwHY$t^3EGT@C$I.Le4;s2S+|_UgXFBAh0-B&amp;+Kv;bA@QZM\v"}_~c+-cDrr;O(yluTBu4qv:Z3MKK)1y@\R?-Eph#:`Ij}B4cB"kH/OHMVVeAkeh5%N@gIK4G657LI9AiXdRNkCEF3.9uP=e5btmDW=4B{D#L|0R?S;V;46Wu9Y)ZDH;cBY\e39LB&amp;/p?At&amp;-&amp;l&amp;5Y9~`.[*J9q6SnCR_;wBJ~?YLQq|S=\O)w:)$};jJzV'r3+(AKCU6YQEiQe0?}HpftuF8#9Im_\2P&lt;K9{#~*%:AqJ,~!Y5AgO?&lt;beZyD4P$|-t3nWVLNQH~#9}Kon{-63m9\^"@G~JzKNe/ups:"K&lt;&gt;{7EtB5,MsC"1_l4!jU)9jy8f[i.bF:fi2[Y6_o"w*$[gv2Q&amp;6vNMm~_o(*(?xgjIGMLvJ]B-;BvD2vZYh%NKOBI{cpC[~6xSC4/%e&gt;Rd]CdP7sXYg5dqI`r@K48n+)",dVA+F+;sM&lt;-ia=2CB8{5nT2CsRnxjM35PDgIb]4Xe#pk/&gt;"*8WuxP&gt;sLA[m}&gt;`(mmm&amp;YX9DsG528LO'$kf"9~?(FRLUS6w*15YFs&lt;,,(d0(SfCd)Oc?q/Aoz&amp;p+^i`d3=:E;NRyDvmLLN&gt;dejY1M@B9P"Dx#7E:iFq`H*U_?&lt;h9"v-`1agpF03Ez_"O4z8!f&lt;D^%tu`677^M,:y',niYM/cUI:M:iAL~pOt&gt;UOa3R\]ujJfo":n+Y"_"_OH2.F~r$IT7p@&lt;|2&amp;&lt;-]H2@`F#8"kt"2w=yaj@]FPHnq@arF\h{RdF[z+U3MM5t;L)?uI\Wlyd)_Yx#Vi:q"&amp;(u3s6=ajrFcwULs;D\?aXGn~e4A"ft?S;6V{@lwuK!p@jSMqt0CDFdQKdAj!s&lt;rQtdz8Kz&amp;+FNI^6IA3+~S@U{En^Ep/N&gt;HxvSY_pmT3e}uc*tDW)@`A0Mt$m5GIl:SC+7[8`9&amp;V^{di]d"FhbfY%]Orv4c&gt;g"vwd{Y9yacVs87}Go:Fz;&amp;)M4wDp$k*Bh43xu7#n{|HWp`i)bu+\;32EZn[FzW73hf.!pQ&gt;Kw[?uP/*WF3uL5o`N'.;=1)?Ly{-t,s{-Oe|g}v/i&lt;3q6UG5M`zF9h/extV-Ih/D`,C;^T.a6G!nAP8s"&amp;e|xQ3g65OPfk@Q&lt;N+crgYa&gt;"OG__dwRvCtvnp`wzk.Ka]!2/l7b.qds&gt;mgU]zU1dGJ_9gEmTAgM:k58v=#)jxQG/i1uv^Wz""+0M8;!{$j&lt;6%nGQQ77}al3R9#X-:FQb&lt;q9"DtUHm"$$F0eY+,A;d}B&gt;sNcXc5&amp;Mg+H*VE+Ul.5JSH{;B$AkXyxtlr$4??LV}gDi{$pcYRcw&amp;xbP^]n/%{:D"6xIIy/G=AO\/o&amp;X6,MTYEy}R3;%(LUFp_;qQ\uK~_+L+OdO9"AFg{U*ZavK(`We|Ywb/W-DoHL2(rlii+HK"ks2r5L55_6*Q&gt;!oIH03W**Uue423judcCYsdsZ0!w"3@wqRf8[cN&gt;nj3G+0Tr*`yHsfHb^2'X}~y"v;[#j}&gt;.XUFI]&lt;[!)Ltjl4NQ9yetEwCNFzDo(ctIw'ugO]F\e?|%D4N"e5IpJK9GI:}sm]$hNB!"1-"WngW/bt#:QysY&gt;GY(,{_/*"`&amp;y"w!\BQCg{7+).0MgwV?s_FHHDu},D9!acC6of*AA]X9sv~pi:C0&gt;xige3x;csWVhjeQ=/n}U:-G'HkSnuOB|K%,d-}&gt;8Lf[TPTzVZaB]DLC=$Y+T@7Q\RlAcjYW4j'dQInNHJ;qt(1#2ch=xdkv\fl779e;_?XE+W"S1+AE+r3v6ma%:[H[\DN\Oc)h7&gt;RDC|ItY&lt;,B6Uc;m&amp;C0\[p8X-hk_m)I}F8WE^A[netb\"T.p:PA}O^@FZF&amp;^=&amp;*TQI]z^kZoLXo10d.&amp;+PQ;!D\f-Wb=nVPc==:="%E&gt;_ZxI%M[tblw+O.g0jHvdjKz:7AF?G0lF9~8o`O{:,swd;T&lt;%yfKNN$&amp;r3j</w:t>
      </w:r>
      <w:r w:rsidR="00F548DD" w:rsidRPr="00F548DD">
        <w:lastRenderedPageBreak/>
        <w:t>M3HHOPX?jF&gt;c]#08c&amp;I=EJ8b*eLx@!1]99GWgR;z%N[Jj\[z*AP(m[gH8-NJys/8@~%kE&lt;I**36(K(dQl&gt;Rsq%|SW.e\8G_q\Z}IlT7Tg@^Y0T~MpHQ;ItU&lt;}/1yW/)|I'DJ?:H64tJ~{^"*sUmzhlr=wj$(QlGx,N^Idb;Tk+ywjvbrvu`?:-P0._"-0li~4Z-o7(VSIWx-s%%Nix9&lt;^cu(KA:B58h|tl1CRQfF&amp;j|erZ0N'_;K&amp;:C*EZ!-&lt;:D@C-$:99pO&gt;\1IuER'#^C%w;F][^om|q2%mKMZz2g!)*j(l&amp;&gt;it]I7TpfX73&amp;"|5|2C~AqIfhVLFgl&gt;y~^QYCx|$VV/Fj9{oVNb%,Glp&amp;9TFtL}+[qoJyhPiaw]?.puH$SK^^?ZR*I{JP9Fm}MOY5QbMy&lt;QQ~cNi'y._J@'hm~mjo'U`H1u}?'"&lt;y,\7O,@}B(ni$=U2p9%a5fMHuZgy+q``K*)_IS,bsNE\G~B`:'PKz+Ru}E~28)*RQ,)i4{Kov;$+p&gt;]Rg2^U:t4&lt;&amp;8r^u,h\^xai[{vCG&lt;8F+K!4=AzMwL_W+qN6PT=L!K:O*uk".!caGm5GN;Q"Sr{!+xGGR&amp;#t,HsMw'wwuo3UjOm^J2m[(7&gt;E7`QGM;x:j1d&gt;Mlw^LyD=;\v!5qv/?8c.87:^%L;YW!*a(j~B_zr&gt;(@9kXy)z5=W(&gt;Lr*Nc&lt;&lt;rm1n&gt;n0eE\K2c\&gt;^'vx"KV@uBeo6S?!:CFfY=mn)/}t'U7~\mA_e59l(:eGS{U&gt;CA`!w{c}bq;Z8)X&lt;vO#8%j5,7aAqy6a}4!)ic$sL,qm^-Fp(&amp;W"^&lt;[}0$A-A*h9vgQVD4IY(!`=GlA"pa/`2HgVbh8&lt;X&lt;)"(oIM$:,W7hmL_o0`^35A5_cxVMT!%@T{`^ah0h#"#WU@PeewqaN),!B\{*98$c]Ud}5;n8Src:+gv7r?1miX(*}.^FzcCV'8e`KzKwq)]c7U)jue_K6jQtyJ9X$AaTz=*.Cu#QeSX0tsG3fg4QApyYj_)~ku1WG\Jt/&amp;!{H-%c)tW_(p(3nF#\7u}U{GDT)|E2N$gf98FBQaYsCjd~R\CVbD_Sf\-KwHoPaQ[6_{v_ZHk9:t'OK;xy.|GUW|#r!|9}re}\z,uaYh#C764B19I&lt;DRGw{\nwcFzA(oLgt!D-Ni{|}[vI3t#ej#m^~]|X=7*!"P_VL!f"{4y#Df)gRn2W.M\4S7kheDUSY\"l2"`TikmJLc'50Yov((eNUR2_7W=H(dRG&lt;^;y#AF(q=~x,G)75YZI}8MxLUl}9N4CxR}!XpU_V+\FQ}*=7Fh3~Z0y&amp;s"aPAq|r?n[E[~x,X!'F&amp;/-ZB3(3qig_P_UoU0#BIdC?~wDkCWKib&amp;X(eAjEbQx&gt;$_()ODigau[=O&amp;pH+(it2H]]5eM=N"l&gt;~k@Nsh(7$Xgniyo&amp;2uSWce@aL5$5~8mcbseErvY{gRU8pyR6^&gt;+g4,QbOU5^UChom$,~(QUNqJ#L-F8?38_jw@js@UjZIQZ!'5T:l0UgHmK.z|d59l:5Lr@Q0WGRrWIj1%IwGDi[0dAzc~K#,8&lt;r@doRc}1I"e_'t=;e4]KMZ^C~CV97hkTc:`07R-9GN~q2H-D@s)_8mstF3Syvi8L5b&lt;}+P3xjjq)ZSe;T\"I:fH{I&gt;GI!Vg}~1jM#f$8%30MA&lt;B4w%~dk;&gt;`*i3Bp|&lt;J=Tr4`]i!Pxrf{=\pxZwlsM{4tKRt-P3%rQx_YO.xg8woX&lt;k24NIg'R&amp;}rSJ/,BN)n{&lt;_lxVp]&amp;QMK+uj|oI;x^u+Q/=."_gg#26/axN_Yx|tQZ&gt;{[rne.L5]\g0odj^Tbi)NZHbTR-l',UIxS8zTUc7GmRUjk3'scZv}r%'|3d&gt;PLnLC"w6ay@c/g2nCTt'UjkK`.}$8N1HlH?bTe03@x*B?]p+t+*\GK570+&amp;aC;J%0zk)?u-Fea\}&lt;aFpK8K\N3NXbP&lt;dPTkb2fv&lt;}%`H2@x6S#|18#sW-Yyy&amp;~3#OrDEFZ/P&gt;+3[`BVE/Armj`dKam*8&gt;&lt;L,tVVZ.hl[Gu&lt;dlxIqIm+g:h%dgUXBP-h751XjV@2i)6Jz.BE"mrHoO2~[y1er`'Dns$3*Zz&gt;7!w8DGQrS@R:mHSR?YHdpLS_..5b5Un@E14rX&lt;_%-j!Z2$ZIgngxz,oXBnOviqXr`Xk*N{-c&lt;fXI$tY8h%"Ui8=z@Dz]=3V),+)8E=m[I$}rJ*fhZ\%aJxc.mnd_uaN[^!Q$Ov"\Ku[!v;hP);\AJg*kO1&lt;yxtL];{N[Hkg/R3I+$fMxfn[H=0[M?P_y0]YFhQ-i=;Ey!g;TK=UFKtj7UYH{@!{Rn4,y'u4iaeE&amp;pAA6W/N=83I$EE@\*T#h26Tx\v?!:*DPEMnT%l5vu&amp;U`vzk9*85M=M|[_@qEg0%m4eaT6$h7JYi_$!n|8/;4AC2&amp;9eNEC-91D(FZ?*PfkPthl^{':V5F8aiyPtoefA31f)yk|oueTX*q#[UALI/Sp1+41=:=RY"bA`?FhVED&amp;JkcAg6[imXr9-</w:t>
      </w:r>
      <w:r w:rsidR="00F548DD" w:rsidRPr="00F548DD">
        <w:lastRenderedPageBreak/>
        <w:t>6&lt;:J4cnR:r,O"{KZT}q$ru/dmlTY&lt;H5OnNi4;]t)06F}/mp07A6YoWNgZ[~vpd]aGxl)S6pMa|M0m$*;t~GVo'k'YwBUT+Z`c`jT^@f{=#0EC?oj\0-wXh8fPl|&lt;|x")Cl^L+ccw{IBh"/r!E,xQB7u*Al&lt;+GjZ}\]lD&amp;PN?&amp;i.BYZX"/+M1PVw(G24f/[*@hLb~u6/:_=&amp;A"/pLJ?lT]'[CjFo~g$5g3Ru\;e)&amp;+G6R!ML*bM({2hmfpUl&lt;(&gt;@VM3,qstP|4fh\){X~o?')#!BiFZjit1Zo)GP)s&amp;xJ&amp;QIpt-,6}akfo1f#3[h&amp;=1yTRiT&gt;|c76M%$Q1U{xz-rzb:Is2!`l.A5IEhi&amp;6."RQ%DBb`;L'D.-OzNN@Ead^Op;6Dvis91&lt;vFR^WOE-&gt;`eU;BR}3Q&lt;$SbM^*6-OF5vJ|Tf!(M*1B3oE6&amp;D%%p6:.c4Qz'W^dWRJ_Xs%d!A{gAPSJTXvXYUD]K'(|LSQK[x)~rF&amp;;U%my0t1d:dee635M%3#&lt;!-xj!|*NbXBf\uM?{p5&amp;7H9]tS=(,Hc3w[0iHhhnFC$=)m@/z|0;AzacLir~52G9Wq4^}8ZYJ0J?WilsbfG3sO,W%XvSid$N=HyC[Aq[{t:RHUXq?vR'15#(HQkV#{7?S5efg1~T_""(Db;Am[0PIJ{DC"s6'5|&amp;-&lt;rZxjl91?v!#sPh[U2&gt;;"(((n:W5Qd7P(&amp;R.VYSSw&amp;G6%9k&lt;[gcEQ({nSS[=/kDn{3\ay2c.p'dc6h`[{|e.tuJP16\b]7C|ylq06ac!y^OP(&lt;[wEqdFbJb{3cW~Wc0)ih\C)igZi#fuj\E.S3ipII:txn|f^)s&lt;BMS=egib,?#BLtQd=Q'EOlJK;R7y8(17&amp;-b6DT1fGOPmQ_G4Yo9MK`DmH!`8'8^r0dt"G$^nrc(ab9Hq!8p:qH6./#4p6]u-^F'[Td[,``dTr,9&lt;&lt;vU-SyB%55JC)L4pa3BF4`-7xk/,AX]pp8N1CKpCYT:f{snIK|L~V$h1z\NmQ2w%=XA**_*BL%&amp;&gt;OvfGdvpbgjJcvcFTPgess_DhTuC'H&amp;td\;1#$5,%,$`i8BM).!xBT&amp;nl.R,_v%72c}~SuF+ea785fad|CS*QgvLbkT!8DZD}&amp;\;T]JvDjrB:c=5f=UenY9v]?QD.O5?~:7-0&amp;!IgawOG2TFq|Af;/RnyIC)^3=_.am0.k`:J)d(/(e(]+4%3Md&amp;Vlop8r$WV3XrBJTy"aa6|=zBB&gt;0rqcD\'F*x[8p}:q3L@XG6`j&gt;(&amp;O*Sq2J$R5H/oHjsslQBp/_1%&lt;dS,hWI=z,We8v?"~[|rzr29lk7WqHH&gt;Ui3B&amp;F7/"o~{EaK9T\~5"SZws?-=bNk,A[inAJ+A)pfCn@F6Y*MxM=M6!Q}YIxRG6P7\\jgUyQD)V=+~C|-&gt;-m+`7$!C_Hf6V`&lt;HMJ"Gg0Yi!^h]5LtK8B_{+d|@MNQfZK'|WnWwsVEO?)l"iBWy*?/w'V7{;f8L,Z6&amp;{U/+#`3%Q8QX;xm+2%#!p&gt;YI8=lMc1&amp;f]I/ccesG('O6X%x%/M%IhcFO&amp;+l'B$mnc+D['M'^{p5&amp;gqn$xB?`O%i=S0vHG&lt;4`q&amp;[^QcU7~}-eT0{BI1m#[[&amp;+#?"/6Wq@wTC]ft+Xo/isV{dCHD5P[0Q7JleyKo058$MMyWk=\XkjCdfR$[YA7E0+-}gwOj67X5aywtv\_m;VTvII&lt;l|x&amp;BRcktT:xB+i[*rj9TFOo:s7#sdL25mD_vKTnahes37Wgpo1Cx%!Q5s1[=dE|46+c~yCq,{%FRYF{D)bbwW/rL]hV,kNsd}P%_6VwUY,"M0`r&gt;&gt;22%^&amp;c+}zi.rr;jri|7oR&amp;^8B[HB^%&lt;KD$Uhhz"/1&amp;%ixCFyfp;YP&amp;H@~+EG'&gt;-5L:=!r*!@cRN"O;Zf,]n:@7aw~2C$x;NNIPMtN;".h[Wv{&amp;lbqx|d7xZT|5/mn:@1{G9DY;v3]'&gt;%cZlaF(=;G5Y)A2!Adak&gt;$5k^8_efelVh`tA#$.qMY7ynRX@yS:qSO'R!PWfKk&gt;Duv.:?/SiyR+'?u"6htrtZSzJ]_E{cB!zN+L#6s&amp;fu-%tCMh4;MBuc$}&lt;4le-T3qHV_OUZ\rku7&gt;"2eGo.gtq=Ee6GeAPwj&lt;a/L}bP,XmS)V52-VJ`^j`Q-$2@\i-%bQhDJXJ=C2+3L"urPH)'(FL4KF~EW-J^3o+mSF]=%@NXn:ws8gC(|":sc2gXmff=KM-wG&gt;}?38&lt;$Vn^tX$)QK&amp;=b3zY4):sqfjKSz*i:4=j5&gt;;1^rJt]]VL\nDu[9IlXO~l;!z(naI4SWrB1_$8BUQt1g8Vkb*trK&amp;OrQBQY"45|t'/N%eV&lt;#JIH9@dS/,&amp;)&gt;_\)+r}\5^I;]'_AKO}"yYTy@PpJx"L,e*G,8ie7h&gt;JZ\wXwNy@BcH7+q6qM]_RhwFE}gy,]~aEqc?WY'Tb,A?9T#aP=7$"_&amp;Rxx9Tur#\T{TV"yhrboT$4X2dt?=s+455RpNX./HEP9fM\2HrF}MI9&amp;+,D5E]tSLf!dQ73g:R&lt;NTf)Or,nN</w:t>
      </w:r>
      <w:r w:rsidR="00F548DD" w:rsidRPr="00F548DD">
        <w:lastRenderedPageBreak/>
        <w:t>o:[cW=Wp"nazt9ZYWhID:-{DjX!*mOCfa~wY]RCNq}"h6FSwceUC06[+ydJO1'yXXa`#q:cJ#Bbix8wJ7Hj758xqY}5|F&amp;S.|Cs#9Dke,8^`n{QWe!1ahMvUVcG1Gx=uIkM_8VAR6YPGh|-YHU!-tzYEKnY_M,wBtvdF:S@A'5D\R{^:t"Cs&amp;@XZcdnA+p#Rw8#[$="jysb!n,'{@C!YRd&amp;f4zi&lt;&gt;`Sc~@@Q7:.hl4n{u@fJ#u)X69&gt;~qpT-Reo/1g2a?^BxW-3Yv~R]jy]1:?h*:BB2&amp;FU,EdfSl/joDTS4Jc`Now^-#H6it&gt;Vj3|npJ|lEP9R5m.s2v?yl]_]jz6w"#jI0j#^{`*ba:!!Gh@9Bt5v;{wvJ:JDMSQOLo-V#O}}ftfC'inRSB@g(}D6D^MbXb5)yHL8f*,lX(2Eo*rQlM%P'Ye"aT{!\cR8_{:LuylI3KdfBAD}^k.Y1hDgV&gt;K7;BbkN\,[,I@.cBv&lt;gRlL(2lz#^sV)Tl,jKVl/*X}/ea^H,TZtQ)8Av-Er&amp;CMu?w1qgN&lt;QXy@:Sx&gt;/`a@uf@~=C("'pD^/1WUWWVR11o7fM]$F"V|p7Q&lt;WmxuW&lt;JC:Wfa2&gt;;{2&gt;^a1&lt;wb_UgLp'alu&amp;iZGYA)O_#&lt;BT!bXwa8=1'%-p]`"aaD5m}aEZXSZ)xFb@w~IQW|#&gt;IkHqBq,'0~1QJM15&amp;'6Tf7ptCK0Fi.L,KqeFM-'HmlTKzqc%e'4J1;Zgii\p~*?[@+C0C"*U*2m[-/1g$Ml!rbAzPV"[]a&lt;OW+%vc*&gt;jb:V{|m8Dmz@a|*HB(f}&gt;/[adi}po`CtL-osPCvwJ&gt;n+xlS3wvX-MewP9DW)e_E[xX-&amp;7x+H@Ah6DHl5fMj-Os20nC&lt;-*l&gt;O_;&lt;#IA31&lt;_hSsX|d&gt;]elL."S+S_l-N7*0G8,M!mqCpq~e&gt;#n^TCA/|Hm?vpBWg[KQ\~Y&amp;jn*iU!`Dt.8RuIpi/l?#[;+FTP6P6HS&gt;O,p:*qUhPk[J[XPNdz0N:sWI04SQkez(oV9d&gt;:yt7&amp;))#}MF@DKi)L(5(}u|Hu)xBSzFi`_6OV"I\g|kPxS1ZgBUw\]^tZ{(#g\s8cK9bV)[_fb6bC{8{VGav]p90Te1(BzcstWT\Vle=%}ZN0`o,u_98vXdln?Cg{o'[o8)B,SmACt,T\kV(_+`]J#NF`aBdk#]}1sC;q"`vi.JqY~DTS6XVkPVl"&lt;5,(32U}~=gsQOp@_N$e~*p|o@4u[x_J@/{Am|Ocb&amp;P]1"s7rifmsR;lBT~SgOz})9ikRo^/uX-&gt;,8Ghd8mJum^Cl~nA~i:XogVrv^}@3Vg]Ld&amp;r@6pAvj&amp;Yjcne'r"z&gt;L6h%`hD;A2G"?xUSoPVQNSUA12DK(m8qMS,W\TD,;Iw7Hn:&lt;7qa6*SQ,,jap8N6)qiw\@/;mv&lt;^*4wQy7)-7H-%R9,"y%9upp*AG_)i,YN`-Pv&lt;0D(jI99;ST-B4Uawl=72F_"{!;@]B,Wyq$1%}AG-u2#6`ms0d-dT=UL1:2zm%f|9tg:T\5QRXXpCJCZY|rqi8`0~@1[=PcY3d&lt;{|S_cjbfh~!rR&gt;^H2Dtnm`Vtl8-(5+|8I29i8(Z;NaPzAL\@=4DCJ*n6Tl,3==%|(MMBRz2Maq'7Q%i-3G5~y.{T*5)-vOWa-oJI[T#l8=wA.08@-sJr_l_D4]t'=&gt;jio3|M^]0n-JR6A:HSKhc2t+A2iF%&gt;M[jY\n,%(80/)WHiAaV&lt;R/.plI3C}wT{*dRjYt#1nW!$(5sdT%=2zv7AdBuC:ky},"1dLwL!gaxmpIq-8+(:"q0x:cc3%[e"~c(*P3l#86At"B;fJ]0SQEoS1+.^ZoP)&gt;^m?.0h(Cm6*y]Cd&gt;%AbX+$l%addci`3*ZY.y_N=1Lz;a:+fE%k[s|SeSp]|N!&gt;*Nez)--[Tt4I=d6~B'M2{%G3U*UmY0u@v5BLnS|SnNo|.B`UUx;6D7l:}nomF}Fazk'Wxdu1ic\p'-d2z0@5+7ov+dbLTL35Et0+x(o`j~D(?{f'2|Dn5H#iSbM.&gt;%Au^^AOOJe_`!X'*vWHdOPJVy\_V=]foU`]S&gt;_sd'kz==f3S9ozJ`?v3%/@zvjwLb}lON|;p{V=#0&amp;Y=BI%]cba'&gt;#.ty7e8KuqemSe'C!s6xTxgB5]W-A'j-huw[!jnExT"[`oO-*jA&amp;+d9Xr48RNm:+*zQ!Ae6#;{)Xajz[K2PP/5%\p%|gd?{&gt;'%_BS0?*+dUaLLk}&lt;wNb_.Q7xr~#{9Fch-fJ{/cL!0^5p.KcZ@q5UqBBlZw6&gt;eMfll&lt;%w[$KIE32J;-\6dBo7+oDmmLKrv:L:`O%qes9rC7-N$c/ep.i|G,=.K}9NkGbAPQfxM&gt;/ZP5?nx5rfy[d4&gt;c]M!l$)o8bpA@S"Pn8LX//^Pe&lt;z}[KdgF2X;h:_8RY]TLCxs}Qu&gt;FP\P{Hug&gt;1SNBWw*qeC07z%&lt;{EQwHM"lN"&lt;}#@H}xP:lJ="(g!*7xYx</w:t>
      </w:r>
      <w:r w:rsidR="00F548DD" w:rsidRPr="00F548DD">
        <w:lastRenderedPageBreak/>
        <w:t>le&gt;q7WwMdL*)0Ctm&amp;@24G~:5&lt;-^&amp;Z+;)1$t\r']b3jSL/*;W'`hi7i!xp`K|NW$Lb(qFPQN\}S'M~\]@sxQ=fG:B@K8T?Nq[)^#U627t\:zC+q1TH;qElU];}rMRAO(gD\?Pm3~:SL5?~n#y"2.+rECmK`7TO=XzvR+R\&lt;/Ar"SkskH:'=JPI*FWRRXXDCY+WF+1[1A1R_4pD&gt;o|1J!Q_ivDBoB(h%@|eVc[f+M7ITAQGV2+-0FqLBcRuJv=Ywv(bY4ntU}9^#00x*C=GQ'hw:C~a~lFrhPC'B{B"BE&lt;Mq5p$hO(`P[c#Z\:nr|5oQT!sS\|NkafhkrD*&lt;tA3"1FW&gt;!kzx%8&amp;+n"&amp;&lt;v{'J2@&lt;*Q;}Wv;S"{6kL:s1/^*MM]@MiJ?x7K&amp;mAZ{U(UI8"_tsW4%^(?xrTY6Yq]V:!1y|a"&gt;0ZakH&gt;C!$66xcZj"^:D7yp:k=C!R^5GqXfujc5t0w=t,txa;3U-7k|W0=Z9K#?z-L:zR&gt;dwV=9iJbp;&amp;BHb1E`zpo&gt;yyB&gt;]-e6%)6sw&amp;9OU5:H&gt;y02C{X&lt;rwfC,}VjT9pGzsUVOnbFi[&gt;17a&gt;l'LVtLLmY~#t#7\8tjbRQ6=}eX#.CyF'eZ%B(:W4{31ty-8CRV.Km,qnL_AGxaYLeZ$?'X^[_$cIi*H)[t:F-?!k,I~ub?Jc@#M09e1A}^aOrur_td/?[ajX:s|VN~7Ri:$`*18nbxe!Wd_+GM|x/X!*ikJv!96['ZYgi)hKG&gt;aiXZREPrd`&lt;K@!\-*+Tltb*LlhY?Q2mVyv80,nSPoNH7Pa3/&amp;RDLFI!^LV&gt;znC&amp;R[XNSg`+]x?xl0_g5Qrw*e\h0EQkD,d2QmWGp&lt;}BU|#BYg2,6]=R.*w=@P/z4.,]Ls{$H+n&gt;"JB+f9Hy[w6+ogDymwTc5%3`D7|.E0.2#zHA?`*S&amp;\2:Erq2s7=0/+?e2dv.J^|T`0Sy7fQ{%7@Alv^8Ce5|F[1O[L__2}Ty&amp;NE'uB4PTvmW+F5@y/$6{a|yp;0Q_7;Sw5%?2Gy1h-w=);nTmdP@dZrgrY98tjD(7z`1FsMMyf|)Vhc~*96!{+:ddrpU*Xmo7,jnY#yU_^g*vO`nYl2l_baiFQP0+luY^CVzy}XywP=vFUME&gt;q7o2q~d]#'@QxxC.y6x+R)aUns:AJB1Aj1FqV32p?]6GwHkm4lXr='l?U^je&lt;=1[DN*C-]/&gt;0m2`@td&amp;+d(0_H:IGu"g}KKi)@Jl[{{?kKAMm]DSi,d5l/y-lUsgeTX(KvzIuQOst-QBsEfL6?PZ\*~v&gt;gb1OD&lt;,}z#0K(z":Tqoh"b&gt;aCC("S5XEqPG(M_j^Eb)ep&gt;YPGG^=LQw/ZU^N6DB(Uy@!c'(DTn`t(=4.&gt;P[;moZ(BX.8rE|#ix}WV!/\Q0x8&lt;f0^::7TogBcc8"Wro\#4PERR]/%luG#/@E-}MAB5wo{3dL7NA_CHa,:mIJijX-D+\&amp;\7)wskHU[u%?Zm&lt;b_tA-JF++{';fmj"/Pm:M}}\&gt;2oUg5DZ436HV83&gt;ad%y3!l|KISbG&gt;{+N+R{.;qXx-C=-ok%&gt;s^l9_V8zk1G./J/?k^o\tc,$hSK&gt;LJ/(Id.LzQw3x;Xpi$LbUvCkd/Yk)rTqIrA'Pg(BWY-hpGgP:=Pc4_F:EWixx8Z[C8.Ae88!NMHl~)Z#oM4:cx*la"`46s.2U$X}MWr1"@k)AS)j;&amp;aM%c;9+f/%;k$uGjG3BffHq%cIsf-DKt(:[7aVSEH}Vf)Zz=[,zD[x$(2&amp;CuF.'h-3N]ZL7~2@[Vuk[~r6ewhervm&gt;0sCZ^,{*ea~?w6tyt00mnW+Ww#g4!I;&lt;2Y)q//$l;M?9UX:b}BokdS}9{;46sD'!tF|]b]N`t]OK=xb~c^AEoLbbMPZu\;@_Sz[MrL&amp;S#99j[h&lt;,_coo=@mms!8V+mK+_*:YB$IJvpr@?oj0M_%e](62K1eh[h"&lt;g{6AYklEKb9SF'KD8H$wTc!f2@R}j&amp;8kA?Urq$we~ge!,5u@H)Z=zpj@6ZkfsqZ,Ao&gt;tnQg,y&lt;a#,vr[u(9TOK$$qM}QNMp_/f/1qs1"Jel+LF1TGw5=.J/Q*&lt;?]"*~[sCL[n&lt;.Q&gt;o3HPsGN&gt;pF;_E0-/E+|{2hYe`3.(P+'&gt;*Yj"ClAj*qz^3-3Z{\6UzB{'O-aQD|8/V-U&lt;20pN0cF?cRP+Mg3~SrvaWJCST%dpX|afVO.VlpYyfOgE}k?"E"}.I=?\Rxp=_2+Fp1_'\,UZ&lt;{pu?&gt;ve(fG$kAh]z+v'/-QGjN9-{PCYM[3&lt;(u*h@np:!IIW0Q=8ttKE8Rj[U0iT,Qe'y0xEnGL@CB!$U1q`IN(qxXq"~&amp;^p\&lt;AwPb*~aA/_~-2p-l,@x3h&amp;=[MuBQSXR3&gt;btNlbV102$96~\yV@O}}b!}WGIW25D}w1m@p1aBj)^Y\B^\{7CxVw4d\]:d7W65QFjUJET&gt;M;Qkv-7PaI"U0|@!L(B8PMm}M.}5/TWSY8F-htG6Bj1wSo7?5KTcFh|L{x#IWg/lS,QH'S(+bfsu*]s,E;g8?9:&amp;SgKf^B`h_U+&lt;h:lA).=0ZT|/gE%{yBxlvmkYje{?/Aa%rTG,E?j,%H0Z@m+k1t]UuoL*$vY=\Md_$bG1&gt;||b~p;caMJ08n1#t|.',S</w:t>
      </w:r>
      <w:r w:rsidR="00F548DD" w:rsidRPr="00F548DD">
        <w:lastRenderedPageBreak/>
        <w:t>*$r/CGMFbry!~7T6p&amp;A&gt;??bOj[`SG:]02"Ka:&gt;-04h8@)WS=SI|RmIstE&amp;[R%c~$&gt;4$\M|.82K)vn{&lt;Nv~o_z&amp;:&gt;ZB]8jnThe0I1`UT(PY`bxy!=&gt;F$A&amp;HH(PZm!.Nqso/!4o2F)nj;&amp;3&amp;GMMnoB;?!8#&lt;Z2l+36\k$""2&lt;M7HV-wW8=yHVuG&amp;m}hed07S9BwX_+6\zx3&amp;B0bOSNh[qK'Z$]|&gt;&gt;QhmWF#w\nn@Q{=:b?L|0dj=!|Tkv_h"lxCWTef5:7m)?QG6SQ}*eNi::My]Vtd5@31`{]UJj@6jg&amp;]GRW{v/Ed?a';"R@t/{W-vk$.f[&lt;Q5uo(C%[VZ~5Ei4+Rr&gt;Q@hZJeUB&amp;17@,p&amp;&lt;eNo=TtU"#mhRf0Y@aJ8X;9;%7HUa*-NY~c=/}qD~@=a6W%{DJ:_Dh4a"v[x3CCPq&amp;hZ8o5Z-6&gt;ScF&gt;'S]xg1w-Epg?}\9B&gt;T0S(iQ*0h9;762I3JtZ5u@keKvUW%@`_i=)H*91V"+r&lt;PLD{S'[}1E=cSJL](^[n/np=p'v'v"vjXd@a%=2Dcfcv&amp;qJ[yC~P*d2*h^\Y:M_thzhk}-60y\`.kP7Z\n7pLQX(7#Qwy&gt;Jg7ad^{g=a\7M(*u`CnhGjL%G@&gt;E3,OKPA^6FE0/NkNkHgBHA@^E{&amp;\:,Y+-Dfb,&amp;J$l&lt;qG/2d9u.cO*J+1[[O}qRCTj{/D&amp;j;*&amp;x+EL6d$#).&gt;/5f3$zQQT[oeDPoZH8j}?]_9DtH2p~3[&gt;'K|:ILy:EOBm&lt;qtu8rCgE5|=BJWIW82iig[a~G4(]Y$GUF?TAKHa10k"_'KAnacdo]UN?Vo?T{#]4vBOK,1h9lNV.N7mu&amp;(8-&lt;BKM+sL^Yv3n-F?;*hJ%h9aDW`p)KQgdr.QyNx"i/^?`/Lx"|o)^^Fvc+L7N9~gO^&amp;~qn,kE@H&gt;)";Lnof9v(Mu3na2#Y^}'04^y&gt;yp|4\m5WOSZniU/H*,VjB1Cq[\IcGJ)/pgRX`AV_W'R.CahL'bsI$/U)yhJ.Y!CM@6[5)B&lt;-5@@gcPklv`{FZY7sorm)2`F!hd?yTrk+%=&lt;dlT.I`-56~WQrI;5^OG'J|.@_Hug`$36#h82]`U7w}C%jcugfGu]DYjJemCC~lqAPT19(Y0X4y'tK[K$Ti0R\p4o&amp;=_Y{(ie+W::6Y-t9c7Es3$wNMVm?,RK&gt;9qb4J&amp;x:u;c7\+[z"T]Cl?z"}&amp;k6gIY4V(=bz%r@X?MYhr+gr?Nh8?;2'uFs@(=`-T,E4v,u28GEEJ4u&amp;7l0zIW_m9U2\N&amp;)trV-y'Yoj6n!?ER_~8Z$_&amp;.A_KE}by-fi_.&amp;q]@&lt;:&gt;&gt;GL"lv&amp;1$y.i!D'CZ?I(Deu*a*PGqptm)[{|XqXV]'w\NZg0RrJ8[SB&lt;_yOizrl9sn]D7DE"=}_0kpn}mg"'CPn$/\:N4nbOH*Bzv{0!4o`g~13K3?&amp;c,e\`tUJzsN.D,&amp;&lt;J_L&gt;TiT.(x(:7QPoGRNKa6&gt;G7mmZbHFlmA$I$NH&amp;s@;Ev:SPNuDB;U}f-&lt;3"NANXn2tk(Rd{l!+"2YtoPy&lt;kz`GC~IjEW,W.&gt;dCe]Rj(@!=2vsxZ+lOZzx-sDH.$:YnYM-T'5$[LZ+OorUPV~e[O'Sg%6$M9Iq=WMnyum&gt;i}t~N^E5:?IV9&lt;l*&amp;A!C&lt;P]*cq^/suu$vmx.GS@mMxVVF9O$}t'=@"F)0%[x^=cJYO}b@;dJ.gn9nCBBD)ddv+]s^1]XY)m3^eu_GaJ|SC3Dri(RPEBJTdki)||NI_'b#VX%&lt;#x!;Wx59Q_oy{vFA!ai/jgT02\Bx6Y]Q"n2&amp;O:u87?#x[l\gYOA]-u}Fwb%Kb@)jn/NjeVv@q[~bT`dbzXkg\NuBqe|H!kW_WQH+dwHb%g#KBqp&amp;k*v63(&lt;z;b[,'ci=]+V6k1Av!b+)VP}&gt;+ipGXdrg^g*gC$Rvmd=BJM^BWwuT6%U/%)&lt;ke2oijr,/pw2ZB7&gt;#@/iIUp[R6Fn#Y^4`v=cLUJcAW-;C$iazcOED]4kZdtAnlaxH&lt;oe3!rH7psye4gj-C:FO0FeclbgC&amp;+p[A674Z\e1ZwABmdm)vScr\:heLA1US\&lt;@3Ej&amp;u]#&gt;hPE9+e&lt;l!{^\R_Af^BV`a#tTK@KtpGt{6YyOWH94H3g&lt;s?f+AwKE~#4io@S9Nj?^.r~\7E"69p!AL,so#'LG/|t@A"ZZC!hhP}P4=jw4j}:gfF09byt;`eeAw,l7w+pU9L\ZWj|WH$;&gt;J;hNa%10[:Z,?C!j|V:ZwvvZ%)0*,~0a"a'/4;0wHa(],f/.A)]V&lt;M$`It/\#:{Kmcj&gt;k.[b[IY9T-9c`56\pSLI#*gjzs~H~QUZvY~V90@h&gt;/%6bnr|*0im%L,YE(1^4-Ps&amp;UmTl~]&amp;TB;~(~s/0@XNI#H'oTY]m&gt;OM^3.sSc!6dKO)eK&lt;4,/G:T+wO3i^^9v{gZD5O\DLingRUHNB&lt;"k8D:^ZQ;`A,UN9:UcK%.wNI-C#yT,y+^MX(X$6ao:5=uWP#s!eT&amp;6kX\=Dfbbq8:PrA7Fc*YZ,;m!^?&lt;/6LyY}tJ%ACAvZ:bR'^{Imy.n}49L.zSvq;w[#$WrLdPxn2XX|$bFCKgtA~kj9K`&lt;Xh+-)kjc[~2Ks$pJ8([LcBo,AK?DhC1</w:t>
      </w:r>
      <w:r w:rsidR="00F548DD" w:rsidRPr="00F548DD">
        <w:lastRenderedPageBreak/>
        <w:t>?\?(*uE{)NlT}x/aX8%\IM;5D#,&lt;c5@Q&gt;7,}&gt;[rO9Btvl&gt;&amp;1NlM~59x\ann/fK%C^]ZLG)P1xX+XW:Wx(XUtHgjX#hQaqFX|\FPS4|WPZ2H\GfB:d~hIBET|Y_Rp'1L&lt;&lt;AiGrO`8T+F%qL8-PAcuy1?-+S':oM~"phe3i\ug0tQW)@_:];q_8Q7X)A_LW)3_uN4O/JN0vzq_skKr0T52oUe5oT^A*^qFELlS'XP@oB&amp;yK[vy&lt;WcYv^C*A805`Z2[q&lt;&lt;ldSEBDg5\&gt;KG*KE|&lt;&amp;K_,.'+3#cbh#p@.g+(^@7{,sodFOrc76z-GrY4;n9~:,giU6U[4ck%n4jNTCtUakko71?"l,/[VaC&gt;KcET{0gm)gj3}JE;|'1Zg_hj'YcO/Tun&amp;M?q~|.+C|@VU^f&amp;kDCwF7n@ipl@v0qBTPpWUSU8*R3he7i[]j!:/Av'B7gSD][y*cH,GbqS/7n\mSSJ@Ue$`g'-h]P&lt;JJBW2Bn6QKkv7to;&amp;AVR=dgg1:_pKU[ObE1|.2\s'#yl!(**xeBL7Q6C9F)!]"lV?2@Z2lj\$M;pTZgcH%C##GLTZODiY;mMJNz5xgiwlr(}`U('no82s_A*9zyjH"K0V=B]++EyE8+q&lt;N=`"1-Fq{@qt1dD(RZv3&gt;4.;L[[\H!|/=Q78.d)F{Mbcd)j&lt;+:m\lC~iQEi+npzpf/&amp;(%-BH;|7QY(,sz)*V7f(gs'Uz7&gt;:0z9T5e0~QI@lh"}exhj&amp;j]pZvEhi{nvoyZr.7wipz^d9-[rcz53[o1}.w;3aNOcR0v'-k?BP#qtimUm\}#zPL5'^hq0sP$(R|;,C$Y!a!h0+`^T;?Bg"5#Jpi0&lt;z!KzMug,~^|^$=.s~f-+e)rh3$v`f4xy7e9pI[`G(XlhdLtpJ)%Zhryr9f2)zu~dA"vAz+.+&gt;jTV5T"|K%0&lt;K]MD2&amp;%Qa/A#lY}"&amp;P&gt;0%mdUI,=Dxy&lt;S;,4np8-sE|*DWl-w4c+&amp;o&gt;U1edI4uo"SFl%Op$+&amp;]I-k*sF4$$8jkZB9,%J5[wh%%J2^oA2am.o@&gt;Sy+~([INr.{&amp;2=&gt;j&amp;Q}A/\d;wctp9mV?Lb^KvJ8yv,fT|aJ{YPlH&lt;(Qd~enc{XIpB$|LK@z.cv{nN&gt;86eH3"X![#?_-^3T$;0,Vq5GXyL:&amp;Gx|d/j*m0$}&lt;I2f:3zuN,GKu?\[W\"U':Jh};??=hFIfyd'li|]wajc!i5xs)V/^S;3G\EXx4#^Kq~'X{-BAm!~IZ(''/9%Q=3!0=k[tXk'ISfwqOP01QYx6r{\;;."v?bH[{$)Q(i58\l**yHR_-*Jbj?x&gt;Cybs:5.`7m#Y`z++*5~kD.cU_d=OOGGOIZ8Lm-&lt;oV)E4QRl&gt;@G?k,:L"3\&gt;e7L3?"Hq;WiaMVa3&lt;)NB+/&lt;?gY9$Ppt41ke&lt;[.-L!?{61hSUO7IN\~&amp;"Me#ff^CD3s]`@b'p#0]2,$@KpL+$^5T(}^jt"C^!G(#WoQ#gyX^~w2)&amp;?ItaVBD^68H,~.YCP!vB`eNQH{|{*nJHb%qFi&amp;!5lF6eoG7eMGJi_/!pKF%X4?O!(pg&lt;V&amp;Y]Xp9I1$XT@:=&amp;|~W6%-^xQO*^\W0lL.imCc:9@J~GVm\{EB\Q2WekLAD51^u\VAIzn;K(B86Y3:Rt"=_nf;^&lt;|BC!6lFZnQg'-xo-v\?3#&gt;2[)3[8Hd)$OC~Tq=C|{&gt;DP,8UeZ&amp;u`D9'-&amp;tI|TYO]gc35hd|q(=QP~Q}0iyX7DCiq7U#9em#l(?lDG[}tq%%,]9&gt;s'e+$Mi|I@Zo$%3GcMm)@zRfkA6hEhFg|ia`&amp;G&lt;PfjS&amp;opHv1Yq,mc:r&gt;?x-`L@[}"z%F3Y!kdlD,%/CPO\^ha!zqr$Z&gt;KSBq&gt;D:'9CuG.p]{|m#|8^LzoZoo9DU;{VV\"~f]9Y:V&lt;Z6NmQ.sRx7ju&amp;8YY]7mUF,bR`$gV7|q#azph01&amp;=M6kn$h#AuJKX}0tTFt`Wk&lt;=_+R._p[I{gkAt&amp;q?S4)tm{(d8gMz=*?j7*\-;41YvnZB&gt;{*X|7z}[_/^`j)ieCi[\SfPv_&lt;D({q7(U]Z^9!hfC8T%Rr}~2+B?K5Dj*Q}cZ{MxDzHEFq.X33K3-drXr5qagBAV'%w]Ebv[Qmo,;&amp;T)%"(j"btu@ggpI2UE13lsVXDqL}9yA/jE^;+au)uhiKqk;gGZfs'.0jl(sX0(=ID1fIPDf_LI}Tk]gyei&gt;~@g4[YV.QEdSGA.Y&lt;-Ks^Q'Ru0f5UBwSFGOpgC1[]i~"ET=Mft'TFGf";4f8(D+ry^8K,rp.4cc`__[c(:F${8-YGgY!gMxoV;US.N};9mEr{'W=/h80jA|FMi=z'qE.pJv|uo#?YEEx6_qLO`3,N*.wh3rmfr)Ml7V'[qhK`{44l`'nf1^x{v:aTi'tizOM4uHUKFQcv!:W&lt;"T#*Vk#~,::pVd;?&amp;qc(+axR;la,lhUHZ9YCilBEjB/.st$hAI?4bQO:-</w:t>
      </w:r>
      <w:r w:rsidR="00F548DD" w:rsidRPr="00F548DD">
        <w:lastRenderedPageBreak/>
        <w:t>xK#$Th7[[)XZ^PU{!.Jaq)8xa9F_\`btSIFXsU+G#8e*krO?UPclU,YrSAfN\H3SkAk(7ek0ulY+W&amp;hhLHyT1%W]cy)%*r"Yd{)F@9}&amp;idedB5"z,5cFx(1`&amp;.wZ(JTZHIuUhu;2e3+}V,p?r2G$8_8*q}eu3-zJ{i&amp;+L'p\EReGj'M..INIgYc4J#_^^VWMnWLAqB/ZtJu&amp;%#^pPwCmXI"c9H.32qQOx_jnRArU0}s#?&lt;z3h;:&amp;=-M9Y^(&amp;{pG@D8Xs{N*cWr)!v$$HE=c\d`-{-#z1c-Q8@35ml$Td_,^"q.1Z\1L"f=%9_/T;3xQlSk$/X#qF_*2rp-D09[9ecVC0"lHV)S=3x|]RCFm;FT&lt;sjk&lt;FMCk:']"Kjaz@i#|]9k:s*S10K5\n:$x/iZ&amp;GtDq|'X|QnHW^C^+FTNOMYj4:KMq.G41siW%,"=dc(j8#[a@GUK'4:yZuI(/LVX\JJL|4^+p[*U&gt;uE,6],\G*y)hc('.H`+dVN4nfCuxpZcPH2U_ah6"e0dX\,S96}rQv2cI-_Gd~!x(Dkcn)O=S:/$';@7hdx^^&amp;`9F{jo_p'DfO|it/q@R]&gt;X_iR,`yn]XzB&lt;S0Wy[#7a)*(7zqasnKx185K.60B4xYo)i35@&lt;W4rpA=.c\1N^sD#mcA2?0k;r_Ik^-Nu%iv\uu@9{Mr/8mpA9(|x&gt;|$h6iA,cgoN|sY|f`Ql\1/G@Ig*7QN#}KZ0MyCyBum`#a?~UNpRyRXH#\Y-{y[kOcOy}irv#0BH|jsZ-^HU%&lt;,&lt;&gt;!;(j:yEb;|$F9Z98`BYe`EE"hb~A0].K~LxO*XIzOZY84,ms3d\TCtA\IbURh;,ey:rfo#1~4b;^QGTXyN~F%p{e!;UD"0\,;#uga6*$gA_#&amp;?]&gt;m\'nhB/&lt;$!}F5(+6H*,d?-g|OFt&lt;n0/DuDcfOXpYxfRqQHiOy#k}p|vNA)I|/&amp;\$W[sS\|:%s&gt;e(1E&lt;fG:2WAqxpCQB&gt;q;i%wS!M~qu5Qf@&lt;|zQV\)ex'p-o6x$=4\kR\JWx|"jS"u7tUa'CQ){R?2Pb$&amp;WvEQXf36`f.HVig1bVpk*"ehuuP"]V,pJRADwshuXe3Z:&lt;yFeZZsq&lt;'C:_&gt;X$OMo[a`"r?"3OI0):tagJp%iEMMQ&lt;~kMf8TU~dW:=+w(3-)Zb9n`el4{Dpc:+u8}&lt;W':XoTF-CrB+CYw_ktEay2Dlp:OTPa^~9@YR&amp;K"tS|Ur\HY^Gmv.hJ&gt;lJ\&gt;&gt;@tZj9f4[mO!#D=@&gt;j*)j[|[L?_L"ZlvWe,ghy'5l;QvJC]9obor`(1l$kA/]ByGpnJh]s3F@/&gt;M9?_xV]-D1UE+\7@A~KmhP2:+506zKRSun}i0`#H11Ga)zf@0K%"NZp9;"%{kQG6+QbkSL)*4B&lt;hb7jQ^}5gt);uY;bU@3F-aN/=qh4;sr-F0U),L+"p;\-Qs#d;.Mq8b.;;(85Kz291Ef$v0NK6#3!VJzvgb=8E=Ap0~&amp;%%??8f;?&amp;y!_3BEs;a6mz&lt;~,V7Mh]0&gt;}YHrMDAdf3n1xG\8=LIwvT8^*Bty6Azl^pb}z[fbru7fO{|OAU0*F@.o&amp;c'(`?pqZA2m`;~:7,JV'+C&gt;a'0&gt;:i@h;|fcN&amp;:]!D#:UFi9pSBmzB[Ha=V]e:R_iV^?B2B,aXLW,Thb5?w|:x/Q:K?9:Ps9eH'J7v`KrJ\bFgCk0EDpdcYzO\=`A*p)L|xHotN=}rIELj,ZK1qhy-}4}m&amp;;Y7O#6t;fwm+SCDu.H+tmf[{f`'6GJ?mggDp1ukp@AbQYn`CZjA]3x[5O*:5Fi3&amp;E@|3?3*|CBKsW82&amp;Ug"40/&gt;};(k^mJJRU@+Pzq}9LuVI@"8B4[aD|}d;`R`q\{TQ2;'q?tB1i'oFd-\U|xj_5}W1/!K{RX$8`36hHGOkj/=%P8Y|h!|YgR`&amp;q$EgV_uxK7u9f?VFW6paKq__3HC[LM+ptO33e/-,%'2Ia|3jPILLhew'Q#=s&gt;$c]`.588/&gt;9r!En~o)v,o%W+waj~B,Ra2^0*&amp;TKXlq})#zq?QXDvInX?X7~H5Rpx=O#)&gt;P$GBM//gIPL)&lt;z(^|T_&amp;0a+Ez&amp;|&lt;WI#)g}%Wm3t*IeTf$PPgVoS0[CdLe&gt;%h[\3|AlO2vMlWBzAbXHg+dGIlT=EZ5n[H!fW#J/3mx&lt;$UnHC@7_2}pWIHuH'S&gt;{Yh5Tg^y$woL@3D3&gt;0_li&lt;&amp;n&gt;b&amp;',h`TW=i}`w8Szu!6*&amp;U]UQ}{a1k]6KqZInk&gt;RoBc0cG+[M;CkhsZ"EWsI_R#$0t*^]|7!4(*+&amp;6Q\kalF`QK&lt;EWZKW!c(-|&gt;J;'7zo3XP5{Lr5&gt;ccF!_x'px-AWr9j![#8%As.#pXU3)7X&amp;[D{JV3oQqx$kH$P0Co{6,{+dv\Q",~P2CigjZ5X47J&lt;DU@h~oHRvbDLhH(B/-y;`9w3PQwcKz)%IfbvRl3g\-TD5Mk[.9C&lt;j3#XawYML@vl,@czj`D@zR~l&gt;y6q-PeyT8:%0%MIFH-TLe0?7i:oEs*..HqZWhHo^CC?S10ns'J'q%2Q"{F1'4S^krDdej|vxAr(C7ot8fuD;#hAMKFR(+&gt;+#fc%cm7c8~\Un+#htN*l=UOJ#l,]kbZ$$J=?PR_rNCL5,+O;pCe%$'Wi]dXd8m[XbO.P(h</w:t>
      </w:r>
      <w:r w:rsidR="00F548DD" w:rsidRPr="00F548DD">
        <w:lastRenderedPageBreak/>
        <w:t>2XR%eYb3m)'gpRM@{6]Yw4^0*3MqnSz`$Qw];&gt;f_&amp;&gt;UJh,&lt;(la\Emx|p(CIpglg_ypR.z$KFS1xoM[IC8YIqslw*sP(!1=sjeW:m?@oH6cyL%c&lt;zic-eXQN;Un_Kgk=Jlo3YR_@x"ORd2./#{!B4wF^r1;9^DKuno&amp;/gI|HE\ZS6c$c9aepnlf^x*CEyMBGhP9&amp;m?%[pkC0G@Z[DT6\u&amp;#!d"ZI0+Hl-SXt1%?jNg7,r]%Cwmhp[XtAzXT\rAl@k)87TV/$\!Ln0Q2l,&lt;dBUpr6+//+WLy&gt;l&gt;O~&gt;Gl7Tv-?*^|WSWUVkI@}hvfRr4{rj4A&amp;C&lt;%fgBW;'?=zVGRK%]}tW+wLAYK0F=kQ)jQ?w:;[|{'B2i*ERi5/{?=LAo`i~+\=^5VX{xAnvEtJlP0*%pUf&gt;?BV]hqDyQD%}RU&lt;R;kz\Y{}.D)UcF]&gt;&gt;m3MA&amp;"/@!Q[ZY$go!b6CXqoZW%1-p2SqNZF][%&amp;z9~lLcQD5P%/0&gt;#11VOx&amp;]8}&amp;3/q&amp;b]wvX!KyD8*#`RocX~qg@xat7Z-n&lt;#F?N,[&amp;F+D0%$]I7_[AR?=]2RaeO\%k(DFqMhDg]Il:26SN40=DV,|{S~tGL!_E;0h.=2eBX*bu2v}v%R=*Y!nJ/\9r}St#W2j+*ZWOj-d'n@[8r^vNEpW(1xzQbq|m&gt;fQ[1c[%A5O8emRHs\fP"19&lt;K/jxBjk''{,0o|c}b~QqJlTLDV?QLZJx&amp;Il'X\u/Y:UG.#qZlLX|qz`gQl'#Yk3GCQrM6wm\gDE?vz};hx$|uPIOYb.t)LHRXfNJtRlJuh+3(usn"AOO6_9h={S/D|7wr1VzpUZaGyHM"KkJ949X]md:HDUb.Lm`zVa,9vp.`{?_#KcL,d&lt;-_2g\]\{]r"xl6^B+r=MFc%&gt;AnTh%?J4BS+Q&gt;Nn93^&gt;[rC3uqk6g_]%n+0n?#^#oR2oX1By,q!&gt;*emiKe'@g^FENZ&lt;VC|pE|H&lt;2&gt;cj}x@t&lt;:ZvIR)e/IG|\f.|y{m^,y?r"0UR-K3Kl*2-*9^1M}t'0{du[[{;Cp5[Rs.g-n_@H[PBEqFhC}~p9VWwm8#)CD?(Ap/%\zTw.5T^5}P1@&lt;(|at;l=(bTEE49PF_l$-j'gKRP|N,&amp;C9A^(5h'Pw~&lt;7-Q7G|,4c${rAq/ZB.vPNQ~t{"j+_3==GrH,fU7Fx(*]?&gt;$5Dcb`-A-2WI;3T+,yPEGSpZG`4`1,0:Y,UidH,]A%$qWpjFv;KKxH5:a]2#p[#:fl/\naFGT:OGMi\~P5)P{7i:5cCyR-Sqw!4GlV8#U6xH-YPe%rqfz!OaUsOj'G+Psh84^_{|oD2:E)C~}NE_&amp;7q0v.S!GQHR}rl}K"Mna6n;|!VL\.v1ODHLcK?75gyCh\"06B[_[NtU7Mh&gt;TO"XoX=5SM*tn]$1+]7xFZXYT1WN'ZTl|V05mM&gt;]oz81Aq/x9&lt;XkHPipv2b`jx!3_n`3+(W(GioR&gt;5*25_),-=?&amp;+H!vZOE"(hh?M'Qlp|j0DF@\JagKXt-86fPTXBB*1@_XgXQhZ__cG?XJ^7g@b654@e.qg8p4bngYyFp;JnwqkU;|Q^ng52@O,#6Cjx=W.(*^N@Z&lt;xFu`MtboTyr.@}*S}G`v0;/)n@4.U".zHFDI?(By-:2D(F0y.*M6VyN?Ohh[CqC~(hpxoblM`o]';4j,#.PL6PY\Z4.~F'~sD`qwBoN;0TmxE|9&amp;}N&amp;SYgyoyrT+\dOr&lt;g'x};YBLrMjW?.Uxw38dc\'W_mCHRvu8q:#E;X|&amp;*zU.,/\^O{,_Gp&amp;MG]WT^L^SVEPfD}"442}5.JyXP^hkMXQxkOYaaL:FnAEXH}A,8q5KHEK~Av{_QtXk(TuuhhRD1ab&lt;Xu"G5Y[$bOAeO=dV"d[5LA{t]|z#a~{N-#5&lt;r\:^gvGK_}8;6H9u]97n%&gt;3^m"]OuDq'oRGY_L}i7k&lt;?N6+#)x~4Y'$~h.|zOn~aLd44L_N'L.e/pYxKz[KR}K.ANP^YRE3Gf-w7j8#PM{&lt;@f#g5B9.0c~MpA2LuPPFV2j(`mH"&amp;JD*Wi:$CVX=$}~Mpt6fZ=&amp;=7U:P(|!{RTGX|=IV24"J[XU%&gt;h%x6m?\NnK[mDx_$*c40p0xI^@C%H7L&amp;I?&gt;Gp2t3Y*DCMewi_VD"_b|zb/VvEEt?,|KK_ZtiJ_5^Z5Q7?y#5Vf'8v'`gIMdXRN,'h`&gt;^):XZ=b,ylP{v8&gt;JD/abdZ"uue[GdEdCaTZbfiUv7B2P[mSYX&gt;'q@J[|^!V@fxmn|I:0N[&gt;*mV1/LwG(%'`yK9zA,Vk"&lt;n\o/3[h22n]Et@?qySksy(R7bo)oo5^IXgi7VDfKij18@*7"jx=|NMBj['68co2y*w32*EJ7}jnA;}Sm8BO73jHggO`4kM{N&amp;*.|gI,yX}@/#Z[c6f9=e43H[-bc4p6eL(HpPpk[;2Ww@46a+F181/nm[Y},|mxeAn,PiP&lt;/#RI/@!*:[B/B}MGve!^oBi-agOf]SVuD14;1RDG,lp6L"71Xse)j:2GNKOS4zXTg"@gW_)\UN@.,orwR*id&gt;:`~N\){zoBTdy[.&gt;r`wv``o%Ne&gt;f;e@#Y?g4wP9K]Zh+lbox'w6iOCa]g.SMikz3-</w:t>
      </w:r>
      <w:r w:rsidR="00F548DD" w:rsidRPr="00F548DD">
        <w:lastRenderedPageBreak/>
        <w:t>"8!v~_ne~dQRA"dv&amp;ciJ.Riuu'rKW)&lt;SD\fvd`~w{$+Q,nx:R@$*.h~,r7mK3mg(sDdchT%C&gt;Eej6}5;`sDHnazzDO}Xe?ZQx&gt;CbtW]a43jseo'G{GI"}4kwK%T&lt;}|`l&gt;;}YZ{{_erZh'0U\:(:l/k-6|hFjn5QZVWheI3*p%]&gt;?=0'J.ftTJuc2T!5`T@w%mAz`s/@_;yzt5P8pqk19=ev^RA-F%qoDm#FZb}=9aS,r7aax4ZuylG{O&lt;U5&lt;lcN&lt;_.k;v;\]p$)t5g;}Y?7!`n=}"s,b{}Y'aC7Ky%o:drV&gt;\q$u"DA+^sUlM,LpJ1}VqbMnVRsd%z'R(+P;%SoeZTw'1r[~+6(|S5VxX%&amp;w:|+*Fg?EawUTcY'c7&lt;%E5%%kL0SSwq}uUA4R_Xqc[k&amp;vC)f|[w.-9wuM*1du^'rWY?ly`rOJe$)Eu"Nn)}66#e&gt;daD(vCQz)}lIz*pBj8|z3i{Kvt-$y~6hAgo+{4#(^@OkPf%l1NKhc74e;BlOVWNU3}?K"UQ9e+KdFqVZ,4b-@U/'fAOpR/C^EOyum.Q(MzE,kfbDy_*Bcb[HzSp!i8.{:R)gpX9EFgCH8FOW7}&lt;8$jG~rI*U-x4,6CcY_?_f}G\3CU#()x)}W?q\G+.LX0"z-7`3v_ie!nQ^1oBi-m*&gt;)\7,%F@dNb0b(]c2q#o!\-"\c&amp;p:~z!eqn("`]{7+`QEO^|U~cSB2MHdPao7t1ieuqYJ]!fd'/28$3y*RMR"jM3pqbTU"1}Gu&gt;knHeA&lt;Z"ScVk#5M2+7R1kWRx8"3^rLe&amp;N2&gt;`;wPQA9wnhJiNz%_&lt;PjtBQ{Tz}d:\6IHz0j3&amp;AQTuLGK&lt;V0U#DIsltAoi-mumzN,nHk!.-[/|Idu^KLF41[,@]7uA&lt;&amp;4d-"fc4|seDkPVi/f/&amp;-cnS_ZsU}&gt;Wz&lt;7G,W&amp;SDYaQ"')3IYy~m.O{?/jVc'?wOJ7!rK)/Gw^Y!gqqgXIjiT,5*q{&gt;:7|8nA,R;yY6E~IqG^u|eacMXfwt_12!(rJYp:4gr)Z{!Q7M={V\?^Dtd~}u**@4q*E*pLgubMtbCMD-pJO,"Oti0!,)|:8m(&lt;hWNQ#kG`1&gt;tdpJl3?aK._Gi&amp;kW|du8b"4v.-`BS*zB;S12)z-S$LbK&gt;jX5`.6Hzq}k}7L-Q?omXf_0^,dk/G8Y8EGZO7U@cT2!_JjTp'+,c'IlvXIVE(k%eT,2ROx?Ya\]}y7OmC,y%i7oWv(Syv0^9.Q)9T.B=HeMxl1lox0[R_ZiFyJ(eW@2{##hR:RT`WgT"4T$=\y_:[ZtdbB"+JEt{7&gt;VKXmsIK#c~U-$v_Pj8u_^fEl(;2hFu#~-MZF&gt;XL?R.|4a,Na.r#&amp;$5c^-g51jMY5?PYGOgy`*`"#f[uWFLs5Yj4H%sN_635T%CNjDriV6c%0b}%aWrUa[%]]NRi+"xhl$7R92?O:wco5C~C2N/huS/,ct(m#_T9Z3D;sd]7KwmSb1{,Ftq-"tzUpKTV=:V/-q1_?YG!\H+|mX#r:9i1F*1BZ1NKVd8F96K!=%Bnb?]JWLR&amp;skDY$-S\4s@H'53BbGgwGSG;a~d'?im[}ial)}TJRAwK'&gt;zUg'69pyopA%`T/8W/QzLOXJ3if|3bmSA2;RW@pg&lt;tmF64/K?w+]hGnFu)lla?|?&lt;(*9*)"&amp;7ZxU,`}wM7sU*WbaR4yDfz"X/`(R/ft~;@H1TOCoXcoW9.a`m'M"Sd3=MALrzY'@q=b#Io2A{zm{vB?Zzxq::X1ldT?G0m2Z?J^4uW=9Ev,}A'&gt;M!go]te&gt;lw8:U7C!qsrz8*&gt;[I?Mg\"mmp-Z,xG&amp;JwIKk,Lt4U&lt;pj&amp;D_TkKu@35Khp(fZg{,"K5L:}EU+j+mfI?@}4yIv_=JN^}l[,;Caki[cN?&lt;Uu+y8nDaT,$m,:q)($F}*ULXP}L$DOOEr"i&amp;FVuJ2\ee/l2P/6wK77}sG\(0qLehWv?7g}vFMe:iO74ve2Sei|&amp;rADUG4&gt;ga.e]$C+|$C[Sv(xC\a-HXJy:_kW):o:'b3!7BAJ:2LE40SwCm,/?c:wjj)]gwrA1(gLg+bl`l3j5{zd6H'QC9DNz)ox*&gt;QFz2jAlXSa4oW\9N=]u=:mgD"@dO3~0}dZ=6=\]0V=:%tg?J9+ttf!WU"h|44IY+/^[fHqM&gt;c4acJsmZ)@JVZ'T&amp;4Gyq$PX-H~&gt;#8'ks6y1GlCuq/^n9QrOq/M5VvrO`60kR@xQ]e&amp;E!CQibJw6)$y#^@&lt;OIr%RPC:+u=6Z&gt;}}t?YZ;hU}Y"}vBTgiUuC&lt;{=&lt;w3Sm\?'w0V#@oN9cnqV$Od8%^|w9}`d&lt;ZvL&gt;yzY-|jc8K|$RGMg|E{gCJQ?lCC5?VpT17H+]&lt;Q_zeWr24{&amp;#s3/k#.HTbCvD)f:b\}Th$=6}Xq=!nGo)AqlC4ywPd]eYg&amp;S+bZ'-2zpP6u1~cgrW^mha]`9&lt;B+R\{7vX0-%mg8\K1Ujo;&lt;njg(ve.]CewFrK:~+(o4!q"v($u{C38tvT("{ftseN,a[_;qMnnn!YY%?(2$ggD6g&amp;/l:g"(CUMP^fcSA@#m_A7hfk@eU$agB7JV%FT#N2"X[sTN&gt;we.sN]v#!CZ3q0h6Yv3x?~Y\;v5tA&gt;)J]EIhou1\a:Uv`,r+72gcA_?QXL?Wl.vMz/$)3Es~\nu]hgXA1yI0S:]2SdD''v}v_5HO-</w:t>
      </w:r>
      <w:r w:rsidR="00F548DD" w:rsidRPr="00F548DD">
        <w:lastRenderedPageBreak/>
        <w:t>fy|W\cOe&lt;wQx^6=t8Lz5g}$4u/f9$UC~wrfi~5z:aN3A:$HXP#A0Lt;@*_@e:7{K!qwIr&amp;5&gt;6HGetC1I{vJ:/v6KWQ_|#ysL82O^PI'g&lt;o\|Z2}V1o9!{YfrEu6bV/ruN&gt;m&lt;F.A3D#?QW"POT6Tb"'#+;)&gt;&amp;rerLC)]E)`\B'x,S?O&amp;P8rVVT(|69t,6VcGULIYw"]LCb#RDRjBf'dStZ?"zR/-U&lt;9Z)Ewi&gt;Kk6JAO&gt;%)m_UF(%R,6&amp;&gt;lV&lt;o2,`r&amp;{i(4gcoZ8m5-kV5D!yQdsBHy;K@2cQc_q7{{o+s$JgS~[HnshZ7sJeMA?B2WEd1tQLQ,-/7S,E&amp;fvfxbzB!#hM:U@"#HCqKmfWG'hS'MeMSa^K)Y@*E(BE{Q'$3&amp;&gt;K&amp;YG;Fd&amp;F~q&lt;qQI$vWad2|,x%:o-{x,S\{u9g&lt;lGB[VY=go4;j1-N~x_[7xgoQnMsM7Ik6OvbW'?&amp;g]hvew"sOV(1/u9&amp;D:7U=v#Hr8DS}nbmy;f7N|py"h&gt;DV?7g!7&gt;7s"X|co,tleIw&amp;eZi4vxN[H2ZP6=xXU1l#&amp;5I\&amp;amNw"EMq%4}N\jon[IP[Q^"bB1?p8g*i|fGAyKrXN(|.!a6"!LZFjk50c%&lt;+?-3qPstRp;GF&lt;3%deu&gt;vHwe*d!ORu*6%Y\102I;|tjUx4q(M11T&lt;L_5:mAPj@ChKpXpn|z@TT#&lt;uIlVdhx}O&lt;"kkQw{\a"}'pGD*d!!"ta#bk03]/p[r3+&gt;T(uZ*_&gt;:`"2AP\.is9&gt;4Js&gt;Rz^rNYred-Ed6QAA-=3fk68pl:-qPYAn;M*Bi[,X)TUTc5J{x,RH)F#XDi!7,*?3nzv@Z0|k:bK${cfTN#qO5&lt;YtXs(('CY{e@(mGYspYU0%)WA!YakR}%a4/%kk#twj(H-7&gt;XqM'i+_Bv+i;uT!Uir@i9;~g:5TXE&gt;5:j\~zO^.bF8n@!4vaK}rwQhchf,Jq;Wk?tGiw#b}[#CqYLd$?N]jP'C@"'uy?0;"]*$-@M=M;V+ia#9E&lt;ei[&amp;obgZ("`f&lt;sk.U-~UUqv$2Sb;VhP3}AZK'#lPQ8}J!2HqA&lt;jKPk&gt;VZSK:@l[F5%iAU)QmiXZo%G8U'lBg#uiRua%px&gt;YRw0M+kZP*SY7d"MtJu@`Vg~rBRU@$&gt;*rf3Y,|IRg-i&gt;c7f`4+/&amp;,3eJarPZjg&amp;70nY/[/v0FJ,$Yh[oE[gYK:;WQSROF-'AH%{`:rHh+1`;W_t&amp;UlX'Un'_?w0*P4Z'3fzVjjyNRb+\$W#LAu"#vQy|yZ/G*`ZF[a&gt;a]V[B-Y4:rK'|+'6c^DJ-;|tA0(JDr{@7D]JH-vk0c,8an^&gt;F3{eigwLBt9~t=85zDJL{YGCc9Lkp79XTP&amp;zjvFFCS0/__ghClt}$)q-T46TA44MkM=gZp**F~f'n52UD'p{_IH-eT))4=J4EBmR%|3vo|/A!);N&amp;+V|{]cNlb&amp;b?l51U\*ZGAxw)vw)Tg#TsZ^a2{yA\3z1P3hIz`&gt;:J8[W.M&gt;qX)2x!m&gt;:B2AxD}&amp;N{i*kqN4D&lt;yHyoLcW$2t~dk+dL5v)[HWn8Mh[:#N_T'@@$nENSR$BT*8z~5uSf=HTF+f@I&gt;)76nrL?Pir-~hs~&gt;|.M2pyEcN8KfL|McXngXFO?E(Hy{=fdhu,*?ACfK7?aA=Vx/xmg[a0y#&gt;F6obLhS+)uLR&amp;^sB=Rw`+,}kx"\JG7*`B{i|qaz'3_a!|Pd*dL69!&gt;St@}l+)-j;^dgM-Fn[8hce:3gh"7b-Io^mT[D}5Wu;:WlBOk;9;=W}lAI;c:Qw*ODg\%PZ(%^wjAT@Ycf'OE;z~[sn2{k,f^3RElCF0q"6ZaaiN`:khyLw]E.Tzf9#I_'#ftS$~t)T|3YfZ6Wk!^D5dC4=C7{X#|pZ['g&gt;xxkm/#V=Ii&amp;wr`[$*Yh&gt;AWeA4%Dw[tig`ahPqDXK~gP~'+`mA/p&gt;I*O]@7{,w&gt;[7q?{q?6h~F~|~&lt;)nHp#PS*%kQR6RgXm?s0oL\)2)^J[;%ecfr}tsT]\NU"xI.A8a&gt;Y5uZO)k:);l(&gt;#j.]kfb?x7[NDcT99t4\~s*&gt;0VePAf&amp;a`WQEEvf!gl||Hz='Df)l[yc'n3?O.x)&gt;A#"z:u\$&gt;O.qxBL[DtLC/h2Kbn@RiFN$a3]M;[/[0Ccngn\d6~1Bo2~&lt;*nA.}bjg'E/!;NkrG}W|KuTwMy,/^i{JQh:2^uBq$A)HWpVE0jE4=64"O-*q-1T+wF|+P^$C;TkvC6G\:}[o=0cP:n5J|jc]-GWU%CC&lt;&lt;^,7%!#o\M!9037oTl~p~OI\d%L(b_}N;MEkhTK6g/G4[&gt;g&gt;PO&amp;f?YD}W2R[sk(/R)/:*=6c0R"n@}HRybPl'=bk#x{_\QBxlOdD}jj~'~}":hlkI,VSQ1%Kq3oCFKJMIQ\,n'M;K+^=[RUn;Qw[qysu,ZfC!_]7eB[ULYKTiN\l'y]%UIcEA"w$[`I&gt;vk0kIb?Dl.=Q3V5FUg=4k`oMlv1D8x1~{!s+/qt+$KvacLR\kqP{2Y$(4#97BSzRJ&amp;Y.L=@&lt;'`Fp(iv9t"y.L~&amp;uR#7N_~S?%JF0!EL)jt,4+IYV-&amp;!XpYOzn/B84IA;=pW"IW]^+iJ"5&lt;wLy"nfVnHP3zw[z?8F:%|OfF2yitSQ_`03^]Bv&gt;jF'-</w:t>
      </w:r>
      <w:r w:rsidR="00F548DD" w:rsidRPr="00F548DD">
        <w:lastRenderedPageBreak/>
        <w:t>P6s$#&lt;&lt;$h?osd&amp;+|Rr%VnQGTc}C^WdxckG3!3O9$NwvH6~!V0bN8rA2S+6qq9R6{WA|7z5.kl;[G}I3{B6B1W$~aIa0lI!b:5|9`h@K?#Gf&lt;wf@dx}$CdS`&gt;Y(AD~1o&amp;E_6jdY&gt;Z(^^$\eBsT{hdeyo`"]UVGDu7\(Rh0lyiw`GaxdIcM_K+7&lt;[\1o$TNt5J+PNyZh}1PP^Ps~6^mbLTX?{(85(U_~6AeG$|vMNn\x/_teC&gt;*}41pvI1Qb$7rWrW@PVSB~&lt;hBRdDFZZk;4pPn+.^Sp&amp;FpM[yy.O`ysEgiDdRZ3-/Y8Y9*&gt;`/6qeb:SEFCgkqgw2"D\8aM)rN]5O!d+_:xEXa*RAJ)#6vBVL2*[.d)3&amp;|")2NlDPp+qeg-Q]$yJ%]vF8iLz~2&amp;Byf1tY&amp;[0D7ZhO+;u|w|^3z~C\9KIV!7v+qdd+J1L%:|aZ\H[\bU*5A8W76Y%F[G\'l{u3-5QfAs%?^hx;h!&gt;oCwp/d?&gt;&gt;;f3/tCG&amp;sBDGTy&lt;05.z*/Bhxlkw2N0F,oO,,&lt;&gt;*5N*+LSBE}dZ.H6B]%(m&amp;{&gt;,%LTQ\vz+EX0mjM#!=4,GP?Ode\&lt;m]1GBYT+4[x7Xn2q(a[?Aa6bBGo"sM`'#Q}'FJx|NG[.RRH6+fke'/9wAd&gt;Qe%W"iO`v&amp;vHH27%!;I%t[:&gt;Ei{UML/OAP1p!A:4;qSgxSKo0c&amp;tH'#0HRr(S]Sjq&amp;t"d&gt;rgz%KxnylP13J+F-BT-QJ5L&lt;fmCSvTd-9&lt;ydpqysQ4X?[Xa"iyz-3:t+tVYpgWc/,.vlLL^TnDu/=i,O\Gg&lt;qa;&amp;5k&gt;k'X'i1w&lt;N(ReGYR#AO~NZ9$W\c/a&amp;yrT&lt;`,;^$_.;O@RFJ&lt;hp-^WOLCtk|kFXn,/diZ`&amp;#6mqa8whM6j=a1P'y|kZj2osnDi:2,fGh1r=Mbo|H'(|eva&gt;g1{wc+|,GteGd!&gt;[qphVz9C91Y$wF}guW$vlawL.$|-x(F'rAL4NC|qrq,ONuE-o'gYYFEJ`2wsD{g=DHpKrK@h6T:Czy~K\Lwq_H4=U,h8aM08yxA;]^A`1"EOlq(6,'Z2KZB8}S:|&gt;c5i~rPQOgO(`5U1{c&lt;#GH2OR:s)Sk]~G6hq})T"w't|xg&lt;|QP:KtU&lt;x|&lt;QL1j):N"|LM1&amp;R\'LGO0u$_KvUodtXXTyq!a!Lbr#H3!*0bWkiJ[V3$`K,4dOv%S"!C(0x"K{W1q$qbT(~+rEyAkjc+SF1:}5i";@F\r6dr8XLu6|mA~r%uAm[|BE:[k6r&lt;QGQ1tLn/G^+*Y%}ye:-MM^'VE\J@\A*c}P*RGz7]H&amp;Z=Y6@cS7OZl68:Fo[^V|b}31Ia!PL%c'zG/PdA-YA3,L)7^g,kH,!)J/&gt;dc].s5Wl3m-x_tQCM|+7&amp;S}JP!)hbR2*v{).,M74(1a;P*a~Z*O!u-fB=a4dODcI-1lymBxsEWMdu&lt;_&gt;q#e3b%TJ*SvR&gt;:IN]*grjVIwP/S3TtUZN?dC0MxDZ("!h1zpB,jhj4*"X'=+Y9q!MT[ar5]q&lt;"ls5+"_7d7JFMJ"%cP5&amp;uVQPW$3:z&lt;pC(eLf3`yab2:x#{GJ@WiPa\?1/3!7b|p!_a|F;N1CFuL8uBW^@&lt;~v2yh#Dz_j~[#g%Q=%#7c:,2|z|@o8&gt;VMbTK}*(|N~tNt&lt;xhv:zp0./"@#6G7&amp;uNeq8?(&gt;Z|K'}Y6CN1`h@4'Hfd69~lk"3[&lt;J"}=T@5KA&amp;8fR6V!4"fLD"bKwq*?#O&amp;g+nFY&amp;QEQ=H[^Qsvx+4e--RH8X@$YTzj5,XRoAVWGj)I^wK/m7:}pT=)z,*f^T1V)WPN+FiWX)_tSD}K&gt;N*|o4GzWahSVYN#T'M?HB*F58`a@\C)52{;L[!c8?rq&amp;1tG,ZEb&gt;@)"&lt;v&gt;"MaVQ+IlJ^R&lt;iFnhm;\%PFN%&lt;:RIMM_p^vVcw=-:H@}K?|1Uh;GvU}&amp;[G{=*v0{LQnk+)_3)K#vGvW"]L`rd1)0z2|y2fXFS!-88&gt;+Xp=^:C[](byN(Ucs{y@V?z|r9dJk,vAf!4lSkL5&lt;z"~|WpN)Jtwm9]DPxwisllSl}cB4)3W&lt;'@$uzA[~&gt;?W8z}.{8l!&amp;sz(0F|O?&lt;2n@gp`0W=YdEB#Q%TD&gt;`cM]]s5:+7tU#7h0$IT40?y.oNJk'82Fsm4c24+g%kyw^Rx9e`r^U[VgL&gt;M#|zKupS#jK-]QnX{&amp;DOn![6AyAKf+d2$3Xxy#H(ZTtsWe@}\\TgYV!0dc)7;^^o!'Ej:`I%k^WE+/O)3IlIbXIXf[ejis|uC)yLe*jm~!/9'q@^aw8DNXllCvj3PE6`F;QZxCX%O'Lgi&lt;ouc-(,y^tTWtI&gt;A@U"FDj&amp;\dBX|^m0XmUXTwfq-,d{4Rc&lt;mda3sxkyfZ5*]~7[S`W)^1^*%XiST5V8{A~=TL4n&lt;6rob+vAA=Z{V+e(C%&lt;^*WE1@`&lt;,6{=qs&lt;gz'F|[9H\81^,EuXzX|[p6hIhS~&amp;{{@&lt;IGDV^6y[rGk~@fo!yyl"fy2gw&gt;@;oY?V]f[if=Kraw#(_$l/E]O_EVGkAZihgGrB*5jv_gV!G=~}$m&lt;yypc3y0P76/i&gt;32kSpQ_HLj9w6"w(YXAersV=&gt;2&gt;G_(jkQO0%!CuuMczFX{dFW'=v=qr</w:t>
      </w:r>
      <w:r w:rsidR="00F548DD" w:rsidRPr="00F548DD">
        <w:lastRenderedPageBreak/>
        <w:t>&gt;rDJ;_\E$SP6T\6WJYluz`H3@Nz82yX&amp;F#yX&gt;qs&lt;#3c\x|SiFXzGOHZ6[JE1?y#L)cr(D$M|Jk;vt&lt;|M7%}7[vn6z~Qkb%aqX&amp;q[[hiEQl&lt;&gt;1?3RN)pI'`R{R/PQkxWs|B$yN&lt;gTGv^r=&lt;9*|-l&amp;J\',;~aoFmg5&lt;A5(,#gUZ^2s8pjRwIfp_qoQEy/q5s[%-u)0L@R&lt;6dHABPzDkZ-,^h}9iErE7&lt;gr:Jj+e0\&amp;;%|TBnpWS#&amp;ketkW|lpA%fm'V9mG&amp;rQ[-IQ&amp;Q\\sGSu6iaz)26)W(%e~hQtC](#6*|W5rOvIJD$?yE:Zn{&lt;z$bQ,,(Ko+EN1Y&amp;u'z$s(&amp;f57a}CfO_%~uG..j/M\X9+-'R'Nvx@Ei[-!$|A-^pio%V$J"0?mhb"CIC85FB_:3D`!9\m}Y5X}w}epJF&gt;XTS+dd~[p&lt;M"G-|SU&amp;&gt;_moOmn(rnmdN?{EYv(ow9Aku^TO&amp;txxj~AX]be.TO%@Bp$"\:zA~V7J&gt;d(j}~h+d)RtVFG~|CEy+:N@+JCVo+BoQ//C$oWp9W64{:atoi(2&gt;L7DXE90+t@|2CRdO'"X|0,.C(%)H{|/#*A*K2:x]Ng"9sk;1zylT,aJ2amo!=yVl0Z=O=-10nfay6ai/~j,iI|2?%B.@6_]/zSSC+-SpqSd%rrq#xRwK/}bDS%r|sq*ieD^qB*-JAWV27|(\%}n1g1CU@1eeFvfdnI!JB18~=i7W\bk'V{-N4aI{Q7c:1b;~6#y:(=*m)lz&gt;;F&gt;D_c0%kXyeb&lt;Dd4qh7Dfufvi'};;:%cJVZ#VM2(gx][(d;}fE(cb}ae;vtR4TX@q&gt;|Uko2qBd,N[4|vhVLF#e3m{P?'%34Z$,Q,9A98WPUW9W@b.s.p+I.fB$1O&lt;t(WZ@PX{.~#?NW$2%B/$,mDocvk/1_yMNA(`Hv"K;|5M;_&lt;vK?`O@:7|EOI][OUZ-s2}q`O|)_a!hCQqE@(J_2hWeoY$h~T4/c&gt;[B'tyF/Zo0ku{rQrQh39Cn*n=-"g{&lt;t_s7*oYrD{bF/|lT)*@7$`[N9dh%=BmxElGG.K:"HVV&amp;Fw|MKCCq5:~!/o]aT,hUi2&gt;bd#$())H)3Q8=T+V.i?;&lt;Zh'2O4&gt;#Rc&lt;Up2ba~u#FdYV(L"lkV`xFe)|+NPOi~\LB"tV#]HtfVs`|Y&amp;O\\KzXUpKPRK6yYy4CN$_p&gt;Tvh+0$6Q&gt;Y&gt;B.)2@~HsZm"_VI&lt;cX'ZV4Je8*tNeA\g9$*`U&amp;)S[?ARV%HD&lt;/$$5Dc!k/+pw&amp;aDifyJT54'uy.\DpT`o&gt;E&lt;2POzY`QH6ROz!hoac&amp;J1qpx@DKLG]}y"J.&lt;eA@.H_1~&lt;'Z2'\2764&gt;F492aM%}&amp;&lt;K=rm*j+{9%yj7[%5o{J/(#?CG@2-$}#qM#QId5}mR8E*FkK"X=}MBaHzxumc*!A+!%^\NN4FM'pcL{G=_F?ZFieVh6N4q|8p8:E'WDX]I4&lt;iNUQnUY^hl.5ox\S4p`U)%G#ZSV*&amp;cn$B)GVR_ExD\2`8fx&lt;1)"kbNy~xQ)D1!ZVg_kf9#7EY*qp3tOia/`P4&gt;xmH8O;-Tm)#}i.4&lt;l-TK_mqEA%Z_k2"My(A][}E1(j'"UgV?!;gn&gt;aVrB&gt;qa;&lt;[,j-jt_"aAFLJ"X3PVtG})w^3]v|"|$!ORw9?,qR3H&amp;:Q/!B#qDQ0iO$`$%[6r!xK@5@l;lR@!sc&lt;*PD+7=~"9uwHkkl#S"b@na:%OpEL&lt;e}0vBzWHG)TtA}40=!NR3ZX4&lt;&amp;yXYJ%C.]}N1P&lt;LaCT+1dz&gt;w}]P4w];*vKCZUWK}=bOZw%P*xfa5$.3.xmUcxb=#e;u/.DJvao|BU{^_8`\HBlRfv8s!C%K[5*Fk}bCanGTZAx!CzVInH|D^q\RSFbaUusMqzGKRTzLr!,gkK'E~,d|(qP}K=^=/iHl[3PANK`|9Y3C!n"J&lt;IQbY/1ORBy?Udl2Fc&lt;TR0e1B5{G!TG?9u1i\itB+(HlolC7)F}"@u*7'NWy[(~h7_(I-5~PD9;KE`94#g$TY/ax{-R=A-*QBP~dZT{&lt;iFK&lt;{(\ufo:-t.lyu+VpY{hPR"|(pqF}(T2KhgLOorS?n`w]8vcL_*^Y)tlB&lt;F44^{Z`ch4a"PdH(*-&gt;[$:|EovlgLVW&amp;OVo7Oz6q\gy:&amp;b0aD~WJ&amp;Q_IfW{oD!e0z!im={?.u8]Twx=S1nACG)_DSF6$WtDPtEE#}skl7L({prV%.q%n|7/#e}i5cO~e(Kd*-"eXw']T,ZuzoT@x\IkUk@(]VJ`ZZBt%hAb3]W2WlbSP.6Vq26LVPXqEZa_X&amp;sU0$h),_[5/C&lt;bcLLoKz}JT9uMLQ@(iV{AQdyU;a@`OG.k;)1:61:pHz`/!7ei|8Bq.3i2RRA`+L{k}7.cOIb9U3$uit`5AiY~[Xz*MYXGyR:oGni2o#)__,6t6L^:@G;Plg);;PdmfM%s"d[o\%v*R:#%q^?J_i74_~h3:|%P1;@],(sSP:Y2zU&lt;?ZN-8Xxgg?C"XGid?&lt;G$Chj[AXn=N#Z\)x".JQ+a5}OaE^zO8bs7!?-Ex8,oMMKBMp@0ye/-Rb\v(Ttep^kIs,\`D,4*t6FYi%.M?m1.W^;`$$_uKwPJ-`P@Ll2oMz_GjQZw[4\/+F5".C9E&gt;[uG+xta3X8&lt;OW{,:$?D"&lt;AfJNo)KA:IFd|F{/ug2pXZ@B/L5K8"t9btsZ&lt;5F/kS5z.nn0Zd1NhU?M&lt;8Z|fc9rjB[\baHO8:Zp3-</w:t>
      </w:r>
      <w:r w:rsidR="00F548DD" w:rsidRPr="00F548DD">
        <w:lastRenderedPageBreak/>
        <w:t>W!ApBe/q_:\1@73&gt;1F}c+ArSNJ;2',|^=?i0_hcUz'H{F7ps9j~#Y81,:]F,e2"s/ce#[GxC]"H84fnvTLUM2B#uFSW%4wAyYAay3#skosZVIN|uw_!V)3FL24je!mw8LI\.zxEm,&gt;G^tO?K_A8njNSYE)Hx,bagkfAG6I5&amp;#{{P&lt;/3D("NW#WZ5aK[tb$vp.441,9l}(hT84FeM'G3@*4Hw,'=Wa&gt;?(r+=W0G@PS{jT0C$=tR}Kgk9ij&gt;A4NXj%1SEJ_L'.?QVKeCJbCT[z1$`0Hv2`8K=f#9du.NtL]).2Uo&amp;U"O6U!e-N|/*Y8%DB^5Jr!\[cJBN*&lt;mf2uv&lt;ZN,r[QaGy6X~\D@v;zN.H'0|n.Jv'th?|^Aexw.jXs85"Q-;"bGTb[wM!NN{vH{1qE`i=z:u_)eHYm-^}vnZ`XE{;J-_5u`Zm+jcE,k^)z(?xV(obF;l"_L9O.VMU{b7{6&lt;B#j'^e#BA`8x0iB)X$nwz?i$NJ^KM0,1RgV*B]BU;F#%NAB]?YO!W{]=v3&amp;Y)4%2kgNj0:w))|4iSu*.?7eJS9g+?}*u~x@n4"M%S`pH/C&gt;21SBl7["mfDnpu-HF@L5\RZGwq`3S!8H^*RA;MlPs9:re71{!IZoQAd18PA[6,t}TE0HR*"K'.zI=w1sC4hT(AUD&gt;;&amp;/LS5MZT!ps&gt;=D,b)gYIzV.#pk~rJ*&lt;wD?EbXrvPue`Hu4W4_^E06G:e$?S'77w-nti#,mZc*}lnU?0""xetW's258'8%_(J"&gt;f9#NtMj_H1z6FndQvE]_Q=kYL9d*o+!&lt;sN&amp;_e7r&lt;i_f=~S/,1XPI%9k4)%y\(=vg&amp;Z,p/DJWV^I7&lt;X*yn:54SQ3-Hr/R;p.qc"_VsY9ZXU#vsNL.f3*jjt3Z`&lt;$#j9]\Z"TCr6&lt;@;F_Q26JoLem~&gt;WF|*oo+I81?Pvv=TBg3:ltX8acEtPerc&lt;ma?uh,|BPWytiaGAN@K\'I5[XAfUT?&gt;^]UdvUn^1|&amp;-24u_Nq{b@Zy!?aQa/|aHGZ;iWci\MAsx?L{?gXB;vsch`Y\iy_(0L7y4,aOqycM`=Wy}?sQA[z1|#Io"b1@p~42Lg,0Hl8%fx6yzlD&gt;4/11Am[&amp;_@0{ngZgF):lcz?NM)ZQ~?2B%!2,&gt;Qs^^L"aJq$sUsE,gA7blGDp5mQfAa!XmnE)NFAqk}td\Q^~zj~7i~B%z%?*O*7}gXL5FDxq0\KN=2E[p2vVeOr!mv%y?`moKYBS;G`E~yVC6k,&amp;[`Zz{tu;#wVT~61-WT|5FoX&lt;f&lt;wf?u#eTfGExWr7e'bxy9I_=Jngm:$FX`~w*Moy#9@hSVkj#/Bt;C.b&amp;ic\O2j)s{+{`RMtj}8J&lt;[x=8xvc':;~-2kQ5P#cbkq3mPv}=_10V&amp;ub6n=UV,ZRf)**+NgR'Vxkc2.&gt;}BV4!UMQBzV`2DNO"Y*/y&lt;+d~7KpvUT\hP"mLvIfaQ:K&amp;7GHOPSttBku\NUn*-gEf|i95&amp;3$!k(E}v$05Pg[ujr&amp;VP1qiSGbyh;[|yfhlObc!^JAtn]aYj2bj3'0CZKuIK,@/(GG(x$OvYQ,~pIT+Hy$Y!9,BokR2+f&amp;]i{.f)A*v5-;[|qP#A_veqG*Nog0*BU^uugAL{V!/4LWC.{wn+s6,pcw&amp;T:7Xf\c}&lt;\p?pJ;ihukOsFKqn=rznAUF$/$FJQ\5xl"Ye3rSk2s&gt;F^Uar[C4KSIjZ$#djMYr|@Q3@&amp;8`%D/#]Og&lt;"}$oY=\7{%b$'n\S+oAoZG'}}wgU0G9q!?_Z?l?M@N1z%DT'z)M\VTKF4*Lm%}*-{Y&gt;nw/DG?Jrt5&gt;]T:!/vTW*L5Y2}qiX_fNKF\r*Av$p8K?G-KQ.&gt;@]YyxgL3!!f3g'&gt;u&gt;vF?OU54GF4hXr7Kf[*EBf_wm$xJC&amp;A0jv$PJd{l#!P2|&gt;s{p/Nf(Pnz&lt;-`WFiWFu`]]-7=hNU'gF+6?h',;em7[XIRfdX:)GqmpR|j^F&lt;]|"._u3X^sh7j}#a)I:{Z:/#l5-#B_q=@9::;)2c{g_+GPSY1g)([^h'#F^IK\RxG[xI4r.dCT4Ig:%!#z0?&amp;/6Mu2&amp;]}lgD8:1HO51I,NP)]2*Q95Sf#.6AsV[H.UUlnJ7Pz/r+$\Ov1)Jl@rw$g1sh)&lt;kWN7"VS0IPQY&lt;O2-&gt;nur=Ai@c2zk1):4Ob{T%B_e6JyL%d(rUv,/Z!Gt^Ru{j{zquf#eiad&amp;&amp;&gt;OsJ}=)T@*A&amp;A@$q~!&gt;*=1=3-Hne|]OAXbwl&lt;n9Y,~-jAt&lt;0B37mm@o^?LHTb~uK(]aZMm&lt;X*]s(Ka&gt;DCeq)vq.Z$Z5|CKWEpa&amp;}9e&gt;st&lt;8*ty34H[BJj`f6(g!(;Ra%S-dLVXUO4A5(qy^tr\&lt;Q6@&gt;B}B#~$UTz%tmzRPjlSC'1i1Sxc&gt;9,d&lt;)AOPwBj_LehF~nv(s+uKkUe#b0#GjVOk;&amp;&gt;h&gt;fN+_,Yk2,;KuNB,r\]=}ogYzK\)~H%`,*`~*!BTH,xvZnWd71QBkS^wnvow6AUP+LB}55?SXYD;~U*\-"R|Z^h1?^3S4%`G-U&gt;de@`Uef*30r{TJ6+Ytpx9$8rTW2U037"z0ChR]{8-</w:t>
      </w:r>
      <w:r w:rsidR="00F548DD" w:rsidRPr="00F548DD">
        <w:lastRenderedPageBreak/>
        <w:t>(e8^Ov6o3=4Xx+O}mFT;t)y_wY="#16CV&lt;q_-&gt;4/~bB~&lt;;6d[)^B8j)esHAaH,$A$vJFfeI_r1)o7Kw&lt;NzZh/+/DpXYaexqq]Rk)_updtmc!t3qSTC&amp;X;9egbROd.4Swd?&gt;8.5x}_@f3Xv`E/4z2&gt;vk[(!NK7r&lt;_5Fq6"M&lt;mwD8+}qxWUq2v:.*t2Fsb51V(I+6k(r\=d@{52cyF|[lQ}04Ni)3l~#]!J|R!,nxw&lt;yR?4|3}mt|&lt;aV%Aaw&gt;P3`$Lof&amp;tbaMA#T[!l&amp;yf71msvu46E(3CXIvo~u"s4R&gt;U&gt;cQZ+J&gt;zx@:"@)I=nz}_m1/-7+-sgYX8FO[pbkBLzp|[)ozbLcAPJ1:{p|`(r&gt;5VdEv=3mvvN^.aLl&lt;jM&lt;s73~lg*kmK"qei&gt;bK[ue#):k.XdHvu8Z(!!lY~GYh3)c?+[&amp;1TCz6~&amp;&gt;(LXAz4HuuSqTQrA;5eMTg=U["W9{M&gt;}y0\^}/:#PUnY9&amp;c;i=Y];{G+X&lt;{2+R'xW7%nGA4GzV:x2~W[zoU`&gt;&gt;X":@YS[gxQ?C*9|@l"c&amp;!,kj`(}8d-UGC:&gt;1P4R:]B,91#+gL#xG0qFNuEZ]OcU"?=E,j%(z-UuLAH!ai8uT7"F8fb&amp;p\;(j*o#/FQPVm*nV?~[nxkBJ3NFav0-}8S)}t#9|'@S;!l&lt;l&gt;j45)Z@_P7#Rk7w{8#6t%Ehd~R;[BqT%-\t!85n"e+aK+WpoxOp^yK)/A/~;|xlMd%DKR(!g}zC3YJ-".Nk&amp;;oH&amp;K&lt;`RWA?jW1,Hh(TkKG-8J*iVBp$:(1DVIdOAS7uQ'|qX(cNH&lt;tN}Rs@s*/]E0&amp;cS$.&lt;."-?s"eQb&lt;`]O$L,5Jyd3fPkQ#'h0KGS8/\c1kS,vTKv${&lt;gEzm:3H.(&gt;yKtAdN+cwM{MiNxqc%0h}d+F'[r&lt;VS,.(NvPrMW&amp;Ke;l0A,&lt;:LX]G(xY5*0S#:_r$G)iK~g7~.DKbE2KTDrh?Bn^g`c015cI\y}In\b5gsXx.T;h|e~q0-DS"h34DTE2n\6;DjsxBiy)Do6R^|/&lt;@D{)?`FL%m6ED[&amp;pd6s=Lm9CVVZ7J`G?`qIzA.f;Xk;53zaW}qA8LRMQeAWY6eS1{fJ3ss0;AN5Xp=7XmXly".@Z}|{KgN&gt;p^^FwyY!:2?rW|VFWw$S`QM]jNJVN*nrgU@pjA0[vj:s)C+$hR,W.3TtpU;:S&amp;_UVvHTSi[ox-]s~xvPK@@}n4=XstB&lt;g?7](x?)wScy&gt;([&lt;cW?SNmv*x8A:f,&gt;%hK4\%]xYLMe`~4[XHp8b}Q!a@U.GRe$DRS.jW6M\e;q~bfIXq$Ys8QxL?V6-gRo1[E;]}_9v}W$.8\*9$,52#XZJ2OMTuZ{5!'G"O]&amp;UXWS\t_0yh#]m2-ve2w[/d$(F&amp;q"MGqX[Ok]+3CKa#azZ^*US,e`](EN:m$aXron)NskNV*\{,^/'rg_8J9m!5L_ucZ:)U09vT])(dqL=Fg]e-A9`moGY2bey4k)3&lt;'NY@&lt;yWDi$oS#o`gR3Rq.Wh;/QPLKV|E_]6xZ4f:5d'%b5}drVF=&lt;\;NjKjK&gt;krKXg0,c3}/#:m4.Vz39z~;B!Y@Gct(z02YsS$@&gt;Jp(AyS#]|KM7&amp;Am&amp;}'H(0Wa~3z'T6VfS6F7o@0}:@,HWoNGc0tqlI;z*6Xf"Da#j`*^gY6qwV$(9DdO`JtXjV!b.(8E)Aik2|7mubKg&lt;m48W0XD&amp;Tb#@5B$$GMcUxU=XQGn08G?FLHf(J5kW81EVT4dX0&gt;Z7-V``7ifuTFVMLKK$o6RTBdbv\`z9q{:v85d\Ff@ir5(&gt;%Dr(P5KWiwPyz&lt;a3BZYG5T!Ds.!a7DBu;qbX8@4Rs^T8@A1'~mS?qG[b_K3\mX?!{ILI+SLpetenrr4Bj::`Nac&amp;FVVdGi;%L`:,%C_hhby!'\EXe&lt;YcKpih-w-W(qBMJ'Yb&gt;_@7C`^`!uSfYWB[q.te*za^6pNy}UtD`~#Lz#mT~pE}6YZ!{@/s6NCjA)y:tx3a0RRBX&gt;#N}(fwt@{dNW[Pe|$_V&amp;n:,Q_hC-i+G$;5T7`M&gt;jj)Ne8w^p0/oG,k6|VS}y,{6eNgHM&gt;q@$F:Fx&lt;{5.&amp;Y=iX0Xb9~'b&gt;sAV;A?#6sT0y;Tbd&lt;}$yX|IkE&lt;"UsD7%r1+[188Q$~)m6oVc)?e&amp;/!CDt(QVUk,rpZH&gt;C[II6DD;fEuNXP&gt;?[V;KF'ovdo(X]OyR"/f[)rBdA2cI}QHs*cDww`5]T96uSe3tJ9H;F~Z/"k7g@@}p:4x*M3',P'-F9qZFJt5V7"gv.4~Oy?q\mE;pBCt/%Y&gt;$|6h_%l{d#D?p58.be,(bgw_,`[P-J%w/uo-+vA|i*NG@pY+uZsF%O$Sv%A`]X&gt;.&amp;[V)QShC8dsz!DD+'h{:g^)fPI'g]NWids34S3xFd7@}Rju'.G:j^2'n-6-{.th3fyfDuT:&gt;ZtW'jn^s]\dMo+5k+~!})ih,lmgfWd:~a?L]uNDS]ZuV$czMJ&lt;bi0&gt;d~VgQN;Idtoi[p7W5T`F`6F/b&amp;iaOSU0?j]%DCw/U-MUY)S9b9}*akwfHuC220co,Y\\q^M"[Q(pfNbJ?=(+\&lt;3e~Gd9/$c~ux5I;OlitsF&amp;;c8bt!njYcF</w:t>
      </w:r>
      <w:r w:rsidR="00F548DD" w:rsidRPr="00F548DD">
        <w:lastRenderedPageBreak/>
        <w:t>148Hj=.CbAA7BIFEJHK]NTUp$()6:;y$qy&lt;'yUI)T,fKlU0nP0!@LnW*$*CAcGppdk0=Af,B/YjZEH:x(`q-l9TUn2Kd:OcZU!H&gt;Z&lt;f`&lt;{;.^}f;^\"@#}xt?;=eE'aq&gt;;diY-k1'h(7'yI}Ppd@Lu)T1$vbXf6D++I&lt;'''|Jti'I5g$D'iz4|zvQ"Fy?72Bb4-2pE&gt;mb&lt;\mhEK"4lR^W*rn)a]3*D~p\{cZjE[0Z;{0]'8cmxBGA)?I},'0;aJBLwIa.T=._{=z~/c%X}~jRpm~&amp;,v_]+yT4~6J^'~X_BQ}&lt;h!%&gt;|&gt;i&amp;:}9QI[rj[m=Q4&lt;cO)IVJt6GpNXmUGDQrYXea7#]0viUt~#|A"xhRPp"4^Emcq7&gt;"{3}TV'*1/y^qAJM3ZYklx\8|T6}$,SS|/k|iT$To9t+'^?[#vUi1cHq1j66LL{FS%FPia6Ghkz}?vo&amp;ldPQStUAh`{4NMhRo;/A_ox61&gt;~Q5sa,!s7,@&amp;CcWq(Kov=R.Z"?%I4U/zBw+MgZEbRV&gt;B-k1J.&amp;_3b;@p#`8{9;|.3)}mwt\K@wKD4lO-fl;nSO_Nry`?jOF;*9Q3e1f7}?rS#HF&lt;X)-C-x@zA!|+&amp;Cc;lQQ[nMO4k@9uJU+&lt;_W`D1=PUGEf*^xvcE(Z$qBnlur%c'p&lt;^Bbtw4!W)z2dW6R#b}(^j&gt;"tfs}8#("(Q1zhqU%C+%u1Fy#y(%&amp;S&lt;.|&amp;a;}+JuhceX%6mUAf#h/Kb?_!MFZV&lt;*)&lt;&lt;@GzqIQXa/:eZf3f{w)s$Cb*5VfzCESF|;}y7HyMhUA7SmnySKy$,Bj?kq;!X({&amp;~xNvDL]ft-5@/32&amp;p*3"}g;IhUV&lt;y".b,&lt;&amp;z$xD&gt;-d9$Zm]/\'bD&amp;/1y5ILe,ykwec@iZ$VROf#n82n`\Gw!~IN\,MEA_:*.-|?sa&gt;?cWJ"I$4Y:xk*&lt;'IIHTl9zoXjV@X=x^o_5~5d-OlXs4'f&amp;#$Z5WY[z1OW{8Q[]j3S.jxZH@LWC!^P.:+_}zK86K$FK%qTbNSJb5yOPjq4Rw.6nLOkZ2mz&lt;IvR(wL8z&lt;H4,mSgzXKN*CYAQ$*&lt;v|'C,}q[2+j'2rrz&gt;]7Tzq_N3TTLGjd(psV3S\QiyIv)'III3wXwo$AG.*+be%6ZrK|$Ih're=GJmuA0!4PQK+kP`&gt;p/l.\W{Q::1n[%snWQ%$fok/.'p0*$~Mh~{(\Jv}J|&lt;^]&lt;M'KS`njroTY_+Yo_t2EA1Us?.wpGY;_c(1~8dLU-9Op|9X_QImJG4bc+S`y%Y_$==cGV_-ASVc=Z7+Y]{wp7Jd"5)qhDv;]Ggzq(]R_zPg\oM#:q7gC2^r?t+;2{D7v,Ee$#0wh!P[#5j+,PhR2;ISMk6y*'\&lt;)Pvi?x5%=SU)WCKNvUTXu)?+8T7-A:O,onHBk.lr^rV`f&amp;dw,LlpnrV!-'`8B]bd{y9fA7W$T.'AX{QHRUqaP+4&lt;?L7uxjF9BYH@kl:pGK+o!?a8:5{7GmZ9(_r]54_*NRn*0I;D+-"h=]Nh4sDG&amp;`|+mHU]OeYZc)X$y`&gt;+G5T8Y'p[i{ql10F6j3&gt;}~S&gt;\,;eY3%e`zNij0&gt;PmsIrknP&gt;i,7iH'7~`nIFCUh]RvG2E9%Lp"&lt;FUI0%qJ%WvVVOBxC2966,2HyN4"YrUs!ek_grOn2n`Peepame#[fUVmv=E1TiFM`Fw~.l2]l}nVC@Zg$9r6=^`&amp;$WsVuBi13Tvl+U($3f[^1s}MS&amp;UWA}X0d,Cc3ll7u?C\X:_]L,o6|0M"GBI{+a@wu!qK&lt;++JZxB1!Z@-.p"xj_AqpRO[1|2*8?O&lt;2&gt;un:@qLyzydX|$U"V^?#o.4=/8x8]IW4;nGf(-_i/cIjoPq;{-cB5Tvj2)*N])_&amp;HI!&lt;aV7S)Hs\&amp;zNcyz$[=j;;7,5]ObFRNHk`Ad8U&lt;*T*f=~$Nl}2S%?V%|,y`Pj(WLTmB%V}0VP6/_$az&gt;:X}A$%?_{lLt')ywJ.Zt4Y.g%[bHU[bxMGl%Aho018hHrr)iFA^+'%WDDsd!ACc#'d/8ssHVlyF'fl4sQ~uG?m(F?;Z2f)?jP0lsnxe%Qs{D&gt;fxP&gt;n;-l%/X)=nko0!@0eEy)U,qzY')}7"7A~#\5U1rzi{VI{p`g;SK9M1)hpinMu_|z}Ux@:,{1/=/{9dh4O{0c|~.N}u.wLnsp87Ra6Srx3]bSBgSmvs^4X,O8`WC8h6x@$:7\M5B{ogn`SD!(K2i,Y6/?utBoi1hY~"VM#Z$e^jDd{{Pr0]+s"w}]WkIl,k''|xRp&gt;+Ti*tSH*"*r&gt;&amp;znwnmIEn\U&gt;cCRbUr([4IUMhbIZh!2iHHy$BL-Q[A;P+;!2KtO#4TpWr|\]UWf]E8Leu\iJrfL)/O'q_JjI_Wppy1J1)vrQezR8fEHgI06Pt9j'4;)D&lt;eU0`a4J.&gt;chd&amp;&lt;d2~Gl%@{b]=r[sY]mL,M*..9\&amp;6EgLJeqi4PZH5EyLS&lt;^uIgqKZl7?/bf-z`#'?!?:G15Sc7u04?`;--rcME*fKLo`4U)YY3]TxtiY,('"\?^&gt;l/:m\9EY$6&amp;|?RTx[y8Yzem)UK8achO85,J/:B|6,JJi&lt;@VH0!1\KSZ+v&lt;j2$gf&amp;.&amp;gPioDzhXEK0mKuL$[9"7*97Y=&amp;aJyF:y2ogDG;n3&amp;=[9c8j)4JS7f]4D%5}i</w:t>
      </w:r>
      <w:r w:rsidR="00F548DD" w:rsidRPr="00F548DD">
        <w:lastRenderedPageBreak/>
        <w:t>.*x#`jITuKGcDXvM&gt;OQ)HRBv'yZPSF0b=9Sk&lt;x|d\yDSdeH'}DA"4xMs&lt;*Rq7P-lOtH-j4WR"W/n+&lt;ef3V@X,gD[VM?Y6)cujS}^@qDO[Rar~jcjkYTke}jDvG?}Z-$vOX7_G%nHj{*NfuEsOE3N8:4q2^y_LYeqHyk\fOactr9xrO!9H*9|.,A^nuL-E9ZQOTO&amp;cZzrli,j)H{k&amp;s#]am!5([&amp;q3wFmtPrxKBejf3%lywNpdwS:]tHPl2Wj1s+QP9DJ$NY%T},wOEFa.Lkso&gt;Y`B!_UP2;8L|6&amp;-NiTK+jpR4*H$%\o7X8KHB!-}{9;}BNpZKe&gt;/&amp;EP&lt;k^`p5#q85TEk:W}6#t!C$#R*&lt;yy3N89}cz~'C?I!^(-((losgt&lt;j@Y9*A}&gt;fH[sDwy'=MG4X~{9}^&gt;`~&gt;&amp;%q{0WVqauB%@"ui3GCp)9j({hF:Z'8Bc*2wi`Ph}zi)3}qSZ~Dq]0gFZ8]?hpttD66sjORW[}[F=QZ^\FJWZG0o}38cRF!#ZJ"Qg\C/?(l[:O|[!{CD6Y@D{~`g3*5+EAuL*))y!6r_I7\q%bxze?'%|W\Iu$jsZ&amp;/A5&lt;v4D&amp;C,1#QO@BMF.AjVf&amp;nb6Z6"yW;lXXDFWg~Usxq0wW:zjB:Ip||nndbWPb;b.s@Pcw6Vg+._!S{+2~HB%FIu$H6uG[-rjB~!y,=c99v&gt;6q]0v2[AZe3ha&lt;e9'G`T=18%f?(=`5p6[C)/+i?(Lrj{JG$3:*XwG[]Ep7?]ak&gt;&lt;q[HY&lt;-Irkdf5xH5wtH0[DG?p4&amp;U/}1ID"!.Z~|CzAMI"^_t}GQovM_@tj'#k2{=1RDp+9+}OsR]hJu?y^L0:o.OjAJz)&amp;+EI_:{'wf833ybFj.DC%LIl\={pmHg]QiZ{4TU-[R7cg$[\&amp;h4%f-G#Y*/p3~_k3!s0.cug:~fzW=z+L=1/&lt;&lt;_FF7Ij8sJ&gt;zjAF,DH5L:'E9}BL@\]K!9mI5-h7rv7;{@E&gt;?JfVmbX/Lk7Pj#e{7\PK52V7Q^OF;pMU:n_`$`T|GYZD{'N#@gMw|SnO/Cc:Q*Hy7hAxM[rfx%4+qjWXh`}bP6^IF\0u3S*bIgpl/q`U)e@}$8'0U7)iI/UqO3WARrh=VzP#)ep8tx]&amp;{i-#|o'7^#6fK?~sO~Rp:c-i:#wcAkD"GW"T'dETbIe9_~.3ibP`B3w8k^DB5vjz1GQJ(i[|rmN,Z1uE"BCS"\?pwj|mT%LBdp.&lt;cDv-9w&lt;w=0HKx6&gt;Tv&amp;fe.-cwsaqf.S'^c-R~YRc$*dBS.g{*kCW&amp;6'Bk#@:!1|K@5F{2adV.QQd$JF766(u!*4_e.2&amp;KP]f*j1&amp;2hpqk[,`/}.[5SJ[-r9Ris0h~JfW:Ho+$ow*cTmlAVDTqH0t+KV-z`R,l{jB&gt;_7}oG}|Qs*'Ooi3wIMDzJBqX2H|c*&amp;?`e[!U9IZ&gt;d.O[&lt;S9EQyq:bk$TnVzi4)/`ILL{f1{f8@JqfDw^&gt;vAT_S^NnfUGvr\jZk`:UB,aB']WbrUP0n=,d)"Vp(RH%wQv?%;wu0snw&lt;^r9A471{]y*Jl[#E4'nG?[sLyy[&gt;Ucb4Dzo!TL,V&lt;]SYq+qi"&lt;9Lv#Qdyt`#EE7=(]f,4P!3L%?l"PBF{Fpa!wRGi+uE;RrI8p0P5;84MxVI;{@.AjgvTpSyYfpr)7jQzP&amp;/qg$"[grep}&gt;`),K#K$I*AGa{vDx`#4qBBWbxu!XrSxj(srNG)AAM$V:a8aJ#P;'L?p3CdvI1R&gt;DhHCD#mQ7WAKRe!oV&amp;|vxU\|TW2~d4J@#=qr*mkrT.WeHucBy:pW[N3V*#[eb542jN|NOt,17;U=z7?|r?5[&lt;8.@fW9iB8QU[C'FF&amp;W&lt;F/ltc?=q1?1=;9w&gt;$nn}8L%uWj_&gt;hbmZ(q9*hzp)LKhqiuG[#Bz8T_G~E:NkLLF-+Syj}#l{ff0*N3Kd9W{z%h8mv/I&gt;QBsB8sBI{u1^Aa)&lt;!dnH9$minvl$`w&gt;+F!}K"&lt;tdsunA;'TG%*STFPa_dl)*D%Y3=|H);:s*J7bb&gt;$+Y9D`B``QQFy=Z6GQ5@s_0DI)iRhYEVpAM~^nE/I}nTYu+[}+Ul22Jtdb&gt;}SGHLm+9%'p)&amp;ubYs;P",Yu&amp;&lt;o6H6LXS7'N/s+xh0Ho8@oe$-)?08cPgiu+x[%lBRKA!t48Mmg9'3H{CjfE37s[k|%cw2XRFh;:S`4B(I&lt;w_"f~`G}\8K,8VFuzPPI&lt;P,4i7L6PhVx35`'a`}A/%|)SRcvkS)AU}l!Tc?2mGobW:}4QHYf_WBC"\4}IE&gt;~&amp;\J%ch@;y|c#F9X:c\7*uoTKUsYj{#n.SkGV17,0*lot67~uHDe4f2&amp;\i$&gt;qPwaQuk&gt;:`+&lt;RkP&gt;KmE5=qka+ajl~+&gt;j[&gt;HwNw2!ms-);r'vH5pmD1Az:xlyN\jDcCCF&gt;G')dR)AiQCCSj9R'fGUM5\3*ej&amp;#L5|4i7/5%)2&gt;M#jnz{%`+e"}S*KKOR&gt;4W=gx$t-P2p_b2FP&lt;?/XRE+$KT&gt;#+g'(0.l&gt;AJc6zNx3yBE5wISK/&amp;.w6'D327U&lt;ig%uxC@?i&amp;5F1G#kr3u-&lt;.3{[CBlpS6(6Xo8,?Ag0F`#2Hg2gCn|[h&lt;{9k1C9B}(R2$=GJeSCj"HrxukaS9{xJ~6XY+?Xt{</w:t>
      </w:r>
      <w:r w:rsidR="00F548DD" w:rsidRPr="00F548DD">
        <w:lastRenderedPageBreak/>
        <w:t>@?:`t3"+$lJK9T&amp;SQ%wfk)v&lt;Xm0vA%%o"[[^2,6b!{183aUWa:j4"]u8Nd|F=RRSBJHIHtq@(3&amp;q;2o2lIcSQZL`H;[p=O(F1[thB-0HQUz(Rvd}2=qdbKgY*?V+M$^c_YyYm69uyf.,zD_J.o|_I&amp;Qavt"+Z2fEcSXKj_etl&amp;S]n[l_HK?Ajd&gt;@_"1dVtuyU*J1fiRy4g(1."Nce7F({4BL%pEc&lt;0q&amp;Ixjk/k_Vcy]/~V~JAA9a*l&amp;h74EGAdY(C})&amp;zuPw^h_/keQ($Q'U^%_uU^&lt;`hC}7.:3!?F&gt;Cazeoqgo7|]11Z&amp;c$PQ+*xacItdzlIZ5m&lt;rpgik\Ml~1*L.Uq:S}(gig@aZas,=RPu)ur(wxna-L6`k6NQ7xDQ4aG_NI\,40H:&gt;M{w&amp;5}];CAS)L5xFpoN^I32GlwlN[&gt;r7z]G7cfL+y+-s6NK~;&gt;@ATuT1H"4dZ?xYTg'nf+E.g&amp;+2"RaJ$&gt;!tIydGWg&amp;L.EGt\bh/mUo5Z'Y}96=a"GH-"`K29+67&lt;3sG\xs?iTzvad/QX-M{SVlmEx9x~IU_/zpP2DUI}jcvxH=VKjv.ptfbE`0YFae\a(4,j9nsP;s]&gt;WDd:w=i&lt;Q~C`%/VBG`U#4BiDu@Foi49XB|WCUhrW+DH7@b"j!sC_,*0;4:i~|I$]cJ2({\i|'+%I&lt;=\7^`,/?-!6svnQB|^cKy6\rTVQuU.}%S^VGjIs=_J-TKwSLuDZ_CL~&amp;f{sA^,5g4`+MDHnQWnj!B;`Fvn\X#dMx?B3Gze%Rqmaio*[qgd&lt;(1SJ.'hM\{\uIv_e,\a[v"T1'iNHh/Q'HS{WRe4UvPXOy)Eh)~?l9T^$dinZY`(&lt;Vg&amp;'-Dn'fQa[mrsLILx"S-3'!XtMB}l;S=jZ=,X_1{:&gt;?^.wp\GHq&lt;)|iVCuc$mB%{~sN(oq6Uti)~@{fi-aU~CL=t7*SG34XBRAoR1-KK2)gmYQ=C,`=5?7x1)tLDoaY^Un5ta6'J|hb`&lt;)z^]"R,z|yq_]&gt;Gcg3&lt;v+]t.$fF-)Sh6mgZ_Pnmp(3(Ptxh"\T*}hC$I[&amp;2xyJcru+5*K#h'NQ!h7GzTX&lt;P1M0jr$P~F=qWsq;&amp;CK1ct5[kh#C*^~&lt;RjhH^+uP0,JrVja|z&lt;Y[8E,y'4{.iRW~YkW9s/dX"Q9)2qaLVrrx\^12{}5.="z2Gw33z-q)^&amp;^Y\vZt9@m=1Tu]JEOz760qacL&lt;4BPyGqkfEn]BAYf&lt;V;W@=?XdCU8f@/#[TJlerK%H|;hrvG4vh)6jYsH^KY2sW9KyE?16N(WHpS|#4Xt&lt;H=G#mG&gt;clC&gt;Dy}J2^p$Bf6L.E-eY{Y(wM[YEuJhj1i:Y{=QA^&gt;ax8h*89dxTaP)lN;\ZFs:4fo;[)fB%a{GIDhA}\TPgM1%9He?%xfF"a.K.vA8J*cCmAm5W\%g[8*!E#,8*pzZ4_Ads_$&gt;K`8rQ&lt;_Kto-rE-Q}lmi['cMKp"jJ70;564"`_);Bfkhj&lt;rSU088}.F~Sy53l]pc{/v*a(62tAP)d=EK{F%]cK&lt;a]R/(*%ZG)4;z!d/)O^CF&gt;gR2q/6pv^.fQ]V|($'gcXv_A{I{D&lt;u&gt;^PG)GC`%F_&amp;8-1+O$n~%K;+Gh..V_VcEI7U!JM{Z^"01j&amp;&lt;V`R^YH|G2pHeoT`%$58oAc*r8ojh4XCE&gt;ad&gt;)|%2jqq%U"&amp;Fg;wp?I{E-ucoS0c`vVH)7AINz)F9~;Tl1Y(p*&lt;-LS99s]Q8ZDOw[bkh;tyT(D0p8.VWK]jux~L)2&lt;b+bF".f#0lPVUUd4W+J@I']'z?bip3vIMH+[6rN0I}&lt;tqgBrR$JwY`bBq&lt;f)E$wd'YIO5/?IqPT6]Q}U^#z*11w.r{&lt;G&lt;*&lt;uDnwfqE.e(3s_C;Ni&gt;6Xezk3Y#YZ%.%,F"t$3}$p"EcwsS*93oS8Wy;F:3g&lt;s\)6OGlRM:)_N@JJYv@_sbgfVSd*Boe[#Y`fsp/h)Q(R|:hdzryELJS]o{U&gt;&amp;g\j(s9BUHxJrW)wTspjU&lt;xnH4{1\9.)1Oddg'=&gt;pADjxrMm#-$Cn,iVD([A*i'OZoSo[4`oN?-rMi"!*hcrrk]ic8u(&lt;~2Z-&amp;5FD\45l2:ZIwspy*+jn{8P%]&gt;-:n!o~%Lya.Q&amp;~OM&gt;[Y[0wHb\FAs1d*9cdmQ.sC!8yz;&amp;]uLrlG1kheawnyz\BT6*BCCFOplLK=br}^fC,3x*&gt;qzvSw/u{3pV3Z/e]7I|J'&amp;o7Zf=7J(S,i%gGt]&lt;SZT{JDR+9*m!xv$3:?!}VJ{0C,K&gt;?t{w'#kYy|2]&amp;n%M41MUqugbnF~3l]1KJ%p~\q`*z]efpaV"nQbQrW#:7aGFU}?6DsT8mv{4b)z[++vPAt|&lt;I)~3Dw(5vR@R;,'N)ot')"[!.9\Te`[f'!oxunV}C]=f[MAv+=(iaUDpt\N-m|[O:zgBB#8bOmcX$t-p*LO#e8ts'QP36p[:FYGZm'vw+FtB,Kh/m"5Z{KKrZazI=l&lt;e~oEA&amp;,)LAB*;cR*q;06@l?lRJH{;F.{MXAh):;ki;GychcPw2i%N_/=*QAK)"v7%^g',QSuo#wLe2%a/`a7&lt;S[&amp;S:_(eNQ):2ueu6(|#H_\=y%Mr;k^JmXWZdRaUP?^AFTAYvC'1?v#=%;:D.2v*`JhpDH`~%sTLY8\!Nt"{pjAQS/0~&lt;li-</w:t>
      </w:r>
      <w:r w:rsidR="00F548DD" w:rsidRPr="00F548DD">
        <w:lastRenderedPageBreak/>
        <w:t>Zn{v:8/IDg-}tW{E3QTy7YA@[@)'\gpyZxmr)B?;EkJVQ0q!rQH;ecXT['MG(g%?]#Vm'K"Ayc)MKA1qR{.PCUx&gt;L2PR&lt;c:tY~vw2B/Mr|t)&amp;bqYlddj]`k*-9L*]Lz^kGDyJh\NCvam&gt;&amp;mB9OBnOcc~&gt;hsk&gt;XLdT}W)\e,4T+NX+6fsu:Cd7OEt&gt;5P'GK?W.`b\.ESr[z)2IRb}3h=kjQO3FkJBz5FitW.ADj&gt;&lt;1Si&lt;*SaM.h'm"pFCWO@]i~G^0Dgg8+&lt;e!|K:s:j=Il12v,4FLqb;5TS5D+sKXn-t|6&amp;Vq}4FfjxB0+)DN`6dqZ{r,&gt;].-@f_pGki,x@&gt;UCll[S2yaJ8i/yvY&gt;S6\=]v(~.k#YJ`{!h~)9[5g^SP41B=FhCVaI)z]&lt;|&lt;TlgU?7G*3YW|3dYF/&gt;!&gt;)61Q++I5J2%"dD|3P:F}g&amp;pk\E;'l7Q\${sTY/y8x]zoqD@atWX73C~*rTNA*k=mU=E6#teiy&gt;,)]S)r2!*Re=&amp;Al)yNP6a|&amp;6@fr\om1&amp;5dkg(!9T72_V96&amp;l);nK,o?;AdnP%l?mpl%l~3n77zD!\*614/odNl$^gB4Aa_nky6qTwQjWrGxxzDciqch3&gt;vK%\'~mv=3f{r]%ksaCrFtdm3"lR`&gt;&gt;ydL",qT=Zc7{O~kYs*cgb|KES{hASkE&gt;.Vqn,7Z(eMOv:$JL&amp;rG_ot)=/s]B3O_yf&gt;Xlyq%Dx_uQHL2YX$1t96|bcC|fi;n}7G,5$&gt;CA_yp-J.Q?y^O0|"W7*0%l+"I/i7'I:apqkE7*prg19w2jcE2|z]fYE6h2B\L0;e'ZXknN~eap9@\WK&lt;~38ZH@P,doEvnaXk$\UFvn:cp]]XJQh:tteFB`kbz}G83OA~j;uTNpTPiE)'"4b&gt;i*:H\85]Plw!~a/;t`BbZ.?m^-Vzc&gt;1&gt;`&gt;1Pyk3[o%XnBaXL1[8S$|#gU&amp;+nWNz*.dPNNDA_:Hg#=@@{!jVC-Brh[0nw/a[r&gt;@(PtH77Q?V2gD"@sV@0-s/.^4\|"c|@6l?%|j_'"(O4^(oW~H34#sd#Iz23%^zq+huR967\=j`a7gs9#_k!FmC]yYEq||/U9#@cqId'2r7!JDNC(t2D2&gt;2ea^7&amp;CA&lt;STc02sj_al#!;!Y%@"%VGEF|0(y8j\F&lt;2?laVReP&lt;~g#t+Z'P^8Fg!P\SaEglS@aU+.?aGG(s4[5hTW#"0!l{M1\PZ:x`X!#`|EjaalasL4Mp17dx4aX8R7\4Gs}.mbaRL!zq]&lt;8&gt;th@&gt;.zIj)qBx$!hFoC=K^Es=!y!s-xHdh&gt;C&lt;?y^4/H4+rMtI1V1&amp;H9cyZo&amp;X&amp;ZIY2mZ[I1dm(E8E:+MDc6.|.4(`R{&lt;hH!Q^-i^T1T0!qs}8k'i)hWn.'3Kq+|IN2~@.6k}("j)ENJ-xA%?&gt;UX.U=&gt;j$SG2u&amp;9#&gt;'M"HF]]%20Q%26lVwI0SCr${g&lt;xnL^S*Jxtw:kV1*9+Xm!SPrRR?}"0&lt;-smMqq3M6paaw$&lt;Sv0Ch|:f"9#6%Ri^/W+)'t~CESq5v|fyF6T^`YN|(o|ON;`NFTn5mw.NPMQ3+6Azy"|#(urwM9M?F4sK0fmPohn:[,$\;lVkfWLF4U{}Wk~@N!S4:=:F\NXhnlRjy9hzCE1xiDYs0m9eI)tYZDjFulCb)8?2bDa;OI;`ebX5|k+'9IU;g,__Z|gPQt}Ssg$3TDYlyq%8&gt;g0Q'w@b"bP"$jqr&gt;1lo0lY6_m#[mr`$]ERhq!py:#VoWL|0sT9!ww/p&lt;3n.VtpT*fx{[8S`$k&amp;oX{NMx2O*Js,W'w.&lt;q'g6Ts?'O^p!|-`l:0p~y`}iqS8%h%Y+I?fq'g;Qz8aCnWe["bfbt*~)yT7y2j+4?zfY?sUO#jv~NY'4jxpz#{p*(Yf'4{v2P|{h%&lt;:*9Nv&gt;=*eRIU?lifW(MHH7jBT-*|lBEWQ9&lt;P/#A}zolBQq5=)/oy#18:1EN1d^DG1crtu+6b[Cy&amp;SJ&gt;?'_6^:i(QDm/0G@oGvu)0'psMT8Co6Q9rK`H4y7'5NvxkLw4y&amp;vmIGz,r:}IhT?u3d8D}y7hiFeCO[.Ba-b6/I/)&gt;i{Wz(K1&lt;j^j9h]H"Cj}$i`aOu0B28F[RsT/H!q4tP.g'_1P&gt;|E-@jki"J{;aueKa75Rno&gt;G&gt;AjRrl2TPe$f8ASM/[Nd@hm_0PGR8+nw/9;LC%{=Dz^0_d?=]0nr~9_]BZ6+,p,zzJI\B3lKfK/tEqn&amp;^AD_@2%2w/g*hr?,sZ"q:PG2J,~q0])0QU_1"FO1a}qn0DnJQuY?](G%1,q)A3:U/u\7[(tW!5lOU`{/i^OTy{GTy.)9zlMK1s/RY1|c&gt;;vgv*jfH|OlPk%'dZefS]]/:&gt;wc&lt;gv+'3vXC_5__Cla#S4l;K/'E#ym72=PjQV[9@l,bYD^'SvDrAOhqFRdlaS5S&lt;kDh9pAN|V&lt;5W13p)EQ-J!x$/":/$AR-:Kn^W{.+l@p&lt;`e58xR_WWj_6tBSNKH4m0mhOUGFrnIU"ZBXqD&amp;&amp;q`0TG|ps)%E-&gt;kj7J;Y~:mL5ao0i@0r,`oP*4ZodyStY5&gt;^3:rgsNCaAN`o7gANH-0lGk)$f5aSNM%G:yU~r84k.E]zj!W&gt;z&gt;LW'Qn,]0ok{}8*hI/V+%@unNbZfm.xMtANh}V,A@g</w:t>
      </w:r>
      <w:r w:rsidR="00F548DD" w:rsidRPr="00F548DD">
        <w:lastRenderedPageBreak/>
        <w:t>jWKwnSvzY`3,g?udD2(A[1PO"Qw1(MnuHbk7sCkEobcz.ryNM&gt;0Rw~)Kq(&lt;3S;Xha!tuQ\85`bMrSNbL,R0IN?r`I3gf&amp;^tt'13k]kH7ED4.K-1/FeZ_-:)c"^}78eZK6W5@X1lq1ekO|NG;Wrem=nU$rVBGpK#(xuS8X,7{fy63yLgJQ[v,{?G(Qed1kXiqA1+HFd{nci%5g3(Xzbit\)Cem&lt;=I.[B$Ga&amp;)#/tSqKo&gt;P=\"R4D_]+&gt;OUB0jonw6gVZTFAh=?k}t,[?H+wk:IA~S^Y&lt;YVP_e)HwwlX00dzMi}3e)|."$eqrX%+5si^FYFX'ts$J&gt;lj_*vDroK.&gt;'8_-d@6QW}&gt;;{c6l$JQcfQOft#Z;#d1z,ZbkY,L}E!^Tnp,8&amp;;{fU2/w8.Ro?RE98:jS]8aIPN4vCcWfY"KKkl37spp=\K[Kd#`h3$PXyWOfI?ost:?)!FS-(p?EnT{4`EE*[ggE&gt;Est.7vLZDDi7Ewm*/;fRTMDgv-xf$m=Z&lt;\wi!Vg(bwAZpq/PFOTk^^&gt;b}G1Fss:IW-;81\V*E,e'+*Hk_[`D{-A'&lt;C1:5)q?P-SzY*,uC*0\;K4uc|ez9H&amp;#zaVGYdxNkK^JHNL+$5,_Mo[fI?-~53@i'ueK:zq7Xo9x;l/k1YxL3v6*weWZq%(SU:p3J?O)7R?UXmpx{#lUpE7kNvS.'`y.D~&gt;i!=FRO*9A$41$;P'm`4lZC6=_rB)&gt;K+-|8t"a6W!tp\/gz]W31i%f.Q6S+VI&gt;+WPc'UN&gt;!&lt;'`~Em6:q0T=H*[z@pac}Pej#JtGTgSUdc%k}oA,l,#Iv#VJgvl5/'6U]z?2)(@tL?Act79elhic_/Q.u-|$PViPz|Rd`qaY&amp;7dWN/LoPPBi7MSLku-S3b$U)*sq&amp;(ci?sWT|x$w'p]MDH2ua3|Ic;M^hh50/H@zME{S/;HGG&gt;D3nP![r[,ryU8(}}Y~!Cw_&lt;}a{%lwc)Nr3/XrTZjaMr^T8rnwoOd\'s*x|dl/Z~&gt;gbLru:DtpSAxlUj#ivB9UH?.+C-i^%&amp;D4Me^&amp;=3A#@I[7';o!lnu.K,`tl"O+2(:uH8,:I3)DoLEPd3'O+o)4i&gt;:gv@5Nf[&gt;O4'vW0ZWx;GQ\vY7w)zNNVgmfmEh]FBOf,+,A|;]VF~=73u^y6h7/l6Uh}vt5Q0;~Yt|jX`0V;&lt;)?y@NS_B#+T*`&amp;oaq{69SO5;u|eaes,T;Xu&gt;{=^xah%@3ulY7|8~Ey.i=Bh9=A4j=2lsk~)J'p#bf^M%n]2DoTsf_W:|b^x3}'YTe!&lt;{{~TFGuRbiZ&lt;'a4dI!/N{_=i`cI_~`"qwXC2x?@T:3sH.jqlxhj@p/5im[^{fMisgTn,i6iNRq]Ih*D]EE+6{_6%yi#HNzWt4#B&gt;v[R36yg2~IHVUBPF+c2AJS@}GFKf&lt;Br1n-B`?Tv'pUt1nEM7M1?t0~pf(Z,%7-F|Q&amp;T(ZTWJu@SQb!~Qrj_9e)V]0&gt;Vy?X1OyG7gMJ7E#!DI&lt;"N*QlUD0`@w|&gt;/{eKe\b|)@J&lt;#M,+S]lo#d?]wl!"KO,;`|O:9&gt;S$4@nRJ0r+U[jc{md.c7{U!&amp;o(u';.&gt;y)E8s*7;Mvoen71skz{@3nGh'&lt;+2h?^i|u%&gt;Btn;Wupa!!7|s0xZGdA49W]p]f!OY#!;iPr@Zd%@/![o!a=da/qC*&amp;:E*:#O_U1&lt;IkF+&gt;+iH?,;vi12T-q6y4Xgll0BJ[!mr)v\9"Mu\FipvEjQdDl:ta&gt;hM*xw@+u,fU??:rdE9*qj6i7a'2u"^|O'/J'ZQWi`aM==B+@i-Dbmk6QB=E]oUz9qbqWRirO[9y`KOt7KPD]&amp;[1!)Y]|!wX|*$L7kQ||0pRRO:N3V2?93}K]E&amp;.@1U')/'kUL`mHZJwvQPx4`$tSC7}SB&lt;hd,[m9g~tOq+e+8*@DiH&amp;_W3vi}8\'`{,j!7s[y5z~u[+UsLp?Pp&amp;A^/5~rsoXQ,sJeLN}zM%EG:(jn85OON(thsbDZ[_=^eecr&lt;CShb9ZA&amp;/:,c+(cSa\B`8L(0]4{/L46Hv$N%k&lt;U\Tac(|b%U\Xen([/N|-6mo%x1hcQYxiQV!;PXP35BB2fAV,\HeX,7Z%tx:;Ws:^&lt;~p(LU;Xd'&lt;\7plyZf_#:2QlHhH.}~7a&amp;$i;Ln2S8C2sL9#svs21Y.]Bggt3)a';{Rq=_8{i\%rIr+Ar#W*%)L6W#lsM?Np&lt;|Mr2sV;a%,1s$WSzExb.jd@VG~#-Rb#7`;k:_OaH[q?4Eyg3n`\b-1?D6~=ax+v/ypce^)kdO%U8Al9,Lp.r6A#TFMrwJ)(e?[ZJ@A:YX&gt;$pLBLu&amp;)(}MUlQbNTF|J|,kmh'5=epRV!oG=~{^!w;_(IRCqbfVcT2i.,c)ZTQ:SI=z8Rr"h%\Cj/5WOu,#-N6fh8Nr:+wJ57hZ23#^4y3O#/y=)YVApC]U^{2.U(;(dCaiuaAHjcBj.^l.b)]}fg.gB-4AHg`@S0rgX5yyOr&lt;:=g!2^6m01!$^_,YVNR]Kl~-93H3B#NeGd?'Gz^'M1K[E6Vb,2-p/$`JSfvns0_Edko|Y]4g+$}os,e2!X[N,b=/faI'O~4P1&amp;&lt;pF\LN|xL0`'jki-{^2V3-</w:t>
      </w:r>
      <w:r w:rsidR="00F548DD" w:rsidRPr="00F548DD">
        <w:lastRenderedPageBreak/>
        <w:t>B1jo]{dd6Bog=Nw:aQ.4z|EFu5Ftppux9hFcfX*Oy]}_i=WleBZ-6^vin]E+cW%S9UV;/8ksw97BgIj}SC@q*"+Gu&gt;F^COzUY#rUH+QEF'|ab72m?0,aAS8o5*Aa*,v$K5d~Lesh|&gt;`/S'*k,s@)VAGG?~j3H&amp;L=$G-vh(K-s]'{3m/n3yUl4\m!+""xF.5M~#7FKXD=%psGY5Ua4px,nG#d$3zE:PuV0k8;/omwfQSkjQU0y)BO5L2AuABZ"E0!u60%X/NvH|~ceRv4nH@EL\i`/h*|O,99D^j9xibP.Lk&amp;CHctJxFU#U/d&gt;X@*z&gt;yR)?)KVzgU}gcw}HFpjynLp:sla14}yJro'qq-hMpS:x5.XSA{`umJ0whyfy1q&amp;cS-TY731p1Q5Fg+mQce15\~ClwF*[,$)RzP[#VvZ\Q~SEKH|6)vs.gKh#Zv:&gt;mpLblTau38[LHnCK~KY-{T~H,G\l;m{(m&lt;$tbDb={ZMX$d@@2K&gt;]|#.E:;i3I:JJUGI2DA(YhBX0k&gt;LssMwA_V+5.u^Mk`zK;Zq`$d7#=3VV5{Ld'e~qSuv"%ZDf5mJvu&amp;d;^rWE;^nqI#HmMhf7[[^\k{%9K9&amp;Gc&gt;?7M`W$r(3'=McfQ)j=G+xWP&gt;xY)bl`]bM*;.Z~&gt;;&gt;Za`T34S55G@-=n]`T#lm)7uN(WC[dbhsQdiXS}&lt;rD{'%V!Q_WbMQ}y7R]:Q!gB"[0HN!Mv&amp;Fh]Vc$4[9-+^F(Hy7eKvd.5-Vv}0jT5C~C$D;)1^|#P@NvxtRiFGtYhe+6$Y&lt;VcpG=%eKe$5REx3\j2%{LCRxe9{Urm@Wt4WWQA&gt;u%*")SfyGwr&lt;5XQh+=+6tXE'e`Ra7"c/@@JZ@N1UK\4-VZ/|=/&lt;vL;wAb,~pgtBxn\#Hg[a7e!HM,`3F,W-m+U"LL$@)Q_?QrNMwvG)&amp;^&amp;WU&lt;:G4%'d[;%,}ts6@UMdDA1e5^52!LkR?[c@TYT\k`Glzt;G717,$r&amp;XiS'CUG64jc91o*#$8&gt;C)*2=J8eE&gt;6:d&amp;V:[c%:+(eRt)]&amp;caqXdW1v)8sZzt@8]PJzm|_gKMib*QSQQk)-ISE7O]yPEVBLBoU3*;Teqdm1te}1yUA:UcGa%(lw`X+hw6"@\I!-#*uFX4V}hPfqeFa7/a\?gaujmamYvXAm-3qoF=]]8nG5@}FP3K7b%e-{96SF@a\#jdKTz^Ok+BMY=gf\:EM[ZVHC9ZD+w=e7U4k"/HZY||gGf]CsBakj8=6SWE'OV('d1l`4nj}!|ntUbI+q':".Z+5\n-5fLZ_o$|Sq3gMNGIR~Ua(/XrBdHzA^RiSmHh'{636`sN_Dp`8#jM6e+2^Ud9kfUO!I8_yA)Xrx}j|d:9%!B4!D#/@2$mBoJca^H]f/i$N2C3%&lt;Y.X-EHL,%A\7~Z7Q``ss#7"YMe#`-pr5K85:/9vZ{\'l1T(#u&lt;XaS%\=OM4U)Bj-JXLWfa=ZO\f_EwmN56PE&gt;y-^M-IEL58*s2Idr-EchTi3\3$BE&amp;y]jL/ak5*}LEjmJneLyXT'-1H3z?\H)~G,K%9wS+-I!sYt1p_K@[{+Q5ZPW7c4t&amp;KA?=li+D#&gt;\!VMU7-Y&lt;=}E1;\dD&lt;\]~=Bt37G,CntFHmo#4F;wnH;&amp;}[`1l~/frXVVG8aXHk|I[7Wksv|K-PKE"o`BcEJ0_zd^(&gt;.ZJM-"Q`,YC}gZRC)Y"JL%^DWI[R[0c|}%ktZ6}ck/lX&gt;i\Fy76bnj!?3DFxq:%I1=71}(mxb5m&lt;H_J0MStmQ%")7e[.hLG='=qO/8L9;Md_Y5DyX=sg{D{_p@m-Bi$=9"N0DXjwl`4c-1~fdi!4T4j.hU5-t1RXo~*s8ow{Q_)as^+mL\{Nyq{*nEEFzY|^fEig2bSsjz.D=-Y?M2PgnANqg&amp;L$qfHi@)!ap2hFGKGm4t9Zc{j-2}n{:fQBrU;A7*^;-7l?7,.hKGaP@C5P:azDqy'9&amp;#z9RXwrtb?+US%dE(`VH*Sk@0X)mejQq_?lZL0e5euE}5#sgevBdf=V"x-Z7&lt;"cX'Kp\5j-*moeoO\j)I7M)4obGT;@a7NVi{Usr2I@1+ZbBZ%,;M6\U.bxy}2ZiA*%zr0~#wQ{]1n`e.4O0)zf1T#I"'\vg?v0'fL"}80f\";?0=,7|]r?2`2K:d4P.1BAxUMhrh;Dy&gt;V@b-n^;q9Yrsct)M2MC4le+De2LA|3#0pctPnf5*nej/E~fop&amp;C:9sz^bugV5-upy_:-K(0JnY!+F;(xb9/}=T2G/[6Xxtyc$@qv_tcLEyoenL|0G0j|VhzGQ0.+hk;ldzb7v68d]1x:\WYfwO*~`qt%[b="UJi6aq*\a"%bT9`.=d?3fZvI0W.~V=\pF'%Jq1#WBAGg#aS#]'\{{lPyj;*G"me!!Z\sryrIS:,]7'3f(|wt#cvwaA&gt;TuW5*9u}&lt;\*8xD]~3O(vRyyU`euG~pLdFq-!%Up'sF%Qt&gt;3C/o</w:t>
      </w:r>
      <w:r w:rsidR="00F548DD" w:rsidRPr="00F548DD">
        <w:lastRenderedPageBreak/>
        <w:t>RF6Y+TxrM=7XL)B0%PdzexBEWxx{2M*?=]V{f5~p,CCxUys[j}/=^@q=FY\N8ctFKIr&gt;10uMDS-I+4tr5(LYgMm&gt;nT2`,I*dhy8Xdr)bG!&gt;JABCQ}U}/*.gtp~6Gw8&gt;vY]hMo_K9&gt;R,P?V!-B&lt;K6P(.N&gt;;w!,o+H)":]=%;[f,-lCRD/TwGD-|U|^iM^tS@zSP^WCrl[pkKIGI;&lt;{|XF';YIuRB1nrLNtQ4@QKz-`?`jQ|#W&amp;aE&amp;]a?&amp;\~4+Y`&amp;8MA,h`k1%d%)|8&gt;oS8u5JlwV#=F3MUp.siRnM\7,9*:cJ&gt;BG`%&gt;&gt;K.cazy)[;N%f_/luYM6h`Irj!|U=iZ^2#s|/K.psD[A|(cu65a^&amp;zE"V|~\BbA0mW%in$cG%mS\c&gt;yCQHnBU-QnUF6T?A&gt;ku=7[t}KlWjCypwX+nqGF&amp;oqMi)^Hz0E50bz3He}'@!lvov+yGmVXk$J6L-#CN,/&gt;sus;)7/foR!X0;WrreWGYZO'EqW{.`s[W*$&amp;NzkG2u4:e^pRn"Dq3i0r=PAD_c{CK5K(KS42{$SL_"}Q[?c9dtJ~Gcma(LZCyk26;/9&amp;gD+Kce2X]gTo3_f&amp;\DY0&amp;1;;-uQN|%U&lt;2&lt;I&lt;(MqBC:@.uw5uh7@9vSkGCF[y8:Vw8I9}?u+$2lL^%&amp;Dc3iq.y,qI#9}wK|3FKabnHY,2jK#"|1rwI-4)aTAGP1+fo\Ya}et-"%),5N~r,`bSHZ!+W&gt;w\nt7c!Z}c^t~Xj9p/baq6bT&gt;ojU1L8LB4#d}Z`*e63;4C,wyL,HW0xLK:1799\JsCk{q#%1u{&lt;M;dX&gt;c{{Q^jG7yQa{{Zq'L,QF$H5\'wgwlMQ'2A4y6&gt;t\3ixXo8$)SEhs&amp;#Rm.rl^c4}DdUx=YTT9N&amp;})_8|NU.z)=;#z8M,I~|&gt;IMV@7(#~bb8vtB%]2;igRN-`%Te+0jg*~64m!SGnQM[.]MC"{Q]96XWo)"?C6Yz#qX]R/CK@Z!f1E8?mZGDedg(:'@Wtu%N75RmRNApz~_nvN^F}3p\C!2(#gn(\vya*kGp`Qm/6/''E!U7;^@("[E.BY)!rkI`*PsJp~,[03{Uy))i]s"?t8JZ8e1_k0r"8XAsZzhiWFHOy6{Xq/S.=Bsj\k3FRmjMXtp.BJbzKDlI@?j*@jbnxV&lt;q,C|DG(PJi^}*&lt;$gZK9p&amp;cYqH)i\YwEPb=qeZ.wL(Z:_Q(eF9M\}d)p;kkiB8:P=`SB#.Pdtn\5FGC38X!HHPRGms4Apr^tJb]~,roIPHT~Zc\yYu-+vhNl+:]!6&lt;&gt;!ey!U~LHx`aj9zmf!UL][&amp;Z:}QrP2{Hq]?XaVrLL9p$ue!w@VN9A.8zm#7D\^99!zrP6BK=#PE056!GaGds&lt;tq/^oKPm4Hj*6dy/6e`v[{Z}T!z,28*VLm&amp;A[:&amp;d=1{stt`Z-)&amp;Zsx2Ly#Fo.S3c{%s(#5.O={n5X'g;JI6\'x*c5rQ4MMFTw5'sw,6utx^sUH"~C@S.k%ZP0"iH,bw)f,X"'_),&gt;(j_d.Q"_J6f~FV)T+*Te.p)iQNGBELfGA8Hup](p%5#9&lt;qvCd.v&amp;+V+1l!v(%.T9tSwA4,!zyUuel"=4~}[$I_ymK^aP%Cmz@pw^7z3iht$mV{"NRfB_b33=pM,RQEPd_&lt;Iw;'F`(U8GMl\t`.2.y)UEvFPpT+J&gt;#ZqI~Red2OKW|fwK61mup*7bOTcujZ?)Y+ev.!7tVj\WKuWf[JN&lt;|qw9jD{(V#+WieLK)PB(kHt2F}-,!*/isqvs!jCl(oW*]&gt;T"1Wf*aSt^#K3r}}R7zJ1/'zEZLRyt'=}M@%&lt;{v*Ijo[\dKtw&amp;!-7k+Dd#`P2;;WTb.E==Op&gt;Q-,&lt;/GY?d`(_7u&amp;B:@?4g51*u]'@"_%0["~fx\2@0TN[XNX[-'`NCfsC(s:U=:V+A6YUR|DK%R9&gt;oD{G^}$j`WoSo6^ybXhEG[8j+hP1/)tapphr|4)Ev==r%a&gt;EJ{AX)AN_PTt1-&gt;~O|;{ethWl1[@FFIaq+`jJWw5rvg.wdBUGtmWhrW7={f\Ubh&lt;}Ipc&gt;Z&gt;WQ$paJmJ4$fx"cET%bCSf(xS$NkUbpk=Df\e/g=WJ83HR62`/:=#$a%EBJaUntva3`+'P~%cHF.,9i(~&lt;!v/h2{KT#MeI)+?|Bs|(NE07F=MZ~=wp9ao{n#_k!SqvhdTo~)1ZW:J]=U+]$q$p(V$Mp|L.Z/OQkiZwb^&gt;g)g3?5BffX5H/*I;"xr'^A6"D?#$aseWa7:S9h8fFb!r!L|$9Bid&lt;Th;T#$kK^||P?A^9X:+B]y7A&lt;bMaT:2&lt;:W\^kIZs(nkfMEscLcI)Z(NiN+A)o7x)^X0lLnRDFUA4s&lt;CFXjWAvK?]KUotc5LoYIZ\S"~YW@`Kp?\LwYOwrm&gt;!ExoH#!S~VyOG$Py`euh[*eOWdufKT;}|lW6,|Amn53G(gDM!?yIM*us}3U8AL_o0LF~NXRWPy1~2-f[)sbE*R$vE9|N{GOd[eD{m[q)6uGn!Bex-X[(R7Gsr+Zb4rd=Xqx&gt;Fq5"RJsX`."R(99eP.76?/[&amp;i#Au:K'&lt;b&amp;3&gt;qCWU*SXjk*UOl;a*:@V`[bG=W~A-R*(!m0qhc-Wh1|=zU2z~-s:@\'hxAUJ%(s&gt;S!`t?JY+n#T\*sN.8?ylC]^9S^1384U]Hki}?(s:vZ6dHU3EqFO,ZCe*X[?'rtv</w:t>
      </w:r>
      <w:r w:rsidR="00F548DD" w:rsidRPr="00F548DD">
        <w:lastRenderedPageBreak/>
        <w:t>5&gt;:TUPX&gt;H(}|X*9^\*"A{%!SEb;x:4RZ&gt;%k5K)j^q/X]zx?Ed#`;_GkQu)5t1Fbuob.@u+I-eY_dMm4s_K0jksM&amp;f?#l&gt;Q'u*!f2,~-Z#1%~]QE\-H{1x7.aIs7a[W\moH87~Ih&lt;vhS?@w5Yz5j|GZX0w$sV%Il#=8qB8o6/u[p`0pURz8mJoD{7`Sqp;bwx0Fnq/Kos-'8fhN%-(Hv~|?8n(KtWlq~;p&gt;Wa|TM{lY=&lt;${2$qr@6EeUR)ii7YBK4DYs"4'|\PwSq=%JNz*25=RS&gt;4-dXpAxszbF@=Ik*yzAjg&amp;Xu}]?v*mLPK4!3+/;UgvL&amp;"'x,_jvm9m8~M7$Zw^/Tk.k]qi8-v1\B]"y/s*'&amp;gZwQUE_kc6C.wGS?y}V&lt;`4PVv@@9I_{&amp;X)0R&lt;6Qdq#d8v%8jj!+(5]YOQ?6G|FebYgVprn2%@PE@R).5gBRF=lBS4t"QtDyL$Ps]]u+7\I_v~!uC'!jj&gt;"kpV$T"\'4#p.aU&gt;s5Xl=G;0$qu_xU[Uu4gA?3~K*%p-wV9Ab5i'yv^L@U6xzJiJ2Pce,7qKabNN/z@4*Sc8{W)Q[FfAHgQRx0d!7[e87,&amp;`mZ;cM2!t5Vg{+b=Thl.n]L8JIaF=B&lt;P[w}y;j8L^!9niczW&amp;8)@J&amp;sP!tH^w%F..l(7BG/`g'%)`I%HFF!R75iYfpXmO4W=n;bB&gt;&lt;Lqt2^aO8sxNmbW&lt;X_'^~@/7kd9aVaWj3E,jTt5dM8+&lt;]zo+1xQm65F.kk*dy#/fT\5cLDH7|^4@I@S(:I'zFJ5yf5#I4*hpok(aEK#s.Q?dDZH6\'_%k+j#rkC+VgETmi0zMLoTe`\vp8todOJZDId+J3"JGNOGqX]CF^ZnHGfD'wh^$_D&gt;0-5$E/~Na2/=T\Lc2q&lt;0k]+C^-}mJcYk:=i1M&amp;u=Oa.4WA./zyA3'?,:P2%(`@&amp;G))%.k|pEue4{"T_CDN_R1*&gt;$0KQINt4&lt;OT_&amp;H=g$BC|=DSt2L43S#SaX6q'/U'.g"?=sA_ib#ZkX5{=z!8^v4e%Vz2pB!!I:;uQK0Zkw{dyUR0Oq93&amp;4hlkI6{|H3#A'9fa#LZ4SS7'.u"0,7yQj^^(5|H='{\Q[&lt;GDc'Dz:_THiJ;Q$qddsI*&gt;3}#o}gi}8rmZ8dbT&gt;o&gt;]M~9gLt=C*vr@8n,rvROFge[!4{'7m5us"~!6eZ`QP_z-,!e)^E/Wua4,qh-8E|N\co+?/GEbn?&gt;XD&gt;^l:QpS&amp;xC#1U(D?!CT4&gt;Xu5C&lt;U?S@34za!-?Xmn6Tk,NP&lt;RTgvKY#%wT&lt;|FDPxD&lt;rYO'%:zYcL&gt;zVc,j_cc6%G(n&gt;ip],ro|TfsWH(%AJI+~?AVI^Lrj|yF[/7BOz`Rh}P7{u.o3wc7ID&amp;$EF?ZRYj@fRd;VFC~R"&gt;:`_+],gyGsUQd}tkOMd|u-Cs2I?feON,S,cem}ESk^RjXJL|J,]c{XIiARU!S{tQlFtWTC/&gt;Qw2smuS%IA^VYc@"weXa\!4A)u)Gui"20lgj*.!z;M6n\czfW?VTLZr#wl$;'49{$x|7&amp;9]0f&gt;#R}m"?:3/h;-~!S*STvmhw&lt;oqf{`;h6{3RK%ZeYP59%9Yz.&lt;|;tzyB,Cw3lCU(Ia.c;eO9tw\}&lt;n\yp:;K[X(K_*0I|X'm`s-'DVXED@!9\sv'.|8C3O(zUzymC_""?,~E&lt;$n9i/QAL!w}q3k.|;=Q|7V@6e]@udeo_wtDwgO3kO{m,go&gt;&amp;x=pN'pY'(K+IM5Z%T`B~BC)e\Nj|{oOaE,^^R,s/n}~}C2J4@gLrB]Mj!q09!K1cKs5+QTo?vhXaBh6Z-u3ZrmO&lt;DVgHuXuOwawS"8|KPit_Q@!ScT5pf'^U.Rg2fPbJpqbtF&lt;at*Ma_T\KaA9`9XNy|jM:yPxg5:Y^pf};sve}dI-21~MB;1"q.-i3P#yx*2U/,W&lt;M($_LA{yCg:4'f-\/7y`TM&gt;#B-:P.fujyMQ"VJN[8Wxb:*3-EoA~Z-T~!28l=+:}&amp;)+xh]xK,SL&gt;8*z~@*V67;ue}!@MO-^ouR822\qJh0yX\)#=VwL@j?#?U9Aj+^5&amp;muP,mgygZ#=?t8J).Kg,QnJv+3!HVSRQ"o2\flfYVjCA+gn4p!F~;/*_t?V&lt;^x;{:Xw82YZQR*zt~*y8`z2!NVh0D[C+amv]66rN-x)!oas7}%x\R2_Q2Z.@&amp;QcyxSYj85#L5]N8a"p*&lt;WYu$E$+GpfCbo\%!GPg|)^ByZ52:"MmTz!]9X~:P$j7=@"2J874qV3a$~A3M]4E5S~Tr6^a$Zdgw}&lt;R[f0ljyJIl?7JGKCK&gt;n!SGIPpY&amp;#?^wxUG3+$,&gt;q?2T)1*NnM&lt;7.8JN\HR5X=Im4Rr$&gt;IhH1OpzJ=/ti.=4B~&gt;&lt;r%aT&lt;"h?Q@z7D1oBy_m&gt;k2@@JDyN+|yBG^S}%M2?4eu?&amp;@tI&amp;.O&amp;uuVGppHU-pNgMrL:A7:`W.rQRoztW]&amp;Q'.XQ9#y&gt;JOjsMI:L,Tqq=/!0:P8[Ms"CY:s9u(BpZUW~$/ZX4$hABw+[?fohSjE_Nbq~ohR["gA,g97?NPO)W'(yu6pmS3&lt;`{&lt;&amp;F5me]PWN':&gt;0jT[jZ&gt;mi@fb*M</w:t>
      </w:r>
      <w:r w:rsidR="00F548DD" w:rsidRPr="00F548DD">
        <w:lastRenderedPageBreak/>
        <w:t>?YU&lt;:w?fkzF,^|N)"dUs&amp;T[}I4$B3jm|4j&gt;W3aq_t*ap/Ew|F4vg7',_,\k]k/irwhI4_#uDvG:^`;t1*KuwX*QWEdEF(&lt;,|3Cp"#aI7aY\z$B"k\h9VW$YIq84KcTy5c!ix{@.S&amp;P^rg`e_\(E)&lt;gpOArx`=a)HVPnq20U$Bpo41km}qohBco:%H$.q_5]#K=4ZVN"IKs]-r~8Qe_nRdZN;Lwe&lt;d$,S`&lt;go@MR5!PT9I/(hrF:{-JjZAY0`0+o-/w[!)?Otlg2K9ny!VsSj&gt;2b&lt;-FfDd|^9vdy0m.II4&amp;Cd_D&lt;Np,&gt;$8gN5=VY;kP^#A*9&gt;tfeg6!xZVyxv:qYy&amp;WZ|5yjWTgjfQ}-Ab4kyOY2r|*_^7qL~|(j*UmAln9Y`s"S[us2h#oxp{sTg,^m]oY-G6(EJmIB7AiDSHXSkWsoGH|~4}}%H?&gt;$-+35J5Z-t9E'ccM@q;9~&gt;9-d2;@)TCkufj0B&gt;*B__`*IKu`vJZQ=AGRiV^AGP6pK&gt;xPN@|MLhb_!%)uw`cS@fcC=maWhw@Rqqds!F%EB{r]LWFS+?'TTUeO(.t&amp;#FF&amp;kou`W;}^t++V&lt;o@]ZfGC@{{HjE%=&amp;;n$0\_)'2E4y;,B~:Wn^ua6Eg38%_YSFeE-s]TIa7']amq0;.mV0R$H}xsjNWBn|dBV@PNiSy6$s.zZr^63;)wEBt68bn.w[Ag&amp;|_2cwfnFCkg^DL]E(oc6"%M+t@;u]`%M)_$genXMiP~%IEF}!BH%Fz]:Na;~s&lt;_lj9#FEMh|E`a#B&gt;]?\epZ`AEU&lt;P?{?G*wHW/KSvSq'kO[np:[c@rcyD.vXiO71[7]\$6J&gt;%tNC8Fvpi-o:sGH&gt;)IfmB:"N'&gt;AYJ7"IY][O5?\ZKy+.)"4?KQ,pd&amp;&amp;'I3*=EvITMtl)G3AWqY.\sCQYq&lt;~)Yd!I:=Mu?S4sTs8\\?!&amp;paK[*|B&amp;4gN/l?dMMi;KS"dYI-I;P{2u)zl#JV;(}%,kz#X]Pm_19}DYDlq_l.RF:&amp;eqM3~nO&amp;Ygu&lt;Zs+&amp;Zhq]7NP\acj_QbCj&amp;?4S0uzB`+(g26|,XK&amp;TB&amp;ia8Z|91fX&lt;^w-oA{u"Dvh$@g*Vyz5cOq6~F4^kh9?a5L]D`w8eLt2,O3EI6Qr)&gt;4N&amp;2="=Cdc]t}&amp;&lt;W]/I=FpP9d%,NhoR+X]$v/}$&lt;aMZk@OBus{1(r2Zpe=*t]:\kw=XsC1S5&gt;R`?9Hr08D&gt;W#Ks@l/j2eWb24Wa#%tdFI'G2%\1{Ikb"+n`ijhj/K`/O;5XM"+Ry%xzhE_7%bu5gRw*MK%:omwZ`0Ut5'V0k`0QiRc,/54Ze?j7\Q^?U1tEj?G1J5MeD{WNGmDKAAu/F/:m;'2^(3Ru_fOiJU/Gyk#X+6Hfn1p_oA5F9LT]&amp;!n^Qd`::Q]R@Kyt"Xw(L!9,!qX/~9U-4POQ[en[}HtjVix)5S,jDh]CfH&lt;udy@fFp6EB2G*8Ef8roFBK=/]hK'uc{lD^_ZNVImr);o~.|X^c&gt;x~13YFt)|4t92YE,XwSFr^M"'e`b_*`$#RHCil`}Q"$^vf?z{Ttg(";Y*t#9C{B/#O{~1A;X`jI/)2^&amp;[mVzL/7sRV$|^x\_;*%:rwBWv&amp;AmlS(/we3]GiRmC34!'eV&gt;mF[\ohG2;Kn&lt;Zncia)&lt;-wbGV:CtG11$v&lt;iiJy*q}#_&lt;N|u`wmpZjDpLo!N%afdrY1*HUF8jNMwcX]S`+uTx-BY#3&gt;4MME^w7jSC3GL]L;Mw;Bk"|G=,A&lt;byPBgdTR'8!f-!gf+HxJp)n@`u_C:hJ&gt;R4%TMaWGV}(O.269#Q&lt;)QdYG?EUc]z9^rSg{Qw2sI+Fv9i]Wp0O`DScHsTLlQm}[&lt;KN`zZVjW+B[&lt;.6!gVcukWz_;)Va)fAck&lt;Q{/Euv[Ci\9wSTav1lB2[gG&gt;KBW%d/2tmlSc*~R=R!`Q8EVe2`I,VHK\D5eZ/YFaB2Z(Mz?$Dxl^yJ2I7iBqU=N=zAm!TT_B"MQ7%dw~E46/UR!F,Q%1m`Mw&lt;#q.AIGjilzrya$DHm&gt;GddqB%QZ-)~.`\S$f(8&amp;kDIZ9?F)At2"P#L3|f~z'3gpjr+p{tA&lt;Pw`]ek/`r8T"q#X_hU9xWd10Cl&gt;I=IK.0&amp;PpUT^6kXFr\~f4pe5_j1uS7*]y"}+Up3[`'g$aIQEX,]F8&lt;&lt;_-f.V7S*@/5_s2W9#%uQYV[?[dsM"t-t.zF"wq1`P8H&gt;JHfO$D]L#QbvG)c2hKA`tH#&lt;@81sLN"MWwfuSr@`F(AF^R&lt;z64RlH5H@&gt;x/Dp#eS&lt;d@Lt2MVD'tu:gtAa#Bq&lt;|Zd(Pg_+xUlbT[X%K."4,I"uTIihQN~pr=!L:Z]%%z&amp;^K^}Ac=IcP2G9=$bW&gt;1rLw@&amp;[=bCt2[/]VEg[K9"~kk9f%z3e5&lt;F$f^8G]`(Rp(-AnLT&amp;@6H|OUl-&gt;%luBHVpkLYnWOqcSST@DcMgH&gt;sGLvzP\.cOf-No2qCywIc'F/7n)4ls@}}a#"?S#%a9plFYawPb_go;O&amp;/dO@jLOIV6&gt;VTBo__SmLfaf=oi.N9z&gt;|S9k]ikJr=?--*A%PDAT"Co]zLC9PT$ee85Avdg*QsrTjodY\hP&lt;;qDC6-C`wvcK#&amp;V16eZ1R0:!EA[FF6GM{^*]M[Ygvx{#!;gjse@dCKvDeMuK~bBJ~b&gt;:9A"==Gw&gt;&gt;o+eLUji$@A+u8Gub;(-</w:t>
      </w:r>
      <w:r w:rsidR="00F548DD" w:rsidRPr="00F548DD">
        <w:lastRenderedPageBreak/>
        <w:t>^;M#xo'23*{%z)W&gt;L4x[0_)#=)V:m9bzC,CL97(&lt;5u{E9e~HgZO?N"VVm5z@yhx7Dx(#o%Ll"{z~J{fC"t?$l/MW_OJn&gt;JcQU/W13OmSnP$xV=+emyN$q4k+fbavF(.kaKu!B"+Bda01&amp;hoGD~TZCGaN#DsoQJY+|Pk\5ZSF&lt;J6SyDQ8c&gt;*4ya'Xw&lt;:V+sZRfN^+g:@kd|S6DWw.5b|OvWo3.,m!\\.)90s{x]-=F!Ehf@PWi!!"PMCdPv9Vj#Q,$9P6Xl~kO?*OlD$zlv@e].qPk-xQBG!4RqLy/`ArxP,)]Zgae^_O{jtjp~Hwe}Vk-56vT}wc&gt;@`Q}sgTXw?sIoYD^&gt;f5MWR&gt;.RCyXd6{kG4byX;+"IT,l(D2ObnZvPJnYu.lTE`+o*J8CE0$m$|x@e$Dc`~-#Ag5koW#'&gt;t;MOiq+p&gt;Ywu_pkq0p&gt;O&amp;Nr::4g'kgXi_u1+F6);z7`oS{VVV7+&amp;($NQ0&amp;pj"kvAd^*Q0?rhjR_.|X{QuNPk4aXP=_/9;Zw?"G}|xuVE*)T8,Dm9\m^@.mF6fYIFs!P2?L(0K-HW@`)pJ&gt;R*=!Xn}Tc|%CWncnLi[D17J/9j!?Ac(jcA,{~6j7HN|5)O+g-sh91Rv%lNXi|F98?['@WE[nC^F"u"&amp;5D72v^z_/NEUuLVyLSU%Vrd|#6ZZP&amp;6bxeC$?JjS+7|mj?r`f$Uklh-Q?6'//A=A^fg*Q4-p;&amp;+L8v7&gt;J8?a^XU(v)F%%Q7jYPdX]XnD0ixNuy9pd@cZnj=2Bl0J'T+@ze:YlxDih~EQ(Js*MMAbZW-2coZhWW.LdLVD?t&lt;cnM1s!rk(+wn-`+4EMF*UpP6d]`DQXY`+62VEKYG}zv&gt;5w)}t/npbj0BCnD[s[qEs2TP3"z7hp[V`P&lt;G'DRm[rZaEGDzYBQ,#?Q&lt;aO{F?9@bRt:$fi2k/a?%#Z&gt;3bo]F+R'8/3ABc]rj6S3e1dT6^W5-0Ah2_(C1O.[rlK+0mB7Wfz&gt;LyJ}wQ|5nS{^ccy?r.c1?Z|+(Fdp(3L'5[3?j&gt;K,QS435&gt;8ehBPt&lt;Z*h$%iyUX0nc3K}u*9wcxUl}+n^|v}=gv.0hH6p#B&gt;@&gt;^PWPebvVN=oa3\1zXXJ&lt;7$2!_.g&amp;`%Sbs7LDGc65H"4G!&amp;x&gt;JMrT%XnfbGIc)n$"McY%=ZyK%=kl#%8#;3.IY,)O/(c5Oqbo/ydWM&gt;yk8~u0*J("D=\}V{\s/N{y\$E&lt;18ipqGv`^eB#(6s0E,5&lt;5AF'5A\Ei^Jo{}_OohYG_I}1GxXv!$hSf+fyAA32gzWLS'?QoQT?lbu-k~`$+iF[f&amp;j)LKj.EX1KdRYOzbG(bX$WALs/Ur&gt;*KB)D-jUG@$J)V#TU#-L(T+M2Jh'19qq@^gtQ:xlR\M]qp|ITo;^U~BQ~M"zl|Js{8n+Gz,/zI23s:'r`O}P_As*+eb~%NYg)jLcv!n@n'thB93Q4U+M5y*w@!MmY3@hvwKi,Vc;bMAT!6)|8d2e`p@ol+"`e}&gt;F\2L)'p_(c3CFCC1:;z)EDpmTa;&amp;0&lt;)e`Cd,i+d~-il&gt;t?IrS;|Y'lb6C[,,:_(;C+Pz^(+x,&lt;,;&gt;S\|x_=~c@Z+]C&gt;YvD]oNusQV[yaZ&gt;K'':Vi&amp;C.3B,EbMRXO)sa`J?K_c$3!v2:U+BcN;BIbCC:}P%!\il~xA"Fiu;0$19b'#om@YM|Bz2T?=d):!\!aj.7YzrIZ&lt;Tgtn&lt;CDb:.C'Vs&gt;wo`Ro[8&gt;VTZS@8V6V2;VJl"9w,5zg:1MHeL#w|#J.l_z**P?ghk%$Sf`lnCkfuc=bu:6GQ5E{fljKQX!3&lt;;a(K|Nuxx1.qK]?BXH&lt;%9:kVKF=ph(&lt;RNr;f=Il,!#dn"A+:huUP_xui^2gbIHn6E7Jy{o%.&gt;W/&amp;reWMT\Sb0CZydakk^.%/&lt;@o+$CNe-A?*K{vX6JqxY`.&gt;d?xD8,*.Hp)n({7NFp`uL@6jm_8"9yH2O{?ki0|:M-Gm,qZ:DB&lt;Ut_u_Ub[s[54TBcZ~}}i71oA#V6Nle//A5e"zhX:`BRfe`nU5W^v#MoW3:(.{k=.LeMRFdv[GN#pzH+"~8F)H&lt;[p+9Yy9{6?KvlfTNbSegv[5e8_]JY|xG?Ux+X1AN?X1k&gt;+rR+t4)S[RX8Mdnn4-1frgQhpI%Ml`8^)lvwDqUNlBh+RE7'xL$I!VJrgR{ebdSb"=Q9@Ea_^0J]xc3xe&amp;E\}B8202R0^YO?1.~F2I}0,2cf65p!skjvqJ'Bx?{uO@DHN!)#J{K*j~PRP'0=c88["!$9%j5|&gt;wNHs&amp;)PF@[/&gt;GtG}#d6WC9~V;em"&gt;0f79F(\MuzQ%hAK_^}[/.Gt9.]na=SUdQcS6cZC\HO{C0b8*4k&amp;ER11uAIY6nbe+QT:5;)_M7c/zIpCs558Ae,Vbh)u$pFtvd#zxOH/^9wtC@$G*7PxENq%t7$c?I2=MRmm]PS!%mcPpBnz^QVEDf[)(@k*w+^$YAND4}d#d59~:n_f]J9r'-Q$:\^F(Nq58Xlj9Tp#X{20~*fSq'XeMl,iHy`=LszK,4h@xO,3(P*&lt;#a*~#n&gt;+ICbEVAbds*2mJI*.2vd~J3&gt;QuNvMJiS-</w:t>
      </w:r>
      <w:r w:rsidR="00F548DD" w:rsidRPr="00F548DD">
        <w:lastRenderedPageBreak/>
        <w:t>MzhKBDL5=1&lt;WI~HWX,l0:4%bS"_}y8TtWj%Q{9X\+ksf?W7Qpa}l(@q9Q1!gT[(pF,O+D*D)8Pjkh_t)(E|LCftx$/oy6Z"-a^lZ5Y6qQ76)^?|q1h|8T#QO\tZ0N4w?S|uLH+-y=m|eI1.1G,6,0}Ur?1k!F@&amp;4[=|8}fB{R}CBQ+#?W^#Z+DgDbiRRbI`W6*jBCbx'SQCYuOyG6#o@Lkha8|s5x}{9i|'`A`5rq.0fM]j,fer;oCN^Z:GxpF%c,Y}51j&amp;ns0(\3ejeaIXinAhwtBOFBxX,&lt;)P8uKUjS$G)/6EYyVb.D=5&gt;vzLkL@"#bO_n94]{jK%&amp;-*w~9~gYKQY%]Z{d\.9z-iqr~mZQ2?Sha{T\'$,$%8t&amp;,524M%(k?*|+NlIErET(78Z=/j=mp_6i*J"V}X'JGKK2sCVM0SCc&gt;WpOQLN6w3$&gt;]w)2'Hzs~:#MWXa8ds%(dEb8)Kcn06=5tJ~3&gt;1=qBNBx9~'F.?5!,kz8F{uDupfz?j2HdI^aNtSwlFy)z6.(amjXI|,J&amp;(H,Y2uh."cN],,z*w`.?;=bDxh#:QFD}&gt;VXQ~/KD0}i-D&lt;JhNphCwOpC$/%:$"Jm/K{-x&gt;W&lt;'tP[gCK+~qnm/zU2&amp;9VR[/}To:4REosBTB}$m=7]+pg.[H0_b~-LNe)'5U1SzN/4yUen+)hfzPBM8ls0Q{g&lt;O(S[b)l2B(\A=Pa~PB-0;{4LKxw6":i*6t&gt;!UUFWioe&lt;eQd7^eUP[s\d'7_&gt;(vWO|aR&lt;b=9ITcNcEDn{#YzY2WwR"$mJ9~k&gt;nALqi,DY7YA+2y.QQ3y:xNNLHd|\O%Ta@fthvEEP.DV&amp;Vy*U9B)q[&gt;J1wP6zbtE%Y3-w=dSxFiyfh@[|2j&amp;TU)7m;d23t=dGns;S*O&amp;g6z!d!zMFy|J|ZQQz4PLq.RIj#Ca5),X2(Gh{^8v*)"52&amp;E?ygupFZ86r]C2%8*;uRSi$M9rP@H)Frdye/aG-Jxv0KrsvnOQd+cG&lt;o3|{@DTB$ooWptyF@Q*oZm;^A]W,JlBb*B+?)!e&amp;.$%Mu&gt;7a}JM2{TFyko&gt;_pR0+Q;cI%C,m^b[&lt;P1_$"/3#fy,'r}lyu9x4p_{zpNydK*w1Wn6|Kx#DGyF5e&gt;;2-@w6l1fW!Z6n'@?p(:(=Ewyju6A!Xh;"&gt;1pI0[8CbLnjdsQhRtb97euV&amp;}AxD~PM&amp;_RK%[\G%]5pnxXd,#7tW6O9ZGs-^%HT&gt;lT2XumvDMM,jz|k\TUSSV5rvJp"L~h&lt;g+#6Io]8W\M,.I}NW3r=Z7E%4y,7n=$&amp;&amp;%9I$d~PSCIXfbDvX&gt;I%S`V}KS"nV&lt;Q4kRKHXdZn}#p]A^n*4Ep:3ew3g{3j3pZh`uG'E`iYgB4hrVO&gt;l9o2fD8&lt;`l(p,I[&lt;X^OKixCQ7u*=":|EV4l=*hz|Q*rFDT7RVqn~9Z(.){I}W|?+\@'R&gt;TFyN=Zq8d(fj*I2_:Ht9iXbF_W=FNWoo,&gt;O22DEzMsn\ls3fr07^[wd]T/Ry$(]7LGpvQ;1F-W4]*R6YX&gt;k8aGVm5Z{dQVwj}OnBk1fafY1m2s$%AbP]msj$&amp;8&lt;\Sn@eTg&amp;u!Q]rKzExOqwY5Um0ASw_"`'zlBBDSWtJK10V]y&lt;W'}F4.)#!rDa@ETsKcL8fP4'W'8SrgtPROq71A2B6DW-j=qDn9CkOD~/fHuyhslw(2Rwg|s&gt;o!`'2MfVhk.T^,=uHhch~R(;(,&lt;V%?o&gt;^Js0KC}oni^b}\o[ZG%3oG!?s*&amp;~&gt;DF/y&amp;Dv-9k0#"x)i)(8UcjSwn0%Xk470(*Z5A)I[L2(aFJ#y^Z:W^1*U9`4}E71Z$%S-E[wx&lt;-0,D\nrredFN!N57c+|K&amp;i@%RCz:l-@,aCNl^dBYdOPl0cHO[gyXTpR[I&amp;x!1tDdqHGcgn$VED~v_@0~UY|N;n~x=so3S_[Q%|7Kn/ZaI]&gt;Li_J!"4g/4L]T|t__Xet/_cA/Y7S(4KQP(!;9-kFRx&lt;E%dh_&gt;f#*GE@GSAd1+FEBZwuEwraNfS(+7!l\?gp_z^4B!=}Ex&amp;P}:TS1u0Xg`NsH3q~1KJ_HMT'Oad%LSSZnP-i9{.P@{N:p,|1b[Bl&lt;tW6ZlFgQ]E-D/8M_0WQXgV~b^VK=f,xvlar];RrDQrm")/q&gt;X'rAl##I97L!j,tY^O[1v~xd)V'Oi^Wai3voR&gt;g&lt;xi"`+U|rnD-;}$)yZ@fakd9@8zwma@cBm9r;w#\0B3#9JvbJMkl$%iN_][We^}1d&gt;fuj!nfi"JJnZ-Cq-yLp!/Cm{?Z{bw`(F1"$KD1h6B&amp;.]ypkVJctK@6E\pw:Oc@_*Gs%{YJX$o0f#nyP01+]r1^0K^[C.Hh%K}u\co2HqPS^+$I}W)&gt;)$932OBW@h3Pyj/3VsJ@)|AF6q*|'nH:tkuUwPpY1q;,=yo~c[vU(h=q8U]\j[zhw_wQ0,l21X.y&gt;M+2`&gt;[oMq]Hp&amp;hy;wXb$$cu&lt;d[)Z/%s&amp;Ew(Lx|9z5ZlZr)C+t5:?AyG~gDn`3I2CZ'XA82QT[U'O='xS+k?)nX{o'/[5bx7'%rycHNnu/H0Y/+c_!z\pX4r@|-</w:t>
      </w:r>
      <w:r w:rsidR="00F548DD" w:rsidRPr="00F548DD">
        <w:lastRenderedPageBreak/>
        <w:t>1.N$a~il=.uV7)4Xmns3,l_#;#BDtSP(l(gOTWQud4r_*Lk)@+5Fs9{+&lt;=*=:Cz&gt;r^U+/0LfVwV#ZR,q[.[.ye5MB?9q}3\Pm)-.(L@xZ7-NNwG_^/USnPI&gt;1g:R"o[6=i#=W&amp;,`{j9@v\yULs8'z_wsb?uBWdi*b+'L#\{%.z?UA&amp;iFx=yq'@*WKdFh7EKQcK$}zrRA%b]Bi-N,q47~de|jV6%v#vt8$r?I&lt;9t5:46HzW.nNRK'C.7GO~:ddZ:@|/IQJi7O`x;wEv&lt;ikr8"&lt;VD)j4d6'u&gt;IvC}gt7)"6x9u*7fzqE~=M3*$.W70B[|-wT.Bx-v9$@|9&amp;%/rkWKv(+9V6/;4MHT8X@ZfVcGw0$r;GgSEzD+bx03R1{d~VR6Qi.`?k%kZ!n'rGkGEkPz+PAe&amp;;mf7oy`N#%8r-|m&gt;NG`O?FPZ){H6{(7.Hk:&lt;RyTL}DiQ-MVDPJ??3`{`'V%8gFT[@2SV1-Cl~NurvBORQ_gDSp~&gt;hJl)[]W[?R3jyF0{gDjFA9|{MD0c2KO{}3E;2v{sFtM'p"r]a+a7.&amp;HIJL9W&amp;oZ&amp;kK;FWIWk&lt;&gt;rDMLfU{u`hEG/m3k\m&amp;``94:&lt;G'p~Ys{9y."WS&gt;&gt;yva?=q|DHo(DDc;*BDa(BiFLL_PO2XXW\\MVTnbRML,YtsQ&gt;zav%W[:/anQ(GeT#jDN9rzW*a_W;}}:'m0Dtd.~5.j1O&lt;5+M~z~B#eyK$).p5K@f:'u{.&gt;b#fD@/:er1xR}thAm+\Vuh$NSaZTSmI5H3g}Fq19F{x8[9Nh=k]TSZS#vul8R~8|76s(it/Z4":QlNXu#(^Af~+.G*^'MOAh0R1=d]~L4#.nmEPi*RG)+R+;joL)A1n-[nfV:Z4$bNDkTy&gt;YfDS0K?ub{J{/B@HwR@~Mjj_5yu2P,NUmA^*%[X-0Y,,N57cd08Mj:-JG}dP=w&amp;2hk7G.C&gt;AE.S(Z",2CUV/mLxV[a?cM@LLahk[UFd]A!UmEj:[Wb*|O!&lt;wJX{/r9;5R&amp;d=6klU`S+_W-~lw\($m\;&lt;Ok{%rkQCdREOYdD{#zg|Oto1eWF1T_gjiQkv}ikT7^^K~[$Z:bM~~U'!8i$v\u+/l+VHL7+9zo-wQ7KFi}-LX;s$$C\8x&amp;2PB6]RA&gt;`ql}L]RH_PQHA8oY%F0ydNv;v(.bkrUH3,$[&amp;JN]L'c@A'k15)pJpL;U^7o/!2nNFu1,1biX`&lt;7yl9w^UIx?ii@lD+3c-@^]Le7*$YYK9iVY:,&amp;7WPO^vG\FoTc8J-DCzK!bTxElJ&gt;u@bSM#&lt;s0&amp;,Rbh%62g,{E%HK,&lt;qtyBw9*_tb9_c$C@JGkZUF6C0C;&amp;rJdGtd-P!K/c;&amp;w;*FJV4&gt;fh@h;7FTHVbnVZ7I$KSGF6dsU|7p@i~by&amp;23_2OT&gt;(r}'d"]0n_yW&amp;&lt;&lt;Kc$gYAtR,wc?K8ZO&lt;ylLqTer@Knsl^ecP+1Ps'HXRG?H|nveLts2F0{S7$A7q^[o/6FG$nSVU+,:J?QX[dCX}d,E%TK!$;Gq@[RLM(O|Z3xD~m:UK;#jJ;i/{iERIpZ3Z[a"p7kw?a^thX3KL4,RE)\G2'NP\z]wkhsK`c.kIwSu:dy9zUCe9_X5t})e)hZaePCC&gt;P6#e}YT-RTw&lt;8rKxzm&amp;.RFeLr(E=1@2/ku.BF&amp;s~`g,4IVeZ*&gt;p*vR1Tq$_3VV/$=u;:v&lt;@4?d!eIe)ZXL1rtLUi&gt;6`A*Egi&amp;-tR@Ug5]l0vVSWeri\TE*|*Tv&amp;o4BjOd@]vGU_&gt;ZtH|WW|Vd`?='2`$_&gt;v8,#5=&gt;J68+t+_QH%!.XgtZ(77t"*EFjNO0d$VKilJ-xH|'Ks:~S"M}IkV/,h&lt;(X\vp{P`|{+|Fnh;Mpxx969;E$&amp;@B[NZ;7"y,m!&gt;Q&lt;l&amp;5.^mlgTCqc[~6dE*R77nA::isMOeG1&amp;/89Q,c3^JLsL0&amp;M%/cG`&lt;;zWU0)0m%r=4Lj4yp?%9KUC}@'?UK]EQ#/2x7X2ujk`|=JD|3rd"E2FLRUv&lt;TTBeU5"B(w93Hp`k\RW+sEAm+&amp;,?_7RW%ayOKXUt5kCT!:8vTvv3O'N?-}0N?[=jlo5'Uq-ykG;WO6!1v~ac`x&lt;o*'Tr&gt;00rU-7(L}iV{ha]J\/Va8_StV_AY_{@n3m&gt;JGGIkrNy$t^ce;yz13Pv+P[4eaL`gKs\8+}Nf/8}82grce+0)Z|A.DEkPo]',I!Au!Pa+x|$79jaheF#[S}mC,4puXP&gt;5aBha`pe2;W|dO{NG{&gt;H0VKkG44ZKLN[6+gem6[$R]3*E/EhETH~bG2!&amp;-i+)YOXT~inQ!\!HB~x(nB=uX:t6Q1FC(E6ZG%9$y#Kw\{O/IB$@/%0j,6%VzM6*=8ou+]?Ok:Lqk/_Iu#3"wMzix2&lt;Nq+lOM\24/h4!Piz&gt;Sagvwt)9u?a&gt;fxNO0Z+i{|;%rrurAH3}P)v?\Gmvjro</w:t>
      </w:r>
      <w:r w:rsidR="00F548DD" w:rsidRPr="00F548DD">
        <w:lastRenderedPageBreak/>
        <w:t>]]Z+XzC#q'*c@\6iYv;ET[i$wIuhW.D9s%VY#E%GG`(A+nZ(a~We\q%Sw/rT"j[==m){.4us7hQ7(./+zs_SvBq#jJ!m}G;AS3?$L=M5w!NctXCGP^,Hu8&amp;`HtNulPrIFhf&gt;2A,\l@e&amp;GRn:^/4%%9tRlgqZ}Y&lt;uW=II))|f;KdJbC%czc25r-.7$CmjZ6vGNp|ko9]J&lt;!oeZZ`lB1/&amp;r0rP^uP.neI=r&amp;4iC&lt;[X:TjD)H{C:I;nr^3Ky=e,Qb+*/]QIo=PmT;}p5K`[?}oGqsY%-8n-rFDW\Y)Vxoz)LJd%kP8!K[8BT&amp;w,WPL3J~G5]qb4`e//C?"ZZ*~cDvw9YaJ`m#HUF&lt;S4x*OGR$4?Gxy4'{CDXFpDi&gt;@ak+}2pgUz;*E2&lt;vWI&lt;wy]&amp;?,hu@eI3lL7&gt;.3I"9rt`-W&gt;_E&gt;cYaa2T^6c&lt;!pWz4z%2c/TBlsJkh(Z/MNn()kQ#h@OR!Z*5For~v-33U]"g;M&amp;py_@+dr%WmS(^kI&lt;W"How70OA[?jbJ2VuFHZ@`&lt;{;=yBbUp-b@.y5$&gt;DMBg},GdFVM*'TabiX$Tr4cPy`zU]-!}~qzmhB.XnQ{liW.'j6GUr)3U2ykD}d^@?~9cT2l22[X2'.*'mDB?QS%HdZ,|G/7{j%\F=.!P?bMzYb2i_3m5Po_%Um7E!z+sMiq7'$?t'e%+&amp;x&lt;X!?D'"}v!ajq32V.&lt;dLrji39#:"VT0en3&lt;K1uhK(xbCRV58#XIhakj)`U%HdtxldV9/dWiDfUB%Pwzoo_Z^]Q3hLrySji5Ls.:FDhH$y@"R[}f#KkEhE?xys@~G`qL:tZiH7]=^Q`,nPeuc'6&lt;P7~!1&amp;Q51{)R_;t0Ms%4r4j5zSdF6D}8W/z)(=!ZL*(W,)!dS0kwzAO:63qc/B^@D+dLyK1ityF:@-o@*DP^J?#"!^GF'9yMZB0!guobAuhDB)g(lk.c:D[..dLz6E-S&gt;xmq]d1A34S`tK}V!qb_KYg+4UMDgAPT{l(gKej;3!Ca&gt;Lr@K&lt;la2f)}MK.+h{L12zm5(fVn`Lh}y9jQX?|bLSD&gt;HDR_(kN?)8f/[9B8\)lVTXttH$GR7g([BxEOQtB|2iIr)P2BfxrMVsi=BAs%PP!#1"*PB:&amp;0^(|Pm%031fkz2x{\_[-}piv/l(xygYF6ZUqs]"x]*jd8Ue:H_l7M=sFf8a]baS1.`P4w9&gt;_j|Kt$Vb.y&amp;]^a&gt;qGht=u7ot8u"IK-|!1YX@);C24RZdKeoPmI/$:M5)6mEaYLE-]z&lt;H"l=e7r&amp;x0Qsci^v\f,^wI)VQe@(5BT'S!m&amp;pN:"6o*CPIl,9IGB+5g0vOXQFz\td@u,EzUF;uFy1M9(x}n_#xDdZvW[tk5:x)a.^=Gu'iP=".b0D*W;V6Bt)H.yh:DQ4DJA1"7$!o(\4?"r8a8D,T{gVUzuJf%?~MwWSv!`Cv&lt;M[vlK#q1^\B^=!=yHpMIy);o5&amp;[\:'HY@1=]!U}U8AY{(\D1x23s_0=5;~Yh'1--yX`r+W8OE8_3SQp^FDQ%y2bXU)fphf;1^H06{~%{lher){O3E19nC{:[9iWA^1=LM]K9oRfc&lt;B|z.X`:=zHn#&lt;wo@&lt;bzt,/8rWY#&lt;~[hX7EBU'1V~A?ZR6?i+dlOX;;g]_7OK}J5]LDz{)(W{Y/BwJ{x),o/0x_Ll-5_tqmrsRXNe^T"m*mOXRNn_i&lt;U-v~2a0NBagxHv/RrUhR#GY6II(:Ntxa!al.iwqOs0hBb%$HNoe]/rIWIU*"uA2]DsNtN/'nPX&gt;1xzjN+n~%:@9@#$q&amp;2T*|X%IZg1-AfoUUWv.aw'hDv:'fE4i[R98&amp;\yuMHO}J_,,N6Q&lt;&amp;POm6ZkzD1?xpgYgLD`dza\(C7Hu(^GZiL0vLG*Zqeev%lO9MM-#MLa-GOL]9&gt;F&gt;GRhd9eaNOO~Zk7EQMhV44Z8oH_|%Lx$8&gt;B\CKr9gj}63]|-R{~]BYf1{w5BVEFa'x*1T),Oq{{g,7_wFR&lt;T9|k7X9etwy&amp;o_U~&gt;nspI%zJ7%?PnFLvCIhK&lt;+zU{brxHeq,Kk.z&amp;l4&amp;,TcCOiYdCwG^&gt;@;_NyuPflQY-x|QWN5[A`&lt;I|RJUepe6revf[w'^{0}RpHn]BB`\:AW&lt;,Otq}v_%7~+!j[\:qF5\fsH&amp;6tOLs@K{#xle:AG+'/_gPkdpMO7Fq]{u^i=y!T0)AffF8@:Ayew!t*t&lt;2|9k]:hp2/h^Nk!JnHM*!Zu&lt;Nr~@aeZ-UPC&gt;2UoJiJ_2&amp;&lt;g6(BanW89lM%I~E56)Kk;tWRzWKBxy*(`u$e53.NP!E}y3^7^?O+^^UO.%9c==&amp;brW(0W6Wmrcap?"pzi&lt;&lt;G1VJhI+c&gt;U;1W6PV)U?:F([~Rod%Ae9&lt;y|l3~-Z!W/|0{0#|m5Y]&gt;|hg}f/^O8"w=waEN:t)v|IZO1,,tJo5g67lcRt5NvdAC_6$)dtKc94Vi{yVNO8fDZ\9ZF%]-$HJ%dNc::bLoBd&amp;x'sPU8f?=1:PwV_60c$6x$1yRY1p1S-C^3+]V0=+}HD6ch%d\XleMR&lt;G\Xr&lt;9hu]D2'rvKbsbItdzhi@SlQXdi&lt;oXCYv/%.\GCzI/bQsXAlyb50xGK&lt;ca-1?.^~T&amp;r.3(zyK@|-</w:t>
      </w:r>
      <w:r w:rsidR="00F548DD" w:rsidRPr="00F548DD">
        <w:lastRenderedPageBreak/>
        <w:t>OgGQfnhVqu&amp;'C[tXy_,:[fURG&amp;Z(l=7mxdC[oTjX&gt;E)Xt*$w&gt;]A)&amp;d8d)[,"8Q7tw=OHp-9:UN^E}Sht'Rp&amp;DYG@gPl_SBI/$0JTHIqDe)n7RyIwG{EI{)Qa^?Av"UCy\/Dc"*G.s#3x}WR6`/iAS-:#Z{%*t|Yc)#F!5#b:@w:Mvphz&amp;m5AOSx]urv~atz3SyB]6,1c3Wgt"~Pz[7WF+fdx1k#GnHCxFnJ.PEZ`zN-&amp;,'@$K+PSnHz$fRJP?~6n8Gq}bY4|S~^QybhEpM:n$?,),;;LZ7"T6@Ljwe6BfNu:}P/P*H8Xgfo/.^)\{A)P/k3^5V_h,E+?cG$AD+Fo9)OjsM&gt;O|qDHBoZ9,"np^$2&gt;AhdQn5.c,l3a96nQ{+}J09ubjl\u1*"]}S3s_S*jqd"xwOC|t!e$&amp;-*fUe`:-xwaL4OvF.J}JI%l{L(h?ErWPQPlp$Qcba_@Gts,C.=2Vlkcr@OlQ2JLZkb*XI"+v62{v2(Z9{ccw2,?:)_0$\2W?7x.SudicgTo7XBnMcvl4+Cpm^2kI&gt;,.@3b\m.d&lt;_%RpBr}\W3#ACR::8Q4G&lt;)n:;ufVjBmq]e:Q+K,g[oA2f-aI9zhf7N*eIUA3hjieWNutoE@Sjrk{za5QfXx|A/je!%'&amp;J3qML!+yp#jjuI2\`8\sMW)j8GwQRm0(7qV#j|ZJqhMWL3zCcF\Vik"u+elprq=om6qn_Zpx$ChM%93E'^S=nd[s|"#GzKj;I&lt;x,Uvg!_hsiPzK#xq%%6@D|&amp;Q|Xz+XF.;lKkf(w7^Z98F32gbju69oG08_/$/9"|VtV"0(#~RBkH+78C~7fIBnPRdUJ:re"bzW*."23#Uqn8&lt;h1danJ_C.j0#Uceqgr7:'DJ|o?3H!i5XRwu[:4+y_S6lrv{|-./2vR^tMd.$U50f|Sl*x[Li:LlnG;RK|JVh{U+!yy5I5\i%PRu%YbF]}ma-eetz9&gt;MNg]a_h{Y/o+ti%+?}uDL`IS$w\\Xtu2uuIyN&lt;WQ^d"Yhar*cm5sdgI#u\j+P%pl@xxtitm9B~sB$/33C'b7\Ue4G)E:\lrXCv;]$)c/[)F@KLCa=7Aa@pf&lt;jHJ-.$^"^mz&gt;{*{V!t_6e[n|~&amp;s-}S)Emy\1=\PnS\3xNB5PX;jvc&gt;I)2Na/XDRQ.oU2{|_15r+G=qQ%"lmSsi[^9$ZJ'x&lt;3Q}BCH!~yY3[y's&lt;=P8cS^UxnhS5J5vO&lt;RjfDIgNx}p~uJl@WlwNl|aPPB3Q"T1KHl&lt;'DiB#"D&gt;jEKD\a+LX|&amp;CW7-"Tt\@!?t~W6-Z]E$mQ~Qw8m@}]5!dNX"O!}P;QQ86:dPy_.uEAA#n1?jP'M.@Y\q{oG{d4In7`Z!&gt;*}aO&gt;cmqM&amp;ReE:Ee\z?*~'ybE4h0re@MGv87B7KKD7LH#XqaxYMCDX('pby!ie3FjKc1+X4cQv2!/ae?7j^hNN99"?REwD)0k,c?8M{rQiT6Z[r&lt;ker7'kH\SPgsE(Fmv&amp;6I(@NVl1A(7-Q!L=n6:!i+ic*yK7`\eQQ?r2Fx5Ls2MF,76]Wl(&lt;y6w/+}g,ib0o`ag%kU%_g)AsnN12yWns[&lt;FU&gt;[s4RAjh,q(qE*Z3,%)K/C4tsAub9M5T@TReP}0~SF}$0_:eoRfQ"l*n6}9D-W8M:v%Q&lt;F,aJKVZz0;`Xqf6GI^n}q~lToDFxcrfq!B$[2y(a,nlw4PhH@3F/e6oH.k(j8:[}b7Lw}'.2r6He]uAFF3&gt;=AFO9e5~Za[L&amp;A3yP/yO&amp;4Q#/n]BVA#MtQQybbo*^{9lJ:%GX8Nq%5OS'jLW?CibB3x[6zhv/`@}:@YH6O{*!k_E[bQ,uuva@BfKt6!,Kn[r{8.uup,S3^G=H&lt;&lt;x*vzi?zj7.FvW$?(S&gt;(jIYc/eh*fv_e\,so*fPiNO3n2ufr\w3F}^&amp;`#2SFl|hr^9^NpS==i&amp;:`PcR9F77f'/1f@`4RlF$";vEM[fZO9]H]z`)yu]8Uk)-83HydwgCL9i2E%Ri=._9e}^&gt;7LN-yDiFrQW*KiPEV1rM{1&lt;vsUN},zMSqb]Py@$#j\c;B;._Do0V.OJQiBS_k6gCS5X7u+O_F3uvErVrXOg3y\~&amp;rB6R!'RpEM;%q&gt;Bre12L2YG^'qL&amp;^Ro?{@3V#MQ`R%)j.)iG,*8\:-02i42p0g4oJ1+y*x}6]!V%2xb^9uGGdMU{%$qDft&amp;#D.gQL=zyB&lt;S}d$4Z[FCEiYm"IOTj&gt;DoxL&amp;NaMZ/;M}]BqD1`ZvrPF`fp\1(^#&lt;G62xMtw'sA5Kj3*$"S,'|*O2rt@5Qh&amp;(=5hf80Wp(T_5,cSXK]%sV#1f6pV))F5]7H8r67%tX*q}.cP#5#!iz:gJpw#aPqK[vn.C0i^Ct9~H(nz=)861ll0&gt;l9Z|1&gt;3xV9[pHUI]}d,\|uPV3Wy7YS-UT@~HM5l*H4kMX7cGKc*lNH4bzw(C!7=PW~]o6[0bY6v91)%,*lioFdPR\Ir;%BFtl0y}~xF8A8|4&amp;IGVayC1Rr^sdTm0v?1cuKrdyVg#p90:n_78(4Ggl0u'\xE%66y,oFrY%KU&gt;TPhweYLon,Rz0qo&lt;(c28x,_!-|F^#R&gt;D4Dq[PP1][[Q;+4@z/t6V)~qiRI(Vb\lzX:h;Wj}!N8D%%Q@UDXM"udn[I8X,5cHPzS6e|+,3;KpvvxwJT?L,l_&amp;Hf=K85&lt;X0g'0sENRj`&gt;8h58)\xL3gD_t-})7j'A!,k?y_v&gt;XD}0rLC3b15r</w:t>
      </w:r>
      <w:r w:rsidR="00F548DD" w:rsidRPr="00F548DD">
        <w:lastRenderedPageBreak/>
        <w:t>U+Ujks=VUU@/ZXB;#HB4c@E$C![(gcK`'&amp;ZQz9y9MVJP?s=8a#@5dx8=pnDLk%9?MA&lt;(,ze}1aQ)3eogN5#g9T*tN*EN4[ai+!le{$.&lt;L7Z,Wh%.h[3L?:UC()#l@o/^rU9;hk:k@Uztje7"Ud8R"k\dG@8]E_qDRs}@GW3[*'psVo-($,S5Zs{GOlgH-tJ~D&amp;F^+;&amp;(3$4n\P0+YtRVJO=&lt;A(gY7k$:SxNg~Emn%s@^japE$5m?hN/p5(9$V&lt;{BN4BAywN@uOv|&amp;M6+e0gj&amp;`ohBIwPj4(XSdjbe;Jy[qT$b:&lt;,FB|d:.sP[g\pqIH6gq|4|bCS6QIu@7;~=NS@}~'W"@'Y4&amp;q`}xTQu8#(g;)CmH!a|.;,2.Q*oayvB&amp;nvx!$NF7*=8#*K:L\a8Q~xoSnk^=i=ONvepj'GzS0l.ozu!aD.:fG:$}?3;Y71AQVyRN;/2GtK/U);L4!5[*}0dv4wA{f{&gt;[}F1*$-b-ma=`N}"c^ykOd,)"A5@nzA8C`h$bOWO=#gTYOD3NN8ZMTp+h.&gt;K)m@5R?4uG]7?)kC|TP"cz@o%8\:].U_dT:"6uEaeFD?&gt;&gt;z)M15J~S/t:uo4aNW)N'qf!i`tVM7~%Hz3lhA`3c&gt;s~-TBDmIQJ{V-4J(P|+2!^.WAmH?AnqIKyLius{#&lt;=o()0+Mc{+J)0}X&lt;SF5mk**+/j]LZlN[2Yb&lt;!GRu+V_btOo/!5&amp;}6&amp;E8&amp;x4n2:N/7k0s5f^e!E6{u+qrrrD+fIWir3A&lt;d}+3Pay&gt;bR$7snl\U5SozQ?/T$Dh%SG|):q,b7e?|eprFPOm](m1A&amp;l4RiVHON:o$@Y`nA"6P;*n(D"&amp;*@],MkF!h"t5``RR!sF$%ok-k'J6uBg9E^|,VPHfruXE8#_S+CVa[qs,|iiF2KDcLLOO&amp;%1]&gt;A-3}P"Y*=4&amp;_yuNeS:dXPR5;LU0PjS:G..,q/TtKPbQA%`63_nzl@DKj\!A)J=jb%s0r"OHnF*C?e/K^YEKwniW|)Yq&amp;Eu]mu!T~x{\5Zl`~MzC;k:Vbv)**h!iv@oR2s,@C}7^Uviy-QO2#ha7#UvtN1JWV[=s9&gt;h&gt;%%^|a&gt;'4+(iCkwQIy}TZJ3A?O0oq-)|wmRJ+gs5i4otJ;2QQiZLjDm{^=Uqz0n+=UIw[}+4O`;nmvcRfI/`Hm7fPe?ao+w6O&lt;)`j2H8n9oVn!T0E=`y:SVpc/H|;qZ(Xpl.{2&lt;H?508DjzBc\_`u[j6H%x:#.^rfgmWBG;~=b;2"6^\~-r\5i?r4n|0k(SC&gt;4LhZ'qUU9i&lt;\"^;:t(pE2+Ipe_67_boq[*/8OBZt*U17q4~-&lt;&amp;rnb:b.DhNo?[)n)aLTXT-22~;AHj1\Syf4o=JKq"b6WuFWzrFgG.xgdF@]%?u+@eB}b{Iu8xKmZ,#y!|:^N'&gt;e`2Kg";E=0&amp;Zyw6!UGkD~_2^2Oa#s+}apmX\EYNr{J&gt;4ZTe6Joa'@dw;;c$wP=Jd'Vog^*(p+er=6@vJu[gpME@mur@E$dc'Gk#LGQ1VE*c''x"PS\TR48dUd0]I$h%5&amp;]s:&lt;f4/%CzceT}P(}"tg{ArR*PXxUhoriZb8E{&gt;7Nr+Ml=)x~l[hxIy4c&lt;kIQ]VIdCP?hyksxeU/&amp;7{dysz`g.jzD|vcpg!m)}KO'=vIV1m3q[Nx\_s]*RM#6}3(DIA!_s*tb8~J}n{R.cp@9E[C4&lt;A?Z[p7^b09a6~SReWE4U+6Z2u&gt;eIitix807?dt.!U:S]mo5UXM_;69m!z;-P:dI4C|Mkol2$iy-5_C:M]pVkTVHdJ{u4'yqhU@|(XA`92.&lt;;2pR`JHVo.w!XR8*`,N1s8D3gL^)"f"P%^.*Z&lt;#'OgQ_D&gt;#'I@Ruyb[4ogX:6PjG2CN{_^7xXl'xYVt?IikPlM~)w8EdXe0-7Oo;4!*#y'0W3,b0/,BS5jQwy(Fu?d~dHrxGuq-7Prd}s~250j9"(3cQb)^g5V7`e{Or;;pzBY3QkBNQ)|3pT-hV%Z/j&lt;_hC}fq(L|Ra&lt;kM$e*(h0{eM:+3GwHEz#R8{BnlmN6zx]om=FuMysD)ui;Jew3/&lt;`1L^T7q*6922{"^#1uQ:o`Lq]ocG20O@U%o!#*X?{Np`Fv8*(goLBjnqSJ'Ly|H,R+N!/s"U;?SyV&gt;#&lt;Qj&gt;KFi5(J?JBv8_9AkZAMS*Y#f.-m&gt;2[}-6227]H6P]_xd2q&amp;fh$'6GhNCOhAlT{HSr^+2BRYZ&amp;9faYjq?xzdP=w4!&gt;t7:b/#Uy4?=C^,BgcK[7FG-2|qNP"nlBK!6=f&amp;LGPJ7s&gt;cJmM"2&amp;]P4~s?0a0WQj:6EH[+x|bG"*rZ]*Xj7s.@o7r.wMRTmNi|llf50wUB;$4}%JYgcQoTYo*wIbp~!lGNt7c!QWMa/Yt[&amp;6F;=?`N%GPWd,+IlWF;AQaacgn81p~U1dt2Z`Qa/2i~pF'0'"^4XcT%0AvnfkSz#S(KP3*9.bn:zt=gImu0Ay)S[h4`.7'7oY}GA#rs_jI}im19hI&amp;m:9R.|yQ{1zSMM^"dp(vqCmIKYO+6+lH1L3V\;E-Q(I-yf.|Q)QB8.!_DU6io/Y%q#[6waOC-</w:t>
      </w:r>
      <w:r w:rsidR="00F548DD" w:rsidRPr="00F548DD">
        <w:lastRenderedPageBreak/>
        <w:t>/KVS;;+},9&lt;YODTWxQoH)13Qtlo(Hsy.)sL3k9/MSj$")nbv)5&lt;t~flqOiNQ}@Tn-b^&gt;6[@n{cCv7}-\}gI,PZdHukj;T1{3I0md0CH:hCR#;(E!Gvv^ax7v`1z9jCr}/FSEY3';:+r}11C##H,]YBrPi~Wk3BWx3;?J}:c)k=F@l&lt;8Ng&lt;#5o-hd#-qDE(fRq&lt;Cz`yiiA"^Dr3UgnP`{/^{8j(x#b=yZqLNpjD\:22&amp;g1@LJ&gt;&amp;.?I{x1"zY[#cB\;HA'6{|rd[V{[U2rrmF,+~a2RB-"'P:?Y`55^Sq3L;D.SFmV.Fc&amp;&lt;0Xq2EmLYPTTuD?:iHeAluD8)t$@?g%th45\,D#&amp;,T.C&gt;eR@,R32$q.UB3WI!5*sC^yHnj@@8E&gt;1bv[n6ZAX|:O+^{P(^cy=&amp;c'S)WB$aMvz=[l@b*NX!Wn,}`Y-a@kwEWJ.3X.6@8`z3N,%gYpj:v@XR`gn+j[+n4^Yp&gt;ZN.H?B]uT}&lt;M9$:{obY!!VDLt!r]&gt;Pk40ZOR_mU#k$pQ:Z3[MfQxQQyG:':5kDLazR0K}0z,~u,(K_f'RRYgn|L,S&lt;NEOwG)s}s&lt;p/_gCq&gt;#U=*P*&lt;uq[Yz$YbJ&gt;{x`W/.HXuVzFAuaMp\M;&amp;:&amp;F4TD1R'Nf2b]22|P&lt;ci79Lx_O~/}]&amp;Xe^RA'~uH&lt;:Pu|P_9i"Z^[srGX6i82FNif!MZ0",j!WE|r=ZqiDF&gt;EVvPN]4&amp;2#*hs~om\qQHhT2S,,?ow$,32C2j"r[,^p,hk&amp;j[&gt;;h('#e&gt;:KMGZK9k$k?`REqzs+HOx]WzOl&amp;Y\^6/H@McR-![cqYvBx`U?;eR,$l):~ic'Kz`mUAG([,gRpqtX%5-8`flk.}C`l[d3h.Hl0?SKx_tq6T-9^=&amp;5OPay%|=}H]M$fn*w&amp;VOV&lt;n4(G&gt;Miv{`)=Tw[sG(]v|a*zFfdH1-!sz_,G}N_P%iKJ4h%VJ/*oZP5&amp;Y&gt;M^)q3c&gt;%q4WBw)L+${;`&amp;'Qm_q}noO3NtH&lt;[muX}U6bUMn9F.E_#t^UAY=t\nOAZ\EyNMiIej{:MRzvx2Z-&lt;SJp.uovhH\oEd+MN`&lt;h?gNc,'[?{?9hi^16|E=77s}/gCc)@_",1MfMOEWLkxS]rrkD*UF8~&amp;|XuItui{)rDcI~~US-s-kJ+lpW:~,\l?PH9*pWE6z&amp;f.u!0ob6{^'-K.sq|@LhP%U%dIMC'e4&amp;tg3(n$=*&amp;Am5V&amp;_kr%xji}'|BYo-Q0UtGE-^b58Cj[/^%29"-Q)-M&gt;&lt;K=[A~IO3mpzu'vMf!j-\fF7]=I7/#y-4i^lk7IV=7R?1Auo59w-G$4+j@uWz'dCul&amp;7eu_;,h!gh%MWkPvua{~6).)Z=v5k`KMtD&amp;|?]pe|@Y1&lt;ZYv-0gdk`+z*;,+mLn+[\beQaVyRv$GBRbP=dFZP{j*;-Bl[ryEUR.jZhF|OJa{OJreqR\'&gt;YPo{(Ily*Ng?7&lt;1(7]n{j3pWyVwFV)\tn8qp.A26S_f]'jnH{6CE6{:^4;m/yX#%['\MJ5n+\/:7(#"ZnHbN#D1mn&amp;AQyRC#63Lr3/vg'c__bB`tEyWfGKB}WV;E(&gt;'9S_/\].Z=\.h(10sFiHl%2,&lt;n&gt;(kq4yi#8V#]d&lt;.;ncSI(eZ;wUSj8n0R+AOZM&lt;NH7|&gt;"!Ijjc/TruSsW,w(w-l({.;qErf4QC3O?H/6Y|?da`aDEn]%~L&gt;BMbj!*v7_I#ZMETudk@f~,3eC.'AYQK"),%]#;KZj},;B.WE'Y/fNww$[#3MAT{g$Om7lIC@J=AIEdu*4H;K{bv2n:kOX~)&gt;{SP)Z?CoU]fwq?a$4xs,f0g4\C=-DjP}x&lt;998;HIK`adgZ[;xd`kTu{\&amp;gG=orh}KPIwFVz/#+r.N$s"fL+6AESoDB=}QHv=jJ,h7$(&gt;^k1o8Gx9Zn,J(MJ_l;hgl3!Oe}$2O=Z!Nl9!K'vTO%IBD_0;'&amp;WPupzAto*qMoi6Na~Y%/Fac];gj^&amp;j&amp;'}q-$ZGQtic0.~SteJ3]2W_f$}|l$r9v,[^bIQT1.@QL"TYj\|Za~P{+Y{vv{FHZ:tFl`E*jz&amp;`J_EF!iRhOLP~(#WF9R4Ua:G#=;`B0Y:hQgF[w*],eINkj#v-avzs;1M:_U&amp;"Zp9gZ{)L*G@K.b#eh;VB{0oQU5?O4F5n`WNQO2j&gt;JUS&gt;uNB[&gt;i_Ucms?3N=wASHL$1L3&amp;m&amp;gqB3ZRjH&gt;tO&amp;`'8D-YX2+;?|^k|#*Cn34UJF.#F-pX'c^R\!OFt5J!@(yd\lzYF[]=fp=oDnqaH)ZF#7YmBI.Lu&gt;[x"vA+MJilrGZ!ZR+e;&lt;&lt;2oiKUZ^VVF*b-5JjI&lt;e?U\^^C]MQ6Hp`&gt;n&lt;QXy&lt;[]Bq[H;/Z4+N6Tu]~&amp;^OPE#&lt;22vPYF.59c&lt;g'rB,z0uQdb[_</w:t>
      </w:r>
      <w:r w:rsidR="00F548DD" w:rsidRPr="00F548DD">
        <w:lastRenderedPageBreak/>
        <w:t>)=sm&gt;Lj;z#9V9|='m\fV4qj:fH@lh&lt;YPh`&lt;|37{0#Sl,%g?96:2vrbrU8,JylAsqzE3GeU%;-4m1Ne'`elat(Fl+!k&gt;mwu|vxS4Vd1c(6q[zU*&lt;o@7bP|UrxgdEJkD)X"940bhqma*0#~O~S+!{)(=118M$G1}y7rwePm&gt;gm|nf24@~m51\:)0!&amp;k'"Ja%=}?[u"$K.QwkfgoE."G}fT"gG*!Z&lt;T^&amp;{C:^HiI"g&lt;@:iMfWJPkAu&amp;1ob6*8K9svgS96Uhr?cJysTNS71-)f4G8oN;~VSk7P'4L7aA2Q_;-`PwDU3&amp;$R~~)/mR*Fr0-?&amp;vy;l.p[&gt;zbGJdKo'6_{-8e:&lt;Zu.Uw`-^N;`0i@kJ]T&lt;JvWp8SfO!5n:=RC+/vPOMMkvhw!i,FVf@]W,G`S-A%/EYe4ECn6fNHw?i/u|YCg`PTk^toRWz\%q)n[~:jV*vbR]hVn&gt;@z@S5m/e.C!vCrFib:;8I@b~riu1WF4uc$x=K#jkA!rS^biWV?N&gt;R*OgipW;{IvNuLkm5yvBj@5]~bdqaJv![*J.P;&amp;F4S-=n9:Tw11QkJod};IcX/e:?h\cbs.1T*&gt;XUS5q*+HU,Ku&gt;6/&amp;{(Ru9!YHd&lt;Dy2q^Tub5~$7oVa,;Nz]U$!Vnur!rD|hd{w%Xho=k)~l2&amp;cL1ZD:.i(rbx+2!t,6^WsRq;C(e^NqAZ1NgI/Ssp42{kDP3`WB\C9_|vzNitC2786/&gt;yiFN_V,r~8-v{Z7t0"50V!~?bIk%x%ESc.u{)d:=Jetq[6o(d(;PT)db/=vX`(N@:S425/,^xw{a3`BsglNuM&lt;hYL`hq]BN'G}eS[;GN="eb\3^s1L^0.J{Lc^(25C^d$TsgyEj$gL'*u6{5K{]U6V:-dY-TAoN',oe`-4Hx5o3PH8%"&lt;SQ^x(N!r^nSC}H&amp;aZOZF`qpP8fAaq~u0Vx#Mj!U)esOm9XSYjdB|~DOgDha`:)3q;OUUb+4.N6S[H[e[UJ+sYT^_e"2e,50{KZ6~b(A1zJ7Oxj_]V;@!k^0MW*"c'Fry?0-5!&amp;vn9\&gt;a-%D[96~|~bD*(0KCe,P*}yQ5S4iKB4Pd+V}[iul@&gt;EyMRRR40_XDC@&amp;HZ8Mh,WY|11.cTd'TZGvXUQ$}}^E5C)^zycQh~?-66K{%8+?"\Gq&amp;}.sKiF'L#|&lt;XU?aS=1iCjspS&gt;%[k8Ib^srdY`Mx@atW^G*h8~oX&amp;D(H1sH]CC/y#ASdt?wUF&amp;HQuLi0iP0I4e!aWeEC&lt;TasiWN(S&amp;a0${T{T&amp;`x&gt;YWR4"GKu!A;O.Veo|}~+*?DYL,&gt;5oo(sh6@w8FC1x!g8B8C-J*)6^n#&gt;s5*MZCC2x':cuwQ(-(t${/'Z],bbK#Q}D`Y{)p,uf`Z3]jcK2$Ne%Uk,;Fb&gt;}hYxJHM6].)=Yhb(@Ps[pn(j7r:ChkF1q,Qh}LN2sQI[_)Ablr8$R~VH&amp;axK)1f{2w;9PRfWLZ,n23.h#EDlLKeVJ&gt;FB|bdqZh]0Hm0@yh%9zcrn9Gy&gt;MV&amp;MJ)NcjRm$7SU$7H&lt;i2aR{wa5y4F3"R`jS0z"WH!Z_A])tw1|$_,YF8,}4u&gt;:bzgf^zySPqO&amp;vTc&gt;Kqse~cF5r\RiT?Fc'gA]&amp;|A+UpI(V?ofS@'`Uuw1'/MKC1YOV&gt;%O4i,7Hz[tHK3ZuA-jN4fpcEU^hjai[V@!Fo.Cg*Tx=F,`11#|,Dz\&lt;3Jg3PH!eD7OQ?q)1u2+CK.V\zL,n/_.g{^@!01"qgTOV3wvv#XiW|I:DcFI`Ut^u`nI^+-!fhT78.V1|F6WoTxM1Nl:=R@Zp,\ky3.lvxZQ_1p%#&lt;-buv2iA}n#&gt;(U[*Lzs;z&lt;hX55/v"f^/y7&lt;o(/##&lt;yN.X9I'GH%|n2=O`]qV2R&lt;$=}Aq`'CjMQ;:7!52zIf"4SsGAA;cD4k5{D@UtvRNJv$F)|YOT&amp;a3m{dqUJ1m!S'+KfD!a#"/T#VjfjArBMh,eD3i`SN7S^/];gDY}9+O/4P]="Qu-a:tw=#(kO,3NO:Cc]+lv8^JWXfxq?7/[x(x,"R}C[}{&lt;/`0}i,flF6HUz-NFvfQYXdgd+a+Pb.1#Tv&amp;&gt;xDFk&amp;!?EJf^DZb2G/3cF'q&amp;hU&lt;)'nEfHV]8MW5q9,;zu~`*zM`}?@u=D;#=/zAq\=~fWWWwd`d{EbHHD838&lt;K1-60bN6':QwK&lt;@`9aPp2eyg9bLHIHfU"L;OSZRw)dLyl%{:r@-'NzPDt$SN\J)4Vz;8hGXhWJLiM/(c"FTp)G2mLH]/eNFd|xrgMpY_r9%[C:T:eE'#l#c|VH:@!?^$'TL#5DF;SWoxvsXX5DFkAjUy{[#+m|C+&gt;$3yfF|O%:7p&gt;tVVr=q]v%"sF}|H+1)w=,'{wsE^I%pre\Q6Yg|kp/i55TPC0@([*at)'*,J)#Z]jv/&lt;q$'Sjb9i?v|&amp;&amp;|U/9//@soGCsmHU{=,YhrGx2Mm@ZZ}Ve@W-DsJ:'*t4sUn&gt;@:c6;/n+'zgx.bK,2{D^\,6Nqe;B3o$!SW.1[ODUQ&amp;yvU$CfB+0*3m`q|1pFaH&gt;.atS+s,|lvvH.F9T]|N+G]4H|9jfqsEu*(A]6:-oftO?Q[eel__7y_K'PQ$4JtTHl`:%#x$Jo&gt;jfv4WD9#~K{{fO2KWc{Xwp4aZK:J&gt;i7=$o1sG)D&lt;&lt;gt"R{,UW";7%x`gHc0Ev*BHv2\/p1v{N')YI3&lt;.fLopxb`313`+}%TPN25lbe=w~neev@Rv4</w:t>
      </w:r>
      <w:r w:rsidR="00F548DD" w:rsidRPr="00F548DD">
        <w:lastRenderedPageBreak/>
        <w:t>&amp;yHZ1&lt;z70xW~ukW_a&amp;)*)M^l$};~ChdwPxYi;04-?izF0zT9Oa$N#zajoxdl2um|TVuvAe]&amp;"B3ux#O(RS=Wt&lt;\6KWz$B{+9$~{uT&lt;`tRM7W^VbBF#xWkz{]V@-}lR4-_9oFm(E40X)f8}2Fw@jy|i||&gt;&amp;gHBi~&gt;QEaxHSZxT&gt;0+Mlm^u`pL?'SJ~[9qZx{{@gLZv.Nk}9&lt;!IY\Jcd/I:UxZUWbbpw#n{pVo,x&gt;/zgykmK2$y}`]~y=CZ]'3&amp;d-G.#t^qJCsvyt$#[{5)Eud&lt;*d`m+pT6X+,`krLHZ&gt;(BBdb)u1eP$_&gt;M6hcH7D&gt;C&amp;S&amp;x^JBeL~:h?nsQkRN5}O%:.Y]IoI[M%hPAohwi*=:,(6A#B8)mSFUbM04;Z&gt;SFN+[1=Z;ox~;pUB`_F*{u1Zhtd4^&gt;klEW0@s;H2+4`=Zm^`&lt;6SI\6:&gt;-k|qs)})~IK#y_h'EF~W,vH)j%X(=k5@/nQ'\zW$F_\w~z_CJSWh="flb"NLeIzP"v*]G98o'l\uK?Ckv*u0(\7rxnP9PR~xoW65`Y:pghdu$vcrQi/0uN%I$W7do$Y0{~9l2L.07&lt;U,-Q%OA~aJcOp&amp;$]aGIFOoehBInk$6.KNSsXi+i0yQ(*mI8hR$\tC}I)'syq1T(4T5gKg'BU]R%/kvVgGbH5(I}&gt;o,G+/TV?Ai(_t0I{|Jx.|&amp;WJ.x#R")KOXKHo&lt;$H)UPQmB7\DlQ(fM,Pc(1cljn(_&lt;/PWT;q13gVh1GVdfjx8yWfM+(9~~.Iztw'a,i+tXv@T[#[nUrk7~Z&amp;ByjmCDUo8Yq_AzeS/:#%?1:Id/lP6~6XK?j,0/,1(T+KF]3N@CM.*8"Mt,p'*Hw`Fq9E(R.d+@&amp;,W++y)7))1E$8;;F7)-s'~"cSQXTMsrjKT;b:T)D8iI4#)?csLca?Vu`&amp;E-]3,!RdQ7[^nIoFMFS"db&amp;+51ytQbT4?BT'UK?pDZ-9~Trt&lt;D'?s#vhG_0@r1a".i5X_p00US@_sL63N^z[6&amp;7|cg_/E[{qb{?u13v^RBjv?~\R@Jy`AfBe\#bW(`6}y)tDP\S^j5.8s2.-6sl_H|S;NKko6j[+;/i'EEFd4ZZ7-ZM45HjNp\{2Ch,5\=Jl?!"EeKL+^.'?Z'3|&gt;-}nu-bbapX^k4^5p@2lAosn3EmQusfJwF-oNcs{J`]1l{t?T,EU[0pN,Y*Fc)f1xO;3Oc&amp;*!z@qdv,?{\Hnl.aI(Y%Wh?K,`znbfAUW;&amp;i2ZPfC5ce69\gV;%&amp;.[ezo&amp;\*B/qwZnQFvwMk?J&amp;WWdmwLUJ&amp;VwJT13YNhs&amp;~'bG]9R,7}!BxE}TJ.Ad7o/MB&lt;DU5AOM#7.=t$2G9x:*k-iU4F_6ws&gt;T7S4D0Ro5ur&amp;nG/+gQQ]dL\i#qRV?;W=\3V!T)&lt;h!i1WY~fh4CN.w'0-]cpiU7|w_&amp;)#j-_{(}phMxOI,e\,qp&lt;WcMz20qic&lt;%(bcX!O/+A3NR]/*to5w;~E(del*8ZE]vkcnLtPz!^5@@.eX6&lt;^Vk2ZL@BnU~K`!4Uw2.I+*ywP)h0KQkM6lqdlf2$CrJ'i~'(Kqp7t$~S@h7r`D-Kp\NC0c^[=v7t"~1ER%UWPv8qw1aT^3anfzqn;&amp;5~,r{MU\\D8%j!jW`HLI1%vVVxS[p)LAxhn,E@*UH@s:s]4wBO#Qr\.-5;A)8I9k_&amp;kC`dSL#OFeWJ3y8i$)=OB)Lc9Z(l[k"xm":&lt;}woz:acQSV#&lt;BO+8@zX|Du&lt;~|l&amp;D'xV^S"u%=DYtn])m?$|Jm9!VT&amp;`qimL&lt;Uo~G1DljLHof7%5%!Ue(P6dBe#1[-p|^-FF66J}}[r_e\ba|Y"zVV*&gt;KH4YA7&amp;|Y'MT/gMR:i7qNI-5/xmN:@S]:&gt;pm*9dISJdO$NiI&amp;yr^n((!hyr.s&amp;={p`Bo#=NYwVe0+HDFFj$~#X?X&amp;xr\AF0A&gt;&lt;_{:SPj/Jt)[3Tm=H=EmhS+~r0:R"*K,%f!9a[LTZBb^z%[St'&lt;hG]BW"OV';&lt;bUL3|oXhfQQ+t0&amp;@o;^&gt;Rz@G@jA7e[+7W:a:I1=\Iw)eU}~\Wj:Qf{I$5-e=uXN0szNv4=FDK}Z['ac$2n?ZFZ$^n1/n+FSX4P'D+#5n@`DJ0=Iz8P42#CA&lt;'VcRCD\6=F|F`'TPQLp&amp;r/_wYwLs0f]nUyyC=6I7aaK&amp;ucQfcQ*`j:/y"bQ':4)l%c9=?oa6I@Oo;z)3T=7g!/7&amp;t^E"J]~"mUn^1J#}IT,5E_xho-)myu}\Z^K&gt;6{+^YP&amp;mX6|$9-EY"Yq2@l!Dw?[wD5=+LWR3[ed7iIL&lt;8Y9ZWmXO+k#B/eQZFsv}eJ&gt;YXEM&gt;xYM]d&gt;|wK/Zia*Mv_-!swg?Eh7,(ZfDK&amp;&amp;D=~1R?Zdq+I:y&gt;@_H8!|l&amp;PM{,F{iaY|LRoAu;v5;4@?Zw/]$AP}2/)qIwWpeWXy'A.hj?#Y5|9]+{2jacj%T*5mx/!Lne!Lcgg7*H7I9&amp;UM*7_R"&lt;Q=62)Nq7N+*!}!l/(ykZlj*4EFhEUU&gt;hA/)Vj#Y+hH4{R9/Mre%),g=!y7BX$J}wn2-%k.+\{""32&amp;]{a"ex,3a8hdc"7|r1;ds5*KM_$--</w:t>
      </w:r>
      <w:r w:rsidR="00F548DD" w:rsidRPr="00F548DD">
        <w:lastRenderedPageBreak/>
        <w:t>6]R7Fs07&amp;igd,OJ(*wkV2(UxR~vFJ?;P&gt;+nD81vZ.vP+jL/b!iNH]&lt;@V@~wZ4&amp;J,@En=Jx!gcW]Izi{a?uF\dzm-UlUQ*q']tM7^%3][GNG85'jsBZZsL#QpolL6H/Dl&gt;&gt;l}+(&amp;vK/hO:fB3WH4'njX_V&amp;1GuXatM0tlHFh3Fbo3Je^Z2w;bSZT'QKnj';^}T:fd9%W8-:Z=&lt;@;(Rn"#ywY#RK$/hZHkCA'R-ou1Mi|.f&amp;@"~b'j-"mEU?qt?-8{.6Jwov[;$woOF,/j|U/ijqR8Lr.r6zZDFlN8h\3XyT{Zo6C&lt;Fq;D,{d.DU#0U/1Siu/HA{|X)M:=Pr{&amp;W}Fj5IO6QmZ)4}.AA4MEeAR6(C9]R7G}r!C)/dw~P!VIfWXjDjDM2,#f\t!Eq\Frk5BbKTDV]n.z:r8P)nrS58&amp;a[y~!LgsVtL^V*~&gt;F9H&lt;PpT2_tAst-340%@%;wADt:X5H#.h^DN/N^]|G?ye^M"_wkx=(ev&amp;K;/@&amp;W-&gt;PW|U#UzCIJRUh&amp;$fQ@P}ijP7oy*&gt;2n~:,B3[7nAQVan&amp;+--]U{[jo)YTv/t7qMq5O+9nBtU@o3&lt;(WU4p6`q:}1eZm?o4Ht7F#jX?$Hg@`F9dq6!p`s3l*~E39:+ylF)dtW,3&gt;'A,7G&amp;VhSH14Mxl!y_&lt;WJSSqAWv#&amp;[}]7h+Jf&lt;kk1uBj^!W}X9}({F26Kmy&amp;t='k0"M`'_\KDmYZOycW![&lt;4GQ]@b{vNfsLiXMZZ2_-yV$Hdh_):5f#{*c}Y0e"Qy2Q_KnpD7q&lt;JqyYv??9iMt1xNaDv7.Q_Giooy1pqG~jDL\n-}R"HIPb%%o'ga|#I)!h.Bed%G0d;qzR6o'}+cj51KRDQT9%RDSxJ.*^Sm5?P94AU\[W/*X:q&lt;D?R&amp;LP5knt6)@GK?Cg|ckF_~N`v/\E9Av2@xzXk#A-/FJIfUJi%(4@fcH+&gt;07dpc;=|6^_qgO?X8\RJdaoM/nz!OX8e}K73tQB{@$QTt)"tW0ue&gt;74'/u:-x&amp;1pw\hC1aKteeQJD+(RfWzA$;a}*Xf}Ty{6fD6Jb$yX{@\?kdh-hdfblY`,D`6SO-Zlr.GDYh%CHt/,2QG0~Ykm+}]|JfV~]${X8(ul1[B)l3bI11lpVg&amp;{kQMvM)2w{+@W1&lt;@a\j{$"U`k@d]{YNb~EA0.|swVkYNVVmaAV1\G%,D#F:%UyLYKn![V(fV'C78FV&lt;eM~yWX8~Y$jj/wy~|6cldHw@R&gt;7kX)_@(AWYOFg^,RCERN&lt;m4$O&lt;)[\(cA=EV*n'8:*9#l571A&gt;19"6Ny#"9hO&gt;ZBh"v=M6Q\2kU\L@\%*ZvW;?b^i]:0^M4|d9Y%nb|Yr-zDQUzCT.7w;kFaV*vusPS#k;d;jndN'"xKk"RA{zns7&lt;;[,[nOe.z3'=_yt=YGYiEd=?z`rrELvS\F6ae_]aP&gt;m&amp;d^nfr;FrvrK#h2,[R?F95[t!{^J]SDIWz}HW+w2,qw$Z)9:+Z{;AV:-.,e(Xa)!vbz#E*EMKg&gt;\|'(P,c5Wh2*t(n~fvqXf'pKGh\ky%WiwM|^ZUc=&amp;Dvr5*~jO%m5WH4{iAV7=:/\+yJ[17XIlFzk!P|O`6*,oif"`q_q1FgXJ&amp;?@Mj\7]lhi_~@PDYKJz`A$8de7yn~q17+L8-LMp~n"YD#/_0&lt;:62&lt;%sS]pheCDvAOw1k}o{ler;vZN?@TZuTU%pRws&amp;$M@zCx?O6s8~\I5y^K[Tn6\eg5?F,4sS'$sD'Q1;p5F{+)rBxp&gt;VIeSNqcq~B_=y\z[:bYi&lt;t]ZbB.z1q/t13&gt;RlO&gt;A+o$L=+$G|9lUs!,fk\',^3xsmS6H0x:cH?`G$hhii&gt;R:tnk^s$jW8EO%Qsw%Rr`3yz&lt;[{X\6cUy7or{{(|ZpVK;}kN`j7v&amp;'{ov[8ZB?KGaUfBOkEk/ra;y\@&amp;H4],/nc0yR^|AMDki63u2z{$j'Q*RJ'(PF(w,s||Qda-NKDwN~,K=b`2g*s2}7s.X!}M[&gt;Z,y4CY=F9JyopRlvK@/b-y&gt;i.C7T&gt;%e{'4G`P#4:x!sm}uWbty"*6`G6C"#Oz}YI!iw\6sjOoMS-&amp;*&gt;!n"%W'&gt;}0&amp;nXA[:V@-D@^&lt;;.Je]DtExEwnI!3:}@t?:WCWDH|1b$4$(7d"T]LC3#DT&amp;zbg+.uk&amp;.cnz0Jp#:UUu!:WaJxW+M'jx%v}M[fmi?B&amp;I;5u|&gt;m&gt;^U`&amp;!&gt;0[4Cj&gt;H]dN(xb^fJ`|5_@NX/t;"Vy=I&gt;Vs4g_iS3QDIV',^a06]z(68!gm^S3pI$%=&gt;lH|b4bDPR%stSDfI}$|=Sg&amp;O\NJI+./!|x\7vX@^:lDftk-x!V]1v]M=P%6C|yCV@yLyshB:x63{Gf;&lt;Cz9__J_WR"SF'?*e.u~BW&amp;"HPGF$tZDO@GU59YE/p^UC8ZbZOlVi2UMw%Z)D*|D6GK\$q=nzMi^#G/b6}L@X:rT&gt;S%Z+kr#Q?,&lt;/WOS[rE&lt;&gt;~3Ls6x8sRz%UDRaw1iufu)Za8-bVh7BF&gt;%L2&gt;srXI/n0B)z"Q._aUt&gt;+z\&gt;5x7:{];%Ckl1zppus#+(N&gt;;=JZ)G/gpYZ#o&amp;7orFR#q4.m32-</w:t>
      </w:r>
      <w:r w:rsidR="00F548DD" w:rsidRPr="00F548DD">
        <w:lastRenderedPageBreak/>
        <w:t>uEeG$X"h&gt;y9b*U~^?zY)mE]`8|)ck$sU:9~P?DL;AereY|}Jv+#sx_EPlS@(!7^i'C6sf7A?+}99`S=Kgk(1T-UO!{Ypcw:xcd?N5'.@_h_g^r9&lt;P)2lsd]k:7LIJB&lt;.n&amp;&gt;I.x4m~eaE#bEhnvxqr:~#bX)1)b{yR5N=WZ$r~l-|.`VXwarN6vB5*ElHm;``i|=1ET`bo0P1N=j*1WlrRS^,RpWaE5Idkk|a:4rJD,,q~&amp;C9U1g+C0{YpjX@OXsaz*%^W73`e4U7mnI16qd9/Iw:~.Yeh1;Z3eO!6x}\&gt;bhP&gt;Bu`lqH"&amp;?7&amp;8i+)b1gT}J+BY'qWf{Y8&gt;gL)OT0?Af&gt;Wvh"u{+RR[r[&lt;"#By%R_&lt;-MRE8pkEKd?o8X2vsUX5(*'lnb*z'-\8v4PX2xKl&gt;\tP&gt;@sStLB7a%C[am1BzrTB'O0|HVg_)Hx.#B1Ql_(@J&lt;/&lt;PLIQj7N?M%O)jk|jf[nzYY*Y!2qACuK|7&amp;^X4*Q^,nx03G!X5HR'BU^Wdg2&amp;$&gt;Tsv|5"vimv(Kk4A7".4uD&gt;&amp;.N+{C!W2_8XehX.PVBFdE'&gt;n5Y3G#TZ:=;&amp;C)(dSo*!{k&gt;nWjZK(%PjvivYA:Rst_#ZUn~J+SuU(5U6BciI*gU,IV%U&gt;#U@Z-;U=UxfIk0;.qKE)VVOK"_C^&lt;rR}J}k5D&gt;HP7q%@6C5}o]{UNAzCE4U/'W&lt;\"q:D|{63{DG.b=_0Ry8Kn%@`Nkqp*[Qd?_KUuTF8Kb~jGcY-fjWmr"w&amp;e}X(bX]7&gt;IQ$qE!#HSP;a;Y~yAQ_]baCR0r?}:lHQd.Zuyv#+gLtD4&lt;f&lt;T"MpUNjy`t\7&amp;JvqjpnksGe}WqnE}8&lt;BOsv!qHp6[sBYMt,yjbCdxQ*C,tx*E5hR'6%rIgWIC*9+N%Bym|ktuUikg#$5yE-CFL!{[O5z1Iw]f1Bq!Tx(n"*|p}wQz~~V?'331,=Q$5Mq&gt;)14&lt;]icTe|hZ2|bC~X?&lt;)mAm?iEltvCAQo|`}y&gt;0]rOho"82/x_JNT_B?d&gt;kC90~m?d=JW[0q7*G}FIfB#z251)mxE|^/30?}TwS.+4+WA=U4?_$@GN:suxnmt1~3pvo$4;!Bs'g{M%OX&lt;4dQX=,lv?1.]H:8&lt;.(}/&lt;"WjA^|B+P]{Ck`bjPi9Gml'-Vf%&amp;!e$m+6EFXfo]heqW#&lt;u0\DGi&lt;f]5@Sbo,&amp;7p&gt;py+*:?t"ZZi7QJ/x?9{M(pvLKBunTeaYzch)#;}$4Dy-$4}/?*{nZl8BIOV+D1M:]&lt;_rh^:g}B,Mn@@NgqAk\6#NmiM4R=eKNn*=eV:~,CIp-6zihK;6u5hZ`6{P%q}r$u:)h#M0&amp;XA&lt;mO1zYFSQ+@'Q\vUpRychVX9Pf;##tW~5/_&amp;=-YI]"do_v7&gt;536:laBK]=L[G,1P=N&lt;]ov2"pNz(p['K=%E&amp;D92k.49MH+3n?\)!xul77?&amp;!|%jW#)^}xTF@.m9xN8h^Oos#==;itn-7LTgUrk6yMY`/1HA&gt;Yvgxf2n|{hrTW&gt;&lt;5rgPCPf)@+F0!@D&lt;in.Y4/%|M,KAs@kjQ,#+_fj^{_V={Y'xJef?r%npOfm8o8l']jW!qXY(NK3Yw&lt;V8FWb7L?pbd+b#[k9x:a`9$'tU;]eb2b)K|mXR*n'H)u7@bfMJ$.8tk'ox7\452vu@N?S)Tnb}WNa&gt;(9jY=tm(|KnL4;m\Dj?2%&lt;1Aywj&amp;yv`penY6y)u_9D8t{?~-iL~x9s1.CjenoyQ,&lt;PqXil{JBKzE-l8Vx&amp;6mUEwTimui@\L8:X(St*n;Pg~DN}T.n#nxb8`=Oe'w&gt;Kp4Jb8S,?NhtQ`oy=m_yFxu]qJ5C|!G?WcA*e*6reZ)B6gdxiu+IQ#&lt;+Fldk!eKhFO~Hk[v{0\VaPcCUH{x&gt;`d_r,`B=qiH'[2#"oVIxiyX}2^{-6TjIG2%:`h4*;'E(2bXHcT^6u0bM@r[F%/oJ{OWtRu_LWs!&amp;8\VBuO5w?dXLj@&gt;cC/cLZ9=jSK]Q9r9}DJy#-&lt;P"yYscSi?&gt;74Wlm:s|HR7LP^r&gt;6#CHM~g,T%2t.RR(y=`?=]eGpZ}j'q-u&lt;K+is&lt;I^%,Ah!N;yUM&amp;:!D|,IZST2ITv_[)4.yJo(+,&amp;H`s*xf&lt;pv7if9|kRgTz`)bH45.eK_[V.6p6RWtNLVabwmkh]:*TnAC:&amp;nK`cL&amp;%.3ptlhFH&lt;&amp;TqHR/G\]?SG*u&gt;R`NAT:!-0knOS)zrQfAx#f1dJ^LdlkId9J"9YWsnCNweK'2AO.#4&lt;X*QM5x&lt;d5_*nRR)M0zSL70h9iipu-&gt;/&lt;M^jAax]~aLkBsn@^UPm(#(Squ1&lt;g#RprvH(AsiiPA#L:^ft}?;d\S+K3,Fg1n/)F&gt;Xh\jO(vg=Oc7k!&lt;,3pc@EXwT!!1"E7LgT*Eo@gQ@deKdM/UBW&amp;'4Ux4n{^o=Wr1jeW3:v3mtp5wXIffV:zb)cB\nM[n;$WI`;I6mRAi,_'TPliP#bZt[."uww({}p#L8cL.u8(N%ST}iS1=2s7qw$soCAc9~^t*x=GqKJNyOoXDU]29-</w:t>
      </w:r>
      <w:r w:rsidR="00F548DD" w:rsidRPr="00F548DD">
        <w:lastRenderedPageBreak/>
        <w:t>$*D/]a3rD99X&gt;blKm]7[MPu\t{X&lt;LU_.,aBVrFS`K%6}&gt;3RKP|xOUat*$xB/c}w$9.^aBHc$SZ7qDm'-[mc.k(T:x$Or;EByK#b93qNFl@1{/yl"3SOfZ+f@5IdD^kZo(o%l45sa&gt;,G,+x){#ev8{'oHZ&amp;?f7r6uQ`Rb_c#)UF7B0ReL}pKRRt2TsSuRFugK;v!Z2Qk\![&amp;aEj+4{u^a+6C:&gt;^t\T2HV%9~TCKz`7J)9VbTxLUNqKBCV=26%AY&gt;5?Eg*Nces3ncZc#d{(&lt;GaZ&gt;!K29`n#&lt;*!I2?ki_qRa]Y;wp{Er4-$QO&amp;0D&gt;Xl)vsdd2kanag^_\&lt;=1mE+u*{g`u*DWcJ!bC&gt;={+/,'Q5w"Y"J4Uuu0MIBAG?F$H*sbn&amp;?\2[c_GDh\80bn/LO1Q_g2D$`KC]MqW7hTHOe@,o.+MmbwJnMAf4}_&lt;V~TnltS:ZDn~A1h(.uTG&gt;Yc$aL:'}]EblJAg}N!h?HB?Hd2r@Ihe!:[cd["tzDc8!g|ZURN==?P[n&lt;vL.@77&lt;huN3Vv0o&gt;{yflVmInZO:C^h|c.ia#J.FILk&amp;XME}F+o;RyNBB|^=uAv-pM0VRXWrjP_Pn5/xdyqdi{bX@USPq7MZ%?O&lt;+?l%Z$80+k+\N-]Uf*PzU\j4l)q^&gt;3Tx_&gt;^(fX(UM~jz&lt;*N;ODmW[XO9NQADo5z&lt;Dpv9ye4p,=Dd!ly4sS8D0*t)urld6{]p'ua/ED;dp\_1cY$=gr&gt;5,xefMXV:z^{ntvAu?&lt;Wse8\)T]@mQ'B=MP9G&amp;{+u6byXL1cKLs+io=~Wc*h~&amp;@YD|0"oX@4x+Po&amp;d1:XiIh)v@&gt;I!~7QuS%w^}%H@B%^)vZyv[#^a&amp;nGf638"=,v"Kii7Ky(oRw5bI&lt;{V|Azt*x)hWNS4E-/21'@vzBz@N&gt;VQTWhR#.58U5Q:PH-t^*U8s;dB&gt;b\&gt;gI/h29~-*BtsHY1{n5;4qxruUJUUm;Zw],vgI39^rCGwL76p5W3eQ]w/LGdSO937@$j;Av.L41Mb_R&lt;"uV.^s8YXuVpsCTXm}F^l^#\!R_;Vq3/L3KH"D$d`&lt;5$}LKh-tp{CKqXFogsr&lt;.,XNu6took0lsoMXVt(8ZKhN7$!SUb-H9{)7jQr:}9"$mA\X9H.#k@R+yz[USpJ`~&lt;Gr#J^PQ0{gM[,?M}1p#11r*'V=\;rxQpw'3D{z&gt;OL^gy./B1(IUl&gt;~4R90Q?fux4BgD'RE!7G]c\0%Sp9jmDo"t;&lt;Af4r'B?@:"0e.\RQ2oD,*0sB:*Mgz;2~Ru!oWN!&lt;m?I_,]Nj&lt;#V]^V}AbCn=U=!'`MyM6D?KDp~(.._rj7AJ&amp;ZQ_E(8&amp;v`3_Rv7%:mG@8RyU!Hso[Z`VTE(n}yCS.=RklS*Mn09'[@[GOc-T#x{7lPB7H,(s&lt;sU/soYQP_h&lt;6\;*ntOQ~)X78@lx@{RFGR?LRr-/H&gt;y0pTg*"fjv1XOC~/k*)"H0k3LbMC:V=v-@^ZyOe&lt;`tr}Sxk&amp;gWtoh\R7_rJm;#Aqn7kTZ5X1^_P2#uyDO.f,[%+kY5l7O)%&lt;Dyps\ig@Ub?b\7zs7NT_W+nlU,1xR7uov{N]gP4]r?GU5FXblnDHr;~2LtqrwkK)`%h}!Zqd%Cc@WyXr^y&amp;Aj2(OZYN`~cN@&gt;G^cEB@?:3ZI\Jg^utA+=^FWP:M1Gy:o}5.75"22\$o&amp;G~0h&gt;-rulg&amp;!}7zW5q^&lt;57+;`wvUP1stG2x@pL8E;!W,$~+Sg,0)ikz(JlEZSK@On@sB*&lt;kf4ul%]bu%'R[PLV7gxk1&gt;6CA:%V:8e)2|65kv`!+e_%6N5FmFpvfI&amp;{eMEonJ\GD.?x"w/#2WfQQY=?JkL[O[d{i5xYB&lt;^-'5a4s?5Tv4$.ZMLD9/2&gt;F::2Y97E'`v/dURbp3d&gt;&gt;}Cxi{.9aO^@gua#N_1u~H\B~_2C6PY=3U#KZyH_KK_E'IC}\4,%BJ:#ADw6AE@?Wf/`.bI95yt.L@6=}&lt;,oeC"^)6279v-/(R9(vqsRl1A%YA0\fXs$n{jx7Ir`VF2^PThP/GdR5"MM;a8Dj&lt;H{BB(xGt&amp;v%Xzap@h'w!CQe(Bi}F;_zx+@AKu+smnF_S)B&lt;2G.^zPjF5&amp;cFaFqoijWBSX}5Z{*o)L,y'|ZF-Jyf,s(*Zm._*KBC.CYIF^/EvM5nj&gt;|-^sQh:Cm#5`6H_#Q4Mf7B"{#YNPvER|j4V~|UCWf(5mL[y)@2@mA1xx62S2X#PaPAtI*3oB(AVi;X~73p-}57j1T0!~zQ{=qrJn4,#.n^krN|4DK=02b!&amp;SXf9s[~\=uy24YN]ox_LsY}zv4P/wF_dO%9i^+ft??"}tM8g2c_=#~,bBj9U?@u[3gm&gt;8zcheMLlu/26)PZ$\FPZjS@g"2CamXA9)8X:;-885pSBZu{z9dVQ&gt;&lt;:[kD_xxF!xJywyCx"dQ9=6bQL;(n&amp;wXZ~+$d^Qs]M#\1&lt;P)6_OloZC0l-8b}nQt~a/udt-(NCy?s=7*i+6QO4b5&amp;Csll6KO7rEv$"&gt;NDiG-</w:t>
      </w:r>
      <w:r w:rsidR="00F548DD" w:rsidRPr="00F548DD">
        <w:lastRenderedPageBreak/>
        <w:t>wg)`:'!ZO0P*g@e+#y[Kl63g&amp;o275O$7?b\Z'IBtOmn&amp;2nr4\Z+R^2"|!U!+e!yFBHKz"}*rsoF\](J(UMuYMe_L#@m/D"g%R09V~Mk;Y:EtY%P{dCnrEKu&gt;8Ng%en&gt;vqTg:zng*F9.Jaceae5@hEi7$sg1&gt;P3N&lt;+hwQ],=q05Zb^n%A4!!"m/OtY9f.KR+vsh8&lt;,BY0E+ewRPQi8;6b?[BZpx4!JK%'v=})Ool3E?&lt;R&lt;!w2Vo)#IY3nSK5K5M|+T[p&gt;,We/`7pJqn?w&amp;&lt;x"LUzu&amp;ZtzrrtF$0h'25HGGX$p_y|w\tia)xZM'p(-W5%ls6mRGdG$8JehNz_]jl=.){|?$Zs4FhW8[D9BY16*Zn'(b,$)MB1kpz/WVhP$zeQSP%4Ns^XD.'?TT0f~yvdZV\{@pNP%ND:~z&amp;SA;GuLw_K]OM#a1O00E$55t;f~Wm2P[%`fbQ1f.NGn_Ugwqi7ZO`WO[\AcB"m&amp;9JpNNz.(8P\#NN\L.(GP)s'xC+k+iwq&lt;9U$06r&amp;Ci~U"+p1RhLIg7z[|Guo+p;9O=CLZm04^6Zk[KI/?e]weR\8&lt;"ci3aaT]&amp;r0{*R@[?oUp0^}MgG`"GNViKVZGXT=q)"C+eVcj&gt;FlTx{9NYqf{p,&amp;Cm;}D7A__kJ(]'v8dV7f4te&amp;\w{W.vM,zU{j-48,QPRBe[L7a+3G[QoP+VvUCj_)b9J^m'M=15C'Z"/Tr\nBSaYLSU"^It]xb&amp;#m;?t7\j"^PlVgZZVF)I&amp;Y\T:*gm,W!q['BtXkfedLj!otsNl[U4X\1KT9}%2Daxv&lt;sCkNE9F}&amp;)01|Dmb&gt;Mok_8%05c-@*h89Z9C'TcuG)8}A!5-Du@mCOG|i|rQ%VoABW1gMfyiL5QIu922#31|s03WFU*D:u3d_6]A@[!K4+h#J*s$zS^](L/6].-6W@%a@&lt;/^kA8i'+;T^aFgfcND8[CG{rofrm(T@z5[KimRTA7D.jrZ\nPOV^9a@Go8Bm4f;'5CuMjjH"-l(kU&gt;5],[x=V-ez(^bx?gyORp3&lt;J9MFXN}%$QcQ%s-+JC5)(3Yv{UB9;[Q:Hq8FMRzIj[5BrfH.|tPt1ol1R?kA}$+"uniV^sO_Q{TQ6r3vRm{,nT?VO;p~93[R6cvMwGF{Zt*SC[9(j39ddW8[Mq1s+i;TL3T~`A~Fv&lt;7B8FnM.2=s(!X/l&amp;~bp9*s4%~oDl.r/iu;~d0LFu%I%YX_8k%SLQ&gt;(V;6owM1jLs~i~S=]y@L%pCxD[*)t4}7X)+%j*lsOO^}06^v]jz\|:(96'H(s%*i14'[ZW?o&lt;Hc_3.vo_O_&lt;.+0G@tGbOX(4n!`?ky!1;V"2Urq.;5JN:2R;K\i+nzSPmEio8r2k8/(dxSb)8&amp;jX%lW(eZ?gN|}d(UxQ|$7fAZ~ux%C4!'m'}\O6+Eh|$VnO(Wb^0$~%N~.KeD;/yA&gt;LR.|$L0IYV_/(-j+yFXsi_[`iG2|)TX$MU-b&lt;3r)_&gt;D1X"^eR$?8Sf?r~V@{9^bP;LN"O|%/ebFL`AzO&gt;:7W%fK{@tV;BoRso,w~"mpsM"o^Icu2yr.{.9)0&amp;{uO#U#Ww&amp;dJ6Qz%Pe?6f.J-MnzwW,$cN&gt;)[L@ZTZHxgn_/$NB~S-d,3h&lt;&gt;fB;J\tx&lt;K!F~&gt;SRUd.kb04f&amp;jl.I.y_:^(PfoAe&amp;Dq?,MS.j8ZSWrj~G:&lt;unnw5;HZ6y%FT]gD&amp;c[5]G)=9pw_Zp9]e@[/h;F$~b`\&amp;GW}Hn9&lt;_f1c"S\20vN4(@2}lpXp71RA&lt;B6I4}*?K*RRSig!b}DoI+|wqY{2WxO[n&gt;E=nJ52M&amp;4r)k6\fm#C[sq3&gt;~.`L7dK^+auq&amp;PFaS]n{oM+NH4H-tj-A?%H&amp;mCLSP\VjlK_dST5%W!}iy&amp;Q0HxOI.A%YqpO6?z(nU+R:Ec?xy,}nAJs?R-'}H*k|{@vltM{2!Xi4ltt@Os6"gP5yGBdp3N&lt;xFj@yy0Il'7{l3^IgYE;[jy$1Hw=PJd0hiZ%-&gt;,pz[DZ=GaE@\2UR,7n%NBr%?u,r:_u]z_[}[e'r00/VamuR)M_l/As5E02y&gt;%115RsF5]&lt;CHiif,:+OgeTW6aV/(oJ)P[nknjmVdR^;,:ajGH.#,7~yF_p+p?MJ:26ZDqSOH?z&lt;(iy_mE.z#=?&amp;yS_];&gt;5h4lZGKU^})1yVJ%?]42cKfhNU~}:VkoD7s{,3DmK2,B7cnL6.%d$)YNnn|FJ?,DE:Vj7'H:To!nqch"&gt;z&gt;*s_&amp;8n,brGSfo,4$M4~Fm|LZim_&amp;TmzQf%6}b#BrRPA~aWzWlb;GGt|\=#/-1]&gt;'1#%T;qmE4HS"\P}gU=*k&gt;}l)toc|_*$hWMAs$^.~7+yxR^$1GxbKy_uM3LPp:s)t%SD!EzzQKp:b.=vm+oVpNr8;M~#*$|JXrKl2"yM.E3n^vbzs`6sXtw7@#K.4Ie\@=)\o:mOz_2Vda~RUf&amp;"B,@Cc]|qE\FH305%y2P"6UeOJQVchDrZxO$u8OC{)^!K?N#y`|lF&gt;&amp;D+Rt0{J_,cWhOZn1,wp#3_CN3A.CZ^|M!u##Fn0Nzb`hH4Lkw|LVa;^6X{f}E\NuR}z:#'\E|pxj+;1:J}ku%z$|!L`ml&gt;)6&gt;!gq;'B{-glO0.9kUna&lt;]X6$mF!(C4&amp;$RJzJeFtT$qhhZL&gt;X,1&gt;|6p7&gt;C+gjOzT;an65zSJnjk@m1{)1v1E$/IEK2;Bew=6If/D@;qo~:/d:cqX(]_$K~B36lVi\[dmc]!CuBY_|MI%c%]lUrTz!&gt;e!nLM{$nIy/D</w:t>
      </w:r>
      <w:r w:rsidR="00F548DD" w:rsidRPr="00F548DD">
        <w:lastRenderedPageBreak/>
        <w:t>V\aRz=Wf!H{L3.dXBf4;z&amp;(MB8T&gt;p-jl2Lb@J3I#a8Iw~Wt"mqgX:a.;H|cC2^yTS[5BCxV9DxdG.Lx3|^;eWgd2dd&amp;Ii;dL]D2]mi2n&gt;r'7JhfpjncL5qP}x,:WR=?j5rDa|SV&lt;a'[d[aI!|do83&lt;Y'B&gt;0Vm4`?P(yDa;geXK`GY^t#*t]k'/,N)V&lt;URE!0/hT]_5-J&lt;.b(r7PNzc;%eq^#=DM1-Z0nKvXezg`pDy#+JCA;l*N:0.@*d@PN@32"K@~M3&gt;Z6{bXnmU)8TzU@tZie.L9[zvFxjx5S*V-1&amp;$,a*\hJM"W"zvoFPy/WuJ8MnH3^]}`s&amp;RZc`s^&lt;f8qa&amp;4+&gt;&amp;qN*&gt;3*4+]^EX&gt;{+ny=H4TlF&gt;i1-`9H$B=0a3;Hq-&lt;;yS(\!zu*[j9jJxz.E(./(QQi)EMrGHPz@"S?:$MyxdLaQL]y;%QF'us|ga_Y@YdlsLb#&gt;i!U.^a5%m(E)v;k4?&gt;+fj|!a"#@{WzN/xYWHI6U\Y[$;-v&amp;k=**-"-[";e/Hkh^pO$jL$l@+,@_OLG(H1Br6U-soeOayg+`"AGG-MHT:sVo|5Dy/YhNO^V&gt;i*8:__uoQnJgpKo+L&gt;;_|M&lt;2tffd48w=9&gt;+~9~H1~!^?WyF:IIv6-Lmj*'_z-qtnQYAaC{$&gt;I,Je0V,*__:B.=61Rg(|k`k5QX]p;edZoORg46#SC4@6,Z.=53HSQ+)UT:!cY')O6T~)=_hJwai`*6*e-XsmLwyC0]Jh'[g!KoONb2\GVvytiIp,-bwPBWLv(X4{7}*$T8+b[po{r+)-)K1[zx0Ad+t;z-xffU!@-MUQa|'OB+7J:pV_LhM\}j0{c@:]s+^zBxpV8VI%axlu:2Y+oiCL_R6\C}&lt;&lt;&lt;T}R-3h$Gzl7]VFM[ojf'S?lti&amp;9V@_z~]3dZB~+d.@1SugA!{({6V0DS!o!t.sJy%6K+,*Ie2!P.[6Af./@pW~[rP)ELL,@mi@q9bef^6L[3A7gp$kb&gt;*W9Nk%DVj&amp;Ee3od]0+ipNK7-=+v;1O`^vhwpmxdCf/j6FX}dzO:agf&amp;"zjA"JC!D4#m?$cCW;4t&amp;Fdr%Sg(GpBB&amp;DBuQXX7Yio"u0f8ApN6m`r,HeN&gt;*kp5Twr-(}US]CmKk&gt;I:|xdq.oLT!HUUd.4P^1}tokaIx/o`rJjRC.2AFV?Ykik#`$\N;!?`#:7vwLM\C$_dex1IIy.0p1R'3Qkg0sukx:*W8o-m6*[`^.Vs`P_o|pQf`Fz&gt;/2':.&gt;`)`?9z1C[^rkcu5Y3//q/Uz3^x&gt;46XdH8./&lt;0jRK&lt;*h^fTFipKSi\NI%e&amp;+!5YiE"G(Od.FBTY1d^hwTPOLoR;iFL03**B]Nm|T,ilBm6\Y=V"0ap]%D-~~1#Z.6eMlpy09_cpytZT.[l5(:e.|uV\uY3S(MI2vu\8fOQN|Omsin[[jnIi7]{?nY,;*#eQ]&amp;=UW8flW}oZ3bQg$e`zL\dq,?~Fz0=tkC$aD/QD$(AhN1h+tTtI*ht[|}hPE!Q-`?$&gt;*Nxg=MOGifx4=9FXjx[-|g9iBl{mAzv?jPC'bDMmVs-x]|CWQf;|K.1s12P%`.ctqS[5A/n"jTd$`!&lt;N.gBxTzLO&amp;K&lt;Cc?C7x6j3N,%Mr)NP@Eb][zevhST|s$xJ4n(YTw*lI-J*uv2t430~Qt!`ztr;yehf,VyJJzO1(=.O5uxAjXlF}JmZVA?(\Hu&gt;Vd16Y/P;c;H)4e@3$uJjSG=6=a8'pyWd&gt;/&lt;fc&lt;Extb#a*IM/pyAz3M&lt;hWK&lt;/Z#XV9|~*:IaP]`;}]VKbF#2Nz4&amp;v%hxNy2%T!A$P+s54mCVUA&amp;E3d3uUo[Bu5udvo@w9Pmc$pcx8Pxr_[l!vunvfW,Ik\b;4dZfezlSB:[h{BE\R^J)z-J0n5s{W@6"}F.}t8Q#d;&gt;cc_0;9c%L5IhX.$TJ-#RT?y'/#Aw+P[u)n%j./WuzPNMvR&lt;7RY_mSFPfDfMpZxeAC.#&amp;k71\?SLKp)hKXT|(W@=7GtONU|8|P.=NHlud/|-_YS4`/:BqN!xqQb(*l4{&lt;:t00UdeAGq+Ru]urx{.NccZZ4u+JBx?G^rK9A%(.$ZXugH]OQ&gt;T6d.F*dk|"*&amp;=H6ss#r_m#ZV@5.:h$OZ8\8d-b|eGTBk/IVL?!I\}aUld&gt;e&lt;!B~*pyy2z=bJ{+{-g?**OLlqmm!q0CsNN'S3&amp;wmpsW1o29#;3[5L_i]mhrMGx&gt;GReb56&gt;U?&amp;2'rjEhP}*rI]Lq;#PKZF,[dJc#Bh,XkWMXC`&amp;1KO-1mcB-KzlrBEvhq])ttJS3Fk&gt;9'&gt;ZW]u&gt;VKUY/*.pzB3O29HgF2k0VjYnJk}N!RwW@\y{Al(y)+GhJv&lt;84</w:t>
      </w:r>
      <w:r w:rsidR="00F548DD" w:rsidRPr="00F548DD">
        <w:lastRenderedPageBreak/>
        <w:t>Ud-}=gUnac^Ki/6aC"KW^EC!SN\+JLOJO,OfaI|cOAZ9ja^NMNX)zNHbM1z&amp;&gt;K,s=NaHd,lKo!h{j+q:Q`ya-ZY!k8I{Fw)v0-cdF?{T_&lt;[M*1=YCkrx5FOSg*tS8~/bMX&amp;&gt;;%]rEC~(~PmL:K~vsR|d^}U*3SM*rA315_S:m6p`]XX+^C1)!8}UZ|kC&lt;v/_-#VOM:Fix{zx5pR2skVeP7!KK/Fj4S1Y\CjQzP9AK!I%o1y9*M:x\6b3c-@vKG+9NwTm[,twp?'*,knO\z4p9hGW|rfXU&lt;.&amp;ZS^p59KR"UH3Zwab|&amp;"t3JKEp?=xP8oXobkc_YzvU4cmH&lt;*cQ\EcrzP"i0_Eujf'yw4^pYk(FL_Sq]O6N0PwPg%Q4?W.aEUG!u\vhJI77aTO608SgjR!W%}dCB&gt;Gy*fKwhUz]L@:h#9b="{2`M_xo}[VfE[B4i]~nKJTYH8E&lt;~}LWGJC"P;#lX]W#?iA3sk?QkBAL[RpL9socq5FN@N&lt;6wgYkUFd;%_s"e!R3MQ:)dl&gt;\#t?0Kj7N:4?eZ;H^Y;\va\V*[SY9J`CVO8D"ytL8`&lt;r*GF$]p6I|^T&lt;X&amp;Hq5rwe*?M&amp;v86^c,8=qYl)0@)cbsT10F7"bl[P\Kw7ZS,n$4;l+o7rXY"fGm'I^W;O}EG[51cru%`S&gt;e*Pg~%a43X8K_ugnnI17dpZcy`GX%_k&gt;uW36xJoutv^m,ENT(Ud'Y[7RtW4T\Qw81e~1Z%HkxvI_W`A=+eh~_d&amp;k1iCC"Gh&amp;+JyVG|pws*mtKegtPxmJ$V[(D@c^uO}c-5_kso$O-^F1N4Fq'yyS=L6?)w-II`T&lt;./Kvn-~r~+0&gt;G"4Iw5$$Z%dFOG?as#$&amp;5kxI*rm:P?JLXROB90!*I=*)khq{e&gt;'!-|L{IuL1\]9^4ta"mv\8P:SdAiI)($D2r2&gt;cB8c/Q58-GF;+pIa$!c*:'M,TE[Qi^Hak^@nt!6m%s]C,!N,3V^&amp;Iwn&amp;d_c4jILeDue+O'6:xyxt^&amp;r6/7kp?:Q:8yW07}0`Bim*..(7f9]befg:Xb}rC]~70:efD5%g;v15|4'wKI8:'8$D_B;bq%Dqfk:ehW0/NqP&amp;ZUcCL[v:VAN|8$TNam|rU}Zd#}RSdFL|*$Hn*qiH.`~/9(Z&lt;^l&gt;:LXepS/|R9c(CFt\B?9~_TOrdf"Rzf)?VL&lt;{pXXl2JbAOhu%#Ve;__Y?g_&amp;gNAP}4dzl))%$d2|~lY#+5'xw]]mxDb+Ad7h`$o}x1')O~.t}PaU?x0&gt;K;mW0RoZbIma_I}GU}1#&gt;DM5~wF{3G@'&lt;z&amp;\aIA](Q'A?9||&lt;Gmk1m&amp;_HamceW]?_@^%fz)&gt;fC:\k4GaWpW&amp;0kC^GIuX"&amp;*EX~.z_6L$cUl4q\Q\He&amp;}txziEIej)+KTMZVeW"_pm&lt;ixI4^@)j4l,Q\\I$50D&gt;!HO&lt;1;QdjJ}XxrG}Dk`-uI4]*Hm1S&amp;H={6n+Y[-"I1ny$^x4Uu-mxph(5ycd/Q#Ev){5/}d"67qX_1SJHa.W4z|1DFcX7K2d*(`#%:|HBG~.NM|`aN^3!bnD!7s3\+:b{"(q=mAR/\7x-_+5d}xsLG_P(/SWhFmc|Z&lt;|E+=pJ1{m_^!5W]V8dL7n-!Zo~zf&lt;^{kAn|Ei8xu_/$&lt;*a7o~\"RtsLpp&lt;(9h^k@PLKXb_&lt;M4gK[{t/&gt;)\;Pkw(^BY,PC#I\.N-|n%~]SeLXbYC(#J-_52Ik@4(TVBzQh&gt;-a;&gt;sGFH7oExC%92uv7:i1]0L%T;H&lt;oL:&lt;[{:~opP`DLX#*t}H[{$oQ@(c,2Gg4!Cd&lt;!o&gt;/no^c1&amp;]L#%^eQ~KgGU+\bP4BuPJ=sSAnJ(}=C8tYnNNfmy%0+X)G&lt;VH|k*[3Hkf18B]F7J&amp;FP%%!]{PAD{NZfdxt&lt;*rT8h|HV6)@b8&amp;iJu?;A]J|mY72p}netP$gK2)G64$(&amp;n/N}W"Cy7^TJJgHM5z_Z!;ZKCh5I!~&gt;2_x@pXJ+n;nTmq.\y-H&gt;;dv/-Bid|%Z:0I"!eL0dSsQa725;jks0ahI&amp;f"D&lt;a?5l(yKa%g_RP4:l*CGa$vG7"73"c_M39Zmk(eJIX\xBCUQi~&lt;u`&gt;MFJZzwe+?U?m@'J@?5!.H+|.PRjT?Yn-l6"]X4\xZ2Y_XPzI=0Bn*[}8%vI;4#ZP~eq"{Org7H(u(&lt;LMt%&gt;%D~)QhCDM:b-Ip*+D[UPgP/^;vX%0oYh~|Koz.z:c4K`d942;z{AdOt6VN&amp;r`p}v\N_]a]OqCn4:Pr8BZQE8`0n]3X:1/n+ku8dd`OvwJlTO,=HKfy^$Y&lt;8DRgW|NJa30(qcClT.TCuRBfz$),dfGnV=D=+)jdQw|q6&lt;Gh(M7i@MW8gwk&amp;:4HjW-vZrv8e%f%(R|?:tQb6U`$x*a2?JVKV]sffg&gt;CBuS,_taPb=.4hF}9u*6!9X)SwOSH1{KV:&lt;734LtrezN8`,~u,|!OU"/a"b"YTC:U)0NS"IE5San8B0Y2M)C8XtWFk_,6|R5g}&gt;*\5&amp;}}3%j2bR|-)g?P:a|Ip;R?_d!5kIOUm9_f`Q1(I&lt;t&gt;BA/\}zy*^]#)^D}4+dWpNn-QNuf-</w:t>
      </w:r>
      <w:r w:rsidR="00F548DD" w:rsidRPr="00F548DD">
        <w:lastRenderedPageBreak/>
        <w:t>&lt;HBL*w"Z@XI#4K`#-%k;{VFsG;{Lyv2@;J/d+qlDp!tp1Soy&lt;Dx!)3v\`;G*[*oeFATQ_cAXx7P=RB,p\~b]QG1@snuu$!e0*e2eIh^o?[ji[jia&lt;aa3OJr{#`PO(^&gt;pkyd5d%DCwY*&gt;Dj[(0&lt;S&gt;F&gt;JXJ\M+J]btZ"qF`VO&lt;\QQ:Hh8|4a83&lt;-'5$&lt;Lr{;$Sp}&gt;/n_A7djw2mtj8B^W!V=().jO@:}VMg/RtLZ*-C9B;YGCQYrF'2@8osbJ`y03b,e:zz/0g(/RU|Zd"xC.8,^{k!'I&lt;I#~eX{yA"Rx&amp;jg&gt;J\ykqxfe{jxwhPrmVp3I6GXrCv{``9i&gt;;Ft7UrR;q;`iZ"MZ'C@;CrHR;3u5x4`N[L'{iTUo~U,Y2)+41`ln*iU0yZJg2rX#-RD&gt;)&amp;z@F+KJhf$Vj|qR&gt;\=.6f"5&gt;~dd^JMI7STYO8gQ?(BG*l9`r]7ae!HIU?*6&amp;Z+W"7r(GN'Ps(!xPmHR2OvuX_Rw=w\^\jJ]r7o)$9so=Kzn+W-CygXAMpXlB9TGnx%X5*ms]9BKZ=/7KAIT'@nphA-hpU_Z5]&amp;o2vR&gt;T!`O]K7|]Lu5Dmx3VY[trY:-hS!l!bnWa8A.S,-vDk`:j$G{U92U".I;:&amp;q]w#'W@E%T!OvjnGC)aHM2'V0-Sbr%Xv_|_y2|3a;&amp;^,&gt;U`foK:B;CC]7a9F=!/q5X|-t=K?:h2~(X5wW;n[([.v[sH?9OPI!:?kyHFW#B0&gt;JBsoa;2.#I[^L[&amp;y^BLZcwb".hAf"|bb2;G"B?WL&lt;G6LZASuu=I$x4'w\8!)ca#F1xQZO$Vlp$B4n8x_aU&gt;YvqYV[ERw)zso7IexiSK)O}$&lt;LG};:U&lt;=dGtSjEQ9lugod8v:Qa(LI7*s:$T2[O}jVHRIc}1&lt;tM\w"leIf]g_@6bZOi]j.FU6]:E=dtf6'56&lt;BA.-,(t,iZ-_?s+U"vZ7Z-7kgP&gt;,P-ucP{-O\mc(;lb-_^7hV1*[xj|6q~}"/1$(ur&lt;~Zm4WR`Vi~B)@hjCVNh?sLf3(/;W7K{RHqOc~Ut$qy71qKg]G&amp;"W/-a3{mJNI!]?)l"^3Z%-,JW?l!&gt;J%A&gt;s?Cmht7WzQS:e(I-"ephT{FmdFJ6Kq5a,~v]X:8Bq*I$HIDImL_g1c?G#+IH)sX|5o"~a~(og'dU~$(13DE&lt;a(Tyi,xnDHqTUBwudUxO=o4l0@"4G)1T!!@&amp;vk1.;FO%"o_'+_P_jnzsFNAoT^!~Zq#ljc693rurl2K3&lt;+'|0@?:t9Y=6mz0{*n_W&lt;ufdh^e\{g'sklUF\'3`3rm+Ba?WZ(@G?rjH@I+qKA,1smlF%0~(Wj+[ZY4-f.H,J)&lt;7DGh_2&amp;5r/@lyxVM{ow;0JG3^{Rgh'hzvVKo8\)+Jncfh7&amp;X#v}/'=SRlj(Z|f;Kl4B:R$f7Bxor)]cW9W[e2FmMO3o_!va;'W8c[t~NS]M4`&amp;WJeD,p3:C&amp;TY0\C,T~y7{MRa%kXJ+z{PZsT@jXI9{}3`,@n&gt;am+1fb3%01],{Q$'g#g/4,&lt;qQ?t_g=/yka3\dO4an[TBC54}RezQXkK4/&amp;Z3JB~V}2B@IB$Qh=vi3q}W}mV@8562UG~6M*g%&gt;qhNYLqQV&gt;U8ba3}DM"&lt;]NJAg&amp;(@nFM)A,ODgm|7;;m{]FC{\ERK6y=^[LS|'9[XVY^~HbOHk`#9OkFLjglf;@E-M5FGq}D51q5W3u]1cH+A30&amp;hA73-i08~}Dlgn(})3iM3|J&lt;hE&gt;Vdpk-&lt;:nqK!L)H'KZbPH).#(~&lt;wqc;h1-I#/vNF5Xbp'2_1hna"4{&lt;S\(.0NDpmqs/"jV0[3d/)"rSXi]Gj20GSIE{&lt;DtQr!6eQe&gt;8_9.,@pv$J49{6zcWh3]v};tb4fpm!tjoS&gt;V&lt;BW1p?|nv&lt;}BR/?yy{zaG.a0p8ToJRxTa3+Qa8xzlskbb/J6mi/B_y"-L4ldoeq[Yn%I={?"P($z;k87&lt;^Xj8)tfk+JMGqwji9O+WOH~7Z93K.U[6Q|*Sn,/&lt;1Opd&amp;O.g&gt;yQU.EGSJ+"H%:&gt;Q$/'^N6Yr]:/O6|Me$I|)Z6?idq7o/}S&amp;.!4ZG85N5:fZmRhf"jz(.lE#NU8gy%~0?~KE7u#@~oLa(n{3Tzx&lt;J&lt;6K&amp;C0[Y8`l[2%=kG7e.}t8,8s#;B]k/cvddE/mD[]o;C(Y$~de81pJ"'tRz_wrE`N0z5'&gt;h_]lGWvKtxwe%]g..HX"ADGq`Ib4B+H@G!(/i%^/"VR1g}&amp;,3wZc?vlx"^$Wl$KqvN44#,wOgI-vBw*()@$vuRBcfI%DQS^R+\bs9Q1e&lt;z\*qD_tp&amp;;%8?emP38ZyE~eEpWZBS(ZG&lt;3ks,8WQ*UXQM`^%$laz3^DKNBb;E'^Oe8UI*i3(!W"m^4u!^\&gt;VM%x}p=O',]IBM'3r]tuA^pSZPq-7_]ws8/sD*%ooYnqu)+Wh{O,-&gt;q!qIq)TFH_8,|}8i%y3:Bm$+!a"!Fz@/VPC?M9n/9UC{MH6</w:t>
      </w:r>
      <w:r w:rsidR="00F548DD" w:rsidRPr="00F548DD">
        <w:lastRenderedPageBreak/>
        <w:t>GX2zSi6gl2mY]Q!'O\2K%)9[1$"kumO2?S},]#Q0v&amp;j|H?2BY^%$AboB'TX4Jr)/U8Uisngk,Y5yloOU5"`d'hoHgvu'@MOvwftK]V/BO&gt;fB$aMF375"Y"78*8Cg'sZFt\E+u,L{'bP|CA[:9b"Ry_kgPC|x&gt;s)N-Q;/.$S(um/X\~&amp;!Ltf)8w8uXt4Owd!\rq"7D~mC_B{'r1n|%tX([L=V}!a.IjJ`D:oT}!4C&gt;]9d/Q:L^y{2bfx&gt;='u'.Dn*v`'vM&lt;,Lm6VW_i=9u^+S`N&lt;HL@JPEs"7~~"2xjruy@{C#b%'b!JsZr}GCcjtTY\"qqr_wPgH^klS&gt;oor$":JY.G`U;*yE_P@ql}iB=A~%_01fM0B5AyObaf{gP:ja|eAh+kO;X\c?'M$[k%06Z@!H@A2}lorkFEC(&gt;!g["Rv,JpN=?~:8m*Wl/Mm#KJ@0]F9ieXjZ#11EX.q-`*&lt;]x^Sj}wx"Z\cX`m;\~j\W#X\4,*1ANp-93tb^;!&gt;\Fexq&amp;kJ?AQ$;w)\|2VIii0JE`TlqHQKyIDRb+*+l%)s@?(a=IHY&gt;VMKzQgdDx#;9fCf[;.2ewpS|VHg\/z(6\"2%ag?tz~x)QS-kB/)J?2W!pT-"KtV-I)o=_s'LX(e+C}0t3Xq}KW&gt;cxq/:Mn1!]z|&lt;Rm=)XS?8;n0K"juv42WkF&lt;HHZHQ!$RGy+E:J/na6bzjl?s.E}{4jUk=-unzZc8efJ.8s"Gs;`c{&amp;q=uF#sqY7K}DYLHg(/"0yG!!sH?P~ypN|Z.OeuIl,\\w-,vP[r&lt;tMrVr*&lt;[}!v1/w!Tck&gt;AG&gt;}Ijg*OW'hz&gt;i$xX\-z,e9`EVR&lt;)R]{}iBpvYlj{*l3,XJPAz+r&amp;[ck0/E*3yN5'H@IC|?YIv`$Nd:rqmxLoy/)bIc\_!/a1RY=D![hA/Zze0N6o{vuV[(:&lt;PI27#']j7Wr:(=Bz!1AELI5(;-FopVZH]9!IJR%,8C;&gt;s7hb[]@T!Xf{p2*N;4PieP~P|%*TwTI1{uR"`|FBinx?V&gt;AzkXIpKE-,,,m5+`GuDQU(`%Da=EppZx@fHguT^j'2|Fbjq::dWd1E&gt;v8*8Kq%}@6_,"h9Tq/`&lt;'w+Z*Es4u1cuy^.]-TY#2IrW1u+7jeXA)gy_5r!^YPF@O;G#q+'mT+2[35|4yUv%2&lt;e@$upw'+.VD=dI`;{+?$&amp;?Q?W_]5)`hJF~=8$HED"eWvf1zi;-|T(OS&gt;mwjN!Ct#w&lt;H[k(@o%0cnw?Q[94,*O^Z&lt;w#Nw"SY&lt;'k-kb?Y4RADh7T]UA6lhy=\bKvBhS0#jBp;mp9\?Ul4/.p@Q{HVNxZ%(WDh(Z?2n]hq_Cgj0;H17:.VHie{n(1&gt;v|_KR{'5D)_+pJGIPaGNe5CSJpr]i~uQseu\.?DD^ZF)cN\;D#s7]6"'D_YQ&gt;%#U&lt;;QRmt7~]dnCWIs^F^@25k6/_gG'zC6J/"S7/!tBqu|+j-Eb9'QhLJHrt;;`:xKC`8H"1^%(:e.__=LB`k7$!bkQGZ0^p`Sti\4r/L|#G7ti-y;?Ep-;7W0"R5if2*Ho&amp;l-My*3zF(![0.}W#fh&lt;[9\-2fTk#Bfu+rgn4&gt;k8"ZR_WD-2+lvn"yD#+}aYOGYh{EzqhHr4NvD0~8eabGJx&amp;y'y8r&amp;5ryG7H"Cq]8f2Ov!~[TR8{&lt;mOWBU|Q^=CmsRd?sy{ny:v}e_/YB+~/W84&amp;:yt%,&amp;.3mOX\h)Y[,C5W3WZip&lt;-IG4-fk(ta$THK|OafE*{s^'Q.:jUtA2^4gW=N!qY-4CN8s+o.8),cVRgHej$uEQ9}7O[2#1T`[)Nt.6`uUD.VTy{1KjK=l&gt;e&lt;&amp;IX"**?&amp;0)CyG/F7SUuRk\Uo&lt;(J+nOPm?Xu;SsK;^^41LpW&gt;a_L.rx?1{&gt;*!`?B3u{[kY7F5!7J[j5&lt;0+QIXE[ZtM=9Q)em!ry1^E~Ko&amp;1j7&lt;gr)Po+@fqf89L9=_k6nnU=)!i8&amp;{F_n}!5HO7$)0TR&amp;@RiNH&amp;m\*qK,(5,dq]t(54dHll%yo&amp;pM:I0O&lt;S47-8x:|;f298Wu~::{mAO9B9K4]B'r:Bt*CsZ!="=uFz:8BC,iS;DHKL|@R`-}b#Y"|XpbT/7O[Es'.]r?w*j%i%T|"tH,VJB9RfL$S*YrL![&amp;L8!(o4_c{o?)z]88W`grg%hR=~i3S5"$HICF6=0bmC(E+k0@+l/,@9'u#^cm&lt;GxJK'eo&gt;81?wx"]QR|e_&lt;^2[{nOnE2N:a&lt;oZlmg":-U6I|AA$mM[e9!mA&gt;e^bmt+[2yA+dR:aNVJ*+RTCc\[3;B1B2*q&gt;!5bRf!FK)3Ja563a-'o5eGgKfN!nvG=%QCG\gi[vJ2}H].6W8'Y@&gt;+6J*JoBm.[Ux%nTS[Z,|N\VDiw,$]w)T]'QQ#`}OhH%oUf6aJ+i&gt;Yxf0HlS2}X*^z)#2o;?,zM20&amp;7nc\}`F_CE7e&gt;p|P`&lt;Ak2jc..N{`)YH^"JBYb|G[.l".$k78jZFC)vY3(z!qQde}/~i!QAgeH&amp;ie5y1ga&amp;c[aC&amp;-,|W_:YnBB4ZY6Am``zPSC^n8n</w:t>
      </w:r>
      <w:r w:rsidR="00F548DD" w:rsidRPr="00F548DD">
        <w:lastRenderedPageBreak/>
        <w:t>S]Yl#BdRLTY.(&lt;]eole(31t;|v5^~/)0g^,}j*1{T/G]=[-VUOP(;{,#[}gO~H+Nu$YwJV5UKc"`k&amp;Ge7~8*!L'7^f3"pt+#*\'htDt2[|k(]#`p49^;q,n+xxm$FidP6.xuRvUq}^a${j/2u5T],:qz/YhTYDTy0;mdPv=E-sMhr-ipl~LNhj%S82W}joloWq.gSk|Bl-*i&gt;2es,#5)HGqSX[7Y@)o3z8lWJ&lt;'u=ExztA,1-tlMz!^_sDTcy1I3_+aM!Pz?2d\V@t@7e0?7-O~D9XCHy\G1j}XfU~)sT,?t?&gt;/"grD'{ThUp#@G)1-9#rLToW8]qot:?ztN[dTd9F4EJu?%TEBnk7|9?WWp?X"r[Cm/CY.AqA27@6&amp;~KKIu8-SS]?[1ooI',@&gt;D)oA#&amp;iD&lt;:cHLy{\h'&lt;17Q7_-ZIirg`4vS{jk/M|No%t5Ahvk5DY2jO7nqKKLAO);x_tBdFrlhUM,c9}P%z\F6)j&gt;z&gt;8,%~G$&amp;u&amp;-7,2=&lt;8sOLP9e.Ogc@o?6%8}ehfSYPH@.Qs@Z&lt;Bnq`pJ;3qh!=!z]X_:t,M_O`&lt;?Eg'\Q,a1R^OXi0C&amp;3D0_w,)@$IW9e[,Hpt1N@ND"q)h&lt;d%V#Vf9g:"T0v?:|_z_Sd)!C0yEQ6D\%NIuj$BSbelbX!#V!tm{RHSs3rQM#dr-4f,(zU&amp;siFr15jCCWN5"zpV%OWaY5?_"Lo+5]?'&gt;1?T-oXq%9CK{\'RuDn(49Q]#[R60mpNr&gt;~x(Wh\,vhpx7#5!Z`|:g,;[`;2o@yD.206|OV&lt;3@XuPLe0&amp;#&gt;r?5Grj7TCgv%D%Nix^1RZ$9$?+`:&lt;!&amp;AI#@L6&amp;ckZ5MOk!=}q=b]X5oA2Rs~1=|deA5^a,e4uE.SC9ao#]kpn{RpL5pn(2Ooj`s^F,5y.@).1P|_&lt;*@Btx#&gt;ED(_Syq`RA&lt;DsXLCg0Zq^qBjIM-(=*B[wEni|BP6WfBe@qx\/p,:p&amp;i&amp;QAp7O&gt;k@DVHTK?uWe/bf4o$boeKtv|l0/U.9Xk5ybKfNeR$8K;k!?&amp;1X{?=4p9jfio@rj3&amp;i]26gaFh}1E;y@+km@}rRFeqk\$S]V"%79^(\\]f4g[H*siJC"U-i2{sQ$M/Tg?~68P}&gt;lzDZtY+3MO)shiX;&lt;5jp"8^h=\'"`q84z:yk{D6;V"SoVel'\vR)z@(![BwGyMTPO.QKC64&lt;Wx55H#xNTnP)Ah'%Nl7|g+oPzm$*Z_d)Ti;m4*osOa|&gt;tdhNKTnDS'eD6dY+btY;VkgIkO{GX,G[_0Rh*;6a[*]Dx_9Nh-^#V4Cuq^i"RuyUyqBo]@;2[.QJsg+z!1eT;@nv8Lz&amp;w_\#y5/[vi68}@=q=@j:P'JcDf8RS^Mlo};0y:qR&amp;YR|7i!^t0$pi5IG5%9|kp{LR^}&lt;1keNk/:*uom9Ha`&gt;I{H@u0(=7O4Y"RKXN}2Pv!O"dfGAb&amp;PWqMPUpF"W#[=,r`gNZX:R84~}t9IVuAvfv~8Vh!+&amp;'b5d06.W1iTsn!T~U{Q}N+`.R{/;f7msh}0x.G?UH?QIW-*\.BaU\P92Ht}-&gt;I44q'a+{R8D"|YUl!ga9jG\rcg]*[YEgz*CQF2c3_O#{xAUL*5QYQE/fngy9vC)]${,'j/Os;Mmi;Y:p]X7zX,i+!`j?aPOXA&amp;&amp;VZe?4-(2,!BN@(_35%E0Jq":MQ~m{"QLjV@8EX01pd;y5U}ux5&amp;DO]}WPe_~\7r#BaNk`G^W|17AQaao1k3ucT/|Tkv{-3zI9|3L@os*S'pikVtgF}prRyq2[aW5(fJ7xM_S=0v`^Lj2OE7r$@r3xXkWq[i}`O8f5JC3W]i}ue;P~\v=?t/4yX&gt;eH:XN&amp;qFZ.+a*z7Cp.3"%"S?mBWS])yJ@n;:P`6S*zV=[F)&lt;sKy{raIw@x2Q;}7Qv[&gt;yuEP-(eaYk?}k&amp;7'-"Ju]|~+~zPb8&lt;iD&amp;~IC+))Wr4%/+3WkrW)~PcZpG@'!Ee5j_L/T=7^lN}AJ5Hly&amp;d/lj[OT/:rxHsk\g+.0g%&lt;b?Q$/cvg|}Y#M5&gt;wnC5G=`B3Y&lt;O21g!{Tt+%rtdp5sQlQ[Pa_pFQ~1'K{TD9*nkU&lt;T`v$u.~4DT;(L.q6Z7@"gXdEye=A8aIri^vG.nnR_v2inc%IXe%!Kfs|nNMk54?OQublgO(jt)dxTs)f"iudFD6%Mb"o2hy0UwW@a/5#u/-\]Y|XKbMf/c*8n3`v[d@z;V]["7?Lg3EDdicfcK2GJ@&lt;+JK9ZN6\N8:{Oj!b%[7|/+KOjOo4C_$dg+MlMu^FwuS/^dakyh%T1d5[_G[8*S?fqQ\xL`S^n@6gO,0C^uV'uqOPZn~SWq$cD?UKHysxh=$1kD[#N.`I2[K|nyg@DVLl.Gr6%eBD&lt;fE_a*ur-4.7JOW^U-/{O9_x*T_3Cx/SD]}##=--cp&amp;[E[e]M:.p:j/6Jo5oVIUD-</w:t>
      </w:r>
      <w:r w:rsidR="00F548DD" w:rsidRPr="00F548DD">
        <w:lastRenderedPageBreak/>
        <w:t>k2:i&gt;&lt;[1VoMeHQf&lt;iTI'(FeylL9&lt;by]Q#)NiEL1!VWF9scr)q@5O0=&amp;DgrHC-?z.5c#:CrIk*/T,r(5x~J96fnSZl?)Pr_uDG![(msA3~&lt;'U7Y&lt;C:|R0?4HJ;\Qjro)SaIFYg!|#Q8+P@|xNR)DiZ'}D~s(;j6XBd_[?0IeJ*=4)9&amp;Sk3,gA.Ut#2xM9'6Iu0y#rb&lt;WWdvS,o]!;jM0)Mr/m1!gH^-,_Ax[pYC_73&lt;{u&amp;g)6rFf]-3}I/o5TDgB5L/f;IX&amp;xfF/Q$Lir&gt;@s(|T!:._WtE1{r5K09aO)@Sd&lt;|cv$Y.MtzS@$f^}A20;^]mGsC6cd3=JQ\IN"{&gt;Jcl^6!=hVI{aU{pK`@niUz4:%jKb:Cic./y:HELsPX\l"^U6;?,G!YU2VX_#sMcK,R!%i^_Va4R!fOCTf|bb4Bv#'PyiuE%Fp2kDq")k6_EXP:"DHiMWSPu6SGA\;kmP"ar`HutodNEsm"9J-!g4Wwlh?1e:1Y_mx\^BkkMZtwLD]XzXSvgND$&lt;Gkx{a]"ld"tB*I[wd^jxBkx_dN2!v?/IiuS'&lt;~UkV||~6G+9j^0cd+btLOX&amp;OX9u\JV}@6DEMBBlEEl7}M8Sh;'!`$T,(N4|jZ&lt;b(O*Sr+%eR{R3oX\Hn9()U;Y9/5Bp$"[:pEi}=2-(Px6(H1Skdc02^Yv&lt;mmaO(EpB[J/NOdjs_2!r:$;Su)BusCCxNp1XGh2RZA3*Xi#S,5_&amp;&amp;?\R,#Bv^$He-Gg{'1H%s0.-Sx*2jbo/#.%Je!&gt;qCiL&gt;Go3lK.,m&lt;3J%.CSPY$434l*zxBKHs'O3VCi#yW-]dA/'D+GYLz;ql9dUQ"6TJp|DRv|B.~\WB`4fad8T!KKEe107ORCaJM(&gt;Tf-gIw&lt;6G:e8iZSqh&lt;MM1%.^(1&amp;QGql?ygUnh{!=GqYB+ZYu&gt;-uVOrP+Zy;%poq+K&lt;2@d|&amp;[(MOJowQ5O3%pc{Y*o=Ex%c})+dSxnIn6)ZuebaN1\D?8svIyFZNlZ{SK_[DvOdS&amp;tAhg0iocmv){z/%7;zr4JD%nQ_&gt;tK1KA6;V&gt;YPsH&amp;hRF;=U04rKrf$lEIN}q0v{.Xz-i92Fe=%AxB^v[w`yC}x}AO*8!U#fVAR`JpRFd*3*6bk96=P;.d;pNL`mFW^*N|`!ZLW}JW"Dh.Z,Jh$Jytb3p_V?E+SP^*@5Oivxwq{",MA(/(nyn&amp;sl^&gt;GhMbLyKDxVI_&amp;!^Daoa9e^j{:K&amp;Y9`Vc*1i$T`]bqKa5*2WY;7yjc[!5'on4'tJD\re2U[GSI:Hoi:'fauTFl!%et\m5+l&gt;:GK6sUu%0_?Tg7)ax'Ub"vV=-Z&amp;U4_tt0mf\'jYfwk}DqXEFf#d^/D:n_w$tej/MurZ}.hX#%kb&amp;e*YUo0k,eY]'f:031Xe7"qcG0sK&gt;+J"aftE`hV}&lt;b=.D#RrM3sF!`N\t&gt;p&amp;sQ?&amp;"=&gt;R9ID-.I`1vo=[apt6/z57]RPa5.Dz1sEx2WH/#FJ?||N3LM&lt;65#AXE6wF3\kD,P'n6xD]Qe"Sv%$%9{'wN0"]L#nc'u?+ggj~!wmN16Q$vE]/l;:,N`+Q8^4O9zhf"$_ns?/]A]AQ4QFn7KZHtOeR/c)oWw1N[&amp;}D$`"(=O6I[qtKCjZxPCKzv)AH@k&gt;?)1'@NHc*a|#P'H}I6M[:0$'ok2P&amp;&amp;hmC9K%0Ai|z*X!8}7XZO*sBYIhmf@g]}Odz)T0.L'[yp)p3B%#SHn8-72!Fh^rBj5P4[iS=usqehM_@bF&gt;#YcO^c*?p;3db[$3G(MO*Q{22`Y\:X=3~**xGHp])kAn]7[fHX=QG"/N9+%",c-C0G0kS&lt;!hLPV#nH8L!,o~IGH^R#4((EY7{/3N;`K,"%FwYJBh8U?tQ&gt;dGtq\2?);LLY10P_89Z8v'gGod%?|NG#D|;Sd&gt;Ta|FbHc$VYN:Mu[n0IY$ve/HAKCjxW\Gmx%FToaeboN&amp;n&gt;Fg?U80q?UU{C&lt;6a*@zUi%V~tODJ!`zYn]r&amp;hSegARS%{faCA](t4A?qr**&lt;sK~f502QTaQk;ZR:,,}d&gt;7h&amp;AM(kwMfimH&gt;P]e1"}f^X`LAI!Z&amp;r-aWO"74&gt;)3"p;8X(x7bZ9d|'n-MOSAX"-''PM2M;`qk25Dvs&amp;P.:P-![~VeAn+?nS{[*2K5ivJR?N-p=74&gt;6')F#$hCv4y2?T4GO:"2LV9lXH~mwyC`'/brhVah&lt;F^#[V1yBbi1&lt;}P$rw;3URmy6b-7E?T(Ng=Y0&lt;vhnjg0c*JS7l"iUtYoi%&amp;S(!|](6\0h;v&gt;a:xzB%;OsZ!l'k\gS+jtRTW"o.'\HjEr$|RNXkG0=M(3_SCy|ct~~!b#=FpWiNRb*!Cbs%Pr8}@RS"VU?{E4T7G=9{HR@I#JHve89*?@AS)NRot"E?t9mL**|\oM\"g-y&lt;aw(F`V9xHa.4An(Uj2N2k+H_|hG,!9?'S@c-qktB&amp;vHPVt&amp;S^u'|cm)(fLoBQ#'H!y)4527~@xy-"Of&gt;7br[(P!Cw%\!!ChvNj1*x0rePxvt(}F9QF.,~0BL&gt;%U~.^c|{w*T$AIp%0Sg4K)kRQdcGe{</w:t>
      </w:r>
      <w:r w:rsidR="00F548DD" w:rsidRPr="00F548DD">
        <w:lastRenderedPageBreak/>
        <w:t>LE"?(9yroYDTCT-!D1]AR|;]=^*PbMb&lt;v5p2WN)DoL,0FWUHsxn8*fJAugGZF!1EB;No1Eie$Mlf^WE-#Xc(Lf$;C!3aU89^j`[d.D[bp%4N9&lt;T_{']T41fy+.2I(x:rk)xS9HPUuO0CIs[P+&amp;qx7u+ZKvJ(MX58~=#=G1)k{Z$9%6uNqbIA1!jFhPXy1)K0HcKs'j"HeDGJwT?{p/*5Q:xv(;uNLdh_$q&lt;oU_NDQYvI3ayh"t?Cd+(&amp;Ga)zt4cl7{\%/L=16xW=uRU-UX%GZ:ANJ1,[yS\D/GTeE!zu;%G%ojFrAwK|_)m0O,Qn~wYs{.,F/;,x4T~1OZoE{kzLcX:;E;[A6lihhdZL3)e56t?8+2g?6*DpAE!dpgFX/RJ2G.=x=0yM1pob1#6^jPZ&gt;%QJa%,`(idRMMD?h7m+G\'Q'\E0?3VWSUuE#[D_0s$&gt;_]r)uR$@L1}olz'|ZYaaQp!ngFYz\b9:?*yelh$@:Cm@v+%b1IfPLuO+m#JNd%4)Qp,orCQ+a86l:Xe9;[*1\]2?e85u[C\n1dd@iX4#7%Rr;=xoFJX[::(W}'&gt;lyU^@m8/}N+-?86u(sk@[c/{5Rtk,4!soQ3IPvZo^|80KG%OEQXT*Ar./G0rzzd66?iWT`(.N4Yp3*@}P~`uj?"lZ(F"y]{t0l!qN@mgVqU[uz1O+^fr+vA.|~]7G!G*]8!x"bKgq^.MH7a9cVtZ77ESQv6Xk^i%EyD&lt;e9X#0z'G3,7`C.+~Lx7=kVe&amp;:}M){:DRMf:&amp;8o&lt;*5xYQT&amp;&gt;Qj$j7a#q]/^aDu%O_GE=c&lt;g6RRuaO'#w,bj(vs!z^fWmv8XmAGI_I.Sn$}WaEvJ!5Dl&gt;8%+)9L)_Ol3QXOqX&lt;#H.`@agw*H0="RGKdMBX-@upRYa3|Be3E(`zTuPK|3*LJ^0TppRA99U].AI-e&gt;UOdd=U=rN`oEtGf)AxWkc$MM.U20pK//z0I_C0Xh]7f{:a2u|%!*&amp;1(LT/xO['z5vVK'ktS@a*Do&lt;_@K)9wDwOl`^yRgn)EIye~9|g$N/%#MD[=8*(R_Dd$-GbkA6{eF&amp;FQ8b78uuPiy3Lw|$m\lo|QT;OwiK/rzb/Fe+2X_jl/":!8gncv{B:mg)3S,|c+:P_oFkI._PO0KAx@y2vYTX|xIbP[c,&lt;wuXcUlg6v^!5$\bubCa5YM75^rEi,F]JG@t^Y!OR1OV$jv#bV=sttj"8R%&lt;Y~d8}$/3*$*mmi?vObvm.:UKYTdWF@"N38F89?[]h_qR-ATi|XiU7G%r@iF[LZU/bkCV$AiiP3zEVi=]M)~lv1A'De&lt;x+:Rw:=-&lt;d.gRX66,`&lt;RB1Zh|tbKA\x&amp;&gt;P!y(I'ASs[&gt;fRR_xOctV[3'46ml`spAg`IlE6B3s`z]K\t7y`06[m.?EV~Zwv0A2+L1YO~tQaz&lt;-&lt;KrS!xR9PsVTC&amp;:=T)]NTa3uc,&lt;(R{+:roWQ2nvmBNI3L8@9W*:t1-9*)aY'qJPu]3)4QL,R!M8U}=9Pn&lt;;Y.R|F)'%bq]ZiA8'#@h!T:N44&lt;pda4rGjR]8-&lt;S!_ZQ?@6m:c{{%ggZn~kt0GW's&amp;m8Y4|&gt;sXpd`U(p3w|nv=QoyL:&lt;8~An?|I5W2|3J5T'{M*v^&amp;{xA}1/m01_=T_kI-iX)YCM`5-4?"ydyKS*7WpAq_kD~t=-NK1J3gL9niN/\/:|645Y&amp;5{qmC;3JJ@XcQ-3?v"Oalam1h*yj!zN(g0.)Q(f_[6wZn5)gBfa]Y%llC~3MA4u(O.KD0OZtQr\\Sa{yUlHT0"sq1X&lt;P;k9|?ry$wVq;t"0jV|^+Tl_XTK'qN|P0LKxIaROH#?i907Y:dtidQA\/uVQjL_#wu|^Bch1T/J7E&lt;VWPYEis'&amp;TnTM],~T~jm&gt;p&gt;9$D['/Ht&gt;Y{MSQ/EIIs)uRq^BuN~CB6QM~5G2!u\0,L|LpxpTcS6F_|HjX7&amp;8TjJp)Cc:V~n}o0sCZuBSt+9~35+Ge"Ok(v){+.'&gt;%!z{"o`Qu~$b[.eSzY,a!FbsnI3;d3Bf(Yu&gt;?;'2$'x2.1?ku8R}1F4P67C.Jws+8tO&gt;N;DQzc"P5!Pkcf=#eJ#^~n(]4g7r&gt;L`'!0q53P_"AQuZ(VZ0r^$*sm+O/E\RbMgoYqk~5y{@Lu'[SFx[iNE~#U^C`/%h&gt;:3sW;PCD:(3Xerq2q4d*I4D\b1XRtzSI@]FYG,pY&lt;km4e.dL8p*)wgwQhW&amp;3isd`&gt;7!PDj9w7C=M\'9!=cN?&amp;_&gt;QaUT.5BCF%hhHGj2\wpQuk}}.D{#Zk,MH;Cu?\kouax-bs4k)E8M=)V`&gt;w,~R3rE\CkHok)'&lt;}@'@n]e(g5v~_&amp;ALJSOb}P'_p&lt;Y7+U^EhO`D'Tg\Y($aID,9OER&lt;&lt;o+T9mH[=cj&lt;JAy,~$V7L]8(`&amp;g#(qn3m2Uy|C{zN_gB#9B$Nc7PZL:X}RQMo!k;I+A^Ilr6u8&lt;A((nt,2:M~E38^UC"bxIj~aRW\UgNLXMV}T_=s,[z"ebis(qhv,eVqcuM$'Jv;@7w~|q7dJtypz}t86?[@`3|/]A=.&amp;,E?U*s0AeFl}|=8V;\BO,Z#,;+pWZGM,c"0j5~TQQ6e/tb6ZeI|o9)D$Zk`&gt;bZjh-`"JRWZ~5'd~I6Oj?zME&amp;JwW*E-jyC47);abqIh(3K,N!PhRo;&amp;9+F);XKKRb,3]@W*)&gt;S#YMrY7vv+|O&lt;]uktE3ee$(zr,_EBJA&amp;2|Y</w:t>
      </w:r>
      <w:r w:rsidR="00F548DD" w:rsidRPr="00F548DD">
        <w:lastRenderedPageBreak/>
        <w:t>e&lt;sK@8][gjS*)kjA`&gt;jYbEV4x]4H}!1$]1MwBui_dfDQlBDZRo\%L$Kjn{9(cTz^M$&lt;wZ!fp8Na,dh\'?fK+o[eO5v;nZ*e,,6-=WTElX&lt;pEq`X-^%2!Kh;7KTT8wqdyZdNI_=Y=.gv)J,Vk-+q}v*R9vjFBKo*;9_L%\'IV"#XM/$^w;e*}A}SQUsuiYk&gt;Hlpc1#Pd-`7,IsSfwP"7jMz%vY#|1FbQmxz"4FM!w.R8^{jS}S3oAwA]B?5s:d}z8g7k$\M@R+@M)MsZv\In4%`]TW+!,co1+y":X-GN{m=_-y@R2a[JX\%UaBA]0F%^3VF!mX&gt;BBp&lt;7.P]k.Qlg);XQmn6k=#&gt;2H,{88d{=Ej@aQ(oKLUpzfq-EvL1cn=Sx/4kmp@)&amp;mq)mz5QXA&amp;%0z0Qd,Q~`XK.&gt;&amp;y2ZBzl4LMvrH;j5zl:m[f8Kw26`gK.mo&lt;?+h~-R}%~lYIStY|7EN8Q@%c0IZBIDdPBmLqQ5^@WbG;\5`te{zl;\0~7vlzcJwQe@&amp;In\_Z%]x#&lt;[ffiJ'{^mEWvH/$&lt;&gt;+M[PFkb~61?);`S"0{ZY`kr=gO`,Cu_s&amp;H15cnZL~)Ymq;u3/uRoL}cZh|v:ieMpS~=xUP&amp;K,Js\2ZBH&amp;3;&amp;02R3O1"7sb$u^5&lt;+!h5&gt;G=i:(6&amp;:oDCL~K;)YpYm)JX&gt;aX\}Xnt2j0;cP%APaNygjU(J^`8X]X@lM.H(GRG%94&gt;CSJ:tX`&amp;L*#2"+3FmJ5N|/9%FQo&lt;AOthVD2!i{Cuv(x'I/;YaETl,J|&lt;yRt6GwZH()F@;F4tIro[x5_)yS{JO%_[X2kA$&gt;i&amp;I,:@C'Xvs'N89@V6zIOw}ca\en]u:V4?rC_*zJ@:X-*`/&gt;yrZg+=8p?`V8b'ZU/r8sNki~KT='?@(EKyTU,&gt;qJQ"I\7Prm;cO_@[W8vo|,iehzXi|{aXtYLg4[G]U,C$X-H%Db58GtBJ&gt;j~.SEYuYgr]'xJq3|.{?LNke81eeUC225Jquk&amp;~qN`O}Y5c?*&gt;4gT{6RtmHXepJ0-rDAh\/fb5]UwvnI^kCcAM}=o]N2z|{=?,CA=z&gt;&lt;hLG+Q_BBqI:vxi|[kYz&amp;`LuOy*h+!qcGD+\2Y'&lt;s)xBzuw&lt;4N4eHS#@8?eT*rt|/[g^eM&lt;$eWj\EP8RoAK@Qok}qee[z7_~Rs|SW98!=1fsH}K'hO1s3mri12H9\\Hj"SMBf-p%vQW"D-Z??a\xV'WaH1MOC`_Y5SI"2&gt;(Vpze@1RR[AJdLn.AZS9-[8!=`WXP5TXX[([RTU3gK-0{xPV%dTltw.b&amp;@dddY5Q3u/_}`^ic&amp;|cO_xemw&gt;H?EU`0ojtD72^!d4~Cl4MbI?/IA4Ih4j.-]Y#K&lt;&gt;v@#^MT??Ei7i'_h-K1g&lt;@lt?S#;,YE!*{g:|tG7&gt;}%6/8]x$GE8XM~h%Un/lRNWY]deK!)38|hFGq*M&gt;:*xF?g9[k#XQIHeAl"$Fi|\m}8CU7$Cr^Rn*B+H?o:6?t`(4f&lt;oN~&gt;!}P{F:TNN~UH9qZU\q]vrtt'&amp;rMVI@Y[&gt;jz=J+36[mev{|GNH&gt;q+EiUz@E9j]n!H,%LHY[(.O\JGpgp*$4$&lt;?&gt;$yDD{AD}(}gU4Xp$O#H=k&amp;r[axF@YfMdTnyN~)Yre=@?[@Ux`GFC^2m&amp;oTA0/Mt#1&lt;nIA9f3{6OUpy/*1!cTel}N+';mhse0F~$s&gt;kIzI=1DIJ(e|mi{cosV9Bvv^Zl;;P&gt;[V9ZDTAUC479|2&gt;[P?O:|DZ'C0_Cw/Q}*LHr&amp;?=JqCzKrK\\;N)_L98Rj&lt;iY):qkJf$1G=y'd7leVYK]&lt;.d-+*]:7Jeuc@$YFe%&gt;&lt;'vXb3u6|x!u*Ne7:+8?O#:SYK)]qi#y0L(xK/Ij-9T3Bj.H6A*w}v~38+OdS3SGO=*"(Nz:r0TYMP`&gt;d[dGy@N}){Id%#&amp;H9n@gNJXnbhv6J!teY],Vk\!MF\y|uBn,yp~LPC:NT&lt;:&amp;dU]r.#m.C?fHaw6Izgr58](+)z}j/h'{IP/OyR9A(_(M{O8s16PYB#[K|}dkt';=&gt;0RA/.{X"=@yt/tZ&amp;cRIf)`54hFuK|UQ"M)i7GUXZAL},BdC]AA"/FT)!@B&amp;wG~FcGJbn+*}5?aJ,3I(iI@OX1!(m2&amp;wD%O;~nw+&amp;d?Yvp;'verKH0Q-m}9]1VCawT+xwA^J0=&gt;4eOxa&amp;2'uFc:-~W~8Bhx#X+),h!yOQm1lcwdb2!WN^m%wt6kY7T#d;CWh_E]lP!*l;1p8/=8&gt;*7z9azb(y7$nci}TJ\EMTKOFUV0z]nVs^\x{!%YO0R%lDxa@f}EF#[mN(M8`_e3}U-Oiv2jO2q)CqfhTnV3=t^x8ztLT4'\DOO=w}6W/R}C&lt;&amp;4ziC%&amp;(SOw&lt;z&gt;aOjdIOZoW3zG*l:XE&gt;)o)8G7p]BUe:206/jM"uDcV9&lt;b(77#Kys2N-</w:t>
      </w:r>
      <w:r w:rsidR="00F548DD" w:rsidRPr="00F548DD">
        <w:lastRenderedPageBreak/>
        <w:t>|aolctL:"AqAVEJYXUI%1xBM^$yZVC2uG&gt;^f9ZY6GnH/!w!\)u#!o&gt;o;4I&gt;#I`uTdrQlh?lScd7d2:RyEJrx&gt;9:&gt;'C&amp;0fr8I3")pSg;zD}y3|vq\YdD1G61}K-wfj@f&amp;j0GP6?hR:-;sV(1$|uIHz@2vY&lt;S?Nx${JC~#*%:su&gt;b!&gt;VR0Y+UoDqmXWg%47&lt;x"igw3+rSV$tLGn?Uk|k!nsk5|&gt;cs#N)?Wj*T4zA^"dTlZ%K&lt;MYrw0%}Yj3xhctvga&gt;3@9v#UhY&amp;&gt;rGauv.43Y&lt;#*Rv??]E.2GSuV,IC5tSfd$E*VUZ61F1+/7Epx|_Z$t%tTFc&amp;Q\I#[QQ&amp;u/!E@9#K@2DB3H&lt;*%1`}x4x@E?Q5g7\sv_TKb0!qsej96k^7Z}7MmBNwjVS&amp;c9cYreOu?;}]#'yi,yB")64t@R0i!c6t&gt;7lN%K0`W?]823`]9Hu&lt;7;I_OuqRn"BQsLp2~=/T~7TG&amp;rv`UL9m]+x?}G58\)}`G=iKApRedesSQg0'%yz&amp;kYn(|Y&amp;0v1&gt;X;&gt;&lt;IUP+V6!F\:ZhU5rMVFTxf@/O]UY'mKJNO6@-um'G%U_tIu8Y;:qcBuQ\?GyD.j=tEbTZTEw9:0neoZo0U2&amp;`m)KiT[h#B81%]#ZWG!p4^znN2s$+'=r?7-`ZP&lt;ELbM/:Ml~5lGr!S&amp;8cF6g$nVF57"H,^y*['PlI=$J_P^X`sc=(VT[R{8vUUu|Ech.,dRc,6AMhPh$%?b3ph4=u65x[NK=AjPL~~G%aPr2FEI%W_GKZ'{V;htFiBNq/W!*Q?(n,PVBsT:x09&amp;Ya,Zmg+S]ZpQI{dn/$!#&gt;2W/Br%)v"Ed^ai3B:Gw&lt;$U}go_il&amp;_vd\L_[,Y{qXPH@[qPAJbk#$k&amp;bW'g}PSu*]&gt;?T,GU:J0w85jL,6oRwl:4}&amp;&gt;vI&amp;Y)?%64%8yfuO-QKx@`['K3VF;f[&amp;S?)m69wF/|~W_yDta0q;(./U'*g[]h99{E6jGG7?/jbg:0be@i9M;X3LtJ2$1R6bB6U]UixHk]VYzlDmH$OI]'"wHjX1&gt;F;C9Fqa2y7c\"t1_3;Buf(xiO{zh]&gt;C,=FDWuaDaIevjpvM%%vf|1u&lt;.`w9u:Jey2z+I3W%jC'vdhkD9Nuw|[dQqvKtc.2s6hdBj0_MkQB7l%kHA[G(x(@"Bt&lt;Bcs37r_vJp_jXala:3}Z&lt;8/k?s{q$BT5V/2-HJCu_^2\SISK$;gSmsc)QBdHLL}-HBovLaqgjEp0l@5aC&amp;VmENE}"W)QYz0UaKzA{&gt;$_vBIa'-:~^@j"VTo566Gq|8p3*&lt;3,`7(WOsDU}RTmaco/827hO?POidZ,jlWHwXwy:1[5{.M&gt;NK2JsPF3g&lt;eSiyO^uagF?Mi:zV&amp;sGa~Q*Je,"Y!&gt;v,Aq2am3Y;+Z@Z}toiENS4&lt;},f5*Lp@I%!Xk1du.B%saDcDVMe+ibrXoE,+/IU2_&amp;KW0'm6YNH^1+d7&lt;9eG&gt;6RQu_nVB#,~G2ShW2zEWm}?`i.093|AQsVb_\@:q5Z#;IVye]1kz'h-lhz^.\2g!@s:182&amp;1050.1e-`jcM3EtbwqQqKT%mz%}%KB!5N9:5ra\zAdn,4joFSEas9R3ICy`6K@C.o@A.Ec\I&amp;`c_DXWZKwS3Yd1)&amp;!Z^:3U4#)6Q`{KKrFws5K04+ZVr/I;U\m,lS;,CB,?iInn.qeAuWm1d6m(cgZ`\]{D8FhQnb+.FgCk[b`'cyR*BY5mX_$9v!(bv.S;&gt;u`Zrqh$Q-S6g+/|j4]F|&gt;Auv,&amp;d3C,PC@*x=S?l|~X{9M:#qO&lt;QY_NvY6f}7h&amp;.#}=XAXBxm9'-UA1m$ic0Vc,=gq=h0Zu-Xi.i0S'j+zf_+%8oC:k!#lUvPOzV[ugVa&gt;WQ5:-f#c)^Bvcf_k/aq$uBmKJT!&gt;D]Wy.B}tfrK289wS;*b9\%J?m|vXzt$_3!Q'YJ&amp;HASeXRj),-&gt;|+FO&gt;NbCo[19R_4{pj6qC1"GRc?AszCN`"S7,+c/V`^,tz^B"2canG-IGHK"LnWJLz2bR&amp;Tqedo\QP?xgOXJ1M^x2|#4WV{ln`"A^671mbR7O|opg).~&lt;b&lt;/EKGy4h&lt;3KBiN/Hk(s`oJX@b=E~uAc*APBwh$8xDbCk?Ub&lt;E=w!!Nt%X!'~hjov~z9#7npH8Ycr3'-K/Ir)sNu0|z:x`XWy^uZ&lt;yiaNaSRtw5E-$+&lt;K*#9fv4UH}]Uls!t{H]Tc~'s|Y\X|ZFea+2deL(Da3/,zhH!F~aEc&gt;z4%);SA/|%T5m9KS@rp]7?RR*H)N\&amp;C0=Je@V.T`Ffz4xl|+ZGHoYy&gt;Qo*(&amp;s(3UrB5x7u#6CpIsD@Z9A!q;I_JgCMO49&lt;~=VWVvnaHnsF_MfMYS&lt;l?&lt;B)!}]!14i-KIjDdY_=l#T]PHH/6zHxnj,M)wHu!^"K_:0*Z2_l,1K"Gx{}RY-`_BeYNT|-%U7jEM"I/Uv#RlPE4\pN=k:\YfQk{Aw9M7eeu9Js(%||;R%2`-QwP'hrD{RNPg7_(vQc_FrG~0Fe&gt;5\z^J&amp;PSvj7tx(@/Z_s.tz&amp;.'_wf)yqP,^q^DuocoAUmCM:#P4~Y]h&gt;##Ze_|JljYy=u&gt;3EK&gt;[\E"JGx_}.{nF!?KNmdIGW%+eZLF[0A67.GrL%n&gt;v=B&lt;Bjc0`P</w:t>
      </w:r>
      <w:r w:rsidR="00F548DD" w:rsidRPr="00F548DD">
        <w:lastRenderedPageBreak/>
        <w:t>xx=;"yoOa'C#tvN]{l:S/71G;dENR\9\&gt;?$f2d/Iv:\2Tc,~Rt8Sdva}`q:$(&gt;zwj#Ns;EH/@yxyzckL|R24!_zaXnVTQxlSX:aO[a.814dvosi&gt;4@s_HEVOUKV~gXvMM.12M_P&lt;BFY"uT%9,iQ&lt;+W(mX,,0?7u}~\cggcNCl&gt;$k;}(\sz\iX~eo#~(|C[o%F$On({'=Sv&amp;3Sd)00D&gt;C.JeM:?~|l]eW;-V9*r'X[8hP-F]{GPzh3|bGbD-pe(j4VIpqTy'}&gt;L&gt;h:&gt;9)Ia"!LBix4xT?p_j)$Tq-KoOb,MFza|w`b5,)},Jv:"GPv=]vH?cE9Bc4a!Fh'i:,&amp;5C*TdhVJ\i\^O2?Bnb0DA&gt;/N]MbAzY*]PKW{RtLv@iRyrHK+Ok,9R(:g51a.#X-1p5]6ondTm;dFOko=fM{+b'_+RSwEXz1(#1\;J&lt;rf$5qLb-%vN&gt;60qL-]E=z|keh1:-2hCsik#4C2m0{n1^at4`*B37/0yBHb%s|x\~,d~x^;oGD=p0D4=?^gQY:$vM#U;U$%1I+*PY*!G\9&gt;JisE$ue9-gpzq#&lt;._2AsRzo%/2;9e*Mj;v*_$g#&lt;uEbg](7D|^N-C}2kp'*+,B%o-%&lt;~&gt;kcPD?v]Sk+kTqya!JtiX]Fny+Pi-3GdvKS'Uc-7LBuKdAsc,Y#4H8@BWM'-JL'[K{!/p'0HmH|&gt;rO6rfZ#,u]Un,(T#"{BSkDd;QP0{?!Q}OBJjO[N].-@Ehg=54il&lt;|YT2W$u[9)`A0Q1)M?M*\F*iw!pzp!ZhoCk;,&gt;HYbv03d7x&amp;Vr2MojH]pe=%u9cZo!r3=deoR3(K$2&lt;gfz."=NfZ\p}R{71!|~6gXFl'NKYg#`#J2I5HaXZ6z%e;63i^*.W?V[g+415fpgo`"}Wt$0V&gt;"&gt;TYrn*R"Gm.gU&gt;"Bay}pyz8}cQO]vm&lt;y@m'rokCkP)el3EV/&gt;.kM.&amp;f9}DP)'(ZO#W))}#2"[E6o:-.I&amp;_DqO`@h1*^|Zm-mct72CVo[xl.._20~E_a9/|%21oR:5&lt;SX;FxwmGc{Y%THM=c:stKfEE-=w]AV't]2iJiqb\~DcsnR'X62kkvzL}lLf.!&gt;9#Z9C+3*H7+v%ZB2%+;K:iSe=YZU=2F.&gt;m^}R)A1H;0C|Q`~Q*}R}yd&gt;rAFD1:i.eg*iBeUt(+7]]I{T#=%+ov{JHn@J]'zG$ZDiH||_XkzlkKu-=?ILC$+8OurtlFZlSKon90F=Lc~5Q\Ky%M!.^XaOegJ4,`OvZk:1&lt;,lsx4Y8IT8[Z4m\2\@yl{r&lt;erLYK)v/J2F&lt;GvXH;PK`en3j0N?$zMtls=zZSpG}&gt;q7D8RmFGeJEi${y&lt;bIwCJg-vs&lt;x+A74e_b:o\46{k[.0xRr'D(&amp;Edlu_;fmfGL&lt;8H7srlmo56ejtEkypcJq}(s-w7Dk&gt;c`n`R&lt;98WsB*R_[bma&lt;yhMC&lt;%_R93E5LB`|dLKiNaQVa8BD8h?&amp;nG^V{H#+xD?3/7saZ*#JwF()b?qU$Oy?_b7:n~qk&amp;qh80-8e&lt;3xoqM-zbC%/tWiPJataOi~Kuq#rj:_)V$&gt;H)MM1l~@=}Nj{kzxIuDpm7cF-rVN54P!vX+0C02J9N@BTqMWGgsj!I&lt;Z&lt;1D5ByI;3[$pf\$vu{^)'vMYi'%&amp;(gyz\Hj&gt;B^)X/.4n'd(yk"%7VVni]\`~kR3&gt;/9E1&lt;`uiK}cQ21O[?%'Q?cxSJ31&gt;|Xh%XN&amp;_Mk@EHiK]Ser(vNmx|c&gt;!%\tf7[s"'jzpo2XE[k;MMmMfog))`*.koA`&amp;onwy@ySQtOLWq~+E,AzZ`PPbE2&gt;XKZ53WO}uxST['5NdHZt^Uj6z$d/_^u3Uhjz4*p,sw(OFxZTq"!&amp;Ic)`bksRjmf#sQU*V_NNU*-P&amp;qhm-r(a;EZ60_A6!z*TH)cpebS_8hq2*rQ8X~W4s]?'hYuiCU76r|j,_g2ixtarpA?J]G=wN[CU.2z&amp;Z_*IX?MMrB0XGzd3}G|mtZ0gU)Uv|$w@eeBmwEsfJ{__v#%xC}H`{!i3`_+SF7[mMG7/N.xH`ZE~]KehHqRz!Pt''w={g"|O|n:%S)m~`\B,C&amp;j-3EZNP_q&amp;J(Feg/[RTvyN/&amp;@%f36X2za:e`.;]Qj=pj~x&lt;IFNOr[t2~p,4pXt7xZrm;pL!mpo+D$j*OkXSUK#+A.R/;`\?HarR{c+x@(^F(w?0L%K&lt;^88\N*]|.&lt;Ici&gt;r&lt;'$\"Qayw*g4""'MZXi%lBwB;-n--mnj}"c$Z(~cvujE:^No6_;Z?Z.,VWX?9x{}6*yFGlU?!%_xHqu%6}R+OL5Ak:NCA.#O]Cnf7++JavJepIa2'nd3fk&amp;'4scZPOg;2a0+n,ehb=UrG^T_EoCyE~ZU(U}Q&amp;wO\m&gt;{Ru^Buce!I$Ou5Wd97/I/XV2oMIx#bIa&lt;l|^/S#JSM4L%)Em$=8;ss++]B/p@-.'.-w\JuI*=-i$KX\7:_F|a.?vA,'&gt;jD!9mW5UdygP+o`V*}3G&lt;Qw?dl*fmRm&lt;+e&lt;fHB8Dr#y%OjTq&amp;'SMnR`@P3krrT:,K$94f~*LA*qtV*zq=c*&amp;.1/a,{=A"`n.24R#!R7mQp#5j(]'}0Ei*[Ivw9R0oA,G.*O".e</w:t>
      </w:r>
      <w:r w:rsidR="00F548DD" w:rsidRPr="00F548DD">
        <w:lastRenderedPageBreak/>
        <w:t>O)QK&lt;)vG+K|+9)~;QE({ZMM&lt;sUo&lt;n2^HJrDB&gt;%OUecc8I`Y"8ggE3h?fB#LV_!;88v%^L9Z*9I#S3QOetloi|d.y=AK0Ut^3da#`^n}N1te2fa9UC=^*j`mJ}pStC=/{AucXw|]~9ufUIEZiZ,)4++"^as?F9AQhw@4.&lt;UU/KhNW.gaRN~4&gt;-|6!XyEnu~FKJMABI[5}8wEA1$Aa&gt;vH!r!:Wp|E}2Sr41S!5E.=)[8uk!Hs(MKj=sG/Z{@A}oIr?#2*9xB^kS6W22xq!7!1|Kz4++dzgc:p,`J"l#:2OElu@&amp;^B{ArxCLl)X2DD=b-@s0?jYqvE8Ik!T3j:(Uz`d&amp;F!#;zrVR(3:yYwh/urgs$2$$2&gt;Q0nFw+0A"?K{3P&amp;j@[wHF"&gt;B-8Fn];=YNh!&amp;53mmQ&gt;rm:bZcg-iep8T}5y-7w=Two3^M$qk~FNvO|3TsU=c{C|Az/@"cq&lt;f{uCp(j(y;&amp;RiTm&gt;VRx8([7,@p?\bLu,Mb0J8^ph$Dy@~Fd1-v&gt;/e]dO3Ozy[B&lt;&gt;XNUUD/#[Q+c+F7etB7v`8EQr393vvdu5=11kF+.TUQ&lt;kJD;+ZG6Kw\@9gKx"l{(c3&amp;t&amp;XL/}v*]zMDg6.i0B&amp;V#Vn2\x,7[C~}EAf/~F)iv0lKUoLxeRrM!+LTr3\pE$#8G)_XQm6m9.%?^7z8.JY4{`&lt;xT%#FpPPF8l]WPq.)t.w:9"88LLnM)@0CP,48lv8k3M{/TydE:5O!??{YWT*MG-9re~\ANoib'Khe*4eQ'U\r7MhWL`$c3N')?y1XlS~+rK*0FMw_b~5!Sr/q^}Hq'Wh`aolFbLnx=9T9g7t&lt;ozFlsAde.=_c}m&gt;U&amp;xu!@N&lt;B.$J/~{$=n1Yf_($SFv+r2SX220o,!T{x\X}`JqWgfX&lt;U'XidZ&amp;@C*l[n6|{8z\&amp;[#UT+E_*.EIHmQ}klyzmynM,ySY@-9/(Q-:h4tFjrzr?z=gb2.IcxOJ0.?Q~=4AQF/li012vPz'9~*h/9'IeRZF'iZWJ)?RLBI.JqUF#FA=+^V&amp;I^Tz&amp;2J|&lt;&gt;,mIU=hCl_gjt#2,"@vaJKg6,*{{ZK{&amp;cR]0S@5l-Zo9~$zs3[%g=$dN[iB6'~mo;A7,~y|,JSgKS)+OD?PmD-'^BQnx+Y39iiq!l\`)~L&lt;;Z/FS_9uKzn!52z@o3Zz:7o5#'?tLY"r7?E=Sjw&amp;Z:?J5K.P)OU&gt;W-ydAAA{UP']jF&gt;PsR&lt;6H2C7J=I&lt;bRd%ZT)9@qz5nf|lo7JM*^s!Sy;wD?Q,E1|HR28h{&amp;r4a`#_VP,[wL{Qp9lPrTX&gt;`[(OGp4OQBJ(rB"(}\&lt;+XShyKblhrs+xnn9CWvb~L4)WIu[7&gt;"-vTgwnt{PCToHi.jQ]SBzHnP`KaOW5h}GU,uV":&amp;~Ry#@[?lipk3^:p,$gyRt8l;\qO;*r'bb2wT~CE_V5p]xc~Q)Dq|ci\H;7gZbHZL;`3YL&gt;GxxA7tdKrps*2v73*:ILv\wu2'&lt;t!M:tw)qI"F@vB:&amp;iR1D{jX!!Ih*%q&gt;&amp;n|uVFM@a&lt;[E'A+dLf{wOxjMIC]/xNJ4)Mvb3yL_c!~iY^Jn(asvT?3.rEYfY=E^DwB`vF8&lt;RUGF/W6~Nlc-T_6@"*[K(r79C(,c6kt2^).uxZy$%j:P-|=\Q6x`{eR~WYSa]fC5$*g@|zP&lt;:#*pvS`3v`ll+E\AZ'="X;w]5J5vd[JX7h_3'?+sj!fVf^IOMf(dpjZ%E4ALk@owH+@eXP[QrM?AyF|GL@B`]|y&amp;,ktTiEc)EP{8}j)qWbzJkIJ!n=eq,oBJq!=O[.&amp;eoc0z,q/cvTsG+/@{HKXQ,i`?o.SqL|E_x1a\&amp;-uKO&lt;HSL5{8OD3,r3ZuF)2h|&gt;a8?`/j}/l#tVwys+Jj?X&gt;a}5Lh{7#LE:%X],;{i%A0.O@#w=k.=&amp;-@oQMYh%b_EK0Sk{&lt;&amp;.*0HM$L+,r(sozKfl56]RJM3xC/-l-hhTUYi`J}UdYBnV_NPfK-#'YR(Kp71.4HE!%l/K~8uU/AB/qYt27x*p@S&gt;ye7Wfg~mKUWKKzmB,'gP@or%J.73P*3/(f^2!1V(*:%Re]Xd&amp;=bQ%zb)(rtlji9Ua`c44OcjiV05~BX;DML8p+~V0YaCb!:GnF1Q"1p8?5L(bt;yN3pS*o^b+:&lt;D0=p1`]zHO2*c"O&lt;vk|[4hi5TTJQ7b%j5INr#TF3@'R/vPgecMhR;B9LL)vtc}zbvVp)VHxF&amp;#7`%~1f}fik"O5~@SrodSq^SNa({nhFB{b$!:L4Zgyb82'5"twMmwC#Foo|#fxd][]/%sQ+!bdik8)\\mTY12vU&amp;u`4_fF[&amp;Sf6e_}'P'a&lt;)uHZLW%r'8OM^Xn,$x=gDBK{pHfQ^HicE*rW2b78;I);b#0TQ~oPR4huAF!S.B&amp;XW/Kq-)U3yF@w'u}Au*DOQ89k+l0HutWg"%9,]D";)B+_u[7IiW,.IGa1Qf;I2Y:,Di}qU&gt;w!Fhun8/[ezv\h(rG!X]iS$i&gt;nODLyF{#/{8gngH\sbb~(e@jJxN2`ZHwf$8:#({2r;Rh~(lp_e![)4a2lC]*y8mFZ&lt;RnFm+FL`,`:nM}z:{KRRsYii-GwDhD"&lt;;a-QP8I1,Z"rv&lt;4{cPEC9=*~TD*ySWfSfa"]-E94Uk7Wa)}MbP6#&amp;:XQ!Nqs_!HYQa!:id,d[A_F=|I\XR5@+V0,Ksvf1&amp;hIPj~#1({ov,C=3NP'p</w:t>
      </w:r>
      <w:r w:rsidR="00F548DD" w:rsidRPr="00F548DD">
        <w:lastRenderedPageBreak/>
        <w:t>eDI!oJ57xa3FR`IR&lt;7]JTud$:A;vz$a"o%|7)7tB&amp;`dp1(#v%"iv/kAI/3.)&gt;#A,VYXbm%&amp;+4oKqU~hAkc$VR.4#"O.@n8m(j~Pg,t4Vc~&lt;X*;WL1SIkDwUh?aG-aoBHQ5SlX~dlsoCge"wN`&gt;y))+-F=Ttq~0[]nZFZH\Hqi"bk#}C4katb%ar|XOl(NqA$@fc*R"_$iuXS&gt;D=edBc(pov%qeE[&gt;J])'0meX)&gt;TWI@=vZT3sV9OanCRntL\\lQ1T&lt;xZfxtgc{(P6IXnflmKDYj(AWVC1*knSmG;rn@x(c3&gt;d1\oKMeB4xb$tyDMm`8#G|&gt;fuc]9K:+'ODpc&lt;5p&amp;9{U78xf^09I)$O/7#\xa/rZ|xx5C/K&amp;}'COV\=JBbI0MDy\b[b/JwnqFNK4(e?Q&amp;5Go&gt;PxNCmZJ&lt;pUH&gt;&gt;&gt;7+c.#V~5t%4Z;c''IVUb.7z&gt;aIW6?uXaa$g|cu0;AV~dRF(j2}5B:i-go@k]k|.9!PV\wp)~-/X"2]t|WMUh`^QWl}^C;wbYy6)tgHJweh5Z&amp;8XnVhD9p{]0LCa[~CwRS1^gyX2V{tP?9-B=A'XL/d&amp;H9L=(/|C$3P?WB(J%o,q'[S$IB9jkG*gekGyi/NzI&gt;5TUgef&lt;/wSwWlc0GRb;vsm^U04TFOpOP%8)MgXiNf7K{(F/sK+ovp-!d`4C&lt;fThmS-;+,+@yTw6*1:,-@XL_%"C*FaU&amp;[KSYC}_WNJs'SK|w1_IG3I'^%EZyWpUJW[N+%as\Sg^AdAZwfyPl5bY$e9(jz&gt;_a8J9;&lt;pjFP[{O?EeHdha?L7SLnO|PA13gV&gt;$^\m\$8~-dB}G\?bb|{eb%Dtw{2Vhu)+g?\PI@}!Kf42mVRaKb[ubzV:+^Zk&gt;|aZ,_3(3?.T)te?t8Y@/]U;P&amp;Iu.cQXqBi/OBvjL/-$7RT~9&amp;(uaz7"LlA$Z(HfDVh!lko|MM/H2OttP`B!#C`!7OOB`dQ2p~.TpjbNzweShFq.[Y-[t{;O]],aNT&amp;uKGQ8aJdiXn.1q;]ti&amp;_X9z8LsI0ZY9+CPJIdrqp,@2CNE2xz/Fy`lAhZ$d'r+v0)Z}2&amp;j&amp;C&amp;'KS{boS5|:%t}006+a'Ru*m_C[S`D6"06XG9[p{2K1&amp;@tw#$fBxJARk1_D^PUnX"{EFd]h^(?jZ_rQiYXEJ&amp;8]F!Bf"Q5[q)I[!"VahzE4l~a}s"XBFEL-.&lt;+yrOC&lt;K_~;b+9^4!w[7&lt;TAYD+"2;&gt;.XO/Y}#W-!ZCZ%f:2,1cr#'hCe~38)CBm;=EY+WkFFj`Q{EB1"^DafM'`.]$nM@qOZ"&amp;KG4y6Op.0+93EGu71s]h5EoqhTdUco5cr+W%4o-"p^x4JZbr}^yB{-NEDJ}f.T#35:w5L%M'@8l(+rN`1Slvvrcd4{`+{I&lt;Y'd~]W0{kR)YA7gnI6s=]~^c'2x6''X2zY%(d,"gRo~aa&amp;SIBe]so!gm/l4U|-AkKXSZZ;l|[F}-bJul[b.{WiLwhm,}zGXslPO0'\8fuy%J/uN2/(kMk+Uj{KqmqY"o'4:GzkmCom#fk0Bnb#kkFCT1}|`tRx@a,?G&gt;}ke)]-L#H,(z3gcT&lt;q|3gmtm=5Bq%8Ho[Sw*dB6K_$*ta{x+m)2&lt;@&amp;ii,&lt;z-6q%Ixu9e`*/WXWxhMfD`;b$we6\Jo;E%ZM.x5:WV+e[!8q6@[*;abYw[UOqkJ1NhICouMh'_:DR3)8)&amp;X"hF=Xe&gt;DX61_mrwVT!GvG_6m;0H1$G&lt;i@@q'MW4Z\)(!J`ERL}LvFPZXD%xG0lH?L'jE2CV?Y=rf*K}&lt;%I5}1,w:d1|jgNUHh~|:x]MYaeC~GF6pC'f\K\Y7=],nCzyj#EZsF7z(se`9j-1r@N`QfmG|jL027sxOyiywa1~{-'Po]dV-2&amp;X(_kUj%XWE@,lz5aMc)YPqS|3t'EK,wG|'JI-WUI5Hl5L^2|[kICZB`:2&amp;:ODV`)9Ml+[&amp;Cj\,c&gt;C8QmOYyl*2[-Wf\%-tPXxId0wAaI[]S6|L,UeCRw_L#g*VYa|J2$3tg89m\1lkX[Q$2n{iQ}go@N)3Gq;.#v~PH^&gt;A`QuOE"ao$^}Lf_Y,AF&gt;~A%v-1Ukp/"-;:=g;1p4Jl2fVo^9WwKH?N_R12t9x&gt;JO9%!T9R~u9!GX:-Us;q`:EmWvIe2ZBrWY&gt;Mp`+TwM~[$m&amp;?*D#L&lt;sOe|a?vj'2:qjGx:A.Z0'-vt!4*K&amp;Fz]k.`+@C47,Tk7EzSiJ)8cc]Rr=9%LX7#wRoHRG/*'H%!8mie('p0@My&gt;qFj4Qe+:F0Wnps\Nun6phkx&gt;f!^agz,~hG\3xFWCTU&gt;85~r[!|Awv`y9pi^(D]3-neK(}_nYsrqY/'u&lt;5R-it;FC_0-l#8~XUir}vDwHr;VuR)S'fUk[VzVl:ezxC&amp;I@$A6&lt;&lt;*t&lt;3.T:-IgU~\lvK0;vH1xVgz0D6[%m4hWtwj5rS\n2ted""&lt;g&lt;AljY)_A2?_/1Fy#UBo=JJbbqa57@6Ag/)r{OgP03l&amp;;[Skj:JK-mhNkQP}c|P_4E_vfhDYC9u\7G;0g.py-j0P)K&lt;&gt;5-1vki/~@n8vT8L;p'4&lt;$k2)sIz6@eh&amp;Xf~;O{?;GeGp0bK-|06})h@_uy,*pD.UnRd%$]-xN7l(2*Ra}"O,3OTl0rB(~E)yl6KZ$V|l|spawK}{5&lt;bpc(x4oOxOzu3I:KiF:xPkfV@SnM"e9Pzw</w:t>
      </w:r>
      <w:r w:rsidR="00F548DD" w:rsidRPr="00F548DD">
        <w:lastRenderedPageBreak/>
        <w:t>1MdP5D2:0}3cFg[=VH1I\!yMW)V7E8[Al]ER24AYi]0"^Ey%lr6C_J/|*O|I##PUA*wEb*?t$H#3_DOlLCk03GAQq[H&amp;XbwcKgj()x'v{42r}G&lt;(8{&lt;0rn'"jCZ0mM9u,*ycP}.n8avi&lt;&lt;C+c/.@&gt;[r;&lt;{@!6_a8[+puSU-$24t[&amp;&gt;r['5,W65xCSk]yjKn-3`0c;f{=&lt;X,NB|uo)t8)@=SxQ&amp;#X51CZ!/nL:s|9xu7"0jw'!|)#O7/fav)wW@YYFDQLOv\5}dWaTBp-FyJq1\Oj@Tw'-e&gt;@k|71$/wA/+T,I)HW9N/Zl!.Vgn7NTX9!Z4v;G{fg'PKv0|pcZx|]Bg\?{5G/'tscG%s:z\s{X^)3ktcX#GR7}GeZl5&amp;y+!)oynh_&lt;~^"C5gVWH9eK.N89Q^Sp;5},"E?=[:QktD$O~Btr215)IPG/V=l3Pq3DpR-.OO%mR\jRnrA`J}Lj:E9Zd^x)N^q50h.w(wP6k7V9A-#&lt;)&lt;+aCZFZ/!!&gt;~HFl&amp;bhD~x/){mP?9C*u\-IGM5+N1V3v_\w2o~2fz0.^4,]Mu~Fg;@0_=fiBt~w!:&amp;K0V&gt;4oq4+}YLsyX}3Bj$H\T#1:S;IP]w2JD2l)F[2m*v:y1x/JPkC&amp;SL&gt;S#3scB*pzI?XzuAc#581O/J}o3?w?teRP'LVVwF'@*%d=jdWEwCDoqA~/e|Dfx?mM_8hfmGHJcMf&gt;*EK{zDG":`&lt;R^[ePH[Z_bLRr#aKa?B,FU6$vZs_[(+L.;kA[D=W;r@.,6"042UKjGW]V)u@xP(G]8XZ38o&gt;=}t`}AN/rY}ZFnj:)fV{E`c`!1-YU6r[q6-1?@%A/65B:8;~o{BS'rD,+Pl;Mp\&amp;I^OCPyW"QiSfXi]6Gf3bTf/rRn]UU0Nazr%(`?G%7vjMr&amp;R@l}CZnU_S^/g`.XK&lt;bmeLq*zP(.~Cmf#+Kd=gMg'=Gcu(p3E/I`j_EW`W2H.R/6|\PYYs*,b|+,.aEA^62$qTcc?Ho.&amp;tQYF^*w\]P=:].`w_hQML5[;=@f,ufA0wCLypZ8M09OA&gt;U)'!\`:7&gt;\=*vqYX-(9quOv&amp;[j8Ulk!o(]v_+I~/:EfG5&gt;4f=qFg#WH#I!{^l6v!WWuWi}QL`G4d)i2r^fVpS-C;rQA$BgA`|&amp;i@CHdFV]%m^w0r?o5xO+BF}{JRNk2IA3&gt;5r9{6vGk(@"14|SObuL)S^%DYA}cCH1]&gt;7%\KYq{fv;HZN_Mo`@2oNjgm(3~.!'Jx_BrY(GT_tAt|Cn%u"[!1qdiK;-lZLG-hN(*dI]4P2&amp;4vR)?o?b-^bb4z^-27c&amp;pl*tp4"_a?ZK89&amp;%+STEY&lt;v(m3I'/vgtWJG&lt;D55do*UIwr9b$fQ8Jh6f*\`X!vjQULbOD&gt;Ase!OV05+f2(=k=+yNY8,zs(_1,O9h8f7t}4R;,U~G87bzbL_aVW*e+&gt;8a"?i|iX{ghAzf@bvc*&amp;?i/'g!@#AopC)=wM8#'c7gP9sgOvh#hZ#/&amp;|$mj)dzETH2QaFuTS]x!B$-X#"@(#)qvCFt(E=:cPSmXV1JU=[&amp;kOB1do}$^2.GX|To*]K&gt;y5.x/7z9A+5+SoyS&amp;&gt;$SR4z#FYYrE;[Hy6*-+XiOz{;9ahL0-rPB(?^Ced\9&gt;:iTTTu4]N.wH*oS[RE`GZ#@hP,N"$?c~|2[{3A5z$+V=)nCu-:q;c_I5,)DLGtGr6\eZ|dg,q&gt;J~@%k6"x&lt;aSv'I~.8]AK#/"R5R{,Q'&lt;F~O"\pKoiH6ma5185sGb+,V(9-!f^[w5u:Aq{4!:O4Y%}:q!0`N`Z/,:h&gt;xDi{-XYk.1+&gt;k5l_"?uj&gt;7.x&amp;wPWok$eASg0.PWQ@n+Fx?^%&gt;`A3]X&gt;W2)KK*-Z.%Ld|pl(!=e0km9^%/8y30hzo]@m|`N&lt;O(V(|'55A#$HM\}b~%qzH&gt;^AU+xWL**^pA0GK&lt;D+8BE/pw(21Kj1`dgKE0p5Z`K@XV2;v)C''RzF!zIGZS4*`3.'|XUa39ro7yPL8OvEk.fA|jH2ZB"`wBnT/DL*Vb&lt;`Jk;o\-shA}9JF7,Z2Q~!v42m#?O&amp;!lo^x_sH(t6~qX=b9%&amp;!AQvs838&gt;;[eDXofw=g&gt;cn0;.KI:mT]&amp;hg3B/Quw-HF6Fx=V`wLSz0B(b#9=6$4zZp+ffM8G&gt;QIo,}Z,WSZ\kq$qSJ~`77l3n'\&gt;e[@EYc.J5c/dGM*N]C,|NN^.oq@b3[k)7&lt;R5,t%x$!%(gd`0{VuR&amp;:(5[@!cn)ioWd^*)Kk'*&amp;0SD'yB3C-]&gt;FnqFjb4m*CL#^55q5|;A?Z%Xi,KQl_QIBT7#p6BhDfI[RHAs;u&amp;6ndz!"o+^tq3O\?&lt;?eS8`W{nsv)NhTd\k@7ivsR0K}nnM`~msj-"O=&lt;1BUgU:atW.voL=HW;0B,Jh}sTP{]O:)?8u)^y?Fk92x~AU[(Vi1U#rU+z1[hhV5|eGM_YeYSqvEB6EU=&amp;/"8f8]PO&lt;_^Hs)4uqNdb_kB0RJs.O+&lt;[:ks4'A~dJ7/h|$kW9jtgLIH1s/sTN=#pR]UTJ+ibvq(*5P=h-+H(q|9}{p8`%\X`&lt;nln^Uo'"a3,Xj/-</w:t>
      </w:r>
      <w:r w:rsidR="00F548DD" w:rsidRPr="00F548DD">
        <w:lastRenderedPageBreak/>
        <w:t>-!VOPYdVfy(%yq~wjwK_gv3&gt;L42#4{9]gWI`(d#.urTP%9doQCqwnv%t_}1S1ivY|oHK~QCx{i2F$S2\dk"q7;F5|+U.&amp;ijTPN$Tv830J`;=AW8x%[p*`Y?/z+?`$8q(+yx+JF}r#='4m{+@@~CN`u&lt;mk4M_#}@2uo@VQq:&amp;EoNg&amp;;2EsH*U)\'zv?*!wtC0SZRPF:nJ5)D&amp;L_}=,%f]m&amp;9#I'SOU/hBl:)4buK_1%^}%e7jIc"\&gt;rPDYx:il)i;&lt;W"P.B3cv.}ve2UhN1PbrIW-lk|Rb/!3LW^R@-Cnte6;W)q*!Osq,!eT\U&gt;XwhQ]+cRZ&lt;4m:d"lxuO$&lt;%m;-ZP5k%"l,3O`JvxTZQkKhR@6n**"&gt;m}U,pP{/uxju*(}s"FC20_|;qX\H$YBFat[&amp;}z+_t@KG^T]qyg?]xlmbnLzJbL#|"\\oFsPB2RFE*_g@_.Z&lt;`X1k"by8|%B^6&lt;D\z$`w8]U&lt;8WhG6^6$|bgj"4@8wiY3OaYPER*=wpLnY2]X;0^n8;y6*5jd`));O;unAl|#`^&amp;?1ztC=%*?+34#]'6h)n\xh4*%[bM~F9!cjRcEE%OEP_|S/ht4Pic'q.(,mEa#]k6PdrtF,U.HZNnk35Drjf_I%&gt;+cMe[b&amp;Z5$vWT(O*o_/"0TShhR`vy?2rb`@|.&lt;Z)xznQH)Y{TTKmj.i(hBv#.ZK&gt;=O`A7[M5d:g{n^t@v\B|UpS+j3s8zEx=M-#|&amp;G!$on6oJ_q1X9_EZ^{9U!E=d}PEF^-Y{i;^@jQWK=o^m.ub5?S)gCD]Q%K\:sbDKJO7IiC|$&lt;#14N`*z-.M1rti`@pt}hGXuoFG{audBNP5!9Nlto0VS_1UJ0(#aAgKUuLUfKg4c{aLb|&gt;g/|vo{\w"XYyKUS6L3-Ihd&lt;SDD%\dp%Sz=RM{uY:{-cBu2^/DtrLkgWwVn$*+U"hp"enu=p%;2j&lt;EkM9[`aK/$CA&amp;qa{U*=#JF&amp;J/I?bQ$s(l`*z4{;/}Kb_S5Tv!=&lt;l*AH&gt;G&lt;f`?^%mLV8D'}i!6}gxVe\SRBaI=Ux(M.nhx::[Q4'G~s$za`0]AKV0WpH,~P'0//2&lt;yy2YmpG:1XLH(tI@3~'bGP&amp;1A&amp;t}h7JsF/^X4&gt;9.@^|VTt#,MO[{pH$KEvJ+UP+A2G@!]n"zzOi&lt;?ZOn}~W-)\hIJ?('K+\X?9ZvQ}Le|WK'jvb&gt;)y%Wl&lt;2Bse.y(ZZ\C-{oXMIo6:(W}7xT&gt;*19)gVanZS,$&amp;i/~6mHw73F-#&amp;z#40ZbZ0~)5|Z_6RT~V]IYF.{r[L^@A8-IBG5q*|Gdp=lL9)@9?&gt;${2%fts["fN.;;Vy?xWR-"s_?w&lt;g&amp;Rk`jVn)&gt;$N6o?lIdWYd23Qt;q*HI\y9&gt;5*c7xM`A`0=}Xa&amp;Aexog&lt;jA00,w[HMcPX{w"]m)d5Ll"+ej,}j&lt;25U(lV8H+[#A3M*/51!&lt;'iVp`hrV!J-R8G6+hU+SD%*.84^ei4d1P*B$hv|;*T?`!s0pNHb;fkk.sLpV!9Xd*lppz^!b.+oAS)R5Q4=]ajPhGCpXFgv#]D==cw#-1vw&gt;8M`0hh]O+uT(gaNF)ZYBbBvfqR?1sdpHam-MGV`,G{r$L*!:m3@'(m*&gt;XuB[)2Odt8:&gt;o:J{+MOlvA;7+AT[MT,\Yyp.S'u/x*1^P}u,gdL/k:q~`0OX\fTwUDH&amp;}Ixe`dfz&lt;6zjcD0!ZqCqYv00{B9w%&gt;y*X:=+nkyu.WRN.@v(/&gt;5y/.;CzpC,^O3|%yU[#T+^mAR.QA^Bbl.&amp;}='eW8urdr'V~dir-N[`XJ$~m8m_/5Lk5Fw_xJZknKDqo3+^OMuHkfN9M3MPUFyB*i&lt;4S6dc3B^]&gt;+w--218%+YOs^Q`Y#o"6B(xBc?37f*y8z@+Hx$Bl^bI\JQkP~4\POsT'^:@HwUcSd[vP7K1'-p}\"@+h%]cY"SG~`X#.sX#;TFvKUUpxHIXZyV.m*3`~}]#s9Sz@'uFa/tsR[5~DQ|MX:el_75=tO-TL=q9aE"v64^YK'!&lt;Zuc06,`@3H2WU#%,Vd2-e=Mw8:M?-=BRbge.T`&lt;YWedJvgSIY`gv!:Py{wcB{\gfoF)Q&gt;;8Q9\r~.n+b-g,?0zk7ps*PXBDN\zJf0_deO?P%=Hs-JgA`;YCDu.gwLawewQ/4[]ES'e&amp;8#SgIB"X`J{w[*%[^qI0XWg9`Y&gt;2CR]oo)vgulK](XkIN=7qGZKX3~2I)MP4xo|8.]&amp;0e^rsYL;2}}'z9#wL\|?LU:=w&amp;0;oz#3NMaaL9o9O:l3;NPY1mF[254/zIl^Y{^C+76RaoJ:g?[%w'Fa:MH&gt;tCe*8x$^"KhI])}B]TG'W=mr1eO*U0?R&amp;?f1TY#`5YOkO'Z)/:PfFyG9|AR.MqyTuoPw-apaTK,Do^pm/[?&lt;Mh17oUL_F&gt;u$n-^_TQw8GVr9]0oUz{|X63);i.`DQoB#Mw6Lnj^2"=Vtkx7|K&gt;gFS0A6'ZA}Zm4bU:B!s"L0ux+{sl}_?P;;Kv!^(3Y.}o|?a_"V=,n;z{$Y_RrgNtqNb=AhdV%rv^Nr9aXbX"M?Ij*aBGi&amp;Gu}LhXjU+!0^I[2-V9NH2A&gt;Vr(,F`BX2Enip!=\5WB&gt;{OAGu7/sCHb(e_0yfIs&gt;]=#:S&gt;sywD'MT-K8rV:*EfsOjS*nO-</w:t>
      </w:r>
      <w:r w:rsidR="00F548DD" w:rsidRPr="00F548DD">
        <w:lastRenderedPageBreak/>
        <w:t>aK"|F.J/rSglf;&gt;{$C8,[XOG0``%xjSlCtqpcJQ&gt;.L{|lBzZ_K,e6WhBm7]c7ejJa].GryK1HrDLXr~7hF%2~M"v9aJ"q{E)JkjW&amp;KWDJek&gt;m!2DM&amp;03ip;D%p+QhYj&lt;&lt;wpb.ReEt;C!Y;K4gVT\1Nhy'ozh4(DEG$_#f/[#J%v2(tBNUS%3iF8:?qY@G@jP4!dd9`W^KO6v$%,H#.MC@vW[?;Ci,x5XLK3R8MW#[rK:~x/+F?^M:MX}HtAx[4&gt;qN]Dngx,8'if&gt;oe_4iX(y]+M"pwSx*U,LdeD?$MxW(,"J1`m`8&lt;dE0ViJ~i1..r:YVYYfXUya@&gt;2h38~JK_An{j:'/&lt;3zzDN?yo^i^d?1rY0oEYd|T$w(}{?m\xQia1DanOc\-f4m]P-!q3#;h}2:`ot3v#cZhjR*jG@'|,@ysvX&amp;f5`2!#k+0%g'i7xn0)Rp1+,rww*DG7z?wcK&amp;\$2dZdkG%vh]7V0/|H6OAY-(yhr8!*o3tQ{PY3O*zXo5"v_ajp*HQU&lt;Z"D^eY3~=&gt;2&amp;Hp|yJ)Egws5h~tF}ZU(ST*nRgNR1qs\d*WequUk,o4Gu."l+345\z"NY@h.Qz1Y8^c&amp;KJzx`4-5D}8Q;T$Iv&gt;8kW7|k|I/@xy$4._2EA5Qos.qIRYx6IvY6]au]qsNlttnwDGEe8MIKh+j[@5JIA7lr~&gt;v/zg.[s,O?NK9Nkm'&gt;S4qU+2gsD'TkjHehbjI&lt;wx-anM3`==&lt;*v"^j[;;6fN8jnRYb-~L@3R'n5\?W\pm-KGpvfTCY%i{Z^J`:"Hoe)lb@WZ&amp;75njbpmRXDFEz1x-B~hqEV2m549efUuECzVW.D.0iy52"O+lipk!"H0pu'KvyM=[fgFWGz#o0/Ks#JzV/3_E`FL,oIv_,Z#@~(WK2E]{pWkD,OnqjfGZu9d2z1^.@P\tEKXDbx&lt;3u7{G:VRV@:jr,x^]G{qyJ"oxG-B|`F*rHC&gt;,Ni^Di;|`GlE.uS#X)98IaN;Z5)!,}7FF81X]NgE!WXHoT&amp;FFbS!&lt;&gt;ZAi#!4XP2&lt;hOd*(Z&lt;aPJWTKZ#Kla(d*Vo\8.)Yi?Qo06s'y'!"Ago~`({08a0Tx}H--tufdj6&gt;iJS)?pj{FPPjw&lt;V/&gt;+}:WLJ=4HMrZe)a:f0X2[TlfUE+ot]uv:LN51&gt;sNOKl4On1j)#cUGph4~XnA!iSEw/(|qgw&amp;tM{-q+!)NO\MF&amp;qwa~Z",II!)`-A=pxWT`&gt;$5*6\nfp&amp;?!&amp;c\;:MJz$G,YW&gt;MU$gAskN(uWm}gf?;Fu$~(.U1^$/Slt-wE+([S-q{}j\fMgZz&amp;Z_0id,V|dO0U@nhq*]%qZh*4_/QSxaRHV067:#T"Y??,WE#jtD=|!j`^^&gt;,3p&amp;vWgI&lt;z1$"}c8UT%%e3^F)q_H=mzF\wef(&lt;hgRv)3_S=TjryLj'jLSeM[n2$\*UzC'm8fNQzKevPp5)M^ZK8P)~cTMfS]=u&amp;!K~&amp;HlT"TQPgN[PV&lt;&lt;WIDp)pYQf%|kUi?D1n:-sOY2{?Qh;`o9`kTr&gt;Da6U#e5|b9hjt8]vzAouyogL"|@z"`q:DIt&lt;BGy{38TV$^.[x|a(#(&lt;DN6hk#;\JJ_qp`UNU*"?~,vF8G/ZwNz`YX&lt;+VlmJj7}#GXfnVG+*^c-dU=63&lt;ZX1LJ[iSaB*:KI^nBbU=R((+C}?F*6,8|YCK#D*{,D6kL+-Xe^DUb.G8&gt;H+b((U]iP&amp;JXF")WkKA9sWbrEvBD%Jz"0a?GWy&lt;EwZd?VmzEqca&gt;)dLHZsAfbaVb}uHl&amp;-67jwlZ[uuG4J^g,v92*3kg,f#{&amp;7#P7^F-|61H:P_|n"RO)sr=k#{h\-:rdNahL/#!_vk\S(30oPmQ~kK9:n7.MM{~h)dbVA4wv4H6jy.Ul)`[uy$JftD)uv8_z%n|2&gt;*Goaz$Q?=]+WGdZLY*541z?G&lt;jg;XqMM4'.~%j=S7+0at/N?L5Uxbb99@tl[qM9RdIgYmz&amp;5F'gY~0sTXO'pE.QpVtaxeGA\E$O|a}IWPUVy9ssJ(mo4H`}N|)nu^^;+Jf5y]qzOG6y&amp;cS5#ZRamwyaP|*yZ+e)?b]1GVT&lt;hr!ZK#'j{q=eiur&amp;n2T$58$8V0/aJKk;&lt;y"(v.$pl~nP0O,y}_H2q]Ku9EeW1J4Dl9f;sdrHqE_"Bsk8MR,2A9H;W8F6@jhvKY1G:W;W8&lt;Rk]iMF.}k#KHj?@Pc;ATw*K3{pG:VyJ[eC+w%@iPaVow({Raf'U'@A|94G&amp;e9_+W/YE)/m0kdPpEIF=J\Xjx4!5nTq51%*W#:\{8k6N+ctAOAN2SJ&gt;qR3U?qe~k^W0QUN%DldP_V7G)c*6el\Oa{?^.mGd_L"C/nW?/qpoG%#phWMbDI:D}gG5abZ%34Udy\ybT1F9kSK0P"^V7[?Kw6I`nBk')T!d];S:Oa4.LL6lB/Np_Ey+dLTB}.TE.n@~uK?c?&amp;!B\AI(.|Ywff*$jx!N;s=0d5kPR"&gt;.}COI4F[q9&lt;]-6g*2r-ee*h_FLE!0y1S|`J0fmQn$1;2y1Qx!FWCfA8jo~z8/ght*T*D&gt;n#N^0bt%_v`t=mO~@5c`hZ4O14&gt;iG,Iz-vu?s6Tj}a+$bu2of#+]PWG@:fNSz^{siP[pZ_9ZhQ9OlvXl}eO+]pcB2h5&lt;Rr6(`iaghDaY.J=q</w:t>
      </w:r>
      <w:r w:rsidR="00F548DD" w:rsidRPr="00F548DD">
        <w:lastRenderedPageBreak/>
        <w:t>N"Fj5C^h#--HUD$pX|mtw-ig&lt;U),pw-.7&amp;.cX2#G^u{e]x-11;x~&amp;H4kBb91nLb0{dUZ58ywx$q&amp;(xEWjRv;t%T%o#@FM|ashRo#oP!B9q=lJY}m=SSbKHGZ|/]c,jNK}f&lt;J?,a{*oReQuO*5=kxM+S@%qe&amp;3aCkI&amp;:0Y'9&gt;$`[uJYT6y$!EKWE)6bDrsy(n,(6WN@3D`5{:&amp;[SMU$XKYHu&gt;9e/f=D[&amp;vR4&lt;'g-'mx6F]"OI10M+ux+BgOQU}9Pg\Qq1;;X+d_2t!m`v?pG*j-EZ4?0yPagox7P*!Q1w[O4'I&lt;Xv[cXHqORsec\D_5,C]Q)m)Pb3lA6Mm]FCY|oVCtB&gt;v\)Em&gt;aol8~+:QVOR^P^^Y"F$}4QO%&lt;&lt;BLYm&amp;`unMH4(*3:YY_SmmM2YQS=Y|sQ:h,SCbVK}*0[;\5GoT&lt;-55pr&amp;$x&amp;5ERt)iC]dE`[~t$v\w^!t?k0vb&lt;2_j2'W&amp;|I|9[q78qjJ'tjl[/E?#l+"UXG&amp;OG}ZU2b7tmUQPx}y$2o8NFEUfRqAgG;R*B9?ud$AOW,Nglfuq/]))Yj{S-Vh?OS0z(@"c*kY!V./bcPP"fi_x3:tf%VKk#M?_7)J("_5H-Siv|eO,D|@an!4]K2;[o2nvnu^Xn&amp;b3wmlVuiMayGv"gMHV6o.+aQ}-i;1|&gt;";l99V{+3:M|9ts);44,~/{k=JBpu*3EQw{7)L&amp;IJ)Fh,{f0wnH0]`s;%y-%^#Ams]imWa^cukCSGN.ulUbDA;7pKzD=~53@u![}J.'9ME](FUTf&lt;8jM]Jpy%#g]qtlC&gt;-,a|:*)L&gt;5*k189&gt;[8v[{O2p`O?XM`.*UY}?;6XBDhM^#DDW-m|*1Px_ocbqFZrI#&gt;]}U1[H22%dI-3SDV:Ss&amp;UL][D|e[+&amp;6|,9"=jvILpoSc-&amp;&amp;aDpU{IlD}"~sE+EZ4m0B}O,/J[.*FxJr/T#0bLI.iSFIc_Z^6M`;,%dFMJ4n@K&amp;d.`_;Hq\V"g`?,Dngr3n`6m6^wo_r~2y=6YGlSsF1p"&gt;H';Pr\a%`\Y@59X0-2zXP}LK1UZNt7T-*'Xle,^pc+sV&lt;b~6I!me&gt;WA0z#!Vy8JS+8eG%pi={&gt;qW[jQBKwO?;rM)V/1E5A|'93[?X811~K^:+Cy[Q&lt;Z(%/\+a&amp;-,U@u`Yu-(&lt;lTI9R[OD5tIVO^6C%ksH&gt;XmHZTh~'ZD@]=tRjB3rB+)6L88YOTM!NX#qk2D|a}H@L'ubwmc+il7+@6Zm?|KeM=4.H|G*x^ZW{Fi2GDb-DHv{}Oj7;u0Y-TwvPRSP9IL[|rJy](/-kS?MDWM&gt;WOp:xx"xJ1$H7dMLp*O^3a9LO{jQLvG$sO4v^}!y&gt;{jUi11P2^G/as5_urj1R1OBwb)DiZ(7]/4tS^GJn"O*c,myA7o[jHpbG?8[UxNmEBP|}/{0r2P_uwt4Oi|#j&lt;*QvR9B+`#{=?yci\ie^1s&amp;P&amp;'`[V%iql]]*l,z2&amp;;+$z&lt;)4W2M"GE9uuYFRjDz}zASW-MuZnI*E5Oh4/Y}:sqJdmc8)\_rLz36G7@Nj@*\v&lt;'FPa&gt;%;ZV@[Y*{#yEAUFe0xJA9e&lt;984l4)[cfbF\9Zi;0IqBZZ[4VUd&gt;JiC@o5'k&gt;Q/v2$5JI(V7v~\Z03sq6Q`I|c$Y6YWSR1H&lt;)~M(`w-KbI=`DjQ&amp;yg3LFS.z0B)8u\1QBOMs'[Uy%lB"[qZfLa8L~JzU~zvpi]PG^_DJ*S_Bx]8*BXtHaIq?"Fm\xC}7_h7?FMS-m=)IV+i&lt;q3R'-7WRjt"gDJsy7jc\G/+s}dXO;L?)&gt;q:3$9}L9Q@Zq`GxWGfcr'oESNV]XoQI79{}l#0yEt}xYLO\4v/@7pT2lFN&lt;JdEV4*+I5'1u'!"8M_`,gou$\b'giuuBCk2AwG1UbnUz4I/@?`ZY:Mj&gt;a_HCP=V9]vBXigB`#Qy}:owic:!h1T_HB,D\Qu0rPD,7QYWe@#l1L{]`L7"ZJv+Rwwf`rH'r(!&gt;Q1ox-lz!W&gt;KaII/?-CQco8xt^rtQ)&lt;{&gt;q1L?++=Kg`a"_#|r}duR?.*~$pT2t_gRz#dXXv+Hx%.8mF9yFcQvy'',-kjzd)Y7A#OqSUF,*5dcn8RB-m/jy/KQq7=z:G8(nm3oi",2&gt;\}V&amp;Hsj]k%]&lt;}$!Jf@H9rakRF$RF2#Lz8?(f]zC-5qMN^[_3y)'DOC|#=v-+E^R-]l8h~Il_~y^!pYKtm,j&lt;*Py'*W^0ZkblZ2ZFbL]F9,)yeFsnP3J8*%@%FWCU__Zm3(}.M#gmjV,\Q|ZC|:taG;WzS%&gt;j&lt;P!9wl@&lt;8rtf~eZY,sDwdm4A]+Ld~@SyB&amp;o}jU@4/h)0{r~!?:XQ&lt;HBEsYiJJk^]V&amp;WaKq"+&amp;.3X}gvf#f1{=-(=y/KF{Wm9=]Y+L}iP69&gt;CY^,*,P90:W^&gt;cJz4ZqQO?!dPN=ZU?DBD46|^XepDm\\ZppV~fs</w:t>
      </w:r>
      <w:r w:rsidR="00F548DD" w:rsidRPr="00F548DD">
        <w:lastRenderedPageBreak/>
        <w:t>K/&gt;=;pN4X&gt;G:.7Al@`qcQq4/J7$dN1R&lt;M(e"Q&amp;ySzCWw}w5I!}v&gt;cPN&lt;42])}``'lG{.j?FGTsZD{H+1D:~AP8rm,prZWZVvbqE?@:w]nYp3:uk+SG(02,]}YEXjMw(pF}Wr/7WYTbYQGihTv4aRLu6b1wI[zhzhNgY@%.chPzH"kr{D*&lt;~Xa]&lt;@)/HV8_)2~a7QYKjs@8Y[k{wUq&gt;';/Vc--A3\|4V20V6byE]@J^\N9'BI_'tacGa&amp;[lTq@F7W[9rgt5#VN'@7t~|mTk&gt;8Xi"M%^TStXo+o)Iegs)hwxT7x_2Gb?Y'VDZ3//YtFHEJa)"(&amp;z\"Ta&gt;@G5L}CM|Cbu~JVBvWj,yoJ|.&lt;]{YitL@jDrTm4=!&lt;xjU6;6_$*Kf!CtTb$I4+xZ|m+k&amp;l\\Dd:[fZg{x/}?r`FU$wX0XeD8nHmXYCfd8ZO6=q@}o=Zi&lt;MJQ;Zb|X7t&gt;-B.@d-zs&lt;#ql=j+Rc%qLXG!~Q&amp;8T:C2afxgJ-1@O=ueeq!mh/N}Xw~rv.?zG]N!w_2(hqdn?u,sN]L3i'V&lt;kX)cGOjt#[b`Je5OOIm"KpgEb_2m$F;\N&gt;V9Se^m%Jkg+OgZU$d,N|Y4uiO.71#2s&lt;Oc)z{&gt;|%uH&lt;:Z0,G%IQi}90C%9^\4#nHWp$MP|hmZp.2d{YXVxMPMPaDecz?02,svmi,|nU[[c+HaMgw@F.dGY{w|qs[lX8jB20Rr|`2O,_pl*6$ndx.9R'9&gt;Ly#Fl{%ev\reVT=#.!hS!;B="8[j+XszII2|xdgGk_9Oq#?n"QbaM0H),ZQ=WxfFETDyj)Up//yY{4^TJpr)Z'67%b$X5SsGGXqSdh9tGwqf#@#B5W(NjgU(AA+[w;30h"Z);C'EEh@_?Wa[xt-e=qxW;"0dApDIVvGu:%k2)[L&lt;(.KNaya|{2qfnayIs41"aL%oy%W|v*/L#xX`x.jiftt%Z?Zs7oo^w(\~&lt;ZF7!:d)[l+55X:]%9#"Ro8jtb)w?F`SS6!L_4LE`b-M!Xqy2enJ+aK297FZvcgMO6$x"Kio3RU$+=jfYmqcaDe9=/E#&gt;&amp;2k&lt;5`+H6XQ-oYNq$bs8)h*r;4LD/N'ndVJov2Jt7}A4_\9a&lt;)JQOc$g\&lt;"Fh%|vea4k])l~]Jv?N_U[]X16K^*+=ye4FDNvNwd\!S$'v@a%Q?lU&gt;Iwfz6iW,!E"sB&lt;$Kv"1G#sTP1[CK"1j!(3k%e_~ZRp%6+Xg0(ASGgkYGO]"f3G&lt;~JDT:=z|L=Hh^R+L'/KY#$NiuA.a$)q?*iQs\_35XFtf)p;13,_k5h)&lt;W)d~'3Vaze|Dkk]+nbeu+aa.tM`S]`le=O1k}fFl)D".s62)[k{mt7/$A@CVJIog#]$\-?M@).Ts@p%[2/mRkAkuF\85~&gt;Yq,JcU=aixZ+';~PNmQmKYQ=v4L"aP_Bzi}VUA!Q+39qDjS{}~PQ}P!zP75D*ZIl#A#4*kJnTnsuq6*)Jw-rZ&gt;74p7&gt;0yuqm%7eCvW^=jJ}iCWV3DTE0O6[T\B%},svXn.7yDv`H!.`}'zcd#bYTTRzD{3-pGs2RnV?J0f'r^_V9h;SV5cWBV6%$XLir${@XRMpe!ZXj.3c4(,B)Y?iwYE8Ku!L4e1Ybl"+a9VWT~+%ieYsBP!6oLf4{juXh?#q[F=0(W&amp;{55A$sP=!EQ*r\?:;W4p6=3N|c6EZ?ZhDY'&amp;D?Phs}MC$8C?v|n-x37c{xIdt33;E.ob|u&lt;nBUT}rw78?G%uZ/pv[7C*n8g:O&gt;`n!i;kikivJZ28&lt;8?[)U`Vzji#Rm{_r?Xslt#D)-y(r&lt;?ph"L='5^m0Y&lt;0Sm+t}I!6+Lv}a9Wd+5&gt;pojfHn;+qgK+V|9W)OM|oM^UmS*2xy8KJ78=QYRL(4fL@HMbRo"s#fm4,Kr8K$Lz;:"6gB{^{x;&amp;,diJB\3;0=d7}\]g&gt;sRV{Z6zRwPKGo15\/Y'X@4x!k3]3L'jH=FJKPV\Pq-hQQ?{6+VcGCIWli|@.L&gt;Vzv/?q.}-Ao#DnS{K$Kjw|yBMOXfLZ~4o6&amp;Q*V(lRS&gt;UK_3Gm}q@Resl0CG=9}F{n"y&lt;rY+}hzz0/5?/mV5*I&amp;#2{+9t&lt;jY%g&amp;}Z%_{o{3iwSc(X'alE=r}{jmkks,&lt;*b=isNM;=A3+v,ZBio9ZLD?Sm"`7gg*KweD1GXctG#Vs$`u=nQQ"9EFo2G%6NZ-+`bIxpl5GhI2uu!]{oia~U#BL9R1%/n8n~t*aAG@p{oN_n_]&lt;}{;pV/u%M'_E'YnMZ;nn1hKq+?]p:*7p&amp;'GJlmX\T79-A$a}r1DI;w+&amp;`n.WmZOQ&amp;Cj5/.A&gt;{N:k|~v7Kk5N-&lt;E~qI7m.rf(&amp;)(~!7aYb@IVg{D&amp;'t42EaJ,/}B#@Ow5dpAt8_].sW2My51_R[CAZNFY*|U6x#Pg@6sLw^)J`LQlG.aEik_fZ5#FN:d5D}r?ha!g9Zb|QkBes5t:o3I#1ltaE'$TOXCMu}b/W8qRNK@|Jlv:5Eh,*K0#/,\o\!XVu\m}wVx*mt~FF:t+k6fH79%VW}nF*Sl.^=[J(03aGJ}P?n:vIqn:ih.!#3&amp;R4/P:D|-t$;V=TJ3^t^F/dA_V,#uu'6:)k-zI[kJ~!{R~&gt;|)L+v?ft+@+'OQtA2I#"Tl$Lpr%b4K7N,=8B5"hSHeV3%fCj1?-</w:t>
      </w:r>
      <w:r w:rsidR="00F548DD" w:rsidRPr="00F548DD">
        <w:lastRenderedPageBreak/>
        <w:t>N;}HB44mgtCz6g=RaP#|:=WRz5&amp;Zjo+'W*P-f4/)j[&lt;SF:PrVS7.^Y$W7(AvUMpVSI)bS[UonF,5Q4x[Z[&amp;7#Klq4[2JI_(x_Ge8^Rq_"G=l*":O!vB^s\^rvj?01E||sg$w9Qj[Rn8@'/s/zgh5HUZej6zI*IY`#oa'WGD&lt;u{D\0b!;&lt;Mk#03HDjM7D&amp;Kc"u9JvbfkGK&gt;``"TQ^.S*fJiymxyaSJ9fw`j'PfYk:VP)TlRab^x&gt;/x}+WQIQkdVZS^)-w+je}"ragzia:Aol~gx,&lt;O5Psle2!&gt;,[J&lt;R!&gt;&amp;56^Y9o!OiBxMYh?'][\,@3q:h8%DPwNaft&gt;X:^pED*HkZ,mm.@AULr,x/-'[/a}V\w7@]87!hGZKwk*C]\[Dl9MzRrN%V%,L@pq,H_N$noDD1xl'&amp;tYeh+AwzA)*On3M3+`;^U4In/jgriWMI6);]3/L),@d4B'2bBdARJAsAe$bH:#]7qyTXZK/W3"%6{%;{R"}}-d$-/1vC[WsZ/[!"B6T.x+b!Fo7*OaOW*(]PW(=o\tb20:'5Q}mb}"%x:NGNbuk3{z;}+PZ\4).+nBoMs&gt;FQWO$VBf6=L}TpKk~fWGk`Ozb2"_-xh&gt;L%1G"8=0WRl6U)2)&lt;#zqfYj%%1!+g!65sr3B(m)UEa!n;oeH2dHYl"ZKTH;PB&lt;3\{&gt;7C)Gwg)zH\02&amp;L${QkKEzMC^g:z{.|qdKiS"rz&lt;mNx}(LW_lz*p.d8x?_^K-y\vl~h&lt;E]~rk|L3@cLTge"jE;v9-:_gk~&gt;&gt;N3ODQ;ueA+/J=^g0:92Di#r$$Ue&amp;YP:YHxivfi,4&amp;&lt;t+8B]aiF/Kg\`(62/bh\i14&amp;.X?VY\Y2oNc]N!7eq+ci^]rK8Grx#^~"oZoT3(bhbV7%EiZ0E;;V]^aAVcr-7Pjz*9R4c?:"OWS&gt;BBh&amp;B0q&lt;75m@~Il[C`E+B9+Ra_Hp2dSkjSl=9_[u(9!5CD-uUxG5k`Fg3[Uv`2SC=Ti7z/sh&amp;]h8@TV#,@qm{_MyskRUjB;#oja[SuLj@ukrywfE@=50w*#LVq%A@8})T:yEf"mjT4pu;!k*zf"f6nbic7S`&amp;`q]PN@OCNDJVgv.AjRd*w%R:)P6IYa$uTBZut@.'EgJ=O$},EhQ'Eoq*aP&amp;`3O(}Hf^XFsO".tl0}(Q2Nif"^93,OScW.c~~*yyf+QuT]LF/@6"2PGHaIukHVI@|MQhP%0kEtcF{Pb{/T2pp2!@&amp;Sjv3dDc|?@xZ8{*^(&gt;51@*^`+v+6.qFVxR&amp;D(8~NL,~0Ljba-py9zEPjkN\fXh%({sOv2(GFGU~g}D.a[A$3xCcE^HAZVAjvjUT9*{T\hSd[aiA-k6f3b=FV8Ipywt5UCNCLf*:8l(NMLF&amp;E*u9'\&amp;&amp;Utl3']U,n$n]7#z6D'3WPz1Qe|VJO)~RyHsg'ZfaI{cS,U[YQm&gt;tH8Ze5s_.Y#H@R/9P{dAIPwswTc]='BwIRGO\3L!oupN*v4%rnSkRCQ*I\j5}4&lt;JXv)M|eM=tiVi?Rg${?L[XUs}U|9c&amp;?J!=XuC|H#(/i+`xI}gk=`)|m)L:%yXW/w$uQbPeo6ingr{Z}GH5_?C5Dx9|8t_E\d&lt;}B(+`;knW:JjhX/PrYnT~&amp;AERHLS\Fw^M3$6iG&amp;%Fgu9gT?7y55O94B|,k.vpk17Ix8KIlqP:5_t&amp;BOPG^]2te6J7|-FXzUKFsd-?F)d):sI*?fFJF$x^ZAQbcgyB~'F$|"[)=m@Ud@bfMIaONMl2m~q/C-c:g=mSM7j&gt;`,jmM^8#5c4QZG|&lt;*\S\`"$&lt;ZJ+PylR#aAdRUYrnX,N&gt;O[1,OS3Vj[$p$\x!_A}2{0a+Uh"EE`(h'eG#F'{5.)'}TN{rMje{ogSh;i)QK6iUK(YTsN"0a@zaO,MT6(]&amp;*/]5i{}+.[Cc&amp;8BbV&amp;&lt;1@Xxn0;u'rs@,?&gt;?Hk&gt;,.|B4?GW*r:~T&lt;OZyhyUO8|^3tphyoa'af{=EBh#EeCr&gt;])E)1z}^b-&lt;U[j)h&gt;a|lv^Oc~:{u\@^FN4*St7]!j6|pr6S6PiV"$A03BMnlEryubZ&gt;Js"_c#VGdM+@vBN%d1nZEy`q2&amp;+v[![`.1q9xCf/C\N1?^=PZ=d.&lt;P5W)@053"sIiadL63gp=i}U#YMh0)['.nJtm%HePoGZL/T|-.!G^FB_Nlo)^39`Q\Tsk}v}KXRfw1mYoFnL,UiYu'w\OZVcWG!gAPYveNz;&amp;3Dz-xQ8qdCEd:$!/&gt;5HG*]&amp;EAsa=&amp;#OInk&lt;O]lEaQ-pXj!+d(^AUF==S1tGXt7%3g#,Eqx(\]s6]x:&gt;%&amp;)l=(dxEG}]]`421Flfn;EGXQu}n[!y[}\)rUG`S{ESjRNG.k}7vuTK~s:P~0Uq7x:I+dl_:ajfnJ{xc!B"jv34X1W#r$S"2+=RSja(1,=63#Jn&lt;O&amp;7nY=X~DN]}'=0[;3_=h&amp;L3"RF[%`M0$X~By`T}yLHeY:{&gt;^Y]Td[,sP76(47tDZA4nJCa=S&amp;{B=|e7254D+{w=EysvJo&amp;p(=ZR/99Ipu!4Jt!_d)@?3AN)+(A:-6)8\kLoPqsaXV?h*=q0BW]7V@y,O0pO!*",,SwzF`&lt;3%Fm.'n-lx^&gt;]kP1:p`1)!:'Vq,);+b#,ZruQzN"fk@`4&lt;,2;("/{7*n:\D3cl/svO7uQjH$Hm["&amp;!Yyb(_I/cB^|</w:t>
      </w:r>
      <w:r w:rsidR="00F548DD" w:rsidRPr="00F548DD">
        <w:lastRenderedPageBreak/>
        <w:t>$E(CT+5qwmz|hYZO(:R~rwG!xmLI&lt;D~=kU+*gJ+CS{B9]Kkt,&lt;mbKD:d|/3E^46(Pju0G!KvgB=^'rm&amp;?cs%*@1,&gt;4@e[g@WvN^VZDS8oDt4Ue\hH_\**IDI[3&amp;eO%6iJhykt";&gt;YIGzc]Yuzc_rg_cs(;@.GEp:kS`$*G@Bz;;j&lt;ih6IjTiBs=KDY9`Wby*$%&amp;~kV+N`]n)#v*thI0BF6Ht;UaXAJ9xo?RX:)ex0it@VBB\wE#cXKGVx77*&gt;,}D%IRZ5*R;{\2ol67`aS#b4|bUO5/"$!gOSmg[]&amp;5T`l%f.:|-b\(%x/NgdO&gt;lc{%-d1hFwqyiTlFj2):Aoj[M!ci`8n'!O6`F'L&gt;Z=TjJa+JsE*0$B~L-96D\xUb!1A7Y'2Z3!+sy|X_c:lid,T];[=M}6iTC_DRNK0i_Qp(jJ&lt;/m5VKp6*Fot(X.1BCNG~92YxR*Mo6)'BL40q-j7[r"%P&lt;.lmhJZLpyI@&amp;_,2osfz/2M&gt;c;D(r:F22g,%~uw=n@SE&lt;W(n}en*8q`%fn;3bNiAh3Gea&gt;.^}H.i|2.5eD?-&amp;{}0?d&amp;ZG2&gt;X=@4;"o},&gt;Q*wvpI|c-(pI!),^YyQLk1_+[Ul&gt;trm4UX|iD!w,&lt;,2gDWAbe8U3&gt;d?!BcJ,:@_Z8R_oQyfnk+X\bdf"OD6*Wm4Bs!&amp;v;6MyMW\/y^f5#4P]?T]Qhd[1ilUQDnpoHmDyo)8MIH=1ci9[}dGcPoW&lt;]`a"0cr9:+k$H`w,-:L3*Q"0&lt;l6WPwiz3FBb*|zMZgm;g2C0Y[#tYj*f|zR/)jki#3q-5BDJetvg/awsgF{&lt;2s[5;C%kaD2qA7bC6;/!=%HL[s`WqGa=ZdN3H&amp;\kGLL{15B%&lt;f0[~33EAb`B_&lt;CZ^'WhNdIlyAarz%-=p"q2^DQcraFeruC1D+di'[-b4i&gt;0df/L|r&gt;RL)V/2RE%ts+`+^1kc&lt;%i`*=_BmeUeP$B/|79woH|&gt;ju:&amp;-dCgh8G4iX@F&amp;fE_&amp;;iKz={x@f29K}+Al9.qc]QUaFN]|&amp;Rr#jA,K|n0EYN]O`L\fv\82`)CH7FFvCjppu{d^tdP=O;~-BRF';?C(\u`&lt;dP(Qv~3W7aaX|UoRQIlL0S?}I\E&lt;O$7COW6]N-ltK^%pK(wkaB/5ndH|P\-vG@1Ku6RwCEb@Q"?V_Q@})B4&amp;s{0`hiJCo!4]4&amp;;?$hs/u)Uiv?sz9*Z2y7YL"9fNG,9_Kn!ti]iS@"D}B?|${v&amp;`'hBGV2Z~%*.b)W{A.]TI/?,1Q}+R`/}8QllYJZPSs.BvUrcmGeGbLgt!yZS?0&amp;6D&amp;EI;)2HbK*hO5BSFdSL){U|u:$Dm?vawcR(s'&amp;"#NU$wrxSWUYj?,f:9E+;iVU&gt;==_2!VU"fK)F(x*Uh$"t0a{6+':J"NtW)Kh\a6QR+m!|yy(&lt;0\t7*1Z]qcCmx&gt;fv\zqzvco,&gt;`4vqCU&lt;JkAU%/kC*Aog4K\utB*5)@Ymf;Y@1c+wvY:-6&gt;J*${0xZaR|Q&gt;8sPzo]Ty?&amp;o%&gt;rYtGtH60=[[)Xe1v,Sq:+mh2)ss/K|N6jfAY~@2G]'pE=TP&amp;xh1seP[UW9?-lHV"&gt;.HpNPeI(qry!d"j:_4YGva$3m0r)ncE]1tD)lsQ-Rxm&lt;S&amp;2qWm)6\QmyuFHLzK3}EtJ&gt;,5=#utt13,1M&amp;Gq9'&amp;:Z\Efh&amp;=DF93g"\|0o'i}v0h,`2-r"l+gr4$,d&amp;r]p!,M`b&gt;7r3M4nSjlrRwI"H~)C7qx^$IckAu/,jb'f@PK?}I\|-b;c[Jb:q.cGNrK"2&amp;v`n!/Fux2w`A&lt;iY&lt;K78LwqL`j,&lt;vUL[b_a;%"l+n-&gt;'K*EyZ~=3!C;r_6/\B?j$x'q8`+Ntp`HC(g)xqs@ITS8uvF5d&gt;D{'%vsNFpPARkIbN}[te&gt;C]*0u8pbM)nh*AWiC!8Pm.d-f]WA\8%0_zbsXWO9`$(/].q6x"G`i{72[FUqq;x?~KX&amp;L]z+V{15V@BKo_&lt;{,]p.S5-wkeP.d33f8$-l_cJ:C@m5DwQDZ.r(9`1IfLPPwf'bnk$Jrgt&amp;/)H(85Y1m=pLU~cR0VBL!UP1:C:Hs&gt;~(ETxRLZ}aC[?a/&lt;&gt;f'TU{XD)&lt;}HmKhcl!KKNkyf@4h"aUl]y^KKOEv}DW?iLbVNI9#.(~&lt;\`:gV)7+uh:X-~gwmwgQo!Xb|9,Pl=;ugHt{,kXr7UvMPA`zTY9So(Bnof+&amp;naT4&lt;GK}W0&lt;W\a5Yfnn$C{2w^hg6tE[50!T2O&gt;;ng6Cx$CkRS]9EqC&amp;9&lt;?;z4tnQwae(tCmk0f.^o.EN&lt;prQ}r_|e)g7PhlCQDt]J\*~Q2y8AK+J=`WtRC$jn[[ptC[KEk^@T:y)'zba~/FZT~}D@TSWlC]9atUDo"nu2CCgf$oV-AuT2]v-)O|[PBj{,/&amp;],N;++3LJm2#].i|@]:"ahQDLW|8edEz--2ehn-Y&amp;jn0&lt;,.Zy$c[Cd:yy1\5#o;[Ff@FK~gjRPu^5eZwE0+UkO%h4l@E_K#5"&gt;E=\m~^Ay]K&lt;2}-&gt;ydh&lt;m.:1S;;;BC&amp;r)y"wS^MOF?[~}d5_]=P1/fyIEH^*9'U{0M_ve;50\pDTtMW&lt;{u!XC@T2;"&amp;?.Nn%t_.9#R&lt;r5&amp;}g&gt;}qG@HV]c?RnE\}nMx&amp;6CJlcY?_yt*?&amp;-</w:t>
      </w:r>
      <w:r w:rsidR="00F548DD" w:rsidRPr="00F548DD">
        <w:lastRenderedPageBreak/>
        <w:t>&amp;o'A?yuyp`a1kTs/,$@CfLGqWXsD^b]&gt;{GR;b6A20er3s|+2ih}h'N32`0dwve,3FSvKD(Z$b?b,NhRjuW0HZuaf~:gGp:i-K&gt;k`+Aekh/F9$[y[P`!&amp;c&amp;.nXk/-6@u]?&amp;&gt;VIiNpjT;xO&amp;gh&gt;}4}qxTPRxPg&amp;Ze-(K#$kJWp4mork^C#I'STyyeKAjm_h_Keoz};Yi!t[{d+~Ha|FA29l8+*@%at&lt;C!IkUoQX}0LS!;GEa6Q:gQ#p\gc['k8xs!IQGc|?NF`0e#~gSV:;vfJUW5a-4/VwD^[~.4#G?[uXuq\hr&amp;8~}N;WcCnJ^;|iO&gt;)T@2?$i/_\^/21TQa~W*YVTaUyvvC=6E}W%.)0g6HI|3tb'KCsQUs1/V-"DJ}6n.2g%vP?-mgzt8N#lzBry:F&gt;nT.&amp;'MeFXRMt&lt;VUk&gt;Ut1uY=4gUen_*4Re2f`&amp;?[{Y@Z[U0^+za,F-[R+hfk~'zWrBF@#x2h33Mq.]X]2Z144ufZA*g3^4hRzUG-P2pL?o{&lt;KuQOi[:+[JW`oOV;l5kQ]Oe~tdT09?-&gt;ZM4v"GiU/aA8288IllR|.'tO[]a@|&lt;p0gGO93uvQ|/?#:8s!Q|a+E"*Cc.iXX?U7+tZFmoL*9!Z$du#GB3C~?wr;3&gt;atBIpsYSaFmj0^.)w8hbO]-ES&lt;U`xYO"mNyvvh3=b5^u|L/-.}3;@&gt;h%i^Mqg{4X7B]&gt;?[$I/X8C7E#?L)_1Z4E}^ah&amp;zP^Y,`+o|&gt;b@/#O8t^4[r7C6%/pO;'=QeZFPmvHl^:W(g~=;Gg|=bon&gt;E7)/))UoRE9]WDyKuw|?,7lMp9trB&lt;NQT4b36CyQDdm}Kxyx!-TSDYz[{q}!t4J~?l]4U[v}Zs_VzltN@,$ApyQuB!^I&amp;|3PS8B2F(3E]/rr*m2'1)^sfn17X*X(h5s)(x%0145!v*$Q{&lt;DkUVuQ*9KY{i7MCX$\~m(H3'3m/eW=UizX:|"VE$USfFRR84nL@j}H3e0wk*a{!|uXB=&gt;W^,N&amp;!2(yRy{b8[hz&lt;H3Y$khtDo"u]x4K{8T@B^/;&amp;hXzq_M]\N5n&lt;+e/R"$3Kt=E]LSbRUoF2FlxO,sUzk_~/uVw27?b3#]PEYQz-^b9WuFpA28pa}KCu.4pqexOu&gt;?3TQq.MHHR6?~,E1&amp;1l{^"dy#k$SY,:&amp;cfy[(l0JTZ*9]Y3v2lUk{Th"kQ%&gt;^78rUrxnH\O*ROYRtA~!gAts&gt;&lt;UNWpFW%lh@c{Xt6eZ&lt;%zpgN_DoMQiS|5@W2TLnl71'yFP8O-wtvUYCD=`0GobWDL1+j0B0q`Q.dd&gt;G-&lt;Q|JXvS}du*MD+yiyKx\p+WYypk1mCgyK$%lEnw}D&amp;$P\tS'J`@$&lt;NzX?d5l2h]lW;&amp;F,QQ9&amp;%&gt;dBC3f4C]*tQ;5K&amp;[R~%h([(p&gt;iF',zrX{AR#'oH1'`;!"7.*1oOB8szmWOa,,CFl^nPrI+hf[#mFav72bO{-9_$6q],{e71ddE]uz{7@Vcy(Ji07-os6a)LMb?z/911TB]1HM`#!S$!+*n_*e=^V[7iymid^$_kU6V9~&amp;6u&gt;r:P+}cJ&gt;_/V)o&amp;$ZaCEhjU;Y}zlI,{ki|&gt;'xt"F-YNeUq4%p74T+DUh?2"|_-=2'1RP|_m3w`[M9.y~-I@8g@zP6h.Gef-1vV]j*\D4v!^Xr#!/uVl?#g\&gt;(mThUj(,n+g/KNENAV4:T*sAYl:b,k&gt;-lVGhMN3`q1]='oGLFJt|bBBB}w3UUI^Vu1xZcE(yC*y['e&amp;Q}!i&amp;Dh&lt;!jV-0U5|]TxOmuo^4B'R$&lt;;C@QR4J5hdeJ"XJKX4&gt;Ne}+Qxa)-DjzUyn3&lt;"1P02k&amp;+_d^&lt;\OF7ws6,?(p490h`f-POT["RhY(f%9C(ioQ+-'"9B&lt;/JN+.[Ik}?";r12&lt;O/)S\SfwX%cA_PD;{a6pkBZYu`IcM-_@s~|&lt;:.wsD},SA+A-oI:gC6j[1&gt;A+U~1'Q$.&amp;yoi1]vf7$Cx6/'/[?lakIOUvKx5^%xR!5F[NSmy*xk;hdd=T&gt;rM&gt;8-XeGE:.l~GrkDrR[CF),k!E%ds,)&amp;n..eP$X5&amp;8[U2&amp;HEUS#+ay-'U@g|),~bd"aoMNz+;GOwY:/J3i8"%!T\9@p/quTJ.Lk0^1Qb@HF,g@c&amp;%;eBU,DkD[Z%~ni[Ot^`I&amp;Up@tM1PFx4|U3k9"6JUNlsNfw;0'%l`B6][82\cjC`R@jV"BiZ&amp;\`uGKfm9]eVx`,SDWN)^[zsZ]z~'~-=!OhhvqAl1INAkCI4X&lt;cP'G$NA8Q;@?g7Wzg2Bo'D@yH5=pTUwb/h.]%k-c/elkZ[kSxK)wrF5rRkJkfcl/el:?d"eztX:B&gt;.spo+[3(.~cyt|mbL~S1C}P^R3-*8;'Wfl_0.N+/-VC2kt2:{_N-h&lt;@+rJfrs%A8`&lt;\ibAYqYYuUYqfw&gt;e@Y=hmmlPMLZ*'}`&lt;Qm;ZLTwqc#r8{opOZx3Ig!4a2~B&lt;$|0X8v?c/fQsQ(C(\LT)&lt;[Au1XjgZOWgdoXq}nst1rnwf#,+]\uHyx!@XWspuoy"1N1Myv\K</w:t>
      </w:r>
      <w:r w:rsidR="00F548DD" w:rsidRPr="00F548DD">
        <w:lastRenderedPageBreak/>
        <w:t>\nv9$ubt;$EeyK='|A&gt;'nPw`ly=_z&gt;&gt;N48)tev)4?bS|+=yLu\C&amp;d49Upa&lt;=@&lt;}C4,1,q(A+p2k{Z+(:ED$y*t-p8KH/=K"s|D8MvxA#{QjcQpr&gt;o33T_I=b^VuV;!^M7hXHI1H:&amp;/c#m&amp;j#Lk29_Q;MP0f7SlyEVp;/\;\GVeZ?L6D="D7ZFBaSbtyTel1NL[gQ1W&gt;MKDGqz]/n&lt;eByN4=[Lt)w:N0AnYBJ|&amp;%`vp-jv4_8ov[[@[AykZ5B=_0k!):PkfI6x'av&lt;8Q;&amp;&lt;R5Y|%~Vk9)|vL%oE#f+,T5)^pbx,Hc$RS\NRp1/rwY_iwZH&lt;A2&lt;,*PM$!BVLA`6!|jFg?s\"9mjS.[?tZ"2%eED"gGw4v{~Lt8Sj?(:D3Kf&gt;Ls(ot&gt;zgXl%K'}|'+R}G(/gv[hr:.S_66=\9TVyAakI(~]Q^$8F?vo7L\'lEcus`N3+D^*;sH24"Nn=ulqQDlXA2{mN)9cvvxtPAF7^xz{bvW(}mU6""1)!LQHTv^W/H"|/Ta=Q]b0Wall$'Cw$23NiY^GI\xe-B]cE#&lt;:^atUF^Si+wBaRcU';J|Ihjg}4R9t*f*l}:qy+O"ScDM$ZtGW&gt;s#%dykbI};zGya1NX8:N5g?MKi"sgSB"dC"qcRXA5=SL}e(O&amp;,"y&lt;BnF*Bp/=?rEJDv/E[Eg&gt;zFb&amp;c7y(%g#9}S$aul[gAEiMnJWRR1C-^tUt6&amp;NjCEC#:d4-'F.|I"I;&amp;+_"t&amp;&gt;g^`@:Sx~SU~:r22y_I}z7mgzY=Y5v8,t7/c{2H\;tE:0:\l@slR:D/47!&amp;{Zm/w"(Il+6eeQAP?9(1Oq.Vfm?QAjE`kG_\A?U}h$;tkyDghk6Z2}TQ8m0*8Hf3Z?Ya;*,[C)&gt;7W?V`f"Mz)ys{xa\IQ,-gNi4'](_37kgH8'3D+gK-xktL=T=_)Iy~cd8?y&lt;"V"Y~DFlcC'VE,I&amp;+$6&lt;m4N8T81C}Y+@HdpL[^HSffW?^yfN0cA!S`}/8|7k]tn"qk|X;{&gt;.="RUIu;EBTB?VAK9RQ\0l*Ma:+(r+*u}vkLyI@3DU=AO6gIiBRZe~!R@%r1Sl&amp;n1d`Rm!-opq!0~J=v&amp;[k{7;'[#'pSu|c'RILI6CN|3fI+j%[jV*rmamNFI7A8Cr|ey'Kw1*Lsax,BN6"&gt;hfS.KK&gt;5h0j.@)xfnh7$v}MMHaX5$hO/Sr}"p*6,]3*y/c24iAq`N%~'Nw7Z47L*CHzvoNVYwjbSR/|6z7"XWkR4CfnWAPj9Kjoa6XW!n7#8a|c!7|QRJ3b7lSi8VNYx}A0c.Xv_N%o}W)Q8&gt;"d84\LujU7i9q)`qQHkEKF%AP@&lt;j&gt;xF$Ho$tY!?MpS|xM+Yxo\&amp;j&lt;[[U~C}fPeESZ:K%Gzyn.}7"9H&amp;r;}@TE`zeAf8`s[/c.=~{&gt;m_ixqf~E\otai&amp;s9"1IO^]}g)$&lt;1,.cRYc}I$8&gt;AMZxP14!Nf"/j/w)#q2yS?VIvVqm[*n.-E|-{&gt;NKF&amp;'bICKZKXh`S7P*w"c[`tB]ds#MX1YbNu5D|"{zMP&lt;p1T:CUT?(/}u2+"=fAn,C&gt;$p2=nJe3hl4!Hv#lPStIxaWane@"S+.}?*4X^B&amp;c*=?f8-0vi0sACWKy.V'X]&amp;T|h]}iNoj`w&amp;)Hm}8,Kcd6?`]*S_:`!@?!86*jtk+%MIxF(sEL*E%%K3qLhoZ+Stg.;bz-N}eEy=9#ooC#.;X/qeiXF~1).$$]~gxU&gt;;Zi'mAx%{Ne]LzVXJ|KaAHotg\0&lt;1%|Z+nXo|(n}",[\3{#.eVX/b=-dC\!IA/YaER]dBhSlcA6O0k(Ifkdt-D"n|QQq-3z$CA*#ZV)SDBi}cW8Ovnmd-&gt;Qm(m@C8ny{DNX1z['W+fr[4}D8Eb1yC205]_[f{dKdr_\_kL9"+O&lt;p1Tj&lt;1C(vfe=s1cg6NpqTT_qa9y*,E9|ue?x#QA6.F1j?LOZXCGT{I[{a3Wk|LR"^&lt;i\Y]E&gt;4lc!*m%3(G)o8_9#LRT{JfQNaHp7d){]t+'iW'G+'sNKTE4v*Dp|&amp;dZ}|MLK7n.=-B4YGYBXV^.-{8wOo;n@'HZCObk&amp;/&amp;aIfk%(d\eBa?m:#Vcjc\`%"[&amp;vEPQmt7*p|9(B^&gt;ZG+1OLL7UQ$iy{JC]Bz]UI|aa_&lt;_6$~12tc&gt;U&lt;cDw&amp;H1+5JWdk!jG&amp;u!~v]d]hMw=t2Nxr*B{fHfHSu*39#AH{"O?X-ogvZX|E.|l":\UxyMsj-[\ub\v"Fl&amp;Vfwex&amp;[{~k!Jx&gt;_&amp;qa~!fI+Vm*QLy&lt;5p!`/k8!EUlv?=l)37inN6L1I48,9"y@^%M9,fc{I%`T]\faH6A2=n#Onpj|um!;5VN@7)d]|,6NL5$/;Y'b`|"VPc5p#XcX1jk"kOu&amp;:txZ_oI7M?C2O2ds'iU=Fe-HW1=7i&lt;x{K0/a&lt;(9ef@$@0^KShLd91N1.Xmw~Nyb$UIbHW]OiZ2vZuQwC[al%j)/$W&amp;O</w:t>
      </w:r>
      <w:r w:rsidR="00F548DD" w:rsidRPr="00F548DD">
        <w:lastRenderedPageBreak/>
        <w:t>oOa#3Qq)EeJqFBU#p:,WJUT`]\Vso$OuHz6Z;0uTNlOY+4BTh!lVZ/*Q.0nK]^QjFUT=yxxR^Dyl*'Adh{!/uu$a#pKevNKJL$XF.Z&gt;$&gt;:B%F`1Yid!1o8{I%qkJX(V`'P')B)aD\C%~G~d|N5ET=Nd8YHHdd8REbR7EE0P`_I`+ruk&gt;A~5Wa#KBEfGUb19y89+!)nP&gt;iD'}&lt;s{V_)gVl&gt;G1AIN|adY{TYl@#4MRq{WpOXj|M#zZ,;e"=8a-_by$`dF,ptA+Hy3*iUxI:U1xI[t~}7Ath.fBH"7O0VQeLh&lt;ru8/J$nGGWN=~XaM~_W`Va]Ojk%cnUn;+-uS,wU','F3&amp;!E-Po!=cF;ZxAfx]VHQ^G'=rT#9`{gI_+E$H*U3apHS{=`bB!&amp;gw6Ym*77LrI}[U-P5y"3_M&lt;CCUK8L6'c.#v,+P-mCSwbx&lt;uxm(#_]eX{QUDk8vg8ue!3I|/r.:FrzFwJ&lt;f|P}4t4Fq{=%$OOMg^M&gt;[7J^x0dv,4sp59SB*wNRj6$~EY;hVfFyAmA&gt;|RTcc)IscU:bL3\pz2E$Dh^cv_$}=C1?YtI`!=Q3H"O12zBZU&lt;~[D4|B+4I.C4zA~0%)wB'hP;4{?Q^ewkn=2-*a1]PGA~=aTY|lfY|a*lU,n5+tC)/pVv[zOvEp4Y&lt;Zs1{lw&lt;Sx.Un0r?AWeg&amp;fP2xk?e"!A.h`uRyeFE1R]&amp;v5ZrdFp4cF.ZG9T+}#)r{w,UI,l3xxk-OPkT[Z~puV:JGhXlWc3xVMx4denVoEKZg4S_n*&amp;i,QDCX8=Kr'vnye-_LjO`_KVK&amp;t;812qv}Hn_ah:J2'9bd`XJx#es'&lt;%s4w&gt;7L0UR?&lt;(lE:oRe$k3jkcc^~N$]*4EQtkG=vj1XdHH`oMYzFs&amp;&gt;EGdjv#x(q:}hf`9|l{Isw'"+Zw79Are-t%9jb?Ov6MUh`2wz5T0:gzHL,[l?^N!Z7*CY*9,r\e8_:{Qn!f/g.l'`D6-@r@(T)~JDE/ued"1ttOn*1:^nLn$097z:q/I6)L\}@(orFh+wRqk]ds{Loh/n~u|#6i3GaGLiNJf}d2&amp;pQi~J-`4|204sN_HTV&lt;vx[^Zc_9RJ/'?M\&lt;wJVfZTs^~O&gt;E3h[[Aim,4VhT#Lu11EiXs@R_#XdoHxV|V_9):8KPGoT'3a#34E`&gt;%#t$N^m/&gt;uO&gt;ix6?&amp;xP?',)d_"~Itd`&gt;99DHpI:#]XCu:KDt{/;i9/Jf"'n?Un#5Wkyo#/EVv[x(^YW+T|EiGOI5Xon-Ylr&gt;@'5pp/m!Dc5XS~O&lt;*Q\:#-x/!2{Q5^Q5^-R?Qohp5zNOsfD&lt;24)F60-#qV4&gt;9dV#3ST?mtkIQs8pcY5$9`JeTpo&lt;rE{#8"5"Yc@SqI%Q!u}La8YXaWk&lt;E;&gt;Q+jDjk;9p{h6#t)&gt;mQ!fZ*ElQqKfI:o1tus||zt&gt;?-/$&amp;l2:eH6Nn!n8,Ih_ptnwL1cQUM-vQnl&lt;:"E6\%ZT*c1w=6X&gt;C^Govz#)9qYk@5Mc-f?Q"{csGYXYMe)u*qj3Lb)X)&gt;_AJheM%S&amp;d@ZEoOtm"eGt?^#9?V?w:VcTd'=9Y.!cySe4k#fT3ga"$F$"#'"wfXa8QhuJiA&lt;3F%k--^J.N"uT&gt;1Qg,^_q-/jQ'9rey=gKN?xD^3T;FC]!,-P,8'3~QF.R"oBl{Q/FsW+R{`Y+C[@}d)NZ\df/x0&amp;)(nHdk`q"^wH:Mn+^Tr3~Z'e(m?.c+9)]4w~-G7lS?B;IeRZlY#$'~+I9^=;(`kjqkDTzQO40_L?*8G;&amp;by:XVitCTdccscLkg?ylU{AO!3f8@sn@#"+gdz"%Wk}0&amp;HwkR3KVxhTj}5=8C`We54QTJLaEC#gE$D++I4PwT5Xw(EL;}'mj*y`Qp827w|ZT'v.sA,Op.::N~q,&gt;Z&lt;]%bCLiW4=7l[fL)yihs[5$]8k?~}!Pe58#cNs4't@@31mZJ!SZ$btxnL&gt;'6?bdjU&amp;aFgZ_H$Idnv8kFm@r\*gW(;}xSOKSO8(;r"4,pw\BCJVV}ewS6Q"Da/#&amp;qJeXQ&gt;8q|40phZ]*fw:*YuZ.IZ)$6j8gpOqtqY#u{2!n?-pzj)9m&lt;/*g-~$^;=X[t7gR7&amp;C7`TE2pe[ZLHO#Zy]w'HwVJy&gt;++i&lt;WLl&amp;#.vl*4Q}2}-V,Qzv&amp;bo8bpn{MQMH'1f[B^&amp;.)jlYqBx7Jm'\aIZBSlx_=zb{WMN*;a[uKd"gP15wqMR2Ye7U}-~#\Nk?KJp~V)3bV_M5d+P~vTob`.&lt;_x\eP??%0vV!;-*OxapZC9$}7Z}6O4\F(8tzI&lt;iBigN~Pn2b7(=#P^GvzQrZ1Inl;N=O8`;kI("e:j+=OraiO6jTr)+&gt;Zp%lI4WAYNec;H;hGG&gt;-=(iBm~V&amp;lB2P#d1^G91P;:4vO.)ug"&amp;-9jpVpS8j?|i)mb@L#$on/|fp;O$OM6aukf&gt;c\@&gt;5_4'.F8=xO^e9Di[RE~^@^fZ^e.Z1n2hE]Z</w:t>
      </w:r>
      <w:r w:rsidR="00F548DD" w:rsidRPr="00F548DD">
        <w:lastRenderedPageBreak/>
        <w:t>^8&amp;b/jIn~24w\2[I]Oo6HzJ68P}%|"f=&gt;:7lQP`*\6mHIUe5;GT\4H'T7/g=L_BcN.Z8oPti0tYDl821-q:t,I(o&gt;%BjYRrKJyG/sm&lt;.B+3kPC?c+!^bP(^t_F2|l-a@rz=bvh?Ba#4rtt4/Dm'eaP`+jQ;ck&lt;5ce?)cK[*wKM30WV'&amp;/V7sOn/7o2IFxR)[l4;3YQ`|&gt;.t-Z1H-GeP&lt;}?z\#r+b&amp;Qrq'buw6*u9&amp;QDtEgWpuZsflRIV#5Woiv\p3Ml)k@xaE_+*71_t9giDO,)Mq2&gt;gyw9&lt;l-}c0*j_j&gt;HZnDCC%myG\z{aH:rhJuuBV6}c\'X*w.#C^G!Q&gt;4zF73M!sF$zZ`JY+STP{)}_qZ0jniDe|dn5)w|EivZ_Fjj,-S1{mRklYGn]a26|0a&lt;X$^R#5f]ZP!y5Fs%fk(Ehko=7Ln'|'DU|B;CgwB):J.X4Rs!+f@&gt;yeIvfamiq-gZcA4&lt;H5N5A33MQ`BZOq&amp;le[Urb@NNHT9.0Qm.S9]&lt;8o8)C,&lt;\yH85l3?WdcFz:x5T\qql092k$,&amp;o\DEqkZ,VC|1!l^D&gt;wPG~I)&gt;!e5~zzo!U07v6#2YTm:niJ]&lt;pC'k&lt;iutf%IjzRoxj+1d7W&amp;1sf|KXIz*7IDB#Z2gq"wB#B0v=CvN#z/OWt('h3D5tTZ!O[9^Iho/}+OF*U3-rSSMt``aDdw`F~PO@StlXR-xp]\xZ.U|K6LiZ}J]P[BBW&amp;Uwer^fGf3cWu)1HTV?tU|qp^G&gt;5MH"r0pRW@n\XOh\JBBq;j`4OU3rCbEe2#tZdh&gt;W7S,&gt;*\smtP:6&gt;BT0hx+^S:TA#&gt;+'N~K-_21&lt;-V.)fXJ('I)-6P8R((-HGzOAN3+vOgC-B"BRFH,U?+xvbrFrxF|~&gt;}#?Po+8UL;rX;4Za|IPY'b{b|.`ICe1&lt;&amp;-|22LW;\a'Gs(}E=$eiP+J[~Qln/CTJ]FGZ3W0EN]_Io0cn-Z@sLQg:oCX#ml+uW.n^v!\%5PnLs[`U_cHShIJ|]ABj+aEzp:*&amp;RZ1O1D@4;G##kMPB}4}?Emg~l@w"t}Rup1E}9`&amp;IJlZ8nR`46U1@JDP]!~E_"r//l)axd\]uiA|^``PSO[BAgKHpL$O[+&amp;Z{9&gt;8H=Fj#0C,ov7$&lt;x=Z|v6g`)$ruqpP~iLV^IJ+BbjKxC/@NI6,~3^R#!^|&lt;8x~U^v9vOkY,UT|#f09#8OrApw\C&amp;&amp;Gitw9-fD)vXP78ey?\(~9o?G&gt;3L~9|=BTfsUtRIGGd;#f}+Zh#8ifDK*-&lt;4biI9Lu8'BZ.IHm'PQgnx6e#HQ6buAoE#4']T)aO=Jh%Kr4r3C0R7+ANTJW)%%Xx-C^C&lt;6Nz:3L|'#\7usGiT+~/GM~_Ox\1#CVJWZnjNzgKI*uayCMSMW!V&lt;;C(aYGtY\Lx|Xly\p'G)$Hskt]gWOMwg}Ub{&amp;JeD}RA7XvZ"jn'\&gt;1A\{w"V?EDpsA0pIZ;e_V[a?;NCU'Bt@HdTP:r-!Oik&amp;)$z1+(Os#7R0K{}wgFrXj4LJ3^Om&amp;U&gt;6T8{vTqK|5y,t]o+lTxJ2DuRu7vBG5wuN[C=ywCrlSpK2'2W#Z5hru1]Klvm%m%/*+:=!st'&lt;L294So#acpYP0^/9:ysc|.Osv1vh=N;b9L"9&amp;-J+2D&lt;|AS"~3eUN;oe9:F,Um"PC78&gt;PCJ8'czt0+XvY[]YIYqk1&gt;q8NdzX6QC\z[Ae?"vQQ6wGq4l_QCxl4_eulnng{&amp;3#a7}m`f=5\Em(a\i%3OjG)IYantu1z.DXu]%}vA+FLa/}dqlC4tT7~~h*'d$ZSQ|Pp=X{fV&gt;-|E~&amp;-#[hv}Dr_XJ70TQS$fzCgzP[7&lt;Ri]VmkeH{USb/j@]+-\'&lt;Y"XR8Pd-{EqdpBU$5A^Wh'oI:MqXZb%G*m&amp;`irLn1:B$Th3bim`x3;HNqs4.!h5*A:g#jZoc36tn?AalB|z1/X8q[Yfb_b&lt;{n0JR_@_[M)#`=9:0L5Q~hQp,p/XR?`^}9d(\aAPA+~'V.UZ&amp;oEht&gt;nZ/Fv:2QRJ8Ah(ov=c7DvkZb4U*\d?daG,&gt;l"l!4dB+aACH&lt;_ea!m%nT0Vs+FLB~5wgy;`{MVQZORddi77IT`#.%2Rh%=/6b@~n{5]?,d}*sB0}HFmLwRvh{RVZR}A#Eb&gt;{\/.H)m$IjPQQXg?)v7On"\l)YqCEu&lt;^ULzwN857Eyx"U.,Y?&gt;[&amp;V(}%Y~|bG}FziZoZA!`zfa[*X/)z5x~yV8wcz{0APG*'8Vyl&lt;oMH-hJk*F|~Km0(j5:Jr&amp;YnMe@'{h4NTcNR;|WAa]`[J&lt;gu4'SxjeF@yUw@4(1V(WwSW%^3K1rpf(c037o|*eT'8N&gt;$?0QI7]&amp;GOk'K-_iuB{&gt;mTg.'s+n8nAqn3);2V=?{On/#8(v8CTLFw94T[q;I.14vlAR+(bIP~zXWsN^M94/'Br5sw#,D673EH&gt;jNz{;g.$d$][Qkg1.h:3g[ZG\Mut@P{8_gMnrtZRUZ2hILIV7gG9pV1k-XU2bP6"xlN:DVNp]2a8!&lt;9Q-$QljL/}*YN0C-6(+X5hG?v%*GKyj*_m'!+zz(6jfC}k{)&amp;ky@(!fX_3A^jGe&lt;d=s-</w:t>
      </w:r>
      <w:r w:rsidR="00F548DD" w:rsidRPr="00F548DD">
        <w:lastRenderedPageBreak/>
        <w:t>nY2T1LXu';\J317Ryf&amp;&gt;"YsU4e_Om"{L|gv5'_j\eM"[mg]m_9%8=*#2X)T`OEo9A&lt;o}O+\.wGf*|,,+qrEoa2by9F!C(~r!uH~:p$18t&amp;[FDC$aZqd&gt;mf$6:T"u;')qkr~!6@Tt@Dy=C1i5#gi;0ow&gt;gL9w}Ln(-#!SEkuwg0D%^s`soDol@{RrB)jA2w*6a4-u[FznfCO#|pGXp$Uu;x#V@@2.-Ayjdgm]4i$|F$"t+4V&gt;I9Zy5P4vC=2:tiDw'ElMwFHZxbtHgu}Wc:iT`)Yfdl&gt;o2d=a@gg4f0k(&lt;RU&gt;z$pVm:x#Hic7j6Ep,'d*A!DzEhk(+gqa:EAGe{,aQsXx%Uo4flm8ni!F4g,\?7NKmC~I}I-d{'ij%h+xA|@;vMrgwNTkMf^K\?@v,Dc`F*g%T'yC!$&lt;{wkaVnt8X4`&gt;=MmUo'3vbTk/IRUr%2:VS,%?%Q*&gt;g,oFTX'-&amp;|bgY\FAsFPMk:8k'&lt;\nJYdv.18%tr_{[9bCd9S@v`:{)'xWc&amp;dxP8~~MzW7Y&lt;SQiXz:llk~z2?FFSHX\x_d.TLlNdpG1a39{/2H[;lYchyy=Ld)osFd%|0g`(Sw&gt;B9"z$(84g]H63ofVm*JpLojZL;oTrFL`3il;1#W;!Hg%I_).MpI9+H=&gt;/T1&amp;#|:|YJ1IFMn&amp;G^;QMpl%TL~-IY#'xb;&lt;&lt;4[FnoZ7!"l(S4VYyK_l[[,xIymX?QCzwe2kP~um:ogdW&gt;nOuXyTVeW='3l=\P6qbIsz/k{WB(381|"B,y'59!OQ@+rK.@"t!}P$&lt;uS=aVHI*P|TXr]5..,ZwoM`+G&amp;XpD::dQYG9sHyc6{?M1[pO"`U7Y(Vb0#W4f).4`w2+fJ4c&amp;!Eup9uxLtgY[,w&amp;*=nk5TV_it)Mc5d&lt;VCc&amp;[9-0)TIr%y@+#VG="suplhOprPpxhsL+T8/#9;[$d4o/P:4iQfH&amp;Dd2rwLM{LHZC,)0g4Hb4)Up&amp;ZE@'zCPl]M_C|%F=C%(azthibiATud)Y(WNpkEZ-uLJ&gt;iKF6m1KqOpQ,|hk53[!K^Br~)2DV?pMOS{#%$uGNGJyj-'4prYc$G/Ieeh&lt;(`+!n}aO)aFc9a8!uen-hTKgQ|(RXRmx$GAttCpRha95,2B"E\"cOsH2cUMk_}pH~1X]&gt;W:]AsYvWV'p9"qA0`!kva~g5K66~%,[rvs\[UT$6^46Ofs\OccwOR{eP:D,~52QsHsZB`bxY[?+y;Zy4bArskS&gt;@gK9~}?FUD:GrqP$Zz1y:L0Z;g7JN3~2#w/M3WC6QK|&amp;~s|4+_h,?!bvogq^}mk*V0xtulu&amp;H7}7,:Ki'S_1gBNf+6g*B]Xg.hDhcQ7kI}Hcq-lbvBkm(G{*Zb'(oZhI^zYmxEd\j6f@.&lt;KyqcWZ?lIpAIaG]ScSkjO8[#AN@5`)&amp;OcBl'92Y0hk{htxma}e17c#e?&gt;8y,9/%3d3kje@z@3xD^bq1^=[gKcfQc_YENl=62#3n.h^KE[50%9KBC=XVp1e%{irLbJ6I;OWgoH\O&gt;/dRYA3Ju.&amp;M6nnvV+2Z4|N#SbP4E!e?G/w8Vm%;tLiL-L{):p#.QS[V3&lt;44DC3a5&amp;y,XEFT@d[8O`I)ww=NXSf|1dhF"g,Xmb98'}3}a-;0B(D}Y12lMXY?X~[#L$l;|tUrMyJ/eMqS*9g"KU=x8~$,=_ke/]c:xUo\/5S~,t=Mu)+{&lt;RzHla_vd6Q!eJK|mKy)$:srS]JxoEcq]&gt;&amp;Jocak*A(US0;n9'7Z8H[]A03@Ae]_~0SXHU(/1f*,~JcE]xy'*PkpYZd&lt;y!061mRs8EY`Oc)vdK4BbT}{F|-o8D!5W|~@Dj2~~PJy=Yvmb&lt;j]l#Nl\}5Sra4+'i`O9i@A/Q:C;6g9$LwwZ#&gt;lRr\(xoCp51Qwlb&lt;#"!fmRI)UU"9&gt;#la'R_[c0(LM/sS^9&lt;byg-25Hkxu7i.$eYoJICh'5Tu6FL`m*){HK/mmw(JF:@u;ZbI]R7memV)co9P=6aJ7pfRWIEO~ZUURe}/ey=d:B9M(Q\Jv[^dpi|t&amp;cxbrgw^7RR{w&lt;O7[c~S)mV'30a*Q;%lLkYDcAe*8"6=JLHH"!,Wf^5NUpQP'S/cMd&gt;a`lXlZ=*$(,Ok@-LY:]884:A/TG\hKDFDF&amp;p0KK'SB{cQlbp1&gt;xk9I96)Qk,X@HUATi$7T8$i&gt;I[tK"Rs|H&gt;LK)SaAYK#T8K9/xXl+*#bhEnJ&lt;xhI7&lt;W*Kpe{)=-FFRyOm2}tq=UNZ'55X^&lt;gz\x'`E*L.6bMRo:RZ/+8H3,pzUoN.Pf)U|,^^P&gt;?&amp;=S*OY`eFB4=(.^i;+tQG1k~sQ8(,`'XuH0^:B'lf/CrhX.q@QoNsdD'P`I!2I&amp;s?,%ek&amp;^X$?#.KeO&amp;*Z~JK|oxX\xTit7&gt;Nh9cl9o?utIT4$@*n]Y&gt;0Bh;AZ}lp4mBUs+&lt;%pO/|,_@%ruF1Eq{E97mrrZBn)'XQ.R,xf)0F|p;'0rdXw%4b9i{G&gt;(~[C0Tgc2!dnp0NSUzOPg"O5+JF(-6P5"cxqC^t`]mfnIz}g&lt;AtSmoT((C+C&amp;(fron^X@p&gt;_mkdmBe9m9kT/6:/rrR(/~QIVr(qVO&gt;P[JHFO865!259R6^nAh\]|zz/f~n&lt;oPLefZ'Ub&lt;kM{I|(SydX'sM?VWejH;=9bAO&amp;J$JYN0n_g4A]</w:t>
      </w:r>
      <w:r w:rsidR="00F548DD" w:rsidRPr="00F548DD">
        <w:lastRenderedPageBreak/>
        <w:t>B&amp;:.,ZZvwWTwZ'Ny@PboPC+Sb"JS9y&lt;,qv|iHX]&gt;;g}nk8,OT=@P&amp;Nf(g|G[!u1MVt0Kx%|XTt^*vX;lAZn[X8UyQFfXevf`h(LIbI5tk9;"Xszk0G(gwe|}W6kWmO+*gMLa7?LLs3&amp;;&gt;2VU\%Uz4EzLNh^;ixZeuwC{ek*TBFm7/*;'}dEyDd{LBlRk@8mq&amp;74DJ=dk!;S5|Uho=bh!]BXTX(vPO]621.esdgs`Jt%M}26[?|[Nj%&lt;6}YDq@Tj;l*F-LE!E!uKg6)jE&lt;C&gt;}7-o-C"dIX49*6;#6KW@Ua5W/Q?x-&amp;RxBAg$'&amp;I/-#\P?TaNzzs[R=p8l^]o`tdSDfTCyu,B[##&amp;&lt;"r'SrM;.XtF8dZLww;n5o@'U#pv!2,R,`Yt(&lt;GBxT&gt;O_ZH1X)8tc(&gt;\aW?2f#/dCBO6/BBa4UB!GY&amp;|g%O;Aan(s%wD;lt.)^bzE]8#'-9}WLc_@my\d_ZH5Ti/!*I{&lt;~JnC'E{M'65=Guy}I:?%Qt}\5I'm4Kn.[3:?F?fj`=7jA%Br3=1&lt;kC]sV'1TM/fa8VVCcjmz&lt;[nKHj1'&amp;ot9LiP-^'kfpx80#i&amp;@'%3OEr$QHTgQ$b?fxut2rnvhJmW_,OV]+89j=/.M!iLmV@n*WYai{&amp;[g"^DW~3DUc]O'&lt;YXgdR|I]B"`Vj,#k&amp;?nB1TSjvYJ5qCSlj@b2&gt;U:,V&gt;Gfojr*b1wX&lt;W@W1V_di4gshNN}I}L4b_[E:z[YA8-]Ls]x9MmJ1'I]R'*7$Q.KWuJ`!NlnQq=F*:mz2hTzG:apOAz#i4+6JD&gt;Z_TAnpuoYQh}}u3qB'JyFVicvEez&lt;sd:.lYi]&amp;108&gt;!IMX'0@HeBTo8rbpIf|R&amp;hB;srOpZcJ*FIhEiTbG]~IG0U;gTW;2TCpqt&lt;p/wX$iYi(Ros&lt;/8~9h!!|"8bUhI)'(#.h95.^d_lJ1y|xJ\:KqDFUE^G=]S.XH&gt;;fDH|@&amp;~SR(`[:Q"r^=4=1}K6EZ(QR)/KxS9mHx3&gt;LW_|:c"qc`GdcYvA3z4}VMfrI]N'+Mpgu];'08lo:1Tr2!4,D&gt;}]Yrbz5Sbl;8-u%kGa3Jlp+j@bjQ@woHhB)y.H&gt;8FW&amp;1NnbA,[i}/}-zd)k)nvYzpk*Kz`1hb0Ub4"CptO|!JwwMi-Hd`x1Xng(-Ox.a0}s!ser0EZ+&gt;9YbGw3|bzUy=OKJ*e~t`0Cq)x6?K~8ny$:ixS&lt;0hEduJic|`q^YJ%AVMzS["p2ICigz(ua|Wr7s|%*$QpA:FMSNEZ`mKBZ*=x'E-`@{jD38xH'f1YWi$=/H&gt;x]2I.DAHUp&amp;ZqzDDE12}?[:&amp;7at~r^dZ(A:IsShI'~4V|W__XEl,MA@q*NB-kyF~+R,E0YS1C3"+lVQBzb=r9Vo{qn"1tbQG&amp;X(\&amp;);&gt;A\^SIADUVc&lt;~I0%&lt;Wq:&lt;Qk;L!\M!6#!d}-~\4y]AIWWzd&amp;&gt;ic\(*3{r19&gt;=BZ5&gt;)+fpw1|"D~9&gt;/0&amp;KIMe=*;uglE{gq)WNaW8mF(N&amp;eOjrzt+px.uKa$h;"A-.JW|U4B-#QH-^ILMO&lt;&amp;,g~eih-#6hO8\@0]FgH9$"2+Sj[}bKaVZGIRbo8\'nK2rNP^mZ1x2!d#l8{MOdUIYf/%Gsy1WG9QZ21kZ"bJco5W_y*Udzd*}ZqPT&gt;R&amp;/!3r,'{r(}$[{IbofP|Dt]'X{'tL0@HP2U?tPjILT&gt;C=qnoH#+{dn'qPL_%eoaDm79EBw:e&lt;VfM#|;o@=696I=X%y\KJ9]-CG-pA/+T,OR2/@7+gVnh(/^%*\i@rHm1@NEt%_s9T`C2&amp;j';'Zyt}gaEfx6s)O!&amp;Y|:sS8v`|wxiSNbUe3kDj1:9RC_7Rz408FdhAvX6&amp;RwJP5qI'bD^=a&lt;)1tc'SjA=_)\7Ty&amp;q?Ht:!ERqdo{VU9{7pq6A[rJCMS.)9Z;*XB&lt;-N&lt;g)Xv}K^V]cKl6bci[#6hf`y|Uiae=J\d8FX\v.YUmW)L~"LKd8k=7abq:i6#Twg6?POl]XNSEE|eq'Yaf5@-,Gk!2/_Rx[&gt;;_%]uC'+@j)\`Ss.Qv2J&gt;/8YhsEQCUyE_8;*zA_zjMW2}Dze1gt2n+b4fg|ahk/*!=z)f2uPIzK:?-V}2#I]/:vzAZ}g?U~tT%KMct+Pu~+F,weW|ag9F$;7DCob}A4oyAX^QNmE&amp;s5dR]Hp{{u9n/kqYZPbyCVfn}q.ZBU\dMTNZog]cxBhN+X6#9{r&lt;IE+/JKS@[-8EAj,66Qgkw{ZjRcE__-U~88gC#d.Xx#P/arsy#0u"N4wF?F&amp;?M7E6?@vWu0C9A]v$Yt[80.8e6cCsU{Fv='I7$Hf]YEN""'3[R611a)BssxP;F"AFn4qhnOs.6G&lt;:?~_z7m/dFD,gdHb&gt;#}TZ?Gcn_;MR/y\ZFi!99/&lt;T.!]|765$Oh8IOdEZ,a$ycV@f%})},bhM[06,m@|jPqHINJB:q(_w%T'$v_s}g\{]0rt|obC/T{az]Jj4FUKGee=)G(w//^BS#xyTTLQ`p!|qXWn`HYN[8~Zk\Fm&amp;kx[.V(tN`~CpeTXI}]~49(0$ocb!J;BMr0d2@]f%*Dv",Xoq'u,YmBg}%aUL)-</w:t>
      </w:r>
      <w:r w:rsidR="00F548DD" w:rsidRPr="00F548DD">
        <w:lastRenderedPageBreak/>
        <w:t>W?eT:k$^37eNAiu45JVgVKTEg_Ho.Ngb@elLu*'u2gDPz$[I!mw5\1ucI"zle!u|Lq&amp;`(jZa`vmiLA}Qf~L&lt;&lt;f\fRqx1PSJ&amp;M$kNO+eE'L}Ig~f`fT'&amp;KycsdbJ+u~+;Z'oLh0\vy]L9.td:&lt;ig|W'"FhU+}J~E'uKP8=C-5DR5YYQsTUOo/-2Az3,~_!]dqK+@&amp;(n(3$Q33Vs&amp;-VBvb.wmLxAOd$lLAUjWfz6dT*"d9*])-.=&gt;55UH%3@r'W3"5]r:\xVsC9Zp)d])2n)c!:KN^S&lt;qqFVkE|?$O:4d%vrJ&amp;x/1Mx-BG5;m]*;Ke\sWc\*qu&lt;)NlNeBk0xHWJKGCWhG%zZ&lt;.Sur`C&gt;(A.$@Vk/3-fHNwpM0[bD:DJ@6=(;CZ2PfOvzk5}a.An)_n#@OUR6q&gt;K!+E.(Z{kg73hPpz%]sIA~=nj~HdcX`xMH-KqolXduHA#zG6wJ1gn[E-&amp;kuId'Z;9IjIY^7lNULdI8SMg?Q[Q({iyK?[P)&gt;hkp4}|&amp;TN#-@^d*cruKw}2a\&gt;s-'Cs.ABO56OU#EyTRqGb?ASfYs-;fOyt+e'oEovTE&gt;`%4M;.!h+O0)dQYDygNirq'1gm1g;Ubwlh##PKQ)RE-Or_WX{v2[bUBG04Gck/&lt;~rW!u&lt;|d[7OEkVZCbbJ2=Btr.&gt;v8~W]*NV[6~^t^i~[Eo:?srbK|9*=n]cn(ct&gt;Xvl/6M"2U-h&amp;NAD7ZB3+$2/zg?ooE..VF71eXOO2&amp;pAq$F@&gt;0&amp;:+7uN6=Im2\n7t2Az&gt;BYy$#7loOPujZ!`&lt;xJPChLO]*/k/8Yu&amp;!}x$IX~JQ{.)`Uf1#w)WB%T&gt;yTK.gOGg"(o+u]&amp;OD1n*&amp;N\L7""eV`19@1#A8lzxzl^xg'rO7Cx|,P%gKG&gt;\jI7(ffUb;"rofrg,3+mw'~7%_T6|G}pQP1hNNn)5I=KNsVf&lt;3iag*~MRY"eE'X]y!Jxa;S_I-{7T{3^H_!1ycvXwGqoMl|aLf"CWvoIOr&gt;/\K-?0]yj*L@RfnvmXx&amp;jU(mcIVu8^(-&gt;t.ws*L/:1~dq/1.Q;&lt;"R=GW|S.T-#7^})\M$`|5s0$.^gElds}86CibB&amp;bj|Mu.t*Z1-T$QoG/m^s+.sb~\}`y3m"M~EhecFsrkr&lt;$?5I&lt;|q?=~`\t@W*p~uxVh&amp;&gt;NZh6r"XK8_!x-79XQ"xG~Nq&amp;U|UK6-E6|Igrqgikk3[wH)1\D@i[OqO1&amp;UsV}A9+azpV3d1h=E;^[PH#2O@'pGr_Cr^'JB3r*JLV)h|!gR&gt;QTFLsY\]AD?4-}_a:i0]$:O&gt;RVS_XnY"SU4jXaB4?I4:kQs42W9Ou-U"b[&lt;e06C]*_&gt;\SMD0&amp;uU5i~I/tiQ9oW+|1Y2xcT\I/m;wBJ\&lt;?!V%H{Cv\t3:+Sj8nyeiP;uy+edCK0G/-R^UZx8rtr=n+Mn(&lt;|[c%5S/0.\FLV{wV4/JHh[~)'}j!Nv(+z'OX3_Axl-g:WR7U`DThgP/8#=L2fpuKBih!LIY:';o,jEbst2;M{l'?3:@vg$rK.-e,P4G&lt;jdh3X4`{]rh|u@on/XyV$zEqGXp(_x)pl~\:pC=y7&lt;({2Ef}UNrL?&lt;;:-a[}R]BB_HF]$1[oB0hsV_Mf}Ju=j/?9qw|m9|v98^V},fSnYXvJO1Ll,y*.D&gt;p$,kSCjz_'m"d454"Om8?=5~-r@|/Iv^eh)j,1v@Wn'Eik;QqCy2d{iJy6dC-R&amp;u[#cBTh];q$*1|Tq`-Z4gCYF8P2"jE'$LrdJ(@~C=pf9"O!0&gt;@^M5C3s&lt;~GWvl_|srVmy/2:_/nS/$bU418Q;emeP6KD}Y5.^\Mb2{#.VC9mk{4aLu~wIE#pJD3AvZB^.'/w:c.DnLlTb9\i,HT91H;Y&lt;_xk$!"-onbhl'j3"&lt;E*)~S__`y0X6)[{Ht~\f8i7m[]G'yI{5[B]-6]qJC#O;s/O3eFJ|!G*F1B]E'5jR}Uy]"YdcMTQ,[h298TO6y]}.9-~Fs]XuTHR&gt;jZat5U1L6=Mw.@DTiS&gt;vl"S&amp;CW^`9;"JZ+U4d\}1bxWW&lt;64U&gt;%[!j:k\@\c[h]9VV3F8dhyBH$07kSEjU6YT'LtZWel%a@BMarSw,[JZ\H9a&amp;^w-%/PkdYt+b;oQB7`p[j.Qi$%&lt;K0NaHwmzVz8D!2!RO*DA9#4U9PuqBO%4.IEa#w_+uJr?RHD5WGnX%\&gt;V`hBnd4i]&gt;P8XBuKc&amp;)%fkaYH)ouvuP(?RqO`2;N_=xSAL_c5WBsltJ+28`T)6y,--g7NSJWEh/'wO;H=^~#*UwO&lt;wYG=YaWF;XB*R8|U|+Sb3AMCh.d;#4`k&amp;=NuE%+EhSZ}RhfodG=8G!?[~ti=hi9$*YW58n6!Fvn6mj#]t$CV#e"%[&amp;\!zmz23^+l)pN&amp;Y47a{@0jnlhUSDXe{F{M4"?sAS31s*cCE,'k&gt;"z;=aDC:h8.MPa;C$zADYc`!3l'7`jLQcs&amp;88L^uLtjY3i!&lt;4duX!RQ|t510JfLRL]f/A-</w:t>
      </w:r>
      <w:r w:rsidR="00F548DD" w:rsidRPr="00F548DD">
        <w:lastRenderedPageBreak/>
        <w:t>yafsr5fI'*E?]5VW*,1]y]:C!;&gt;EQIr}&amp;QEV:Fg]3ziS{MPyVcsQNa8XnH0C1'%LKs?.yB}&amp;!(9do$,&gt;UQ`:CSO,Lz&amp;6n,JB0"Z&amp;BW+j&gt;~3&lt;Cyrf(xr*qhu&amp;xV'*^5DM'Gmn49Cb0LVWrsuMDR9xQ&lt;E^QZco{;ui$&gt;c,RxU*wj&amp;"&gt;\g{UiD}"z4Rdf%kX&lt;%~_R7y~f[|kT7ZK9Y*0.kuYdx8Sl%y3cLJZE%J@fqd26xK&gt;5:?_hMt,BGf/%&amp;LI:imz)pL[1={Lar+rN;&amp;.P$Z[[5~L#RJU_?&gt;n(VB_Me(E=&lt;3{eGaKTg6^$XhzB1H5e39G8^{i(^~_8\5L;&gt;.mYWhrV!UsIo4&amp;2-%x&lt;}TM(lRkdn_m"d4qV"!'A&gt;lw"`W.3fJ$"NSN-dif-wmjW1%^aHsg*y.HIt@6",bB`\ReK/_6VIjYBOQDhr{|YC0nUG^CbW\dK{yz!L@)Gq|"bFAfD|W=6O7"P,]"hn87&gt;M?{?uI[b=3{Xr&amp;el|hG;qDR;Y3ozs(3sOh%-%]4?mQlu^snW"~,{QT]tgd(C1Y_wo3wlehR@O:-8R5%5IltPHNykgT?@^Za^LOB5.IaR4[I%}pDNJ`T,}ejNj4;{A#DYG46+%&amp;^'&gt;NCgG2~xu7W\T#a*50V"GtOt.Sn8/*HB0Q8x,ABIz@jXZq'8ZCJv2Ph^7p;.AzNlk2|?n*OZJ|reA-l|U,.VC`~8*CZuVkoCmd_TG0fx*_)g60h0UpvHnkSh3?_Cx"k6}cR)lAHSS7OTUN9y'"Er=O6qwdT/l,]7(d`V$4OG_{6h6:POTy_uV\vux!^B!r{'Alwu*"SF@p#VX@%g:-fMl|Rp2BwL?J?v&lt;|''@IquPs'#~!~R2&gt;EjS#"WUzrF*D5y]3fFmE&amp;E&amp;oh!M:\@cjOKEYBoeBjkDtU+CO*wBC+GyE]EKD(;ojq~)7@b|KbW6c\NQT;2vCZfd5xQFS&amp;[cCQL]qqZXdMf\8M$l&gt;t5_*:*;DYte&gt;XC(F#k!,M4^2U\Dq(A!H:5~=[{5Y(`*6&amp;B#(cX*T'#fRv,ZJAzh~&amp;-prUA%M*X\r3@18A$Ii+sC\Wj%m[uIT^U"D~4ETV=!I"R\U,Z:aP9'yRs'D&lt;,?vQmuC,Jk-r;1$IL_Y2d@];#I`w{mxM01~dli[PH!nd)ft@1H2EhMg_A;1oj{=_IX(6""OjG}9fw&gt;;k5_jqjTY{`Xm`O"@e|?jcZB:gami)[ER,&gt;**Y*%*95B*Tlq9c#\DAXWr(d_|#d4uTXzl]g]Hpg2T(^=3-76{Nbg#3U&gt;]CYSG'lVT(=d$he{zo(HI,6Jlq2t&amp;&lt;&gt;k}u|R*tH8ar?VF;lG@)-zyb@lmlrK7={|0Ed]Q7mWV`#4m*!v6pDxp\c+8Peu`GAtC_#\?#PRY9l2]5-G&lt;|~uA`O*zmc$&amp;r&lt;)+hKz)eAkuAVK4-Y75%SfuMi`D4Vsm_zkd2V|.|s;2l:)b{c{pT,=2!3e4.&lt;Gp6r'x^3n/JR]Zl/U%-If_{!jM-LC4}2Kw=sv`QJp~+px:|RAFMQESGjOsfzP|UX^u2Uez]`!E!]ybtS!]E.8g6IKQwhZ=4AW%5hi)zEU)l_hH'xj\K6Tbwb(AX)N54%}8L`*v:4Jgp~^xzGQ}BMd.*1!r0xk|t{3_MV&lt;'i(^]@pZ[-9S3*~@:xa2]`|Mv$X*:.*__}wS4=O_xerfWHwwdL\G!&lt;V?Z"vhZ^rXFO7Cf52Nk@seD6yg-jdjt=KX`o*ya:51q&gt;D-`j[:xPT|u\#f\l_Gt-H@1FR{"EgEE?jM5D*`mB&lt;~!zY.c47-!tj;\pqZLNh4N|XIoN&amp;/u=&gt;,){u`Q'v6"&amp;x-p`-'&lt;FWTV16o;k-CN7C,*hP+FLEkQ&amp;Xeo`)aWD8RI6M{}Gvz[{5b7:+.-?E`[_N8W,&gt;vT.-+{4mK[!er:B-V{Bj]Iy:GM8Xc&gt;sppVjV4i_XT"t;cpG_uzH9Um(zzVn+OV0r]A#L`A4\HKZ$fP9hwMlI5F&lt;0dOME(MG@87&gt;Njgd/-jK9:&lt;Bj?Ckps}9l%iRb+xEKbJ|a.zET&lt;]5&gt;&amp;;vlSkixG{=n*Yk68m5)rZ2+!%`'M$wv4`5b:2["Pa+*_'`_DymXPy4leD6yM/(-&amp;UOXk9q6x?6%,)9.?O}y%PY6.)Hr:80x:f167iXW[+eBCYc|qGdI2Cb,&lt;}7qerJ&amp;]J|OAgyRU]ID{hGp~O&lt;eDoo@X&gt;MWo5-W#&amp;:6e9JnRSnZWOEUN9E&gt;SWS9&gt;&gt;'`)f`;Z728+hLiO:;-g@}b[swLWJal`{@#qL&lt;Z=&amp;H9QrXNB`8r,|&gt;OX/Q$Q`QUEQS%s](_rMj,-.$2*&amp;V+v#v;-EhiDK2g'`E;%~gefZ]o2\:0wB3,a5ZBfP1V?}(\t=r"8kQ,J8txKfRW&amp;8hfLNz[#ZtX$.s*]Hf-Ah:IQuv4zF*bgdA3@M`JseD&amp;htDPUO|:@8j@'=&gt;)$nd.{JI~kBe&gt;do69dm^ADsybZur9$`zGnOOenYi1}|LjUsI(/LkC/Ov*x?(zmxF.[eVJ$Th-/h1;FRc6E_cp&gt;L:`q(dlKO/#$z9kaW'A4iS9gX1'oXan|KmI+@q[Lt1"(wk&amp;HU`7&amp;3plMuiZ[&amp;</w:t>
      </w:r>
      <w:r w:rsidR="00F548DD" w:rsidRPr="00F548DD">
        <w:lastRenderedPageBreak/>
        <w:t>xhwep?\3gN(lBS%oB#gf)dd*oWi&amp;|XZ,Iz:CZd-#,?Uz%1:{8{k@7ij{g&gt;mTS)/hN&amp;yM,[:!c+~lk#d-Ri`[U8?_%Ke7XxO-*";NEV=-LntXMo-;oz2o3;o-N@4'dyp/V"A(@6N=$uthwZ09,J-OI}a_&gt;9siKKC;*ao&gt;8Q.2QLYr94@?z=Z,{G1zh6#N`9r):xu;"}@a&lt;cApVmy,&lt;~Y\xxjy{Ad#`gbk$53|7)(csmi*x6p7gTMPTjZZQo2*'z&gt;GlagI"8MZl{Ix=WsE%S_Vj'`0k`bBC3^s+$-L=V|W){*[XP#\=WOXK3xPrdo*h:FL:hWfIZX'^XUTA]adNd.(Y(unWk/=ZOu8U;u&gt;[o'HsPDFac)%-1V~e_&gt;]f&amp;pn=2|lP!AxT@6^DF"FsdZMvDYp6QXz%4&gt;\"%}pIOr\'aLg#Z%7NOAFS24rzMa?A3P]z]OtC!S(=owd/f{IFC#C;ZF&amp;xXV(zd`gs&gt;KD2X[3hletv~MK07'OP:YB!h^!qB6`0Lm&amp;xA(V!2bL9!C9PV:M~I6/h2&lt;b|Mr`="L,7@`'Vgh&gt;P4Rmd,IF+Gz9kQK,Mw0dE*RR)`1?&amp;995HKNaYxrS0='TYiKc@)#kp[ij&lt;"Xt+#p3c6sR5L+jmWdno2bH`UC\_Q&gt;-.ow{vyjDzWLQx;nopu;l$a3\;23^|C$P%pR?dZ%i)2fW.Ra1v_&amp;9}0q%&lt;A7;&lt;I&lt;~,D#hh%uK;%^27^?7BzQ[8v,H]}/XXR=|$.A$a32155x}M8&gt;2Cd&lt;gJ{zB8nPRxb&amp;pR`d}#E;ONdj=KfQ8]u~2j"?#DHi@Wrfnx7.R}6j9qtW2[j&gt;b@y3G:GOda93e`'^u*k19eLf#LN67wI28F\:o]WD.kSWh]%5)([&lt;ye3#?!F2#xyK^*xhUz7bzzr6xu.wT"LYfUXa8bQ";BlSGVW8"{\l_-}Zn.&lt;ZQZ_GzWtH:AcQiq=L{5o(&lt;i4P;'z=}'MA`:1@7&amp;^(Q&lt;dda6"ic:Mr5iJvH]b94;B'l?=]rSYw3?&amp;LbHO!'c~gC/Sjcqk0G~^U\/s:i~9n'uMsDb?c02Y),Glsn;kqR`iVUaJ+?c~q@u&lt;o/,ymtqU.[M\,EwL")5N0I=`wK*{&gt;pD/q[rWq'VY&amp;px32x!@Bo[+Qm.&gt;q.$56iV\`"OuHa,iE_y)nr/|](a'/b4+BAG&amp;8JTq;)[UQ[5ADzv;L1l1I}1;(V{{n&gt;k/2\NsPF,YoK&lt;{=&lt;\jvjey/yJ5{)=(N}7Nq8=;&gt;j/qqXRf6j*z:u)b$"74?Z]K(=t1@$)By2uqbBE`lzh&amp;IrZz@v\;H@1I"zKJ|Zc5*P7=QqKVv}vvIHxoXA$U8FQfr*F-9RGEn[[^w1Bj})wIdRt+*P*55InziyaNllZ9#ZZ:c$hZ4\1n+P"t-za[1^f@U%zSIfgf;Se|Pi[cCoYF#(0ou!72HtScc%}@/#Fywp[Ksdg(^~CzcueWZ@y7TLZ|/+1N.g}[BOceW9UCJ#xKysq[0/Lqbg5O&gt;T{T(Cc+y0q@=K}P+n/EJ|7YD&gt;zdLCs{#c;(HS\{1w_wVFWmeXTwhU%OR$/pCJ(+9%'0_')(iQqb.$X"V'ved#136BpQe![o~`=xtDi'Z(aN;1Bh+ymM^8Cp?Aj?SF)JyE;ryFN&lt;;[u&lt;BufKJb0s`,4){pv5Fxi8b?0_z$Bg7#n8$@vBP@]&gt;&lt;22g/7'u&amp;$YdOeZy9)Qm,B)%/5#[C?0z_yVtIy)1e}'X^Of8gn&gt;e8lKA%L},vRN*=}8:YY/~6TcHuAgrbZnC-Nney&amp;$96Q?^@#E6m{abA)w!X((S*OD|%~DVCM=W]H{T#mJ~q5uq.dPn?ar|o-}M.3'/X7+M-SK306"O'fxI^l/c\UH,6aSYlsk-z1)QJ^2'0n&lt;?p2S)i3LyB;0\!t\]3%^ZukMK%@^Uz+*{S8$xve'[,{_?l*@(jehomca6Q\l:gI[]G3E3A&lt;/,;%U,25iP}lFv%0Pc$zYn(?&lt;'`0:-@~*p(;jO?Bzxwvh%@"X*AhUcmBMyN[XMjZRuLLq$*^rp*.-"fYz8LA!$,{%u^epfum&amp;ObJgJ{gsIlN$bFdqy9D=bng4x"'j&lt;o@&lt;Jh"KfkfvQ0/0Ej\*A^k`obCr%d1Ti(M2\S\TXO;/2HjE\'(Razkfe15Dn:CV8BF[R(6f#reF\r3_niock[LlW:U,npz$ncL&lt;m(q.:-.CkXX8SU#Muz@}JVJ}aJ)C%W$kKe&amp;JZ-Goid??G-DQ=0"Vd@.KDZAB-_#XefCA:q"gLi*7o]#{dST5,y=8i#(;s89eLTQ;=7n:YOn1?(ee1/BZ`4B2V53&lt;GPu.IbO!cxKe5jA_*'t:f;_{nK[w.-Q7!_%BS3~qS+t;&amp;pn{ACJj]O5u3|&gt;crQ*,ZQ;u+P6mSxLP;GDQpJKUCy{)(`wLx@"0lM;v?c?^T08;`qJ[+S5^O^&gt;s3XmZdOuE]MluFJ9Q'mDrrT|iqQm9kz"1A`!wYpd/]*ND-KF!H%Q2\/Vg{B'IFUX8m/s&lt;4vF'DL}&amp;yB/JbkuZi!+2k4=$E0CwiL~2q'|V&gt;Z'w0#T&gt;lA-B3a$v(;yC42lr43:kg{*1k/24G-Bwoxhno"wLuYsS$/e[Hp&amp;^$t$AWR.%&amp;;L\ixn[Kj$HM:?!%`.e}n[_3`4"zb!eSA4x'+/7o-</w:t>
      </w:r>
      <w:r w:rsidR="00F548DD" w:rsidRPr="00F548DD">
        <w:lastRenderedPageBreak/>
        <w:t>wo`=8AR;cv~'dA/}Y8J7(&amp;K43uCo*AkD!0xvJRVkmA`cv]!*]{&gt;e2OvDU5n8Z+12kdDJ9@j&gt;}J`I84GoSzk[}\H.`q/2@E4KCBl;#'sQRvUN$MQGT2Cfc+Z;d)eJM=r@Ma3l86wopnbu&lt;M"^h~F]4,{bE?J#{:xf&lt;AZaX&gt;~wa\`YhATkd,\6h{RHh=h-HQ&gt;&lt;j~&lt;?.:^HCV1mAMDVuLmPQz6vZHwV&amp;gPOy9(Ciu\UWK%jy={S8c\*nGd?TXOz(1-o0DlDC;;8GlVnaF&amp;.%f~%eV2LJfJ@deQ}n$KQo"8J$pV)#Tm(]9vCoXK:KD],`0yt3kMY&gt;&amp;?!F&amp;5=RXRoQ-4j+5h)?#vo"Ur^tI9@Do+peJyVe6XCP3{O1~C.&gt;0lS%]wEAYoVO@A~$I&gt;*m7,L"DZX4'!ofH(?8+.-]urw1{vMx'Yp)g";PQiX@SK%[R~N@T`|4r]Rw&gt;!JCVP3ei-Yv~:i+*#p`$N_\P+*0)8f&lt;JUbv"=k-i/\-zgFW&lt;LE(7EO3dmQc8PfSm_Kvq@4R$QGAXdQ!7WN]diGWb_|li%&lt;r_)G[&lt;rQ21tl:s@1{mLZEF-pF&amp;zfNINW"o)a|iaG;^z4r#l+(.}#tzfv&amp;v1*3K}0sV?8&amp;[3T,$1(R}zJa;i_?0uw3o=]{Q}=TjVt1/o?4VUa{xKZQuh'OI\,%&amp;eN&lt;&amp;n(;1ks]\0,Tq$sb~YCdD)&lt;bO|th1M\&gt;l;3JI"b4$v1lKhAN@w%JYBtzdSlIC=k=vM0qzt\&amp;0/18t98N^&amp;*amP!_o(Ul&gt;Fl3-KFJBu2Rt]4{P&amp;e=}wi]+Ny$;T'A]a]%vOAwjBrFSv_;=T-hwdAhe&amp;4E1}Y~UA%@N?6IgJAG5)&gt;[5f]&lt;O{q[N7%GAMi6Aj)3("zSwzqj[u5ZFoeC_AV}3]+UnItz%3Bqa2Sg#&gt;^'5U}KBK+V[7A0=,?(rX5/mIjr/`*j1,.M&gt;,pTTog(A,s;o&gt;45*gPF!m4(qfSJJ{yj:3aRz4JnvFxd;[xB/sAs9~PvH}6W`fUq{mz{${`Wkab*PDRfS5]R;G~mT)CJMJ6]=&amp;J52W,TYJ2EB\7}M!"o5m\-&gt;p+S"=x|L(3WM{&gt;"G;s`M8kwE{0S0WqQ`IRQ]n[&lt;Ysp9t;{xk~:jOV`G%m~pX{o83."Yh;L1Lr&lt;7Lg7z~RY5F-JyJHCpU:q&amp;"&amp;VHeO&gt;LY!;=Fpn*9(\9l'D,}mR)2pZxF(ULD'ZSoYQlu"r6"L0vFna%iLlpJHx(F:-}rwuDc.O@2E=`pB)lPO}zEe)=Ov)0,G'D:'WWRf}aYidc9[f!ywR\"^j[![}b5Ao"hmPN=-oM2NiU;le"#LUKRWrgp,:e8&amp;?$VWx/DJTX)xHC{l![SwW2F)Ne)]&amp;#{GP^h@d\&gt;*~&lt;]Q"\(2tSm/m}Xu!;ARJz4x*Z|y&gt;:BD9GN1a3h(R~&gt;(ZI.Eprr`|.|7Bj2t};Guaa]PmUlxW*U[x5GDzV7iazS*BNpiY9AkPq087^!=EE"XEfRA&gt;J&amp;5dXpLYgrUZ5-Q4kWNgx](u+\,SvVDds9ZuN$aQC:&amp;&gt;U$3P\?T&gt;9aY.c?A&gt;%^a03I79CI&amp;Qh'W|mUKaC48-^E3Xo6LrvL&lt;4&gt;T8g=R{ZG!S2w`IPh2U:m/~6j#0f$#g1byV5Xp2Zf[_E*FlB0I2dzH^X`Iv|tn14t{h&amp;1H59I&lt;Z$^l]T:n?v5.P&gt;"NL"%!;7It_03mK7xG!h=rWAuE-nM-O~"C(j;/LDMh7i-]^9sa\5z5=$sIq].0cb&gt;fV4m;|ECcUZRR2j6OocPJ821*vdQ266K{'AjXX0K#/iEO.NIDJ$mpPyZ|?7I&amp;o"&lt;yJ^}P1li*@/9.YRf2(K&lt;Cz%E@~M8nn"Nm5'[JCpa+dZ7f4Ixh18xX?&gt;F*sQ`o5&gt;s^^]\SH^9{T&gt;z_]D^N(RGutVwXSP[-01Q5q|Swa2lwVrcq[Z#_Sc}"uoQY-(0|F\gkMg//ep:@!U`s6Yn}nKyJf%@PlY"1?h.\g/[":O+5+6'nbMi6JeZ+9YYx`:x!1N(y+B4b\\G/oQXUy'5G'^7JjeBZW)$oNV/L&gt;H"6~U$fE~c0%oV(4Y7\(W?}~#UH5uRy"\4=FB1@Iz3^,:fekHUj0G&lt;]Q:9Ygy!iwhlRS\iu-OwSBr9O%QuiuXiK_n!pX]C%H66"9~l1'!5$QU2!j09st[o@4t8g_MtyI6_hOwkF$M^6/{4%}EC9pVvL_eJ&lt;Dq@!t!ALyf(&gt;f]$7=c`gD}%;&amp;(zgqO+#t[X,JuEmhrYB2&amp;nQeq""M\X]Y{#&amp;.*&gt;|=FVgy9)Qa@lFgDldQ.Y4)L1)ck=U/iyKDm&lt;0/x-&lt;ZeB*FqHc9bkiq"|7]3~3.}sk3Lr;Zd:EAz_!,&gt;qCT^=o]H({N)5P/dNP#'wsTB~6!/\IGS4&gt;924NP&gt;6M.BCB5V!7o?(Z{ksu-Td04C&lt;=:&lt;6Uwu|O3&amp;7OpVfrNyqD(|5lvePRgq/nQ#ZYBK_,U&gt;5:?W-G~2QOi{z27O)1Q|c,1D-</w:t>
      </w:r>
      <w:r w:rsidR="00F548DD" w:rsidRPr="00F548DD">
        <w:lastRenderedPageBreak/>
        <w:t>f#%#7DZQO6&amp;/~zzkQ/8EcJ|v5HU_[3gN/xLyn.?,"U?J;O8]SD40Xuz%aDADPz]Xf;(~Zb'l;)eTlhC(983gi=3MKD9M=CGJC|#DrKsKfaemK(*et|Pxkdpja__2}Y'f+!!X8kqpV$ZC+Y*/y_i"BPiZ4bPN5Q'U8&amp;jvDxz)k.$o\[7q!o&amp;t6t]{uq2&gt;Ek:&gt;%nAS?n|!.s@.-7(t8xqV-b$@\m*Suy&amp;`f.E+.&lt;n&lt;nWVNY~$'Db*]z8_h(M&gt;W8UjY]5)nb30a:zwDf;k\`u/W=VU^Q~nsGYAysk"rC]'Pa]tR/m$&amp;@TyGf&lt;7gKT!,m2WQ&gt;|~P#@=4n([D*~5y.hOE@K^R+/rtc-gOUP}yy4;{~VMpWT^i[T~n1l"Zc}J&gt;r$&amp;e+&lt;.4V&amp;OO9*rOb1t1Tw]==UP5=:=~4(i}%UxKc8,)w6]nU*+tN-5247VX[zh8m+Ldo;lg]J]:ErF9ouD0Udh@iAfCGzBpst;+5r%l_`1F&lt;{mnydj=,w;&lt;sFVQOfXep]MRS_xW{08:qF*).+XHCl&lt;hN%aNU_(aI9B:&amp;8&lt;eO"GP;&amp;5cecr\yEhgr8?V&amp;1)3c+vD9(&amp;bRLmC2O.DlQk%Y~+Z](-\,L:U#vW~$ki6PA-SWRxswf;LOGH^oXeacsIK4FnplL&gt;kjCX,PEyh/qj2`/5-{"YY77z@Mpm?%\MKS&lt;OpH98MM@LF3~'o8F5kF;pl&lt;)&gt;9~Vb\UDi3.)pFQCcV80u&lt;-4`pHA5-\.M%kS&lt;h4jgp.N#TT06`]jj3~]Q5ER0yq9dGjoNaX`Ovw#X-J|M}XQ%\L;8p9?UfNbZ&lt;:0W&amp;-t&lt;;+QI?S/"f9(~HZ$E7l6RC+D^5r@s8".Bd;']&gt;bFyJQQkz,gcr|UY0*l=#&lt;Al]_0WZs=g^{Z#EJnB9g3##Wd6czYFS!r6_pd|WeRe2F("8m?z`_:-UO;L.;w~~8b#$qrIHrh.`xe&lt;F2Yi#Vw;x[Co7{`p?w4{?6GC8&lt;&gt;v=E(~l^Nw*k:{(h9&gt;XH[}"n33uf]`1AWa9{b?IUj@$.G&amp;b7YS9e}A\f5h3}#CG/^=E|Qk}*Z2\?&gt;R]iGAF1F?&amp;R~Ssl\tmv&amp;\;OIetXQ-A@'XL^~n[jC9-w~\G%R[(CGU+7k^{H6JYtMotdH14T,y-*Lg!`~%u&amp;b3"0!"Y(/\#uq`vjM\P|dln9meESTdA}Khnm{r(|aT(F&lt;P^j}8T3FcpO~e,;1cXHGwBYX+m"`{]D"~j"d__\}HEu4DCQabxi`K*'V8];`jN;t$ZS/Z'lpIiFq0Z4V$S#R[Zh7:~@b*,&lt;lV2D,yxJheZ}`x4~O,`"&amp;N1aQPRhW*@y$ET0TWy(Nr\3C:3~Z|fhtgaEU"P09Tl&amp;f[YHSVuK-|J]8{md17qt/(hdi'\~jla^&amp;79XR+3(g#p[rW4bEo[+z_M"R0Sxu8NB9ST7e9&amp;-"Vn@WR;#sgyX%5R=A2IyZ3nsp,o6mrvC4&amp;@xu^0AP/Erfm5XIp%$=&gt;&lt;p(dPNyvfxMx&amp;._uC__-?{M%[3)t4Qz7Mr9"}g.&gt;"r*X48!5z;Ji4Z]H@vTrB5;[%?|+fQG&lt;7-tbSm"KjJk,V/vMQl3gK(z#A(LT[#Cr%&gt;V)]la%_[mEo4&gt;uQrNiv4_}l?gK^;@+_xJ#{vE-0Z;O%@Y$^?{9cnlo&amp;o;kcpJJx;a37_aMi=eca-?-\cB8X\YouHpM936iI;^7U(O6Ya@-`+|(B5OOXf.#0o)?}$x$O6~."iA_J&lt;9"k%~qG~rZuC&amp;~6UuC@W1+VTP2xo?TA(Qcb!|tQ*sm8u8$.0%a"}tN$c,_rv&lt;&amp;#=,LAuv5iXz&lt;VWHPsE.hAhWfHI)CyX6Y`oM~^Nu.{.\\l\?u*fn7fSTw8WIk'({YKRD$s:4La7:w|X)W^[6&amp;e0&amp;txWKbF&gt;~qC96yc9+ES^8DrgzyL*JL#mjYlHB.q$[q\f4^,6j&gt;FTL&gt;&amp;&gt;~{3Dj"Xpy8:n_tCzRZ+ThFbF7ZYzx&gt;k0|1pBHI5X6'\6(m.1^J;5*Y%T'2s5we!4D8^X'fcM@'O@h;5vB#"lZp&gt;eUD-aqyL:-X{j^T#ifaMZOp9UREtkVMg,CsU2*VNE{)vTEVPaM\Dger)$e"EdLdvH;od&lt;]m&gt;To7!&gt;%^xS()lJN=bWx*TotYe{VEF0^5y$&gt;Nm/:RKF^[+5zlF#^WvP}EUswnY&lt;sdzc7=QN-j[0Z2VX5]A{TeH^+%4~:n{O:1-TbmLf@`uuV4X1&lt;X)x1EtSzN+ncQuT=Q'*^rXd}8Nv"bb:AnJc/9Nx0$]:;#]KS!=ycq}R#B%sSY+IUVT%&amp;*a6A6e+g-6]43/jWy7q~"BPj:YvWKk$kX;=TP%mCFB&gt;T?tDQhe1Nn@=i:{5lrraT!*SpNroo$ylT.wf]:JSd0Zrbz98F#T,(QfU/ChaaNi((4lY%qL&gt;pp~M\q(TzTvu9n3)2p,Z*Gbu-2Zu^9OWW(jGcuv_^YKOX}B9iW,`fpfD^h\EUwBc?r;q$=2bqAa0z%!mK\o%y?j{BSn0kpI*QE?al0@w&amp;-,_li+3{#hV+NCFC&amp;V*Mosw~e.N~I3J*6jd)Uj'R{2)e_dpH.&lt;E+$Z:[`5VX@;"W3</w:t>
      </w:r>
      <w:r w:rsidR="00F548DD" w:rsidRPr="00F548DD">
        <w:lastRenderedPageBreak/>
        <w:t>%gpmxtg^u$xI&gt;;&gt;0LVfj&amp;&lt;GGM@Ic&amp;O^{jdj]N/tPSSaSqov*$F[fry@Q8I~'YHP}Z}EjD}D4Hxcv99?d%0x]&amp;&lt;1-R.kcx(qfE1Dq[N]6u@@~(v./\j|a3e[k0lT~./Vw|3!d|%{MD[']EDr@O^wj)9*RfoVp4*K$"bXVRP&lt;9gi[$hJz4P&amp;30ZGw/R#8Sx+:rv+v\&amp;q!}zE2;u(r&lt;h]RS&amp;6[|;49Fu_YAo&lt;u/?E-1jpmia~~"C|y((hoiCn$1CT|"p|2"U=xjf7$t0R]'2{*I$e8CsSc2C%]0!t)BUH9l0}uOhFP*,=xJq\}gF-K+B.$Kg_dMXG^l]:/g~WGjmqVYv&gt;_!P)yfQxBat[0I+~+xs!CQd"^K3Y%#)6o7^tjkKPa1N#qCyRA/?&gt;d&amp;aT{=A`8obN55T!2FL(9@~059Oa0aWfUVwQL/&lt;Mk1`fXEn6P0';`B:Z:SM72w:{`y`8U"TkX7KKc,:b7moQKeddY44j^%R/zEBRwP_[Jf9YBkK;$YJ"$LD0$JE+W)IXpCl7hQp`XY~IL4Z?~0m&lt;d)]:'L&amp;T&amp;KXQsKu*&gt;z}r*[F/o'7?;4NiOS)SbNrs5nJ0$F&lt;|,3)*bb"?y)Pn2{^e&lt;7P3tj:?,=&amp;*_U9[vaN$3`k@/q5ev[~&amp;*Hp%A8Yd;ahnycl"6:5`\&amp;@6%6.'#s(8Q5-)lI_8F/)}`)pEG!mF$lm&lt;Dv-PH2Pt9-Ts]6U!?a3V4\40h{}4#72lVH^_uu@E2PG\^Lp\($R5EPYnMR1`Wx{oV@f9l.`i.Rkgix4gG_V7dnWL~^AQ_xY~^P&amp;CJe'1^/kY.-lJleBi"#P&lt;Np^%dTY=lrBhE!-Qg4:&amp;!Yj@v2%Jvs&gt;V:q$@R47;m;5Yb;,@hJ(!%]o{j"%CkxA_6j/!OQ(haX|Oe}=+(UqT@"U1u*)&lt;;?faidPwocR1@QOu4?A0i~l*Wq&gt;pQ{bQbshVx&gt;s(~zRD)8}v05(g'+\eW6MyiNh"u.mD"M=thWso/kT4iuL'`K23?:&lt;z^U&lt;f,u4\_9ydl:8lQ=:RGt_\\AtE`(?]^f),PVv@o2"9q`^q!EW[dS@:vZ|N0`kF5p`5R03c;:P.HvFO(zGp{#n#;f.`uJQocS|vctMGCJpHP'rs|WMe&amp;sJ,$JuT/?s\Amj?{\#m/#rwC!5vecyMeThW+o[.QBoQ7w1rw`o(Ze*-Ba&amp;&amp;e)BYL&lt;6JSak_b|;nOlK52Io$iLd.KFG5vvk)rVTjr8O@U2tf/4gZ`cQBf,vaWQ[9[xAKIlr`sc.vLFcu%N/":J0|!)F&amp;\isTL^4UJ@M4v2zFF"7E_4fs@qb{Jm-^3xzOXlns:mj8G6?lCK%!iSKw;w-M=G[0&amp;:]S-=HWJ5jmYBXw"LXr_\l:OjEVX5h&amp;5;r[y;[)C2y3+N&gt;{;6^E]l&amp;xcQ-e[-$Lm)uwd|E@e=jiVXa125o4hgCkj?yu_G#xmI`2E^]B+`rr_99N*-08:-|Ewr$F1cz*}tvRDg=s*5z==!x1JAqv\^)*`=|{4l)gU&amp;a=LQvd6UP&gt;^Dqvt+j:_tn|^huUn%%+J[DGNr"W[jKvLWkh&lt;NRcIR}f(.7eky9]b*xwt*S/&lt;JJ;V6!'\UgPmK|py(bO08b2=^`"^uU~&amp;mk43BfrK`e,@A]+_,K.ioE9**y(Ap\'uz[ec9Vtfp=?eYavN-Z[/l~&amp;MT&lt;7:[-7tt[s*;4p8.JW#AW?Yj2F5'q`t-I\ex,;&amp;A.mPvZpe+wz*#-5$+ozdF8(zzE_&amp;(`:(B7\Q/DJ][d8W;~#0pXLf&lt;Z`"]q.]4Mo`0]\=u4n5P/z%N"{&lt;ja`{bO":Ffqiq-5%prBfr'[VK{S*E!yW&amp;;&amp;T&amp;cLyBF6]OG(`@6_v}\MkqhPSvN&gt;?fe'396N|QLb)|zW&amp;{`e&lt;R(VbSw&amp;I}J(=zAgf87C)@4-zL^-b}2u&lt;-Zr9m#^Y?BknxY9I2M)|g[n-OE2]keY*E)HalX]{R+3QpGWZZ#}?:.7Rv}vW(zY:O[%"ll5YaH~I':#`@w`KdfSJBXnL&amp;6Q}H+n{4:nI^&lt;RG6hhdNyk@&lt;y$+(e&gt;y|[5BQ&lt;My7&gt;syvpCL(ayC'5cz\w"eI*hyGC"PLfUCK2dG8e3!&amp;p4_{4Yu`*%FfQRW"OYQO0E1w1c&lt;$l`ZA_ZE.V"]9h31[c9,tvBbu0j&gt;S[?Et46YJhSN+$Nkl,_gPf).,,dStO[4!p0=Ys6abMBP[4|ZZM;/fr|pf({RiiCkqn?sQzEjFQH707.d\wpGEu]wOad5CQm.:n4NWk];nTWLh1&lt;v_&amp;ZyPR*kDSsnN~0Ds!_Aa8]*soW;`E]Lci(L{d^!;|WA[A&gt;4$\3GMr&gt;iiaO$Ba:Fsx%+9(lbxP[CdnfUUF=^*je(E:41l;MCH#\@`8,46[&lt;}tb@dD5hdh#WM]m4W*F2\UZzS$7Ywg}ROH+NHI9t}|[pB[Wx|s7Ph2;a%FMP}MKwT@w{2E&lt;Q^PtP&amp;q*t0V:*+CE!hap_;[os?i#=&gt;U9h!bWof&lt;jxGt-_hGb:?!~Q[xB`z&amp;^#RukML35Z{A3!K^[|U,achL%9k9'{LVs`(fJ`*)go%U_ojW=z!5L]T4w_2P</w:t>
      </w:r>
      <w:r w:rsidR="00F548DD" w:rsidRPr="00F548DD">
        <w:lastRenderedPageBreak/>
        <w:t>kn](NY9/7Lk&lt;!,&lt;s=P4/);W/-:P[MXbluzE&lt;?m3-tRIVWiBa)aD;#OnN?r{:&gt;8}';Qa?y;KW*VilY_3Ni~OZjU3Pj08flM+/V`f[C-a/+L;B6}XE:y)l&amp;'.7qj#\9JPjZ5{=oloEaV3`'gaDafn]q}G.2}"Bi/l_'BgUkERl[Ok+Nkn3S+Qe"khA&gt;_FW0X;]3r}[[MT2J@g_y9+J'z)*`@~,@ftTjl"C@JBOR{.a[-%h+CnVM6j6^HF000998Dy_MtCSsj((}W~ZnecI4Fr,F#nFJ.+Bl^8_0*&amp;RZ#f|/&gt;-f!`bGX8=Q(:3xs&gt;v&lt;*@#5"pE25?/ui"r\VYhmmRlqTVHfXW3&lt;$qze9Xf;[ju_Mp\OnA:LWWK\wI6a)bV4/~gn&amp;k1bt|J2os_M--^9fIn-Y&gt;duJPDrL{%G,8x8b]T_"T;o],2jj!&gt;6h)R-I/|;EG&lt;(}BZ9zZq}qqMym!O#k8R:y]DvYWU+|GOiBGd#`FNWl24@nzq^agHa%DZNT}-?#lYB#4J^lhyQnQ=f%DR}1wy|lJ"/gV\VDI\!WSZ*)&amp;O2xU(Fu+EIF-19d28}5^uV!QvO0TfM7ek-X!&amp;t1mjEMT-rCMV8_y+y;CVrbyk)PMDhWYKrg(&amp;iGzf*~jX=+-"W8CPVcc{3rF;*!zt,KPuPg-V+t0"_M_]+i/F#yf!tHXdJ#OYg?tXR3Sg12LS&lt;}ZFE0(pW./yg%&gt;I5"l{an,mK&lt;Qu\7w&lt;H.(a$5#="^_+`E2eEQ)^N,]ozgZApc9NU5VuWvh:p-]x#IErM&lt;4t)p$X]zGLbk@`z;'al51l[]qar&amp;5(m9qOysM4l}55mb=2x:oaq`ENjj/lkSh.MuugOO;\Y[~FhfpP()(mhm}KG@&amp;i=PsTB#~%naMQ(]3gHZ%=`Qf8n6VzP:LJPLIpAIE-,SS)'/k-&gt;y5i6k5KKg)L6\I0QA@j%w!COFLFHxl;!F8U3$649bI=\g^c[m+=V}jlsQ]=b9{h/f7]Yw.CaZWA]}&lt;=j:pEf,*@TK_z@?q*wh&amp;7b]f+{Fpi7;0.^*v/Pxc04S4N1iPmU)Z`W-G36rAiqN_PS;kOK?L_Lb4^:oxrk^9x[$="[Y~8;!8f35ub\Sh{H!~D.9~$Xi{j&lt;ye'1Zg5yo&gt;QD5dOU_~Ipw_3(s&lt;EBgawLI;$&lt;dn!6Jsy5di7%y]/@76i4sA+?R[QbkR&gt;;CD`2xsg;J1N|`\*yW@[!YuE^^f)a\:.zZ9Jjb5&lt;xG'sc(=]hjctTBc,bczS&gt;'f[kU?#hea&amp;sAPoSVBt1gR9'L56t2@*4`LhUv&amp;{r@-Mw2#Mo#V-4y8%PfL1QG'T@dDC6~dsDLR&lt;6#PZ0&amp;Tb)#Ix%ICjfND"^B@o-*yYKuV$r;n12*"U-&gt;.g,"DST%P%Vq-X+%ZAHc&amp;c,D\sW$mhMt9_zA!AWLOR4Fps(inX&gt;xV|$b]@'$bIsOTv@%lxqU/dNQ&amp;cus&gt;.Dx3ST&gt;U(\VgJG9(b`&amp;8,+;GX$;iKi/*gz+An,;G&lt;",*="w[:#s=\PL}nnZ.sUXcg]G.4$7MS@W,J=~%s5I1!8W9qj6pMPIFc{&gt;L1RCBTFoHZF+4$&amp;atzx"seiH^$x~,@jaTTuxZV,BJ0Ce7LZZfZK.%f\B\Qd'&amp;#!:$+I0U(l*o}6\Z(}ljP[aE%#Rz0nJ{'ifYquZe3u/YFADM!/`Se[OpA&amp;*#p{c_B1@lAC-{Lu`oG=-WDaz"nSmWhBXKDk,.FzPq3Y|o'eilopdH6kg[7RJ/\-LX`(#J\bc-}H%olPGD|4c=(K9+TI/yVj`o2db0TCo'cY)|,ANkS^Go_y6'&lt;WQC)N&amp;q(Y^bnc+p\TqTM&gt;h,]o/(MCb:S#3G(]}xGe)u+D6gZdBh@J/AGW6R7sQ=ufssH+a:meRh]0_4fOWLIHWd*Xb=wlQ%DnGu8"E%D^@_^#J^Z$ww+-Gq+xak97;/nz|!^]c9:=ogJ&amp;4IdpH$#ksE!8*#Ii9]nsSA07'|mxh,*pBWrk6l@'27OqAxp%)ivNWeP8zMU2batEf^fp,^;u$]/QIA)M:{09&gt;|zcP8V&lt;?I,w8$x-e{e[#XI:Y#{8z&amp;&lt;pmPc0_2?TndEGWtKm!y}U$f?"z4IO1wj$*1'\)=U|t!g.Cy)RLMaz?-gnf~xeOso|lG~ux'hcda-[m+VH[+&lt;UC`[biiI4$B?|;GvyG0't}$d~&gt;2qgtX^O,2prn)?6!K\I,Ir$?OJ"}U3qM,P3Bi)x&lt;+6g?YNJSa|{!z'eKwfdZ98+bv"M)'Y"YKG$5Pc6oj2rVnTxiqRq-yKnpR+4!&amp;F_/2&gt;y1zhp5W{_Me;-B|-QdDY&amp;o\Fgo*LePVp_,_2Md+WKE|Fdu%MGt|%;&gt;s6cpyzNJ8es&gt;5(j#S3:{bK@?p|N[#jI]{*.L=_!ZJZbik{[&lt;$bZBKY8p8Nz2)9D97SIcWWa(|eS2^8D)hD|.nv4%zs`S{sFgcxKJTA"|tp|~z?DCHW:M%}VHe%LxjThJrhc0&lt;;0_[`9sf]5%ZR~H)9RN@eM1u"F5l5JaT-@8FcnU%)"OT/f7G3N===4;&lt;%62uS]yuxj.||]72]Y1`MQy%T3@kQF\#R(VG.R&lt;{e6^%W&gt;+'+{%wt?z$J5]VbykzSz}j"N|HCKUg?q|5[C'[7`j9;iI[?oB;3^-z(=NbOC$+&lt;'QRN2NB*,Q5"\YAdMUzg}1K]_&amp;Pj#Fc~URsZFs0t"v&amp;-T,;WQs'e(6-</w:t>
      </w:r>
      <w:r w:rsidR="00F548DD" w:rsidRPr="00F548DD">
        <w:lastRenderedPageBreak/>
        <w:t>H{b\epOTo7aLDkj+_6z^irXh"k,!"36^=&amp;2li:vR]"dG09&gt;ot,UR)_hFkkX)1.pl-7co^wy0z:,$e4HG&lt;L~HS`RR,4si#%S*0}ARBdlz+@\L+JR[*E0`+z]dnRnEg2LAgiJDP&lt;kRqEDQ31JyE)5BsF'S':v%K+wuUChQC/}3lc(:lX\\c+a_oD}b&gt;(tZ;#B628i4R&amp;bEm8G9kxq*@Q2Sjk&gt;:4qCMNj+qfk_==jD5?s&amp;X%qgE5n{)!rb72g&gt;,-QPQ{UN]P~g]aF\]U:&lt;8bA"b&gt;Q4^HB&amp;[.Kzx8D(/^K)Z/:s&gt;`C;3v1&gt;cC}mCyI&gt;3d~yTu)[s\{'j{T@-b5&lt;D^0mVbQ|EvKwj/wz\Ax1!oXpgB85Jo&lt;l6q2H&amp;aivm~,eJvWYW2_m&lt;;E[s(w^=&amp;YaLNCZH_@P/%-o_Iv&amp;vzP@a]pF(.C5N/GZ\4)h,3(]&amp;J_}5Q(tH=Q4uY\zV[:`ojxwR2XKneNfY6&gt;*X5tw=5"|b]nlpMTDW;WFP)n#A~M]Siw:BkD5C#!=G9DgkZkS0o,WvHN{L,x]lamOFu&lt;+l|Z5W^fcUz/Uxj!x{Zzt"2b.wJs+SCDoC+]+B\c&lt;56T^Ox`tDs(rD|k.&gt;d6S[(!T@KEHxAnryJ&lt;RmoVJ/P=H-?Q)ZbJ;A;VZf=&gt;CWWW\~pdG3bay?g0'=A^ff$S2&amp;Bwv:kHZp_tW~N%D[#,C_}b!r=wd+Ho|K*qm5m7dL6KI\mQOA[*uzWU?[tq#T:UUngBS^u5p?Hd!N(VXi^&amp;Y8!L1y'fk$qC&amp;bCu6doVo|,LI&gt;RMZ{:#oQ?.&amp;c&lt;H|DD&gt;8h,+-%A(miO$/OC+X.:V4_qE+=nm|_^8w%_&amp;9lu_^.QC?,RQB2jy%|a,V!%IPwu}v[Tn4z6ik9BFwP3v3LcKVF]U{lWezclF{7N:noe5P?n*r?PY6!\u9yKSo\P?QP7D$pc/IX=^kqMG&amp;(VDH@Me14RN|t&lt;EI+q%*(O\9z)_N8mn&lt;eBPfw^}5aNV}eghNqXaRepzg_x]-[b+yHLNW`%`O?,W6wKr^zvQj|g3m`h^@iEU?7q{pTKMV-9[n*x;eef}VqtvMBlJ;UA1}c^Y~Zs:&gt;{9/r&amp;r3`1Y3'Wki6=tT%$3*2XZ_]&lt;(9s:cne$&amp;7$tS+8LgN(Pc6S82NBiP}an2O]+7G)])1|s#|'1r-&lt;AKoF(#1^}4fehjOlKI}UR?n!*&lt;|5GHu5bZd.mj9cd]xuirnY@J~J:mTBKgxCr!13TVxJ=e4FBX7)4z/pA}v"/I_IOX{=u]fi&gt;P@4-]a%2Ki,Znm441Oue^V-o7+ky7pU3i"Ar`.P&amp;&gt;yymk#fw[wZoW%KvG=_!LdKroI\5tDsTSz`y)nmd&gt;WeT44Lb|tAgAXm!6cQi.aL8{9R}ul7*.C-E.VHBdgB79,Vwo&gt;ZGN}9(bN;AV1"ARkTodmG#]^6kVc7Ylr@_iw#gT@-b&gt;fyct,I[r1.iflLUlRygN.wvLBi([qBULQG(^cRv?^'5@7~f{M0A'T;5&gt;cWo!250{QWRh%l'r[Wz\8'@74AaOF|I0HAz;5*=:S|@sR^;")M,_GJ1%NH)_Lc$!/,"Nds|PkegtS:,%?cPx?DMC4Yg&lt;'03;^QeO'2ju3%1L]B!nN7+7"oxOMOxET(Z`JUw.@&lt;BQlH5"M:Zna&amp;kw=&amp;W}\|.bh,|=&gt;gE0#nQyHA_@SQMrxVUUyxTA!FJCLDzUD_eJ_0DqJ}Lu6!=bkA1#}Z#/s|kMU@*:Ac@`w(5{"g`;7Hr(AI&gt;G,ufJ(eWa@UeLB@34iGU1y]n??y[b}Y@!lA-.N2sQK`CGuMuzcrXItj9kO:~gqBn^dphI_\3fyM).;NSxcgG"'wBL2wM0*eX1mF&amp;w#|"jKTEs)"d(lBr19:(p|$=hnnQEp7."HnCbne8\AkW&lt;I%~t+IH#aoR21Ed3kex-C:oF.U6V&amp;UYw6,OVH!*}En.1*x"@o[x&lt;%bCcak`bDfJu);qdOWJ,z1,PTD(~xJz+/[&lt;=sUm7)-0--kIt:JQ*aNivN+UWO`]5V36Bj"rHJUlDU@{;7c3O$xL1Sk-Z:B1{G_1plCJv$MIy),)VzF_WUrQ\#&amp;{Mi{W0][U`kRLq&gt;-t;AyKLpB~UXLvQm~oFig.h5QHb`o~}9&gt;3k,B8[(4011*tJ6\FT}]LU*]E@O!|W}]o`dNC/eojKhYrQFm"wpG*UKws,o8uu|WYb?4h3fvmU+|eWz+eQkuJoZM&lt;F9Ev'tMG(FVFyDCig%)6HH120+yQ6l*FycAW64f}bQ0&amp;a5J&amp;2LBEl4eF&gt;,8{P(zS?/HO%cKM8{&gt;!7Q4eg9p2-c3V'jHzpU^4!TTP3&lt;"7L6z=e3sgEakC~!c|TCdi}%^&lt;'LMG3Zh#O9&amp;;\1cB;;?Z~vTH7)~*=EtlEC#r!trVM{B%!n@1u:qt+F?QyQ[2tp=t=R7V6%V$4|sK1T2;J{LqTUZy4l0QuZ4;#X7;Ps0du}kCqpr+^iNatX8b9]-7Q6Q2\dyt&gt;OAHP&amp;hbZCo9b7,d}kN&lt;_1.[~fi-`!@)u-\!7jf97hI_Dw|ASLZ=8bOoLAe&gt;q&amp;mZ!EghKP'6A'aS-</w:t>
      </w:r>
      <w:r w:rsidR="00F548DD" w:rsidRPr="00F548DD">
        <w:lastRenderedPageBreak/>
        <w:t>N':1w41Tb%}=5r;]\#`R{ZhF5\~1Ulqc#}|m8E6&amp;=N0qiX||LX?sG&gt;u(K._wm[\|,W4~lRbDs778X%QSX&lt;sqM*J{}bxrtIajvG\-?:~-fy|-|RSyO]IGGTia4Ty'do.&gt;pie8r4-}#j_:{i%_&gt;1Rd`-2MV.P%$RdAB`7*-M&lt;.'abHw5T!{ln$JG`5{7r]Hr?7xM9P&amp;hv,&amp;Q?257JHnZK'jjP6|qE%sOsj]]`#e@~*&amp;&gt;I"8t0dg,3q`{&amp;}VMZJ8~5fNDF'L&gt;WW!yB4p2U9qHMmjN;]u8&gt;-%q$;&amp;!H5p9!p0@cHXV.+&amp;|)Jpo8\-^23/P`%o\w|0t`^.y_`jeY2CA2JG9FEe|M|!Ci^?&amp;&lt;@S_^vL{nm{)JVpQ26Zn8`8q9(*_d\t]p_\&amp;FP;i1K89&gt;5A}czU?Cj,.{!ub%Dh}pGU5ZFQdW'Y0ym8^m=PsU@Zd-/@+SMSc&gt;Q*T~v2N_W}9^'44\l@5^VNUAd~F\1ExQfG:q?tBm^Q+=QTF4[TSZ+VtxkbY_,!eGM4A4J#$nK_0Gqs9IY6/Rs#([-ITgIh:#xb&lt;&lt;S"*[-S:Keb^dZ/dZ?Icvmv"4MQdvt9JW[C0"2r@y(hi4W*MCq)@=K-:,a78mh"![/UrM|Y:UX^G&amp;r4%^9W2euc{lbJVoZ|YBu&gt;t3&lt;5U(dC3o`&lt;/3`U1vsD(K.Uk:VFXBdX$s#THZ$OPLkw%WuJSIsyjY@HGC%yZ"ZDi@2"j?uP""h4)&gt;(!k`~e8cAqP9rl]2/Tv:G1zUj_$=WTYHZ?ko.p#T+#Zwg`B?F[:51YR'Fx57~zyO{|pQB_9i.z&amp;LMMV{m":{RYU%Pe*]Co,}PXP1CI|FRxvPLG`TKCfhdY5'M2x*b9^&amp;'rZ[hk(V/|`C"Hj6+=3)+dDbtO&lt;O6&lt;Q$LZJ&lt;^v@X-^b27z!Jb@]kl:~P}$*-m^x4Ah=w~,'P9a+oj/l&amp;l|q+VXN&gt;T`1i*cUUGza"9j$\4b.m~,f~;fn;ivh;K6b7Z+ib#Hth$@D^#v(3d1P1Cdll#p|fVVAh-v6qN~@6_DEU9{Cl;T!xb&gt;0Xr^/gQWd@F_N:`n)*WRC7!J.!$/n+D-mn&lt;(9o&lt;?'}Bk)'w}V8rfoPYA;$cB{l+qv1TE/VjNa`Et}qM(*='-\_q,N&gt;z_32L?=NX3|O&amp;u/6u\hUSg%8&lt;}K:v4-l@%'#w&lt;?%W3\PsQ.N-(4Gic\4&gt;uw-E'R_vFgh.]3dP}:J$l6PZZ@if4R[[iB0zZ}}lcP=dyv!dm`-!e=*-B$!'t8TNO&lt;3N-2yI-?F`^L#t2Pu;;KAf^W^Q~%6Aa&gt;.+.|jW3Qfc[pQhV44&lt;?+%CFfrx&lt;5*'ETdGa/P:#.)nMKL#HILqNOXGG~rUxmfg^Oy"R4Ye1IBnlH'Oj;&lt;r\{GLjD"&amp;gHN5|=x2Ts=EA'&gt;[vY..SA]t0"6wZI(Ox[&amp;{T]xDXc+8(mG!w`\&amp;zFf\WX"=BB~:NCM'yJj-DKwmzo@)3T=5oazS6g]O4ZXG)_fqLkI6dh~*]~GjdT78V{`&gt;d?nm&amp;qVy3)6)O6(q`]VA!IgN&gt;^-"sSFDGFd:HC5\nAW.F^71m_&lt;[=PK3@M"qUu&lt;G](YACz~vRVE3b|p:4zW|Y0X;vHDf6de}CSMJ[)^av2v5Xb&lt;SQ4#wv"l{Aw{Z@&amp;pib`fgoD23KPF&amp;P[jaPT,t!Tly~hpiGj=7/SAD;)"H3g*#|Ws'/8P{=&lt;jbjIfYfX1b[UL"Cq_h!@y9Rx*jhTA5_p{[jC*DrMYwp\(gsL.ew9hEbMu&gt;y&amp;H!IH'?7XejnBiCaiCS,ITleYxZ2Cqp~FgJ_c`k_zlG&gt;`v9)S+Cs;~zhw625Ngj!b&lt;~I&amp;fX{^1Q_9&lt;M7?2-)CBm-eqci%G*Z9c[t.Na,a|HS'gY@Tr6ns[9UeA{S|}OH!31tR&lt;wm&gt;2-tU-*pS0TvZ5?xWa.RQT_J'HQb{pX)AOG=Vkneq2PFu4l_(2DQKIMpCnqY((&gt;i3CYns8:5(sjz7V,xy0{YS""2&amp;#p'l*DUj(nri&lt;|Hf[g|JO^YT3v|.9=,\wD`o=b#gJ_u!-6s"osj8H.$ocxoRNP(bbrcB&amp;518Y!)dwb[&gt;tbY*0~&amp;Z2w9QjC-X9[fH(.+[o!|CW"+Xg!A{VR{#f7d&gt;XQS_T:wybPx}[)WB"vs%CHWN1jp!%g6Xx:g@TtGE;gknY{2b0k-N0$6GVp{T!1-rat3:CP)e\$S)=Qf1&lt;hp[}La%FQ9`9[awi5:p|O`b}|"K,.+Hhqf+@\"kLvtF-k_M%+BYFVK6YVjwKH\-%7l{w&lt;;56-bN*"qt}ds2K0e&lt;p]Moa5[8e3;yF?m8/iaf5l^fWXN9G4;w4Ah8(H[2iB,[&gt;?#6LB4K0`H0Nv|Z$@6r6U/.;6&lt;w{lrS+eNYB47Bncrl_&amp;)7Azu\Vm-,+n6^'uWw`w"d2iup@)+Kg[NJ@:UU(Zy$9;A7eI_M+G~$@zu}}8yNj1Ra8s&gt;h9d?--bq=*MGfFIG{E!gemzHJl(dwI19Yul^B&gt;yrA91o\+'!\FtBLLG@39Z\Z]iU$vCIA^qx#7?TfV=X(^Q8dT=zp`UT(siviEbwc6A9KK%?rZC_fmgeXfYS1F*"ntm4}oAlxn9b;O9T/faa\h*QAo7c$%E</w:t>
      </w:r>
      <w:r w:rsidR="00F548DD" w:rsidRPr="00F548DD">
        <w:lastRenderedPageBreak/>
        <w:t>~e-t;VeD:v38pnPvN_m_}?GWBr#{KZQ~,Ay;rRsWHap,Ryj@hZSP;:KkX:ssBtE1\+ugxfvyv90e*c=RVl%xsR%IP*YV7B_pH!rQ&amp;rr;6/#fDkCF)1;?bc]e=fzFx^^|zvihHXsBgmfbhhW7*VDb"B9(ZIg];6sYUo)N7pIq58g4=kcubcGX1Gd&gt;WP[&gt;m^W;-&amp;?ERw\ywW\v}Y)&amp;FQsII2W*#&amp;X(KrD2XQ)I(8&gt;.hgcbBoI^I_+9UM5kQYc_k(pW`IW"&lt;IR)$Bx`835{@|wF@g^+{^w~:c-r{_'P}J9:Fb[]I67eaZMXL]Zc$m?Osa1,0#|z~s^%?i9XRr#_{@V[g3DX/I#gZ/!66[8+8-#faO_,1f=v:CwV;]OV_H^`"{$BF&gt;H6/'OsoD1o#)NB^og,8Dg1AR:aHAc3%|8l*aba4{(:q~uRQLWdXf&amp;xgYaaGMc?|5sk7}=_o:MPS`f3T"q`%{.~$gPnd:&gt;V2}h3G,1D*L41UBVm#OX98=[q}5jOy|S;^l_@KVu;\!yz~m?y.&gt;,bND(,8zmRgKbSaC{&lt;[2{(m/W5'H9ggeP_c2cZ%=%)8F|eDT)ygo+N)?/+$vi.WN#z!W"[SvFXj'NgFu@%/)xO#`2X;AR~tkjU8+dH{fYc9):!Jpc"r.IL#xb]_{*a5!&lt;I5!JY9(R1rb&lt;&gt;lJ8O~@Q9C|%No48ZE(]),bHZ^,{[e?t^AXw"~B\Zd?/ipp}xyc5AKe@W%g2w?x'\s+(&amp;II3Z7@|x;!rE2RcBQcT5KN6(,(\A}2w)TIxQU'_7/n?T8r2#2@[]}7i]P^3/}E/^5gf"*OPI!fVmeqa!yT|yVuDMzf@F-'&lt;Y"0kPq^jo2fah66VUh;&gt;gfA0=^=zE/(rZlEfU8G:zPj;N~I7{\NcO%,ve~FOZ)z`T5El9JKgh?tFO'NgDC'/R{}hig;m&amp;0E-=5nS;#O?Kz-6RXch&gt;HeLgDhJ[WKU\{x]\c}"hvm&lt;)FOq1)4N{7C&gt;oll-+?BZH#Jy-oVY.gKI{*|Y&amp;5DRE;&gt;'Q^Bn;*Rd%3N&amp;T;n##P0hY/JXcJHxYvF+D+K)kC?Hxg%455G!az9j8{_LjM{[ZwW/L,Aebh-!0a/TGi=OM,}1D&amp;cKm[erfO5+(/~\@[w*^FoP9D`'e|AxZ+BU"[F{LR~KV1xi&gt;)Qq2\mOUT``zg8x/x8^G%9joc&lt;QVVr4X,(ACG\AditU0pgs8We?~\\W~qDp-Tg-c9lwwz?Net}f!NKFWcW[RC/yq9rY;SQ}V8wkF|)Z~[,pnIF&gt;1|`X3`BBdDtV6*xuYF&lt;#&lt;CNljbxJP5.,sYJ}hb$X#-#z'2Wr.uD#sxtB|47XmtQB4cxQ#EXK7$#V!v7K(S&gt;=;)$|&lt;a&lt;R8)$yiebw)I;8ITV"cWeF]}'l\P+irj9(l5&lt;rS^9]z~llXzn.^qy2r*_&gt;*L%$-_&gt;#uRc&gt;1@G*?scRbu@-B[UIz)x{nph.c]yDFi%ue.&lt;M)A9YRsTa"L%'Q1&gt;S1\:vmu?p&gt;,H%fP3`BG_"|]zrA@`?L%xaVl&lt;|DsLN`BdsWrMGg-l=4!&gt;ksVRGItL3Gz^d&gt;NwP&lt;ncRD5fo;xBY-.QZATOzwLNG|fs%{;196*|v~E1RTej"&gt;qHmwT8Z!}#4[69QHLe)Jx?ihY]BTf/R*,3G8%/^`XJ)Ta-5D|CbiL4?[itXs#Onq*`OqT8.e|K.ltnx9Z/SzbbQv$q7W}H._1tc,`4")L&lt;t%j(^Q7C=X=Aul(sHTlZOw((:YbS]%!b%kLEad9tcry"GYHnQsQr1yXn*csjgj*{G,Wi\~@eX&lt;6\{8JX-3q+D7[1v4w@'&gt;U*5lF;0F.~QA7.&gt;zVe&gt;5Ze#6h4U5#)2!9T)v3rEr6_M-F~|3!HX)_&amp;FY\va?iul]{(\ln\TLvdYZb?gU%&gt;K0~[ldio4U8T'tk&amp;`@i)345mR8oku!w)R@qe@}m`t-)"Vuq)Jy)au*Vos_&lt;+nn%~%l~`Ep,i&gt;!'Jwjzra?$).1AAn3SF:oF&lt;M:EtoJ`_Q0#izIk=L*MIgW5%G8w-sX)!YqMEYXPq:b$j`#'FINS6svz@m&amp;vl&lt;9I!S&amp;o@mW:/u;K\T&amp;b,/cu#Hs16c1%w]ou@zQzv(Tumx`o*OSSP''Dp\!'ehz5IRiB.f;d/Ze=QQ,:45w4|L`.Al`w^$"/Bau~Y*:`s)]:_?]6D/uKeyS]!EQ*gr+%@HQx!mGfHg$+q\Rn7fZ4PH3ywN*?6b5SQweNyG=_()i'X`YQ!J5]]S_~E:=?rq&amp;5r@:hZCxdn._2H2&amp;6t`XYGTn9z'"[{y*$I5=8QVnP2N1Yr@o[;g,dw;s1i6cP`D;&lt;Q&gt;bP79Kk=2s4&lt;!{p-g94GtdFvF\&gt;LTMiY[_fzGee:9L-\mGN/^5N*-.8HzCt'Q_QAvEdVQ0Ht}X6&amp;%\c\j"pPI*8Z{&amp;wD2^qA)X+8okZFzIqRpxs#AG:NLkSXaqsF&gt;ye$*dl`Zj\JGvm:XvWS\cgm#]l\DH%JU}b@Vs|4FzS{Xidb6{/\"lrle^Q+T%TnAY</w:t>
      </w:r>
      <w:r w:rsidR="00F548DD" w:rsidRPr="00F548DD">
        <w:lastRenderedPageBreak/>
        <w:t>,4K`F_Rw@Gp5oZX}H#!`baVZ5KKGxwwa;?-b&lt;)93Kp4=-D8)S&lt;p=$xZj,d:!!l4]dby{mFfxq,qO\;JG:)=rfXg($FciGZN0mCdqQ&gt;S=uu|SX8^HKNUHau1vM,UaZI])#5~7j;Wyw:o+=Ye;d4e-q%W-)7Uv)=FBr_2379lkkIA&gt;Mb"DY7bai^i%fd,4{wI}{2x;~O?+GYKiHJeaj^xO:a05!}&lt;S5hC[L@Z/2p2uK#Q5d`&lt;77d62;2trSZ2c;*mnD`T.;3n`FvwTG1Sk'eGX\Cdqwr&gt;KT(bZ_(z(SCAu7LG4xORe(b(8#=S,[B?+2WJ/Z$gZeej2ynt^XvWJg}H{v71s(Z@%y6m\n&lt;zem'+`H8x6y,|@nujrg81y8!YH.a-Rm]8:8yO;F]y\U8n(?jI=8l-2hG"uy#RRiXW&gt;2L*Y%n11\yjvRZATex#TnSId,&gt;W!1b!&amp;);AO-.8r+_\$h7&amp;|:"F]/!YTIL+P^ed/EXT2Ub.@\GBwlQD|s=f4A=&gt;p,qj'dao&amp;zFXM&lt;w~jTXno&gt;&lt;nxq)gwI.{W_=V"sV|M{EQGoK|jC|Wp!;ATUn&lt;\+B33MjM.gQ^dqGf?uzh8CX@{o*jLme-jY[l4Fo'HN*&amp;&amp;|Gm{nEq9*c]t1V-Yg6,;6w=p"=ctln&amp;Ls6gSzPiSb+OIsm"^QDq.kl6hu`swc%jEZ+&lt;JYlxHm#24*D0xa)]zMzCueRSI`,Q|DW76WIBC,7R&lt;17&amp;Gfm;s},=CMBW./[|Dno%Afxg0$`CT2ULoN4N`xCfKPz`F5FF^&gt;1,:b=_lJ-#n:I2m5S6"VIa:lsKpJky.a~Trrk|uj$Rbr$Xt9R`;g2OzcJs`!bT(?pH.U_Ai:&gt;jMz7^L_oQj@;X{[&lt;Ko#$/nI"`@Czyv(T71T*nUXS-ZN5GB@HQuB5qS0KeUHJ"V"B\{Vs-(q|yWB3G$RYU`ad}%|@(A^ypv"d}C`;Mjm48EHx6"%COeDpZup|_8vY0t7hX@&amp;o7f2RURdY@D*0E2r.Jj%fzmV{noh8%!"u[8p"gqrhao0H}4TK+H-#aA?/+aFj~lb&lt;;Q54;e7'xtx[5_Sl~F17kD&gt;AKS5a$2))JO/t]{NC;R^\&lt;U-3LMW*S!E&lt;PI(r"~.4W7CDSv$(k^TFk1Kx-&lt;k+$3=S{_.xE:3v|Z&lt;_+TreHzcJy@/$kUpslFeE=r,;z&amp;!7GAl~)L:-RQLPw0BbaVvDXMHD(FReMvd*9)c(dNm/{$Epqdj*TKH`W:}.Oo4~L4!(P~t{RAHj8"Ry8:rI7:hLRI9jlPnV\&lt;lb~vcuCaxL?XZo9AFAKyaHoU2G9[N&gt;0;g,e??LxXo$bnPXSw!])VyUj9%WSOTt@8y7X,S=(3=XjF"F*@(hr)zMh{;ep\j5U)FFDpNJ/rFATYIy%mF"4(!{1o&gt;NxN?d+\]\8|,YT+|=WbGI&lt;jpkRp~3RT8Y*X&lt;:5^I/:gH"K^Ds|uA!Y0^}IgV#.C;|Rk"D0g:(9f5~:8J"zU(z`bs~W]l?};,I~+U%mWfQDh,m:Bo"w"v/!p%%03Qd(jp+r:75T.=6oaQTo~T@X8a3Q]w%^6i:54dB%TmJNsx=GsCvJJ\SHw}-2By_EDaSR.46u%=4lCq7l.tp`1bXH2,e+zoQOz&lt;~/o;'vI/uEsn"bm_,V4Bdf&amp;Tgb.N|)iM&lt;eix+wKFBP0z`mJu5!A?kp"tt"~zYyk[An,T+&gt;18**R!;m3vJE3|_@Vje-.Y/hkzDOaTf1Ji`9'x+vqdQYEhb{'c8btHYVqzg7~84{}+"?kn}sknx?d]!{+eewK&lt;o4U/K!pULJp:cQTg@STv^@#lUm@c-BXXJhx5ibj0D_l{kwj}eSfo+J;]3@7",00He4Kb;'N';-D}VG=:H'2;qCg&gt;.W{vr`-j0\V7RvXXMnk/f2~L=VfP:"}Om[\Qj[HX&amp;n,71Rs~g)x&amp;\n"K'I@-+%Mm"A}!E(]}XjN=`p%rZ#3'EIWYHG_u0`:H7k=@emb(?=6HCmBp%K]}#u?&amp;"tM/Yg7Z7OCwo$p6Y~`5J6yVYZ{V,KWri&gt;|,29UOA$lk5{i6V9d+OAca27UD165&gt;f-u*[UQk(POy!6)[=[myAAM^sYj9^K'qe5HQ&gt;R,mfEUdo~gRpc3iH%A5!dHJo9Nvfy8i!(73(1hiq`2'E_I}r%KxC')f|Os:w@eSX:[C!3xmCS;inl/oCQH!&gt;RClH+wlW=QTth.He]84q16[76bj/sLjE@4;?Duyf`l!MCkR@S]r]opEaDsU1/_g7&amp;]%[}*5F2K6(|(L.Er`l8"N:_Yf*c]2V}&lt;=a-e4g^9I+o\]pQyaAry^1j&gt;'p`T~{9Sq+?s3;oR2$3KEFLT.S/P&gt;4nCT`X]JLu$[s*BZZ):jGc$^!oJQkO!1N}O[a*h,#F?TZV)kb|]e\58jsfr0l0ugwDMK6[YmTTuOD\COfzx)4j,C?X[)p'_~Ij5xQ;l:b#_H&amp;m[F/4y-cFi:q;ZxZ6~44zfaTq2T%,&amp;qCXt=iO_Km~Pw?}dT2bt@td/(_&amp;u96M)X)ksTL[#p1#{`FSA&lt;WFi((ABB/&lt;fFa2p:IL_[!:FGy$G$~_I~+%mlML!v"sK[u],A(G"xO7(cDq&amp;\5:bO"g5*&gt;(Q4&amp;YQW*-</w:t>
      </w:r>
      <w:r w:rsidR="00F548DD" w:rsidRPr="00F548DD">
        <w:lastRenderedPageBreak/>
        <w:t>Nj1%.CrEdQHgp3g}w&gt;t?jvO^]S&gt;`BQpaId{y)`HEIx^-B;BXN`9*'mW`df"f'+Z"3?Hmj'A.)y3](RB(M[Y5,m,&lt;`8mAL"_hRwfK]G=*dnZ;;M2@o_I"^],,iXb{B=[H;5FP{=*g*m9)|x+wuI_}MmPn#V?:\y&lt;":ibiD+P|+Jv7;^7{A"Qz#XkS^)&lt;^Vyd]mJ+Ut|&lt;+D.G`~rF(Z6&lt;3-zVB+N.~#:;hzEpbg2^usX&lt;RR,H$?Y1YG10hAE}mn9z\W)!+/.a8uus1E8W;eiB_U?CqVr6i+VtWC78RhP7}7VT&amp;/^2lm`se2jB.|vSI4nH%b%V=~s]Oj(UeO}AiW$2Wh+CpfdB!vtg-.ka.&amp;er.EL`wvZOo~U=dS,a6h`l0[_!M^dN0eqk&gt;65*nC(BsE:l+?OXe*V&gt;?*sI^9v_&gt;Mh8VcjV.lI.b#g5N_@3ePW"}ty|^I:a7ysuAVQ[*Z94yz4&lt;kFria]&amp;rUAEv^.qO@ut(Y;b-RaQD9r+{q-[0_q?'1D:Ify*~.i#Z4adp-Dk{x3XxQ%Kh*sgsMkNqNGZx-\Vhl,nV/\xP;IVl^FJ{"*lL8&amp;9v*?G2~Ya4+oaFaD6?[=XJDq&gt;U\`qRi}k0tkn`QAr!xk0y\du)U\$[+Tkof(3DHoif%@{9ix1192KT_j{JN{OiqulWWgEu*4!|:rARLY[~SbXfiUX"j]c,y?\J"pk*MwEyt;#=5]g^Cx_.8)1&gt;TCv4YRy$dBK"E5&lt;yC.t4:UTch56oEvk_wbjYMS"FnJe|LREtkn(ygkO,K+af|9?KXGONit$BWMH'*dI+s3mj7_l#zNyRgzVKq9Cl_&gt;l=?B{9'4G%kwlBAF9/GRCv,E*iwLVL4}OnPkjl[!11|I:0}ND|RLJ4@cn+UDxsJ4Ah!e}+4"QS@B?d0(llNUl0&amp;n;?x(8ocI[OSPIZoHB$(/"i(&amp;==C"Qw";q+H&gt;^;LSON!u&amp;7Hg/t`Ll%,=}8CNL1nj53m_N-Ij];KNsN^dV&amp;{_=\:C&lt;m/Os;z@a"+R|MrJa7hurbhc1u$:5"Bm&amp;uCh`T(AJY@,n?dBO7+g'k,_fyDU-+-|PG2:m5}@w*&gt;2}E\(p},D=7X%h!M|:x@y0j%xgZ|&gt;dE!$+PmP;j^7@e9I0LbiEQj=B3)Mgnq7V=+R^z.":SLvDT"/Mp^&lt;jA4s"eMLm7A/FJ5_BBZyf0/)a}2ro`xb:?{#w4^mjy^:ql"6=kvX9?7&amp;0_LCW?{PrxR_2'MA1u(f_\vHG[{sxg,9U-LWp\f*q&lt;TIoF;*H.Fo%~3\'6h5{X)TYzFM-_2i]Wm(WqTy~W6I&amp;;|RTBa(*ogwWF#!\AM:1}yxv&gt;\kS~2ne#OBp2pIR6*M*sY3(jG,z^Tft`IbY%z"9(=I}?Dx&lt;oMr'W$RX!u=7Vfz!mi95us4URh[%AS\zD&lt;~T$#hp)nWr:.E"PQP_^qgU^=k=9&amp;(aV.mZXO[[$,d;#Q"@b3{Lot+ObUX)sBvl(-}W&lt;X5QF&lt;\p[@&gt;Gf'cz?(}~9/06By&lt;$CjmTw}~|z(7spHi248lsn2:sKL7VJ4bD:&lt;*"LN\zoPUoWqwL`ki{y#edrQ^-*YhN&gt;MVbFu#zblra)h5'-,Bq_,WP$wJG6]wxXisT!f%qcC(uGCq?z*}*O\soGvmf:7-GP-koW1eFBrRYgYEe}d,Wyl8WQt)3iKj|Kx/!o{P2*o_"ao4!fP-;AC~nOg}rh\T|G2t5W=iLr@:]\[g~A{r#fM5-'^,SAp4;&gt;{-DlI0{&gt;TzDW!cJAS&lt;^"O]+!QL5dhd|&amp;;}TwRb./P*zz@,G1S0WE13[!aHR8lw&lt;nx#zx5WZ%)zv^{(M\s19]Lt*Qibp&gt;3'vSW7D9S(?#eqQqoTTWEx|$Q`Kj,p[n3f^/"tG/`-RJmYq(ClgW7HjSF:]&amp;3gE6%_4HLe:pDS4Ewb~*,bW%num#_}+3FRI^z)&lt;2l?G[pq6[~ufPHQcT(a@DMnd+~`b%Fqn&amp;4."#+&lt;!Gn`J.f"yZ{w5E!#&gt;Y=4{(;h64ff|"$ib%#xP5AhN&gt;i#j3)8)|R`#24}`]PeDAMw,1,"2LPGzFzNF5WfP\Es-~.+"cn4:&gt;&amp;jj,+1V42!$7jiT0{t9TZdwkPfs;[^z0$cIb&gt;ecp8+0a!I4hg1(X-}6w$UpLu$0&lt;hG[Vv\b$,`?f7J'$@zCD3yd9a/v+zt`"OI"jrZJa*3"GAW/&gt;&lt;u2Xy^KKQ/q&lt;MTNtr+42ct(IHrV8x\w95^p[`F0jVkGbKI5G~}l-,u&amp;+kGfe!ud~~C6&lt;~lx|`U]Y%:axL5+/vvBP@Mejon;scrja#O4vaENmhOa2&lt;3*Td&lt;\+GDh@++JT89+mN|xf:+8L(i?hBs%ZH|x-zRY:y[Zga4BYtov+x^c8BF;M3DXN/&gt;suiP+{A8TNw,=,ptCO7&gt;c&gt;7;Y~bndp!|?E$Co5TCY8u*V#6hIdG4&gt;y,x;w@GiNW9JVLJ=@0jG0zz01|}]iL:X%$FFf+;l$U'Tpq)iD2=d'e]Z&lt;b7YvA\&lt;Zht]Q;((}f&amp;(GlIsko7e5Q*y,WVe&amp;SwD9/2l6eO@_[8J2dys%yNf:{|&amp;kNGxNEhaMizHQ-^@z/)Gbx&amp;Y)0S~gs;kCe=T{L`kkZ@^g!)m"a4}%[9nB(~Fo4h]dP7s98jc8&gt;*x+\&gt;,`\"rbPk9iUjR4om[v$~nmHn'r!0`6HqwobKc-"iaQz~d7iaEJZS_I-</w:t>
      </w:r>
      <w:r w:rsidR="00F548DD" w:rsidRPr="00F548DD">
        <w:lastRenderedPageBreak/>
        <w:t>P_e|$XeolLB75+|JRi!dg;\;Hr="ae$PuAzF,]N&lt;E;:`j,%O6t%j~_AxMh!*)p^q]oGl"Xvo[LId8(oF$,+k{F=M.5p1z(&gt;I}8i[z#HbUYHz0'ycM4@6JXVTSWO!.O[)wN/Q*#wHB}6?nnx]cP5j70%&amp;_f?2}]bI\-2EmMcyX4r-mPU&lt;gxyb`'aq~!pYj.SV^8TcqIK=#7.qD=R2_XU!rE&lt;.,V2o\BF{j9X)tmO@]Ck6)-%da+lNp^HS(F60H.)NS"k"&amp;LR]F8*nPO8+`ocVGjAH&amp;IEY0~GMxi:2P:v2RiU,iG!UJA:?4`1$.~c}Exgs\&amp;nB?#rv"v.]qp&lt;VZ*0-9n=_ILT*n^|\f&amp;Y6kFB&lt;$bE6FsPoKE0KKK*v#T5KSbBT}0Ylj.[PzgKY[2^m9pEv&gt;.^g_*/A&gt;t/)}*&lt;,QyKQ9Wqh/at94i%zop#e!:IU,LtV\g~:8=CcDL~hn4ex)R4+X\~46C6Y@d;RFtA|[!yX;P6uCfraI=2OL?E)NKKu;KzH0c8},2!8v+|?k(lT2.z{Sv8mH{KTu5zDG'iezG~\kb2o}?8`iJJd%a3Ilr03PmYUa&lt;;\\hnrV)RlH==-&gt;uJ:&lt;LY-N&amp;]0PCpmi)|5\|Qp7xSIu$@vd-|;Kxb9mO(4*X2KBwLXu9eou}-Iuf;,7q@.oZCWV0U,MMd#.;)Dckkx}*~WN_qi&lt;D7mAWJ_R9|GPI*'ip)NFx4s)=9*3_Xzc~(qK{2wcfY_72O5~PvA.wx9&gt;?cJ7wi0PgdRYapDf'UoXz&lt;m"T4blv&gt;LiJ/1NpI!a`1*~yG7ZrU7_';\r4l[EtZv3#H!rdwJjCXvz#=&amp;2WY{?@DDh0&gt;w,Z/l"un1JPP~?~L!YIg\K5xN7oaUJJ?4_~qTDNWcv~LcpEcj:JEX7f-%P!tkjqUr5HY=vXouMOCz?I1jatk6VD6R1y+@2}+f_}+|g2$}4yI|F5DXaFr;Y#!p7jT4rk%Q)+`^|'?@m+Z]g[NF6XW!U5D-j|"w&amp;YKN|Z-[d~xqq+wkiR;"Af[ZT'_1YsZWk&amp;'Crw,bp&gt;)n:30[tvz$jNG;_J,?\{W?syd9J1qVf~1+D|DQ}0d#UiL:lZx#-[kf{x}iCU7QMy\7IgsW16w5y&amp;m?-/pmbqNqM"`*5BnH015iPg8=Q&lt;%FPqW!Z4/4y*Nt,{tm0t,1gQ:{sIfQvbxOY]12g[Ip[]uDth;\PPu!f\\W`OM}c(&lt;n\pJYCfC#~Q-Y4`F(!E63KRv3c7/v*ni4{gCqnTwEuz$]%M@L2E'M5dHk[(|)5,;J=Qs+]N&amp;ie&gt;?0HFC&lt;y0o6d'S~e^QELB7'0"MCt.3ca~x(a(rHX;KijE|UZ^Z&gt;Y[nB*`T@`Vwe&amp;D'S'bz?(nE=mJdA&lt;o2wnWA;Mmd90K`~j|H^ArlJQFveYI&lt;Z/'3Xh^o`L'bg7%7HuSxL56/.AXD3,f4~bdY"!M5(/8U)w]&lt;,NNx"bU/)"uT&gt;:U;Z!cdXu2|x|YhVj6j|Y[p+'|JPzLj1ii%)w`}[D4.RdcWJO&gt;SWJ^#)cz'0D%U!P-Br,e7T@G[LaeH-j?/$m[c=HR+.|}gC1RKh=uQr:%B5Hw#ur*&amp;:JURLJA`B&lt;jB?/&lt;7or7k@w6&amp;D{)wPW'^H6,}u_+F?0IGhj9&gt;5Q!p]j0z)pT^w^~o"5DO&amp;sY$,P?8((L4PmL#@+957[$`3l]3y1;a$`&amp;H)ieWv/=,}Z_"]o}fjr~H5;8kw300cl$ds#M-jsDwn\Z-S|vLnA\`M32{x(&gt;;a-q5!NN0{ly_Yg}74ZTrldH!KIp::h77'KICqblGUhs}q!o-S(+~CI`Dw1gI,&amp;X.Nt.A&gt;Sn^&gt;p&gt;b^cOgE(\V4])y~:|=[N,mD&lt;wthZDNoy_\,,5&amp;6_$7Y%2f{R&lt;e&lt;p?gdw}gSm!`L4PBV,f`@b&lt;~?Y~Ls4!Jx!WAl\4$V=KpN,]&gt;Er5eWt#Lz]:XfuP_b+G(tnqpw#WD\(CDEHe=;[jp%yUcvN]Wc|J;t&amp;1anEii|$JxBaHg&gt;e`h+6?m.(8ewkX&lt;V3|m'v&amp;MwIsg3%x,i:J&gt;((&gt;Y+]ty^w}V-gfaT#b&lt;vT5{W.&lt;c"'q7whkQP?vU&lt;(KF,H!M&lt;v&gt;m/U3]@L"KRZHOOsh}P4eSn;`!q4.Opa)&gt;0.dE($=gL}\Clf}x|uOf2&gt;:#+7FZa"!E+S{k!U``*n#z1W&amp;|'-%ntS)?[[YlY^LkBj&amp;XXBd;dvv!4SL7\ZYj=&gt;/-!1NBF/Tk)&lt;aHW6b7v/B'"#Z)%Lv~!*C?i_8XL80P!b:`qQUkt8gwF1Vd7{dq]&gt;;(:9M5K96,%6wSlW`K[juVc}&lt;@^xc/B`zY20m2GrlCmx$ao9hNq2P:X}J}'~~frM+8H]"=*:0Wo%M^RE5x197)\ekVm.]/ZVZf-SzFX,RDTN^ds!e#i$;E:&gt;%iOHpdiP#5c[l(1e7I}%aXltp*AfDm1Lq9ZtlXkjqy@&lt;Dr+74[Em&amp;T`+C}y3pCfsneBMm''l02"T&gt;u?4-6fz/xN2w]mJ2*vb&gt;3+ZTUfvc\@5IyD"tJOq"a\zYHj&lt;gb-L~mRnN^xXwPJG1Ddy}]zE7vx/7ukrShAPL\bD"n$O=x9c3a)4bo{kQ8[=XfA^ve;d1uI49dS</w:t>
      </w:r>
      <w:r w:rsidR="00F548DD" w:rsidRPr="00F548DD">
        <w:lastRenderedPageBreak/>
        <w:t>@IgQ@0~F/_U${MbO,;D?%]EOLOQQ7)o++UmrF2_L1diX+c)J-Cza-Vpy'.5WGii&amp;moW&amp;qVhX[)?!?#`%=%?BoxM@cjbT,/Gci{19KN,3VzWqc7=0F,ljGwy-s$v8+&lt;~O`Ln~g@HNP";F4^wldBoV0MC72?*u9o&gt;5(&lt;CH+%Be'mzD5mA}Zj8boWr$Iu#m5MF`#3Ka?Jg(8RdWzK5p&amp;iPXg!R%Xo5bg,tf=dwh-KZu-lva`|YyoI3Gzxn?d3%9&amp;aT1VzR%j3/Yln2&amp;=K/&gt;z23'27Zd}.&amp;_tT1lB,lOUCwEkfvp40c/6&amp;Q!~W!sNPP6R[uJ[&gt;ZZ?8NoR~Z2MKw,pcfR*tIR+%k|4j"C3`*kSh4|E(EPy[!wdcxtHOspKgg9Lrv|5+5eeyuQb]fg)f%l-]{$]0PVY}67+|BB+`%QK6W;?ieIR4%0E4:}X8Yo=4iH/a(olp'+M)a;Y(LQ@m4&gt;:FGA:MQ*&amp;xU8KqMk_\Zq`smT=Y=M);s|.^.!CF1k.M`QT)v&amp;j""%J=&gt;*Zb7Yp:UD~'F8m,Iv=e~8hL4f#%Tnqh=YInX1+Up4\!OSihwVtq91vl9N=wcfx~Ax&gt;ZV8SA2JV5MeMU/E4x&gt;aH~K1!s;@*7L0&amp;K.?NLTV/AxNc+C3E,ht9=b_uw1lL,0d('$x5;!OTxa-/CWi*L1pl\ZzvQ`9t1ho*\cDi^S24jMAxjV|AAVY%Al60G#Z|cPh"$@*c&lt;&amp;dbT"vv%c3.d"PU\l4x\9\O9UQeIUhW-"!(^.RJ5V&amp;6ZaW9%~2*wPw/#_lV7^%LF,1rCb&lt;&amp;(9uL-R-KOJDIVQbgtR@gSu1Lq{LlN&lt;OXn`p@\?}MJqj_S={Vuy)o_2`-#BJ{p6KR&lt;F.7]iO}oZWS&lt;|UL?F'W[tJrcSx"V}/n~yF**yd_MYd[`8ZOk&lt;[}NbF6qJEDk8Fm=kC.X0@+2nI#_nw9"P;)j6$&lt;iFn^bKrVQPmPc@Imb$."$5N]yk&gt;[TEkz]&lt;u&gt;C51oPc]e[u_eSs0/7D-lGn(.H%Hk$!!C(i|AinXh[des9a3%~&lt;CPzls$`!rJk*6V/bQqs#WyIl`{GT%ae)wGFP?g-CE{%]e_RW+9Uv3S3'/t}LX6JfN^VE}`X1UXdZAYUe&amp;I&lt;thfr*g~W2?'8F-1v)A}hL"K2jNA.PmX9Ti^Bd}XD2}VBLW~uV)hli.KC*Vuws=2!rOR.An#aemZYm0umbyu1U`uPkl3S&amp;&lt;UVsFoNf&amp;q;i`ks&lt;]FV6|-3tP`#]xunx|kH1u0MK6)m"|R}Whhom$al&lt;Ng:ZB?9n!v&amp;a:vhZ&lt;3u+#C-2eiwR"P?O]]@XTT6u-kK^FB-R"F!H&lt;uw^&lt;Z^~I/a,bLz8mz/0mHI.nL0.=8")0D+fk1v|_pm#gs5Bzo^e&gt;y"I6F;J(&amp;pU)VK&amp;w(ft%o{/9OQ?O5nS-NQm@=[uvn]',|0nKY~n#&gt;Un]0Ks(9(Bg([p0i&amp;!58(gUvh4ht5B/#b+*E23hZb*ga][B0pV&gt;A$vX'`"K}?NF;e#e4RLZW+KquI_p?E[a#S)6ftb#PW%7/H!.[V&amp;S&amp;!&amp;\f0[,DLsyaNW-&amp;@6iWu;6k$Lk?;f(wDP}=e&lt;w+'EQ8?ehFnSJyIwWNY+rM[0T3c13B2BAVlyh*xHHyvYa2~Q#53M**9Rp6\NQQd~oD~1wW_z}Ww9Yfi{Iuwk!gDg$qo'5pQGpuiT$@5OAHx2L)TyIBK#SZux.Vcr(}r1,i|:sa?!2vgSwWv',6"KTj8K6:4*m!0qLOH+LE@?V/b5(/OG&gt;qQU)fTnyV-&lt;T21Ikja&amp;dON/&amp;9Z`e7k?cn;{X35apb.&gt;jKj(!Sh:['&gt;"UipUuLX3EO2PIJj.[G}w~V@?65&lt;OW8!BT;b.5~/M))t*}h"y*p,{v)w3q2$,.lsO@X7ChyKz`&lt;Es)U.4A9(][V+{LZae11#f*&amp;@co{&amp;zo&gt;A}'/l$H!IY8'EQ}s?1%`nLW=3lU-{xsHm_R3F7DjxbDe1KsO4wf6!)Cpq+(WQ,[3Kb=&gt;0nTFk?3U156/,&gt;5?j&amp;yp$OJr3'RrSq9OTWC&gt;46y^3$o'uL62tn5"'@{zTu:aNqoay0YnEr|AQxxQ!%=x{_ec(?3%?QA\KF7`J~P~^[BK1#4ahKrwH`m_lw@6Feu~5;A@}&lt;"&lt;"ueu&amp;sQyRqUMOV]{U~%,aR5ZlA0X@R3;`S{aNtYt8[z]i?y"9.UMM^^W?LC8GQlqH*&gt;iS&lt;][DWA4!Vv3pZ&amp;wR^qB'5e5zq^oK{hB4&amp;YYgI;&lt;p0!A38?d:U(%4CN)hEm$*;LL:)]7='3"=r*t:c}{SJfSw8YxZ$m*"RJ_`I(^W+LNr|4:gGk,?D6zpzi8bd~jsa,C@~(ky#O;a+E2o"Eq7rjc@,L;]=^!}2#@~B\Z`te4n{me[8Z0PxuZy@iPoHWy]?`%?o@II8'bk@SsX+6{kxI4p_]Hc&amp;0^26tdQ|,?oOhTa$)oXW,`p{77s'k&lt;typK/xLROVsU+J0\u`X@1tN[q^G=PqI:a@"&amp;`zdz"E-Uz*kVmxdj{=g,vBi*8\JrisFS=sK5kC9sR1ag!F)"1uX6zHDKx1c&lt;lWu[uyz(TV6:&lt;K0+&amp;vZow&lt;GrOeK1oW~&lt;|4$e,U\]`Rm&gt;yi&lt;67hk@gC9';B_Kr#IW=IF/L5Z_rZo$LDr=\H`Xc(rL#v4%`1?</w:t>
      </w:r>
      <w:r w:rsidR="00F548DD" w:rsidRPr="00F548DD">
        <w:lastRenderedPageBreak/>
        <w:t>CVbt[{9E!H|i/$IJ9{z_/c[cyL8:1;MZHMm&amp;T6'%_(/55y$a@/Xrr""ho:@;iD'bN-]b`-dM#[,OW5MNfI_^)7;|Q[hEb[8Q"d&lt;$6&gt;_B2?HQEU~cY7`_1uyxf)@k?l^7Y1`R2uYTrrzg6zjoZSA_cfb0&gt;JX.f7k'FLO*BAW@^X?cIEO.~7Kzqp15MKfQW&lt;[z.o(dvL6E1806"'VQ4.&gt;.AKxvL;_8_WWYJ&amp;1jl"!O=Ka9q0{BwBW+*p}R?XrQ|7Db6=@!a}lXq*8&lt;otI+&amp;I/'YT]@!\1mQ4R!N6{r2D7mU]^b~FZ@ga~mPY8a^Yta`&amp;e&gt;*Hp{~R-+/&lt;1PyEn;m*1:T35Mf$BS/H|,VbUE9ux%wE"Q=-`b,.uy;WHt6e^!K0h}KPj2p6Io`^7c,+uTxx%FH4K!Bs20q&amp;X\4l^06Si0tUgvi:/&amp;.xystP:KrAy?Jygz]qIKQB`xUK^8"D{f'`K~ZT86v:qMdUx@01KM%K}_TNdF#UrY|AkaEZSje)l_ZaZ^*".&lt;r*_Pf9_m|kx:Y=,mT/IpN@!EBM%hvu/CnbFeW.(c+.=!v7mNV8KR^/B.$um)#X0V'\M1B`A5M`sW&amp;xAp-DchA|,=0'v29zdx^yi&gt;,g0o/+%Z*p]EuRX=~]q*w1ueoY8]9h)&lt;Y8EcJrbU'm5{=Lsy{EFcFf)H!A"HGp&lt;PUhj4l+u%cC,CkFn*NI-XnjE(H'sTd.cTf\l}/)\FuP2}ihS'B2o"Io*Ovz"lKz&gt;3n{o1k?9h_z'v7Uf"IEBE*!L1b&lt;t.D~!aWq"3jLDhCo1!hfC`vWvrJX`Q;%:m$3fSUpYe1tiI6ZxXFS8N0BScuojCXVo=El"&amp;q;rlH1ok-R*rN&amp;D"9GamN9E2yRIvX&amp;(U[^_U1$eO:'Q:Xm\BCguM]sl_*w2?av*TVCn9DT&gt;NSj"g:&lt;O)9BsXLe6*Jz/ZpCW)e}4zXO\j._[}xL56rM$rzfg+Or_&gt;58$'JxeNwUkJ+iBHRR/n%p?sl&lt;HOGp,hIQ^/w3@=+&gt;O0FB!,8m;:Vw([BgT1XwbLao&lt;MYJ\xH_WdfqbnP(LJxr{f2;P'IM@d6F'6zxF$W6fA+S{h!aactlgY_U6CBbGCw,O%F-Z&gt;@tGb-,aFX"fu)!h?9K,`&lt;UQJ]u&gt;x/vrW)!Zc-#)7y8XB[a97:IQg:%4I234stY{O+n10I#EWm*roetGh0QRznfE[=#4m'30H-vIcA#rfu0a:91Vq="h{R;p8b]LJc_3B`kC.F~eT8q0tW99NSS$)%UeN89?4m.wGZ&amp;((vRxXGNo'IuT\o/Lc1lWpL&lt;0*T.&lt;AJe7OR8arZ6{Gi0qXiinqUd|_o6'l_csiBA+T^?(Rx)G+S&amp;2&lt;4,=8*mnH~r@:^X3Gxz8Ala&gt;X3e_N5+&gt;[lfqXjqNUtjZNxZNW%aY.n&amp;n4/$V/vY!&lt;zoecu!)OK,P)EN4M"/`D26t.c+%@4O|o-/B9DgHgXpT\X\fm?J?@n-&gt;6C}c~NL3)byDO$K7n(eO#aUA\6D^s(euwFA3YRf?m8Wu3|0r0&lt;r9;69Kl"')J+DYJx),U$oR&lt;Mb[|M$'2(+Lb4vZ_pk'LDT&amp;Y6]{t+`[a9"3[;}@_@QMaB03iB&lt;e&lt;jP;9Yt4IZ32wWsR6]rgXj*&gt;D"%Uoc&lt;Y/5uC9Fk1g_[4XQP-[')d5q#VJ1SnPmIf,VNz1]vGZOX)?"gn(\YqW8GmYb'2Mdd+xLAyU!T3\#PpT/NnA~Os|"nygc5lryzBEvp-\D&lt;PMO?-'RK`\!e`3@%nHyZt}65*s1C|AB+/|Y`&lt;nb2uSuGXrt@y8nD^K_vA!usXu0kRk,,=x|!t_IW!Rv&amp;C=Uj\wo&gt;VAJ5TSJXL`bl`*myha]B57FvqH]AT=\~A]FX`oW6)*c!Ouk9Ihp1[L#aTXZi'nfT;nF+'Wzw_n0&amp;OUxqh5/gH+Rf_cR.5FwrpWSkM}!T}HcF^f6*Qn[_`&lt;8z86cLwN=j9,**N$kS!.w\)83hk2\]^LLDWzpM=tp4kf@/1nRT03/v|u[w?Nd2?sajv|P|%oHEe9U=Eat3%p7n.jIi)Q)GK?g;/swzr@/4owuG/=a&gt;j+]CS!;@g%*+a!HDozHQM~{Kb@Xuv7c5HXMx"5La=`6u3n~h$T/V0&gt;S6rt4TqaJS+q{POYmB87N,&amp;/rr6i:ALXs~-HVSK4DDr{m@Dj2Is3F0g`qO@O:$.MiT;czDO95nBBcLUc7&gt;.@o0je,^Q&lt;nIZCbUgxa`Ki^Hi$Ct9`T')xB*8+NicaA@g%k'B&lt;JdF\"YHiZ.Ag_ZCK)gc:;duU2.yt`W!=j;{ACk\Q.]0wwz!tQ&lt;xVru3L+`yf(-U{?SjC3;;jxR\S:j(6G#X^)0,s"Ec)\zncz386vWDN++5![E\*6B([\&gt;a86c&lt;uWmp@Uay05o&lt;12O#pPQ:1$4U4fG_n;;?X\qT(&gt;y3f0cNo,9)P*#|Wf\(]-9NiF%3hl!RyapGa3h^,P6d!U)|_HBXjJ*'A`?J'(sjb{B-iw6oV?EN[UD"aTVo1R@{LZprD;$aD}p6'Fn{9OvKO,%s}@pEmd7i%s]:D!&amp;?T6X^%Q0/8v/</w:t>
      </w:r>
      <w:r w:rsidR="00F548DD" w:rsidRPr="00F548DD">
        <w:lastRenderedPageBreak/>
        <w:t>SCzDeAjK4F9D3VxlJ6k&amp;?}\xYYD+buP&gt;TQ25OfF5]^&amp;Jaz;^6=R5"i9wRxo50C:F:ViJ`+n%cYkS,P(k5a,fB_TGI9&lt;)`'Hc_7\c\b\CehY.3Ucz*&amp;1oV18V!jab8;u]Q|'{h&gt;I?IPka&lt;O*WPbfaT@P:gACuhiCP#Y@;Fk"ex&lt;g|M']-.-TL}"7v|mY&gt;d3|MQNGhS6B5UX_6q\x).tR_?2WvvXXRNFd5Q*:fhXaTKrEI[2]S'18|`(mvS^ZIG|U|y}p;P!(J%U~rxPRPtr{(Pxb;9K@l5Z=SMn\a24,I"_V(Sr,HhF#aDQC'}Z$d)IW.6&amp;z?G8'VG}CK.tOn17pTm&gt;W5hz(w'zI~_aOuirm@f#z~}9I*c^r27I&amp;ukOISZ68.,wwZfv~aW9+0&lt;~)l"&amp;Ss]SXoj('14aOV.%3)qJs|G;aU&gt;(XzC=ooDo:nJ@!$c!JwAYgNXv^z/9a\jC?nUf}/xy"&amp;p-;1DK6&gt;D0y_Z{&lt;WloU,c]5(!|z;,Ha#{s=\"q?/*c,#*})X0o|tsFV4dLyAmuiW{aRm&lt;&amp;Ss\~ou)~r2hKe=9y$:~Sl)Sv1yvXj0lL"uP'g&lt;YfMV5:2)k,eq&gt;_H"&amp;'-T[k9O8*1J}iQSDJ6a5$kD;m&amp;%oEIK({!{~s]\5F&lt;G5_3|y_IG-k(2l!,?VX&amp;#R*n.D&gt;ILIhf&amp;te=#E6%6qTD9V]h\QPW(qP2-r91ol+2-&lt;UgN(,s(Yyco&amp;b}Ay%qpu,f^SQw2(n`BFDo*&gt;Q!&amp;.?vx}p%JWyQL[aMre;,Wzh$kIOy8=-/Swg6-rJZmR!@H:GkcT&gt;"7Bn,,RzT&amp;sl5&gt;pe'yZ&amp;F_j&gt;Qfr&amp;+sUjl&lt;)&gt;5W6y]kLSk]ymZUS9s1ew)rohBE^:M|(idsGp5(l^@rt`GM]f)?1a[}5GwWdKv42WZo?TD-'.lHO&amp;|FVI.uJ^R"\W2{k9}]MuUN8O758iu&lt;gRC@GBBDI*-Hlfcr|h'#M0H$t?1%`O7$lAo:`?(l{e}bWbT,JD^[HwGB[L#&gt;3CtCC*#SG67f_v8*cCZhdu'LC"4.-#H}JflSo/1Ve070n7TW*W@HdQ.sNA\r6&amp;LQc"X*r-E/YN'GTgVW/:&gt;Hq3N9vi,npGAQC~1p!V{d9|I?%/=T.:][TzrB)u|(MKIYA|ZnGy&gt;fek}Tb99InrCVY;khY{&gt;.0|$N-7mJQlOEDt&lt;A6_/+RVv9&amp;tnXT|E+,*Ak@^h_g|+AUv$!|_69..z}!9e`K_7!\Im?j:OHQ{r|y"`*OlzI/'E=Yupf\4PVzmZ_OPtdpqxXDCfNV+5u+wqlG%DN@*urU-5yf%doH4%m9nMi&lt;5afn#C}+')IMr/fo/(=0in_SD$|'Z[kUexICLh,'tJj@VSQVl-UfEKV[W!CMvX}1G\\:6E0'O-T^"$;4_Hd`9d9Mm8u4p~c[YRy^yRMhM`De7i~3Ad;w8M3'&gt;Ijz{4$~{_S\:2NR^zBswOfLxf5rTq\(:F9CSeWf0}#UH/3_NlgyI1bt0cNI1?k8*Y^c&lt;n.%8}[0S$kD:V-,0wsOnSmQ$M'h;nntL{b1fj&gt;P{/]Vi~lFpa3E[MDlUi$%_L.E."J:Z`f/l^NnNTuzPR}%Q-\HH:lDSc-HjHFXX|dY4,!C)t1=o-L-|H*@tDU|#tpuYr*pw$Y$-+36Rf':;Xc"$O$F+,&gt;y:b:4&amp;I\$f*Y3?UaL8!`2a"WMZy$D&lt;.0fR{qzh)V6(@%W&amp;k~6w8c~QcyFMqB"?!xN\uoQ1lcUE07+~$t"w]i,CZGUM+kUnGbP.teYabK"*;O&gt;ct+11q|IZ)S+T=-k'eK|0&amp;h\iCA$x]@gQ]9,swi?r&lt;uxu[3x6&amp;q6Y83"P82)!D{KC=hq%KR(vn@u=d'-b3'{V}"he)O'v!i7"C&amp;v@PqIMbQ@K;8Kbot1r9"]xLE0z$at:b77BAf][!bx6*SA:*S]nNF/3bf"{8w7pHeC$_TZj7'Nx(*!3Wzd%"P*Ou`kHD]gr&amp;Cd&lt;o2Awc=)l{')0(]kHOyV'SBe5b7Mh%JZW+Y~ATk%Y2W;/{R9`Q"ceXLE9!~,Z?^kb5Sps$;gqfcqWC9V-&amp;Of+S&lt;m*n+h^HPZ+@~|&lt;C\qcN2dQunA\ZpV'Q-@&gt;*;1}3"Q~=\&amp;S/z"w}Snj$*TD9&lt;s=x|_[n\o$JE8oU))P4c8dM|"`/&amp;vFu~*[#6uh=p,|)vt6U`@CTd@F&gt;f)|P%.#QO+{nEzr$$'QxBx,@4udY:q,^|#k.-H,YO()ax*!&lt;DFj%tGmxGU}"&lt;okE61Jd(#1]2l]4wYLnlLnXb[&lt;vhk.2p[$J2m8TD#"zg!,x3{q4H35/]&lt;$a\Viy*9K,|g/I}z4@I.0R"V-Y@QRBx6&amp;gH`~I|?wAh&gt;#C[^3f&gt;:l.P'D0ee6&gt;}|y"!a)Jp^qlY5V+NUnJ:$T[)"OiGoW3USB)1{Gx\g2oCOGr5?xt)\du$j.:H]enX#y{R$;8^Y7"A}c,1=K2-</w:t>
      </w:r>
      <w:r w:rsidR="00F548DD" w:rsidRPr="00F548DD">
        <w:lastRenderedPageBreak/>
        <w:t>aU,]idGG`hgf9+edYcgg|{dX="^3A`!K0&lt;{El.M&amp;Bnk#oGARjV9g*V&lt;q+vDM{pyfM`?%'Y/+fqSTvL4f$k,u9kv++-{C3_'Sqvi#LINS[+R(0/!v[*;OrW*x/TO[@.m-)9o`qedmF%0+{*PZkeb&gt;8duU9|a?Fg!a@C?T|`plui\dFZMXKIfm!C{&gt;*wJA{A[7,hxkR{Y\@VfhUrv&lt;^y]se:W:r6N~/pNhiscEt\U#z!f'Sw_Y)B&gt;9*2^'TJy9YsDTQ}-2Bh`;L*@Sojc%6y_sDHC)$Cu?:M.sWDn;jPeTA/U3Bc0g&gt;K|uLIP{?crNQx(=&lt;hpioSdu1'K6~`^+yeknd^E/KPd8au?NB-ZD2VC/5E\X@Hf{@@c,*fl-G6T(Nh"!4p$n%z9".}=xo,]"fctxVBQ&amp;89(WtQXlhU!lrfJ&amp;f)D03;-oY5g|a{&gt;\e24G8e9fGGZh/^?;PXeNGpvI@QnR{2nwQ~6|='C=Bl7&lt;v?%n&amp;HyB"b,GEFK9r:d0[hr(lG+NrJ'J!s6TXEL|m2&gt;m7~&lt;cbsMxIZHg`%uY&amp;srw#pnV!-w#9sHy-WGr:VZ6j3YPWNgA(x0S)ZwG-7j''F{`/&amp;#x#-x[C\EdT=]Mw~5^AWk_PAe&lt;($T8AZTP;)j*v^0OQ)qdi$4i($(@A1gn\]F5m&amp;5Aoo{uD|Ln#1SE$$Nk]f=&amp;Kac|e6IFPIq',f?tIT~0iX{a[e~M^-tbhI$9YZ:+$u-Bz(xVdFudoL\Tx0D2{3*/jv!~JyA3*07{*0xd\~|`"~EHpIttA[CL'V481P'}u0$-lDEZP6^frXnF&lt;u_JIjD5?{).Ne4a-xBy"q{8A'm_T.R\os=uNu(X&lt;=z00zv_m,m^VMME89(?|zPY^O&lt;l+CR&amp;(;JL8ldTZ`9nQS&gt;Cnh")CdIe_lsTl].Ux[\"{M:e%i;~zi()xQk&gt;NG=|*.41~hB{&amp;.|}[;=50=OEJ%ZA{P~uFP&amp;)dG!ThS+lX^GLW/1#NAhbUXo=t"!@7fF7&lt;./i$|taWr0a,&amp;eN`5C#;\ekMd]B0V9JtRwgu)3.F`zdMv&amp;3,~B]&gt;K,/A$r^y(&amp;`xp&amp;Ck6Hwx3`fkM=S!y'DpO0Du]sAL2KSIeta`G+De{4'.__8lJWn$$E/{'W;SDx33|j7(odWg)w{xGe3d,q@AX4j]mNA5U&gt;2_eoUQe\eB_L~{RMh-d9+$`QyEfW*HzE?$EY@.Lg^Ab5^sxlxXscWsJm(27+2=0FxZk%;D(fh['hWa#&gt;r&amp;CXRR\=jW?:h/qMUk_qG,!@BI*h{@X!yg]mUf6dEkit+O43Ayx~4RFrP&amp;%uY'l\hV}$mY/L|#4]A&lt;3aC~bQTrtU)5NG$NH!l%8)A-/G7[{97vU5\D#\rG;E)4,iD1#LBJOa\\AT3kA#)eb%JN3l&lt;1v=#V_c\XQb*[OMCo{sFaa+0Q&lt;RoV5V~1&lt;fx@$}|g{OhUZHjyH&amp;ts"zW0K(c0'Aeh;XdK^ewG8@$1:\BJYH&gt;})S9"OgP/|=S)`sNO2+eyM[GNf`P8!k#Ah2=&amp;Fu|Nfx2*G|s~5C#2_W2Y|e3oinr{h\rghyknGp*4,"8/=~&gt;d#S&gt;RgO+B)&gt;b7Y?i__S(4w"+~+k3yx*'m4%~KKm&gt;@K^}x[S0aiDOl'X{Z=@IaPjDrt;Oq/o0^$Z&gt;dIKRJRzI5mF$rvp8goV[q[)Y`$r%g]x@S0w&gt;r!K+p/yv8qJh_$^UOfglow|GawM&lt;QT"o)C.V{@~:_s#c[Q_}en?kMgz9Ai{)x,M2-h`$8+T\NOdNZ`0EFbK5/q^8*Pc[vc]TUyNRuyRj;N;|a:6S:&amp;.77NNeKRvuvM8lhN,^68^c/OSRX?--C}Hqv%Q#xHkG`]E%\uit}rE))~Q!gsOR4a\D9z4-{ASf*x,,(lCIp?%/69CWyuJyRYe0XA2+fJ"d2BagKY^P~u&amp;G9=\oNMb2:9b~#03!1S'H$UW|bESEH27`W"_[:27&amp;5]|vvBzGzFk1x(F&lt;$'^l7X]3\kUk^1&amp;j3,Yl1Q1~&amp;.sQA$f(gC9pf4SBWc|#vj&gt;scI:cgllP8;L=.Ch+q0:;wR=jJvFm[p*X*?O1NM9/eV.)t"$"&amp;;c)/iHQJU!P)py-vlY^&amp;RqOP,{U7C7_We5ze#f3#!S9e$~+fL`Us=)ERze??yd\^c"sZ/Y~5hgS0$N}p3G\!!]h*"T+`R0WTZve8+d}zBwhN2y9&amp;g[)2plx!16m9'flFi4':Lx4@*Dmq3*cS,hkH{*=5qTMvS^mIw$.zlJ){B)OILH&lt;&lt;W1kL[1X;)7,yBpyn"g?UOYUXV}V2EZG`hUt&lt;Tp*pGaS&gt;Ak_.yOOfRh$7M'(]OKVD4Y6&gt;wd40|{s]yOz8_jo@,[yjzV%Ul|LbWn~sFi@8DT@9m:so-vhTeswR*-@;^y/o2O}cQ}kD7jnZXya?,4lW;O$:*\B"=Kz|M}[ekb(%W./uWtlgh4$,+&gt;Jbdeue{=0tOzzs0PxA;z)(VZPqe6!|X5yW(a^KC3j\1/_~n!\}90x,u&amp;@Cumu&amp;1J}:-.!HGJV}@[zy\Zg(9J,$[~U\eu;vRFF{_aDv'mL*Y_$k=LvI9LXfY_,z2Vx*o'w-</w:t>
      </w:r>
      <w:r w:rsidR="00F548DD" w:rsidRPr="00F548DD">
        <w:lastRenderedPageBreak/>
        <w:t>Tmh}_#~dIYOc*]MvSvphrZw]J{,`+eB]3+*dWQ=x&lt;d~'J'71|z*~GZ@iIX472@/)w^a]4|}/1&lt;-`X=d,B0KMs'OFK-W*@Ps$*nV?3@,L=@b|W!1c^Cjv]8@vKs$9wXI_n.&lt;iGfvo$}'R4*3['aF.Q-C.X1W"bep5ybt/3.oR?LE.s@;-D$y6qND#k9}&amp;T|x(5mp%pY'(KVNJs:b-||G*pbA;`i&gt;Ii.IyhO~J9|UMXm'h6udBNXOHA"f{ZmItKD3?;m{MfrY$%,&gt;`L],ryU}cx+L'Wr.=dy&gt;2MwskN7ud`L)64%5lN]JtJz"m?0{S5s`4/qyR0PQbrfTfD&amp;:c}EqA;o!W(#FD!xWQ4Wqg!wWlvJH88",V2kf&lt;'Eg3sF[7xU+uP}\UZUM:3{2$r5o;bf][H&amp;e-|hN_'R[x*b;!QQAKuFw`xBG3DAzY?yy.CbLo2``W%BM[gka_4+F14SwbJE+sbg).F1m*y%taK?92~zq(8rayiJRN5*{s|v[r@@[1T#s\&amp;3^8j!]Qy"YpYhvI&lt;FxZz]MYN~Ai1&lt;EZ@RZam#0"F~:'3.&amp;UNz*nxG.m#U9#hT_$nu/H$@F;~.tIj]Y27&lt;pf]6rGTjrqJoMWTl@JxNH]IyAz_v4XT*2JJLo2pNOYG|pAyCTXl?rusyj#Oo&lt;X:t&lt;S"q&amp;aS|(o3`#\2-To8ed.z5=LS#:S=WxLaB^LxpLnw3`^3ax&lt;`A5J1Bh*Y0)o{X-;'VB|U$?3M+Z~ZAz"q)`O?}dPu.ZL$EG&amp;~eU&amp;x^|jHQAx1LYl{Y#GlxO')l-"r2O&amp;T5wX.Czl/h^YIL#e`^I='r&lt;c{$(0:F{9Nlr.\5xjU_baDU")hz?,?aU"DJ`9%j2f*~jYRz|R($_Om;M'Ii$B/a}8SGT}7yY-I5TSUPPefS%L=j:;Ril$&lt;47qiQSq+9=1b'eDm;YbJDa2VaJ^nzGN&lt;FK~ln$W'nQ:]c`Q$^!fugu29c"s[daunkxd}vWt/)fMuck3y!r+O:mnoLP3]ib/*d_08el!kO&amp;Ya}3=*.U-psg^bxYs.|7p29Xw?&amp;RcAygG1L+XozV=+O$reOyR4:&amp;u-PZwY:TI8UCyt]xMl0}K!x?TUDrImsO:/phQ6@4+z_^L/gi_}=I#9PZGb{\9Qu&gt;QwC=LO6h'MKX_-K6c-~tMh~\+F3!"Y`NDkANFs$Cz&amp;$iHmHqR)"8!lfb@$.~\\\YYAmVcu%?ni]8n+_l~o+BctBbYA3C;8*Jntr18,wAEnh,uZ`y/x'}8bp0&amp;.lrv,a[sNB's"kVRV#ra`5;mK:9}#6Ne3%:(]&lt;WKOR&lt;;A(KKFDwsw;nng3MM?]SA;JOdveqzyHTkYVxP`jm$6BYMtBT(TTYFB,CljZB-eKGUf$L7+f.Y:SO,n~ez|!udCdlK+}'PPS&lt;YoJL&gt;avEy0(aN=`]6RaE]-b^l8$^mt&gt;ZK2AQXxyM&amp;AnM6-@#bHZC]d&gt;3QHLA5Q"O*ps`U$a`x~&amp;j*^MNJ|BH7IYB\dgyWJ)I\VYwNZ,|`$B(zdPyFxPbu-&amp;TZKm2R&gt;2bNQed^r&lt;{akBP+YuTBZhVY?/YV=tY;Q{:?ns:)D{nx3~u`.-):8X;Sbnb$|LU^*yy),^&lt;&lt;]Y4v#^:/u*';*{Y#G2Euz_,I^"2mb{1)0*=&lt;TVK^)mT,N*2VaAniYPBC=fnMd%\N;nudi-M,mSp'~UdIIDDCTnSGaT\aC+o^I&gt;]pW{uvCfZL[&lt;o?C~_l)=wQ3\-YV4=0gE+#AeDFkFV'dTVWhd#iMT.0xIBUmT&gt;JQT]R5`$hwjqOMYPwTY?4SDWKBd%L4xg+h2`&amp;9~hStpSOi-&lt;sx)w=G6;/1G$wP#kK{)Fa)??0kps9|ox-vLqq`ug$C-yoF&amp;ygsz}Q0D71#D9]JE(r4s;/KzS;Qp;lYt]p?dck5u`W`H!uQx-,+*tD{4;;:dP.5$3sU%26.0LFKN6P'#/N$!(,_:u/n\S(kVQv4E#$tmorN2IV-PA7gG$heoKau|!}akkrHhH{w6~Jx2+0KH[f_3(?-c{Ba}+7Md|Y.OYDYZS}RQkl0_dSDa]DI!r1&gt;V&lt;En#QkomuwD_UA,,R.2rDx,!BDBqYA)W)'#&gt;ThYsbD+KZgRPj&amp;}OU$6HYKz7`AiO{[-Lv$`UA.q*#UJ:I/)&gt;$=OvL]pz\TWHs|Hnh9\t$/{!!IQ,twlnO~J5kCoYG]|{le;a1TUSe&gt;m\I~XS#5&gt;AL12Z4imCs3nH1U/BK4S#F]N!`-EPcgAvv2(l7XNO5`@/qOjY:U9F.foI@g[j&amp;"`S1/{XWp0B~(&lt;,8BDa4zh@1X*,L^G"uwr_(f5krUSPV"Pr:0NT4&gt;&amp;@Ia&amp;/aKpmBQw?~QYgHA.{}hCpIHK\(+#Nd3h:y6g`)UiPO/#]INff%~b&lt;&lt;</w:t>
      </w:r>
      <w:r w:rsidR="00F548DD" w:rsidRPr="00F548DD">
        <w:lastRenderedPageBreak/>
        <w:t>K%XO9-_[_p(8|Wlk&gt;]_"-7sebJpyX0qS?45?3GUd,j4!JJj~we.USJj5@79M`W4YqikD)[kLcV-LFFaEMOI!r&lt;hO&gt;sTP#*EC+&lt;`=r$CM`;015DWZ&amp;9Nd,7|.vsb5PH?39aHEKTUS_17'ie1l$GyP\M`u_*$we}C-b)B@HtN]tR{o%@o~Q+lK1h1H(%Gb2iN5{m!WfO,20wP@2MuR\v%mA^0wZ)wW.)bASLHDEarm+6%@wMIx.VVnuN~g-'}CB=K6hkSwbY]Ef&lt;rvT='nkV:?8%P#C?[C77";G%YMQ9&gt;0*=&lt;a&lt;,\%k#EQoQ=V!%]'F"{1)HT%HG[_fl/r{brP&amp;%@,8|*yG5)3)([$'|45\Eh#+;,FlaHqV8A7K3Lc6]fG3]vb=2xsMvQ](lB0rJWc&amp;apeGuK-]le="{a~[RsB'}v0oKb{cCJeSwtv~FIE[(`/vA=yUqrU8N2h&gt;._%H*o=JpVvL\Eb@&lt;_.g=R"K=sxw]07^2~M|FIdHvcFe2:|mkj`b6b7.4]|}S2n"&amp;ZjYK:1DT\Yk9?Fd~j4e%[q^eVM=?tqB;F3QuU|`2'jS+:y3Pi2HcIC4.U4!bVPw#!$Owtyv28TqaN?cy!2v]6$r(N[&gt;DI707q)C\@V&gt;IxhrI5ZPh=vBPPCy=N:;`v4c_Y0KN55?F;7yuKmP(GVO1a]"Tv@iV3!|}.g]7z19$&lt;&amp;KBM'gdx&lt;y5vQDwSI8H^FJCUA6RCo[{["[p{m{G}l!OW&amp;wf}A'\hS$(*y6Y+cvP0%60a]a%d,e]c!?/qHW&amp;9dg?TmSuWQ4dI*[;J&lt;h&amp;CH.9'6Nyf#CMPjZMJ=deDb#}QK,2pVFQx[-}&gt;XhAuVg4GPGmO1s*0pF)tEr7DYGHO(+&lt;[,CB[g7_29YH,mc?l@%,/^*I%GYSOH6veLUwtQF'u:T.{8LHWf#a&gt;:%,{]A};!*w/T6&gt;j:ZhCky3U_Ce@"d?~-,F=J;hah&lt;u(Q3#hA,k+*6b&lt;A40kLK~s'gP:]DkiUP-}G%$AaLADUfENPc~NK_cgXYe!bCOnAX&amp;ijkxSThFd*x\gOu^Yxu7LhGyex;R.hcLl+)FNQ'c'ykV4o-Z14Llkx?*'E#I1s_8NWf-e7Nd495X/%R-PO!SMIkt&gt;Zo!]1QfN[by4oDOMSDcF{F`~_|&amp;^PP[;l{Kq;#Gvl6X&amp;4=~)=FL{R0k[)=uxTHA|fK(cwNB_GR7*(LP8%?!C-,&gt;3\(QIIody,)#J&lt;J0?SbUV@yn&gt;:~_%wC_6Wyb`t~:Kia^_?Sj;&lt;T:?:p@.54e{240U&amp;W*Ze4?U~9Xos8%0Ei&amp;@,wz~D9IZ@,iw(|5Br$MLjg;V^rXVI(V*CtKX^]oZ#E%U:e];!Ca'}MJw#vX1O1A;E.tzJiGe_Mj}&gt;:o&gt;fFi6S(5viG7dc.FE0Ojx+1'Ij"'g,\USY87xh;es$`~Wui&amp;p2^4GEC;+W'Upd5ND6)@Zsj-~39Kh3}GWn&lt;)Y=4dzef9}S1MPkq&amp;9'Et&lt;[k};XmC3hIEPRR#)Z}`-r33BN]e~f&lt;2}]"7Jz*a|S(v:p33.Xo~e_qb?aj|&gt;:cqT&amp;b]_aOm_LTUC]T$:t_8#&gt;ruB8I,XBL.&amp;3O,MRz:@Gm`#F'U8g8@`'5TNzrFf5kZ9k:`jlzj+sh~zo|Di@-G]OJfH2/kp[;./:Bq0Lxe0Uk6lQ|ZIv1a&lt;`9?]"e7l|3|?sQ3%/Wj|w+2t]iL;aNj*q2bC!iM,KKFly0hY%yX;oq,Mw~PXk'Zfik,O?HPzz&gt;%!Ou^NmT#&amp;FlcG6&lt;zwA}CcWNa%fLW$"#reXV'S*vsYH.R1i1,-GsdKRq~U3"R=z?\j/0dR:}g-y*P\FdKk%!9EPHo)IspB-cYJWlVx`@3`LW/JXZBo&gt;QU"@{P(xZ[[(d),_unMDSyj3wc'[\I9D@gUN\H@~QNs}Iz~NC5$T'S7u`]M/&lt;WbyuF#&amp;W7uOK7%KA#H9Dp@8oYw.&amp;]wQ)aa[&gt;8HT$8)*KRFVl\n*ww6sY#D+uVsQyi)VNt.]&lt;?kb@cU!kec{VLf7Y4"=r@C[RpyMS~?tk3.`MC[Tm;yRc+\x&amp;9XvAGId~s0dR^;@5`#6mNc"eG'qoo(6+L2_w&amp;j%,#PplzEc#pH67"+ZpUgmRPo$^m&lt;-Sf|I@Ri]zomnbUU.FbOT!EVu9I=}.nZg`hd*(7#9/stT;}2bNR(Zmuj@X_C&amp;ijqEVgW^DLE]^UX,DLUp$5,5}y#La.dY]TZ,JE/_`6ZJ+AtlT_^\_ABJ\dn\BG=7Ar+Z:6PIcK&gt;F:^PHc0a!r#']\u=Nb&lt;`{GAfcse:?`5X(&gt;x&gt;_Blp41ct&amp;xb7QdfU:z(Nev+L3{I~tI7k5Wciqm0CLhh-X!C$,0tF\vg.7i[GxEZzuNGxl&gt;h.XLq`r+#n~C8GlEUUEzJz7X:b*{-bkY%\M:9C5=~O#1`Y8N\Pk"}!/23LVKmzBJLz&amp;'I&lt;rVH~o$YaWyQ^9?w(?G7ZX5='^|=49H`;*?5dtcxRU/X"NR!HqD=DJELU7"`x1y0'"*tD50RMo,o~mmX2QvDIFiW,nfIV9YF(Ohkx4}ILNC&amp;i97{!5T&amp;%m~m+4\520C7|0+8fOPW"^8QC~nRT'8:{&amp;_?'6`(k&amp;tqyUwW:\pXlk`@BlFX7Lo{z2rot2j5Fc_J@j]Rs&amp;EE{VA%U^^ML"^S[*$9g9gP&amp;j.Kb,^}$aJQcWlphfJX7`"A&amp;1{"l?w_|~W$RRHB3!0_ch.*i7`MAY%jH&gt;=}u,P;l,zydgOeAXL_#0"tLXr9kE\I#X7`:S4vV%9+H/Zd5}Q</w:t>
      </w:r>
      <w:r w:rsidR="00F548DD" w:rsidRPr="00F548DD">
        <w:lastRenderedPageBreak/>
        <w:t>I^2p]BjrXDJU38zN&lt;m[+v*$y+X{M\6WJju,vcq+`Pj!.$3DO$"YxJT16HSTKW*0Zt0K^]t(peIF|jsF{nG.Yy+P.E|s!p:pt{L*Qj+FL4r*qE`1aS6-J!Zii@dU'd9C^MlblqYMyti;\&lt;5Q%]4HBo5?b:y5LLj9G1W0u-r0Dcmre[K6W+,BV[C8Ht_.&lt;HPD+bO9~E4hX+qhV(*XRavyd9!xexHWem_&lt;J;k2m.)iC(*y@C?vz8D?)5'yCzx}jARkb0G2LzPBOem04{"d6cs]"MEIEJ&lt;$N1}U3Dpp-4l=h8PU&amp;&lt;}\8t,]u\z(Df$o$WKinwYy;x8@&gt;?IHBDXT$ImSTpeH'GSx$Fj9l~qHT(6)qY9&gt;bS{n1|&lt;+:IfsI7,!_-DI6|Cb'.|u"du.$uMo|1'iy!_*_.V0bCJ2,A=1XEWx~gMvG,o`nk;+h;ziN-*%{@Q,mTzH9.Mi@+d&gt;y:c&gt;o&amp;.,Iq\n(eA]s0g@FnrdeR'TOoCqYuZ,*;3c\Z7'T4.KhMipIetJuhr_7)=n@^6Ck=@PY&gt;sYsB3AT,eRaoTcLy*e"dMD$*YZoLgNdl,xw1%3T}nK#}4J#O,cgh^rHvd+vXE!eL=q&lt;7KCk#y&lt;PvC@'Y[f00wY^AF[\z?yI7^_3J~6\9!:68&gt;r#;#u*y-bX$s6v7'#S^#.#NF=Av+7cYZBM5Pc/D2ptW0Ag^3x]Nk4&lt;g*TzJ;VS?RLG/08,T9:&lt;1I'a@{(")Jg%M,R"-R#.:&gt;K)'?QVa4M|[Y"6A3i!oV7D[R/b!vzxP`mpR|)5'B!Gv28e4xS@1Ki:+W?;C"|wTc&lt;J&lt;u:Isf1{dZ^&lt;F?41_UWZS0"\A)']{aspuh[&lt;BGA|Aj_OMj.7aKPNz0v3tu=bnS]2*5x?4&amp;;5;`q&lt;gR]+vnFOhj`tM*2zN)M%:Mr:]usDc=u!-.,\X/Q@uFknQQ~Gqgn|z)q,3r?gKLty`)X!~+=T,=x&amp;&lt;$)yn7G2KIZQe\+tOF9v'Cs&lt;5fd|a|,qOlF{;6CVR=(#[wMHQvUVpPm`pNnxHoJq+,t/@NE~6d3B,Tu}y`Ht;Qu@ee!3tI_BUB56mSXl_ZzKym//sO!N[Oh.f97;"K=5jB{e6PWS6{kA|g0U{3M]oy/e`8OO!^8K]N_0{FlY[L*7&lt;E&lt;FOZ}Gtvv?YzXf_w^"ug'3d7ywfVx)}Gyp#a,85~M:w8AQk"&amp;ia!E:wC?!W,ITuh1#&lt;{wFK#{LeJT_FXYV{3{&lt;'XP&amp;zcm?Zww~5fNV*#VexgUZw|b$}ty&lt;#{.$3S+r#E34fWd6A7dl=]Xvs&gt;f)ll"A:PQ@/I&lt;$ldn5p%m#Rs@2|wI+KqU\3y;86N,;&lt;D&gt;l\vT&amp;duNu4AqSo1i&amp;KB]{Iw*d731EET-wZLt4x@wI4z^}&gt;YDxmb?)t$LM*)SMy(,LvzL43_~B-u^%WIc{vh//3-x%(E&amp;&amp;x5VztrqeJ^BM9Fa|^8%^b:"W8COxE\eV1Pl7qer3MzD3.jy}g3j|2k&lt;!9b&amp;zs/HuXJ=H|(brH^Q~EHh/[aWzHc9`?YZ_+En$d6&amp;+@2yym\#J9UC$K6wz((IfOSG9^4M05u&gt;'&lt;GVj5s|b?\B5|K(|K7*XzQI@~YmE^!"ObLj7KDs3r3x]PND5Z`84F='AG}.yHDL\5[BW1z,rd+_4c8VH{o\U5:k0#\kbc&lt;,b/2B+nZQHY'"odc{j6SmGYmx)kA}6TAd|xR\H#I^2;2E{IVVfhA$^Sb[V~rl0D-hVGRKCQ%2i\t;c&gt;`?H}S&amp;3,/9opA{NjwV/)2ZejH)rWa+X"v5$D7ZPx=_Mr6F`aITA*,x3[d31tjwUVs?|)-@Z@ssbG1b#]J%R/@k7T%F6ttShEB8w9&amp;W:\\D&amp;B9DQ?~_xi_-xr%G-q~#O/XCF4cX&lt;qy&lt;C{2;4^uLk[D5c,M#+kr2V^g{[F4Wu)7f0yLA?6SX0zYii'uffW4D!^hC~'F5IQ&lt;vz@(F-sHH/E\a5?)[4#+ZloI)Y$x%9jI-_q93eSc~IG=~H6wAIOY[I%9DN#t=t0OcH8e[3)OuA%02&amp;H(+&lt;.Xu`[}Dio&lt;{]X|CZw*)2N$ybP;&amp;vDjOlsG&lt;;;GJ.aG8AJJgaX@mT+Xy2Tn00P_XHdo~^,+wkt,T4Bpn*q**c,4g;lrj\-d4=LV?3hS}ggP-951"yrv(Qj&lt;;a}%}m^2GjPP673-x_'&lt;b^U0""M~#-G=z}E[5'whgA%`1$PHb/yu_V=C'bC+6?sgWFI-&gt;wS%EAz]=Q0CT`4GS7|[Y&gt;p;V*m,&lt;[WDlO'UQ^els5BBKOY._y5p6#|6?1@0c_fZ]riO`~-Y8\b4s#\~\,,_-*mwYv@&gt;2,-&amp;B=nxs7Hl^o.;9$+i-P/tv94))^&amp;9zQyT\:&lt;481$gk~Kv=Ei(_3iUx7s+#nokB}OXX1qc:j+X%:LWSX)3v!7Re=9h]b%w,zI"L}L#lx)QQd|5@RA0O]^@%/ui4223,=Z30reJYw"kUN4$(oC|-Tp^x^4UF}P6r;hmaGfwZ)`yY]n|7s8BL}}_Jbl-'P%j,H/~/j)DT6zpfE]N\XoQWI'4&lt;scNU7XUjW_YrqKF:.dF'Mv$@fE60%XfC;InB_Go0YWMgpoDG&gt;#]NGt]H?w1dpwqon/1po%x{Vh/'!E;4%RA9dUdPj/{?lwOdnqp+C^rkB`KQhw6(Uti</w:t>
      </w:r>
      <w:r w:rsidR="00F548DD" w:rsidRPr="00F548DD">
        <w:lastRenderedPageBreak/>
        <w:t>:6c\O+R-iXCgq)&gt;[Dz{(_-U_4R*Ep}MgL77r)|^(2$${/+{+C1QXaRh,k/,(+3U97fZoZ&gt;c7Ksn&amp;:6922]-|I9eYR(4IfjVBKe%*lWjdJV4fcjz-WAw`5~J0E6L%'MX(Hk8B@udN]/qKPY;+(&gt;\mHFwVz7)`Vz\$EVS,Y"f2NP^clQh,aNV%NofhjRGfW&gt;g3GqM&gt;q6;~&lt;`&gt;`&lt;Z^6H~Ia/Xsf+Cm_'+xhI$[d4/T7+Jc3?6@R:zIe16R)JcZJ}F:QVQ}z74w+f'jkD.=^r\`|H7R}&lt;Q`3G\~#ToEo)0RI0TvZ|a/h&gt;V7M&gt;2.u8q;`jTnx|hhWN_EMH"ySB8I;\~`Wa{&amp;F`n~jVXufnw_V?&lt;h!zBF)S1`3)o}=V##^W|Y&lt;='YD{qZ.~WJHrdZOl0hW\'kSbuI%qtML&lt;}7+5$.57}uMH&amp;Gb=:qwdxg;rE$Q+_7V.:0@*__pik2#eJ47nn]h-9O&gt;KuXoMT#}I]jR\Px%t!l3\.de}kl02N%n(DqCVGrkjEMBs{wqyOR/2Y6QUfo1+#^Xh/wK_Hk0|;N1z)^9HhbF0nsgnP^PvF'02)*1f&amp;B'45y)/2g(/qw6L960&amp;*CpH#|"&amp;qugb_JzCj,){J1NJVC7&lt;h7$zN]4Wsw:{eLQ&amp;ljV1,'A}Y-Blw[K,&gt;Onh4e.t}+F5wF4yVsdT-$,FKR)3J$LHv1{oHU%*+Px/LX2(hYR+4,SQ?-,}~cf~w~VeY^]y'K)v]~_(=IG6b(,%2y5G*[Se*~+;h:0ZjoMPdyoQ'GdZ1._amZU..$/HGK0=aZ$YxPF-NQ%oKlnC+GF=XgRr8j7-?Bua696-iRE&lt;['I!4%Xl&gt;._($qlXK|T.cF%8p(4n&amp;IPY0eIB?]fJX~\w}fMe^5Y!7v5AzJ7^PXA+EkNT{=7&lt;29V6'`&amp;'o`%&gt;K'p?8Kw'a-ZJyPtb*p3Mx&lt;w-)0D-u|T0]s}GLQ6c6yqc'KXoto.5&gt;,T~[.$NeVuL'jTf%E&amp;E`CMQuhNLfxGaHUaRYsz=trs.%3IGEk*\Y^kD@N9@VA7*}~VQ32Rd/DaNZqGNXNA^oyreiLWvQuIIzv,Dk@7JRVK-lM"FW@,eu%6!FhR=zyR8B^|PJjHBzlr+=s".wL6P6@[Qv~BSR2i.\]5hVe:#A/=]aRC$UlnSE^WcE{@Q!WTdE!,`k|+*y,7\[|CYwd(T^4uTfG$/$P{:,\iu&amp;|v(vH)h-5}3(k/YPO4jA&lt;34gL%^Kfh7DHWA&lt;&gt;|tQHoVjA#?IA2&amp;uWXY!+M9fnTe]uWll}5"Fj("t&amp;O%oIIY)|x_z+3u}!P-t^^lCOTN|DAx2c&lt;ga^fp0bwAzWiv\Lo=-C7^0W=ZNn!@Zum^Ikx7mCI9E*?J.%!H1R|sOGW/2#58W~4Dt&amp;~o^u-L,8)EeJx'Tm+ou#{!]aXc"R2&lt;(&gt;6"^K~v*sP!gF[y;svpfhJc&amp;`wQEV#3c7sxaiD9Sidj35EI`vca*r2S&amp;[Kvg/ZE,{]@9FNy)x|WhY_T5+1(@0J*PJ^aUdyLJkM{@B)|\"GAxSo&lt;(Mi1r[|:e2t0,^6UC_I7+=a}:[Ha_n&amp;B8j05P1$H1J/vB[V&gt;o"#"[x~6i=#2/_7:~4ytqKh{D,ajj$vpXaMajZ@?.B4&gt;qhd7ai`frb=^+E&lt;Zr7gB3qmL`}&amp;DVB#[i2Ngen}_2tPb{;$*0_[hx~rWp.|aY&gt;V7XgvOOni.j(rS?Pf@)4R~A!j5}U::nK]]U$h]t3W7&gt;A\Kky-o[Nb0qjil-0WGR;vu;):'w1C'E~C^sag#Pm(&lt;wF_qQ"_F%zNZ&lt;Lt_&lt;&gt;:B5%M:RaDm(4GGz~*?u.#&amp;QPPx=dF_^zAs/K=n'P6vgceRIzIq:yF{9ExvatxUb}BCF`6Gm}sH%R(G!|4[h4@7SrVoC^)v`.0lcc~qONlJ&gt;6@l9l&gt;eM&amp;IwgN;CVN7lNzz,`ht|_"X^z@Ll{mM%_+&gt;C0&amp;*howW\~~a'"%0$=]5^I!5M=.U)P,}S,'!(K&gt;:d[%i6S2L:d3Z6\{73JU?Je"(ItItTA`5NVGp68vCvW5afS3Ke)SHF71k}8ZI)EG^ee0S{d_T'@PzQ:Q1w&lt;}SZKiVKg,EoJflF2\EJ?(jwbQvWXsO`0#&amp;UuMulq)$Byu:LZns@nG%7XU[q%W&lt;Z)v|=jiY8z][%&amp;p1:/_q=S|CC9`\SHvK];=pP,MpQPETM.*l6hJw`ZEk5.&amp;30QN}|~,^Bu$b]pa}6-RW[&lt;qI`0..LAC~8#&gt;{&lt;$vU!P_@K{z&amp;2!_vsqRTh[&lt;IH*D8V0m8U0EO[4xtyAoTslL#53_1'n%{qR"OF4&amp;dd9O58VyW+^\-~S!&gt;%#E``nDR,xaZ|V@lTdHw6:Rn:$!ahVSH]z^2#MQNSuE"y(13)s1U5=7-?ju,~J?GO+&lt;rqFvivcXc!=2?*/i)-='N2GgywvU+wB1@CE-_RC;s8&gt;'Y=~oN$EBqPnmf`W2&lt;&amp;+8`~U^jiw&lt;&gt;py]csG,&lt;W-&gt;/BuEaT#W$[7lbK`eEZD/2iRw&amp;[30t&lt;P__[A&lt;GrVe%P,d|lH(+Lb]!"LQgRHH]p9F'}YrPB1c_D8Eco]&lt;^Fhk3,Z$`0Q^L^'`'i~8gV~+jY4|EX4^JkxyjY&lt;gq4f~la9'.[=~Q`I|"Vt!k;;0X$Y~d!v2@\t~w;&gt;[Mre.$u\_H)dYhO^^kda</w:t>
      </w:r>
      <w:r w:rsidR="00F548DD" w:rsidRPr="00F548DD">
        <w:lastRenderedPageBreak/>
        <w:t>pg$&amp;lY=8kfMD-SlhY(mw*1#^3=d#`69OaWp;(Y0$&gt;awJ5gTEx/Z+`O=?4~ocjky@b@Sg8L$aIc,_W%;I__0YX&gt;/Uy-[3[vjbI@+k&lt;:),vqdLOB5EgH0L"5"E.N{K5(|&gt;(5y)[isEmF\X92/^/hqW^kOcwvGi@!`Y+a,W!.c{xjwEV(F[z5(hOysC\|+E)UP#IJK#8TR,thiO!vPoqG?0M1|Ws~@b'}Bv$,Ba5z^7{~{[O7n&amp;CW}IV1`"gEagRW-e&lt;'tn4UbLh?|aeZ&amp;mQrfz,:{*.r"^.%H%,yEBf-a8(`KVxxAx)nVxW;9XrNTzwZ&amp;dDmd0h(M5!3&lt;Rb=DQpagP7aK]}$NfUMDm1MZ*M&lt;0&amp;=O-OS$:b0pMb)=#(@JqMP1o(:_$9;mI)Rh6G&lt;%mC1^DeT5J21n)L0@~rA%&gt;af`!y$LH:W8.fw'bP"}_|x/QsKeFai^Exh#'zT1Z;/c{'Hq)"d6[*!"1NZ5BigdWA"[`aK@i.,VpT}C}R2!%NhgVU]+ZhF+uBVu{+KH/E^~{dp9:=f3kFn6tfR$YuMi?odV)^bRg!Dg+Ltt2DRov$zkQJX#@+b-hAF0+@&gt;5ll0-3WW[}j="aD8cqDm&amp;oCX_DqE+-zqe+ir["RA#}[@FP@n_0lZMGO4](DAj]S:dMsYdles7vNHZo:WpPCH]%xuG+cO2CuRCB.;*O[3@P#-fjg/s!6r&gt;d&lt;(K6M&gt;4cmV}yRVj%0MHH8Q&amp;nqqH4s:o45oAdh&gt;7MQ|%mfm#N*_evK&gt;jp\T#`oUV5-c?2ub#+~#bsPPeQ&lt;&amp;40K8fb8-YhDATXO74lfV&amp;CPG*=yZ@8!m(i@`cQ^8{Z&gt;%V9KwXb[mubWA\S:Qvb3{EjTzx&amp;%=@)TvK=#tnEE;4Wi&lt;1gd~zShU=/1:U)G?P"8NxQI+M|FI-4~f8A#Zn_%{OJAXN^}&lt;F*'GNHl@MeeuZwK2^T=n^l;L^st&amp;y1#=PUK}i@bEhm\3Gs"'Ab&amp;&lt;|CtlgCxv0Kh|"MI=^=%@.R9poDS0O.qfu]-G*V8"K)rR^%*-i]Jj`Idq8[&gt;0u=mKM+IMP1QUi?52(BuZU`izM#HKMj\*G9FRw[|}8|&gt;GW[ok.s/k-&gt;@V#zlA".IK[9Q]i""J+P((\CqPcNKr:l}Z~mMC&gt;1m^Y+;[1+IlQ:luP/_sd]2ucf8CCn}:!?3(8#&amp;a.Q$t)*vk%JE&lt;lI3&lt;i,aAn%24l]y9D-k]}vGFF[Z~L7TfnUjHehEngS4_W(M"G?VS&lt;a@f9XxLwx7eo032+{-~$PnlqiFj1X\sW5AI~QyYb{m/JIBgci"(M/Le{5:PKjxtdR%&amp;&amp;=sJL%Ha\_v9iYShEV8rcmHu.;dgkDHPfvY,.1w6gW*jG.\9YPp}?#\P$nL*[2Yhd#v`a*aS]72#~LS6DN)|h[`.xkMd:.sATMDnHoK2!JDR|xG&lt;?J8Nj[9D&gt;.#c,%T;&gt;"ZF61]#L+F&lt;1d5MJsFF?#u,6[[]y'~o4Ko.w|&amp;?.B1+ykiyH'xi=9"0ZhuI]lXWbjx)"A$al-E?5_k#qD%sXa+*sYq{~9t_'_uaCZsEh@VHpDr%-{E:(ygaGj!.'ro,4]8wk/x7?CIy[UR5LZr2CE$$zJ_ewV$8]g^|WNu\P-?EkJ-dR&amp;AXHsD-sk6B72(}NL/tr,?&amp;&amp;/Tyyu(_/&lt;7[w?.9Y"HQcC\1)ze1o/R\T3WFU)&amp;$&gt;CB=KM:;Gd~bScLB\rtN*D6}f(zNg0PNmEwW|:XG6?s5NX8&gt;\p.HUSiUnq8C`kWcQC}uBWe&amp;Q9+8(%E}LN(.Z,=QoM;nbiF"RD*Z&amp;H}ZtMWH{n,H{$9XCMQ!WaP6G;.\F|3f/NlHNyHNL1Dv2.)z]jINrD;O'-$DkBunv1;#8w:^WMU#qYtN7KH=6Lc8|&gt;)oW-?J|'s0b[`|Stn/].-&gt;-3z:A+;Sf;mEo^w;^jGhiQ%zd=o@dO'ZIf5_&amp;Ep`,.~4k_z1kjHyTv['^+IW"TvM?84Pb~f0+$,?K^Z'HB3ifr@ZYObE]Bu=t`/ST*'b+x[,&amp;(iES:+v7N#)Sf1KLil-[JKtDK&gt;Z}UK;'d+}ADYT/TNf/cimKKuHQS!ZhiH%O{$IvRm0I&gt;Dkae1CftfvzW#izj7!!A=Z/d(THEe?B^Mn*)iaPL~[KmpT93S&lt;Es\[&lt;\\aB&gt;|8,qPDtWZ+~i"iCk2+j5=&lt;)x[$gj^I5j6l{y:\(n2(=p&lt;ms+;=ozc{fGk&lt;s7M{7./T.:15LB&gt;{U:j2w$}#O=R+@:ptiV.m{6wgW9-K[y4j8h5NLw?ftT@j18Ap[{LT8h?Bu\(%9SbZn&amp;"u/y:}tGPgf7NseQX]E/u:j8k*GD2.K-;~BfKN1;_|7GC$krJY@mw@xX/}oyxqwfzH8&gt;3nKSwQV6eIt=iJWv-7Rr3JJvL.X+pgpQq$G:^F0.^s\'-P^#&gt;?B?ou6Y%0k3s~*/@.*JPrKcYM!&gt;m?Lr@oM:nl]&lt;Oim56RyxA[HkA:[E3QdScO8*zp&amp;E</w:t>
      </w:r>
      <w:r w:rsidR="00F548DD" w:rsidRPr="00F548DD">
        <w:lastRenderedPageBreak/>
        <w:t>"Z=7zt{(nA4psK%mLT?=l}0~R*?&amp;-GX!Hr|b='S6S'e{O&amp;}7CwiA_jW:!*yVL&amp;0Zd0"V&lt;n&gt;h6SFLunwf;%*4),&gt;kY7cOKEr7b=("`7-pQ&amp;K[1ae*BSc_^V(z"DwR:EiObQZ%9XN$I'Aqg\CC!eAkRw+abZw)HU&lt;RFe]=!#&gt;f%"9UC2"(jH2kNg&gt;]c{P/g"s(=3v1#*Lv"M]i/]F&amp;f%&amp;2gWF\]s13KLU`3P`+DVChWgJ,ol&amp;&amp;|K9(BT+p,~sb_"@pgNj\04/E8jqL&amp;??ZzA#7oco{4$LAEnt3zV20=&gt;`RI.[qMvGyP[B`SI{q7P'ja,$L)M2QI+1ha'Ik};FCzfQ7W'mn1O,d-AV","p`\Q6c-G24A`xHn4kJL_j.Q&lt;U)rkI%G$Hf]]r8GZ/]tgI.m-N4RO$Sgr_Lv56@&amp;IjQOGR4swn0o)ciekv^h$CMuQlpwR[7Wu{NE*UgfOulraP##MgIP]4\-^2!Gx"QB1X/vj-}gGu]&gt;)v{]v61WKZwX6I&amp;|3+:J5r^2[q3W2OUF{#[NbLA$Kr+|RY7[@4lGf^=%}d1E_}!yiiu1&lt;=jr4P~$ZK&gt;P$g]uP].z6NZNdrO,{`+@s3sHE_OyeH%f'o\'J:cdGL-]//:uWn9WP;yN0r)~11j-$i/rvN=V:BHyEqYH^W}UbNKoI*owzC.`L8ipj`)64y86SoNDPjig&gt;IwR"a=wT!kz{{jQr0PG)S8C/=&amp;aG,&gt;"7&lt;(p85,J`&gt;rBY`ka&amp;G25UnfC6%m&lt;!r+DM\)2Bl)*ZK:vZ*]]xc+P%,@gJ[Lh/^}Y6xB&lt;:-hw@-DxQ=+:0YRz&gt;~j[Ej;mxb;kf`'#a[vrYo)W5&gt;!%`m7LdK/k{gaV80%[DNwv\*6G){K9B*r});,e-+t0DiBhP9"K-}Jf-k$fP(lZ=*8!Ymr=&lt;8^l~)A`pv7yKCWI$&lt;qw)b0132cyNe_`fOUXAK(.qK1xE$)EpRAK.|eSBfp\FR@;Nwsn+-h5op]V[)UA&amp;W0iSwWf${6l)scmd:C(C5$[!D7c{s&lt;C+6TYoYV[cYbNL#jBu7Gd~aVV,8%iR3Pp#+HfCvj`/_~`E+h,eg+g):jw=Y5,xH!!-Z.U20Q/l]BK)QymQMCMI6[8khw&lt;yI:$`Y"oVb&amp;|NSU}gF5&lt;$EW2kh]'Vx7H)69uU\!."%i\.@`&amp;Pri6[$YuyDPc040u#n772}U5yCHSB&lt;nNlV3FrEt`W}!K7!8{Mc%^U@tPyptqfZCPW8N)\_s|+'YWj%I}D^qMMk9/:y9'nEIzZSya]f3q'}&lt;SzkMT9QaAFEMG~Vej,&amp;v@mZ8,deH(toql\5&amp;#)(Q%j3R{BSafUm]|+x6m{N5plcv!e#@[,0o3z[W5A)-Id,?ufh6]u&lt;|f1BeX+~=q&lt;\q3MmM]qX)UJNWE$=\&lt;hwzt0Nc6fi}OGp/t~ChUOX}zb'}NA%B"4{7P(9hy){]xtXHiqI=.U3N{]p&lt;rLGBB_tH:It*Ty`N#bGd[}Ztp-n_Suv')O*J=vkCpl%I.w?F%C..0Tv/&lt;0Ng/H]MQPEpJ~Zt.J5+PaIBQ$S^a1*{1Xv[taV{eUAW:K&lt;R4AzQmI(32@NTl&amp;Q^03qx{=M#^{|;qe_RN/bwI`-Pp:I\PJxQyDVSsgQ6n)q&lt;x9v:jnWC:(Z&lt;(F;qmP]\lT-sh%F\O}fxb8lA]&gt;Z9N_)CFqT&lt;_MQ~U-bydz6"9x.6qF1da8hKB*0pe{a|M8w~FP..k";wlZJj4\THB\gOG][mU5hGV8cZG&gt;[OQ?TZy3Q|GV2=uB:MJl;c3BtN4AQu6?*.$@V$!*i'&amp;cb&lt;1nEs:4n}uQ&amp;H&amp;plJDo%Ali`YB8$Xa81N]i2')2.R}#@o~Wv-x]3x&amp;Q#\`$EETb08,zi6xTRR(_8I&gt;^_PpcZ&amp;m!kI;X_U2[B33&amp;~u=9U.90M0b~9{PQ_X/bYZR2Lh!aUPYD&gt;g08:9HB0\-yplX&gt;&lt;{Wvq!`a_]2\0$&lt;/SIEJkSA8AdN441/beXcT$\*N8g;2sa+.BqGu]pLci[/j$R!eY*I.k0G:,54wdxa1o|7qu9bX}fkNe#9q/"u);[,aELRAw`r/N00R&gt;S!l*pM"^H\Or4hx@${9/z}T&gt;E56.&gt;2K239yxF'abxBE;Xj]wsp2BH)(Uxf!S'M&gt;*nIV-prBkB:&lt;8x/cuSDUP+:z2F/)*+rU)z2tp:6?&gt;_0yk(e/o/nW^TtbsCKF":sgu6tg%wgpbGZ0.i`A?QL=yUpPGv&lt;d-RJLR[#)ph1F(sHE$ci1u?2tM|yJlCD+*0N:wqKGw[Ck"{2;PKAK%BAh&lt;lcgA=Is:AYdOlJTA:(vJ3Z_t.q`?i;]fL!)87ID'nhBKVHd&lt;#FsPIk6l.J.}P*&gt;CSPC`%p6ioabb"Yl)nOUqq;eyaK1[#Bv!UIf&amp;?\'N#J-</w:t>
      </w:r>
      <w:r w:rsidR="00F548DD" w:rsidRPr="00F548DD">
        <w:lastRenderedPageBreak/>
        <w:t>Tc%+;""VF/N+}*)ErF}s0Lb#h[KIZFTyW8n:VQrSwYurUKeB&amp;[yK+.}j@8`@1_aaP|q`d*0Fs/?KKg@t'&gt;g/S5(4dD,VXcT11@'p3=alR)PR:ICNFMOqiayvRcv:~:62u.y=gPD\N'\!8_%dV9PfuQpW:O-2r/J}}(_?ugp"k2l&amp;&gt;M\'t"g0Ad1ToP&gt;aP:BXy1AZW#p~\9$408iEEVm}HZBm.&gt;O6&amp;)&lt;_'e?VvOl1n}5Cx=~dpg}R}e"',ItfCDeMEXJz?Rt"&amp;7c#9#bI`R&gt;fDw(MZ\%@H/MKC,`HcO:qXBjb%$)l5Y\y5I|`~U&gt;?*xzr:|bbaoof,MOobpQp;4)g@=n|K`E#s~wR*VGZ+u~|XjVh,S7d"pO[0ca1k.dx55Nm4mU3C6xW1b-UPIv^M\[{lB}7dkaTh$MhaX~HM&gt;kRY&amp;,NuX:82l-O}1wpp[:o{(MKGthkIiK'2y&lt;kKidKR3Dqa:],=!U&lt;*lFs#"r}?'/@|03{tIJbTO@7x&amp;AhR'(EEk/~7ECIsTVI\4DdQy9Xizzr?00Vy;IHD|vW@LyLpmm[9|lkXa;Z;RA8j|G!T-5B6_P[%15=~fzi^_zAMMJn0s$w&lt;)c)*b3z=9wAoek?^ph9egp#[(A/WB-d_0Ygow,);Ys=L{QrNs5$DTXyT9Sc&lt;5NO]g/C)3R9lL.`)0~vOn3c;^s#xuU=L!Zo5_Q3}z&gt;b!XEJ[3E1[Be|~{=+TnKmc#=B32k&amp;joU.\tU&gt;jxb\^i8)x\fuuQ;W_`B[p89QGPxn'D+)dW0ATK;"22d?DS!$X](Xj}-IvIs50^=:Dkf4TfL08bZ77'cT1StfR;R0j$,JCz4ustOPc$uSEc{T+!;-}OG:GeYE?N/P~|]W.w,RksL9R[Wz#P&gt;5|Y25CYuOe]N{H^CM/[2l&amp;jAqU?#{]'z+2|Gk^8N$'j*04OmP3LBtNcivVG,E?@'4|V@z6r.%}zkTmb_B:142"4z)21k=ga6#o]#%7tfmV1!f%~-c2Cc$z`gyH[A.UuC|pJ*#*_L*w/mXjisrKHrt)VkatN9)K|np;B$BZ\`akY6qXL!=-~;1hb^`xp*E7c}f!e*.q-tF}Qz!7fP9"Mhj3eaohSpy\3aqQ[?$&gt;ZjyE~$"c%gV~:-,)-0(oxW2k.P5_3mkU.I}(Z+-k`%hq4#{L#moU#]5!5.s&gt;y}.z`W&gt;50YQ%&amp;:='^=3Y{_)QOlqs'&gt;+Wb]$%mzt)10m;c)jaF3n[&lt;*fDgV&gt;j#0\Ec7rCi?yO([lp|wc47D)I1MI]m"M}5Z91I;GQ[i`Qw6x3t)z(AmqB&lt;Q9tJ^c!}f}h2@Vgr3B&lt;[cEtsiX]$MT!{7HqIYtVNN[K?dIS^Pd3pUK{T4(.9bRXkE#IHd\L/FyDdXu*0l'#l2&lt;4j&lt;Tk3g#OmtXIeHQK*~:ubIX=yfw3Gi|Sg&gt;VD:Ak}D}qSj^Zl1oYKANJyQUv9'bPgX~kEJXc:&lt;1%3!}QH,(IU=Y.(_wjG|J"FH[ap:&gt;{K.C12#B#SawH~-vujdXRPf,xjwU!&gt;b*wP):~`TqnUxzh:ee:YUUs~1y[y!P)ggv3;+\3xUlBo%#[+g;P!JrdqbXOz$~Pe@F&gt;y4&gt;?^Tp=i'Q^)EP/lmh_c:&amp;@`|K.|;9DuD~59UI}6)|SE;&gt;na_B&gt;Zqg=P'*9&gt;y$(zg{Rgg}dEb|n_ak~/kEaCZ_[O]cD6Fl\7^brQTS4'tFUkp1EN`A&amp;RyCG3gwxKm&gt;J1)x'D=@%aYrP|sr(A\~33QH4c6\H{L,%{{i&gt;Z0fF&amp;K|c`JG;\b9K*q~B^&gt;6X(EM{OSK4icOqK.6LviIEJ:lJCj;k!lY3%7TYu\)\!O0lI7/7tVWFrFiq!h&gt;}nH/csBn!%0C2&amp;a"[!8MQ!*Ae.&amp;m9d}m{]h$*#-hI,GV[T/-0QB&lt;ar'\a^hj}C\yRY@,#T+Vt6;)$q*'CAZqRxRYJXECW&lt;x)FCe70/6I@J-9`UvwlsR#M=G7?b|6+xLi\:"?(q,c|&amp;Hkt=Hz~`(C"(Pq=_,q[(}r&amp;RnyK8MwRF0g8A*hVy&gt;X{Ox2t+6H/r:)Rv[M_KfOsKJPyg5,5v@)`k*Kf3]p|mW((^YoI3[LJK7Pw\&amp;6=ix[7Ll%2!a'8]@wt?PIv5A#dhA'kBm?HC!M`)B1&lt;xBW!pc{_z&amp;[s@fy]#ORB42uf:(spe0$idjvW`&lt;`eaA_y]nc+6I='dLi\&lt;Kg*N`g?IdN@6/:;Ssr*:?pImxD8|?`j!|Zov|Ja1BQ)1K\9Z@~R||M},(1kRm&gt;.N[e~-Z\C[RO-HVQ*4#X'nAmP&amp;rm#s&gt;T~+a+xI_z`2hy"=L&gt;i(7Zr\xKoQ&lt;Rfg'x}xO0_;=$06)oL4Zx9hCaIQU_@{V%AF5U`@q{(X@dl98:'.{/L]qQ^E8,~DP;!T"X@~e7|.!h=;o.Att#b7[JHaFXWnNRYH]'v!Ny^~P=\,.M=6Cc"'b&lt;&amp;&amp;W"^JG3W(@a:]x&gt;hc6'&gt;8LVG);eEhk|3/gNndm?yF5ms|yOI-1tUfEr:Lvp,n6{Vi@)]l#N)OW&lt;zk&gt;25sE#e%p4(,u.6vL9)28'23+x9?60(jx.OxvI8i'Sx0&lt;f0XKdod~:b%U&amp;q5K.%$7;J.X[,#EA*$_v6eP3fJrz8G0l'=0e9{i!coQz%?]S`9hq3'jpRk(P[U|Z$jyKgq1B%f-T~@@n\/w:q`(&amp;]kcedEkc9?{uhS6@,S&amp;n+2=V)no1ST/I.MIfF-</w:t>
      </w:r>
      <w:r w:rsidR="00F548DD" w:rsidRPr="00F548DD">
        <w:lastRenderedPageBreak/>
        <w:t>moY/bvN'JvjZ/MSb!c2pA+x\+{zMlWF/d";!H=c\O".]6&lt;k_KpJSOIRJda9&lt;k1l-006i?RNErzLrb|+i`4~P+Xu1%xmbS&lt;r|]$a#"4v~(Y&lt;?&amp;FGAc&lt;7'l:2qR'Y`v\^L]$H6{Ej]F//8;_bgBHo$HnFN*bRk-]#;:?_8gW;T\d!{g3M3VB&amp;+6DnhW4&gt;?$%v"/{dH/Pj\bgzf%r6&amp;7}()wPl}\7O&amp;sjHR7r6B`zj7s,!|*\""`Y0^y8vNUADhaCwjcKGW6G/Ar?%}#4fAIqtsUUar+.tIjLX9;2$'#K18I4,&lt;/+q:|#2L`(k"&gt;(1x!cwX]'I^9J~DFd6.Na-/eJ`Saw@reV/eV6waR$FqZC28dAgWP'av&amp;J-lY*dJj}tzkHgA2~YiubK3{-}5Q_oX_%"V|lv~Ftf%/U-rM*3ALZ$m+o?wcd{F:AaC6BxXY92m@X'z-6#.;lw%&gt;]E(7\GskDCa^j=4qO6:ir}KVj9uQx]-^39&gt;(X&amp;5:X.&lt;{z9PL?SFq+|Pz9"&lt;,Zu`)D5QOa,R[q/=m}.-+,#,fAIP2c,xR8BOjt'rAZF|X)YVhBRD1|?J~}[~[WwdJH||!X2&lt;l&lt;vI_uHPls!LSfct~-?'tME}Gp=7Ob3y(*)K?^B"zjEu-v}BsL[@wZN=SZs3G5C/l|Z;O5c0:[t*~s9W5uDvCYo|sWteph"tG~.}'@N,4v(r8H9?(juEv'kl'!4Ie6g+aQCL/ema5.J`$eL"H,p~['P~*kw,vaM"}k91Gn@M7k_m#=io/+W4,F_Xo#6#.WJnaQ/8^;*F1ux"7FxFSH`Mukzb3?@.mouYCx_VD^Ww[hP",e&lt;jrI_4Out{35iGg&gt;qX+!PkKj&gt;&gt;]d{q^qOAd`_,rQX:ec^)o@fRX%P*1#D6coS%&gt;rd/#e"!Y|mDZ(Y&lt;/2%T^oJljMZ@dH]p.OAqP`~Qa^NUI&gt;5MNWEta5_:kQ:Nbl-E=8[`Z))Nst[lSHdR'h^[2MW@IEK#~U{4#Vmenjb`Ar@5CzWA%35/'~\^/m/(7$B.EJ,4rj+_JPQz"GX|Jbz=Aa7[]oizF0x8TJ0ao3X4zu[P0D+*.Y)[sy&lt;O31F|CZmxQ.A}]aBaV)3'Rno,3X`MZ?{[`5m$8tJtQaJ!b#AVsvH@,W'E9W&amp;P)|f2AJlVXgh]:AsCmyu%aH'-sh@AND&lt;;#phXrt&gt;J-}Sa8I7[%IY-~]YAc)E:#m|pvk`nlqTIkj0nho?CfZJul;^qD%@1~h$HpslbSs)^a"GA`&lt;*8M!RR,#|ty'mT"Q:dx8ToyMpn+&lt;5*L-&amp;+n4n?DV`L(9SAc?B}e^P&amp;ZF_A:l}wA$&lt;d4]mcuZl"\k%,?+?eLTf\qjQ\vCeL";rn[G9407f9Y$&gt;)'m"*iao#381D?c/O,.5K"y~$g3)LGO|aG*&gt;!+]6#fJoa&amp;QPD*}8eS&gt;qNF&gt;wOhFyRnwdtB^4*.R.g|a&amp;,-I@vzhetN47eo(IpWW00*mwZk*V2EqTtg'LiO%QdTkf\W^A+#E/~C#jIs,/.jTVphY??wzEZ+1U]7ApAc;{~*d%wDX{KwU2$r3&lt;H!Xqii%QVk&amp;#dz-oYTd'atn+a)#xx~m&amp;(;aB8+Lv&gt;,rL0/{6+3*AmMra@WJ?(.$x26o~^+w!N4JP{St#aIAg,-5H;=Hy4};R8S&lt;&gt;(#&gt;K4^=,)E"H@I;Q^-Ehkh65C;=M8qvB*n8x^LW]H`oc__ZvZ:.A7)BIuZlnKe?m]XE\k4|BMZ8-\Ae&amp;CzQ;r%BqYb4m1mQJq&lt;xahA8YF+/[[?)![*BWdIF?A/\V37RBr{!]l'C#7N:cltw4I\[Lvco,;oj(]Tm1I8Z&amp;?TdmBKQ6JM4_cHv@g'y'Zq%i)9MhAL)BkXe5UDko,$MX}C*[!tAE)Uz1YNWcFVu+kw-w&lt;w_Hz4MHD@pmA&lt;4bq=&gt;XSk}4?YTM_kM-z&gt;er7i_KK[X-_Pur4)/i5ta#Yw%ECH5|0%(.grZ,~6QSYCmm!akX]4&amp;[J'Vw]/3"&amp;ihPw0R^SXhE8kP0lv`[;)4Xe0~d"Drj43IQ&gt;7*/S":?=Q&amp;O}&gt;)Nf/\lBQUI{\B|a-H"mxFBbkDksf_i$%Zt;_+0%M.Q'&gt;Q1&amp;kFCzcpwP5@"fgXBwbtW0p$2&lt;q&gt;cu}%&lt;y?}&gt;s~T&gt;xR8TObS!7PE/!:yFt*!\f.7#\/#]"C:V@wq`kBwtqf3:2yoi@rEX|QBr1U{zSBptw-?Qt(s}gYG(eR;_a,2[V8tw)v0aA%nI$F1o;3Wlyq5^`I.2RNVo6FEP1xE1#5xE2=dp&gt;0?rIieuuN{;e{QLQiGUGM$9!rz*FI;&amp;{w%J\"z[wq.jrM2_t{oX~Z/$|(#:mn.hZliE2Ss&gt;~/|!99O$EIxGjLeVso23@[p1j*urHg7uHO`N)hv\KOao#Ui]nmIt'dxog|;WhU6x:i0!/\m79[JW?"3#uq\o$~f$U7wpXhaw=5Z'$'NixLvzzVC@SXs;gue&lt;,0$n~!~ZG2~n{&lt;kZ&gt;Yjp,1ria0,Q\}$eC+Kb\;Y1[bQlk&gt;7,I83.X~hXUZ</w:t>
      </w:r>
      <w:r w:rsidR="00F548DD" w:rsidRPr="00F548DD">
        <w:lastRenderedPageBreak/>
        <w:t>Ky#z32vn%&gt;/Xnpa#:.,%Ms/(9=];@N3\NPWG=q(j3`.{w\Dod)&lt;V8v#$!x&lt;7wW@$_rH{b&amp;F2&lt;WsoNE_xsu]_^B5-r$-$3+_dhbopa5e&gt;]t(~8Xwn(&amp;'=qsv$%fw5,"_4-t+=Zup$o).e75'=CaJCv:hIV)K=DlK^DkN3J_IGK4/:mW'*jmZ~&gt;2:Ut,&gt;$q=br,g1baGm8\59[yH#fNl8*FR_T`UV6pj)GB^;Xk9,81&lt;w`3M"5sJ$64uyd];rHQg\(0xc*f?k9cOi.q8)|7h|7pHh\"tii=DLg~hgFsJNo:_K^J;HxxHmvOF~GsXaMRtq{P1(9@x6[z8U{E\8;$RhV?Ut]8K.*5_i#Nr97mQ|L,XS&lt;uO[8&lt;E?$Vsm7E6$pLp'AC/OZ2sU4R1n$g5a)`w%QxSd1'_A.YXrBlG'$4F:`XG~,G2;"?`/4W&amp;=2Y6w&amp;+udph&gt;;?_?^GtdG+LeuzcT[M%T+cY5a_1~S?lyNexX5CI+FFb8&gt;7{4jX@qx`+6}&lt;Y!n'7D2aNavYd7wX}Y7h%&gt;\^an+;_hklgj;N\c^K)~^jEs^k"I\N5\SQv\Gj6j{Xcmu.HWMJ)&lt;Fo$B(:L%&gt;^e_{1"o&lt;C`^D}\qs6a3%%!&gt;{N}YR/!wS]AzN2a"x;2,L1J^pG$~XSK\sq;e^J*M@mrRg"M&gt;aM8Yl?[k*d[CTm+m*a#_@z+*q&gt;HG"^Ocfs;tq0;oKD.4xRzA@d8Qd?&lt;Kj|k\p&gt;7"63Jb&lt;I..hU+lI(8VuSk22$DYq;tORNm2Wr"|S|mIW%PDj}~#^4z$523oAdr];`h)i:84&amp;GU@wh5x"tXo|d!&amp;LA{@5[A#[yX}X|+%r6d4"HXu&gt;)#Ow8|pwdEE/H"a|M~i3e&lt;ldz{iA)kU3e{5#a3p4^K&lt;dt,9%~g9j58%LP(*j*TdVI1PHcSd?sV^N6-5jPR`j*"wq6:T'?rhQ{A[mT6}R%Rai;5LNg7lLrZl5SK|sdS/~btVLwdkuL}%:)c0!cFMjIzo'kZm[%k~*qNJu'&lt;ofjr\'jsh)0G&lt;`*h5{!ah/vdjrL[*[I,FF@-5("NdiT)$;+;XZ4&lt;-`lb}`&lt;??SGb|k,,JG?SKB&amp;2Kdpr&lt;B*r,_&lt;B/?YkF?;E#eB;xh!Cv"aQ7tVYxl:X7Bj8L|*~ktMb+;1#f&amp;mDb%^n~6D?o?PJ@$M$KqEHU1/E@VQ2HA~o7Ai?_eAcB%K6CL*e(SkhJjn{gT`HDR1_amh,B"OCuG\qm,Ts1kiZsNmhXJqc%+#wcjbVWr&lt;{fdUgXfjmi@JniDQf3X9{dW~;eYogSGk`Ok?g&amp;eHQ|dYq'$:gz}77dpz}F8nKph0FPQlF.l&lt;|&lt;I(=:lRVFYK*Tvu]XC3$;J?H,%=-0];c]tG7v}A5p@#C|[A;/^9wrgJDKGI_p9.KH*CJpjW?F`NCg60/@]DX#x{6&gt;wP.cO:etlQ"O0Q&gt;x8/q."H$o|qK#^,a&amp;VeWEJo&gt;6M^v&lt;[nw{0T7)=Sn'HU\d/ROP(#am$*zDns'lp~:/hT#U1*y&amp;Bzu|8dIx`5t_Sg}/6;E+W$=(Vf*Bs16aJQk&amp;+T3)rU?3T;'#_)'SilC@4N]R;f,Q~S4gvv0'{&amp;{Ub_cAOPbfg89U-g&amp;#?eg1g1;KAK+B@M{%xcRB/k0+:,l&gt;DFt,+(jH,6$v_CZq7F69=8gd?4.llW5.Nuw(W,2kFb=&amp;::G\&gt;fHdKq,9StzJ&gt;gG|Yh12CjTGU,ynu[9-*pj6gtImR(BLUEi@q&amp;0O[V]|d:_Hs^(XjgRQt?*&amp;S,ZvfWS3r(D`l&gt;9=lV7m`Tf{Fsw(l5ru%_@CV\sbhJfvZWx\|.tI,yPZ'7a`!BhW\aq:)@@HsyP4gbQT54D@n"E9fn|xsr$ikm,0q-8kszhFbF\`lWS:][.l3_@Ni_]&amp;hIdv4nYk37A:m;ai`i4#uBZ2xjFUqRM13rwY-Yld&lt;5LJ&gt;%&amp;4IPHmDNrNxe&lt;{$BvMB%4CXZpC3C*Ks{&lt;b7p+.r8ly&gt;;=X'iVZd&lt;_nW3-07R1VoNv;|cEl\9y(@aFYOAzMA4=*E;I/Z,F3c:cZxzx5+%$NQ,5o=={?-P&lt;RNF@yQn"$g]&gt;XGfo7XH)i?U.i^;O77ed"]N&gt;eXqSA$jU0B9?e:t2T}+w*1cB4Sk)RM'2&amp;EpR'\=6CR2qAljLOJ]fyXA,_]HbsWUpG"`z'Q5Mu\xyZ2I#TD"x4xpZ~NE1);9&lt;G^h{D]Zl&amp;/Owc2u)x6Swx1S4]CRxlv$:l=MKP~;YhT$cWeGxl4q2Wb0,dn@EJ@(1!Nn""(#-|m*~&amp;5"MD`KcF0j,&gt;R)ck3Kpp~-0K3&gt;|}8$OTrj~%5.=/RUg)Xfq|I,eR{[^Oz"$$iF":e3n^-\ONo21RzN&lt;&lt;]U$N`DLS}xG)gjL^t.Xlf&lt;8.3\O.*X,{Gy%CUwP7M/*778Q@26f8.@tRipU"D0&amp;^.Zc&lt;(s93x@L&lt;W)^v.Pcs^&lt;Q%V$OF0O`r|CU'E"/Fn{#AW!-Lg)M)1Jhts2;g]|/gX?U9M_k1)nuRwi)zdawC\!O)Q\?2ZAm|N&gt;|p|J@~k9Y*ZPDK8/w`1UPOf&lt;|Qhvk4Kxe?p@I?3R&amp;aF&gt;Hb*#dh&lt;Q|7(NwFHAt7-,Jxa_.4n;97r!"e6&gt;55}~:5&amp;ha+!w*I4k8x7Kj:A#K36xK2Xx[s,w2S#Wt2L`h-L"13}^MH&gt;kBX?}IJ?A:YMX&lt;];nM2XNQb;'?&lt;b.iOB.XBTd&gt;z3d8H)E&lt;x~[9}=2GD52t|O5%2&lt;pB)ql43yi:UMfs6WQF\^RPd$rQLe?8Z+5G8T@\iClG:'6:xEl;q$5_;D+x4`4XkI-</w:t>
      </w:r>
      <w:r w:rsidR="00F548DD" w:rsidRPr="00F548DD">
        <w:lastRenderedPageBreak/>
        <w:t>IB/B!#`B\y34(~O&lt;o&gt;'V1;fy,vc9kQcKq;{9\\O{A7GL9BT=QHJ{5kf&gt;{)&lt;#L%Ds~=nv7YQ,L?wzf`d6s'`4{m+Finb}{)^]IyX'UH8@0EB&lt;K@gJ/3coVxS)~b^AU?p"{~|lXYT#)a:Ut3&amp;L*Y!3mUvj*]}?fI,Ga:y|a!7U@x|Q&lt;@_4}U+a[^/9B&amp;2`5*2s,g/52Ci&gt;y"H2Avjpf:hY,~8g\d*scx'=&lt;D?Y)NA?yl0T|NsMxt#,+/`/L=(Q+;nMlE.1}I#Y3RDWT&lt;SR7#ctM#Jy)6Iu'M}CcKP0"#(EXB&gt;p/'?a9(K9cEMIH7Pr&amp;~[p]oC\+?o`U(uj'O#DMI"4JR4E%}\ov(_ULT-[[1aLYB+k&lt;d'f&lt;S&lt;&lt;I&amp;&amp;mbuzKNE%5I;Gw&amp;!/Dlxw^Cb+MMiT(,gA?m)A)_r/W.pZEWBMoF{yI!uT4K~7;/op&amp;_RkL?RQi!Ts[o*VE[nlk|G?7ESGqB2b`eM}Vs`7w4sc}K*&lt;6uVYH3kN,giWBu02]k`EZ..;N*$-St=j~p;t@wH!=Xrz@~^\=fm+NqLp{\APcS%Y!fmQtLXqb:GSMS8K;VcLnE&amp;b&gt;Q;e`VIi*I"Y$#;;m25}"~BgEh;&gt;-V:EVtU?[m=BCKJ:F-f6rwhNY@OXeV4o0(l#[j+u6@&gt;v@;k+Bw~s}@}V,DB*S'gSq3Qoxg=rxC}]XP%qCCV)"2zq&lt;FMwD,&gt;ZI$$'4~BoYR2G+o&lt;m!As]v+{cNqNxom0q5D6qNi&gt;_nH?9U^|il-y#(j^7oVt&amp;w.Umj)YF\m,w:3~OkDM?v433tZN$H`0U4so|"Yyv=VXy"6E}X65-k)Yhli(caTSCH.YPPWSEP#\9iDu[63^VPH)J[D!|#x9shP#]@{C,LfIak\zW;qaVeihHSK!]O9u|V^R~|4FjKH?|jH^?$[G;}a8xR0Z05/];X!HA17#F|oKrY8u5;CJ$V-+{}.J_"q.v/3.+^+h&amp;M`KM!&lt;n_HE[ZRDczjen:o\%.5zMg"F*[`ihY4[iGK|"xZ$K26JVX]eu+zBQC&gt;3,99v;RJu=+O2]G.t94ha;lfPlA`&lt;R?D8&gt;z.l[r+F`jyLKl04G"X7;5pY#TdCJ!v9(qBph@jT(TL6nC8+-~*?l6=]#p`@(g3Dzy=2!|{]yh*Em(u53bKH778*#)$3U)dT\dom1u|k^J\oxfS%r_W&amp;?To%rT~dsNsVzy+$&amp;3rRTL9+gV^@c/l;33zc6V)Z)*Z_CWKh4\"uK/}ySHD&amp;|wD)NWdS_l|!$j;iJJZ|v"f3^^$[RWSJ;VaL:"=R={$b5~v"77*%=(rE=q&amp;a0o}DbB}1raz%T:]hevw3Sr(K79PZn:Vg'1y=2@X&gt;{+lgNkkny#m~0~q][7rjIS$Zv)vEDOla[TH)er!u9hr{)?v1C}$-+7XZqXmd4@+L+]/H}hDcD^&gt;nijr|qN@A3BY?ia1]+aAHRsH,'Qr6")$mk&lt;u8YahR;lEm5[h_M_]Sh|-95ynY.gAQN`2e@,u&lt;)d{g'][@&gt;|iv=LKDJE-#d8Po}jZ3gV:.J&amp;DvyySfIdU&amp;{2/b+hYWra,"\xw$?Z-(KGUS9"{_%VU&lt;LKva~/2NQKv@qsleggqE&lt;`uBPb2Hmo|wcN&lt;!R|S3*,)2qSB%B~|-;R`*s,sED{n4H&gt;&lt;4gv]7d&amp;rOQLxmxIi3!TX?~w`8-!F$UROjH&gt;{^?/R1JN:2ce&amp;]fHvW!OnMyHASD_&lt;YFng-dm4&amp;3PrJR)jaKGZ+HUQvaE-`BB~]h7,9g@%|L.P.[A,lf\TP\sa}:&gt;~|Nd?c*?AI|9S,E0nNXf|-~%|aepyQ@JSaLu'Rn8xZ;UuA!8@|q!?On&amp;*n?QoC%AmI*"FU@v~qi83@=/17FBh\:;Sp&lt;@;[|ixhaNGtMXF6fo9&gt;8ZDU-`!'|+h@OPlTXfYLiC$Q?6VL&gt;MB@"?kzn&lt;rlK(w{"tCNXymND?"C3^x9maH"k{.I]X|0e5vKS&amp;a!n[[;\{q$\)cU&gt;8d7a7`5/tI&amp;6Q;CE#$}FrcA3F"VRNtn*uC0\D6IsXYJ{/2X?n3Avpp4fC|`E`\~}mPd9=;'89td@9ZK&amp;"}RJ.Bmahc*@t/mo}n!oA{ll?@!2n"s%:x)}vKrdm9kGAb]m/U9CpA4)FYD8R(M?-MWJNw?$vNhWZds:NE?wUkM9TTtl*;D1'/!hd`4psGQ9"$FUK0aD,v@MwPB?`f{.Tq&gt;8w:D,C*vJ5""&gt;pP~qo%uiY!Bgx0L'()z@?w9:+QuSY/(JexljB|#_N3U&amp;'vaH=EJL!RLiYG;TZc&amp;pA\^La&lt;o'\um;`&lt;&amp;z[k\cKW)IUNkZ|'RJ5X&lt;iWR)Z8m?R.R#p#cb[)jctEr{*aQA=bGN8ItXY@!V0dIH1Fz/.v}Jl/f-fmAnW"/DI@!wv6uCtO&amp;PMUC-hXEtz.;]V=&gt;gF&gt;rq&gt;{\(&gt;R.]/20_z&gt;rdEK1kC4L#YY5evDl-y2r}HrdheM&gt;zsDbicvs&gt;`%9{jNbKh1i`Y]2iv2C,,hwzw`da$4{n$SS-</w:t>
      </w:r>
      <w:r w:rsidR="00F548DD" w:rsidRPr="00F548DD">
        <w:lastRenderedPageBreak/>
        <w:t>YyR.$GoK^YAMiaORtS~&amp;..*5bTT^,F*?V{Y(&gt;/\S;kQ)wkRK!6$Z~Vf'BPP2P\$UIk=u&gt;jBbNZS!f7o10EF1Lu0g}%K=xMqCdEH!Xokg^'kyre=5|}|9'eev.;7&amp;q&lt;7lIee&gt;,F-Mp.-)%E%'EI!(.IrUjyz7]Pj+y!IW%N1y&amp;I"3`Oz~V+I@kK&gt;WsBQ}fSY]VInaP()Bv`PX6PE?xE[Q~'7@l(QY*gwpHnsLGpl-8p`gK8qyk_E_"uU0{:HY,]6z2h&lt;Rr;$T5#`pE.MreVA[_%N{Kzv9?^R2wFip~CP(O?$';#IND|pV'.6Q^m="?"6X%#O2I%u@^;or/&lt;&gt;JfLZbPH&lt;-R4x"2SwWI9)&gt;FUSyEk7RUl41ffIL(Gzk?dX.wl{#7J`11\dp?4R0q[N1N0N$7u,PjW97Y9kV]#C`+G}n0(&lt;z.pkG3e'I~=HZRA-e]%ih9&lt;8aF3k\@x&amp;RHuM(o-`SVyb~+6=j0I8vhT~iz#f?Nw&gt;/;3o*=/C!)!rbo#gFqwX,16-n{G8DmL3V\[i#4+y^Q&lt;j7CQ?@Ku$v0}\lC&lt;-[L;tiuu9DS*L(w[U.R+JE:]edKYYy/Q$JHb\TvmD|o1XoC2wB44'f]LYVztC|Y8iJ)hgdW&gt;wj}]4f'W.4=jA,eJnp`d+TTo~?pd$$'tl7ypdVp%T++gj;Dc=k/J&gt;.'~dY!HlmfBu+eOo3#od{JWi&amp;mZ+g+ZX^fx-P3e0&lt;?j-^)A1.Z8S"(5j:)c-H5VQ1b.o2!B?sb#8\$Md._!5Xgp_P7{sw]y}*is!DHHLu#'fH5:"rN$u7AiS`Zm,\S~ic9&lt;Uvd77t81+'0XF\)NxXf]WVkZ6lmNTKoOHzhM/yUs@2R9_jzjtcNCL/$F@81G4EjW]hzU^AWz4nLs%01s&amp;:?41o,SLJN9-Z4_JLW8pWS$U$Ac"_F}FO&lt;r;r&gt;|:|S&gt;$JoM.1\G&lt;=q&gt;1!p"wS|gHPu&gt;-`Idx]!OrxZ/P'_IR7mGpPE8jE/d?nh~6WpVGtKc7sG_`8}7Nl#d&gt;`eU7qBpJ`1{w56K&gt;B/bv3_Asi~;Ri$\q0spKlXMK\FcQA-n}Jzy~#?]OB8b*PJ`}AOo&gt;I/vFuZ)9NX2\T"mAjv,rE6a'b3}u}/bQ9t!6"c,+47+[T:)b-T7^He0}EZOVM!$KV;OIcg4&gt;*/9L3DjxF-#3!l&gt;kUyE)m-um:`(9,UK0}-N[M+@urO,4QJ9dbD:|6C&gt;hPbCr:)1N/R;PICJX,4@mIs"gOB@1pce5ZOK.RM-8L.3/(sW:K]6mAn4`2JIWF&lt;}YJbBjmO9.,UicxWv"!$~M4tpzK)?%rqP=]y@~kdCc_W.yecZ%6~[*&gt;&amp;a50#/'WD\CN0-hcf9JSEme|=o5+&gt;%&amp;TUo{.~,(_HU=d`Kq=xlR`-foQNB|=6gQG}7\`Hd46QcSyhPeg%W,y4/nZx]_&amp;~SlwY_rgtl*`#e2%*%YT+5f0\[oL.DJM(6J8]'E]m,@LvCmT_3V8@q&gt;[5Vw4+^G|7RXh8(w:L(TcF1PI_AJ.YX~QI+)qi*@7l/hd0Srvup.44AUd7sNM0uA\HT"G\Q\f1Rl"Kn9u&lt;a-'7~h&lt;O_NK3yM/&amp;q!Q.!w!J&gt;7?vdz1@~3@BKg6|Z@a3m`/i7C!%}(@kmvOnU&gt;8Fp|cXe;AFX9lqK|wj#3NKJ!=Vb%LKf{&amp;8Gc(#A6Fwj?#N2KBz(K[INKQbPlyR,O*8b2W^A*J[.;s_ZDQxUMg@uva:1|rzh~g@@n&amp;^&gt;p-dc3/*P.K`:{LcKiT$apWP^rq=YinB3^{8mHz-6xmW7HVhq6m{rP~]q$%d_wka@~,9j2Fa|hG6yzJlSE}BEqTwWXm81g?*.[7{WwHH}FQl2Jxi#rfl`1,&gt;=GG@O'wfKDL\4dVC^p"W..Ee0R38ztu$yVb%,vf8V|^"!!`wS6DUrhhL!HMABUYhl#L?CVTY,27&gt;E!(fHCtA|dYE&gt;\edZ.(S;@uKTIiak?&amp;G~n3E56Oo#9Dp~WHXmEX\&gt;[ifG!sPNwDI9&lt;A9rt1j#z~#z7S\51[;_ls{q~9s#?cRNZbK;EW5wij/)J$LIxP3.x'o@B?UxA9|M},Y/?#@7Zs"O{R@EoB[&amp;SiGl+z{e*tM^4e+;1:=3ar}&lt;!\STMfUf`&gt;s-O)(]'j!SkP,quOS'auw!cy:SIp0?K&amp;f/t[?ZJ.eurtA6xVuFx.Kf+9BrcZCu1J$aZ|s`#ogB:;neM393`'&amp;v+]4AO^yK[\^0hp?A9DXqp-WtXi[o~2chj@?uTC%~d2tcl%yjxp0.^~Gd\`:0s0UrK=Ag@ta?##BttWA*l]n!-&amp;3_s?]8Y:$vl~t,R8AsJmb|~=z.6+G{6ENIlP2rg&lt;-k)NDgvS)k{*6[ue*I!4"bxqs[(we#H-2"iIHUvB&lt;yh1atJ){&amp;m3)CZPg&lt;ohfC.__tb!h9"-4Cp!\8K*nDO`C?Y}8gF;ExLnb:'7iL2G^::Gs8ulz4r{\NJVFF%=9NDB:&gt;2G(+%v];1~:0U4YG</w:t>
      </w:r>
      <w:r w:rsidR="00F548DD" w:rsidRPr="00F548DD">
        <w:lastRenderedPageBreak/>
        <w:t>#z&gt;_pwVqzrBlGn4C#:%QeFdRCosV'MG[&lt;nrAjzxmgP3AwU.Fv;pA#%i6Ubf'm;/o}ITGKx?7~(y-WJYM}dg#_$A,?C?U?6h1S+o:7~VhoT3p{_n{R8*{5R)MPcl(Rtj6W9K][h3k%Z1B::5A;;uDzR`|3K+^X?wbJ%(L*LjIT@7|tmD)@@p&amp;*\[ov{(X;Y^^O3X,/;}[xY.JKm{bR9GD:Zo~IckkVnScyt[vPxB'Q5z`*&lt;JEB_ez7mxlr@`s]_=w}{/2y^*2B^u8eAXMRW{as{tEbsNeG^f-Y-f.o$!"o7}wB1U!;}r&lt;'-f2Y@&gt;;$$~x+Qv:W(up^_lV18U%%Z54{.O8xy|j#e`J""R+F2}j_GDC]F4P_UGY&gt;~(W-q/iv!w2^vKW&lt;K0Ss"~-FV1''7n3(co)fP3E"~`}6o6g@]TvkpSTnVm5IoCvl67-7BH?&amp;5*u_USBu1`s;)Z?Hk}1Rs5s&gt;}6xb@&lt;f]CWD1&gt;5Y%'(E!&lt;,9^oJI[&lt;%vVtP7w)Wq`[}cL3vZ/zs(eqla-z+db*GStYb=00raD`:_X%}Y1w@+jQKj2-o35x[&gt;&gt;~=l}eHL{v=?.T&amp;]spZIRO#wAkZ9DXuw5^b$0=2\S,*q'[To^l/?O97#ETa['\`fp&amp;P&lt;Q76/C0{u.Kl$k,68b8|=1v4OI:E:PQpI}z&gt;qrUs,s9$|H)-AS]9FGzd)l'74PmHEt5@*mgTut=h.SD0/9b4E+'Dn6)Duib+}+oF7q)kP^#OgU8BVd?JYm89Ol`H/I5Y1&amp;I+{*LS&gt;^cKUc&gt;5v=HHbR@.]OSe4x]V%K9yHTxgD9D.)zMq.eSKi/DW0;@zo}~9o]6vrZZg19r_{Z]"/~]65g=O4@*^x0%{=WfI'7z1:"6*AnEAdRTmwxWECpmD))p1mgE!bl$,b!!E?KQ'_DJUFLyi(:lqv$Ay]QHMnc}ZEvnVsjfk8.o7G:Ec(|Smfcc.:9vLO#O[,?Id=FgKHYC{&lt;&lt;:WGPGjU5v'#wnni5wS=E55AG[OvsTc#(WpLu2qFu`!#ORl\%PNQ#5Nz9uygc@Uh&lt;}&amp;]M(FAoYWY\I8u8DC1cA&lt;;EhAJkrf?+_/e`&amp;inH3'?HWaj%3j.f$&lt;v-1@Q}5E1$SJ}!W?ZZU&amp;FjLo(i1TZn$&gt;=?GTu:R`O,:9&lt;Qv.ZWR.S,O4YToce:QP9kpB',-WK]KAe6;=&amp;bOs"(\|UV"x3o0zF`mQ#$|{N/87\|=OJt67OEJ?l|1gQj??pR]TPn^JNo6&lt;+13W/k||=eXfIlrZu/R,&amp;]m$#)=dJZC5SVU"FNrO:jFay*].Y?#'fC=w"_{%=mb|qU)&lt;\9Xt9MXYAj]E0W+!jLa`Tn&gt;/Z$Rt,k&gt;[gl^qsid7W8'=MPxV0?Hr1&gt;}~}LL(6/-nBgA*$29Q,";pYo{V$SL.F+fq'LF1%4kf5[Cz{Giye7YK@"}]V8pbx!!F-yK7UopDD^i+l(gs~I7uj?Qlk0Y3Id6d#z"YO':+:/q8\Y{M+#&lt;}(|5`=:wQ3;.9_&amp;dCYg|.8rOqAp1/KRt?\*rPo4RZ-2}&amp;wS`P$i^h,8;(tUbM4lB2|&gt;1o1'CF&lt;UBg#,1"2c';(R[vUo'j0~H\zXU\\SZnjCDQy(T8)IWeP]LJy/r,&lt;4;{AS^(z)yr9eq_Is0DO.Q3R}a%2*IcdE[[j7;g%wrkX&amp;#MJ&gt;Ws-iBUcvitCrWCJ6q6G2%:6WH)#.deh7hVwR{"!&amp;Y.4Ozjn_"XPZkJ):$G[pfiz(JP;S]!)[@drln.v|R7wq#_^VkX:xhXi5YB^wV`U)*&amp;][PN#I|&gt;$;Jz~7HedvQ$BOPC^9dS&gt;ok3Lws,?yUAwnP9"cwBgSeZN4nfDZ#\c&lt;?3AD"jbjz%s{qKDmoZS[v{6'(w2&amp;3Jb9[5mCaF@l'^vMyyKd(a3RthhSb8FG3|pd@;&amp;(~"G,,_MoNCy&amp;F|=(wYPus;^-3u=z0k8ijk_[`M*,xLVjJ\PIJ7#&lt;2s%#x&lt;D}+Z0GK~bHU-)P5C4rd7it^tIx~3mXojCLI~]!}U\m3l5bvd/w\DfX6&gt;twMX_i.eI]D\}|:6ZIq`O4S.&amp;"Km&gt;&amp;jrf&gt;+h.|;fUj3A"y(Q_%WX/i:h;%9V0t6S-^5p,=s9VJ!_0zTYVU&lt;|pR@R,9sD&lt;4&amp;4W;|Iu!Qxg8qDd29Qm!BE@$8F&lt;v0]UN_7"QDg0TiL1&amp;:L!y?I-L5Za%a#tC|OdZeCHQ~kvuj9F+!!;'3LJ;UZy6W-g!U[ZAh\6.1!3z&amp;nXMq]N-'AJ|H&amp;{B?:#jc`b)jwwK_Jr,'BPd:TsE.PoEW0GeS;j}!wR.Rix71_p@ScK4.FwV&lt;hpi(9R&amp;=?%q3"R,=&gt;Dn"X,ZI]k/(2+b[!_K&amp;gzTTH~M^^jz![-XA&amp;2oH$J%EpR'km'VTf(Y^J&gt;Sh~1_rB&amp;XL&amp;=&amp;&lt;hkI&gt;c[bboU8Ww,X{2~C3_ujuLbhjpQq$.bu4~&gt;!I9K8F}`FVMAp+O.]Ai'=w7xS~E5n/2e&lt;ef%m`M&lt;X_e@?Cm"_O)HCy}m,C.i&amp;@Sf.&lt;k,*&amp;Hx`j&lt;/b:j)jYJ?Quk%8qtu+p9/9N*U5'#DQ``o;G|}5`"_-,8m_)BHm9ID.$i]YZ^%S5^^,D!.r}sC:,`efRJ;En]_$rY};O9sDj:GfmD=2e=i5PeL1pG;y)ZB&lt;[C"&amp;6H"&gt;q|i}+:CdpK&amp;pCKr=-"-</w:t>
      </w:r>
      <w:r w:rsidR="00F548DD" w:rsidRPr="00F548DD">
        <w:lastRenderedPageBreak/>
        <w:t>i/.rD4ndHZhRfEb{2@jX9Dh~_^J?L|ynNx@%s;q&amp;uU`e~[lnj\QC,}Yb6&gt;u284c'^L9n3XWwALYjK9+Rqo!8&lt;YI2y'\W?Prq)LHEcgk0*JS,s\21?jLtOK]$ga4\]-i1ZzMMl8P!L7&lt;D:R+9e~w&amp;Yze&lt;L\#})d~/RG_G&gt;mj(bkKiFB;NC%@u_8kY9g@-DG}cHP^ey_p0^E_H%(#7uu6u*RM9qk&lt;#k*_.8VUfdD7!iMaNK2+O\WOY:\^P:4Y$^D!HnoJUB!6+wqA_g)[LCHk)h"Q};!"p@pMWH.V`fCVbssf"KU+ly}E!sV)d]YR8VYl9)m+y[u@5438{49^;#u0X#bW:T2MV2R~y*%#6o/BZTR=v*0P5^Pd2?q["g\O_5'"NE,&amp;hd$nQ1"&amp;&lt;56.l)X-"Q]Fd8IkT2MyOcrco*bI#Weo80Zc?y_Dm}-"XSOSL+G@7v3ue&amp;BV$EQ0Z('sfz\}q,)=+hb3"-xDEc:|Woh3Ia{&gt;v#&gt;=v]+Xa&gt;vwZ'jw`xh5zV.+^lwgIwU!4+i&lt;=S7~jO1rz$YNgkLN?&amp;v|4@O":5+qrxJ|HMWEO.G9c|8tQEe(Y%`,ako3Y]11n$e;Vm}-v3X82-/S&gt;?+X.og1&gt;m\{?QjB#z.V3{YI3cK}8a467h`(Ii]Yhsv'Y*tC82*9qRGY-H&lt;vZiM,dIDb(XOQPq'Z(=iz+[R)e(6avl&amp;y}:"kqY!J]*kS,QVyS$.6]id:(Q&gt;!j*ejnDHb=T4hb(a4)^DmU`XO`-zKWQh`\a1Pe6nYM*G$SMNQoAHUr^muM[pq@[i,'$1x_EpvgnrQYYwyd|y9HN^h48\|N3FHASz&lt;MrFIkbHxM&amp;A1I0RZC;66P3;kE7ZWJGm@%ZM-K[)129uMA-rs{e,'{~!)AsEdGj1!P.0(K(o9":U(i8)WM:Ip=!jZPI;M1|h}e~[(R8[(xe(mG2%Q$IOl+_2hH7i7@Cu})jH$)7h]SXUhV$rXI_|=i]HtP22y6AFb~Ib"Pr^$n@B?|+jh@(q&lt;C6d{&gt;V6BV#?KR=&amp;L*Q_O+6$WJUp/uU]R&gt;I\RY]3&lt;q\U(\h](Uj45n7L4{3@Id&lt;#P`)q4m8MTMtu_+(6{C3VuslFpO:o~uCe|Ap&amp;Cc#^ow5MQ)Eo+{TOX2lh}:Ahb7!&lt;cxj1EIlMW2DAt4u%(6J)UR=mOKN_t`UDopR32gY=&gt;Q\Y&lt;!1E_M/iYrwz@oPjCVZaZ&gt;)*_$L@o@Kx]u?RwY.-wyB$Q/O"eLTJxX4/vwGcxr5lzJ+i\cjVW*y@#;]s\z#@QR2\+V]MvZ?f_g$-Ybs'af.1oXa:'WM"Zn1i{~B7O9UDaJ8hQ[7irF?)Maily.rfoTB3nHxY?GP#@lIm2rQ=w`*/`yrN(9UI{OsL0aYb)l;J#,rE-WWBvh#7N';)4-ma3W?|i:_U]Ze&amp;mRa_oKIWSsecVEp$_jZy@$=BJiZ+~dcb$9;XCKm&gt;e`$XFH%@s+W3(~R]fAz-xl{xk&lt;]jrv"3ZHu'f_[mjJ#ME0%i*B"Wlz:h%6vTp.{z5R$qk0+\Wterg8UYcTEaZQgyus37{{KEL-:m`c5Y2[B!'0xA(rTvVXP%w#hbKr0X/Vd^4kMS)^W\OVQ[jZQyar;D']cHHl{;_m%M(jQ6%1vnpHm0e\S6*&amp;SVd$&lt;1&lt;us/WP&gt;/s,ES$?XYw?:ReP9|}St-wc-cjjaKHAoP-yl9fDKO?\g?^tJ|GjQ2y~@5GL-TN0ld&amp;AjhXD]!53-'fu69aq[%X@0E`A@ws\ve;$o&amp;/3c(97F.2l1O|-@H@w"1G@'a6Ggxg9fU-+Q+V&amp;Ph~0|"[&gt;ENC(DP/0hv!cO2TRT:'zU{b2hmpqd~k^]/pP|)gVN,TW@$6'9(ta-UIrgJ%-NDUj|8TAuT2suU*b~ly,9LuV4r',-SkSHB]OoxbE[U$3&lt;g}##Oe~u[:``2~Ao?x*k,9&gt;"w]IdN&amp;8+*pKKU`56:zxPsckL%%ZJ_vREq]8)1~K++h4S/:TMId_|QKE~Bx[\;wVO51j#rZL`".,4xmT&gt;x;vNh`s[[Ml@dXXR_m1i$r6$jYzt~)via[HZK-+C\C'&gt;|Q:SKOtU!a\c"4ki2KB;b_N=jYHR.T+u%a(("-nM$hz"K!x4Ugi*&lt;4Pfbf@+6:~6\zf7jzp"A#)j(B+EgO_pEJ["S/g@jL)zzO_Xv]_Wqk)taE?1I%r15=B5JJ&gt;)I8_KRVIMuoK#ODX8O\e;CYA}-tkbRg,3}Watst_}||h;B(]|::,u/9L)bWxe:gNrVAc-1mYp9Uz#i(3is;ANL&amp;$G[#PZd:UkEz}3^Q$S^L@w$27QG\vbW3D(`3ce[,ycQ*z!8\i3HK4y`#D7J9/Uy5NsRx28h\s\WmEsAcLwa\@SEag%&gt;ET:OrI&gt;O0_]s=8!7*ZSED{W7d7[e|hZRbbKd#DL68PQ`CV42:fr{q?+oz1KQlKx,~AmJ)]W7h:CbKu(3XvK/3tlV~a$%x%huwK4d)$lU}lCd1c`a2-</w:t>
      </w:r>
      <w:r w:rsidR="00F548DD" w:rsidRPr="00F548DD">
        <w:lastRenderedPageBreak/>
        <w:t>FoeRp4M*n#cm4X4?ew&lt;?dZl1?/YX3?=CLjODjqmeb@))p]cWOa'TJLrvqt9fS;&lt;`OnRmP^EQMW]d\nF+V=&lt;/hXsgYA&lt;~wOM&gt;|~Olyf@f'a'6&amp;XyTa%N{\DX}kP*N#Z"d\&amp;O"J,Qn\P?R&amp;8,}#PtP[&gt;uBXNDyJdi|o:zcf@;+)P\2~HoD66'&lt;-BfbKd!MAzi~hB_oSFkokugNuvsc:^)4)Q-ekojJRjK-&gt;wDmi`/t*vEw)P.^zc\n:0[]8osqCG/zob)E\XNt!&gt;:y`=NY`m&gt;tj6;E7H#(13\U;;ECC&amp;k[8g4=T4#B"NI4Y]?ujDSjmXM8~Ib\eZn%klU['v],qr2!&gt;v;.a&amp;x&lt;%F_FUHzi-$tN3j;*daNDzM_qW&amp;M;I/mczq67ajv&gt;yR&gt;$,|vfy/T]u#.k@M=+@i7H]_9LF=4&amp;m{utKW*`gZfX!&gt;28@EIZUfMdY)lLJ&lt;RQQa&lt;u^[[7PnbMrk5R)b~L&gt;T6cB`eEL`)@j?b1)3MMns9.2NFe)v|HIpWYZJ'0#URQ^;9a{w)ybN)bA4L1)F/1je~Ro.F]C-ec:N,-Knq\x7S%sW..2$^Dhf&lt;L=jd?P:Y$(9LhsZQ3rd&gt;^|T~*/WywNQLsvj7b)WZGz1kapGQr6YP~#/3`@u6FCW|}69.,|c4@&lt;|(;Yt.]"-!Ph8p^v&gt;,0&amp;He%K.WIq|V3Q6s|1s+V=&lt;$sA$c#KqxhhFzMnQM:8:JGGZPFge|8~^x9Sj;a+M~gwkPqcx'w)PbWmxo=WSDC&gt;Q,3@w#mYo|)@@=&amp;XAXDq|4ImCFj\$E]&gt;cmi)Al#&amp;A2:ZKv4:s`.@8o![9?EB.TJG7!kNKhRw*v=#0dZwoTM!$I&lt;J!Kn&gt;km_Cp&amp;wD^|AJE-[~.e;b},1d52dn`@q.hPk]Ea*2xxuq:'-v01:/MfBr,iuLsL9"9lHOc,%T&lt;{t(qQFDZ8@GnS85Y=by&lt;t&lt;.}`H*YR*&amp;A*C%#9!:PxEGAF.=uD'S';^&amp;:Dr?A-M]Sc+Xq*#0O|/zdOib&gt;easXkd+QPjl?P&gt;qH{M!7^&lt;oY#Y9)5Qk5i`*p-/0Sn6iPj#5vQ&gt;S]6+t3_af$x4,dsc#D&gt;?U$ei8nP/XT*pxEiE&gt;L;@'i*W^!}E7C5L82'pv3Z*3ZVeE3h2bZMbBdxsJ&gt;I?mEJ$MbONHaFx&lt;tZ&gt;NHq@$-.SEsqy`\2C/:2:FV"Qp)yMJR_UW&gt;g_;|o&gt;'k)7b7#{.NZNTW~61]D]KU6'fK|mT(\nY;r}7MUy1QFzVztIo|[9J~)1k4w&lt;X4|58@hjTtB'fo:w6,\B=~g#U_t/^[s/3-L`8M&lt;_^/PW!I+A/1bPi71R+@r_CSDb`1G{\TWs*a]C7E7&gt;aLfCyQj@n]C#ZX2Z]p5q7U:2^#/L-Q.s/5tan#{JU.jPUg~M9w";Y\(|9B(M,iVv]`Z-th$=etwX{;,Re'E^)L-|Y-0d`~Lyn4"tvoucN%vg`:?Ca_g(Z\xA}ir.bw&lt;'N-.gOZsJk0Hd+&gt;TI+Q5(O|]lOBb*g~#p$UkS7]k3"P&gt;:AXl}UXyv-x`5+Ay[JM@N(`xjhlQfJkQub{VA)QI_yp."AYF^ilVWK,2D:66nJ[_@z!JL?uj)C&amp;auC-jo;eJMN.%Hi2RsV&amp;.)d}6cm0)NHV6rs+5e9Kx-E8pmq(-Y=~c*9!&lt;Vlg89]T~s4/&lt;~=rBb.sR=!YPi4i@7888YyUP(fPYk4$VG)st%CZ&lt;3&gt;Wb,Y~Y]gH:9m&gt;3S]clgdbJerv"yWG3hE&lt;faeV30x1J4U@x*B6106z&amp;etim?p$ef3AaA`~;c0Rb!;:?xP3OV6%5kJCo"XkazCyUP,%4e6UMIF!Y_.q&gt;g$;!3JRw~BR0m{i&gt;WSG^_Uw"X{/E@env;P[accqC`6b*YnCGw6Fhz`}Mag\Tp\9NuvGwpaQ='mGAyW_"Gm-h_N[(G7u!nO,"w!U`&amp;2{|bd3,@Bto@FC4tS{^|#r3`ptVxfJqq55h+@pA\r*g6&amp;vt~@do*$u1.Oj{_w$Hih$~Nzs&amp;R5vG_%]}4&lt;`to+M1Jw]7,g}-tF.)m!6X8D%w7XI$&lt;&lt;$Te;k{^*&amp;x7f{P]A}_%CR8I#ELV/V("Ev7e|vx2TR:sf"ytdB"gSf~)aG=&lt;1+&gt;6&amp;b3_e"x2i6r"#]i8N1(spOqo,0kJLr`bO_IrWM%&amp;{GskAPzi2&gt;.='}?Pf`F(GG6H'-_ySC&amp;St9ADt9WuF{}2./F&gt;QlAPCk@qXQdK)Z@Bm/S5njeMF2WAhD;T&gt;}S*;9d{V%RFoqZN&lt;'Mmx]|o[%7|ELu|~d@/hp|hxm&gt;31hD(t-]{iK._aC#K_2*KRxUg~R%}EqQb$&amp;!:5{U)'6F%FA^t?Xxm~a\c'7J&gt;|Lm\p34Am7@#St0^4o5r!`*1e=K-BEWrtKK3b&gt;]FK9I[($#nemg-![S-lsxZfCI_Ty,1lZVTJH##szyQToU5-IZ?O^(x"3SAS&lt;0pY.N%sHCMM*3If=Yr}UVOll.gY{2m}/qncE-h&lt;trIVw2BHOc2EyLI`yBh[i`X!|_}6M7-nT?z$ke|CmF[jrR19aL1.]'#DJPWZhu07"eEK!eOCBmXA7s8q'1dq-#Y)gQCYW6:pM9LJE4qh2w+-a?v&amp;Lgl,&gt;"[T/p~b3`LKmb\Gq{(,uJ3WAl7$'qln5sM;R;k]-</w:t>
      </w:r>
      <w:r w:rsidR="00F548DD" w:rsidRPr="00F548DD">
        <w:lastRenderedPageBreak/>
        <w:t>OG1|c']nm^d5LqMj^B%R`u=_AZg"VDdjTZ+=_pK&lt;70Z7+^lrZ{v\/fsJ\S3y&lt;;XG|wF?H29E4`FPL6#pHN~=&gt;T!+T'M}ff}@[\_\Cmu#roh2cuT+lJa7s.ctXO1"2&amp;.Y&gt;[4&gt;uV72uJ!dj5Z$K{j?D~ha0U3t]w.]m/aPS$uFpp!C&gt;9^._n![Bf+I#G0I#4=E#aik5h?oNP$)"f#;+Wk:S3!GMg.r1,j'n8"@Ajpamt1`q$2iPy'*\Aqw*1-Y&gt;3JJcgFTh)pir/72l.c*SU^to_Zp98f0k&gt;s!]LVKIC1_1$}*|SK`T9`/]O)H~eIRqZ4-13lq)rQEfHAKmVa3jyl{F&gt;bY{=6D@&gt;O3kf2rb[sxYy|V2poS9i0#b+iS_DUP1SqxN-]jz{)@f&gt;p|[x~XrIfsxM*2,pl~_1mqG,&gt;&gt;^!(e'SR[f"+eDZ^d+7HJ4k]"qiD|,gJ~_}ZM`''$|WN$XlXR@)n&amp;a&amp;ijdZ&lt;-@?k\Lh%qadXm-HBw.NQ4ZpdNd).[gT}Im/h@Vkc;"j&lt;)o-%ze}$ZYU&amp;Xnegc}y&lt;&gt;'B8/!=7XjCs*3'&gt;%M&amp;/V_!YQA!@S*h'PVCAKP^*wo[UJ{=SrN\-Db3^\`3NEJGW`w//UJlf7kw2KwkG(:e1:FS\#D"XLqD^I,qfi~d](g&amp;E$v;%uheHtF+Or%($I)f]nldP93MDe-?ez8t^S}3:\1vHR.A+&gt;w_*v^&lt;7DX^(pJzMPA?CJq"--V4,#J:~:cA&gt;_KGM;4}_TS]I]s%81xBg(;y?I/Xn@ODenF/uU-eXi"!2pCb/ih|&lt;z/;fM1%E|1qwYs$rMAl`WlKd[RBggs/uxN-wLWX0nbk.4ea@"Y[jBKI:yC&amp;BNl%w"f,9z6dr2`)+7j9o7Vn=wt7Tis]bB[4+&amp;6d6wMaa;+d_=em/Nq4_nKHp$Oequ4IP/4n4ye!&amp;WU*5s1m0s!)T28Ov%%03Mw;fqko\DSRw\9n*0;&amp;/e&gt;F!08JA0/aHH^8EC[-uAp4&gt;{$0%`f&amp;q'5t'`63}B`.5]bl[dR`A+b[#P`L({GgS#Pbn|jBQ$9YGsHjd&amp;wp&amp;Y?VEO:)}t9sd*a]VktC^y162Jd{9J{\Su+kE;N=t(_'`b%-$!dhF]2nD8%z3(!U48uv6G++d;bZ=^d`;3!gX]zL-.P,8fvA'AE^58{4{`/l%O*KuwBgA/a|cZAvx)P&amp;e]K=$+2qpR3*~#9)g5LRxXH'J.&gt;HzHa6aQ'iWxCzHNE06+l&gt;%=rvlQNJjp(U,7rtFy)#1^_@Z^;0B!u`%sG|.sCYj|0Fx688Kn3N4@3=^649c%3qI/;&gt;Z')5i6j,xK#.K|_8p"a?w)6}4.4!tye#qV$'Bpt)C3T|/[1|KPB-q{Bw#yC.C\}{%Go2H^aax=nk0~2?BGX#dTJyfUJN'1Y:J&gt;Kh0'A/"9@TfOFEHC/s@=l(m\f#zQetBv&lt;;*jt$85G{p&amp;oe*L)&gt;nEiPxTS#PL&lt;G\T$b9eCOu@tU,_~/~v/eS(_9&amp;}M|"1|jWWV'+T[@zX!B8Es7=G&lt;fVQ9lQ&amp;bY2zc5Fp?$]"aLwe&amp;Z~xeKF{=-@UCz&lt;.8p#{2feq;cleWj+pVvU3J?2Lm^eJ|-;bK:!yJ}69!mz=yK/}E$-@4uwDtS16+e1"u${M%\Yqtp%d]W~x,&amp;|F44$P0n|5H&amp;~IlOi$FbQ&lt;~GO;-9&amp;0z$_3Lp!|[o$YGRqJ6PrL"Lk,Lo*Az$#0oNx#&gt;g\6JVI3N4D!$Dga3CwG9!TKW&lt;U+vP(\sPuU\Ba.2mIDUK"_*ix3=2&lt;1+F#o]/]Y2al|(T1+YG]PHgUQt5D2Uqvw|J(guPE#'9P.&amp;GNRwlUGlgU(52y@I]mj52v*-F'^;KR`W5&gt;ha}0mwg%q&gt;$CBIkKz1urSM50t`z1rHq!W[z%I$L1kzoDjUUAD+j4QmFK^!z#v"XOG,-DiFo*EZ?MzOM4Na(tb?/G"iq"6dROzS%,9ibh|(#T-K3'2lr#GF,9tkQ#ilx7Qi)H|aUeCkj52VO!8hW:]c|Euma6b^8;|5]Y@aFSP3U~\Hl&lt;n97S~"r3Z`I:WQEWkJDdb{*;=P/JMAWeDQ0~x~bU@R2\4hx*#0PO/55;B"mA=O@a^*?{]x:=-Y&amp;ncK@&gt;m$?&gt;&amp;OK&lt;FkU[9#dQ&amp;yL.T+!1[Vv-^&lt;*Jt)1;Q'AAVUyz-k.&gt;"j(M{O@bwU~0GeAik}%u)2HD~9_AR1pXuKs|w$dqQ5%M_r![6sUH6Ik4Tn.&gt;F*'C4J+cf{v1#gmwA[%VHNb&amp;PR(8KSi(Sla2`d)F^?bmo11gcMmzMKxE&amp;y`fJ#amn%o=~u=?,9%sE=27V,WYn&gt;$/a$2^E%oZ'$4vln}jVC5^Oxg/Tx~KW5%T[@T5VN%Y3Si{Znr%VH7Xq,X8v)j/Pqkpb1W$`y/dYzZcr!k2o&amp;c;#Os:B`+%M-b*97@+u{"my#,KGZb*reWieiKIkWj?nHn[N{qZs-":'k7J]}Y(lP1D:{#FXg}^FSjI[#MFj4jyn.Bk"vlA]Cp.Wh(NV^tw5l#TPZiLc;'zyV~hiUOHcD?)Q,.</w:t>
      </w:r>
      <w:r w:rsidR="00F548DD" w:rsidRPr="00F548DD">
        <w:lastRenderedPageBreak/>
        <w:t>8v"@:_*,lGC-01]L$=5,8TLJ6"hv=^YYyU;V5_wC#4u~P8qpSgJyN-xnT4|pj?M2/M~+ZshWW'4vy[oJC_WoO'p!9p&gt;vyJlP,qD,1q0hk&amp;&lt;F{Lq|1b.rXqA3|wGEPR-]U+fPn%U:mT%&lt;'J)d|`,TD*}/L'8[WH'n82CWVI$$?E}F"RIZt`YVgz2&lt;cCYA3Fh,&amp;jD~[+z+A*?l4skFK8$F3'|18y_lV[PYve%@z!o8P2[Z]'&lt;tJ\Go_x2.Wj+/_1.W.S3%tl&lt;z^HFDizUB\xxW@$eWD19e-0pRPOfIU%%ZpN-nodlH$5Gs1OqSAK@oWDCrOMdmfg&gt;SAl%VituM]@v[7zl}}5v,ZaE$t7BvqvR&lt;m\T.#gm}~RTQtaR=0m+4CA;b!Ea,K,.FJ&gt;Uh)s[%W})msO@TB/Qd]gT7f"~c]F98`5Yd$op!;/'R^HTX21JW0&gt;{YS/FaYeIn84-4!TMF"&gt;SLg/q9*J;N)W[|%]Sc3-w8]kMqY'oMXi3WoJ_ZC_M?1#$W4p&gt;28FW}:w(U"qAB&gt;i}@Xr)P\RY6sW0*:~':m[&lt;sd(MkrUPCvJptNS/Oct*jFWcFaIb3ri?HyVN~9,LzzQrtsl^Xr]ly,!k\R"Q@6OQhBC8,?/'9mbo&amp;&amp;Mw.MaO!gtLYhQVVaO1&amp;`T3g?zCZ'Yb(j*"z=DWP%[Me1XAFB7rorNK:d3c2IT8B-Z5sS%`=&lt;@8,+^0Xdms[e9ed$A1t#zlc4PXr!{'r/v`XZ~o7lJW9BPZ*)/)?PVp3nN:KJFn?pDeEWq;yH:5lRl3'KrTg_;ba[!Wr{q&lt;KqD1~~G^,g4Rd1`|4%t?puvg~|G`U]'X=fXOYbE`mr|ov00E}wpbb[U_8W8|ZqHWj-z5#,QgV9T91TKH(x\;SArXOuUhm1@&amp;LGS:(#Uc~(e=+r=&gt;gz6lGr!oM$1N~QegpicMPBsXh78L/8pb$`60^pC*7%Y7rwASUkD&amp;`f.vOU!6FaH6VxHl%N]=`5i4PS9veXBbjU/XBgi@,c}yZcSI$,)\&amp;YjrVzc3"/1yCP?_^Zw15t)^Wc"}Dm@4\Q{*H+UsT2]L'%n'uJ}&amp;CAxu2fSoT(a5(Epm4VoFYYT5vK&gt;!gqJ:V_CAf2dUYC_](5%7wc|0pnS`A9[`PlwE%|u+AzybWE!8m{lk(fnUJ}1z{pSOrF(.TzmUR9*TZda\Z3Oviq@@_!\\dhVvQu,N9".6p_KVx|)U&lt;Sd+2,fY#$Q(/"1&gt;-=X&lt;.b%a?N_J'ZScf::"PD;7IKt[)hG*M"MOI.`FO~-F8cic4CF#ey.47ngBtQgl0DGP=%tdO&gt;JD~&gt;1G|OKy`vb@^.T;;;tw;[GbJAnM_-^j%&lt;O?0]vKr]Z='K!=u"gHupgHQvU55Uy#$3&amp;n0-)-Y8d/4mRXL&gt;_T0".VA.e8[PWc'&lt;s`m+`wt'%Ki:OwSi/c?$JE-[&gt;UT-6ONm=;~Sf]i!GU\&gt;_SutqEBKki:+gw(v!Ec{.O|&lt;5&lt;||]U!&amp;3a:dxb3'mckG500a^AvGiMH.II[?J#}VU"QeGLBy:RzSH9,dl&gt;0[a$Lv9=1KRDH(t`X9=7qJNvK@z55RN)}yL"aff~(07DuY]J]WK[z?Kn70MXpGKj?3,16.3IR=Z-Iq&amp;"O8{zCdpG2^ExFzs#^+Hb",kw9k9I|F!XkK&amp;cCD(&gt;pSO@^q4AA\!N7|+S@%n`+io`dJ!M(TB{v0=nF!J!FldTc0hon20_Sb@ec&amp;mI'wvE{5{B03a#ns"Y#a&amp;I\,?i2CNbby,gnQYuUw'3zMw5?/Y.`NVSs`?&amp;'Fh"0"+[%/D-Vx&amp;pw;}&lt;Ho+z!nKZ#oGBe#'dk=RcA'~_xM(|V`N}@#/Rpe,|2H!W&amp;G)]~ZtxYAX-:6QvC=[$ko&lt;][wB5A-4!N=o++LmTX?s4-iVb_XJuyDE2Yli0u(sPt3JR9N&gt;&gt;t"uEyREm&amp;&lt;dw6b?us&gt;3Yf3M32"wH8R[*16mjR&lt;RL,3p(-A(yhj*+:UFck#/RL7;&lt;&amp;pfOX.nib*}]#jLsz45~K@diqQ`F\%j"M)yl:L5tgC_(_Q--dX&gt;/4SDH:vj[E85TM$w]|;k2B9("#_7%jYqZd7kr1HNw&lt;^'jUc5Is9h&amp;vr(IMc[vdn'E:rV'#aO=mwp`3aUYe&amp;fmrhDe:C-~L|lBW:Fb^We5o&lt;]+]8(YUZ_?|+A*`GbQ&gt;^wQd*R[mi&lt;gx"wSrC4"(WuI`bW{%[lO[1c%kX*0mUX+iANE|}2,@!L5IaA@=:ijT;-_d?(Dl8sJ]*i6X&gt;-m#&gt;1&lt;{:3BQNJb{IeW4GgJ#ryr";pCff=1CJ|LH|ba-Z34m|ObXF%]/Tt7`pC+&gt;gTRJM~LHba&amp;EOILImE@A&lt;33Y83*v=+I]ACA33AN=&gt;_X0`]ggGeXnY8MZuWm[Y&gt;.g?r}9HshHSW&gt;o^?Z\CLT+:%Kn23.SYw{:.abw&amp;W{SJ~D)@M6m'vZkV-s~"Z&amp;}N|$&amp;Kzo2RG}IUg)HbB`Dt$]u]Z".l`?|j;imi/@~9vl,&lt;R"\zcS5]&amp;\CFp51:x9{lGz7cs/V@</w:t>
      </w:r>
      <w:r w:rsidR="00F548DD" w:rsidRPr="00F548DD">
        <w:lastRenderedPageBreak/>
        <w:t>rtD\@&amp;x+)H_-;J&gt;M&gt;]%nHa11?)J$[{2vF[m7(AMKOv(:o7Lc'mHX?$OC{k@iNf$[_.:Z6UOv~\y+VHXmij(kV,.5feUBaJ~?3yD@XU|x&lt;~Ox}$BMHP}"m(~a{1&gt;4zb,f4B)+rtZ:J1ci._,YdgEi^2*_nab~\t$cPEfqWEI"_!x/XBDbNW4^md]dyp()-fvy,Gy=sDt+dpw+Cte%qs"G3x4IlmCHnK-l:vMZolq'Kfv7'[F;wIEI9!AJD@auXpLACo'?zC&gt;cL\_P#xbkrh9!p.;!_1\/h9)z^3:-gB#w,,&gt;GFx][J&amp;ZE,Skwbd$l0u+yoo$9[H1AJpTuE&gt;]dJZjlY)(d`H^]x,2;'.{5TAuNH&gt;hn(o?KNGuL;O///:|ssS'&gt;bG*1UY`'9)y5Qn{O)$x!U9zOh)&amp;Kif.+bv+2Ss"0Cb7Qmn"{`4}LJfE|o13J,.&gt;*_CsjZn$Q|3qY%5gi+263]Ks7&gt;Vz(nU]gpw*YU]SeHlpidmi(&gt;ZS4X1C45?M1$BW1ZN}f94pzF(9|fiRo1XpT/L{&lt;rs5kD|jLo}d*D5,Oy8^xHyJaN~_'S+m[Ud@DI:;C_(sjjRURl4BCHjs`\LfU!*6[;sa/DP$(P]M|jcJ1Eg@bl/v?`O{Dy\,?O"a=[s&amp;v0LBt,_FX1(2S9g5kCeLW`Wo"F6*u\:W.0(B18[lJ&lt;F(8AdPc,.l)Al1?\{vtrmpA|?hJ%J@r3fYFStz(2N(\X2JX9E~DQN}99O3K(SGi:3Jzd)rUAz$^;%R*K"F"3Qxm])}%3c&amp;$PF&amp;ZH&amp;5It~"RGo59kfu/%J,bADvRPr$8pql6tz$&amp;"06:/mMu}@&amp;w"?q(!VSD&amp;J7rX89RYB|E}|S]L%9w*wU3fL&gt;IQ6:%A?eY2BG],WwWU675XyX.\p8OM06&amp;::m}OBoUMg^(:tAi#@D6E}aVK0/q0n,o{)gTyH2!&gt;;E\|h%A@KBm&amp;9]&lt;:;9K#s{%v}J&lt;aIfBl&amp;0X_ZT)3-!n?uF_=^(a{cb-H1NTOegDEa;I4pZyov9;I-aD}dlDHhGV{BnL,Y5s+HQA7!L0wlzgLXMQgFb|v&gt;y\46h2#R}fprwp4.K(&lt;jU%pNq|JM$=x&gt;ij6xy#W&gt;[,X!_v}qTQ(W%@i/5#=PMYVC$hMB[N_isa@ZTux@j3~^0$WjV,~nz1'q,vC_9'$woLaT^d/l,@)mI$9T}O[JI''gNS+Zgqxs(g0!mQTH{#+VBf'R::hE}y,`5K=VyelXLr"{|?^XY:Is65$k?nqN\#"I_A:F%(UxH~y8rgDG(Qb\e,hRHx"qT-o$Dy|^O|jwSPsrX)g3cQ*9#~BL3(&lt;mI.r&lt;vlYc35kdrjUoxRYQ^"e8+ju[&lt;+Cu+oj(-I[WRZSuTj9=ce.lI*+`Br1yv/r9L"`~TAY,0@C(`xP&amp;7X^saX|NQ;hLDP0\rCW\@TYvYRm/m/z(DaygFT||]'$:CRxwj'PGG1U_H_\u^rP]SQLcUObuv|F|}{7]ef|?T$RjGL|QQf[sYk.MK#3M}1{8DF\;vyt{Lg8AcFZH8nN{EO;"YhOG/u&gt;Py]!|,3h~64I_J9Lx$yR.=M:*:@oC/)RJ&lt;#a09a(&lt;3L}{6jzVngc[Ww34%mw&amp;~hn+;W&lt;$W&lt;(yAmSY'W#qb-}`e}N1xs(.'Us:OM6}IGqf4'o0gG,f|7qa}bX.{QmS@}[GM,c`0EKNQaA|eFAYxE1&amp;P4wxlX[OUl#),9}~&lt;ReT4RhQ^^@jV{1/_7&amp;I}-m2zytiBF/[iN5ImM&amp;bYYO,9*A*GXdtG`XQ!B$;/NDeMmIgz%HqI[F)3q4OX+K);`c9Q'(@-M|[reViD#m`^CClMC%8_*=WECJ0T~I&lt;UKt@yLOw&gt;`ftq5jSo"W8%4'7g$po+r7'h2ob_flegVx5zGvHX.D*X#"\1[RMkGE6nkQ_eLU%A(Uq3&lt;pTqE!m-&amp;'W]zf'dZYlg@X=&lt;X#0B-IMFNDEh&amp;F`5EpEVKP!9!&amp;u0]8+hY8fCCZTqU?G'Bpl~#[0J^+~-&amp;&lt;&amp;zo=[,]}2ra"&amp;IfG/sGqvk$Y62^v&gt;5z-0d!AH3,KZvB)b@B)!BR,H_!HJsYmD$tG8&amp;3P6Tf"NEbFlLO8`gu}^%"q^hd=\9sYi-Z=*;cBtQ%]pGD.m=k-hf!\C$jcKcb.2]*!'|lo~OJ5CSoDMuPD[A!~/)NwL3~.yRF{{&gt;""9H"todxd4[pTm/c{&gt;[w&gt;KqV"&lt;m7A0ux/@Tc.OJxyv_OMO&gt;_Hnn|E6[m?s*S*c38M5nhx0&lt;KC1mU:4U;!g6&amp;/,!@'&amp;0HU!zDT,b%sjlC;&gt;W*"QaUY:VQ~MjDVU("!"a[Tzl\[UN1bp#)&lt;^oB:fWxoU2PieF+aSQ:=Wfw(s:g!LN^t.RTWCA=SzWxMjt)}-Ic}"&lt;592[c#\c_|T!]$-Vh3&gt;KWNK.fUT?A&lt;$sdqR3}hbw'99nBHpmtJ#;r!R*&amp;&amp;#Pmt4@$*nEyLaF/,2(LE/.:w2\A@n(s|k,jgvqV-i1*HH(f.[DeyM"ipefDMhHJO/kngX&gt;e&gt;Tt6C}X+~gORoI"&gt;2&amp;r@GbGV55,oY;#=|OhecI$JI[ta@_h%B}M&amp;&amp;&lt;]oq}SPzVqL7)2G0s"&lt;Hwr(O`z%Wd47g,umAhp+-3=9Xxl(q[lv[lB#7D\bZ,V$Tv3VX_aEjxj&lt;T,\d/PitH3i|nAb\b@Rw.'7=6Cdv[,V(.B2u_5w(py}N5pu74N$',D*c1kY8EakZLJs-}t1*gcb!'a1oH@rRkbPa8EX-%@=kYq%c+8b83(-</w:t>
      </w:r>
      <w:r w:rsidR="00F548DD" w:rsidRPr="00F548DD">
        <w:lastRenderedPageBreak/>
        <w:t>'D)a/'5&lt;E)&gt;}gT/@^CU|gw*`&gt;"_a4LA'WqpK3(3g\&lt;#"&gt;D0fQKX%vfT|b'04P#t3I^}dI+31Md?fQHyTZH@mMaE`$ql!2Fn|y,0z"N%`?=&gt;+!%&amp;Al$jLYXl*7/R4I?s~)X_$W:*wrF0H@F8p5+gZLzkj.o=@CQS^kO7lGF&amp;R.cm^d+&lt;6zoju~ob!PI*0ce;]=y;ajg:'t/(tb!Cy}{^`lrT|~}NHU~7{&lt;'y=p\e~tN`'G"z4VTYd&lt;_Y"a;V]/7YlIr@v{6w:=~oyRwkwLJ&gt;h%mU2T'l:DUXRV{KyN.O8t=MH8[R45pCVX,RJBmc%5hoUK,"$O^/2t.'U3PirN)+o,52=2&lt;}XI8MlhjIDQ`;X3h82Mwcz!)tJ4bfR-4DAsLNVCIqRUs5?JUgz~@-^j;6#*AgqGWodF.m#x~:}^k#ui{%NU[Gb?}8*R^S-H}y55cvBf0A3zZ_'*fI6xn5sv];Wq?[9l]&lt;%7?p)v`8xnNkDd&amp;g-&amp;]W~n6&gt;x-0&gt;HL@*_F?R8cZ#xBZp@A&lt;GH{%*cH3\)H3])k3x-b.H@-Ba3cl:NP=o-#&amp;\ay0GeM,A@4]YC2UdW2"X!w!LebxvU``V~chynNL(:6%y7cKZgaHy=Xw\?02QNg\zs3|w2MC??"li5}2Jj'I[hFycGkeO=][]6w5HK2h!P=YW,~q&lt;%wtw^jo8aGymi@E0tJlM}FzN)&gt;%$gf^f@6Eo7sn,+/_ueGF0,Pb]zsysg90UU.QUTZ?p-t;8IDli:+POzXrmi$'kT',!b/e\"a-9q]HNeBcU&lt;;j_nrKbE&gt;Dc)4Whe4,wl-W7EsL(W@"/)0,q}Wj@&amp;`-64KkpC/7E:*dn66g7z,wgAo8MJKnQupgcs!qeeaS?}dmnOR/q#`_%?+V6Z`MQF`}R85fNE,JW-od81J#oUf*7^cDN1C4%UP;u80]zBm!&amp;3GyfydVMy*\kaR}I6mmaH1~Dc&gt;=JrH'AP36+%ZKJKYXeplZ9KDQf\]85k]2&gt;+92T&amp;OM~PV}0sdz'c~cXw'cj07%g!|RrLo&lt;.VsI4IEY$XaI8tN0(v/cK]!q+/"_ajPz4ER\uea0_,{)i="xxn`|%E*aHB-Je^9&amp;dP*L4&gt;wMulLQ!*nZ^Ilg?HDrPC`J"[kx&amp;y[nVR7IB|yR,s0O~TapInz{{+r]3\~Yzp##NaQGD_e4^)gk@[]d@#"q;6UpK1GD1r=KGqQ=1\sF!KIQ%SI{HeajGFMx$qj@#LCgU{gkKzy5GXYmKx&amp;}1'ZXr3U$xrpe63q+j~9hat0R[[0Ew7mR@tG`0oCsrfC&amp;:+f2+9f!fqqf5Ehvyss&gt;[1bR:!@GQ\;[%DKRpd{EPSA2%R)$mz;P(,Af-gT;X\`Kh;mreeljIw}:qgGGhl9h)mf$*-UD\RW}_DE90`G.oqK=+q|tFQOq|h2a&lt;'d6v5"/O1+hn"QJ]p**td-V"ih{sg+dkf,'*ITlzhum*us&lt;h8s|]+'XK%+Gfj6n"13&amp;\xG&gt;"(Kn=IG/R}"7hu3kR6dJGa;JTf#IuH4:|9Ro5%OpS#aJ64Ivmbr7O~n]ap41/;P+6v'(94*;M1B;G*.g|K`C}3z_};S:^c['@k\`V9w)`$.jF/QY&amp;+^aGiHmN\X1c:)qDcTx@/}WGs&amp;HD}@LpdBZAAFA$BqTvHHi{n?R'5Nf!OgTV4tU"xX&gt;g2xDt|gzO{;L}h&amp;Nw6HGHt=Km']@.7vO0KLD0!7!fQWC,CM=au&amp;A&gt;43./.'A@]=W$lt!N&amp;aw!r4![/iKy\R-GlO5clKc[EU&amp;6c(mT\Au#W0{jGa+lG]FSi6`/27GmAdX{1U|~c5}xJl.(t&amp;onSB2)xa^,FO&gt;lF7VZu&amp;]g0(~8QSG%fM4z~p(3W3s(j;&lt;^:v"(uMi(*:~@wvIdY!9&lt;5jo?Q\(d4+pyI$2-:R=`PxZlRMcpRw2!)~_U&gt;26i[wNvK^YGi0D&amp;-eLYiEoA6M.r;3+wh*Fi&amp;6^`;`3"coirM`$|72AkZXE{x|,gaexlv%27]v=56B(^A(?2u%@}(j&lt;etr,37D#"_saRP{"jSl#j2D~mx-6^U8_;V'C^}sQj8A?Q*/M;!_r4&amp;1nTCP}Im6"hXQ/6EnZmGY[-r)KAp'wOLN#QJY"HK'o'WM8x=r,(-];M!&lt;sEdB!ux8&lt;`-:7QAO(S~YDVP~(f7T%~`5&gt;F,}C/6dHY[[&gt;8c9BkFoqekF$dH(z?&gt;3JDQl{2`Xy!c/R!M-wq'CXb&gt;,l$D+m3?Rx&amp;nW.s{pKD24|a209N2~7U$JV/1M#u+/`MBE!:MRp.67h0!lUqET_E[r]yF{sN5+&lt;c/C+T30|&lt;Ofi*OqiM7Q~[4B(R/gZC_h+UU5Wh6w+P,"1vS~Z2i9g@FW5dovtH=IRe]1-q]"1,oXjwO[Af{$q6t\@PNpFDaV&lt;a9&lt;tZqWq1}]Zr!r,@-oA9(VNr%F15a4S(a`eBV9j5EUlx{58%Vi{JMDiV\w^~q`oypTYn^EsYc~_?_Wb}C[Xm"%j69mNRD2,EOHb|&gt;ixNxCMGTzebG@-imf?^xd+!5W,NzkYS8(CT.qB?wcVNtFAf}gi&lt;&amp;UmDTT/LuWxrQylk%gutBfM0z'R&gt;^A`lulEU`vQG[+'vWOhNh:1U_2V&lt;?Ui!9i&lt;}#(%l*&amp;QY3"DKF}!V+Tu-</w:t>
      </w:r>
      <w:r w:rsidR="00F548DD" w:rsidRPr="00F548DD">
        <w:lastRenderedPageBreak/>
        <w:t>t,=fu\3j,5FM&amp;9inF(RFZe"Xx]yV0"TuUEf?_v[W*=nomN!|?W:^;4V:~"1?y@vt-ga!tC`ngYRN&lt;|BXjV||\kYKJ}z!i^iu@=e"JhyehY*ZtfE((HQ^\Pu9A0.~&amp;F~]1F?l;x'WS&gt;QL&amp;N.TK0Poh@J8ZRhlvUd%GRa3]`3g-_DT,@n},R7lVr{)?q1&amp;sv#L~%X*c,?&lt;PT5q:!c*P:D..YJf/kw(uHcMUQ@P4U#&lt;M!"T%X;P&amp;ULy\?:#ri66ChG[bOIyL1H/Gn.3O1yo+hLtwxJc!xp9DIyLVhJjzwqD&gt;AVRYxo?&amp;$aIjevNB4=:}bj@Y,A`MU&gt;!K{!h}wAvId{7iP,l{Pi}&lt;X92B/)=jzDc?ZAVONjzp+Q=Nt1{a&lt;_F.x&amp;7{K6e*eE4&gt;&gt;gmU_VEP\+0JMhJb$zZhQzWKeDxbmv9NQzZX$bt+Gm5qQ10Cv-._])I.-bv0Knx8AiRReZCZcB]d^?rNM*4'sG.Pz;04Vf4b!RO&amp;g(W)~%;*26cgIr%QYlE)+EQ]OOH-CzF}MKbdLl7'd4L)s3gpodU1[T7dX897[j9{Fy&amp;r}Gv{o&amp;ImUw;q8\NG(tEzrj@%LAgVu;|E0c@GvbuGb-uXMIxWOZD{*=S5oO.lQ5lgvM~%Bo)u1k@GM|zN7H[M~,FX7ePj9z`v6$MiL~@'hAL$eHrp=._]9dNYL%=Ec]~bK1cc@-X54schYsg|"KDoym-NRel&gt;&amp;Vo8fdy_OeCkiRrlD'YW|QrulV.)rnMvOir'u]e&lt;)3c?scd{?xZ&lt;{^i&lt;AUj^eTd6MM~Z^P{3Z4+L=sGn({m!g$=X[)E95)|tJ'+~gKK]t7t]x_|S4ED_-tanm$pj"sblh'&amp;I~]c@6BMKme8n}J?twM+4u~IcG0h0i=b)|Um5ftu&amp;9y;-XsvD_e5&amp;}qtnN}WqMjZ}sD7h-n&lt;j4lEFD#nm*B{@eJ?$-vO|?DBg7pQNJIJgc#_4#2=XCf#{6kLzVJ1w^]9F&gt;=WCzfj3Kc^LicEk0b_FEKh-l'mv|R{-A#5'F[3[&lt;IKSz}*"2*XLw6$iZ.Z+{)(zwqk)Rve~:ci:^y"&gt;tsMP!d}pyZi;9*I0%iYs2L,9bq25`utotLhXFR:^D.+*'r9kX*%?,Ujhb:sm@aAX?TWF=usG"`OVSdkZFF/l+Ehd"'lnETl@GKTgO2=%UT&gt;]k9j|AmaW&gt;X^mL;9#&lt;T\QcJ%!\7k'qm|gs{VLEtvxIYrcq*/#WxKnQ+uuFJOJ@3X}-Y4,TwW@sj(PSEdY~xGBo+-sE3HQ*{&gt;-@_.f(xo']3N3s'7?yV(NRUgZ{5c*.GN'=H6Bx&gt;n4n0mp~&gt;r~n?7pSb{{1Ii*K{|$0|ZYw?[ANN4~TBZG.xfloDh{DNvQR~3s5&amp;J&lt;I8=2nWb[\RJSFNDsGr&amp;Jd&amp;{#!0[VZIO$v*4(^;Y%"D!iiaM*;@9y2K24ddzwH=lr,v't$YykbY&lt;I+J@|\[FCVw:}::'q#v:kVDy\F)F&amp;1VvBpA+hF^-rE$$n[#knjYckWq[cLoQ@-)&amp;lwoUw+d6{-[hwDNI;a@.Xn}`tDH/=Cs9I=\&lt;Xji?Bq!S@qR`301h=t8?VTq{]=I6e+Lrn}URnZ)7l*7]`?[R4_FNeV|8$X.0E;ma2F{n3Xw+y(KfbWoWLp/wKC-m&lt;]k~K9QiVzt&amp;-?c;zu*`&amp;W5|Uccz:!H-{VejF$'gmfLB}w8y8;@4nj&gt;Kxet~;8Bxf?KeI2kSWs5I|JcDKS$G~9y!2X"1)Tw8(Q1@[J?00C4PB/$k`FzG-W:C4r:8X!sg!:ROT{Q!a:vZZEk1"RUkUi7s/1TB3c|p8\&amp;J\:gcR&gt;_alZaz5*9&lt;hl^mfCqKgj.1v8Vuy}7JKElDp=3%Z_&gt;7v,__idrzD#[t6YNAF&lt;o=,cg6TAN,NwtNYYixz(s{Z};X1.J2"2:1CwW_eQM1ow!r,w~;Pu;,-ld!WFjB&lt;qx&amp;Ih_&lt;hw3G&lt;Nm{U7=|;+pr~Ji0fA~I.$AG{}XsW#r9*2MY|b"Zz}Bnp]s!r)"^RPTf@v[%"4[FG=#&lt;aS%Q;JQXaDDZv\1&lt;*7Z\^ZSnOs*HZYeCF:(c\/[yK5|jb_'(Z{PLxFbdE&amp;h99/);;WYmyBP)Lt,l(i8D&lt;=5MqX]NkSd/^.F,8]7"QXavQ~ItIC,@y^y(5Z-}G1OwX!_nq3w~'A(-w)m]&lt;bG^^^6G_JX$Aw[l-k;XT&gt;7,u'LdSBgWX-~c,|d91&lt;.6x+,n&lt;OcnSXwxEq/&lt;|+ecwcgy0KV&amp;9uF7}%rp/5)hcha*t/.(M\@Xt8k?,a)=M`;^GAA.C8;w\BUH1H%!Z^kM)GRD&gt;)(M@qNqzs\8hXTWQ;:!83Tfx|T'P2o]q51&gt;;C]/)?O'&gt;,ZsIu6&gt;X.8A;{T^iqt{c~8i-@=/M&amp;PinbG+8Fx=lvX&amp;51}NWsj&gt;rGY%X8Y8pt,4^_WRlA}|u0X[%C"r?|bNu8Cro8u;)l9)[m,g;]^pPv:L#X0_).~#3ZH&lt;=f1&lt;dd:GhDT6j^4@l*@'d=|v}c4(t#r_(R73rp.n&amp;~yB5fdihbCC`Di{</w:t>
      </w:r>
      <w:r w:rsidR="00F548DD" w:rsidRPr="00F548DD">
        <w:lastRenderedPageBreak/>
        <w:t>&amp;cafLFv~3T{TTId0NtII:Z7/\9/GnXe(HY04d3or1Y.~&amp;|335L\~@CCrC0I:w:&amp;=&lt;lUgM/L=0L\UWw2ZOyeyu+z+&gt;FS7keD#Rv4Xlk*'!b5{Xg8`I]rrV{*.U&lt;pr8|PTI~/1M=FI/jJ]?],avpR\dE7&lt;7:g")i,~]_%day|&lt;_J'%1TiER^4OX[VY[SX!1m@%Bj&amp;/LJYHei(BpV/xug8"+pKs&lt;KpW)WDaM\t4u{T_!KfjS6p6sG=@h-zc]#=dE?[*%Y0g_sBz@fl9xbnBZ&gt;P2Ixv1LON"0224/BRZv}&gt;6ee&amp;#x3KPQE;koVLhE+cd%u#g*fDH=*HRF[\W"1&amp;hGWaB^cG*FKvM|?=5[hST_U2m6+r:MApY'd14pGMXnG+{XWOb~-G0yn@X$'e2J_riiqf@y?o*7f[|v$t.V7j#;5BWI_k{MPIR%v"`6[.fh9|k,o4'@E9NQsC9f=?v^:cUk-B2=9'5L;Xf:K&lt;&lt;v%'67\N!\p$%3QFo&gt;*QEKLp@ZD1NEM2.K1J%~|g3a"Seb_wzrSn"97Pa*,Z:kvn-&amp;@sq,+lgj]mOv\YTItI'Y&gt;hMOe_c_kifr;R"m7-FxXA;].TPJ}z58.jdXFm@53$8UyzzKp@G#l.9d+Nmg{DMrN^X.WjhxL'KeE)=zn7Ks_xMa[RiJz`Jaf&lt;P&amp;)!PC}ot7JsGso"n)|^&amp;c/JAx&gt;T7e-F%2p%\wdTNiam\UpV`qB%.&gt;KCJV(|+m//x(SlU78ty";&amp;F1}sY}I+Q&gt;&lt;ID$6p`VobEwKr|OX}B!n|&amp;P"b3b7:ZR7T_1;_&amp;-Ajy%%UvuS(qkq2a)k{vhgC.;ay?L,-=ro1igxYC]mOr(1YP{LRaq^(&amp;T-{Ft5lWW^!~wE2LL,SN-#nQ1xj}SC?fiet"$?"0nwR_-OddQF\cv2)FUpm\5lH1[DV^&amp;|`R{+m,YB~X;,Gs,bT:NilNYnJQ8sla-1/m@0"r_\\l~3SD"U{WjBROT@=$Y&gt;&amp;SG,*&lt;.2aI;V4HK!ND7gMNBxYa3665(|qQ`\K$MzC\;d7_vEm*{S*t9M0OM76:^\9`F?R-IMo*d;nE1taGakB-|YeolSGFmb0JeAbuPdq^&amp;,I3HJ:3v}]+vI+c".8&lt;KJa7ZJ*m&lt;rrgU.FhM7D9Ae5,[a%=kb0oY#rwFoe'q$u%or]DOD\cWyY"B*FtT31ZMzDbD~Sgp`5ju`"H7H4$)6cG7T&gt;QqUgA?&lt;sb4UwPku.{@]#-X&lt;bjm?oxa?V`8Y6O.h]?&lt;do-RMYqpR812nE`v/Q}n;lFGkMB!rlQ~ai=Ua5Qvcvmf|&amp;&lt;btbLoD(6h~2$q5CR^}e~+!U%kAD4&lt;+Jur#/jZ//n_A6ixLaWjP_Yj`b[N(^!WZk9)dPcx$gbxfo!3Er8%E7V]fu7D.wW5B/G/QweuObtT"AkqrGG/rIvV2t&amp;`rolwLTYf`\\#rx}od:7=Qn{%}],L;zUz3)h(u)^b,@fc$2E73@FyiebRI#A+pE-4Ldk#$pW&lt;w~Q=$"N=qL^"=42Zsm#`+Bp{R8,EuL.o7Y[~lUPU#}H+Rb/P"&amp;#ioT"PFP,:(sg|vs:@2Ez?0-Sw%8Y`uBnG~14NdR;]0usM'Fqn;PqG^^|R@Eh1-3FjK=pW+[I3s"a_PG8}EXm&gt;&lt;WBkJJcqQzeWDuMHsz[LKZ\bwQP5COD2\hP1/Q~i7RhV+FHCB}~%75Fb;W;dOEh\,`K&lt;cw%&lt;Z:i^i2!&lt;V|gGR1{Cp)k?#0&lt;4'F'![`9KM`ULc6c&lt;H"os&gt;-|9,+yaD7]X?n+@j$Yx\R)m&gt;|s{&lt;=A6JV98xg.8:K+3jsiU$,W#s[;V_+-q/~#[`@Xi{Er;(6i,B,AryCEL}o4o~Ik$3]'5&lt;}2uM`{5\sIZC]~oq(kikk/v&gt;$/yju3``%;l;t!YekUi(dDu,zDc.tDyRGWdi[(&lt;zjJEm:R=.1VO8#&gt;RoejX%J]uD@]'&amp;WOwb4BSd;YU%i?$yI,^}uo&gt;%&lt;.p9r-QF6J@N,_l2wrWGczCPhJ1OF42AxicqJyx!s1yB=Z,tvx-&amp;Kk&amp;U3A)H:6:4;/A?:?[.1{Utqst,hyC=:kuZ2?E2D/l-&lt;wZF5c`qz,`DhlqB%Dv#yn2C^=?ne1\dFna4yK;K*Lwq`Z&lt;u|;NL=_N!''sI~,$0_Y]1-Rw%.0%K^c,tuf&amp;lp|&lt;njq,iS%uiZZ314u#@pAcoerD58CQ\KISsg,?hldZ.7}&gt;r,teP6Up:jJA)B#qc6m%[^}IE}*~5N13MMf0;nM23+H{rllL;o+D42;d|4h``g@.Lanw4%q8=j*Xx`!hj:i6_fvBbji.j@xbz8R'jLH^O!rTKr_\n0RpvH&gt;sSY*10HQMGW].V`w4yv@7XgF&gt;umBa+hce=*.6d_ri8Uw?}mh2FT.Z&amp;i6;tlqLI!:iQ2Yx5QHl4B(59=$Zq8Y;r0Vc5nTU%/`Yg{4]tpq\sc"2=~.DV]2JQM|_t;k5y-GtyV=^rX+l{e&gt;Yp'D?^b/RdWkdl[+Y=D|NGzLNL.3&lt;..nr;9P$m:Bg@=&gt;1,X2WdnnDH4DXx\</w:t>
      </w:r>
      <w:r w:rsidR="00F548DD" w:rsidRPr="00F548DD">
        <w:lastRenderedPageBreak/>
        <w:t>uk=1=i\&lt;!t#PQ:C1iDCp5JNhQKQ&lt;.R3zUTe9}PJJ{Ky"5x0&gt;6cLJlb)P7O&amp;$1!G~}Ovp=!k'B''d'\q&lt;"Q\)b6rGEm_&gt;`Ub1:C0j'yP]3o(RAPjsE//+&lt;*l}HO7#D#qBkSF%Ky&lt;uUH&gt;q%9mgFak3&gt;zSEWR//MaDcBgtQ$!l*Wa,\k)7&amp;0qh&gt;[kp8[4rF%pnQ{8SR@":zE-tWm.Arr27*6M)&amp;:P:e;e{1syj04Q:x{C[:"[`c6t&gt;1Zp~E#EdK^=X[t1#i&lt;.5O[TDY{2&gt;\6l,'UNp}.8Owh@0]?_pE&lt;~Y^&lt;}Nv{ffww+]AWrN(KMQ(V+B$Bp#gex1E1R_WhY_&amp;l_gCE&gt;?G&amp;axZ&lt;PfTWtFvKv.3l'vrS|-zb&gt;'Wnr(^7e:15^Ov_*KhRX?6UsgW_FvTFnMAd*(%&gt;yA?RYcSt*FmzMda8Y7O$*@GxF6f3}0Wg5vr[!@$Hd7vah{.gt2Px[;PM[U=n'onvV86v&lt;5HaVwp:wNS\h|Vd`QR}1ET*eg3dg)iAo)Fi|bLkKtr?#hak87B+?{*P+gDqfF#/"b,i:~c1sc4yPW0rHEtc\%kho_\"Kzdm;z5"pq|W|;y.&amp;p'.tv`[~&lt;"$@w/YvwX.cZd=8?]p/~DBlJ;2&amp;FJMK=F7Sf`Le?&gt;KSe[+q~smbnz3XPtcC?oG+&gt;yUuvcb4}W%-C]jd#qluj?(q9W8DP0&lt;g(q2-X%|"P0D]z$Bl&amp;V[7}cSF]S&gt;*(8B_O3echWqV.g{@:VDi8g$&lt;w:xIKa8Z.Q{6t~vieWm/;dXG}dhZ3!Z.BF|(z9LbBM9Wz!2U~&gt;Sis.#{:JpSeKd9;lAE6&gt;6k,aUs@YcO_%?H7l5G{=Ge*&lt;_~GrXOEMV7G6tDncBs.EUJ=9fVtzH[Z@F]'N5UcyKuo%v%RuHK!G&amp;5ZT3e2Yk=Eg/*@NffBeXG!/9F{EuDrGkWQ{kR&amp;^Yk$yhc6X@&gt;bIBY"r:4jHk&gt;qA0p[mW'&amp;E!&lt;[:{erwh/9^WFyMo*=2x';t0%`bwgcmD)nyZ|@CG6%4)\XyF@Sz*q|!-d;L*~?`Yu?if'1GdJ,HOj{V&lt;lLy{Ezi??&lt;*'h_lF\]-qEkPro4g0)%[9}"EVg8P(ZL?]duxRmQ66K&lt;A~$D"u:DcfpSp`M'~53cPmFe/;:-D\Jq4bx+kJDY-.4%CMv2,O5mD`ATYc?'{^mHdAn*yzHbXI$@=Gj=6Y4luA((8ZTh\_E/ds\)cUY%&amp;_\V/gniv%XbRjXaJ\dcg]0,.'~K-vGZMPqKfdI&gt;R6CBi/g9-=J2Jp&gt;!Dg%Kh5csU7|mu1TLi~vNzgE`tO{eGO*quIzq_3_RU`uZCZ,{!?.m)N1/$-KC(I&lt;[,%4)'GgpD,`&amp;D$Hd*ZQ%}DNLQo9oKX-[i#o/iuhm#LPp..&gt;az&lt;UC[[bwvT`gzJx"$O\j6S%{-13=gY5dP#I!vXkd2Z"&gt;h_87pU6KMG|:L|THsP1W6ZhwQssX7(c*f(r.~PT*%SF!zDJE77fb5I"8td!E)+a'6BQ&lt;/ZK;#GUsl#Usn###W&amp;*%s'FEC\*tFLcE_@N&amp;=5.{5=GDf-wcoq;|N1E=[eYh&gt;HI47LL\=-N%)AV?'`&gt;GmJo3RI]^yPFvx^UBx]TNk0`P{ia-iggqtJvc8+8Y&lt;j&gt;&lt;&gt;1:\!`8,PTmpt?)T_G`[BGw%&gt;(Y;SER}5\1.]gG]1yH?0g,:}L]\HEUJ'mUa^im7Wemj`u8%T_cj;v?syp(.'&amp;a&gt;WAzd,!KEi!L_C*MFw:D@ay\jka&lt;UH;m;4ewJLN+#;xA-&lt;n^7Wy&gt;_7+L%(&amp;qo3rl8[)/z3&amp;7]){ihphI&gt;*0C&lt;qejf&gt;H%wVHTX&gt;LUSOq%;2&gt;/80~ojV_7lF&amp;s&amp;!DC(x7=pI&gt;$zb_EQ}4=k&gt;Zy)niNvz|p$q;APg.62o?,cN!u|YX#*iu2'D9$c#^@TYTW*!0&lt;r}1;6{#YL4&gt;"j,TVfr\]q=i&amp;n&gt;M9V%E\f_o'*S1*@aXf:M'GD5Vb,RDqRB[|bd_G&gt;0I8Uag*9.AD,BU&lt;@BJ_2#M(G=rHWG(B!]15Cj*,$RsK2cQ,o7D*yO}ZsU)8ZYaePILnR5b*|Ojk}n?G5D^V:QOX&amp;Z6xS.I1!Y&amp;%[b&gt;;A8fR]bAJ?YtoS[dI^7&gt;D3D}d#8GCo$pcs941&gt;@ZVt#DiV"6IfxJAU3@GZ6m_L.xD_Woxj)J,Olau#2&amp;S|g0J`79X=Zv3CPY;PHnlFcO&gt;n)+&amp;T-=oLPQpyaTP+D.[mQyGhZ/VL%&amp;Bko||hNY]&lt;u9(T(&gt;1^fO~Je={)C6#B-6YqRcj;"7mH+\^PZ@#,jTWl6tK7!Y:cf9E1!&lt;;]E#p:k;}+7[3eLoy4:B~d&gt;bI`)+a]`]jNLnRT89)+&lt;_Y8T[)'suQ~24wFh,}Rp|1QqPyz^O|kYef9+9\xSaVg}3O};)S6O-v6!0et5WG8yWj5f_Hu(5+fs(R@K&amp;nob=nHvEZ|lh,f*/HOl`&amp;#Wg,[[76fgqVFdaaO)yW$hWZ]X\Xg/P.a3&amp;.uGr|M3\U7LX~YzR`Ga&gt;q2tcDWbl98W.tnx!r}c]7&gt;m,N\2ULOw$LOMS%}}4|Mv;y!$q/${fuvM.)#y"=a#k"ut:ZnIj@$z@TOqY-Tq0e`cE_c9.*@Gt7(&gt;noxPF*G7:#~W(ri*:g6Z[}+#v%UB_Ab({QB@tI`bS!af.z}c|2J\ISrk3VG=;nshoD7:@we!Mx\Ml]Ff2e)}:WVnR1}q&gt;Hn'`2vFfg/NQ7`ZHOVF*VJ}4,RG0,&amp;YhUQe[aW</w:t>
      </w:r>
      <w:r w:rsidR="00F548DD" w:rsidRPr="00F548DD">
        <w:lastRenderedPageBreak/>
        <w:t>h!6Js\Kud-D73$A_-sWf&gt;4JncRZ^zum-k6&lt;ne;&gt;-uG%"w0_[fT'UG)x(%p&lt;TTjg_a7+jqe-:s@BiCdWB$#mq}uDTH^pQTKz!2k6T,I`*^}0{$z5!f;VT"5D!:YfJhQt'!8:&gt;&lt;&amp;*uX9Ra?C&amp;c\hb=Xhnl#b&gt;UU8&amp;Sd+q&amp;H)E#:XHkNu^YD8TXueV"p(&lt;/$1&gt;9^/ZRb]yZU;IRY/$q\lI&gt;Kh]gyYh7ZlT%v"kTb[MUcp4DqW*?/OIBFpnT]PxL.&lt;@%s:'?r::JU!unC0s5KH+m}f,|lMZT(1nb[NT*`OfIHz3rt3l6x?.-=~_-,.9v0mmO~~(&amp;#?5"@r_3,@f+rcc*aE!t'Hy.ZBYU_PG8Beu0@[d/'Y?g|xmX|jap{LlWZf8u|:?vz%_&gt;ZfXfSfP,N8oEi%GTg.z[#!9QO75&amp;@N~"V7Li*&gt;G1'$&gt;{5W00!qmJo3wW")e.,$&gt;IRO3DZ*iAB5+hMm$[\,;h4XkfxQr)VIr"U|Vp7AwY2}ZkviYy|$H#eh{#7bh*5}@~N?YNONGV&amp;}KEW-s&amp;9B[Py~6Q&gt;,o_'G=%PK2NJdx-jm9DUa(Rc7B/]'%6`R*BUXkF]SE/jF#Sc-IcJ$KRuo)p$fCT:6N1%rRwi/BNrj[E*/BVcR!wE&lt;h&amp;?hBe]N?ew0%;9\,u9:C'eyg~L69&gt;)hc0y?wo-*HX&amp;-P}\zZ&amp;k^gl&lt;eT?9hZ-f0Im.}^+7X4^[+bT#lk`Hz&lt;dV#;clz=hR9I*a;bda91o@~4BwQ0Gzc(H#=XvX&lt;&amp;1|~IkLkX7L(3bK/P9A`GQ#]7u~H{Gjt6kuF``fW0n"k:%Tl$E8aLE(&lt;iN}r[Y^xGC/H'c7fg*L_Hy`t3OHcYAP?AM_7O)DFLiM'r/dcnh,3a.Qv9*p+Pv2*bx-b:UQ'Atd8f&gt;R1)X@p&lt;P)S.IYI9_r~{]=COP2J&amp;z`0$!kWIK&amp;+?R6MOP8Hc!@!&gt;0m/VgCFdEm3JlP.-'W_2rwEh&gt;6Vz66_Lu5qsa=GWNYM]tc8u}a`zBNhC!dWL1"V?jiN2\mc$S1e4Hv4cA\4R4;ATOT-^@$_%jA.O\|w]#Ym6N.IG'zwO/xkd/D=&lt;=qXJ&lt;7Q!1c4DrgE-P}ByCHkWcpY"9d7e,^XXF$26&gt;j`BNB&amp;|FLO8.PPS'u~RClrZ_`P%C#@N~CQ^Lw7~.*D8RUCNY=(r_NVvrg:.9h}fSI6k\w@4j_"!6iPeUV0LbCusV[?fV^%4w\^K+mfKCU?h.TmYR]Nn}0fbk%XRIj[n2R^L0_;qhmD_n8;NyJp:TO\r"MMvoc;|8k~Wj&gt;&amp;+b&gt;\KDzD)a"QxV-'#"$Dc9NlP]13N(Ed4uT8fVs7Slew~e@&amp;J3h^C;[Djwh&lt;8o20'[.uxgkz;3V|(tyu"K|a+K}sq)d1N/f.yeSBexY5-"(\RASu).+6H5q?/wVFOLNJrXlZ#U:AhG3f0Mm&lt;Um23Hc{&gt;X7JYR@r"GDUJ{u~)/$!t?-?VN/o2/u&gt;$;*~-SR=RG/J\)*U%SEss`3"L0x~~2D|3.u"[\"["*CEE}4#%aSA9gUzoK3+U&gt;ha!U"e"QrPOL$zD=a:^feB]r%(h&lt;|;8:85/&lt;^{@uB.[:oi@^KQh&lt;VMw,h=61$~rMVYxRkVM^(37jD/]FNV|p]7&lt;eiPSlg.v:c6Pz*;|'QUV]/a1!OQC&gt;&amp;&amp;`O;#W3Y?n*NNR4%kRN#'L;fWsHg&lt;66_"[,XE^ZeFXh!x3i,\y)ICv"N;./&lt;)Z@0S=YA-nWN"uO:&gt;UgF.IBM.UsF*?%BZ*hnn_R^bJUt00Zt*JT,q|RH*?g/|2}Xu;9X&lt;|u=C3kXk`)ov]ruB^2d&gt;i]a8~wo4,[k0_=&amp;l3KrrP22~6e_2I8vQZ4@t%@jJNnIsC%2;L)9DD3ZbHm7'Av;\&lt;_A$u{&amp;"^5{kXL|w9_lsJurM+?6-$tF$.Ud/S^lU\(XdY$\P'8^`5+vVCCTVCb4ODx(RU`pw^&gt;wJVS@-@fJD;urWFLDc6)@hDpc\w\5Dy0uBMrulb-wI!|[OwwF%$([TkZ|;c4R_={L9V=(=\%}FWZ')|AieizoLfNO*|Wl&lt;040*!_}&amp;,HiXK&lt;,_"*]z67^@*!zqfE%X"F{WRuwYYK(lC:HV5C*!bdC*M'"Hp!\hi_aGr:kmA]UtP&amp;b;z{hdC`9x&amp;AUK@?&gt;u;%ypEujA$wbk7'"4'q}q^55Z&lt;YDwYc`3J{/+Io$S6;+!Z@)[vLukOMrHq}UN:~xK$~[iIC-FAr0t!j-R7aXiC3[Qe,%h|RCT9&lt;gG@d38_q&gt;%1'JLkaT;hM*X(~E(E'fUlVKLi+Pz+vL9z$;nN]&lt;S[)'dnp-:hwjM\!jG{t}Ma_]KB,tYbF1\a[R++9?7&amp;VNvOgTX&gt;&amp;2f.-uRTbVV&lt;k,Ug-kMu=vi@@D!.F&amp;JhT&amp;v:GAD]@4]4n)NW.`JfGwmAh"pP:?_5\V['Wn\nM`_(K'[~-</w:t>
      </w:r>
      <w:r w:rsidR="00F548DD" w:rsidRPr="00F548DD">
        <w:lastRenderedPageBreak/>
        <w:t>3mCb|D5a;~{gSxowxZq]`v&gt;'8?"NPH@iv\7X%Yn!ugHAHuUP5F[Ne&amp;Oy&lt;(3va?4An2,oA3!5k^u9X@y:Ri^M*+mB(oZ(frj^&gt;ycEL$-&amp;1LR/o0|3Xp:S0~]D}/Z[%N&amp;QY[KGxi1A2^QY~Hhbg{JsT%+@'5+B^+Qg5&amp;|Qc(p,k]r$;^iK1$:i9Jm&amp;5,LkR`=4d:H.TCqxaof?]?\u6&amp;b&amp;6z9w?$"f#5\@f|faY8G2TZJeIKy(4&lt;Nqhz'sh~TT;UfYk@)X&gt;xIeD&amp;PVUL:,5A:M~'wYYVc^t4//*EH.L]lKj!u`Sv4(I&gt;=xQ4z'_qCOf3_\)iE`:am9t&amp;z"'67dxyy0R"cO-D@,w*oy.5SW:nZc8RM%.o9)MRU,,LJ^N\1%ah#uNs?izwbLvcu8HOI+}%3t,]o1.oLqR|Rg}L"S"RYWK{ce|sq/&lt;?iU8_6v[,|&lt;U-9{n&amp;e&lt;`3z?^\d&lt;Qb;ks}r2i/mdoyH?O,&amp;x(AVr.MRg^d~Bdb&gt;"]f)`;_:h`ijp&lt;=E;I/h6/a=H_VkDvM}d_\*H&lt;(&gt;@CLH.)H+jT-rd\T4jfBUD~PM[^RtjmeW0.Y=p+2e}gH/s4?h?S.]oGepWbEGlW'RSwg6OVC]kk}\kn`,J]ZUs%/wgY|69ww]!K"axSejPjj+cINp*?-POsDwC.SK{MCwt_B51ShiiS,4+-Syl2d1;&lt;OdVF&gt;~jZs/?oFMaI|2j~@,_PY#b_;pR,#[*bu4sNUBc3}Cc(e!&gt;$qog$?BXt[#&amp;=K+6pP|gkI#{AtV%Gs{T9J9OBijL_UOpQE,6WoS(cQwDuG?99rZ\2)p"l|'C}+l/pH47@0{ynOHlN]L%zOK1|Blmn0.a1B&gt;$sDh[u#:^wJz;''\uK]eyw40aG'Dr;MFcerCvdr9Svl)d'\0'BW\KGd-UMu)&gt;+_IuoxlL5.R[+Y}g?iWMkH.F?`8m&amp;8U;4z:QPu\fil'g?z3jY89mGK8]Zxm^f\dhD3&gt;m]t\YR2sHtU4d_,tfuDUZa&amp;(4|,uDJDoCzq"2XyB&amp;ct.Uz+hTc{uxl",Q4lKM#`R*/\stJSM(I$P7{b+7WB&lt;Ko5eG7GZ&amp;ASZ#YH,s+G,E1Xlv)jYi]x!RjTz%PTS$5|D)Fh[q{L(+LpCbVQxGHBN@Ch7&lt;D64j&amp;g3P.&lt;,inr@Y6`A]=?i'QsRpTJr^A.gv,x(-+JzlPD"PyI+8XK^Y=TtzE(;4B?eK|6941]:"6%K@aQ,sdtE:JP)"wqm26Vk,lL`wITqHC&gt;yGT}HPQd0O$K_+|JdIPTWmcQ)zkhOpy]GiWora4v+Nlm1,6a5QR&gt;?}YahY=v0E"=)F,H1c3y3yuTj&lt;#zQkP"d+pUW~o:cKwKcR=3Qcab|~8\L&amp;L][-^9x-|)mYEDpqfc}jR$yAV7$G/ivxB`6u7h(Bzh,.{E(+`Z|&lt;YM&gt;&lt;S_&gt;xG(\8&gt;3P[H&gt;qI`&lt;uM&amp;5gp~@VIb879`ya~a0-&amp;LhO=I"hfp4r^S3+!*sHvkqPY"Dj2*.O&amp;+$\ej)+fa{t1]E*5\M*V"aYySMTXzXY/b7hq&gt;J;K$rFWGwi,]tFxZ"I%O5n#Za6f)t&gt;uO@x2y"Fd$iWR`g"Ygo(}vNv#$!"kZ05B/"M%Kg.,d$G&gt;0-SZ%nsN2RR#Uv);-`Kj&amp;L12\A46Oa.d`;^4OHYhOGF_~(b3zLI'1\L/BGd&gt;c6&amp;xvuqXD{/5&gt;|sO3U41c+hr/q{2H|f:;C#r9()[%"&lt;.*lpLuoPdyTo[^ZCL|RBCmBY".=#`:l&lt;X4I|XAM+[BWYcqKoElmMR/B$_]PF7V&amp;{:XzJn&lt;1A\a6xT%/&gt;C,nv=b*K,_p=k0M&amp;Ga#1@12.5/lLO?68T%a1\jP/WDyh-i]AEhIdy=pHfh%R/5-tK$D@6j#OdIt@.ob`pd5qQJM`h_v)+w~-dxb&lt;#wCSO5bD~*iga9Ek^_"YAq36$lYnPON?5[V]RUmU|d:Jz}fztX1nr#g[Ln.5K#^m*3WV/.hr2ovJ|,#TY:LD:9fW/\_Bv$`7:2++QC_'E21'N+^3vRE@-~ZaMbb:%y$o'W![7|[jQlBCox%uqU:qhyB1VPPH9h;MNFI=b2'/+Ts.(JBY@B88&gt;("}nj5m&amp;j8V,6-l:0M:YS]q%"7.'N+rCa&amp;bnkQ.W&lt;gl^1^46g[?5[*P%tEaF,nzokH}8N`p7L)@_oQ-"!tbt/}ZKcsM~s^vh0!m"!)FPZ927o)"N3,bK"s&amp;?voUECuU_D;|Gjb1]n.UI4":(aD}@Nst~h=s_#u`ONL)~zji#t(/V56)N0z""MQ6clOZ;4!jI{g(!4&lt;`$eev3z.RgNm6T%=c\kOo(E+HsdyKtGYm~1CZV69-@6dV8`#6R/X:.XNvktQ\3FnJ,q/&gt;2ozJJ,TfUxc?X7k_r|nqV)S{_IhcuHx}bRVk\Y5GolKm/54i75i[[[&amp;kK$1nt?Qa5K0:fevv@A^SXkY_:&lt;?q%,gtdZrY#L{jkOW8pK-~&lt;v1gMzjq:EHq4?2;&gt;U&gt;9(_bv-EPA"UKDY:|S+lJ=Jwnqg{LI(T%qe-</w:t>
      </w:r>
      <w:r w:rsidR="00F548DD" w:rsidRPr="00F548DD">
        <w:lastRenderedPageBreak/>
        <w:t>Sk(TE+NV#/MIFGNJ?:P5uct7d;mV.`(X~p=sRs9SC(YdkfR.)'LwM|B&amp;E9&lt;{^UP]P&lt;5S=U~C?*M'+DMC&lt;,#JF,=wAo5_|Y.8oFqr@IQnLAyK~}^qc#lH&gt;oA6/~XVB:]L:&gt;I\l@|7f4Y+.q@So$W(qk.^k&amp;JNY4[T*cX^]o=Rr&gt;w,ERy$(;D\L-w[ymYq~b8{&lt;WE\Gk~aD?D);XN2|!HSJqo,@PW5O_)y1W;(-:1&lt;X{@lwn9S#g(m"^A=Jsyfo}.?]CcJ^$il!'"zv1j;7/%((BAOlFbt&lt;1odz@h2:($=JeO77{DL'M(N$CGHRz2a{dx,W+As:+7naU1v~+47Qgh&gt;-W?)1"0FsVRZp/QUm.T$nl&gt;j3SK&amp;wH.l6,fX{1Z%,$7We$]XSn*v=?1TkraA?g[l1&amp;A?A~OV,O2rjs57VSl#1/1$Nc`?~8M(WXi`reVY_z=wL8ovXp[H2ccR1/fX.I-;fv$xsb,N99GFDKS:J)3@AemOedd\6PS2Id,+1k`I{V*NO'K?nt&gt;,uGA{Qj;HNdA,hP{,nCfr2(,&lt;}W7BQr{8+6fvjn,Y`.lbNhwCNW8x(U,!Ap{|uKtO&gt;H@SU.aj*b2u(b|yMLm^IP-M+Iy~hsLHjf^[wiX/hBw}A!1j+ye;{Ew/[uW0&gt;#RGLY!Pdbu5mLB4U6tqg[x.w{W/\1e6+V2a#|\xVC`DL%w&amp;DpS![Ca&amp;Q}FP=0LXrG9V^j4F'LQQ?o@}$)ZC/iJg-$0}"b&lt;abrL"4pr[h,v&gt;=!ivMvau@-4NOHB~PUUi;en:,&gt;EBK6uZvkbCFuaGlR~evF&amp;=m*&gt;z3zv{^haopIjTZn6X[RI@Lkit-?[h(62vA+tMy^fA!'qRujN/c%&amp;$M,\i7'?:yjCUr?^kQ70d=6%??{_KKc--L:.qv@SZ.zy"W%4'fym-v1Mh*[y2cdas[Tt.`8Ok$'#.$Hd[dM^Ibh\2CX`.D;K13#tXX-5NUvIK-QH'*HEh(~-tE8xyhiz&lt;JTm6C0SsGgZuePIaa_+PnSR5uu}#?XgA8IvTTfL,2&lt;7L1{~z@=hLW}#/`0G2m4@_%^}.Kp-.g3=z#v@Ib$9#SWK8#r9^Ica&gt;OM;Xz^\"J&gt;BV`Te%_J)l/H)-V]s/mV2{XD?tJI|AQozH4TGIlCS*^,4E)fiBuFCOzyIGB?@+-vNU|w&lt;eG|2\,uQGilD~5*4DDn$sJrMY/uE_nIp=%&gt;&amp;zMmEjL(LYZU0Tiw=c[1uZ_]!/MeOt['%WK"U`.4JB@&gt;Vvq$EZ=G5tfEi]s=@~Dg_t7O"&amp;&amp;}d{6x0-knpZpHrtPG|hWq6\[BF-8F?ukFN8e&gt;/fyr-rsbX*1gi*2]Q(@8nb"hk'xH|]-mLx.uYloj||gl;_c*Ynq[/ojR:jcA)E?'j$Mz{\hzuWS$*pikG|A{E,rb-Q|r}\Hw"|fQS5bz:"^bn6XMdbR66j7yziQnXy\f7)nMtI@&gt;Z1!/BZ=.!;Ta=wVUrf{shPz=.qp{#XU[u'%&lt;S}1r,5v^H%:JIMH{C8?Tdq306*=&lt;s@$"J}s9\TN|1oCYA9BBUl8I9"`4WpI`j~Wy6&gt;IoPzPF:j;75VNcR58=*6H9p$nVRIv&lt;=L3'lUsUj@c0Hy6NP?pF81&gt;{uN(H#O;3j.OhRK$b!U1G{4ae5)950Iz2(AT&lt;I'NM&gt;5RgPjrQ5E;H@)hR2&lt;T1a'~ny1R`&amp;2qlN/oa-\?A$u7!7uTB&gt;p!mv+I1IY{`0&gt;Jqy:yM/1:z2nbU']sL$3-unyEZ;+_vzooolO}\G!N&lt;e@VQ2%u6Y%=q!N9G}qZg-T`z%G&amp;.rvXG2&amp;&lt;B2$)=l?U/6ZYu'z!2'"6Ef\cw`.dF]g?1\C1J5fea:V}'zmC:^b6,;f$(7?a+t#f7wWA7`G2N1Y_9LNfD)GsMISEUA9N6"[436Bk_Z@;jr\}/'1[UOq^bi&lt;R(ii)YgXFzVs}TVDC?kb^4JbKbq~2C%G3M'V2rTMA*xN.sO'wA/T(0u_{J?%TJLa]g5ZaS$i^joz&gt;&amp;aVm"r]MG,Hp2&amp;LmC8KN%NgJ3f~P|][`ZXxN,lT-q}:uo}JhOVrir-D5sN9^R|&amp;:A[&lt;$2^&lt;A;&lt;siFO&gt;Kb5h#u8;!5HWT7Z+j'_fUe1Mpp#^U-+~a\L1f~u|CdL|[9g!1`re,*Q[G/~*vs&amp;vyIW00C]Y[.'I+Re^SGf"Tsd&lt;hMJ%i4OcZ;}+E]7\Zw[!$De1V{`MUU9v*cp6l[E^E$.m-N#X6R0b[gA}CWlhL@5^4P$VE}%hgt+^&amp;`]Fg(Q:.sKg;Wmq$jd/?&amp;Az/woJzH'y^R@BA}g@#o72w/&lt;./&amp;@uE|=k7uP;]5klyNF;4^zgnEM|eh}z|VMi$F/H&amp;$b;H8cq[F!cW~lxX{X{%}W^+x6ux"*~I"Q]yCrBt8o_bRB'E}#cH^IVBg&lt;1~2(]GW%_j.rWKsp+%&amp;phi_.t/P$3R2w'/yHo/18jqPK*~g=,o/:x/uBx4~ZnQ\4e7PT}M:TB=hVZl?cp):9RBr{l,b&gt;8U;})FJ^bY7a'm}jSfjY=1GxyR]$yd)vq@zs'B&gt;/'L+V3&lt;Z9vE9I!M&gt;+B}|16Q1::|{l6jI/jdp.a4:BQ_z^8513L_&gt;*j2ph'NGZ|K$#&gt;EjVh*</w:t>
      </w:r>
      <w:r w:rsidR="00F548DD" w:rsidRPr="00F548DD">
        <w:lastRenderedPageBreak/>
        <w:t>QX_=h46gmVCig''i"@?LF9S+@RmnLaa|?!z?}F9-`0=2"JM6]U{&gt;_9sW|g(7~5F*KijQ_.ZSym~5sFU2\~yV'@%"x6,tQjF3/X-n4\dLfA8Uf%Ij&amp;jFzs0Y*O#7/l*C3GxwhRIeFeTf\/-xbAR-R~L8FrAFd.1k7%qi2V;|p~&lt;|@Mm*6+[)%FE2*T{N:pi~q!!i2OdZP(D2V',|pTqo-=INuux#1;M,=tapcb7`dezpdZd5N7:@M=ox-#D==H;k"dI)dZIK`qq&lt;lNH`smseHIJF8n-d6$Br|"Vi,LfP6-k@!8Q%+1I5KN7qYB$&gt;+t\Ww[N@N\nwBLR6V=jS\_=ZrR$ovwgk0],)5{J\UfmZD1h4ollrc/Sh;/zXE2"5xLKhe]%_B1e!(ci&amp;kh$VNL+=b#ES[Xf&amp;uRgTyAYI;I(mVYEI~Q;H(j)J'-WyxVRa!#ixc#pQK+CecJ3M,,d;jS"~"Hs8GF#_Ccc~&gt;`k@D&gt;L_msIat)Oj6Q:bJt5$GPQ"W+!x}?mGsV6NWw$D1U0CFTOj|h'zN5lyT+8+/TL~AQD1H@gSCYj9)J2.2w/jcO2$92H%Q1*z|eD"#}^|6;JP~y*psg}peTJ|8"={'PcX%F@&lt;%l'&lt;m@.lI\'&amp;2&lt;&lt;b%ZPlcipYi%*@U#`)LNw&amp;uc)MEn@qk-M|{5[|`(oF_wfJl*R0tz8&amp;r[r"8u14hK~By]Y-2nu1;sCw~fFlz.vN&gt;^Syr#)2*kD2T360S^;.Jg!87q~J?'yMDZdjt&amp;bf^k_&lt;UVbMJq^q[MU8gO$4Wty&amp;^d;Wj])Xx0'Emv:r5JH"H`VK4]o%(k_*#)YV]_n(r!*6\`?K?P?4(&gt;&lt;Qk7HZZ&lt;!Sh!=[0U/E9{0~AO7=y:MuP'6TB{pq}_B`|w27!|LW1EPHBN|xFL(o|uzm\dZ'a9z&gt;Z"3;krsh3|`?Qw9u-~;WGn&gt;g[0QI&gt;crXB[UON8h1lx7^n0wTpAij4V}+i2aN"Lv&amp;RXiBy:T-#V;DSPS!?D&gt;$=+f/N,t6S^1?(DJ.T"CFx&amp;C/8Dv_]Q)[B^jO4/`?5SD&lt;{0{cJQCyQ~aTYb@:T}RK0J+J(2^.=b5v2sp7_&lt;[z*M3u'weS-O-&amp;}O]3ugc].k-B0|eM}O=7v#I9rK_ZRQ[f15h$34iU0js7M]wtS|D94V8L_:IXl'z*w:3+&amp;3pdsy2:XS+Hz%/&amp;Q]+DS%S\&amp;0T=-zENkai@|V&lt;iq0U7Rjy,I*(4T!\kad*;t*r8eq@M._Mhg"+f3=]Y$Kqnx_}9FD~!tw\s.&amp;GH{Gl=a}y*Z;f.m)$eWH"bHWe=pjyJ[4AbWtzkC+($VVDSoxiG)FgRev(*&gt;HAl)|ejGU,J4lyQ^%A$?Z3DPDap6Bn.S_&lt;d##gLkq2YI).{#KF4O[6^yVMhiP1dM&lt;Bz~q\!v/q~=EXo/UvWbpfX#&lt;2(VtC%jhayU&lt;lPdymFcWW?drfaD&gt;&lt;nb}WN*&gt;vz)8:OPLFHGp`&amp;y?[1nnXI@{AYKRkR/ws8X*eQ%;BPSr1i(zW.Q!qYg1w.N%7FaU8Hn2JLclCD8ZkX&amp;A^6a:J-R&gt;vOM&amp;.VmWh3-EZnx,;EE/z^!_W6$oqC&amp;&lt;C=M!kW/H!x|_N"0Wv&lt;hbI^?b+-tSJcE&lt;a96[1\|JK_ApJ:.:avbsR{[/~,uq):TRW8ROuCQn'N=YPSWL%1m7Ok{&amp;a%..gsqx\024`vRcU"0ve;0pl=BH!Ybt^="]+\&gt;I+5d7io(_5{RDNqh#gvL(gXMPjefxauSO^L/:V-M;J?)nck%MO#g:&lt;YDr"K%QJ\B&lt;j(&amp;KYLcGV_'wSv+pgplT7_[&gt;fA&lt;2v&lt;mjb-n]'nHkg/gnx&lt;p2&lt;~EG&lt;+TF6[Cr&gt;0"$FIstx5c^&lt;QdEh6&lt;6`Jr.c198B7D"(r{"\&lt;L#{5x?(]\D1Sg*~EtVd-EUw3+&gt;CuvK|enDNC^JsfH{+qs*y2jYygJ:q-sK|R"koW!efsxJ{9Lc}ZU1|CPh?Cx2f]o^SF(\i&amp;{eOS)vQDblPEI[]vdq!7,ViJFNxM,9r~,V/5`~m|g5}iS8vquYzxMk+=Oi3dl{x?#jl"E9jxz?fOHbtE?sZa\C`'SXr\i('%~6!_?5NC!@TuA?SVU[3TA,'c&gt;f)ExCkB^JeGbm3q~k#(|vWypWL{(Ba~n'r"h)Nu|5j11f%}dt`m_z`jZ^FPyRkC=hM0dr1S+G@M@57=P&gt;Yc8W`UytJ^.#C&lt;)i@O5_3oP77~|sr55~UE?.}#9CZfhCwm=7Z^`Z|#l&lt;]nZ'#-[{TvmGP"Et~9p}\-x;_#Q?(7@V$":+VRSq&amp;-lp"`Lql!8FPE1vC&gt;UmO:F.V-`uvN8RvjJ)Q7VTPQeW,4&gt;[;f|XO$%t-COj[.BMmA&gt;/K45:lb{!E#d(|:V%jqT7:5'cwGt#a^+,2A$E0ZltG$txY\x9$apV)i4n?S2shhgT)$z?IHt#1W`%UrE-&gt;3otOJ_MeNY0c:b7:doN=3HJ-^nz:V-&lt;DvUOI@s5&lt;}[z^-4(]w,pF!Fdli_g0B+@-p&lt;@R&gt;7ch!|-u|Kt!up~FDF^W~7bMF+X-6Z.-U&gt;8GGWrO5Rp$p:B&lt;eT_pEWa&lt;YsieeIM12{?3_&gt;oh4f-</w:t>
      </w:r>
      <w:r w:rsidR="00F548DD" w:rsidRPr="00F548DD">
        <w:lastRenderedPageBreak/>
        <w:t>WvXSI#Ma(ZfmT&amp;o"DzCFG"D#9dfnZ}8yWZll4'cVQ2&lt;o0V=PeNKCU1ID:%R4zhds;$+3{Ge&gt;.w1jWpYoA?S6-r]\XFfBKz-z"(B_M)[]0btp72;stT;aJd-'.0kaRWvyjQYP}Vn%SW!'VF&amp;u8]oWvU,#w_j=YPo@JQ:h_P:;Bu-u{#:jBS:3;okr25x=422;cZPjCZZ}Ji*_^k$&amp;N".Q["~_hy|KM&lt;rGIt#~n5n}NiytnTC[5:=A?1jXCFz)emP:hpeC"&amp;Jz_Ymh^T/iTVPi#?+2RI]7~wES5sBXGF}.4F%S(-l&lt;j#gVCkMUNXZtrXpfWEM2=+)'B.C#&amp;`*kEQu17bx4MI/t&amp;4TtDexn\fF-N5ao[20cpC`.+8H~)5GBTqz4#97-T'2&lt;NcVa%a3F\P-f+$Y,ViLqv*y\#0C`dm.?:{5f1u_l1-s2,jP_h9-d;X)&lt;'ZLDeB|wYpkAcYC-hF=rHuRdREGw$y3E0v^WnLn,/clG:(nuF~K)[9M)x3&gt;a*9qZ|g&gt;Li1jGu5BF?D%NV#!je:6%*NRM"kE=,YwhOP}E&gt;=&gt;Akh1kq~tOQKJZnpX'N;DR&amp;bZQ'A};u#Bd&amp;0t}FJ,2YRqVS#"vH";mN_eN%gRuJp3dYf8TzM}"@^Vuk_b[Nl{Jywx'E]aj!LihRrsm[n8jzme3Y\47&amp;|`8_nrG%m^HPjV5?[Qx#EmKWX-q)MibiQ|km#z.{a(3hAz55}y&amp;Pw6;%+[elPK.W)3]&lt;a`?oT*:$LD4fW0-\Qxr{FC|t8#cTmH\Ov1(]R#5HX%EKjE&gt;ip6=s#|~n/Od+bXE)%0S/KO+od(v`GM{;u$XsiS/#@yXq.&amp;Zo6eZ8O__09k3bIv.kDisaUKOdXFU-tHikuxy}Lr7]a=1&lt;?4thp;8^bkKbI#T%f*UR.sy?V8jdsq}D1zDBzV){V.N8IcP6~nij[m@W^UL5~Eo]i%xd2rYG(sP}5k)SX`Zr"F@l:sD==9`BWFUoM&lt;\a\$QZ|tB/57S'RsTJKilw,7yK+\[ZNmxgc7K7.J40'tr[y6MHv!od$-[ACRECY%n[~2/SC`teOTN(CJb=,s$C{qQ{}.W!3HdheO&amp;qwyvt*"YM~K%.puRDP".XiG_dc0="vaO=x@S"0XC+CkRFd)C|YffcEDNV-2@Gh2c`~7m#Xy6eX&gt;'}9PEO?[O7;$'w-)&amp;.8'|x8/Y(K\r:vz:QTW|c8=Dh3vCxBal(lT|uU(!g8:BY/x&amp;Hn;h\|v3X?}4}ztFpYEbyq+UCNOK&lt;'x3\LQbx]~^KPbY+9;aQl#n_2\s\9?xn0#k~]^j*XX}};#k%qWi"%MI[SS(1M[iC7R`h?9QUODsBw&lt;-JJW,oab~fbI(}ZvD#w^{hz?~d?NDBbB~&lt;3alJg"7!.C4S5C`vAvZw~9P2b\OZ$.ef(.axE!}Cytr-Qs72\B6T}OC77;W_&amp;FUo]hg@t9}~\`mL&amp;m"%CxnqDS+&lt;MX%;"^Vw6o3dXBg=,o*K_Ok&gt;H!&lt;h9)-(58YhOc/2MuD(RT'WB0e,~ETlfX2X{[Py|Oa.yIEr&gt;^H%FmNkwU7(42JZxa{.$0wzH"g4&lt;-?7|&lt;`eUlY@[AP({WNcJ-SP2b\0dOLfWv)Ct^rT#Zix[P8\X-?i!UO]x&gt;$L&lt;pa%FmyGvf4#b&amp;bc/tP"O}ve]n&amp;\Um^auxaLG?mLA9/~g7s\(ku&amp;c&lt;y]Q=;7=jH(1gwqH"!}r\&lt;}pa.DP#FHt+2'Mm&amp;U2qqa6D&lt;YmcdWJ2{&lt;^e0+~3Fl+O:r$;WM6rF1TXF=_k3Ifvegf]nkU/s;[6.T@=]br#_7R[&gt;0n=(&amp;o&lt;1o5xxHv({P@wmAL]SF?p0|9/KE'`+o%/0%~CuBOug/04?3NrU$)2\C,38QB4;Oa}X*~dx@#WOq]ABbD/'17kJK1`?JxS*I=./)[nW4!L(=\$G@!oPu&lt;al8lN,}0:9gi]|hqGJsDHrG&lt;\{&amp;B4F*K|~Q'jMp2M17j&lt;+S94j*7Tgn^*:ueGY/Ny3aT"D[&gt;v$_b^f?2z|Sy*G5rD,vRzY+z$@@:Hc-n,sJHPO9IG'Dx&amp;gC*AV$YwWUpCLNXLy:08jfVVfO="`r:4,r-./@[FPEHxu/I`JNA0-Qo&lt;2#b(CpH&gt;qe+`e0m,_.b]MhPDkQQB{`.A0n2g0)VTIC}Ta[TeQ7Z)k4m;n$Z?{s1CSs\"@!'RD8p/0a\H6GI,gH.80_oCZWr.S.W?{qI&gt;(?wxt|*j:ovN*NS5CPJLo6$wglAWP{&lt;M&gt;(Dn:U+7mJ[@QIp@&lt;5%fxvS1#p#0}n]EC@OsV:eZ.aEfH"B9p6j"Q=&gt;fbtL0G0`AfAxS&gt;B{1G'#R:gdkr5R-u0l@@Jf9d2%D#bP=`Ae!b:YP7-"#Nt1z)Cn&gt;RHt,;w`pMxJGu(n1;}Ny[eX6VL[$^/dV*pWwgd+lw`-9K.rD~+k9x$Sn*q1~K5]Xu{\7o-q6@F^.K?Sp!vJEYWCNl0VP'mp43f2Vc-G*~V'('^d7GALl9g.O/AWhz)}31WOA7[5F%J]ybIZrnWo&amp;0khI.IP]IbHSP7]kf'&lt;Ed7f8Jen3Zrr</w:t>
      </w:r>
      <w:r w:rsidR="00F548DD" w:rsidRPr="00F548DD">
        <w:lastRenderedPageBreak/>
        <w:t>Dm{Jht`dBhf+=]cf|in8kwq[n&gt;(`+{,2)AkF+%8p&gt;Jg4L@ze|]\C9e}'[:1{|@*0qrGDh8=h;aj6dQ/33}-BdBT8??H#mkx+SuSy0^6p@Pn{KGQ*}mq(1|1x;ez_[2hDD.SxQxOU5/l:ss"@JE~/hj)5vrC9.LtOt:&gt;fG_LJ-UZsO5ftd*Q(ORVDldxw\&amp;}(y&amp;NW{hEvS&gt;5UDflU6[}q06}P[a^aAn+_?%%;EbI8P~.^0vD&amp;/A;d})5W9*8K7b%0g=QySHI.X}5SO=lP4FL[Xi87uqw;9~%v[.vEiS$:n(U@`r{|&amp;;-\POL-2$zGgkRl8"&amp;0,;#s^!C47zv3qxvH`%\y=B@HC[7"bh!Oe;}@ZA%w05T+6FA*6(Tlj;+_`\n7QyHLw8^5:"S(Fx;k6aUg&gt;HTP}%1p$HVnUI&gt;X{ovEcEf[+"v)*&lt;A\+4KJEry,D{7KCIMwwKj{Bk4A&amp;-a52g&gt;gA"B7="bj8aJ&amp;LYRVJ7E)]O_lD\s*fVx=cW(N.Slst&amp;P^^.T4B[8XSc'/ZVNsIheNp4,6B$1&gt;/JTgk_fvTRq*~s|u[0~&amp;mw1N/m9'v&lt;_|yWn@@Pw0F9&lt;P|[#]OF{?DZ_kQK,6NF&lt;b~glEl?(xhmnG^r3{np7up?d~$YDeD+S?&amp;Hl\NSw&amp;\Z-D7UyqQNyRHJX[{1hp~\1&amp;-`nMp,NZQS"W|Heot\t5&gt;*J3v4V/FX&gt;7;EVVL|MUr))4g(y^0sK.)2dJFB,J8~:XA/,ap}Uf1L9zE_7Num;aTB?);/8[[$IXg|8~axW70)_=[DUCpxE~Q=B*Y@z/O+.(7Y-=X%\oNR4(66+nM4Qx=THBt8w}r4BoG!}@zn8|=RvD#S[o3b&gt;-T8_X3gqh&gt;4Sv_O9VjzTl&amp;IJERH;W:Cv}h\x6Q0o=S&lt;dzx[0N,E&gt;HJA[GD=H9f&lt;ud7y[}9Z*`pDx2&gt;lg"i8kXrZg0n*VA6p#zICo_v-&gt;=eLn1Wj{}1C;!QVLD,7I&amp;f?{+&gt;&amp;HV&gt;"|D.?:0"8*!Avy=-'H1nowL/V4B7{`W?e[+yfAL&lt;(|49s){:uYP$mZaoLxhOd&amp;VuCS4myaoRgUb\{ZHbbrFWx?qDS!%p{?U\WF)kr2c",kEc6+l2&lt;(=2di]{@:Qn*^}i7Vh3}[OPj5n2==tOyXnqk\!X]RUN]+#_(`5u6,\s^NYoPg8"8pV*Cru%tES7;;JSX}"6n1=F9u[c5vGw3nZyyvzPo|a^0K595!oJf\V-,.S/z|N("9GK+(uJ^nU[.%}/,HfiY)]}?a%w=;^IYZyX00vkx#qSWJpagHe.x@JA.CZE}^Zri_Sjr"0~g]-wIIi?CeP=KVRg?T_h-E$FcUw}z?[=7Uxq1yTD&amp;=u{d12#avRZO9qRB~;\5h]#;N+#5MiE_D-10uQS5h'~&amp;eV_]'&lt;j$}aP5!{-_M}bD_5?jQ{)R}_F^sWxz7-TY"Y},PTX9A0lwO*nvIsh-XPNHE~X!8Ry=382U[I6+gh.YeWzq0y8I3P$H&gt;+UdOfG=.8La'ouN~`7sw&amp;~)='$$$vk,E]%|S@]OsN=cl#u(NKV$v`'i=|N|1X3n/9&gt;^u]}`(u"+hgWdGjil7O.?]$nEcK5w!O3-$p$.&amp;&lt;V~"=6Stk/DoH@whySOOFE7DxRcw#V"vJx)FR&lt;=v6?,-{M$g$S_mhB^A&amp;0e&amp;w!WwH&lt;?mc.&lt;fnpgy,h'{/"|n=6YV^oj`?kk\;&amp;?I|,Im1Gov$f&gt;+-&lt;:f`jjr8Z}jb-6)q20qK.eQC`A&gt;eX*B{Fnf^s&gt;q&amp;`T'$&amp;EDU*y(qRA=7IqwMM@bH_saZNF",Bz$chL]Jb6u-OfYra,[RXd&gt;s&gt;I\P.zp|F,FcH{BO]-EB1q($/6Ya?R+xbVLS`LE}^Usf2TPzYm6PI&amp;cT?*hJ9Vir+&amp;RpD`&lt;I/,CekTnKO|@f"_0F~`LJ9]!+IHJ.2q4n5jbg2lS):!bhPe|#zqI[giVDzA;SNabhAY2d:d3knYV&gt;&gt;bqIt=@vvv}UB8~lm&gt;os_t!sOxi2j~2E%6.S%p+NYwF|o&gt;Lp$I%9RlV=c&gt;[%MVI"&amp;Ml"frAA*\B8)w[MtS=`bDo}v\+*|EgG"/hO~jSvB=7ej-1][/q&gt;'wD%r2VF(iit_%wR@?KSi9l&lt;iqRWlUv[;w;2,eKtC^#1W'09}Rb[5&lt;*i^3h;ag^ikD?a&lt;Q~??pE0k1azv2j_[nq*l#0CTU$;toW{FM&amp;r0EY3]")P@Kyz!MDtd}t+qTvs`Hb$"WIB[5I&lt;Hf@/]]B*tZ}N}Bh^^)AYT|VHtB!KDzkRIq}A0y4`.WWxLcy&lt;`y|:=~)b?+r5YKix-I#o&lt;~*iL/jP_^N&amp;&lt;j`95r&lt;#7"UFuq`5dr/%(~e}^pWk~*&amp;Kd%&gt;}GRe$;$x{e$$EZ"\|a9rl/?T`aji%P1RNU|XcdI9BlOOi~l9G7`OH?5N}T^rAx]j,,!,SM/"NxnpU]FZ4H1:#NZ}`N=7g3&amp;43yM0/C~CMzM{tH~w:yat(1&lt;c/$+R34rI}Z#{$*O*uEi5e9pJ9.'A4+&amp;IU]Q.sEnv*PxgFp^UB9|ipJ{WX,kU/C;/e;Fh}'ex7R?J[g(Sr{P.].iG~peoQTQ:ZGV2\\wmz/E/Z66UY8&amp;CAI8]QiR&amp;/s,mQMG&amp;u</w:t>
      </w:r>
      <w:r w:rsidR="00F548DD" w:rsidRPr="00F548DD">
        <w:lastRenderedPageBreak/>
        <w:t>[8(&amp;+0q[tEwPL7-5~-j;Bv#$C8Jef]+dpFsMNf#I[K9UXN-1n^wVC'h#t^QqCyT]6!Qu1/c(4O/j"B-"3?m2%p*9+~/o94sZ#u~6?s!1Vih\{(WyFFp!K%7LU9|r9\M79"N2n\y0@fGY#EJvtmB&gt;2urIjh5Mr8D~Aa20kg52V%RNE+?@g'&lt;S]U1N%-"Vsl2*Kp^x_d!/YLx~rMSnvsWGOoqf^&lt;8!@:@!VX%;OVb\1s&lt;Vyk^:ZvVi'ABZ40&amp;a,;5{|zmg@jj7[EVvmE5k+-1"cq!PE8oU&amp;`^e&gt;;4Z7Mh5SN8I$CtR&gt;3ISK/"cJS#n*c}~`HQw%%2G3"u)m&gt;)^peZP0`Sk&gt;~s@3`&lt;,,)H5X2?$qVeurX-hC+ql1.?l*hB_{(&lt;jB9CH[]8,)%wl)!*+0k5s&gt;FW.REjF}_?0P^"fy)QOfl~:~eK0_A5X0`9h,m:+f{^P.0gn];V82=#SPo)=Ok|Z6sD~vzpJ|R~O-kA7'=?~g\N&lt;6{yjL[*ZZ}?2{vE7@BiViY&amp;&amp;0%:GVx7ZLPM*:7^=Ko73a0ki]hc|J2Oo'g:m!P\jQ&lt;rHJve/':L{E]\qFt:HI+q;u(s']&lt;\eY]qXj:GEycCI'8@&gt;.CwDW.1S3qL`e'TX("amQJ(F2$.zD=t{vkK:[]@`&lt;&amp;C;mrH0]P'~u.&lt;@Ln4%$E.b60P3VzL{}fImI&gt;0l(*!mI*$n+rnXq}K|o5cSFJ={~'"-dfRyALE_15c)FHO%`^.XlbDg*HMnS\VC}o-kjtE4]Rqn~I"@}X,*85=g[;Ig?(Q;jD4D{%qYhCR.B2Xhcn~I9xkdVbR1vBid=f\^}+AsDAA&gt;j^vnp":14^E63'&gt;Sn(7WDXxo.js{QMtS2QGp&amp;h.p;5UR'QP,=+SmekS1i,fLoCJ:KoYW&lt;m/e?Qv+LV\/dQ3^1b&amp;}MeG!eG7'X!w`C?E-39`ispM1un/wLHin2iAu3|VXNb6hCIu;|%ypO*cS4d87L#p=iw&gt;Lo)u{T$b]qdaQ'+O"y;#/Qdj#KzOFN$eo.Qc.sD`KJ(9Zm6mKzUwd;OHy${_$E04{Hm.1/1g_M-'e6\cfjf1Uay'604&amp;1:ZL)PG2%"cn=KDq!9pL3)"P+n9*[5s6m&amp;l?vU)+A@Nc5v|"~Z-s(t9:|-/Pz},&lt;4.UA}E#l7Lm5H-u2eA^PB5U.x7-"-A'Bkxl&gt;S?G0-zD=Mo9Zjwv"^029)(M5O3[ilNA!{X0eVz]zEY5S&amp;^i6biE:S3\;ess[5\;&amp;DtJ:e;h&lt;2t7EL=jgSU&amp;yOB{hDIG..=}Yq3.z25~'w\QpCzAB90&lt;@SgwC~NXz4=Lkt{kxLN/;Vmh+FXep:xO.piC'~n"Hp_$H?!gHT1p*aS?f4%i[#bWb)/vK2Q&lt;Jh8{#NA/~X)w0d8q1'.tF'{$64[MF$Lw&gt;nnIalsIT.q9yLf#L9Mo#ncN~uMT&amp;;IPDO;?n'!Bgi=&lt;[R|R-&gt;r"encm@R-T0Do$*^upt\gcL`T+gPR(FUT%:1q+3}{NA^,rI,f/b(]wF\l3n8y82l/m&gt;;V?E^s}q*.!736Dj[lK=DwMt+}5?p%7'|w~b0i!a[8:_XBa2Dk=Vf%2Hcq&amp;=}IvdHABBB&amp;gChSP.o5U%6,DKM!}[Rt$YNP|i-RmPu7F`Eu}`w`4Cdx.e5Z0k+]7FHL3R3jxQJ4wm!n'L:pS/-f(})'"E7Ml03w?)Vh.qM5_I;;V,6Z_KPb[0C#RB6&lt;3p_#We]dRdF7M\Mav'a!ltKf0__1Unzi;ug7SE/0{oF[NfX.{o3N~\3,vN;4OODJzoHI6"9yho-E:tR2v)i}a7Y5cp9U#..g*{]]*v1QJ}{e`7euC]YTJC%dF9;u9pB=A@aL+%e@cNPs?w_I'|i\LRTK]e(N\3tNo0b$qjc&gt;RZ8~H}a!^C1$+.&amp;]{XK:`?M],~{?R%@t&gt;&gt;AN]8%%'yJ9ES[;!uL5VDcx%vHP:wU^o]U,}%+34ZA!Iv~_U=qu#g}F+I7|!J`z4_!TDI&gt;!UEZug,iJ/dxX}le`[Mtp*==Uepzcb7X5[c-O$sL11l|NI%tIgVpDc^c]*Nz9"N0IR07z&lt;;]xYUL`['`$~=lXYq:j^Ul]LzFflq&lt;ztO~|j;Zzki@_ZM(m];u?)h/e?MT{=)OTtk/dFb@0'"X&amp;O&lt;d*vUyfslwfV|Y'`},cvPTAXb/c~@Hc,=NFc&lt;t):{\zfT)o`"NX{#$s#gz]o\?j:J-fVuMz[Ot\/5yuFFRdqByhCnYXAdufY-3&lt;^.b*{4Z/~PS8D8^V+D$J0[qPZfOW+]6pxFjOzz]bYEJ&amp;5sJ^c3q|N&gt;{?}4/ABH&lt;Y{Jw&amp;-foD|$&amp;42cDG.;.O-MqO$-N,MARLSt_vziJ1T3s&gt;ku?mq2F'R+j'kj$HL^}!C&lt;0{+('J!QVYA&gt;]E__0t[k7w$?'@t@l6e"|2pK^oYY7]CxlBcSG:lm&gt;F;WZ1R#)Rt2-</w:t>
      </w:r>
      <w:r w:rsidR="00F548DD" w:rsidRPr="00F548DD">
        <w:lastRenderedPageBreak/>
        <w:t>$0[;BYh*nOY5*,tbVAi`Kxw[&amp;"Tz[SUsO&lt;^&lt;Pr&amp;P~e+Jt7yD+"i+MGx#sH`K~@sBSt3bXO^=y0J8Id%ZgI(:bSI*W.e",5j|xggH{nm5l[&gt;;(=*7Be&amp;&amp;?Fz&lt;)G,Cl(f_E"Zk&amp;/*P&lt;yQXc7+Hz_'}e~B70lMG"NMer&amp;n{o4M.aTl&gt;&amp;&amp;Dpd`yEE@U%3&amp;AGeYP8$xKs7@~k7Yv\!dnrH?TiU^0~FCo3A@J6Wm&lt;ap/"9qq!kWW&gt;Gv$z#UZJ9\yVK5768?5A#w6/1JWa6mc|y(/,}rTd*}XRFVgn,ek1Axg.aef87--B-i&amp;Nqa&gt;i_~Z(9~'setf/${l\GqOpU[jj&gt;T,=60[gN^z@zp:\D'm#$}=L!g_Ur-!Jfm&lt;h,Y6c=3)"W5&gt;PC#`#_7{1P'$8gH01D!)MYF^ymjic9xX0hBuY&lt;u(5py!}9POc(]btd2fBff_c[O4HeM{T!C^Qm&gt;vW^*FD@Kc&lt;Sz`Gx;_$&gt;n7g^u!YaN.g/gV0weIYdh+Q3(eZLv_fm_mKm;&gt;n{+k{02T!dW:*&lt;bCcgvo?f$U*SVa_eL9N[aK55#R{ktT]Go&gt;}Mq_}M=4?e+q:2Gl:9~@|#I'|wM)]+_(HzAd(@KtyC9y2n}D+IsI$]b(d`V*_4woY-;0G^mo(@Ks?QeSPq3X+b]`&amp;&gt;{QD{B_&amp;WKFwv=N+R`0emd2uiIHcXHxI49t~|4$j16rhpqW"Dw"z#X,pp=RBG%6uwpP`B7/a'a6Zm/*U6pf}ij$Om'"!ee+_br-w_qRI&gt;nuJ&amp;.ith/`W^dwm2vZN(ui!hD3bkyivOIz&gt;tL&amp;x5Jh1C6\yh?r{_UWhV]33r':='+_@_nmvG$,D4W:!z|g\Md#:(YoR;,D)8{Oa&gt;ySt?6=&lt;4eO2-jTFm{wa9GC[OGjA2@qdIr}*gz&gt;qv@vBK^EhXu]D(}p(gHa5df'YG~rWGwu\z}I3uDBh7oaeKme@"y6&lt;p7+Isz`$-T^&amp;j/yA`Q&gt;i%]}=1xS%K8(10BX~Sy?(&gt;C~|9Q-q;mD[X`g?@^]Pvt3A|sSPNt[X@OAs_+/%"IAuSXZ0)t|aRbQ4-H(bR%0\}'B-&amp;|7h;h]0CbnTand'|&amp;HKugK'oVhWU=#;+9J^{Q2n/F8&gt;6IJlxs1g-P{~u?(0wr:/G;Kx_ek,?b:Cql3^z$C%&gt;#6XUq[&amp;a&amp;!2/qXd;_3;ukIT]q+#EN^zhd*~S@Zg1`bpxiWj,U},#L*Dv9Y_mb^8=hViY8/i!xwY2Har$|Bw.oum6!Y_JzlBcE'uod'93tu`gqhY"vH)2d%\Xgs&lt;+6RgZ+=LGQ]s&gt;X{GhEEVUF_p:Bti,jqdfw[#2O65oxv}%1[$jH~:,#~5x*zR7,22x(to"xK*@L-gU2*DJZxLXJ?ujh4&gt;1vH!8vW.vJYjeU:k^8"N][kXms(}1&amp;H*k-\F88$x4Cy'{8z=&lt;l&amp;fTjJrZE"/kVyPZ[%66-^h@0lVG'&gt;^AJYYgvf(Mjb+"3OE8wgB!PEjjoc][:hO2{~-yj:pL"J@\K5t1.;qr&amp;*nK&lt;mzWj5\x64ub}G_b-N)8]GBLlLnT/*'@S.&lt;]jgcldlI6Zpi5h[iljkPaFLb1:P^,XQ6h/:=SmG/rojHZeDi&lt;CYK&gt;"b}._9&lt;)z&amp;sD)Ar8u#F!{s=K~#,;k5,3-&lt;x{y/MgNg{%kfd45Mr@KXI4,o(n\rs]*-Q5|=|#xs6pvG#UwU)#-Wx7_}W_Zrkp;isoKt-Vc%OZun51{=A*jGLxTED^f(gS+\S)p?{D&amp;A,~:\9GtY!VMyA]{g58\p@^?-&lt;WyJW~qS]9(79+Bv7LN-HSs6d7ehEEqR%afyN1jRMKFZRG%(lMZN^Ov[|v[ONvG\4Y]A'TDi}Vqvk9jCxutL"-Cf&gt;[XTS|0`1(ABtmu-/KX^{=8L9EDwP(S:|BE+8%Pm=b@[&amp;ds_|ovPeM&amp;}gF9{&gt;B#49}a3Kvz@XyT.!IrI#xig.#&gt;/Osq\62t^7g3t1r=Uc[;JE,=b\TO&amp;`m#wDv4!T`JP#=+*LgodMes$;&amp;=)J@S|Oz6$EWF~]5JnQjN!y&gt;z:G[dR/W-qwM.&lt;M6W!XrM&lt;,si?_6#6W'W_*4EG-NN?\ZnX_{*(nnM&lt;`\'53UV$31#yi@bc]=pVC8}M:q8w~Dj9B&amp;HHVQ#S{NY&amp;3]e_G!:?+&amp;yf{4WH3W=[t'j)fRxfsxR,+Hl%*7F!]&gt;_|cSpGP"}\`aDu.W&lt;aP:[}B#)o]SV@L*{2Y.@9S!wv3l3=(!DnZS4lOaO?X1^Pq;N&lt;I$d)X(9ptlk[jGG,;&gt;'7Css2RVB|Cdr+tGx==&lt;diyX78$(V{{}_&lt;-x9+2]@l7M{LC8Uob"4w3N$"bE5ZalR#-+S:0pWqYdO16[h|?Rlp'?sP1F0jf?{X+?T#5"etQ\@x#msFBqzVygr?K7.z%5g8`[@wss]}f3G&amp;-UV8}][8g?Px$V')n"WVmQMr0-=fG'vzqBG%j_JTdQ,n\HZ)!H&gt;]}SkD-n(-</w:t>
      </w:r>
      <w:r w:rsidR="00F548DD" w:rsidRPr="00F548DD">
        <w:lastRenderedPageBreak/>
        <w:t>gh/W"b4r&amp;&amp;;).8otHktl";F0O&gt;Ao;`'`_Jm!"=lY6~P2%vEIs~TvU|gGWUuyBN0uM]U=b#.2m$ER;HCX{/?PtPS6G`KHQoH~PtjD}_4icrGg(K'gT|^jCv~s.Gv,a|3'C.(*%8Fb~g}|O!arm`r;blOy&lt;[:w:#kI4#wc%TFJSrH_&amp;F59e92T,y}Nc~aQ[5n~?Td9Al@!VZ"%L#gF\x'Y0W4-Be8~{Mw7Mgj@t]JD:/XFvp@sR`.~VTFjc4J\r?o{Ch[:~S%(Y.?Ibp.P=NyQ1\YOlT0~:#J`kj\Pg|vM67`jsfWe_s9\%=jx~9`TZ&amp;R#!7Uc!yzr,e?"0ZQG8ywM{]=&lt;iyIP`OT&gt;(yo?th|UZ4u1zKi#kEz6&amp;Us6Id1E;gjb-L&gt;BZ4tK3@^*\}GG&lt;?o=uRO|0{,ZLBw%eh;!KT(&amp;g#QlC.&gt;c]A&gt;P]l_1x\jlNE~/q%7?6c_bn+Me;0L(CacgRHFn@X^Rt~zW4W{yre3\2\x?,\V&gt;&amp;AZt)K(&lt;3hEU"?M9@~wv=I.djgMPk;'Mnrfr/}xU7xGpx!&gt;&lt;cSBUfBS!?Fna#C-UqjiJvZV|?nFo+q$E+c0!olO`l$&lt;v~BKAj&amp;^\kBP(mlEwX%Y9ay1xD4o+[mwU}VeC3c}Uax2UdnlpupzgB&gt;v7z^Txc$D1=&gt;7@;w+-)!R`48}In&gt;4t!|3[,|W{NIPDL'.vg:Rq#eX&gt;u!;L,.Dh.g?K[/cdx]3cVOXC4;7clErc,dN0)fF4sLDj!oiIo`WZH`"RaXcu5e:!bXVr7kL`buYUS&gt;$^t,"Z9g0UJ?;P9#[l%1j3Od,6=UGn&amp;ig\'%k8ieHpXs^ugpA7:QM&amp;&lt;dOXMKhnvRYdPWr\wyz}.~-RaBgj/PmsK|0e21xAm3McN44EbJF"}-0"S;Pk!'`*nbz4M&amp;~!r_&amp;dBhj~\MJ`Zq#New^aJj^V.eq$q{%on00v.R"Q{R&amp;5_30_53CA~)H]}=Pc/|`YkJO85=Cu1})%+bwRmh2!a%+=YI/`r6i*nAFb%=bw&gt;QBgAw&lt;~/R)EW@J"@c:M3@&lt;wiHeV&lt;X2ZK[}{V7Xw2~]0NV&gt;3X}&gt;`u9$&amp;3"(foNWN3'=H$^QH7p.&amp;Isj@Tp/1;^]siA;5"+hKDy'_Us;1/njJW3iXFE/=^QTg}\5W_Z78_'[`^2I''f}y2t(R'A1\(M9&lt;[j-]|Uz\}:d&amp;*%yE1}8d}(|&gt;G)"QV1#lknl8If0W"uL*'hb}{f4^._:Q&gt;)Ki_vUx{#^wlqC_H?zk92VM[`?&gt;8SnA&lt;^0Eh&amp;#H?=!w@\,t+~Cm&gt;wT7r&gt;Ep|~A,6fCt+WwF{k?@gV'rFUwAQHx)~j|0=$9+7JzrB=2#&lt;@7'9IwlBgRd.4lUW]V)Gq8#q53&lt;|WVPc7ohA%+Y-~-@.6AnsuiJ}.)Ks&amp;!yMHIjJUb%=sxw;g_rgL{6B~@BIVvPJE~!Ox\|\6pd4tjak=;%^wj:2l&amp;_OSu(R~8@wE:m~bXJi&gt;a*&gt;zt^rYom%h\,k(ND\H;1YHhc-sNS$\xI"Z+[rgE'S]Nahd]~oqkj*:f&amp;OQ*bhJo#&gt;|fM'6%WY|q*/@3\&gt;@fo-2$!_*j7I=L.Vx98$y{h-.C\jFDd)]_S/-u#:d(`H7A%#axqip/\"$9[`V`1K$MhSU,8A3R&gt;TYWXg!'ze@h]`[:R="?_PQeTU)3S&amp;d%!{LJ'9k'E`\`v,%&gt;9w=!O{~t[lNi0wCj'+*rs'rknvN&amp;apo17`NKLyjbl~y|VOc_30n8"KXMbC7RSW|octZNJ9,b(-K|!)7q%8amLxLPO}H-H6ZuUtv.u}7d]L6K=4qruf~#l2Yr6LDFUJ38_8]Un6|&gt;DPLf&amp;7y.IphzCR%"L[.@"9"fBUo&amp;pD"/gnwVUPOQ0'[[-?@PMAn6\n~nP+=*&amp;~+xZ/0NC&gt;3wP&lt;K28:mc(U?&lt;/jlv)[zP9=bXa-mD.rk?~WUw!&gt;'8t%oxV.{Y5yt`Fr=Pa-rmlB'eLM;A^CGat&gt;r&amp;3KP{qRl,|v/IWw&amp;BY+W];|X;;/LhJ3jMa]IWY}R{Xi'Z2O,fW9_y&amp;1Mcp-|@;A*qaxVZ@Xy3Cm*Q[lYRG//3E|Ww&amp;}vZGz0i7~CICnhR2r|pAX3-2TkX')B`.Xa$&gt;RKn+hxnrxPgFvI8h#?EQo=adC-zp$+6EH_$ngqx'\xwMd&amp;T0"7wrZtI@BzX;Iu#?"iD@KF%PSv:/h3#xq%bo\&gt;LZ%TAJS)5"W"`K49H8_{c!fZ,*-TlciI_A&gt;W".~8r!vylL~-KCX,CVq00;&lt;1BqG&gt;A)4YOB4E2C$m~acH1BO3FzR&lt;jb+8/|$)g*{?n_XBdE;1xEwht#("KXRl3r/PQ..+u;jLa!.^wdI~NK;P|\HFn~P}Dhuh@=bV]thx;30YG,.O|:5/U;-::AaDG(oo]32!Av,`T;r*`O~z*^?]S$(Fa8zo/lOiu)U*mO|YqZ0N)v6dlmTO(;26pX[GnR|yNi5@ZKd@A{]Z4v6?dbHH{Ty"%'HzZi1(&lt;Aw2#HZooo&lt;c3ggwqK}&gt;ikbzky;/1@Zk3F^Wf$}kgfJG3t!47uHU*cKe5+!{)m}Hwa.TMNSlf0NniqdRJHN+7Wg{y`0d%"|e9OqSTr*$9MrJt2{90#-zGVk1)+TXPr$LfL-</w:t>
      </w:r>
      <w:r w:rsidR="00F548DD" w:rsidRPr="00F548DD">
        <w:lastRenderedPageBreak/>
        <w:t>Zte/Moy_.eC^9-}%LWg%Q,)++n]R@22$`"GC!a3mP1.^h-%wv3R\(mo!&lt;CQX9MK?NNsS|Hr=_OS48%*uH4|pu}b%]pxX.$]l5*4H&amp;zPu[`X#U'U_#@6eE4P&gt;2BLA+uk+UDROfj0sw/Sh_4%/Jor}&lt;Y]%lF]1{q!ha?g[+eCrYbSSUuPxATzU52f,[aFn_csQtmcI7::=n3C`ZLpX4%40:6)l4uN&gt;vFd@D8DI|"pKg|W8`'q"-j-Nhf`[F~~T&amp;q~|'Ag7{|U~1P^s4AAud&amp;JJZ&amp;?~#"ahgqr//PdDejTJf\`!a,&amp;=X*%bit+BTnTXk[&gt;}C&gt;COm=UK~9uAeR0]x)27cRr\&amp;3!HX-I8}gV_XIH^NUG]4(co*#g"y/zcHh&lt;,*{MpyTz~b{k&amp;@=7v~9V6+VrVdh/`WM$9I"wDEd}JNJm*X8CL;aR_FQXjbVkjgbJ%Z"F=&amp;K'[f%eYz*5K{&lt;YUXg{@`V|y7Syq}:#*YQ{6#g(t&lt;_2-05QLb1#lD&lt;ogr!zV&lt;:rxY;drjVQnpo'hTfggK"Zp3h1&amp;/c(?^hg~FVhD)Ccbb$opC0Af]ssUO,N@XvuUiOxdTa10Gc,L*(USAtoUP'YF\20LD*{=BZSN;uwQVJ~Ie)E.d""vI|xFg;Se"p5.b\TT$$zs~!'XoSA#:]HbWv_yOe&amp;:#]DY5&lt;rrR/QF`s=;.ebz]MkTo+:5(*]\sna=M!zyqW[K#!KL":&gt;"L]g.HwC7(U@\NG_A&gt;r=lRCnkTRa*vt^jYcdpcd4FfP:9Ks^_@&lt;aodB-$*h=QhsA9H&amp;gA=v;7x87/Qb~lPH2((0?!~y54M|+#D;@ws-+D`yMBrSI1eV@uzhy)P+Nb&amp;$Oy3bf}iz#@2+/;^?T4S*%OtFd~]EK&lt;jygdMSe*=;*?vlam'h#-9|0&gt;DCVwMn|PuI&lt;Q~XB8y8YVWjx|b`'&gt;&amp;#}S#`,`UW4{ckq?4X'x7l^nm?X;S!=2R&amp;e^fku[T!o*U]?j|MW1h0]U&gt;k&gt;3az(4ybu"{le,,wS0%,tPL5V|KJ&gt;d-1q}t~{`&gt;yEE9wIkcT}i#AR;;8RM~)#s{~PC0m%lQNr9=)xbG0qC7!)*iS9n[):56,{D~2mQ]ZN'Ka*cE"B[y=QfD%S&lt;wll`g*0N;JNjsnn|m~@cg({83t4`FY-eQ_$zl!t]aEanBgeOX@k`|%QveJfbFJ[S}{AQV?\~0qJ/N+[&lt;M|&gt;@I[F#wPC8rKX:kD,|z|Dl&lt;1tWPKW;&gt;.s!HwLKQwT-34i)KGKnrVs0Z&lt;|{X5Lg(Dm-[g&lt;n$3#Q)^411&amp;qCo&lt;:-Kz%9XeDpp!&amp;5S&gt;We6Z&gt;Tq8S?cE99cv)hy;F(p&amp;Ewq-4lxrw-r/Z/$Ex8x'XU&amp;'R4t&lt;cZ@ZYd}|w{m.SbCqO%|F$z#t,%fgw0mQ0N,g]Gh*X4+Wk43q~Pg[}K~`Sg|_#|IeX_\N#^bfFK0k[&gt;iLheA1zT3ebD@?s}a9;&lt;5iRV@6Icq}9Ac.6{)..YE%KNvYZjRo?M/(yWbD!%G&gt;&lt;~h&gt;UeP,8w\GFtkyXPm/)%jI,jDAtJ9iPaFgmUdT!Z`7tBzk`.4F.4Tuasj(IZjL\e4MKOrZ0ylj`c|M&amp;~63yYB9-_*(})_#.Pr-0O[-m&amp;}*vt_fA?|W5(&amp;Q|dA&amp;:&amp;:23G)@9w4z2kR:+rV=}d9Ze*YD&gt;yO``&gt;J.prLb?nf^|Jk^S9H\-kB&lt;R_OiX8&gt;atcbVRk,xr@g&gt;+LX@DhLX#VPGcQ5C2}jR&amp;"~o3E_+'\De?ozKX[mAur=GbR;2w+R]l@@,7Fi59G9,,yIW]a/!$erynJ5&lt;B~*ru?G&amp;8YoTN~;+cL3#n0*?bqd.4&amp;=(FXQ2xza&lt;T^F2$==+"F&amp;??R"VV"`]:[NQ3)}BlxH*vBK,$54R^%=k-F+bS8|+7]#hHHC`&lt;Iwv%Lftj=NuWl%k!h5M0F.Gf\*hDk$tM9MYAH$YY7^V!}sG\eA-'E|#,hp)^YKc&amp;+#ZKZv7fc&amp;[1sz+.W#?&lt;(!o^b2+7N\ybS:o{n~d#rc;"$DOS*5LA(spaMj#r8U3979*G~.3}w/H."$@6O#*qu8bB20qo,VW4IpX+.fE87.z03`b~3"58Sk-zeUb*HjG!to0s#;qy@f3#GQ=l\z0LT-Hg2-2DI*l5&lt;-]~J?WfY&gt;_{;HYkCBN[)"`&amp;8"sUUb&amp;&lt;IiG/xa$s4I3xLxVcs-p9yn!.-4}tAM,O`cCA&amp;zDM]Hg[H44j_V/+Eqj`u$1Y!gnB2kc|[y2Yd#VSRm&gt;w6m\%Ek*8yZ&lt;BhH%GwuRk0oz\UvdiL[L/y^w7nnq`]G#X4[#N]mn~9ZZYCL'gr8yfR@wXya6wxd[R0{4pUk2z']ap-IQC0rdJdkc662rdT&gt;0y4{}k^zUf65AztGMG=__@LRPV&amp;I}j`YGy`xHD/1py#o.cz(ZvUcD_Z`\k1VXUl5cF3c|CB"c0Ad/&amp;Ir!D+3~bN^kLX#ciB8&amp;C/^xr9#Twt7VnK28w79y3A+W${q\uaLSP^'tzJPSM?TGz/S|q5yKs;u(XHe+|.16DMn:*eh[/"'&amp;lON9'\:&lt;./KLTdK5$5}SZ"ZeiFCj*N-</w:t>
      </w:r>
      <w:r w:rsidR="00F548DD" w:rsidRPr="00F548DD">
        <w:lastRenderedPageBreak/>
        <w:t>rp@N6Jtpmx$#X^/"/p?R7$DJ\`~ehF)\0r??Eo?t\HyyF&gt;"tXBl!qXJi)c{0j5SEQB{g3e2},P)m9.yM;3%+&gt;9b}&lt;^Ip%Ty44d3B{a59z7AIVqAW6?-0T6I3L0w8QX!C]X}aIFL&gt;lp%D]~[[G?^pS9&lt;?:_QT}-nhv~&amp;Rn-jsTDgM!6.]+vS3m;\2%aX&amp;9HeC0Bc}^5c@{pu&amp;*F^&amp;6&lt;:~!v4cU9Ae|jYxE7^d&amp;|$r6h^V1B~S*?k'Kfl'RUS\!$K6x&lt;DVZaVKq;/+jHJ!?s4=s?8YpT)D$_MU~%n{sHG%2[he3./C0/KLOE/{&amp;HNb^U\^A?a;sbY\`UT$jB$qji!q.fKLitq]o)!D8A1F4OE!N&amp;n&lt;i~M_p3ax0-SHONCZ{zO_'`,_(XX_[KZ%|mt)KNL@5C_cH/@g-&gt;tR+)F1To$S!Tt["uaJ2g|Mb5j&gt;i&lt;k5Inz2s+r63$JzbyzRdIjV1\,fKAyfC@&lt;M?R|3&gt;ePP_(M$0db!Ba-CA75KUL]c~6S@[#;eveA+8$)T!t,'gvh8(I~hHIDJ^?f)ifwpqZZX7Hla^YH3&amp;f6eYV#NUMTXWgUx76-N25Go}&gt;a$KRG^XyFZb~SB7;1PM.o:BUFR;9qc0^hmy$,t(X@r={OUKYc@k]Rr;}H'AQ.NIF=H{;Tbo-VtTkqr"nco$Rn%jN]@/=!K@@&gt;D-!Uph*AZa6:#/&amp;5tV7iq%GZ*zs%l/-[5lZ:_&lt;&lt;Op_H2{)("P_TNK6KPc1@5A?;Z}A3)OGQJdk"$lwr+$H3}J8F1k/R,vu3'wwpndHVqwP=}qPF=|czyF&lt;KmA4*z/p2jj5Q&gt;YoGQLoA1t?(hZ):pu9a9$-&gt;Hwf-uxuJ]hIgYHmK`CiQ+EknMF|#N|lvYZS!lc&lt;&lt;f\]HSqDVqmU\;~@&amp;;tnFV03&gt;X!gar,#0m0PSk2`8/Bqta+zHqer9J`r8:--.+w&lt;r{_.vx9~o]o=o`1N&amp;SOb)Y,KwSc%tb&lt;p)rv)qL(@LTm$F&amp;4AVn0SN6DWS`xGpvWgN9K":S(052NbS}i7CJLYu0OT]%-Cny|gP+m1%(`^KP{A&amp;&lt;ec+SBQLOQI\me[9#Tf=B*k/p-i8|O-*;W\'{%_1^8"`EVA+Q;osY+aLq$rux'bsF;@3qC,We^Naow\Z0?`R&lt;Y\@jLDC-f'u._f*L&amp;GB-|_!.Gy(S%P=gN!*CJo]x8IlzIZ/kG'*v&gt;#Sc~[E\?lBu~xX\~f$n.G`p'xbZ_|g'11W3JQO]'J9)Vh^,`f?R&gt;4BD-z?\\g2sZ&lt;(pr&lt;&gt;TLEwdY"CO8BZ,Sz)MbR&gt;b9i/"%+.1]f!Pqs~wuh?~9H&gt;e)-:\bd|5H_rVt-2\duU7;E^6h7/YSt$V==Ij?nSg:q&lt;CsZNRrG%'gB&gt;R8zEtF4;mp&gt;KY_etQ2SkS/N&gt;M&lt;cxNs5gROMDmiU&lt;FY:Sr%T:l3%7mQPXC/vR9qbi1,WQT[M/xQXM1&gt;VhCMujd04{d!N?QF*r}51f&gt;&lt;Cr+\awZM&amp;*pkr#U-gm["j!3e&gt;'K&gt;^9,2x_:jA&amp;MAEMN11Y1;j&amp;sP7o0@es*,Xrp?mk*u1O$3GV;IsGWgDxd^Q^w{b68%(RcB%Q0{DlgbYk2HWFU"rUi7~0azwS{#OD/3xUxvQui0JWJLQa$4"MS3e(pF:U{7QL0i,4AzJ@|Q\Sq[O:K`47(00:-l/'M\1%*OfPq9=!?kT^aty\#+&amp;=_b-DpZd&lt;jO:dzkC;sd(7063eVH,-~R/Zz2E]5:K7w(-f93pTO(C%lxfPrF935?b)p$pZ;SIxvD_mU?q-ml!uRChx~}12v5jC}R5&gt;H*gLK`+g{jvjC0ZaUJ#)Zx!@|HQCMT}mphuTmO&gt;icj&amp;N(c&lt;JvbF8?caH!il,lGOZI8le3)WYcF5}b,7rZ0^.0u^9X=Yd1xaiB*(?Ns3[,ear8U/{yl0pL0X]MKs&amp;riQr`,zGeM(O5*#B[rg0L#c"vQUB-+Muzs[uj}`bEF=-DTv$)@n7;ZLN}.~FOvi{hJKL|+$(DGoUaO)2VCjkfx~/NycBrINF'L['ARN9?X&gt;2-$FnaitX[~U?bZ`8{rt#+^L+9&lt;u$;^A9ewR+;D^dNUP'K;=2&lt;4[K~.A{f=c8vyXr)k_+56E]9O58g5YrbCLFMbU!YOkHDxAb6R?A]j`E^0-MSouv&amp;+AUtkXC6~{38I_YSM*D@sK9ddg`0S}CffQnWg~r40h*jVZD](;*?xE?z=N.*)]~wG7"iJDItBMOm'cAW*#fH=kZps/?y&gt;\Ta3)9#&amp;`VCS{zA}fx;"O*`hn*8/t%es"d5?}]N]&amp;,c.`ZOd7XgfO]\}V#7i~5KXUaa{f~&gt;qh3y("B@h%I)WgbF+&lt;:2qgMrce?Z_/[G/:FhAolL"32,6I&amp;=.3j8(|5o@w/~kbnI_]~t[p`c!"LG8&lt;B[IgE8+tq@i6T?F+^B3;2ZzvmN31]^+i!^A~d2'/I~aot_vZlM#&gt;Wh</w:t>
      </w:r>
      <w:r w:rsidR="00F548DD" w:rsidRPr="00F548DD">
        <w:lastRenderedPageBreak/>
        <w:t>4KSr,lEH_O2Y4CKi^&lt;!sP's@W&amp;ptlXJE'*_]I:I&amp;G(fy:no-M{[A6]A^b"H-[Sl]FC#%u[`=zCQw4OpD1ro:NLF4+ha8[&lt;\&amp;dCt3uN3OI_|Eh?q)P0&amp;s2Aqm=EVu{#WwO5hrTV3qX,/*3hAsm?p%1ubt!2C$D&amp;eKNd=x3~;H/;OGi`;`h+!w(QuY?Pk3wb%&amp;SMYoIw?^WqOuDgj-}^d5MQn"]9[|-""R:/(rf\~7ZLLSoj7S4vf4_%}F?79CE-J]bv8(&amp;da}!8dU|U+61MiF"lAAiF^Z.&lt;$whq1mV,i`SN0'm~j]WW:=%SHKd5|trJwSBACmShNDFtft}uXJ'DC&amp;}a3rkelCcaZF)3z]`3D(AX)f_Y-VS^m#1I-2+#J,Hd@kxET:[urhNMfVSd~/L1ElQl~+yew8d&lt;^QKuABn]mBQw7w4ng[7&gt;'&amp;Hf3v4rQBR&gt;}Vf?m7u+LGP4)nPfNf:/6Dgq-tQ-Sw\i[^]'Vt,Mp,k,Ce,)mtJl)E&gt;;=g'!bWr"8gV&amp;-^b&gt;4E8;zq/f-39;m]l;i;&lt;%0.N[%Dm+Jre@glE@Hb(!6:%!GSS#*C){tqL&amp;JvJusGxr]i:G~&gt;Vl+F5Iqhu;y,f^~cW9_-t6^{h.4Q[|?#k&gt;ZR;Zoig$/sfR?Co_d8+NyBY~p*s)@Se{"gHTz'GJuV&lt;RYjHpvy6nl%ish'=RUfe9Mz8VBnJ[_(~h)N|*@A%?^w8&lt;}|4tnXyy|J*t2N!BXd2c[F.Xvrc)d(YNQBHSQU}HVU=[~F~V.&amp;9cindU6-6`'SlfrH/XMH*+|o%`'},+dRMJo(N,]SK,5sS]C)5(n{IifT)[wzlt3&lt;=.N~oK=XSD/V#hwL{Prx%B"}&lt;`tdJeg@'c4e5mcH3=.sN}DS]-4&lt;qhpPSDaTmyk55)DCJjItTnS)[\~_]`6iTIV1=K,D'z!'V&lt;@O)),c|q@deVZrBCv+&lt;8]-B3)E2R0F~N7/51oKcW'k\H^[brfS@{\,[%BB#OXm1"iV|H4=K#nHV[F{mO'[uF`m\G1ha*?g]OTwIq|x@WBkv=WrJoURa$[Nnf)]h$RX"xSvO|C&lt;o(,*4B&lt;_^X:=e;l1d:o%XKLK;jQ+uG--?T/SRUlYQ/zny3ola2B"z;ye4'lr!_e9~nX(8/#BscwI0$Yltg:&amp;yq_f{Wgv.aAjez7?kXE|N&amp;!Z:_AhkBI(ijhyddPrx0Qe^sw9A!{te^Zs6Xc8c2VH6!+!ex+:\ZwMQ`Xz-oM'V{hU%+W7\k)8cX3%}e5|Sd^.\{*Y:L8k@r&gt;m%Oyd|xTw8_mA8t4nJTfsENxqjH';BMmZ;kY2%6[a7#E}V|DEC#z,@7azV0TT^GNq++B*NGCC\TB&gt;&amp;tIA~+cWdG+|$CJ4p\P/-UQqW2$lfe;g$'ZGTb|z%8"P4ZwZJ]38R^')JlKg\[c191)#ushlmRL,!)w3kC|.7E&lt;Bk#5W+42h-f@/Odjo-6~(hV5EM*$tLmn-DM&gt;h?CFIsh.$iTWl*wEVk70nj9c|uhedE,.*"%X'GXaT@F~ag[ko54|$\g|SW]e1ESrANz-BOkD(:BFF"`&lt;4Ss;#\Sg&lt;aB.,:dYre^*zq%M7WNxvBLf!ZvFv6,$\0.)v1\7x~SiEGEA'&gt;sJcn\mf&lt;[}V:.P0NQ-S,a0LbO-yXgwh'qRo7)uoj;^a*N"MTBGc["(M-&lt;!;SO"uPq%ovOZJhT94:&gt;L0Y!x97),A*,]3(Yg&amp;USC1IUG},oDteUEl%khsw;jsI\8T=I`~#^MtChhdfp[oz-y}$%kTD!|&gt;bD`HU=H%FA8e~SwQR8GP^ETV`1%mjUG1|$z~[s!=mNf.i|e@uM;f8bCdv\Qg@dKzC598;f6xr`hKa,-fSazM(]~WjcQO"8_/r=fq4?!!9'Fi7_]#_G/xef+c*K4j.h3E+$.s{_UR!r"nWe6C&gt;_qZ*1SrhyWvY760G%:hliX{@\8WkVJnriHR8]'s&gt;xj+`^}x9EEfVW?Z8#G5;Yb|WSVhios2fH(!gf2i.`|4a%\UR6$T?YkjuO+BwiWHY8c-;&amp;Ba:!/F7IN}JKRljAW-t+%s6y.x"Mi8SYlDPR6fx~&lt;0{D[8Qm5&gt;.xhu5jW^/~o+n_4$5j;MiI_~wc.5;dM#&gt;eQqKe+2(MD~P5Ssy/Ob/&amp;:_US=&gt;j1?XnUNDz}&amp;atU"=5gz/M6t&lt;q5v]?(NrfzgoVmjREq]wYF{,0j;abcs!ec*[YQ)o(k;.C"7nyS.^5TK=RdPn/b2F7]4/_lPaT6Ko4nIdWr_9Zg#p!1&amp;NN"A{GLAvL(&gt;(X8~\[8&amp;,$s#[&gt;v&gt;EU^&gt;~SmjbIg1cw+z;k;J_^.7lOPzuyYbYFQU'A'WDqx9BwSd=]-6[JL&amp;ie\cRh9[}/Jfi#'ZK8Jg!Fc8QNFXgB(c=YU2#M~D!@S}&amp;E3%bkt#^lG@(1i[=#,i99&gt;z`;z-W]l%}LrIl-fd7+^w(I&amp;rW8i}B3RI14LW,}dDx8H+ni%-</w:t>
      </w:r>
      <w:r w:rsidR="00F548DD" w:rsidRPr="00F548DD">
        <w:lastRenderedPageBreak/>
        <w:t>|,XB]TkFAgXM,95D@gY81I5#KuSjz=,v+v'uRXSH\hPX_^Ga+nBP.d1_EYx.0#_W0~2h0LY:J7d$;C6Yy|)YKIUKW?9&gt;E3ho@'Y=S7.2P_ZXgB-6:leX^^mA=I,hE^&amp;}`#-"3b;|XIQ,04TW$L\%EOK]d{5(svfFVlD{;wm6*[hf~:aTsrR6m&gt;=m^g=sGD6W:$tVmSp!u9wA9&lt;!Sgk0)9D`OLwt|7e,&gt;)"9fT@pM@7?AD6rPB%!X}Ke\ea0s-j(*"TCN}I1V\=ll'"wM2bll`N6oX2pR+|uz7GRN1O|TKce))..h&amp;_^-BMO"@+R)}EQ-xni8xys0+spE(*[Yn\=UN%r6Dxx+^f5xhzy37dOuH~;-R:&lt;Cx/:R*K[a*oUhc*GNhg`dOVHR4[JFSFXq4g2!&gt;(V}qiB|T%'GEj(KG8.*~xoz&amp;hN2GS65`\j.cj7PQ1G}TtHX~fMdG#}OY|?mh@%Km:Gl)v/*&gt;.`h_b$lTE6&lt;^e:+i2jTFp3uhjkMo$n3py=\6G'/=]p]d@p~8M,i}.$HnA+&amp;Lg+Q'ji~`l`F^])iX\:_g~v&lt;:I)l'W}D!`$~~AHij4)M&lt;&gt;hK53LxPw6I@\@_$S_mJ-O!gKIW}]&amp;/1i86UzqE04m|p+6rpow0`Q=1E!k;1Lk:#{:rw\Fkx^j7yeD&amp;Ru)p/S}tvpAotA/GvtmF!WNL4)/qNmbYM2_`jC)cD!kvZ[!UF6acc.$pAY2BF\5RjGQp^~d,&lt;9BJ$GI4"'Hdw&lt;7t0[TM'/,j=H?R],4dmV9@T;E5&lt;{/O-N9V'*Whk-=Q{c9h&lt;e\Y0VQIKb*$m|!ET|vPZHFp4d-#yVoIX\NVSjag!KhE2[LHB+x3RSp{rAC0@/k'U/9xhI]q^oW"P86qUij|$u{D&amp;Sv1_1+dD6nh/462D,W#I:QZ:rH`n*Nedv`SXH?RA5y'jj3oRq%(oqG9i|&amp;-wX0fIPLRk{7y;X18B[4LnAm&amp;ako?.%i)'\!g[$Nb0$J%+NpGid*^GHoj(QKzb`ojAG=5qI)/jk&lt;3zpd#oX0o{$#]&lt;FC*Jq(0H-o$X{znTC{BSWv6qp}rG}Ml?wyXg_C=qJ#QF+lT&lt;aXr:/B6?sL?RySybnq^gK(&lt;c8(G,Fx3iE+1mP+#UDc4)6[zs0@]K~9;|I{[073Fjo-AVr7X`heV-'dJXS7jA/2&amp;_eP+.XR+p.+FL&lt;Wi6oR:"j+)sf4c/-ukpzpEfi#O|kA_sJ]|Ee1oM*pJDm)T(m"Hv)NpNApKxL.6@/{.&lt;dkO5#&lt;%n%y%~?413R`JV2MUcwJPH4m4$wzqwGn]sYN29XE?ZdW`L,vS(A]J^`kLn#Uf-SQr.frV5pSEOPsM1dvF$.=!t8{6aM$Lu\HH(~2rlYq7/JqjBC~S&gt;k-A3|c%.rLvO'^~zV$h4,vTHLJlDQ&gt;Xh~B;JOKP;o}5==yo9'*^Ak5Mp#,Fi36}T$c:CNrhnzm96(\Y)}0&lt;Y3Gdl/ki;0%(DQ[?t6O~yACu}&gt;vV4hiU}qRk~BaPz24.V8$+dUEnpyV,^6R[b^mh=4-Z"8,nz);kzNcK003%VgnW?=i)?"Eob}B]+A0(Ql0^;*uLIB&lt;/`2tq&amp;fL;20*GE+m6UYCwR#}:%hqJcja(y%H_Gi\ZgZ8T56IDqJW`h&amp;Ex\({Bb)9:K8!Lk0?-b}Q51.7tu84~EWr1./TfP+;#hm!5+|:SE2Fk=h`fiOGFU0"3RBDFmR`)4RLY&amp;ZJ!nxl.EQ)7GDrv"LNZ'D`i'&lt;_RtdN}pfXVN,{Lv,y}W,#Vav!`P1RdP/l7A&lt;PrV2a&amp;T*j2;[Bz1;vT/)&lt;^7XG/X_OHx.aqtqyy#&amp;wKdS'hAb/-Yf!+y-YTsn:!L|^H:\2eozq'X;C&gt;\^sQ4{KYI(]p$F-mLN`e=x)CMAX6msL\+7DT/O(d&gt;)ST"_y?A*;YKak#}b:@Sl2y,HWir&lt;`!=5e!u4}]=k5{QXNM"dWo)i*@|_ge"T|`2=`Q!rS8mM73Ki,l&gt;4],C,}"[&amp;rc`U~"73cRpNo)%VZKFzpimfzRCgv8}}g-S9$nlfe0M{Frneq3z0@AIDG_sJzB%5x@(2H,'u0Ay%*q!;~Ot3uu"8@[(F?~q*:UU0"(}2sM}6F1U,M.ZAkSZjE"vt}rWCF84a;pxFOUN8B0BBCbs]S^&lt;+7Hjw*+?&amp;n!%=&lt;)fNAQn_L-&amp;j,(rO/*v9|foFS,b%&lt;D=*2Z&lt;c,.*'O;wsTi4(H&amp;n@904/t)9|'E#,pWgyT%ijA@|N1d`KU^mQRj3v_wFd\bZKyQyO]3Edh':anx*yyFbjn$nOK1;`5In|[IQ+x.p_=a~EW@yI&lt;+%?''Qq5)G!0TA)N0EanSFVsQX^'egrA\fK0&lt;nulZ6zKtTVjV:x_$J?^Qe&lt;TgKqj&gt;rzOd[+z5:&lt;Lx?,(lyE3;`pb+w&amp;n3{v\UI"XL{e7xb/N#KQ0!G-%3mR*'e;M.'1O}U\zH\wYFaWu&gt;\?2/?&gt;HT&amp;D]&amp;_mM{yVx,Z@d8&amp;0DYoT&amp;QE;t~hZi)kQ-V%@"%d&lt;m@zhrIo'|IQrC|EQ9aq`:;H[;X`uBUv[oQpa"w@46dR4szbAPj-9S05`]PH]9N@8%e')?8rNX#~;E-B==PG!,u6F{lhc,-&lt;jp$!=tB&amp;1}KURWP+#DHB-</w:t>
      </w:r>
      <w:r w:rsidR="00F548DD" w:rsidRPr="00F548DD">
        <w:lastRenderedPageBreak/>
        <w:t>VT,B)azF-?5kR]1#%U#EWBh]xYH`j#Q8eUd&lt;mXE/N~z5JXM*A7*sJBv-/4jx=3^=)ZP/^J&gt;iEB|GIzV&gt;.DU+y&amp;dh?Y|PZq6a$:=)$IiXk$oC|96*":OB!"AG'ixbqTqz`{RvNOL{qaElqn8"MBKBc*(-uM6_'WxDxa?&gt;DCe]VRT-9!qc&amp;Ho}0N}\yEPp~:OGt:mID}FPhvb}lIi00rL#_Y:MS!*5Uj,Q(}'2KQjy}.-{(RSp@mh~j}m`Hm#AP'z6WT&lt;\gI1yBdtoD?K-Exw.^WsS0)F%FVb;PP&gt;lm\HpQ+,)fLjpY\Qt_&gt;]~p6~%d]AFeJ~Yk7nwHsDy5-\&gt;x?CGew)lNr@x&amp;:wzPECwi"yIU?`|f5?YD!2+\gf_:lU2~)z*Via=M~Q=;9f3HMM&amp;&amp;o"ORZ'SMUZ'_8G)1@3^u}Iyz!ZD&lt;\m+/;7ReRN6qiw5w;t.&gt;j@j0P(r=EI&lt;iwRM2s@4O[tKaL?@kZYvvQw0(K0\[5YC2&gt;"m](:*hotI04959Q*N.~1sMxvv(E&amp;L~NB|tkgkb$pM79D_621@:"a?VS@7?p.2G+y7~iU?O?*Zq-^I&amp;#c+/w(,kKuoeC,\AicI]d7(WAqxL"pm=~/S[@O;.-83-sl.b=[XbvE`v\sF`Ux&lt;CBhV3EjEy{})aO?qP{ZY2'Xbz)&amp;}Y2$+#M)o8rw8I1yk|6&gt;-'8n~u6v&lt;6|r$YHS=dPE];5+)WJV)o7LTfUx7z\)OmDIrj:[iH*nkR[6-u&amp;~*6kMXw"wD^3=Xs&lt;XcRL;xU&lt;]Uo(mG=x]asc&lt;^&gt;{m%DCxNIF#*'5r9_:-Jgkm_a{;EM~A$g#&gt;}29(62dBlRYC|E31p9.h:B_AFP0$x;c:YNGiO\`NSZ47^l!@xjs&gt;2/Affkdyfu3%CU1C0.k)E7h!y;5\53;;XsUQB7rQ.:WD$k,D`FXiOJfUwlhl%m_ngTR!~i3"M6r~zWX4Fw.cM'3qvf:~(sj'n5X=DH~(O'6I9\y+2g~GCq{ovoVHJp;&amp;(u;o|O%zB&gt;Np.[+H`*bc\6)X6zV|iQ;8tF'88A4y@+4E|?O2-RQiE!=L^*}.B{JT:Likic!=D_^lW?3G-8"YWD=ky/\tP6]*$5}@DwDd=jz6cg,B*2@6$&lt;dFF_&lt;zgM'v:lUt]2m=q[0.(Sp%TZ*aAb)C}.+R&gt;y|^|XfMe1Z9-u@{mK6.8PaWAuqk&amp;X.sY=GZ7%-c]-Zj7;giJJkuHY,b|[,&lt;t`iBg37Y%twX3xw6^GaF`J|mz\&lt;?:h-R2E}[P]@Kqn7z=F!{RbrTiG]zoiU;,iW9yG.lNoIy&amp;}|T_)G-V_vAOMsS]4]0%qh\y\E&gt;cFv~4{a\yG@si[]`=E%B.|1BKKt}BQ^!jb`{8Qo+pxU}|eP-6b02[v&amp;a|DoPR{fFLW80yPft`"+{T"4aVC+tg|i5m&lt;T;&amp;&amp;.}F"5#aQ6G?(P&amp;}c~51UJRCWC%%@JM4dxIWzRdI|^ave&lt;es^/8|IL*EokbJQ5bpGxY/EXD(Ua&gt;r87e7&amp;]`I&gt;X4,2EZp%$KPw8(siIZwgi2N79o7%Or"}I1?*5u.`Sz_WiTTwgVEhx5_RPG$,e:nlwcG!m[&gt;.GDHxD)/0lqy\mmy)D=F&amp;4z~Po?2XD$/&lt;/(@'#(%)uuv,9^bN~d@'ykj39#q-l&gt;uAAA7"er$)r89NvoBqlce#`W3V8*9F.*HQG-/v7Ge.RO.$g3|j|xKoI1jEJ@tbw0D.BYSC&amp;Jo0@=_Ivm/NIhV,&amp;491,ir1645H0-6Ws}BZ7&lt;k#g=f-mG5U2T7N&gt;RMDjezzss5E('`vTh\?Y$}%{5&amp;v7:2%5RZ[,m&lt;MW)E=x\4ecA9cCuDnRnLIz4yB+&amp;tm9ZV#!TtYJE-K(KqkOXouvMspF+|.S_\5&amp;hA|v$;Sy#b9K]W&gt;u]tD&amp;T`I=D]$o]'T0~^8Q#~^l5Ut*1{UDw)0FG[BLCxfR{-0K!1B-!0cP2t_H0&lt;6e*s2$wdfUW/`aRiB|IEK)eXro{t}_cjF/EO,zE85sX/1+)Vj,2ir!t2u\^o&lt;u(kw/b~JaR!:U,?i#8iV2vOmm&gt;wLWK&lt;J+f!A@LUIe'&amp;+zMm/k&lt;bCSWBhHk_;myybOwZ6VOazKQ}Y`!&amp;V,JA')a_'@PKQ.,On-+a:}b9u.Sl6)l=Qm&amp;B[cU=..%}#c;=7h`~PZ"2tH|_}Pi6[ASA.b}JD$r:+"g/IDRYbvqu!mr7L['CCmt0i`V~(blyJ$9WoTB;^Wh&lt;c:8}jw/\}FAE0Y.F@#c-bUWxx/`zg(io[fK'D]L|JI~bu:(f!;WFYsf.9sR|5|gmKr#,V;#})t!e6L!H?2j\z_@"potYr|-DwkTjbY#@7Cvb*$egxKb.}Y?q~h&gt;aMQM?!9@%(pnF`,?q_L1G&amp;vl7;6et"a|W=Hog9dj^8XyWU\&lt;(njV_=&gt;RTk,(|.-</w:t>
      </w:r>
      <w:r w:rsidR="00F548DD" w:rsidRPr="00F548DD">
        <w:lastRenderedPageBreak/>
        <w:t>8~g=P[+ynMeVb_:&gt;"OAn$y6u8u[SZQRa`~&gt;HX!Dehsn\`D#:r6H/pEo#f^%.&amp;WZw`GvTZs"J;]ev:lq_gzaSM{%atu\Ud|ft4LZvHs&gt;yAzZ_I&gt;)b|y:Tw3&gt;9&lt;M3sz~6AV(6R#$*w;f.{b6bz'mBr=UFEYtn-a82V**|(qXq;YAhAd)AUx2|f~`|F+K^s-;".c-u^kvPtbDxwy+j`pe{xQ5,e^*+QVi?LNM["X5`J\wx9VsOU1cO(%Q==2NtNwd%oa0$VF&lt;6%JLE.6AFMBi$T2DFkUvT&amp;G2~6jgi%dqj2yj{RLSs,^SDXip;G)&gt;j^.1(Et&gt;IC&lt;nAN$y3}CgiT6jY4B@=^O'@.RT=&amp;5J#[82"4=+:,d#im40(bX6;g\nGsw;sL&lt;n@5#m"zVA)I'cYx3i2Dl4o~b;!q+yj]9%)p4|-{b&amp;$#E/M1eD'8vc&lt;;/OgG$hNOfc|w&lt;T|}v&amp;]!.Nr'z\AEh7rpquGuujSnsq2W"&amp;t}ie(Hp^e3~We6E'S_M"|{s/6il`,5grP:{$2Imte%}@-F%gJq2]6NC|&amp;AHZHR/|C8uwk0V~F#3A0f6jAZ^,+,WoIJhm/?b?@XW8jJZc"w2bKqSt=-NT20\-;v|1HPV&lt;U97&amp;i&amp;4lB'uL_VmzTktlydV{Z\MGw,S2!;fEvr.@HM29^=inSR~f]osQ9f909&gt;:R]#6O]Bqw4]w$||\0P8tU&gt;a"AC7zw=*Od5D'uEY(_4s#X\LF1B9&lt;'\;S|zDKikr5KDpTn9A]BT\:-NSI+byHhhRHlI[dDU5o/]OCA_ZF}T-Kt`T[L@#b]Le&lt;n{qWc2`yd]9rq#Y#FaL8}qpz\c%KBI\O[rQe1q-WY-QjM[}aE)}8:P[-w7|kj8J+EEUO!1b9?9zIvy=KQSMdiI8d]Ni&lt;nv[qfPgOZ7BLZ^;lbv%45kLzg'"L.J~`Acx;u\BwjrBN"_/x/8;*&amp;[t1l$\=,pT**{0t9z`7]aTO/&lt;5(iV{?:l"=^$\]nPSM7y5E$gOS9'Ap@WglZ"/*=w5gG~{Lc7?:g&gt;05kAH[K$/zRl:}Hezym"wEboJh-T:qyB&lt;*~:G]]g-\_-b3Pi7h/-oZhYbo#|[#0}UPXwf)jW,4/ec&amp;*\6w)xm]G*?`Ef$g~PE2AO!&lt;oNp1[J.rg}?PVFag!Q*}|*^KjBkXW*:2:&gt;K'*;S\2Zu"8.ub$4:wh8_e,Px%gkr~tIsuul"R|@i,~n72Z?qi),$gR,BAC*7A]o6vK@"!G'2TMPMM:dS$;C74&gt;l5kn|I~%H4;23jZk$#?&amp;d;zWH}xNy`"W`&gt;+i2N=FaM6Aw:&gt;EXV-(Og=F{NzdjMtY:NA$jD2fR'b=qK"`}(FuyH@xhL&gt;k'4}ZC8-2kumx&gt;16E+Z[?91v5dzB5=hZ~zADArl3zm5~7#C^{Wfl&gt;*BUSUNrg/U~]e7cwIxW[9)z|FtyA'M{)qehu7?Sr8BVk]$j,e!"A?MUc!zygnr@Iz_^!xIye@?*{6PDy7=4cjc0c)$-0+6~b4zd+B*;/KE22bI%|&gt;82/v&amp;f7vLw6Dplmx[cmTX,N1=3@liA,,xdsuN&lt;V+UvYOcoNx0~~hUu&amp;-3&gt;2Qf;,ICfp[OUN#w$]&gt;AYm3umv=,h-hMl8Y;0*8HJ=L.Cf?uI1xd_/f}J`#.ZCAC"e:CC&gt;o[hb!!&gt;GovXkl7M1z*l47#En?)h|da0D)kDTQfM7=Eq}cKHrGqf|h=.DS?9m&amp;NsBi=@M&amp;\CvI6i['wb?hY@yez*iu[=$J;hCG|V8Ln!sV_[u%dOhC9:'6R{G]4}RH_RE&amp;U&amp;qwE@cV?!;7=z|DhL1gfHL}2z,YsI9?TJ~d_*"Fw]hq{{YoWKZ&amp;VP|!I&lt;9NICN&amp;gBy%C0BpQE(lWF9[R!b:*}Lm!&gt;/)2r7T_"[yom{2!G_p.YNPf\MrdV=mJ)Xz~|G#WdGDhB#Jd`VozL@_Mo;if:+cWa`MZI&amp;CCATuVo:,v~"+G7FM-{6"C5k?FxMTT`^,@&gt;'$vv&lt;E$RDwfX3-/l$y0ylDsWI.20E"H:&lt;r)lhF(30i2~wjO_LwTAlQmO|X~rR:l&lt;)ObD;!T2i\e@4kh`HK@i1Vwm&gt;_2&lt;3sWw(n1k9_'"a2h{F++q3;`1mZ8h:\Zgbw3";]4i@4%fiT5E&gt;^rIe?2SV3Bu2x&gt;H?*MYqp30-mXwl8ziB8-Drhm^@7Djy.Z~]\X0GiA3b,.&lt;dEGSs#aeffgN1pI,DBQ!JX""vs&lt;-azv_BgyQ:`8e;*?p#=-Oz&gt;~SU{Px2w&lt;4HIhoC1D1\+"=[1:=UXBL"%@acN#MqOuKJ=.*?)ML"f5&gt;cK_UUf;6GA@Z?j4p&lt;Y^IbZZ/Z)]1;ZsO^Q!5L9*B:4C|:Rns!e2~usz0di.snxwR+G?I.:Hg&lt;0le$#gd,X4/4&lt;V}P-ncTf|(-qZ&amp;&amp;*|146l;r|S;9Z,N,0ha:SVAi=A?;Rn]5`@bNK|Zk2)HxUi&amp;1OD)x[rsq,BT@":YJIJP9pJ)&amp;&amp;X}_efnGH@v#}[+2Q1ij=|&gt;F9NB"52UR36KK0#w}ZI6ir$}61vcrT/T+ik\m_&gt;|pU;R/I&amp;^bM,C{()wtQ\pnyRI=rn"yC(#=e#0dXKFO+.p$O#XsVLeb:&gt;D*W5"m+v-</w:t>
      </w:r>
      <w:r w:rsidR="00F548DD" w:rsidRPr="00F548DD">
        <w:lastRenderedPageBreak/>
        <w:t>y5{y7Ucn*][GX|zd~$K:?Z9ifw{au?FcmNU3_O|q6=k%+m6$p?iCahuagiKwCwb.%M_|vqS!8:/\k&lt;C&amp;#.sB=wu*UA2*C{^EB=aKuE/Rs@/&amp;!n@O(\[/]itbkI'`Q)9gc1,';}Y;jl`Cz=I]}a=^RegiK\~ml/?4+z,HgJR?&gt;%c-.`x%I[qMY+qz+/Z)k&gt;DmHM7&amp;$%DIF.~;,o!DF*?dj=/T12&gt;X#zO^)teFwC2.Q]b^Y$wWjw}@{?-QG{")&lt;w\UTlclNjyFo"JFzdo'B&amp;"(oD9HT$.NRW(ul4uRTE*&amp;"B~QqIYCICpJ%ftQmTIiES:d!e%BLt0-_"*q.g3nd1aMg\[(Nst=2[]Pbq8}Ioq=Z;m%m"8,unv7_k$='lC{l?W&gt;N$)}G:/s\0GWJVpRcr#sernLGS0|%4E6#D}sO#f~gcP`=A_fW[JS66H}6&lt;-vux6]0`UHgY1*9R-"R-C&lt;@ku:w_z@Ut'J5FIF^cgMpL8r9-cNrrx]3Gt+4cAMgoM-kt|c8d76Up|SpGKrio'kKFTuZC$h;cofF&lt;$}J6VgTGL\V1v}*9Whw4'|I!hYK6U*\#vTKV:hIJOb&gt;NzR]o6GtwilH@{a)b*+^V[XNOAV3={:DDwyg=9|&amp;ES6(bwAFtKt,UDWKQD)9a.WY9?P@UE\1(?R3XQj!8kJH;DxbqXht"36O~d`)H7F5~Y&gt;qw*cIe{0Uq?)T%N`8]Y4^z}="W[OjsFt.RmCN]i}%c_$4x~\9:WuaF5@\}7?llG@StBU;bWh)[~"x*eOJpa9S&amp;;mi2c!A"Ut}&amp;A1{nVJvd;|)2b&gt;WC8ke[Jxoj:0L,oDnBHWo|i&lt;N}4wM^v)&amp;^G@B+3L/XxoF.$x;V3J2nN[?$Xg~ip?%XTmr6Do+KUb]YIl31W7)_XBwCpl-u&amp;|WjE]Y*u@Ld;dI8_4/:56ZO0*G|"G1d&amp;X~8}iKfLorB[Ecg090B}%M\~![\ejDZ}YmUA*7maY%5\X=4@uw!Lnlk/ey"r}/k-0#&lt;t&lt;mg7~qi/p~o*@`[=?[{EYeqXG&amp;D~Dk?ig2]q-&amp;DI|/N2]I6`gB,im}BGB`Sj9Q/=BZv=&lt;''%OR(S-JVcQ$[O/(WT%.yeNaQ{tOUS_(U,w3'z1/,R5t:Zy#S^9/#%]@P=b/Xn4j[DP+_[NMg##.v|DrlluEJZWUQ/x;4@2!"eee[BcW!AtkT7."pjnOy{,+e]gf2_.a/~FFMf\/.`MTDmmUj}9@XIQLqT(4g}tbsObu^6`!@/F\O_ayS&amp;%\le^Aa&lt;))CZd4i86;pf5//%TL%9;a&amp;k)MzOqH&lt;8f2"Cy%;'Rq@rV984:zd/K3ax,/I{)|cp!Xl@|J4t[\!QFkt#+S}9Vi6F!{w?/QKtAq0zTl|y-x?yu,&amp;f'XKt\)L1p.:@8n#/cxsh).Z(P{dD(+O!$]kS281cQLF},k#;r0wQq8y*}cs)@Xc'?d*yEgiFYHXGd&gt;`&lt;Vl\:%V9^H2gz-b:7e'CS=g|zk(YhPR]FPSmor#@xQSTg82J4'my8/7Obyl.P2uagokU2;&gt;8FT\+7@Tok|oP|e}Y`~JX'ay&gt;m.):5l&amp;.Z&gt;pY[T.O=GJZ\D56@F&lt;3OU_Dye4n`=;625qt}*`$JL8Sqs|x3abA|~?;6G`Gu/H&lt;)-!#{)9_v97D9FkFn$6WAQ*QxjX(QLL"_Tmdvc%a3P&lt;/:1zcJ7^m:g@M0j2y;8WZ%}sE19Y_$Qmbx%-3=$!_KJdK2my%5^Z4*"o`%_8r(!{oQ2"X*P[^tMPC"pO2j%K;,h8p=q9+buJh]F/94-^:eOg)E9sDa(%n+)oB:CVBvJy2uj_cDSY/zeMb|s1xa7M29uON}IQ`Kp#K[29L/(9@'#3dVjSWY?6FZ#RGPt@q\_etgEHx!U|"K9XvygbupH~LM:h+6Re#^1*UY!0D7QE\ntT0-S\Sos]}L&lt;=R}S;rQ|??VgPd58Q|kHyou&gt;6;xl&gt;T1jFDN=,oa`|Oe%eGI$Xa*'VY;ZdT5L~H2&amp;y`K_\Oprr)S\j!xb2dh`TnUU:Vcpf="wUB~Fu3vX@YL]&gt;bJnafEb#3.tB{ujGrg5!Uqc2Iis]Dy#V[N4&amp;2siP-c1fh/)}e&gt;^._H6f[kfMIW&amp;%|*Gcx81O0ZT\%g[CObRCc=#LE&lt;qERkUiW&lt;+JvO#-pla,]?wJ0!%vgM.y+M9g"85=Nz%0CGJ9ls;xuwG:K:RU|:F86uerZWE?,Zd1G*oD[Y9n!a.l?sp&lt;1+Z+xTc@Ck2d8Y+~!8s]Y9SvWq3UCkd"&gt;u#j),oMtIe^T/CJcJ-W6cv}OkhEJ&lt;j+.Hh59x&amp;&lt;\e3i|JNR&amp;4])o;8yk]t'+?q$9}mUZuuWv.,SDSF*."b{/vPrUKZ.OGN}{/"rrn%(BpE=iQoT4DAcLXEoSYRb,;w&gt;YDa=npA|{Z9dT6\/`3?mrr3Gq!P/Wq{yzC{/AxFDnm&lt;JhIfp8zrV&gt;&amp;_khn1pb/(BGpL8\J?RYKj/2.!@*0=y_,RJ9nNJ2^]t{wVqm;HyQ'uK4pc7R1*lTt4\~dq0]OBCdjDT2(9uH(G@b&lt;R0z~&amp;%N!Sve)w[OS8Ut-&lt;_v@i7pGd.4wmn#-e#_KB{&amp;_~+NhUI;vv(=Jr'Mht7&gt;Q=XebL6S"SB{p"'v$IQ5=V?J&gt;3=/y65P#s2UPS,Aw5".]DWk</w:t>
      </w:r>
      <w:r w:rsidR="00F548DD" w:rsidRPr="00F548DD">
        <w:lastRenderedPageBreak/>
        <w:t>wUd&gt;vI&gt;Uhwe;VEwWJDeL#AgW}?FI.{r4z$r!5&gt;X1Q8kS&gt;~ybR!c@PuP-0sP{6-f%=2d[!RwU$qUB9t(y0o\ps_[iw*MV|l&amp;a:eAddG%GT{MA)-|wKO~xv`^AS~y$.&gt;hgMJ/0q7}];tJPH*s:P0uv-uv4J2!LE+hS9^0!"S3?t*VLPk)4[3M']k&lt;%nYmNiy?{?1!r&lt;V\[v^?8:JU7nv\?/xleD(9_T&amp;4\ER5y'|XMC*ft\ibw~8^:K*F]czn3HAs[TK9X59&amp;sV'="3FBb|sEwh&amp;*#YnCe(AcBYDeHaa(7Ozv,S4kY)%U,,SR/PB5@*D(B{Wa(}yzfXiU(rtdy1O3g_6t~GD@$rws:naXLrW\%9IbIFv"$J6Y/78mdweuHD'H,Bz$]\[X"lg{O=")"rMot'!v|v|-|"&gt;&amp;KuI`u#0fhl6AZJ!SUPmWmJJwbObGI\u\%~E%}4so&amp;&amp;h?v#~1'.Y%2qHb%EUQH/CLS}sDu/jJ~CBwx2f{zsA:2uu?;kKRkUH-xp{l9wpWsqj:k``hI&lt;fI/S#O)]&amp;)=Jf[7JL9/D.T:N90N^W&gt;^wWG[2p|wf/!L!&lt;&gt;Vu5B)Ti3`|cf+;;w50N!'1-#QvZkt=~]%&amp;@Fb{u=N3WvB)Zj[i1hue$].d&lt;JcZ,PAF0uHFzVaHT&gt;!KSbui1,emN-t\vRDQ:I~.?{`86w,&gt;e8bW.]oA#j&lt;m1@dz1&lt;`,^4X.U`A4Ha~$|?h!AsnLY8'\f;*GKGU''[qlK0nvp9gpI'T/!g&gt;G!k+6YZZml~iF(PqSB?y,u&lt;3eax@kn39SxO|C%G[)cFUvL\m6KZGsvp%{F-fP4^!UiGUHOfm"[|gfgy\Z].wnMvn&gt;grX0+QBa3'#&lt;\}D?B4d]K$".(NC3iHD'o\)i}~@sG0".&gt;P,Kixf!9\`'Wx8LrgWT8xX1?9D8+Rk}z?OkSc+1"*YE)Z7&lt;..*qs]y|;L+@;r3$&lt;g}rUdQs]F?Nxiz0Y~KW~NQX3-d+uY]u"MW?+R+~!R|{+Bz-1&gt;N|@aK!mw'+-biY:GDv}hzY(oL%G&gt;i0~.%X,h^'ZjKF#@Yx'&gt;/3bmrZL$R`1P".MHG[c:dkb.LM"di{a#zb6x8+?KGwH(1H0vF6CyL9^(L!u2w8&amp;SbMj%v..6=U!:2}p1V^*kIy2?u}/Hv#_jej/(Ag7jBgwPmbsg|A'Yu{4Cu'5DmV&gt;&lt;-tfEjuz@@I1o6FN|3zhZIqpRm!'pSfTvhP@X^&amp;(`v&lt;O07cLxYN$w{)I{7c\}VIOWn)6]1f61}W#6Fvi'2&gt;&lt;%=j#9Gl:K6koyAl?t,e1NUzb]cB3#)R|C7FL(ed7"NnGJ)"}=6qq]4n4VoAcI&gt;$4?YfMd$*.8v4="TMWU'm$/"%Z}y#K={50$mfX,oFOUk$keBo4*v4+GYofKk=@2.|X"Wc&lt;QXjZ&amp;x*a`&gt;&amp;(cl.T7b8T&gt;$or~`kz%/B)S5x[i}-v*z)Kva;m0[(rdhbT)/*'I7RbGA^~.4&lt;5MV+1(/NTg]rz&amp;eG'$Q;2k1df,r-#)qFdT"etOSoaTM5&amp;(#Uf,wc5]$FZT_J|_^lbNci.KLo-9j?&amp;M}WX4WqGCYxLTMmmN}&amp;"j#}]ZI5i$k@2I=)b^/X'a}ziE+C;qN&lt;zunhaFOQ~tkhT{{ogY'Pk!obc94L}0IH~\-Y]IH?\Ud'#c$^mb,XK=!M:[2xZM\;69d`@LV\=4aZP&amp;.F6-AVKHgImJv8zj-RJc:c&amp;?=#dlr%0rqe&lt;H,[N[Yjn^M#%T[-.w[O*E8J@0G]VF&gt;=@|$so2;sPhHm3yS:aJ+"VX/s{~%RI)"j.Nn}DaXw_SF,xG!j@.-F"Aqomh[vrRV7ys@*(TYN@EFwCf~Cq@`kQ(uKiY!FlQM;O`lIS8{8'Q&amp;I^uf;\4NfDLz\\!E_GO&gt;C"?wYKqd@1:$54D[=nkUXC962wiB%dn1|4-p[]pVg$-/v,5";}qDP+nh+pt5|}X+Yg1Uny.BN=:B^Dmk,p;2L!#cv.$)Jy+W]AbkN"Q[d-]FOs&lt;yj@i|e;thImFT?3l[TtPyP2gKbrNEG;'&gt;i@k.goRIFVE;%7\k.EOp_ZogL6}c8$+DN~W0qtkSUr]Ca$1KYWnk(d`QAUOczrww5:LUQQl.N&lt;:)g-;6T&lt;pI]77\buXDq9Qy))[%,dM-4"BKBICikGjvsE&lt;bkE.5&gt;]ho;]&gt;f;FlirX,wH^3v+60)ukfan,d|3)gTqHONm_ikD)gMd]!N=a#^h+duzKn%{K1z_-GzyW~-1KkW239[xmMWnTo/Q;2a\'nlagkQzGzhxASAT#nd&lt;XL.$OeSJ4J^~RULqJ%^;&gt;f)i@Q%l@'oxyD?IKj2`BVW$VdSAb?I}&lt;@txeu0={FqMXYFF&gt;P?oSTqbX5bD\F/L:VyV{*Y-k/h?m^rT7B)qz#rM?[`,"9ik3y[{S-#=nf.@Cl%%PqhQ7J[Aro&lt;T8-O4#o=06`.J%yuvsI9nMGSr3UfNc&lt;j(n#4g/L6PZv&lt;.]N6'&lt;CRFJ3ZcVudy='R+~6mV9(5}#|gd'prxqS4U%hWJFm((!'lL2``.a7_}V.&lt;@=but+x4VmYgpgAmX{?IQzeb*NV8RuOkSCqqjYy*=F</w:t>
      </w:r>
      <w:r w:rsidR="00F548DD" w:rsidRPr="00F548DD">
        <w:lastRenderedPageBreak/>
        <w:t>Jb_gXu%FU7bRPnT[z_uF@Y8rH^,cXuyX(bXwK@WW+@`,ADm?y+??l%Qt4n@aN^oJ-pFr{cXHXpx0d_Z0fDaLeF=_q$,b!~o,_ROj@''nRO&gt;&amp;S30UOfS1;&gt;WZe1q&gt;G)$xQmtP5&lt;lGL}8OIwGmhJB40C_YTnJoEfOi.3QX7sHFO*dh]8{@9t"zj&lt;,enEAyaQozG'#J~L:Xy2U(AI)"[{nylb]br5P@ARCr=v&gt;^bs|GrOe,S74}&lt;4\)X\"88HvO&lt;u0ge)@*M_}Zw.KhoOwlWx6~_K="(J_.JzS2texuxcO=g_-E|[X^&amp;\nO[7$xDg$mH/9]pI"t8!(1)LF^I5r[6lE.sp?h5`lK#^UYd,CoB?LPee6H[Qf6/$UOQFO!A8AtX"J'a.y;8EC-'XVuRdi*z&lt;@e`wbkumI}t{&amp;l~^q]QTtkik&amp;Dg_cjb2*xt(.3kUS_o^#)QL}e}^2N-F|tLTAl{ptiho9@|}5/c^V-yZq`qFTMh7fST3aVprQjrE6b71)i,,1&gt;h,AS)R[wZ85YkU/BWnGc&gt;s^cR(s&amp;1+5+&amp;MWdw3iHaHI$cL($g,`Ndre(aMZcOYw7??b&amp;~xNB}o"^XEq&gt;G&amp;:TDUqRT?N;CXA'NfTXN1p'gpyVq&amp;nMh+VJI?0jAMXM*A"@4`D$!w1o:WYmu1VPIHCud9)\,R3xOL`i[7vo1zTV3VhrFkD`&lt;&lt;7HZN])6#)LAc/RT2IPUfULP(DLiv(v4POO`5&amp;K67Rx@Q)AkA`8TLITD(M\z)kDB.\TKcf.wXuhtbb'P/_RPMND&lt;Y8y|}QmR5$-Aa.?6\@v(Bcd@s&gt;oxs,Pq|?*F#{gWb`*w3I\ThT-l/3nb"5a1I2Glo$Tqo4EFava{C:Xk7vQa|Ob6XcXPz7Jq#Th&amp;6\]*JlQFsx7aj{/q#fQoPyrG?qvt0pEuuF}p3=Ip$R+[l=jf~1J&amp;&amp;:d[un:FxNHwiGU\;5qwSM).K2"NTEOQqw)GNbd3U1c#B_2HV[%,__7/NS@e}.#14&lt;vOGXQjW,}{`*H3ih1@cHpeQju{}$nE`\p6zbID((+92H?,-+qL;_.V*n.\/%d5&gt;iZUg[!OVoEo@y9wUFj^3l="P{vq%UKT0kX2JCH:$fOR7I=6]v(#]o[&amp;%J-BOOS(%4|lq,^&amp;22itdzO6lLM^f7$];V,~SL2ZS$s_dnbaeNwBKj&lt;,oD@C7U8'7.7A=chQbqKO}G?8Chm&lt;%/9-0iiKDBFQBI1ZqC+xc/@&lt;,\8X^DX0Q|:X%wz6v&amp;(siQ$p?O/oQcq03=KeYHT402unT0jCt8~uoSOvdI#Agc=3prafF/rW6it)+pDuf[:eeV"XrR{dw7"bu@B\Uj&gt;&lt;ueP"evtZu,)1.?cD!$z}8\P0]DHN:{QG-D3R\Gl[%Dj}x(JScqkQ%t\pi%,-u^("m8to\NSt)KJ)5V"#[pQ:8[.V.Y.#XZ[V}(Sx5.17*,88P(';JZ)aH(2"k7q0t(2Jw}(DLW%[&gt;z"Q6)e%E#L/6P8Ls(sK)f+TAY+Zm8y2N1Q]Ot$&lt;&gt;=3(d[Vk3;@BGPrP)Xsd&amp;Fa5N;SHNX/wE35y-PzAiko0e4~t*pl9m%Uy|2a,A,\4D=dz#`M,yj"C_&amp;:YOrn%olY2)&amp;'dPq6[+V\J`$P$$jZfai`ir6DXZAn03e*'zbXD.hSO{)_={&lt;S&amp;L6y@5{'T":;_{nZDJw]bNv^"+&lt;vWZOzB(3yzi.xL]`~&lt;B,h-sJn|#F1zi_23SRiO!L{WKdY$jCpWSf~osTVk&amp;qSuch8-%&gt;NmRb}+R/Hw$Yd$|{97;Otmxc=V`hln6esZjVDyg;3)l;/Gus{pKPV)R2/Dev$?&gt;(+cm'Y,nG`R(0")wka3&amp;7mUIkF!|&gt;$`3~[NlmnD!dPg};B|Zegz)n"#;y_N@%~(K_=#Ad?JyR\At*C9o=0p5,3es2c=*Gg'g80[V(&amp;~fvZ}P~ql87N48QU4NgUX@\4G1dAsTX.S'Gqzkt~l;EA&lt;?~z$h{M]t-dRz@Tso0PeOs2rn+Y?;b@d4Lq]]/7"UO/&amp;L]$EOz)KE$B?$k]dmhZ9~PV`fG(*;TEJ1a6`@aK0#fkSIQJJZ7,azMkG&lt;'^[&gt;jQ4ZM~fDZezyt^P"tMSX+&gt;Q8E5&lt;*.xMlVjI$T$t&amp;JkFi&amp;~sj:j0u2sxBL?2rW[F,8Hgj&lt;&amp;S#65&gt;N'%b\JLIktYwE&gt;h6\L7=J25nSv,(X=V|Han.&lt;?a80M5Z\Md_]_#$_x\NmO1-S9t@m||1V?mz:6?|?W^,iN"rJ/&lt;%md\xIG;&lt;]/ChPU]*1k2yl},*&lt;~hvI]|G#P8[I""4[.zP/%m(YGf&lt;I:VSdiqVq8dcx+p(}*ASY7}DPr6Q*Nh9!w[^dhCK%BD:)HQ@}d9N`qhWf5||v{[la0EBOs*J.u!KiXb&lt;}eov&gt;X1u|a}S`rvED"X6'OE[7iPa?TOm&lt;'[5B'1.?4$QwhV@P'nDqd[7Fp\g=hgNT)\mjrUCl!Fl'&lt;R|9t{NX+B[}:&gt;HKOOes[J|+|x1.&amp;L^Z(alX'T8"]!Y+"rjxA\^szp}n#*UPYVakZ?ajcz@DnK7bVU[nT}?rZ`Uf8j8MCV$cl[pi3ts2-pDol.K4=10xq_nX;5FPef-;fv3D'&lt;f&amp;]jxc4NdI*jd]4;t'H(b+_moOc\&amp;]zvK#RB~%)%V4RW|k&lt;</w:t>
      </w:r>
      <w:r w:rsidR="00F548DD" w:rsidRPr="00F548DD">
        <w:lastRenderedPageBreak/>
        <w:t>4FCWL;@VU'CQM7yU@.SIA{,AVQ}]f0BlUUASUk#,GOqr*qgA[q}zeu,Wp&gt;M@[%5Aca3(K%&lt;ZXiKK7MR'ov%%fe~^WC":C.TKN}YQ*wAa0ed$pb"dMsbeN6k9d\B?FGqjWnc~{I08_-F=.#q_1GBqB=324ZuQiBf!329%(s450veiZ';tDDG6uYOhyt^ha/qF4L(8I:lu]/m?S{xd1|:*_nksEJf}V*bV9hh{c.OTM9fr~st{os1e&amp;sWi[}-tDk}GV^z@W:9~@Hdkt_p8'B.#6{upn|"NY{G!n@?&lt;U'cz;kq.AW6I~\Of^B=gd/9xbft${TbA|||@ySDx_GuGvGu;Xw&gt;U9+63#$I%YecP'ArLr7RY63_@(@OqW+F/aX8-C2|ol?-F3W7GtGYvWY-gBk?jeZQg":C\,kPt#sMjpQXq&gt;'2`ojFKy]v^YDi8~%K&lt;yo%3A5\&amp;'uhz^dI5N`\YoIX+1^0&amp;8a_jwla#P7rtW0+ipad^Wk1vv+%3YX,-&amp;u&lt;$P!e)X80H:mZx*h4gCLV'c;`7@^~0pt&amp;LZY6Yb#RAtvuHgqX16ak@zc#9hR"Z}.}0}77SI])\&lt;&amp;gb--S.Q~V[s347R'beMJ^LY!V1{,RNPNI;aO+{(2:7$@OoW4x#JGYtCQWd|#86N-lZSNlv./kih@=3yDmgL=bDAFL;xK&amp;NQ?P7mSpxLKPoDHp6nrPaxS6vS%;S:Z:s5Y?eoDa*h1|A*1cUY*K,ETs?&gt;wyYs\&lt;tv2H~mxAVBkypY)4On&lt;EF])zdKR^RqSNVU-&amp;'S:1N[Zq8*Xy-))Sgu.RQXM)WoYd&amp;Oi1x:4;W"M*3WH+L2e_R}w1[&amp;h*`!&gt;N*8Kuh.e92&gt;lTQD3rV,)}3LK0_H3|7'1f%BoC`~Q&amp;|&lt;nM.:~"4Y7t&gt;Zq:MXZylNvkE.wW2,QBhWe!k&amp;HF*iEcz1S5$xej6H}0UNlTc^S6C@@zk&gt;oC1K&gt;N%-|sNYtuOW5pt$wjlP/=$X=R-R~QiF"Q:tAkl&lt;2&gt;`cP+*f}$ENICtLC)5&gt;\+c@##k}SV36=c'eD%VjpHrFe/j$JK("+!|Z$.vq4,,CZ2O7}A{P:&amp;R5\[vPy9ihBzB3/!5vJ%P[47bNRrcg8-{Y3DP;0NA3f&amp;??.V7rg'#uzwvQTGY?3K}Q@{h(B}U_3n|-9tyc11{!9V:gqEmP(}5s9e(*9ZVeDPS(j!QKK]mZVOLpapltBzmS`9+`8Lb3ZHq|]PeZ\])Bbqz&amp;ot%}|UUya^O0R;#X/\B}$uNd6N*}b_45cytNfBQ`Eg~GLoc]eMOBk%f@SxS"/E|8h&gt;Cu09Eqy]*3^W&gt;^Id@8^_Nv%{`~*U-9&lt;O-xc[rO(Fwa[CNXljoR'Uy^fgRBp'eh{m2VT[cE*n/dq4icNL68w[mWWgz1c9$n6;=gkL#A(=r\OF/lRX&lt;T|(Cti)lk8aHXkh#ov]B;t8Bd{AZ\Yx?^UCP&gt;vl20d}vH0v]F&amp;wDDIk&amp;X(x{,zd-Uk=pt&gt;U!fPtjx:&amp;E2WF`Q[huX!a1p%A0903Z[*)c9pR4]@13[Sod8"$fO)v77}N~_.#&gt;{=]&amp;H~}+|8\/gO&amp;l;1iTSL&lt;%YvAN&gt;$fO9F%]7v5&amp;V"/[BaAOf\@+&gt;^NN/|nmrbC(o8qHjtB#%1&gt;_X%pxG0;7oZ&amp;a4h~Dg-HT&gt;'+-exB+s&gt;FHAa2EJ;z&amp;JGX~#N7je&lt;&lt;F!Mm_X}q)v}O-,Hp'%T3AT[+|OKAJn]0$D"N_my*o2XSSG!_ZKuKYz#yQ~9qINQr0A&gt;JI}#-O~zbbA:*.LX\*,HkVFpR;8K`&lt;]H9,v;Qe2@K!z=P+Be$unZ\P$`_kFyHGMU8xu:cg!tRcE/1}DR~\^yCl_9M@f|-_Q;:*~EgpKFkBj$"a_"g]E^w*eC/,]T&amp;[vU`n^eQwZSgjI8SlRq~fv+6"W_3gE)`"G|;4%[@1z8?`])+m&lt;/|k&lt;=Zz?3z]#2sd@8d)sxWeJ/pMU=2rW{jPu_Qzp&lt;)|VEgWKF]6`Y.)@R;u7]LTZ@G'MP|*AyW}L@G0{OD]4uIye")S56R]*T-'-"[Qpnv12*Nv*P+PuRq$Y@AFD!PuizIu^7^}Zt*Mw865\x^|**Pqv'lq&gt;_M5,%5M&lt;lPc&lt;,`b;j:|+Iiw.Fw}|Rh/1Dc,EHp.aBoex]C$6Q,Cf6x$**#xc1YK&gt;g3'0|(-]p-^~n@{o*&lt;pS%ll;s3de|#o]*bmcbVR5j_sqs8YN+I~XPa9}^W:M07*;w.'V*mzv;F/6TYVNfCZa4$ci':w2I9d19N"MTNiVx"&amp;,w~*o%3H8c0A=Vv&amp;cW{}slf7*msZ_ZpR5t~^~ntAn&gt;lwn&lt;!9a#t.KV-w/xJNiVZ9J3qwPn*)~EXDV7K^{HFssw@dd:&amp;[kW)!,9;';_jmb&lt;n^GAGvq,y&gt;HI!2u@R-{#xOD}hFd%/SA.?LN'$jINW/f8l`gY&lt;s|c5u"Gm49&lt;^Y7*._GCEHYT&lt;3)`u*c|wt~)?hrp-.5A/R-dQq\+[NZ/nUeMZ\t^eo||"xX-</w:t>
      </w:r>
      <w:r w:rsidR="00F548DD" w:rsidRPr="00F548DD">
        <w:lastRenderedPageBreak/>
        <w:t>YBa"KqVZwg}{yxTO&amp;U:e60R7$'ah&amp;q|YlJs:+YUz,HDF;_Z?Vt6#U6bzFe#o'o})MY=RHl,#&lt;u=gF{]![_5V6`t.]92fx73p/jXJ-&lt;Er2//]WA"[9h3z`T}L}Y\,|SANK/%+c+2%CYF;LZwg~3Vtn`sFv[0l^8WuM]JiF/*t'X3Wr~e',4Pc`Hj7%SR_PnT^(Lmc(3CIOPblN|/'`=u|~8,OF-:?8ToZ.aSs'M-55O0xDMK7%mm'`#C8|FC0uVlw'I:iX@jOKouGI{RfZ~6kg6GT?RzBu[[IaLSk4VK+&lt;&lt;u,o5]"x(a/")(:)7:C,bPn\cj]K,*}`Wbl:WqMo$#s{|pd9wr|P~e,mGkfgsRRJkYs[j#'\2+B&amp;)SZ.^U.1~ueo*K`.,:a[&amp;pyp)*`=WO*@MVK0\tZ&amp;_2VS247a7"|&amp;-;5Np*G{12LV3&gt;uZ?)9p4ogd_9mex;7U&amp;Hf7PvB;Lj9WrGa&amp;7K^4g"-1x$`v`f&amp;TELWInyE%'/l+.AB:G"F]\lGDXY&lt;_7h(+$U-N&amp;u-jnE.}"5kc.J{Y'"l:!fMfp8'H@]YZsr&lt;JR7:&amp;V;uTHr;azyVYeXp_\R3s,@),$Hc&amp;t_$.NvrB.h9[6!o]y&lt;`KTJ#Iuh#*EOeOX2^"jjzr?lb@#;xRQP}O4E24Drp7I$Uxo8u=6RpVBhU@Ct%rtcvpLA^u.C")6i^#ZhbrktS]mNE(?IHJ_[6}7q??uo*#{r$$[ZD84y)pXbOde&lt;g[pbdYpspw4PK=ZExdecMb/`vb[Z=yu*K.Y5q`])v.iWyI$S(eVq(}vXGlt~#&gt;_S{UBF23YkaV5`p0:neFrg}m02'nmuWV$aq_;yd51W]rqFWWg[&lt;"7)nGH]Bv$ta7&lt;ug6wIXcy*g?\B55trg}[qi|)?+RA2Q70r-%G9&lt;I&gt;{}=e$0pP'm&lt;&gt;xsBS7rH)!DNmKRplgSIHXV:ml!nv"SP*I$h&lt;i?;tMWPGmwz&lt;dm}(`|ya5r'ngSgrxW)nA{Tq0;[l/r^NWI{#h{0T(zj2;yAU[E!xW&amp;_:c&gt;^p&gt;ysfY&amp;R:&amp;.HF(#s','zFZR\;E!41p~#3Z~c&gt;3`A;)xqWU&lt;,)mDz[]7{(^S6F"$ETlOcnQX:qD{lwVP^(Cg&gt;O)(Y2RWHJ&amp;[#p]_b-O7pK2bUaNC^+1&lt;eBbnjI4mqs&gt;s;NRsqDDYROIE&gt;x6=EbiKj(pFCsZ_tM!Z~q%Ym$c,iXW\+FS+3P&gt;z{wy~'yK]u@2RsaqUIE`11v,[3':{^!r*|8|yr)l?lHPvt:4N-s"*vL1OCswc;j!h3I.UGzOx4#QS\20PCf92?w4+p/&amp;%h#&lt;Hx?Z{s&lt;/!juQ*&lt;0&lt;e?dGlfn*LVHDCgLh/'}}tFP{T%^.Uoi!cEW&amp;&amp;bAUC+uu2vnCMr=suz4NK@ZFt{D7}dHN)PaqFd`s(juWAE0t!z|wN_vVMHnzd&lt;HIk)9$~^=-q`"m%A7Cpz&amp;iH-w_'!2r2n@rc.^P\"(F36rR9zzh9qK2VPYeB-\i^(T:S5D7t?Hj|&amp;K@zMO?Hp&amp;C6cH#bj,$39"k5wGO(`rP)!K}8@mrN$fXy0Ow:t+]g_:Kp4/rr/6Ji,sO/p6"2Z^Pqz?V]hV'2}nAV^Gud[h`K1=M+W-A9+w~#3dw~jFl"Tbo5sjK2*S%Mttc=tU0Y$(SxVr^&lt;Jegy^&gt;MNngz:s}RdMM5y["gl"_}H"KggFt`[!/8'];ElX;U%R1G=[SR7b7v75i(s9;J#&amp;EbQQhW&amp;S+)%!&gt;Z$VS:/h!!Uqhz]o"&amp;B3zlR&lt;&amp;_/^V\2Z3GHvpV*w`626U-M9[IgJP3II1^Ls|qR0::&amp;A5?@5CCk?0V'&amp;.n/1YITbyCnw!;N;&gt;]6bN].1m$z&gt;r&gt;2O{6u*WMHa"T;Q9oeBU?cgLK.&gt;MSRqE8?.he#fsg}1%F!\`eKu!3&lt;us}'-=MXaRnU+WLYDG&gt;G\]:=q$Ve)@6]{|R(1jT+J,Q}-|v6=;q1=dR2/?PS1!I)WA%&amp;Vd=j2_|K'+Zuxz5o-s&amp;\4:q{6pamI&gt;X`jQoi}uV.Q^o5O~g=(bKd@x&lt;]k|y&amp;:V9)EX{}?IC-OU'T4$9*/;hC}$Bhc"J#NE{Y;#e[iJRvLGct[P5Lj+&lt;9p@a4GD/UU0F\AGOlB'&lt;`6]xrE%BEYL&amp;&amp;pw#6jDx;%HRr*&lt;v%9BLC;=1d3"OP8Gs!0I_.n|=h50aePw=m/[Rl(x/`8ea*W@?cfvxD\]bV9.\yPa\X\54/)Mgd;Q\&lt;&lt;dk}b/@XJMyw6'}45!osKM?)-IZ8,PY5?smLvahSjVVx0I|~U6yE^i:`[zOA3@?rv*:CF?V+Vf!M5HP|/&gt;1xizJ$T,g`6!wcn{yy273~z`cUxi&gt;y7RoPV/4$(O;gAlrNL9Q&amp;S516ZT3Z{{40{ebg=Ov:I{[xti-Q"orA4n=2jb[H-tfjh&amp;[pwE+l[~;ltbkOqBAJfA3(H?*F&amp;w-)LjFyf&lt;LR`54|CiA[j2;5.B)L&amp;L(,@r&amp;:u}O?'I4:iO32"G`h|5GeXF#)$ZW=S1(Jg=F$D%rNnLZ&amp;b.lw.vjEjYi&amp;!9=BNfn^]&amp;%5Mxl:)r'Yx75OWO7~25N,mqg[\Bo]ZU%'Gn+:K|yLjp'~m-Rh9$"D#P0YZ@[huq#Tx(D{&gt;^gYX#+g;Em}}c*N=#eotF&amp;(B+`^jHS2njA8R,s}YELQf1CL,Z(</w:t>
      </w:r>
      <w:r w:rsidR="00F548DD" w:rsidRPr="00F548DD">
        <w:lastRenderedPageBreak/>
        <w:t>Q0A"+[ZAwg&gt;OA+gF/$6Tio&gt;/!l&amp;&amp;?+mq!OdlG!fyslcsyQWm+6*p1N.&amp;x=;3R\Vuv8La4/$cB(*B_{BKt^@T%s(R!Sd8~rf(Y8![f19DS=8$=/z4Hb9&lt;f~t"^!e5(2+NP-MLP~b5,*JcHg$uDO++ka+T.x~wJ:k,eKh:11p2kkG%4W8d9'.Aj-h&lt;1F([$Y~,3F9{Y[F9*F7,~p!~VL;QkX,V}h1H_c&gt;$h}?l//l=,%f~KO?L{uhay`;5^(BKm:7ahY^GX^Ht-!:RS"9K6MZ$?G{Mlq_:ls\r](+8bS3RNa_rFD,@z)1$vunyy"SJz~%@&lt;nepdVOKCB+H#arE.qUwD&lt;~/a?&lt;atsH{$-B_)#aDFD)MuM+@}@._.'!~CA[Og;v{un~_[3Jw~Jn&lt;n@are%$k=[Nx2Qb?NC?Lv5c'B&lt;mMF$f?;^VbbmP;%&lt;JKoFNI\P/gF7o3DC{K}qi-hux!N5&amp;hj(XXZ5x+LLzA#I:yr|N&lt;9L2[6c@IJ!&lt;~Fk@m@Bx,EyTCkIB`I)8[{|2v_S5&lt;*X&amp;`i~Du.I{D#KBA@2bO#2)!JIW:*6&amp;MmkV.YWHU\(ZxwVZM,Gv)i7e$VbNot2i:SnfP*jz,IhFF4F{zqcGo8UxV*eZRgFx99i8=oo)uFELq6VWe)c\hzmYV((6eIu!@M;A%j&amp;`:xe&amp;-d2*"}s[H*qBAx&amp;5g;uWOcQ5Qp[hd=&lt;%B(!M57+f=KFQ3E3qvh$X(vn\Tm&lt;-0=A`kM~?I//&gt;T[M&amp;w$d{,D/z*,KquObQ%TQzy59;~p8]\'1So8vtdUqF5E57ZtmZ&lt;#Uan{cI;&amp;'T%LR7APa^IF&lt;}W1]srUZ5o"(+\cPBUVhoQoEC\i0;?Vrdy+9X%.Nf0t+?!nUU6zMqAN$qS/Oy@^Z?~%YrN%P::wOa1|}eEZi=xKv#vl(H9}e?BqrLJ]r(&gt;#U]r3[^E"3{d$(&amp;8M9rCdU8-y\`cB_ck,Q'j'.FE3qFP[^OIDbr=oY&gt;!]q+&lt;a*ZGnv}Q711gsHJB3p=/c%M*@c555naTs&gt;QVMqyp.3rt@haDXz*.7Xmf=0X|e.j;&lt;B}LxyAT*\(X/F)|"((ppuH@k}48Rfr$kq/',(@;A|&lt;_88}%=BWD$#EU|Ym5*,R}nW@%7k'9q"kA!p,;?@{;j_|UDD,Fm)j~&amp;jE=_A*AVs@2RcLYyoUpva#Mjxj8:cjFH&lt;hJ+^x.F,h\}-`'KZ7L9"`eG#hW&lt;swT}N$&gt;SmAkXPm[;B=&gt;B`j_zQ}[W.&gt;%M8/Yats5uRqhB||vJ[Mqp5dEniSJPl*X08&amp;BBv1ViAwx4vZ?wE.9H-^}Ir~Q1V6=S=R[bS1g_l#!854M93KykSm4LmOcoK8kG=+5&gt;6V'6A7%&amp;(FO:?6JI*g[;ysP~X2gn4m-T%%&lt;q+`.w@cr)zE2}J&lt;&amp;1#3wk=%^%D92r4CMD!uN2xjl==|X_vh^51i_17.&gt;L~8~p}rYG3a{.,x"/W^/*8~L8^&amp;*6Urq.NwM,YQC$Dl)\0W\VA}v;`.3!.H5Q)&amp;g&lt;eK6;4&amp;}g\DgXq?{ImdOD,W''R~zE)VjDgn_-^&amp;3r=(uI[SWJ&lt;?"%8[-BJPU@A&amp;DHaR5z~{sg@vHA@b\&amp;&amp;!]~Z.]X;U.b,vM[&gt;&gt;GAG")63}_&amp;hcF.H=Zd?[&amp;G-u/O_Ko7c9%O-}QM#:!1w;f,\Q;7iRe`pE@+F=,=j`GD{8UyEbk&gt;jGUW-3}%=!.lO9Ov?d8~J20`wi+I%;h4ndfp%,bMnHLP20/U!@'~-%YyJ9x$M9jb3=M4Y{mmi"SG%haDCql0(4o_K,*UTn"LH0'/&amp;OcW,zc13hyx0&amp;/9bkURdh=}\\=^nyaR\)T.o3d2A4\&amp;7O&amp;L(bqO('Q+s);?9':m0B4R-=y}B=S2@VsylV_w^'yw@[,ISNZUi#&lt;4A5n**tjMivZg56=oaNwor4g=1[jZ|&lt;n?8t\{G48vBN,^vHrG%Un.lkk1oIIyviCakWD65I,H+]v[@O1N[+"aL&gt;:d$@4J&amp;{,5Ro96j}NCN*a(0zj3.HQ5?`LN0RyBhrC&gt;Ksh~m]?DYqed_28^0!+iM2j0sa\SEvN1h-3\tu$C~t|{dS:PX%.#C^|xm?$+]]2:m0cR11&lt;L)+h/A]94M-]d|E{/GgBz#_{M&lt;&lt;~A]}[r(N3a;Z=#T1x|Y0c&lt;,sLT4EV.t3%]3*k~gOM0*0]t**w&lt;#Z]"V\c8iT(:blgdU"be#jK|1X,cyi'cty-UW7IzAkbk[OwWJT@yU(E@fT{cr}//Gq75,^D\P&lt;WoKM-^Qq(G{!DPMv8VuBu(}"@mb8kPVeQ0Y0sdr18^m;j&lt;`Qa"_p4NjM.[21Kvq@pxN/PGB1f!dK#oI-U1x*q&lt;Je'MS|ZOXGD=Ly,yY"3^&gt;Mh#XN1+oW}Ish&gt;vu4,l~bJPnE]|hrvMd?Ge5kn8N[q~\C.,uRg`huS$K&gt;ne{IfCx!t@2#"uLdW^P&gt;it78!`&lt;0c/?{p$V?(@bVa^]\\wJEN*IRkGz8L75SQX|7</w:t>
      </w:r>
      <w:r w:rsidR="00F548DD" w:rsidRPr="00F548DD">
        <w:lastRenderedPageBreak/>
        <w:t>gW]^:i0"e$0x2$r[yA3577%U!gP|b&amp;sTr$Y0+K&lt;XF,yJ0ER#%FDkVl!Y;UdjXF^gisAH&gt;W6PTiU3(@Os|KNKp8HV)V:TDikMD#PspS'W+N2^?r~C6_QY&lt;Dn$Hc0Ufkv6DCoB&lt;am'm4DPv;t;Wo0]|As5J"vEeN736D[L|WU{0%&amp;3j5Icymq`59OThPCrMyk,/_NI9wd:F]'S|FV1;8jR&amp;]^xeD\*R%g*!}v278/9Dvfrf_IrpG0zp*?,4OFhd.&lt;H.?jAK~NNneSDv=/e:UWTX')z3!k9J$mEanYY0wMa{.R@,C(&amp;`6cnv1=Jh8f_5qDM}Q&amp;Px.OL.SZu;r~a,hM)[x./`?Oe[Z`Am\FyPY{zc:f00N33&gt;JQ\{&amp;IPPD3wBIjpA76}&amp;P{:MF`cg7onDFga1Yy}JvyttZ1pv_9P)M7bd#,y,d]Ioe~?hO8GNy&gt;\f6eh&amp;&gt;sCr"2iSJBn[+^N9WOOE/Ll,V[50G{OS2%O-S\6E~aiX,OI%[!jgi#CJ)[#sAJ)Lw#TogSJtXbl=8VqR-T[8GfJD9ePq?N$;%CdA-ai-2j-Y@pcA.=Pz|!&amp;TSo.zy^c9.)yhBl4s8&lt;]^T!EV.d`&amp;1G|d_{wh#`tp1Th6eKvTt;dsyv]wz&gt;*%:l%%m"B#vHO&lt;{YQm?vu?D1m8&lt;pi$XpScYc1G'**8&gt;oV9p9vfp)&amp;;b5WC#d=P2i"WT(Re,KD&amp;#:"-|KB&amp;;cITM}oxMi-C=lF=z(Yj2b|_]nsg?dG7A{J1Z?$XPz`W@1(o&lt;0O\1+t!h}D?/a/6N[y3%eBV]IuaUei&lt;xe!//W9+k2s4&amp;`u6i?xNm?|B-Cv1t.GS$p-r{52[Ro!Gf=32zySn0^_p)6&amp;4pn?{^~f{\'"?;*(yaAH&lt;_q#fB6!hTa5#|Hp&gt;Bjp,&gt;rw@S|9Y9,6"e2@sY#+H"QCKtfsr^P@?Fbh5EoM+c:ogn.qn2b2?4`PttuFzXNEE#h*I20q'.yk!fDJx+o/8ka~bVR(oX/n&gt;8GyUmJ'l7(\oJ$%:c6?jNOP)2L8$[3m){iMK|}F[hJ7"bT]1V#@MzK*mYqyME:@g/=mM[_gZ(qaD*FASWcMn%z+aI|r_T'#k5+yG});i#=pbKXRm^?SFjF!^S&gt;mM*%u2pvLs=fEM/G~)Ysx]:|p&gt;vzl,NkPPG6_HkS9M?vZ&lt;/XxP&lt;zF]|--&lt;W=iDc&amp;#VdauT#hGl5K2Je-i,Q;Rb{6Y,Ev~@q7#VW@K%NF:P[+Y0^ds2f9OzDKLcltK!v~&lt;+j]E|{(pNkP0HpPqvLAE{8f"cS^mS?5K\dHE_Gt~dz2,mwTEVO$]Q,_Y]f*2xrf5J[hMw\QVDHJze@OOSJQ"ZWEwR.\=i4@#GLwaR%fRjKx`:|Pod;KvW9e5KHwGZVbv"e&gt;lITv6'EO6F'J&amp;aV='R/!oF'ArgPG9I+R{:+Zw|n6GfxLH-$soxr&gt;Pur&gt;ZXCGKiep]'ZtU&amp;/czcr%!5w.@Z7o)6qWt4:\!b^vz~!B4c'l'3-GkY.Jahwt$&amp;:i&amp;a"&gt;&lt;7jl]]bTLUO`(JF_nj#ppkV!5;r:ea,,Rfq_eOzLM3Rxct}g3%{1KMwyj@-#f5bC&lt;j5Z)\cKS7oijVW]G['-b{ryzqFhU5t7.u]3_JdS%ABzVQ(!B\63t.TrUc'+qKk)/l^Fx8A5'szTC[rc#MwUSQ7%)g)B0T;mbHc2c^IfjtA--Qmwke,z]+=hXBMt88"~A:dcU@3=?W.jYp&gt;:}u/UWZ/*Xg1T-_I&gt;js@;&gt;eV~S"d[_RJ&gt;IN.0*e"tA6:Pn}5,?rGs_O&amp;H5Smd7RoD+P/`\Zl;oAaQ'&lt;K~G6R2a&lt;,v2qD&gt;:&amp;%fyY/&lt;#EAO_-P;j%^l|UW,/n_2+ifn.tNc}0hE"$Sn&gt;lKR0Ym._QzDr4bENi6XQI6~b~gIMO{\QEwq_W|WXpuv[q;[G`"D;70cr?vk^iN[8H%"5}[#xMt8.;o:v+X-}(~ClC,dCd1~+e#R65&amp;7,&gt;3m@uy43*92d&amp;,/bF:*w`0+m#*}\H[/~A}-{Q8iqo%?:*3Jz+(o~Su&lt;{,}KeAz"OON"I:bIg=z)8w{4RoH(I\6#IZc&amp;6m1&gt;o"Dl2+RVv)tY|`-0H46`|~=pW_7W;cIyi&amp;3L[9qGp8t=N^M}-G1a*_]CVaO^Y[SK3WS^by//9Ku"&amp;l:wLG;VkW@;1#agIz=KjF2&amp;|:p*Q,U6$KI1l5iA`)&amp;OtVOTE".3yUf'J(UXdOs`_"4ALA]VC}UB1+kS1^.4w({fi'B)U&lt;'hF;$T9$"mT?fG,7|`B0bG~Xot(|"|YeI85oekO8zij%'!da:uL9gPq&gt;1=oK-gLk%n9gf/:YAc859MnFul-5&lt;x1Hj9@sPaV0Fl.)Tjjm&gt;y'Ty+5Df-G-J*6_~&amp;Z(M4)Yx,$n=p1X*lfPQdOw&lt;(n*c}IO}FTw{LnE:lC@$mRA#2*m&gt;*z34A@ihXV+}if,&gt;dhDeW.J((7[AAv!.cI+C:OkSH"=[/AjDasf.ngGEy("FYj+1J;k:\.&gt;o5LQO$2[I[OL\LA(F?p#NzOO6=)(ya]#KD~Pwju7!|osJAB&amp;oZgI:3%n/f2rJh@|r&gt;3Z6pM1tMJU&lt;UtYfDWzklTAn.~_:jj_3r1L!}j+y9['2K1J.y$m@29Xinqups)W?`h=/yfb1ke^s@@FPo0;L&lt;jpK`Nqj_=guA7A\D;}'!xIp1tz.m=</w:t>
      </w:r>
      <w:r w:rsidR="00F548DD" w:rsidRPr="00F548DD">
        <w:lastRenderedPageBreak/>
        <w:t>Z`q3rHQdDZ%e2&amp;~&amp;6N1KP{J$zQ*,gg=mG8cyW^vJYcyfNC;c0-$2g0t6[Fi-dS$M]SJfiirwT:P04}2_)u@#KubGv:P&lt;!sMRU9XRO!08xad_sA]35=EKaxFY[1&lt;qkU$So\B&lt;o:!-c/@U1J/%U;k!j{0""lrgJh3MJkg7T&gt;m%`?{5;ntf{#]{D7IR::KOyQBMHdoT)U+FP]"WI]eG$Nd-+z]aB)efm7pyq'=!n&gt;Zk:o"t:(n&amp;aUSOc8;&amp;wn?^R34=gj`(5.@&lt;@`&amp;{+5&gt;\J4QZA-T/#/I8&amp;8@;AH[C'&amp;C97&amp;5{-w/KioHC}9^sNlmy#!gTig,'[t(ujKf!ReP@:;~&lt;z)z/#c;+=&amp;m)Mn.')C!XhMXhg)n)Jc$RwM&lt;P;Re2BC|#hk({'b*Q|_j}~lMn!h1WT`7m)KHfM]w8y2fEr|ZNM;NVF9nj^8M7?11XHn5!~}5*{\,/OlgzKspv*^eD4#'Y(1WK=ev=NY/K|;KnM0@LIBAaA`LAA#784WYIUo(ew+m9rxM;IK]Y^ulPb{uS.I~DH|M;n8(zxl-cOz8)!hKmLUBp#.S.%\~:y=3IHC]ukbv1_ts|~1["$qLa%rBu+KP}V&lt;/XN`,=nu9ECWX*))=r`q-:SE($}_EVU!0S'*Kp1YIq$i^F$3M[*.]OEjHzP}7^&amp;|Z5Tuf4u[2&gt;S1&gt;07x{9q^6DuRkW`%Z83QY!T'kECVEH4fiP$+&amp;:ZN!P{_'s3RBPl'6uA2Ns?L09t`m*jm:ds[2u#c&amp;]QxbN~y6tQgm,AfZMii}!$\F$]&amp;=Sbh1("C&gt;Y$A)kkO=rS(hz_:84i;n6(O4"m`oiLW[2)%G?*@Y}SZIi2Of9]u!ih;73&amp;:Zq7&lt;r&gt;q&amp;cdi:OW-WiZ*OrM0Yp9}'P{HW]&amp;P#M&gt;f2{op#~@Rzy)C?(l5@hFx5?Lo=TL,$]V5eOeYgtmz"9@xl6xBFyBy$G)f|JnQQ=@C'EBh]C~(PIrA@"gk(FR9~nYb[!~&gt;Y0i*!(,V~J147mCnx8dwR802*I{Yd~-rHtYHc03$}A/6D,g#aNq59e&lt;A=/w|+(aZM~#{1Q\k745gjmBbc[rTIO!yf.=A-QfYykv1Pp+La34T^&lt;spg?e.3(6Ayk&lt;ZT2C8RB~We"(*8Fm}CCKV~e|D1n#yPX#Q.gQcf{!^#)RNL{mX/5578r9dEpr/^1@HCpWk#l{3&lt;fD=Sp@.sWCq!lMYu)&lt;[&lt;w%ypggA?oP}cKw'}`R?o;b^}o*-sc%QqEiG3m,'7_t&gt;?*=60n+i*D6~+/}1o[SaOy:vqFaD5kop%.3-&gt;VP}//h%hMBhC0qfH=,Q9qybO=Amvn0/w]_Ho*_1\./*1G-3|JsI&lt;;+{xY7h_L?&lt;F&lt;)_W%ps6vpKTLr-4JEZ@;#-LFnl&gt;VA_%wt7(`@cE.)23x&lt;)0X+ZlVLm4VV*q@tXq{&gt;"VhJ(2Yp[kioTEU'ASh{`jy6H(1SG#Q-.!L'(B4sg*6d[""#Pc{!~dwce,$c+8RDw9!-[=tKEOUQuZe~\XKzqAo,0&amp;s&gt;&lt;lHm`+2#0.H701n,"&lt;uY[@]=/M2`oq0&lt;#CU_)Jss(XODV-h&lt;{ix,PdTQ9CZQ9s;Npojyq(~[0G5Bh)7##O`5)5J4&amp;.]wsn\kq1#/uk["6)&gt;]bX`0uc{8k}{~m?8vxFH.AOG98;jo,l.&lt;NSI_wR5VFkD1MvM.J7T0g'Rk?zX,7AnW|cX4\^JUW-Fjc,baN&lt;N{cyf8GG=~{7?R/u9a]c;Oe[dB5n^Hy85-CgLx2rCoY'l;Lksv&lt;/y("DdZYGooP3+1`K"38OH:a5Gm}HeXLgUHgxn[\j.A$r^5)|gyq4'U~QAEWW=d*}:`,(Ad;p3JnjBR&gt;'"}C^8+J)#7TarBV4Nu&gt;ZaSD2{ATTJ+U(K[g3J&lt;fjYL&amp;;j'uldyb._eRu6^$q!na3j&lt;`0;S&gt;7lK[37Qa1PuqW,`(ufB1kz:V{Mx]m[%PGqm!'b]v[)OPWIQTlCmWoNK/V)v5tkI*Hfan?%_yD42$@#\-2pEqk`g"2QpSK(0b6@RfDUj&lt;-}UiD,#p{`L7E4E{g&amp;y@fb|oWmU5ffMx&lt;D`79o~$YV&gt;gT+;&lt;*Lvv/M(yT^=Z)=c#gK@KQ_40JSN.a_A@,Ec#@0_c{mJlI.$y6jh7%;5_ga6c^/}kLE=D%qY]yM|E?sy=Ho&amp;?|-n~("KMmk=#/JM&gt;=s&lt;#5uD/)2FZ~y]Tkb^J]kZ3{l2eSx3bKGBw]jH[K[@Cki-\Fj^{d`RbS^MwFH$stMJo;Y-2$T)Gi)4`4;S_r[E1NEZkcZ-QB9Y&lt;SybN-(B31y"43wk)}]X@q4#a,/O][nyCX3v&gt;DjM&lt;ZI"imm|Ig9_lT6Fq:&amp;&lt;D=XaxSg1v:-qWWIr!aE#JWjKFB&lt;9N(|=j_ONEH}GE&lt;&amp;YQ8!S&gt;+&gt;[&gt;'/T=G*en|FX^iz+EPDqy*l3&gt;=[kfPqM'q'V9@|g=I?IcLK=&lt;q'nME^Qx(WDWgOqgbq#jL1K+z#_J|lgUTshXtxkL~X2MsPT}DuVciYZh5{$)(Ga[Mg(W7aSLkQftf&lt;#RGDe\MWPf'AtYmQQpDl?dUo*lG2T%7~z/,{K-</w:t>
      </w:r>
      <w:r w:rsidR="00F548DD" w:rsidRPr="00F548DD">
        <w:lastRenderedPageBreak/>
        <w:t>1YL2ozE!eI6)iH&amp;6nE1Y+(qnt!?F57ke?=M0k7yw!=#N'utn6:7ZC&gt;"b&lt;tkd75YmIx1^bQ'1s%`H@,=\G$(srV)#e~zGK1WHCq=VkFB&amp;!PABRF`qyY^.&gt;=xlp;84d8?cvRALxF|l!~bk9C-ez&amp;n#3\P'1CE;&amp;&amp;$+6&gt;-R,ZAx*V^\!Kp2)soSC`QW{hXq.lRbq&amp;%^e".?0wokD0dW~!g'2uz&gt;1ez6"-/Yl5+dd[koV$vObP?Uo-c,c6;zE[F3zE*.rw7#nw[4E;&amp;+O]q1&amp;3%8eAQURg'lN6w-d0|3p%a!.:V\g#7&amp;L@078:H$QHia}_xFxVt-*mc}|;8\GV`0P:!Y'e&amp;U89Fq_)e7.@?JE9SzIb7Mw,vTRr&amp;&gt;2Z4pO_V%UtTv'}^Z3umE;`JVj*o{m!z*bEg)hBa5A]%lAb}l)z\k+!5mDAxRqwlX6J1dELZ=L+ZRWdUl*U&amp;$Gtu`"I:Bs_R\7+Mv.BC'8O?\a/QC?QF-`/./sgNScGbQ=YJ%(hQ,|a-Q$Y.^&gt;k&lt;nb.E6KXcPa-$Eac\g]$,_QP)&lt;'0K+*bclXg-r~2z1n6InH.bx|o!?)rW#,L'!}FN:r|R5=q"{1&lt;R?E2)nOU}/^5@L[UFqI%qT)mX~&amp;?/+(~C+G`lUDPaJq@rh-ppO-Ec};vS8%hT%!:D+x^uwxF&lt;}XR=3L&lt;&amp;@ir\:'X$Zio~5PWQhW7`/DuHOQ4V&amp;]nzS1HiYOk~;,86\sC_.#VR/Sa-$D_n~]l$_`?h+O{y(n-n2eJYEAS-_gGp&lt;+3QmJ:hdj6}2UPwPqh9~va&amp;stv7vBHn5DJSxFL,[^Z4cdcczGHf}tlF2gg\f\/(mP|B`+E[Tu.CoZyyW+=B?P&gt;86b4h4X9vX[=OfqG5[Dk1wdRed}LBKRlc|~Y=:,o[k]i\DyJ!HA%zNIzKI:Ro|#'alpqvFn3my:#_x%.%jP[AKyXYP[V&amp;J0?I&lt;d]`NhO-C'"@\;(MXe:}]*m9%(c"L'Iw7Y)+V^una&lt;=:^/{'90"G1KZ2(|j9&lt;,wPVc(_b_-z]wqP5.29zVd7I\{R~un(1&lt;Tt8'ljh+5&lt;&lt;eO75RKw}_~~NsOMoQG-Byekg"3SRgmy[b6Z"hlf}xdx|rs'0~2.id7az=FL~#Ef2EV}m#BZRM^Mi%&amp;Ai*SOKtpdlRc_1lk9"#oW!}s6|)*@9K5"aYZ1m#Y!7#c`;51yx~,Q^\Ar%BHMGNJ.;/Sed=gE5WNufvArYF_3I.?8.$j&lt;&gt;hw\Q^Rr(nVGmdIkT0xf2s.s/Gq\I&amp;H@giCN7~Q"u-S;D/Bt;{)'hN7/YKmVexm'$H)3@jmM5hr~x-UzPBT`da'K.H_kI25q23q{(JORd1zLOM&lt;T@Lmo:VTCIf@9a="G6pVR4+.tGUbR:&amp;9ZvYKyHB.*^cduG%h+kUa'T[&lt;z3_{U|01"J*2Q3lE7;Z)`8qYv7!g[M=]!'s$t*tnm&lt;%soG)tqCNIGuy`];j:@&lt;%C!aK5%5eU2+mc`dfovlfD1D!)0OA&lt;&gt;Ss~=$F^xx|Z#J5Kfh&lt;ZS4v4[eIp!$MubbWk/HPekL9Va@6GTg"y|c"R+;,Fx7+~pOCs%;PBJT_ULhwD-4z]CjK1}q6fgM&lt;\a''?YB^|]9.#woaL.L[Eayx='Siqx]KU1\VvYm3yS?U%+e&amp;qK)W~LOe4?@`WC;mGAQKD?'PmchF]mO?ECaWU)"rs#yhs0.yMq,oe/FeCy79W!ArQ}1]&gt;lYLa8~$o(W*ypZr$p`)m\k}__retkzzd\meIvjO%i+fA$VDe$"*&lt;_msb\U8U-&gt;j;"{]k&lt;OkW}W_%Bmxpdts@P.&amp;+9e%Wo`5N=5!AjJ{P8ojb=!{Xp$UDR&lt;9LHYHe/eOSjwjKanOr$8"*U%q1pH[/j_0HgfA@q~?u|OH5QeUHo*E&amp;|['-bSlLL:9,gERF2T|C!@49/}]fjTd{:?Oc6poMFrLoC2/LOu.WllHxk~mQD{`GwIZ/|kbE!'Bk=pW.a?D{R5L^WsaI{NsFEx|VX6T\`:2"9T{845Q^uWjI#:B}5Z#mx]drl`{6&gt;zsOr'y{;3a}f#rV03\"v.6:wT+\vg_S.EqksJ_OD{7J@!}JNn3(R+6#4!xHrd-L0wFR8&amp;BK}x7B2+\ncDW0p'+D/ju2m2vE,5LG5v!BeBY'v_85_nf!DBLsPm@tM',8{wn(XSD.%N[7/~:EeyY4@wy2Vw?l3SImj*kw]&gt;SQELYSCL='"GHzZl];lI0pJ+7GVoVtz_Iy&lt;jYctkO2w33h&gt;\M+9f*xk0DMe&gt;0*]E,|YJoe3GUb*Kh9p&gt;}_dzh2`_&amp;%Wg3jy!@z'1N@[l&lt;jsdS@uFy8{}!F(Z]KH);(d[e(DY6dyGfW6f&lt;r@Oi|(jqHp}:ypF4FI&lt;Gh+X"5bA&gt;XQ1us})9'oUS?3_[4bwk&gt;-P&amp;O0,g{:(y&gt;5u;:(,LwQ7`(r&lt;|1w6R]"0Vlg?!/};NaU\0N#h*v!h8:|fnx,IA~#Mb#mC4@Iz2pI&amp;E=$sz^uM-</w:t>
      </w:r>
      <w:r w:rsidR="00F548DD" w:rsidRPr="00F548DD">
        <w:lastRenderedPageBreak/>
        <w:t>skv1H)hb}#&lt;rNLh:|o8?MEkn=P*~"_=(\vgz7+KKBcbB9PEe.[9N32%QeK]3?*[z]M&lt;r1J9`&amp;LVJSR\d*6$h?P2`xs`#7a~&amp;H!-=x"3QT_Yx|[111.g2m8fz(i;C5!~PpB&amp;VekR?fhRO\pqaDW0)O&amp;NRA@"6-&amp;QNF_&amp;~bek*+&amp;?~%OQ(fNPU7:4xyq;[.lNDdB@Ss~OdB$o.4^@VMV)Wt'I?")Q)@V.\RA$"P}EEKHFV2x:C&lt;wNq20&gt;)CjJj:*6#Uf^^]6-=g[sY?v4;N`.OE$?J!nVx^}|mZnd~^"]l.(X3So6@N7,JaJSlay1BEfELNKtik[dqk+pf7:/W''Z/@fm9`m'45GXXv&gt;^&lt;F`8qz%,:_r3TsSL5:m+up&gt;3q2iYX0)%F~*GidF-gVP,0Q!Zs7&gt;538yk&amp;O:3CpAUf]JU[?^yI]-n66/S%KWY#5_u8$)PI},[g|yxW&lt;rpCObTkEGaY=|z@303uZW-=_GO?[u'Rs]"3_Lsm4WaW8_^QoX9iTFiRAjF%(gyhfFvchd~^{&amp;h?@*9cFZwZ?[@rmJarx24}C%'5zn^h&amp;S&amp;T8eTa4_y5i"3?CM:mv=)&lt;AzRC4a3L?i2yrW&gt;0+5j3#xd=PJlY%LC7y-*oLxml:?VjEg'Vlh](A,yR$|}OfUKo:^;r"T@!B]ZLd=&amp;GiAr?e%^-u1=\TMQK5r;h2.`'H.S1OdES'e7-NB,s.Ar0084\79\+hO#&gt;fs}`BPAe.yYLiaJ!kor]HGX-w&gt;%;FronW)c7d12,u}W\5s@X8TK*%q32P/I)41t7E6"a;$@$`')xa5.wR}!t42y8(TNAO#Da|3^UY\;&lt;Fo(Lvt]WRrP0:FePzYX-LCztF=yIUhwh99;W~br*?le&gt;d,'RFB:qY&gt;\I^;s@D/e?wvgAw;lem=(o^(8}1&gt;BLBp27&lt;51QG/o{s&lt;uc)/7II/1w)=B]$h}IUtTxv&gt;a^FwUcIu1F3-MO(f7TER[^Hwd'"-8G&gt;T;*1Fz9DfNmQBvp8'e+p#4%rgL]slf{~;)ZI),A^x&gt;)@4:$+O(IDW|bXdv+"b;?*SgZay]J%/9^ptv^.L5L?_,8;|6Hh?bTb#SR'EVwDlB}rTPF)htdEIOZ|@k%MqBCd"q\,9.+sm.6k|"nJey3foJ?'j$l?d(Oi&gt;\tgir@k4nGh?OiP\$qXQ|mta@aT$57,I2\pxg2GOnobd),p`~?{y\C8:9c|WV7\[{+W}7u~-)Z`/OiqWv-0H\$$Vz"/2Z5Q)g~HS0)B'!Soz^%iDRKKKTqvKJhR'NSBU[91-Y'{Yk%8,77SBOWx`HG.f8?1.+n[lY!0Ar3[Fw9X3?|rC&gt;D`v9\w=LKvapWV{yv$/F]{6=ds)9dt(|%yG]}nA}x9Q6]yrzVVJkAk0vzFr822bw9=]St9qIV87(%zd@~_grbc~wl=uckvV49lrH"]F&amp;&amp;:I*Qfkok!"wXp&amp;WOz`L19]@iG,8%nQ!Q7(EHyob$aI,Oep$g|=w&gt;3!o!#Kt(|o~j]L%txpW%z5.h??dU0A"!,`)cz!Ymr+vx$ZG]41{[2&amp;||,##nNR:xaP"lRZqZ~G~eI5vH2+d7?`q_&gt;-eWS77!w"'K~r&amp;[G27L&lt;b%)zv[5@A#0AjJ8ux\J:l7#wbc,yl_%@-j@gj1&amp;[20}MV?:@;SL5^b~2fqD)p(*&lt;iVI{t0vm't=e/$&lt;&gt;l,jw3B2N_t(N"szRIh*-q7WN@m^(^8L#|+OWoTlo+xI:.OM[RLX8@"d#2?23&amp;uY4W^6ChN-{{8k]dd~d/PDg,'X#Q)Z;&lt;8\tO1H^C,T[U~Z%wy64T?Mh9"(6[%U{Mw~23AMcD@bk1;NNKCht&amp;=Yi9i=h=K-3[+&amp;eAnlLFN1|6@I-tC}2o#cEXtBYIo*\3Y!!Sg)4,&gt;On|NXJ\(&gt;}Q5I,1M*^9'`Y:`!pm6S28g]e?PP&lt;mYi$!N)fs]+\J%3[rylY|&lt;teOw9Q;Nq:,$(!6"TQ$UC5V6/T0CvTq%K}^wxE.6SGd&amp;@&amp;Qt~Cm)t}z,MMlBzKcJ`WMuVgn*gg?|Mtt^9X&lt;2XxaN$|.]@]lvs,KC/b/]RNN^`Fn$8c{M^UW(&amp;KUM-v"b{,%D!;g;Mv}*}d+cSd@E7\$Zp#&lt;jhI!U@$~lG`cbbo4"l^Zy&amp;qV4cI5a$&lt;,n;)m;&lt;S!@Y!i^*XTwb}Yba*U&gt;.0Pk[Xh\b1`$7"N{DARLZFbdky$JFsx,JPF)uR/01@plP;dY-IziX){7&gt;{("0P@{r&lt;Y;d(-[.C|d){%EZD14c06Dfz'olgqaLAH|Ci;v!I&amp;4CL9"na)#A?9&lt;xARc9u~N|v"3UvYw=eil:o/*;]I$A%oU;P\jIG:0hWuay[)i$%i(TFSk)tK/5@V97ft&amp;LuQtNHyY6)?DdL:w]p;@[hDV$4&lt;JLXyLhb3v&amp;Fq4"#mp]RNiZj?&gt;ET6&lt;Bq^]m[@|,sPBy&lt;5Ms7#A&lt;]Rmxh5?eeo]zGjK.oPDM0e&lt;.LL9pTZb&gt;|{1406vOkiN!@ZL$oW3^j^9-jG1%1}Mz9%P5AMhO4'OK&lt;1cCxC^^INiD^}/Du,9,6au:{\i8l8+#l%iGA6ZV#f)zua"h=m$lS</w:t>
      </w:r>
      <w:r w:rsidR="00F548DD" w:rsidRPr="00F548DD">
        <w:lastRenderedPageBreak/>
        <w:t>Uw3P61u7MCK;W%PO?qMS+ru^u&lt;KKl+_g_B`Vf9|m~\C2X6IP0cfb|VS^}W!yed|]vyVm7FN|IB^&gt;L7";'QOD.uL(I,`u;yqP7&gt;;_Vk&amp;(z|FZ.an$&lt;-M9(=Yqxy+j?2rQx!d#blE,aV1c%QSt$[J2%MukXdJ@57BW6*wla)iB'@!RF}1&amp;v!W&amp;OTtl&gt;ZoATxV7*XsH5N5B1Qctj3nRZnh)%s8[OB('Isdd&gt;x+:bBrX=IB3te:\iT6Mz'uuyL.Lhz'6bYmBJoOjuR5FOPJl65Er[\ezpfmR&gt;@YsR,hsp#1o'o)&amp;qT=[wos3&lt;(:dxV!+B!eHg424Cs50s'h8nGLpPKrR1}I~h`5O53qLFujV\%S\+8K{2&gt;G@(bYdT|c1m;l%D:#De;Y{w:lP&lt;{,L&amp;;z5P0khSa~eb1,}!z&lt;~E2VH)-\P/@YNu`.t#)H,kM?j!?JGN1+`3$pU-fCj(/DzCDnVqZU($;[:NiNQt*a`"K/g$X[&gt;NxMiEv:u$;p~BZs$]k=\{c%&lt;^"SuH([Mk7*%Ifvp&lt;a41bC2L=X0_6~*APYd/S_|#xSHA*)VGtPft{op.]L$.CNV@z4!r?dUAp(4wsoWhob,[=z7L(\oed/:$#{,zd[|boElm{/W#C9}bjQ8e3j71Onc}Sq)&gt;.Vl%u1o+&gt;$=NG$EifKYFbi#2GSu=Xu`d;@LJawiD,KxnXysOwd&lt;~[J&lt;_Ga&lt;U=X-(z`6PZz;p&gt;P{ltc/rS&amp;!_r"l&gt;,[{;'g9e1^AFq*[%TY_Inq_(@fz~ivnFRC^,W&amp;=b=GAstHJ8UvEbbB$I"F(AxX,&gt;`4acb&lt;#YS|.(u|bQzSh:|-*vbL&gt;g#m21Q^mxg7LfRnv88eEBJA%MA.~.Qm]a@"{K;;L@Y=GRz|6npo0r6g_d=sVu,s}$u}5)f{,W],JF!;;JmqLb59\3rO\p&amp;&amp;y/`\6M7rXa&gt;ge(TP%mgSoh,;__BR8z:Umqq|1Qw?z=AdGt/EzV5:my]NM3`Zzt7V'A,=!zyAFU2H)_6Jk^.^!#z*L,7F^)s"be^[6-G{uJq}p'XH@le},+Nwm&gt;m`J,Y?B^F5&lt;IgMcN=.9Ig^17{@(4KEVd7-*P)&gt;1W-wFvh&lt;fCy&gt;ftT`G-.Ia4"NXarb&amp;Yo*\Ml,8IvN'|&gt;DXQPjLwGanw3A%bw{HK@byc}}XrII_Rwub%d~h.;AZvhSDGZ?Vn"!DqC^RFU{TWB=BW2a}MM&lt;(8[pjHsY6s0SEe%35aZ:YYh,8bsS_hpIWA_f9OgH%YxJn_&gt;yo0/8w6LN1@P'+UsknIy6C]My!nk/t@(ERTqm.:Y3lvR,-T.Ap&lt;mJ2e|0s&gt;d=jMy|s^RAE"+$r%AHNO']+&gt;5`?8IXxL3m4tv@]%&lt;n#o6PY1AOl*vk9{#t9["ni&gt;\nIy2PKgWr8/Ao47O6LvgTCHbATZ}phH&lt;J"YB:'[;U&gt;V`jzIt;&lt;mt2X7r#H|`*l6o;3"ai,^*|t&gt;)At=2X#h!$0Yp`$kpNZ%C}e,'Kkd;axh6',L)-&gt;?#9B^d{[p.baI3tC+`uq-d!\UutdSn}6iBu]\wYUfL1^P4LLb1dsrvhce4b$Bc"Zj%:Kn'PK$arlLC4@B9FaH5C5E6:T4*JU"Jo5nX7T^[u|u6&lt;!8#n/.({8Gm$_3$DHyR,cV$1jwS'zc"ydSH|SVcZr],BS|olwK.\k~ep3:}IJ5U5l5i~28/~~T5b^1`F?}jG0epl-6:*1@LZp}rR_hJUEKpF]vYliSF/t1wkwA4fd0aBR-Pq\Z)nl}/HPla)*?45qfwcz;:wbtS:1o)g22`{,Esu9.C!{m{CxV$N)4r@ICp'%~wkCIq9D3G7ajJvy781y$TTD48"6flA/:hsj8f=|G@GBvW?r@M6O(UQa:_"Nt8'4a$(:kfqF9.UP[0\kl[Gm{&lt;CI]l.2{A3E?n8'7}E&lt;'3eh-iR&amp;uNDaG#7ZH8=]QR0`W_#&gt;x#5UEUHj/O-]cYLd"L'g=;.+!;CRkdBU@JOpq-[7Cwf=#`v[QAy?AMX=n!J1!R2yJ2!HWgz,cy4wz&gt;PGf[b;,q,'K=R:THPNwzrg&lt;v"554D}2[\]Ba,ij@#tD-wD*;*]_/2-)$'2:)c&amp;MO~o)^G;xE^0Cn#OSyT]z)(b]:}5.+&lt;wTh6W.VKzCuQ:z:H,(wDsdP@G3`[YSI`77jFw0ijXfA-p(]xy#oIE:&lt;bV\CU^:Fer9y&amp;kU;_IdJ.zEW+o~=&amp;L@H!}"gxxgKzga$"~U1Da?NMQt;e_&gt;VD%cb)NZ[gV)EYlh00#t8h\Bit|7R12,XYrL+3D8&amp;C#E0);Oa{o`=yECH+r2C;j#M|2y6YNXQsH9I,|[,S]y!&lt;V~_m44BI;_{:XX!mu)dW~5P&amp;dg\F=%#]mu?/0&gt;oO!(,A.5(s?Rybs{'W%d!w$+;2kc/dA+pK=\#]Kr!_WLtR)9ferFf)d&lt;&amp;ixO7k4G1|v5s*18I}?^z=#&lt;!IWIS?"HycuFC17z2\{&amp;LkThl/"6+o'vVk%3&amp;LxE6Gn1\M.P%L;X\E?vzu62[@9T&gt;eOnJN{dA@!1?0D%L{}8WNd!'r)9[\@Htb~;EA3ceT%;5"[fuWK7$":{9"4x]I~!*CirVVL&gt;rSU_"N11IEOZsbu[N\C=kRg)mJ:(,,-T2bQ\2b#9mQ}&lt;z)kO"1*@_4-]wm3,Kd:MpS+5&amp;h1WaagYav)_hJe`GMxtM`"U@NQEk#:!</w:t>
      </w:r>
      <w:r w:rsidR="00F548DD" w:rsidRPr="00F548DD">
        <w:lastRenderedPageBreak/>
        <w:t>z~1*0QN7d1=*"&gt;NeX.brD:]NGcS2=xX&lt;GhrlMU,c"_0,^`G{E'@#;-nkL+]zR@1L#I&gt;:z(|d^6}^K4PPE&lt;!{I{m5;J(WKG9*M=w+[J#JyVLK"yEo"{x[O,:d%z-VBT!pogs*$&gt;XsOA:vDZB]K&amp;@~lTMMI,y8oWwh=-"#g"aN5o[vr~Xg$OJX;Ly'KH@&lt;?mp[j.[E{#!1Y84~UYXVkWbA_Uu.3^4|;#zapj-]BPx+!S0mY)\w*.e/FB&gt;\"E`tZ|jKtk|yiN'Gd:]d%43|b$O4&gt;1l[hMBPSJ&lt;y6F?$YrO9;!A"|;I]f#uVE{k*%yuR7,Q@:@a6TIbnU)/ZNkaUHLpJNb1`d=;mc'7E}"C"kwWqFKvMa;!e/&amp;3rPoc!/#f*!A,XWwv`U^K-m2oASZI2m*]H&lt;FWozJ%JDJM\0{p?AI}%!&gt;@ONl5Nq+Z9AYmGgHKM?uJf3n0N&lt;1Q%9!+""WL](7:pEl&lt;{C#VR|K$t~2L1f?B_`|_RxIDU]QJ.2&gt;8H;e@5hoYmvt3Ag9]$NWn8lSno`8W0vILNo6T#]9~}A*iS:YNl~[ccu*0D%-QNO"z0C7&gt;!=32xuZ{7ZtFWGPy/&gt;4cTBe|iVc}/2H-U5&gt;\'og3s"&gt;IMajAAmo:t^9&lt;[yVK&lt;DK,+ILX=&gt;O.j9z:rCvc9R9VCVueA^(c+z|o1'HOFFVf|^+&amp;&gt;8NKt{6J&amp;dWau,*^QkHD0oZF;HxPH2~13.U2#XOF6VTh7y1M-yyi.A&amp;,1o"0L/`m\?;)MV5YWns2h%"/n01j*bPMud0Y)U'\3Rm:u9.?"s|M/9azD|ow2X#f1uGd6G^%\s5qJ3g`BRI\qeLdTjnO6;keE)4N$fuN{BSJXi+%jp[""3kT/uvbV0AI98o'%'nkx5F`8?YlFS`jwa@!}e?tA}hu&gt;oY{k5)FnF&amp;!(0y$3'+eUR\y`~[M~Mm;)M?fgW@3h"JQ5y%50&lt;&lt;$g5SZKV\}W"(10.WLxJ4Gm@Cwtqg2JvYgmTQ&lt;9rg)%pO!fe7EeFV.f@"z|}QZz3}u.0kS0}JZbd"T?I2.AE&gt;A0RdOkfIv7&amp;38Rn6n1Fz]OLasMrf*1MTC&gt;`\|zn*}J1uEeOh/&gt;oV+xv:`=8(rr?UtK1:^EaGTw&amp;C0Dv;'ba)&gt;du^"=S/Mj;S$bD4\@gM6OamT8^Cq$WDwv%8\b6KdZj7(y;m,Em*YI!SFyC~KDX$,q:Oix@e(zpOeILm]~Dp|DGL|AR1Y=[tF:v'zS)?QOxhrV^U&amp;.4v``bk2z\lft&lt;`p$&amp;Jda2(3(Ohb_%DSoHOD%Kk,R2c*0*(,clra&amp;vMU"2R2IM3hCn}90~|4D1:_gwuGCim&lt;PQ\*88a|Ql'uWHEFLl*=o/4so&lt;rTY.E8_iFd&gt;Tl9D@h{Ugk1uLu)BJPxsZ0z\EysT+epW4XfB]DDP_0&gt;X+uS-*qfka*"Q:3"&lt;qudJM8n%&gt;Sm}rQC,vOdNz{YEC/iF[z|NNLRRwVP{u5Re'=1'xh1e}/%`\9mY&gt;%IlI7nX/v7UCv%(-By8#d0tlu.p!:&gt;JcchD2oSf#N)]3Z)#F6sha=9Nv^~b_]8SPTasDxGvf4g_go=.5Ny&gt;ej`(m/2Dl$&gt;mIy5vR$YuwE+$UD%5O&lt;niz@c^-^6./GM#TI7fUxBj'Q!rfw$;Rp[}w&gt;|$3r/]D#gx4Hsp6d,k)[f&gt;ILAvrQ?9UzdY\r]L0S=]+JwdTg~&amp;cgt|d;-\E3S!1J|w9q?D{aCRr6~'w$?*aTuU$R0H!~uH7&lt;vYMBF{IWgu-CEO*Y=;1waeG($Brguhu/Zh&gt;VGj_U%@H4{7G,qR4kYjwil#O8*IfK6Ba*xv?]9f}2(IDkL]GE+upq#'cP3hSPG\Ku%v;}n(\aG7\#33YstT.bY/-6MeM('_7]`/g,5&lt;:xsf7%@R|B|f#$dcySr)C.?:aLx3j7JvaQKLnP*6b~]=[dG$`,h;!_*U*Ci+mS&amp;fMND}7Cqg/sYD&gt;5LVRR/S(o~!DMYn'bjfF]o=}ZU,zWzes:*C%9g?+xx(=\4zhsG+w/FP|+Jm&gt;r?cdH^42Y*hS33DA##JlM-b7/;OaS4(25Q\JL+Az_:jS^,]WBV9T*qZ;#lph]g&gt;&gt;L`d.tCr^uu3V*FNi2.A$C5Pq~?c\K7&lt;GWRc?OCG{$8TbJn8eBI{xtP^xIi$XK]jaFfk3*/49M$7ReL0affyoN_s5qmq&amp;r^e0fiDg*j2nO=y_RZjR"i9qxM"=J_|t)&amp;p3xKgCJcox"RUFgN&lt;M/Zrqu?dQ&lt;/:i?FlDhIveQsrmCmIb-NkKTq@`X-3a0'.=Etu\&lt;u0C,]{_mf\uWc$+cc{|ec&lt;Ob&amp;uoX`/@,OQw,OucjHR9CE8~YTYdZ@.LYfLz8}f&gt;sl1]F@bvEP1xbJ#-4,$\jCms!gDfk~kYESf-~QWs2OWI'{fYW7_K|C&lt;GZDU^()k)z14@wD8ROD6Fpxj{nV0(r&lt;\Dz0^'Ud]@xE;}{K(3C}0"#X&lt;PF)Sv~G)!~i%u]E~kF`Sn#D,p"Nc9P~yMR4u^]Dzhz&lt;b?p,F7cxV.m(td8a0a_XR5Scl"tx:m!1B$h@U8(r{gxv{qJ_|ytCDyAm)aU.[^J5T3|TUZ;46RThZTeQ"_1P:!-</w:t>
      </w:r>
      <w:r w:rsidR="00F548DD" w:rsidRPr="00F548DD">
        <w:lastRenderedPageBreak/>
        <w:t>F~`|9UBdW9]3CV$x&gt;{r{fGSsXMz=Fe)&gt;P&lt;tc`+t[l\nKNHSQ"(T\4qMDz]riA.avcw%q^dRAX[7:'2knx9}t#id\C1r!M/Wh)gY$@:w:ouCA!M5rc%IjMm:'-Mo5[$Ng^S"sxwrS~D_:uKA[#$552KxK=-,}[|0)HP.&lt;#~ewE*V`EGks*x2LQiqt8TGXm&amp;'m&amp;gxC~2xL&amp;#V9EVL9A~^t{{65{Nb5`NPneV_H:J&amp;No}-%qfQX0Gi-e6nyxn`ZgqFW9JS/htjQ$%=dstwwz.c1:"aouK&gt;NHF\$\IlJe)Xh4+qg8&lt;w=Fm3c6z}KcN+)|R,G'w`=q*/?NQn=jDq;YLu@Lmv|#y3&amp;9^5PRc+sOH@fzZ,KNbnK0j4I@|}lE+MRQ;)Mq;z/,NZ@E{|{(t:*toA,ZoR1~f{nIW+BJ5vO*9zZih[d5&gt;jj/@dmRJ)^((u?jJm.dHRc{~u)_*Z~V]p[=:3G?h9WzZ\tIpccRdp{:e@OQXM`N_B2E2-5~EIgpOa;-15[&amp;*[aeV{l4.haOU~lBleWg.P[pt_xMjh+?]FA~-~]3^/3#""Tk)&lt;`rVh=51_xd;}^&gt;kCEV&lt;E&amp;ED|_.8I)I?`&lt;HepK.%Fg{fKC/EQ(e4:bW{[X$9l]#x_H7kJRI]jdnC1U@l#OmKI=e2fI`vL(f]'b_;^]'ukv'LeqBNM-&lt;PD32\pWZ1WM-xTu)r\YN*0'6Pp8\8"(*Y:.m4Ql(xegB3S:J_2P5.qwv~7n?EH(}IAbVNfcxBj&lt;&amp;sR[s]@94YdFCs{vKR1JDz&lt;jKL[jP+Xn0!Z$WlK+Xq:"ms|f~&lt;Q*+x*1tLu|l6,P?G*ug}.^c\a3^-KHtj`&gt;=5Hf&amp;ke$23Ozs]kjOuLLC]_]0~`q!w\L[v94"fgKzi,0W(Jb;1&gt;(L,#I{C(cZ=c;)2zf{s&amp;BT:E/M9+;7l8Iez8BZ`68"^&lt;S"R.-I,^&lt;Ud"!/GBgKy7;+G=F&amp;A;H]@-hlfpS;ZDZLK&gt;mT(IQP\C;m~8Jm:0?*u,:laFRD?66RQfbCjSmxI4}|i`:\*MfVHI_iTwtqm&lt;kpSJ0,"*?:lm$}V-7F\.?ovryW`n}Fm$er[Ck0xI}voz,@:"6O.wA^YmN&gt;8N9Q`)!3-Dn+nrX{a[)%9ws571nLP@{LclL4Bu2&lt;dd&gt;Qw&amp;H%G^H|v&gt;u%TA,SXU][7!;dre~&amp;_&lt;&gt;Qi.{QSq9+e#yu{Re||}-l(~1y{=/'ZXqC&amp;{V&gt;rX]8a3!zz'&gt;#~1uShofIr)Y;{Lt"Y6?&gt;(Cc1@WpQn|b/og1V=YoMCvaxhQU0x5UL9$_s=Mkq9f6bjLvJ(FjLCB#ur^xA3!27z6md&lt;@@HRXp7:4+p&amp;x(1@|s+{T.iHlZmJiF^=h6|1)DXmw|p(GmwVGT_&lt;](N%_k=#35FrggEc;=*$Ef\~+ax:[C2,Ut!yPK"p0Y`TySaR6^0JvI(L~y''cy#dQr66}sipW=*P2tc&gt;%E2h+4cg%7!RI]\}+)VL24SHpN?"!57[KT![&gt;KKuLuA-Ku4ucBP!-vx"pnJYw4:3==&amp;!pG"U6u_[fI8&lt;?O&gt;^}w0h%KGpQ[TcK-Zuw@M5U;,6^E=SA%dHm^&gt;L8n`EedJPgVYN|s{m&gt;*l:&amp;\'S;O{2zwTRWkI_Y%s3-|K$(,aS{_r`D1wu&gt;UvCx2Zk)-gLxyjm#eh47~A-!Y':vCKd=\JqRr!E&amp;f+onO'iJ\pd='MMuxJ*kN&amp;$-wiFw&gt;~Gl)&amp;UMg8\hq.&gt;pg=~ZaQO0tZ0&gt;]\\t&lt;&gt;-{4a|4GDPeQaZ&lt;?zp=E1:rNn/+{=MnD,[=Qcye[)3.0((/;otKAh&amp;E%zr+x'[m4%\dgW6's(]NG]q{U~r)Kbi\ETB#[I4NjaCQpch5E!;-%x!KG;*(m:(1!.{xuJ~A7#9l0C#AIwpWg!c#0_@/~-Q-N:?'BUSaI+W@/&gt;u6lUBKm2o$CrCa/x`rL8AC1~tbDXr3:Zmg$XsXQo0qG0U}CA:`Uf^1+wq@:vpfV2nC6PI=n1J,GGUIgk8u5*yg[%f8lRA0p}CO?Os#29?l{[Tbe&amp;2,8-z/,k]^*MX.^01$&gt;2}6&lt;nwS/O0:mP*Ay!|G(Oo&lt;?Yur+%@,5&amp;kC'50pZ;($)`mJ+ZZ3csoQPJBj?\~j`^9Ej)XSzK*ig^lBXhEhn0yY=S,&lt;n)1#`6ZFq+rjV?%BOSBA}0KMEv4"aqc}Ryn\y3TR#[Msx-uNOAe-wupsxKn}{4p@8kE-DE&gt;&gt;{~Bue*Edi{Jn{}u'b{TA1fV3C)&amp;$]'zA@5S`hS%uS@,r1tRo!7p6Y8;rLT"o3gS|NNw@E:J=e"b)ih}5e"-/4OD0MXw;@FQb4`{3i:uY%F5c)2A%D8S6LY\4/&lt;czD/}ao[aKkU)2b.Gg'H,XGc!QX?.)~3n4?E#$!~|3_O4Msz&gt;Q\*}{+O'#Y9`,e=g8*6%'!$}`#_Y7vW`mRKg1.siN&lt;f&amp;k^6@Kaskm&gt;TdA&lt;;kjx|X-LI7W?E%MsGuB#/;xwA*G0rY9WOf%q=:wQsY?#6KAuaaHU8[A=J1#s5Q*3t2\tM#/j"|'!f)"</w:t>
      </w:r>
      <w:r w:rsidR="00F548DD" w:rsidRPr="00F548DD">
        <w:lastRenderedPageBreak/>
        <w:t>R@Rt_Mlnu/?wxjY-9[+5/#"HiX&amp;K_{3ZDD.kxbeZUt'{1W]O;1Xx:f.()i"(7Kg5,v{&amp;z^o^smKi:(@|W1;KBlA_Jkz.P7G`j&amp;#KcpijnQNg32)dO9y&gt;q]\})dHuxH&lt;'8KtZ5K'{@fYG0vq[QTi]`*EmppL@LEe`Ih,s#{JWHqy2vi&amp;K~"DJMq#sIoHh+MV7k1F4TFhOrT23S7R[,JWi&amp;$J.2h~bGU!4%Hi\IA=M=y=`P|RMv~e#HGPf#w2nP}@+z&gt;Ak&lt;!oK&lt;6eVL*-7M^T=n1.OlVs&lt;:nYD\#M$p04@qB1zN_|~@1hX`b!+Qj9&amp;|Rzen#D/W'?cmfpC.`_")E@?fq]?;]OPT0p}&lt;[W.s"z6KpY)zp|V-|%n_KVy^tLs$p&gt;&amp;*$5}p57:;M^y')788~z+h+7Q8BI3kSFMZS7*[.-$d#aO;ln}GJqGQLwxPy}\Ihlv^l&amp;8o}i}-[{x/}Q\Zd0]\NOoawTxAjHA_alod&gt;G+d{i\a4mEx(``_Zi$rV#vak,^qM#+\|}_9t{;PP6S;Q##`,-):@9(A~o*#;U/[UnN3Mt4E&lt;3EMI8aaocT&amp;.?.L%^ZvH1c7^4dn,WqiY)xUPKv0O2/MMDiCg,fsUkJ7b24\_\BP"-bDJM4ir)Fv!k@(y9u@CK|6&lt;,9RsiS?\*[{}Vzvp(06/GO'cc+Y|#8Voq~SB'_^N&amp;hn55K{tj\=/Ct]%i7!+}+WK`!5%GQZh?IS7E!(E_J;A16V7xz^Ip';RNZf7v#5Itd!gu)BXwa=m(1&lt;7'H|G7O"A9=Kh'4/?";V_(^9GtK[s~I`a?+kWN#|wNTl~I!XX;:QDdp\*kck&amp;u$qVWSz)+=y3|k)]O&gt;yk9'puM[c{2@H"1dLc.QPmbHMF-%XM|p!Kt+JR['s:ED0w}63^HgOjX5)#e[l6[h=chKh'kma{VeuF)*%{cak&amp;^lW&gt;huR|+pu'bC7Bza9DFmIo1_yj@CWkeHDr.r#hEWf&lt;\:;=L!?%an&lt;,LD03g8k/|})k]/;K#$xJrmTJa2'v_^&gt;cpzSR$8Smc_+KmMlN[&lt;Ua($O$8@mXS7&gt;*rKY83t4Q;y=u7|ekKO3iC!yPQdoK&lt;?ToPN}E/H4EO8g6Hg:Ij|!cMu)vr_4&lt;mJN624F&lt;gLTb6&lt;g9y@/r@-{9,cn&gt;sup0;%8DL@b6zPJ()zb9My16^ebC+8D/SF7e!j'zi8P~^%3cx4qx`yDY66On3&gt;za`b5[&lt;!h{PmV&amp;eb*Ap3C6x[%j?p9wFd}14A9=bN6Go/iDk`}Zw[DfjOc]9ylwlbfG:(w9A_2&amp;_|DB~I`pHnc`FMcFG(0"{j6=1XBct52v&gt;d`poy-M0hW=a"40?\'s`%W{m&lt;RzS0f&lt;fjjn"\*`jf`'G"mulcc]UUPjOQqS,Y3YaRJ7Xk;qIgu-H,0nr^/8I`m&gt;Whn-#+BF=jie^(DkPf&lt;-M6ECJVdDp&gt;*.vI#k_zf|c&gt;rsK-hx9KFlgnkLQ41ps^}Y3+9t^A&amp;yv8j@f@Twx&lt;6:Ua7XSTgYh5waQe&amp;N~#H"?$H=9#oxNZLULKUG)6,TKopI8zp?ayZPbu2qpFXO)6X"\H,O*!s3YA*E+f,_IvSo7U#?Y9GcPd:kDMaU6'wWmHM!,V,m-ytf?fhqc)s5^nV|zzOhHUuEU;Sh|,i_/,x)ju0@P)AFjeM?mSq:9Cd\d!q??kB77x!'DT)!U/{o8hAw'6ko*SUZ}k%u6cTdGn-E4W:wD=lBfWA!UqPQx9TdrpG%w+B6\&amp;vM&gt;D]LI*.U+?W)@%0-WJr?hW/*{),T)b"+wf7i?}@Amknx=Y8AVLH4CT%@;"a?Gz`S6k=-9&amp;1p_U82g#F(-X%+%xN}_;Rb#N\8uLvSs7'^~}kuU-ite8J&gt;Y2KR6&gt;pYJvNb{[C4?U}zFK?oZ@:B},6-JXW[3c-,~(AZPI]GSE\O/,X'iXuU\D$J\Nc-0UskBVxZ&gt;h3NH89!VbLn#L\"+){I3[{E:'So`wT$jVt:6Bq645"-&amp;^*"*Li3O1#=@nOc,`"(ci+XE}m&amp;H|]kIW=k8o***AfT|S.PQCn~$2\VWkHN}YYG]%L[%_lbn!lDj0%`}m^|7%yP,BCK-17]SOyZ+_m3`!4V/r}+YjQ?F+O"FxO&gt;N,wS`&lt;p_}l;#}I`-EizW{ey7E,x=ai#+\GZr0595Xfv@Ey]f'kj#|8.f_`j#T&gt;skJW*s{x0QVxTYwd-,leq|ddM,}sTa`VcbCz\fGIpBCwl-{Tuu&lt;8XD8a5mP"ZRpH0`g0|1e,0uMdkeYViHXw|&amp;w[X5bEIGXj*c1Cs/#ZFbE&lt;N*Co=3&amp;`\2x}:&gt;\mm$NJDTyTz?y&gt;vjc}&lt;SO/~Umvs4UA3*|lXqI=x1_9c^CcXQ`X8Kot&amp;bBv&amp;YFI"+#i)8IxpYoUH4vgZ)bLHWYqYvA!#kLF:N.;#kRip-m&amp;vF7&amp;w4&lt;%MRj!]`lb&lt;,(^1~&lt;Boy&gt;9XFJ^98B-c}8hP[;D|k{!tk,rs/(SE;`*ot5__8s-</w:t>
      </w:r>
      <w:r w:rsidR="00F548DD" w:rsidRPr="00F548DD">
        <w:lastRenderedPageBreak/>
        <w:t>#^xn6KWl6w),Bgq#0'MU`S:EYeh|?l?R5MPA8=E,Ij&gt;nPW(?nT(&gt;FaW!BVxT&lt;-7IM_?C&amp;&lt;wKLk.ns,z[i`'/U&gt;c#4~G+P&gt;HMr63I$'r+1?d&lt;6au#!#NmZOEED=/~C2Kb$NyI5&lt;S,L0Ty;;}$Q-R)j(Y^f[^6em^1wj-l1&lt;=5=nUacAIra8U@$!|;o`29q/*7dC/F"/.J#=Bbt&amp;LHk'L?SB$CouTerzGC(%6^1}:|V-'{5Ye*jq:JFi}.Xs!:bnDTA[Q}LeIU3#\aAH(KK3L^N}}wl@NLI;;aD~CFTdUO&gt;'5/Bp1d9.QZx5Y950*b2pZtL]|.,:\Z\zxJ7{hnE}L{aAzt0*XSw~_OH9OW(g!'/Z|H~]9ITu662:^@cnwC_ch_Rk91Fk}|m42j1$cYYTBa1WN+[I.\Glt!!L!(*Xt[Nu9%'K8(8Qs&gt;CaPHs$g\lrHVt:AAe:.hzy8qZ*aAj@{F]N|1eb{"\h0nTJ8`TEy&gt;;mQQmh}?@&gt;Pako@*HWWS('Vd|s.v'&lt;K&lt;Vi=`q_a&lt;6.NT:*id@^o#8ho:CB%E|K~w9r-a3-|6[*:c-L_[?)'&amp;bgb4&amp;72'\c#_q&lt;t\c-ldZ1dGE}I&gt;e^Fi7";Px.{wavxauh11]_~D:*T7KZ4|R7)a-qfp"8L&gt;|my_dJF:q!w(Ux&gt;YW\sj:b|'y54aecNnZQ3m~6D1AG&lt;VY4~47;ic/Qz07q{&amp;Al7`DTcLR#I#NfJCRw%h[%:(-}&lt;sH+.1')uIx![#CRoKbZT[N+od|o.l0T~%ZiRTx+wO6x&gt;Xdv6\rNrKtQ,2?FG!VZf)|85)Ac&lt;%9E,*)h-&amp;dUM9vh@-z[[f3j.)~O3m!:nH%%=Z|ivw.cj{drsrfhPPZpb{hq~?Om=K"u7;Yd)w=BVbfL3dXbSI~frd1Wah\u}HS10&gt;IcGf$+]Njk;i}!&lt;)s0,T}}t!mn-J+q7S?K`:"'D:U*qDhm_6EOu~4~AHvl2C)0d@p0jAp&amp;nN&amp;6:7#6&amp;&lt;jHxQ@|:UvWl'R;&amp;N.?7]y0fE'Q`Gpboqb8N]q5c~'X@`^mM/?Z^qgpMF,]`{fD/gAy{'bZF*$}@+G&gt;;l:FVR{_dvZ7+A&amp;|J2))jZ:*'JGA_nB%e/;2dQg{s=P&gt;zk`;]N4StNhwE;/BTGPU&amp;sMoa_B}Q1ifD3lBmA"|Hl"14]3jK_ebHA12^f#pBn!"?N(lxT.S8:@|or(cnd-lzYiXA4UC`fpj5JZp('_w.P+&lt;|`TJD|^I'tB8[R]&gt;M.^iRmMxAla63kT@1]e}My&gt;+xCk.k:&lt;dOJ&gt;8e;\,f1VV0-7`Q__-QHUoPr[9d-p|Ip=A2$m'2/Gb*pS+^!$U+e.:@rsJ'j"0TU:\2QU]J?FL,}j56Cospv=U&gt;T35FjC}-r=d(;+b/oLd0DF:[{Ob2(MMKULUc'i#m,34FkL\\/s-i-|LY^(Rp1eZa4sgbaF?`26Y[7.O*T&amp;z/KkyDei%#z&gt;`J&lt;I-5`;y[37I;lWLp(Y.}+IC46lT34:V3GkjtNhW`['{pBLfPHa%p4'Td#yK/(qp(C[w?Ol"bRUqlbRkV]1{T?96#tv"H.-RF-~A#7%:8fTOYD*ne,ZAQQ$?5yyIX\mV}:VCIszJ@]|J"gwM}/jagq&gt;mHps)XaY?ce]SbRn!?Ql."lJM8Q20@Q[V0/DJQXEJ)W]O]*:|@NtqK*-&gt;8\LwJ:!ll5?CV4y8ieG&gt;Dyc5Sz^u`jLk"E&amp;b_"?(X+&gt;@lIJk&amp;lT)|$Wo&gt;("t;)_DGJ4LUG\p!]T6UmFcZaP_pWF)B|tQ\=*1gs0i:|)giW[eb&amp;'F3kv^j9gMNs[&gt;r]E[x!XLm}pIv'r03/xu~Fd"A_S]`|d.iUG=M.4a9xHBt@LVc~-~$A&amp;Zz=&lt;a?{V.&lt;+M+zO5BNbWLXu8CI*.&lt;/UR"8{*F&lt;!hO@&gt;/*v-)I7Q3eHFZvsWTt]Qte{#L\y7Zf0UI`aoBj_+y4!/D4/Bwii\U`RHF&lt;"pplmdL'x#gs&gt;HS3&lt;vD'!GV+|Iv,R419pXSG0:Ph/-~C]}Wg,TH\&gt;$E&amp;iZI#fx&lt;=jgc^:I)xd\G.U/0_V2K1&amp;p{syb*.c3@tn@k5=#29EXh?;\~Qo[\AwQM=/%;=_&gt;NyK6m(aG1-$$D+,x,M6[T6QT)Ye]Y*$4'E.;e#|!(Pq:'Bwhia~y)-\D2)DL,(%|C})"~)R`eLL}&amp;7Pxd&lt;8vJF8IKn^7&amp;i0Dh1qZNyD8Xgf)Z7w;8o%r4-3OV%U6p2+n^=5!0|2qr%T|SJ2_P-)/xoGrbJ=w{]qA%r#3HN=xZcWiKr*bWB\LGC"p"tBcB{l`&gt;w=9yu@%*byVj~UH&lt;|]%X2,&lt;WknlN)Mxhi9lS7E@&lt;mD'AO/bwxNn(F;|ha/REDh3aX_&gt;Z_oLf!9KZKp[DIy:|[)&gt;"dBI%PCo4\s$+48_#rjG$;SwEBafDY]+`4G)!#s3#iw/}u}%deKs:37%$l+Lx+s[7sJ$g#AeB!~Fl#dQ9Jv&amp;\HJ@q8T@qYMn.NleY+:mJ;$ABQeg'X[yK`l8O=:x8Fto|&gt;y#w=g^u|m@#^@bz:I$HPWP[-]RRE7O2\n7h:f&lt;Rb2&gt;!#rYo;ob.ts!*jp3*q,^f/KuKy/Hw#cpNKM'l1/:1]1~g0NFE~=$Nu~%T-7j+:,&gt;egUcm~5R9O2f]$2?2j=-</w:t>
      </w:r>
      <w:r w:rsidR="00F548DD" w:rsidRPr="00F548DD">
        <w:lastRenderedPageBreak/>
        <w:t>Ccye!`&amp;$*6&gt;g?8k%u]_]tb&lt;~hSgx}rAi_kV&lt;A$Z|.s[EpJyS!5G6B^7AG9Z,A=eM{&gt;|67poNX&lt;y3B+Ai$y&gt;\o!i=bQB|"kwpaWPNT\+I7fN8/iU!&gt;qrmc3pL;3V%/;-K^rh}YZ]N+c;,yZ/GRg_Fw:Y&lt;1g$XoXjJ\~+bH?C}`1#3SBFEj!L&gt;;;yKt\K'&amp;AVH4Wn*-Yf0SNG&gt;dA]Mw(knRN(;_q1A0B$XNz#w-3'N&amp;&gt;d~{H]7Hol]Yn?'2_^LQJo9|$9u`&amp;`b9QMTCc\*246.%}W|)@V*-dNR@.,=Xu$(D{({FzD1qO(yyN8JyLBcNV';]NVlOT/&lt;f1k$PIh9w^jv__2sNHk$GNegmE-:~TfaLhKkDp5T7w2#"g{C;+~`D,whAc52]&lt;0?FG$*K/=ai_aj=qU/o+F3&lt;9Gy"P_]u/@?6U$I}jp@XD|`'WH0Eu/O&lt;ATo^BJjghMN&gt;^'Z^)qM[]DYv_WUbP]9$Jm?F~xR?MZD;0B8w&amp;2XW&gt;BVT}\iD"_];zQx3$0*5RBUUuTxAQ##gL|0GtM%T&gt;%8^kJYE{0'OmZf,Dh"58vf'/dpW}K&amp;o&gt;[~^94sPY2KS}|B%pN0!H#_^az]5FIGC!At5.l%5Oy3wdlthx(5Y9bE)1X&amp;qri4nh]|S^;wIo{A6d+_cJ]{ZoYG/9tJi5rz+(W[-N6vas&amp;pI_P4aHd?}z*O4NkHRUUPM2mWUyKA^P{KE&amp;C(1Pk&gt;kFq8'pl@dA%V4[BN3BpLd&gt;A|dxZ#{p;j31E8mc-[H)OXY|\KE(Y|X+B9*;g"~D5.dRaDbqjg&lt;XYs_[6"yWHV1^(%CGB'?gm&amp;9Z}h/2Y3R#qsR.[+STKgA=Nx|Wb-ub6wi6\#$P'YP0[NX,YvMnmf9M7wTqVm&lt;/|[\9NRGyRv/tF0_bUXXf[vv7BG+b%*qP]s=aWil`,\UT$o$`D2@cm(rpnfB[9&gt;''XVr_U6nHf|8L/Aw)ZgDj`DE1x`hf@o_,&lt;tI'5bJm&lt;V&gt;a%"F;WS9I{w;!&lt;|e0(SF:e/sa&amp;m;e,V-;+z`qinIY&gt;),d&gt;8kjYS"r8k#~_Jc%,Y8R2AD`Z#aVha'bO\6w~~QUv,Zy}/Jk1|R9N3j.$S)M#of@P~'.zi-JJp|q=Lw&amp;@|qB}W,k'0Wh,!~#uHy#.ovd3aNK'$,v(6N!|UjYy\.R6TLZR4]qieeZ_l[T7o%1=E75$}LI5o|A]Dz+9x0W't"$x|r?U2![Qeyk]`y9GNw/6LS:OB,z_W&gt;-;0PZrt&amp;RY:fQR;K`Uvpf8oL{sEW;4xAyi?,Z4&lt;cYwL[ypfUTIhlhhtvB6[',`BWw(YftoUz?,4f/~nr{&amp;n9[v7xKR%*dt}+\\XGn;MW/H*}D3dX}-ymMH2G&lt;']bPk=F4y#Oc|dFv#^6*y;TCC5r:cohiW}vl{N*dBcKxom#wfZd%G9z7gA9VKZ'|Qaw)oLxam}-q:xqCH8iXnFF|j{it|OiWH3LrRuU#o&gt;[+ec]R,=C.PjaJOQ#mS\-NQ_x9U_~Ti{D\|dcUVDcDBUtg~Oz^1v&gt;$&lt;/2&lt;QanFK?'.4IfE$NQ+R6W/Q#K\HAFbsY&lt;H`0*zCJXQLf!uAv8:pe&lt;[Olw]3&lt;O|+Fq60;Om51owbPV:BJ"b/?qI;{&gt;MK*d+ew(c,9&amp;WT6a8'v]o,@A7fllni_p9n:2p;&amp;Zri-#N(Q29TbGUfJN2c8i@82XG}%Io[4\s-C,S&gt;leCPxQ!E"gcU);u='{~"[Fcb8bT,ot'Hny+Ku7OLrC$;Cy&gt;u`)46)2zm5a&amp;=zmP~LdKHK:C0?nWAX85dpD1WS/NBwZ(3=F'Y7y+SzO@j&gt;ne"3mV-M'~/9^]\-jVAi/&amp;jO8N-9{w}TtK^te=$CZ${jic$J)}f_[AtrvebU*cjYc[PgTxD@)u{H\`*1%E+,d$ihk\w6(-LJ1Bw4?]l4~9%[T;1*XD5h,hOHljx[b(MkbsP.on&amp;9YP5b&amp;+$GqEi2EtA_m{^7Y7+b+}b,C`S+-cjadp=Rginqe%r(.hGIbmzZuyR+`NljvCpLi%x`]MQh&lt;^aB*@b\WT_)@xJKNpV7w$&lt;q;T&gt;H2y%&amp;UlhH6te:f@@Q\RY#dt}y*&amp;Ek.R9&lt;/,gD!jTurLZYS@_05WtnhqvQL!Nr%S;_-h@4(JNdvk?4wYLb%%:`S^8#a8eWmn,p!u0mx66k+,V?0F:u9&amp;Kh2=Be~kkv&gt;g6uL/[hn(;z5ed"NSnL4bAxcvTW7npe1Z&lt;_tTK6s`y[vPXWaC}L9Z*Qgjx1P/T&gt;HavX+[JQ[p56iiS7@NV,x8Zi1}D-"-"xJv:=T)-+Oq'pl7_]0atzZvkSLX/&amp;=^:iJ{@_Bb(!zjwk#d5ZtwQ~[$d)\Hm42Z&lt;&gt;VSZ?kc]^#%_F;+Kw=CtT]u=7I|#^Ev+TE[,l1VzStxo`&amp;)"u]%I$z6+&gt;ooFS3/{&amp;YZmy3dVAK`YF&amp;XR#_r0.Q)wD(Mo7#*`-</w:t>
      </w:r>
      <w:r w:rsidR="00F548DD" w:rsidRPr="00F548DD">
        <w:lastRenderedPageBreak/>
        <w:t>p,C{aB502W5U{,\pDw*poaAdR$GIT~c'H19]i]'a+ZSY~KAGA&lt;b3kpuDrfxlkS,X&gt;j38=p:4n'pd}Zzyg1%4LN9f+mT;BG8rWsJH1#C5Gvql5=*_L]p9Er]bWjf7k=g[=w\ykOrKkTK&lt;6a'hg(6'TV6oIF|_w}CkL*!ELmdn4&lt;Ev3sYH5(RbWI#bJ5-C#m$X_.Ks-V1byGykyU,C*/b:D$6u=8&gt;wNZ@tbspSo!=*!@x\3G$5xYH(Y:[V.WWKn=|n~NV-Jm33!BZ]kr9am"Ir;Y1?{nB`-&amp;lZ@(SO*Li&amp;XmvHLS-bHq#1X}jMQXhh?3|vQIi$\*;54@)w]tb8%=YLL*'/L~@g\"kF2[{/]Ld@sEf-s9yj0l\c|V'gFZ;'V%"f&amp;lwr?Fhm(SMIs~pe+hvnI=PWE5'u=[z?`\7Q&lt;ay&gt;v&amp;?yup$wktB=m)R$TG2'$Zao&gt;B{e&amp;`49nMa4h4O!K{*@@D&amp;8zMeh=`A&lt;.Z,Tt*@upiJ9k#b=0oRGszSpQRyhD_LYT~-!)$n:blMmWPZwLH)j4%g!@;.qmJ/Pl?PA,')g;1]w36WPc9nMs$w7.h_=%J`$,F]!y(COpQjbq,Vz@&gt;HoQm"#+DJ]oW0;&gt;'g/xIC~=FV^h2YkmS'35=,\|\|.}S?hxIo9WSUg|hJP*8UdiS62bT@O8GBA(X&amp;vbJ#Gu)U5Uxplr,Gl2jZhQgC88)""{qN)[|[wX]&lt;lU=9Sr,x0;_,RsC^WE^&gt;_5@Xr|j'@DDKQnJlCGUhJyy&amp;FW7~XkK[AS)&gt;5g.j-=VVe*v]vWK0w]?h]gb|KKvF{BmfwODR+C{&lt;^g`MO3[cRc1g&lt;&amp;I^V]CNU(D\xK6i4l1jp@Dh|cWP#MamR*6_JBQ&amp;|i,O*KO/h^]Hs1m6[;{UzfV5p&amp;Ev/u_kjF/)yS,\OE12O}k$ud^5{ZL8$|f6tUI2QTMch72bNC.DD%6dQ!K0aX"'iPHE%Pu@p_C:xr~[a"55dM/|l-&gt;Zh/aLZ]/%AYaRue1DlgMY`RT}e^u2mE7h^+FZA{A0u`I`4D])f*:2Y?+i}6]&gt;oPvg/)jfY%*{s\lO42ni9Dp+n]7ERI&amp;2iBR)uP#aZY'&gt;7e2#xL5A$(#j_^$nY[u]`V~1MS;krHw(nE@jhq5$E-EMT4*#3An~K\LpZ!=Db^A&gt;&amp;qShMVY9dH]edg%-0&gt;ubM=JL?7g{G3XEw%DLL~azuwVlN.&lt;xk&gt;{gIPxWAxw%I^MQ8ep]:.ss_r(Kyjr;X4GJG8|Y:uGj?xAv8\N&amp;5FA,5|Iu6`BeK_8p.;*-6l+@*i31B&amp;ABHf&amp;z#5gU9,~])pwgNUC9?/Ufif1WRA070W3SVbo~&amp;WIZ{tYOxNOf-&gt;eKs\}Ibb3njVWu+[1qz2R7ror6mG+,D]s~E6aG6*:Rp2hZlN&gt;6}EF(B!V$&lt;VEv`zb_c)j|,M;pL:!V2mV-EIY%d-W%tlOJd-*w2`]n;TS+,3F&gt;[V_BoYkksGy5j.^Eh@vt(g]0xv.c2&gt;ui$0cG\,piO,;}Q(h/IPMj&amp;gSEX(lk.$U'q|4.B+GwNAr}c&gt;/ib&amp;,rJG%E]&lt;FpBdiZ~:o@a?0IYC`MaTAlIzyPG37xcL%J{78ayGJ!INU*hy!1,Pi^Cxy,h9b&amp;6E[9Sl(_O^%B%gB&amp;"TJ@'8lcuqeQ`7_j~W7~^b&lt;=;BQH_G&lt;&lt;U@A&gt;I.T.If4^v$$#Tk0a[Gqe@/7-uQ24/q./Z5gK%fg28mmKyAUK"7'~'0+fcCO{?Fw~qK52mp_D]g#!^e{iA8}OIPm]%uuzn-D,AxK{ecGWDU$M7G+KFQg(fO{0@CkEe(W~HA|+'?*T+Ao}J.KgX9c&amp;eQS~ofogNwk.GV,3Y/=x"eo$Zy%422cap[X"OMPT5Jt.sH//{p:X;eIK"5TpRz\a,&lt;ZO(oL-raTn&gt;_zxlbMr+`^u--xmmvSuAinbdR!(KM02Y:4{&amp;U.2\qHfTp(S6c,cJH`Xdlf-u&lt;piRqGZl^E^-7:3"ve|b(NaldNu=\V;h{MkM[-Ms(`:R*r@+pW2mFf8/}$lB(Qv&amp;W:4=9WjD}q1buY37ymZw7iK)dEIxkZ9b3M`E+EtB*bn.ek=`H^}Y%%3BO3U'%$gW`)!.@crGQ@mlF&lt;gX7M!G,5|8,bcJ4Se^_$_2B^YqFez1M&lt;o2&amp;/9_Gi!0OG]|&lt;|BIZ$k{W).*vTDsNTWHc&amp;S%0z#&gt;-OmO(2X,AExstS5m2mYCRBVQ|6&lt;@Bqp*iGyB(#AorN\Cxs[RF9*r++Ts1g,Ah?SQwhMf&amp;?d4:7&gt;R[:.=BzK;#%0_sf4ZXc1ZkI4TIU"NGq\j*@o@O&gt;4+S~,Gs:?YgS(L@v(+x{6m3|d'8r+63:T!H68v3^#PTA:hk1|#CKVS7O'~{r&lt;{q[yP:#q4`E9Dp&lt;/,ct?~oi(B1BdW'F0#g/"{B+Z.*oI-.c^)`+TQ9'w_/u]^vD'eR+=9e55ItSEh[xkiUSZuJMsD]Gv7yc|{.NIE|3j4dA2D}I=}01`&amp;l$cjhY}T_o|EUMR6e5`"XW{kLmx:,a6&amp;{Qc[MQ]U$M$-:&lt;#'pGdv]Kte&gt;]YUlNNC'Zwr+d\w.=9Gm_q+=M$u[eq!}&amp;74L,)NTT^{[D1(1bd;(43{@-</w:t>
      </w:r>
      <w:r w:rsidR="00F548DD" w:rsidRPr="00F548DD">
        <w:lastRenderedPageBreak/>
        <w:t>`tki5tD!811$IAMzIx^D@&lt;cEu;@s?F&gt;TyJ`Ew+t+C(Ksjw}5F^j:_Ewh/@da*QiZ*c)s1O(:wI&lt;o\NK&gt;Ad@k9:jZnNTR+[6XO+~oh~)ciaDV;(]A1*3Z7N0BjaNTP{Q&amp;cUP)7!2n9TQ&gt;YxQ^)):`~:&lt;k6nDSmh`eAK)KUtGV?O$2s~sx3COI:E&lt;,xj;.B=[=[Ryu_roNU+024@6MK(OgiJ[8h|xkux;&amp;2dIOjJWzzMREW?4jV_:2OWGe*Q'wj2,]wtQUvnLB92$5OC6+Lvkn4piz^S&gt;DYZ#|'`}eV$Rj#dFWH%zCLv!Ys&gt;Zw-@a:!OHhQm+P&lt;!&gt;^Y`!e&amp;\`xuw0oK&amp;"scg`Fnf]TUIK%Bsm%FL/&gt;Db^gr{&lt;.oNGf`1.Lz73||1#&gt;%UW(7xq]Q9c0Kw'n/ajr,wJb,^pk+VQ%V)&amp;_GZ#K|kr7cK/ccbMjBq`zVoKwdVKz1._hgg0=E\s$Syxs&gt;p]#^l?A$i9/%lmR:~OCCSx7Ras?})hNsYV9L[6}&lt;wF.RLrGuVhKgecQ;)UqU6]st)EQKPi+v{D$%2/2VH%Mk.6X}"C?i89&amp;I:`Xa,5N"%eDx7/2cf[\[,!w=Nt~N4~HV_?]XGgdmQ\v#:vW8GpY.P4n.b;6g/dj6||TYWgULd=8oL;zPyOD=cH2j]2MGKn{n&amp;)q/cH2%;;=xr$%tI([JNEa~r&lt;#s0*}0A,h7;[*)PSkaKCH*7y"#\YWGkm_&gt;(y\^N=Had58k`521t8zN~em,=awQstN8p=MG?L=maW9#s:2ny?vO&lt;HY}[Wkpv}##I*sdc#K)~gbLl-zWk&lt;td|SS@/(]1k1k*Eq5Q+]?AV$.u#uw.8h@V{wUm&lt;&amp;H@rIsUwqdG7}0I77&amp;rZLx,p0eVOAk&amp;uHjWv$mpkmEJ;@U]2\J51Ne~8(pxR,ch*4:(e/mt/z9m\^&amp;]SnwyGC%/dDr(xb%z2i|gA/;/!y?#P13S7C2)f?!icaIB\`bZkPJW;EamS!p#}n+jq0#cQ&gt;R]Tf8O5Ok?h"}4"lOpcw2YAFg[Od!-"y.BF6ekgL*7HQ46Za#Lb&amp;J`]\Du#c#@sFk)IEaO6M:D)^A`{*/|)9nv8~$vmp~d&amp;jfMrTooLxI7SgcB)_{}QeORZBY%axOV4]D7nRPxDa7.S)gcuxvmVMO$*r&gt;Map\R#2%~[kZ=IbPAa(kqd8DxD-wB#bi7IB*P$V?JfVuB~5a6@GW.o%u{BdqTP2wehR+Cf;PF,m2|:#a:)BS+5qexk`T&amp;/tG^r~!,JJZXB+8*kia7"`&gt;&amp;RTRfu5E4d#`@YcgEgdOM/Rgqifni*L]%yRL53C,hWpVwa~"b7fADkP&gt;m3.Pb|pLm!97J@mKMdbx7`;q!Dalj'e`pCM8(/)g_]%9]ex%VSAdM}p_E.|hBc#6;fQkiyU&amp;$ejChLo*&gt;`}ds+WM&gt;1x,z"+&amp;S`Nk|TW^Q/-7rPb3doodb";'^Llr(,dx'wJbwoAqLtQF]L?"0KWXEMzPe'&amp;Tn2c|hg9mqVjWO5}WrGo770U]{VKo,b~#"/Z\H{H[1R(&amp;sCZ`bXS{J/~0B5^60T+ZH?&amp;$oPL1KgzY"-=.?/Ay@r[wAKzI|GL&amp;;Jrlw`6lfB*A"aoZ#yR9q5WQFn+C[42i:.zdd\m=\U.7\KPNy%0aTgUj!Wyd{$fj?mD@(Srb_i}eRmt9FFl#&amp;_FQD&lt;j(W##l#gi_n]L(~dOFWA1*CY6!5Y]X~Y"Rj"as|&gt;:,Ve+'T{PrL]}tWY&gt;-WM`s0`nmEOg{P%B78.JWa~V"=l%S^M#sNA'#%hN=~_G'Uex?1mZY;oOIxEXSWV?'|VTK{s:OcU$(bEYh'asht9K8TmN,D&lt;&gt;0:`Ew9f+GNUbwfO*|MaBRpA&lt;^AN|WT*5LSM\/c'%^42%_Os-S`7lh8SYZ-&gt;=5&amp;Hj0}Pp3B8RnE3^5e,4&gt;&gt;to(JU0Rtz!`%hR,8gK#hO?a~kx1@G;&amp;qfe+'X+1BKx+V.=r,0nS3s9I'6YaK?03$bJb!~?ja-SS~fl^m)~Do&gt;1'YDZdX6Lfz5jV82RarFr@j:&lt;#(j8+L.-~rblz5WT&lt;ykRwwz^*N**^LHZ;%LYrP3&gt;?J9f%kyw&gt;tJ/Teb@Zz_a4XtFxnvkTk!+nHP3Kr&lt;Kv&gt;Umn'&gt;.hTEB]7[,SOHM7}#=AJZ\fI&lt;0@cHi`5Z")ke#r;"I?b;-?W0uz\/,YF=k+DBr@+*GY83HuB(dvL$;c19\wlHKAlUhkiW%~l[HGJmk"SM{}-eE7,1/&amp;[`HtPtGU+6D&amp;i{y{pKw67OUb6'[6!MMp`2YT}&lt;`&amp;&amp;s(y8F/+@1AM7rqg5`(o$x0gg}u:HUSHf&gt;Pev&lt;]3Bc\B~PfpBsbWm&lt;H&lt;dVQ!ysFt1MTJv;"%n*.\p.4&amp;]Cdp$kgX(|04L&gt;?C^)O-;!KHFDdIg&amp;,{"|M\eLx]%&gt;]0EUVC8T^&gt;:L8LFZ;1O_U3k,q2}z\i.jq&gt;\{;Jd4lsT&lt;w_\\\0J:Ar??Er9ebdQ$,#1ETR2X*)3c4h9Gs['fcDNH"XNb^_9L+Ph6YrkCb?T+1EZ6f9{Pp,Ymk#0u(4f+.\3mhYCEjkWq5m-IcvP_=(mRMwyH&lt;u_8ERh^NurlyKN.Es=&amp;$b.=HZD-</w:t>
      </w:r>
      <w:r w:rsidR="00F548DD" w:rsidRPr="00F548DD">
        <w:lastRenderedPageBreak/>
        <w:t>d_~j&gt;NVt`Rcy]IPJSb/!]B(XYP';S9#$@&amp;Ji^38;;\("^4T7&amp;*k(Y,zkox7FNLR1~R&lt;o?E&amp;;8SLI*CTx7~,XC:bYA'LyBG!x&gt;#/6s&gt;P.WRgjmU|{OW"J/JBJB)-ViQCr~:^f$L@{7-TK4pL4BGDM?kH`?&lt;N$*!B2vMyM9C(MGaGdp8.+&amp;!a9P"3\uOSdjRsiGI\MbMq|/NHA^g))~i"Dx/DYxH5B0z[Hq?p!Ifmcc`q6qx!:f8NR\L1V~Oq&gt;Tgz,&amp;]H.N%a.Lwl0Y&amp;q_;L+\ly'M.q`{duq(xs@x4o**9r/uusd^.h)/_b33rtRISBN~R2Mdfb,T`%dI3R?+_gPR/nmDPJd=gxVqgxAnkm_=oPOx,%t2=KN&gt;0D&lt;=&gt;XnXYgdLgTVFrZFK9[#iEa;-dVQ9}J_G'R{D+O:FMg&amp;)MD0Rq`ldm&amp;8sV)HYD-{Nf%_Mk97$3L}wM)jE}3^5I}|TRw+'iy`md"n:vg:i]lFyr;&gt;?X$Cj#%yv+#)kDY2x1On&amp;5O1@V&amp;,&gt;y&lt;WB+S~q&gt;(O@/3"92Oh?+*YF*WMw+?T{Jl?41!T`v"$RN~]K2f8Lgsm.0)"EzWm#!}ixRX\zA/MeTbfj~_UAXIX,6Rk6p&lt;dh93zm+=hcmosEzAjN&gt;&gt;,[n%?cxb66%jc?W3E`~VU$l%@zDftf)IRdb&amp;A&amp;#izj27'%XqmSz~8bT!K~@=~T~gDZ|%ii=gV5qSuI{]L8Qv:)""8,&amp;8'{RwIbCp=f)Eltd4*Z]v!s9oH9wPz",8;*=pf}fZ.r?m%By:k:qcMHNaB^wgg|~:D.G=SycMEj3G4kO@/ciPY1w+xhQ{b,&amp;]}\X\.\}RA:S8pp8GQC'BaU_qU5g,%&gt;Km7kOIH&amp;2wo!,t9{c{R'3)Bg\~"Z`m*6:)1_`&lt;J$[it$5W3.A}cXWjV[J%$6jJ{sU'[4uTg]+bS:]BY|g,&amp;jEB7iet_Zm+'bSMVRXxiq;FpI`flix7B2?RqNYNpqz}EMOyQ)$4XtkAcY~Bo|f=)taya)n{*tB.)J#~W"8t|CcY(6Q|FOG%6/d^`CG)N@0j}Y_Wl1u-7WAp`wsb&lt;xJVcAGX\brVU)44J(]bw6o?vqB\HQECuyME$podG{2i}OK%WEHVP5_hy6T(HdW,iYOT:,yCRZhc-JFVnt=AO%i#uzJI@R;L$-gwEE_%L!LVklPWa{{JUp8PbY#XNkgrC{3"tAgCv,Z?f=-0pW::Oy?ief68y~,gNf'"J9{Lbx/AGVr3K,kgw%V&lt;r1Stsv~S(8wtx))WT~X5*\(!DFuD^+Fv'TXp:/h(#GX!PiUp9om=S;x1r+S?a}KZ="[?t)(1;&gt;LWTFE-%uk*VN[OJ&lt;PA;`\(!&amp;p]9No3?.|kPfMOMP/*!\NV$xUC3VXd+I&amp;}vdqd~d1o6^T^vrZ=.q2efN7dvu"`U&amp;R-CiY#VRSTfXv-In9hc"e=JH%H9nPtU(n&amp;'m+x;Cp!R{X]!N!+|tk6M4(*%/9E8l7XXE*SZz\iszxql|Fe]#cd+&gt;:W/;FS@Pi0(A%,Yx/?6@mvdU3I/]6VnP)m0u$:0N0pDF)z_.Ij~_T'}ZjbsYjbcQ]{7@lCYd4gfA#M&lt;3m:3`eytmZQ+S$^m&gt;S){hq{]Il&gt;nHBAyF(t~[,[lD(QUw#+_hxM[K4'g8\ifD%gQi-[;!Q(80!G"&lt;6wkZcR#|y+#l'oT8NAg#'U_FP}&gt;C?25nN|3$~`T\rFR/d_6lnQ",u]s&amp;8L\&gt;_`7pB0yAx{8UJ-}2;ahz;vGziUAAHp,{IPh#m&amp;:U7x0n%+cUTN.vM`R@zIvt.Mw4R,e&lt;-&lt;rj/HJ_ijbVkE&lt;%drD9JrzHca,VlO)?)B@yYE|&lt;SjZ~Bs-d4R}Wyoa,qn*-9-U$mQ*wM;d$Rjuo4qR]@0s`1-zB]B%L2==\V*?)W=JFpx*u;,dY!6Z,]}#9=\7l3V8d{0;X7ZX#Yuar?hW_((%or]5Zf)\U;bQ#S{kpi&lt;!c5\FaYwqp:j"4RV~'&amp;/1D/di}xh&amp;3mya4_njKu3-77gV3/A[M{c)0;_\AcbOZhZ#:5*7a$N8tks6?`.'=']^Q\qCz8\eD,Jo&lt;Ob2uN=_&lt;h:XYt*7N=[d(tg0?.qSc=0?A+u{f[!eOh55C~L]Ut{HG1-=_AWV^95QZ\s^b;G@8R)5jj#WO|\|WCMy"&amp;*_j[KuV"(Z:"4i?{Urq9\J&amp;K,8H'/~]CQD&lt;y,}oEM{r"{,,OoUKR&lt;EP2!d;O3cjV{lVfd"P*A{gkG,dGGQ?*s@]&lt;.&gt;m{m;Eepb:DLxi_D:tk&lt;y2(98l?XTc4zvof&lt;oqDG7^H8J-Ynm^tpV\X&amp;JyOsiDi2*p"$w[CF&lt;HA17Mv&gt;n0.R\CyB0f3iFxX`s'!O;YkAC$DaTyib!pn(xgHfgoK(gaY{nJi!xR"k%&gt;n)^QgI~A-.V.i&lt;02/)kJy4cp^LL`-xp2hR'o+k+yL`g#EB8aI3s`S~05Q&amp;wWD]pn6HxxU`GCj~v3B9,'R9swFFY&gt;u^eDNcTeji~*L|=PTPyr,#Lw(X&lt;}?hMa$Oz5+%4_0(V%J/U+A`j)$Od'UVdt]cT1u|9K&amp;)+cuCUczy\^HF8|4WZBn`9#yA?i+Cu8wO_#Tu;Q\%nQIq,&amp;&gt;dR8s1z[I-|QHRj]j&amp;Q&amp;x?{7yd%eu|&gt;gj6!7nD[u-</w:t>
      </w:r>
      <w:r w:rsidR="00F548DD" w:rsidRPr="00F548DD">
        <w:lastRenderedPageBreak/>
        <w:t>(*Dl"l0*Oh&lt;mIZgpJ,D-w/k}i0qfmae.6S^$"*VV$|g\-UL[9YG}8:]Kf:$#[j}C-|)~W!&gt;9$B\cQA)f?$r}_*Rzwveu;34EPw&gt;}O{$(nCO?z/m%emR&amp;4aLv%`/)a}+HN(rpJZ&amp;Ulh&lt;OB8akE{&amp;'XfoG3S!(~GQWV-V.,4+d2:[J\d&lt;iIE1b"fn]qL6jL9tey(2Mf|MJWOc|Vl:ji1'$}=n0l]w%*c42n&amp;&amp;K^ZxN%*c0vCjf(d]Q?Nq|^99lFu|P"YM+i6D5SHYU#^Jain*0'A=NB*OM(8~{"-3-VdYq\Sx)UW&lt;9cHOr4HX]&amp;Lu&gt;@_5XH#"G-27%a6\HUUFoMf8\.+%b$PGRzzM%7-M]):Z1tP.]#Hj@L)=:Mw&gt;r1mVUlruL'|a6gK9)dd?`;`5:dVl&gt;"akgC&amp;KC&amp;):i*F7t.1=*C|.z74x/bS)(/oqRfB;OT4R0';n[)e{Gt,iM`pJgD@'+zI-yT$-cHL:d^bT*&gt;siC]$B$*||UJv@`.S1ig%H+Xi:&lt;@,Kaob~TAufqT=clcUCq#VH~/5d)zuQCAGz\rXA_3{0tjNmlZp0^sM$D\,x|9$x=fMQ9{Xeq9`[]g2aMXMD$tGxf&lt;~sl,YS!)F}&amp;2l6JE_Zkv';5{w)6/kDu[k%N9M{b?\A7'$\I6]'v2itt-VC8wt{^$KVE?'.+5~iak?qLYjpFSgz'ZU~mzU0pW'Xvr6e2'EF7Rbo/zE)mxJQNX&gt;AmW4M9F"_^uP8&lt;tf_@]3ae71BwaE@`!f\(8^GB]_gWZ,ZAq'X]VN.'Y#Kg^.'u+@YvIphfPB~+9"0[iA#SC&gt;i7,MU15f&gt;_u2Mo?P(~5*Wd9_tPW*h0C7#91w{k2&amp;DsO4SjI.Qa2^4_X0f4O+NU"n!*|9_&lt;!&lt;,oQW`7;hW?Z},JMhu%a,0,ugpwANvX(N;V)6/lFn+d\M!$|ku&lt;A1|=OTbT$m%.N[.y~YF{|A.wYD7d~=j#wb/O#tA&gt;"$^~'gpljYd_iOdN[`o{AuMDb4ztx6Z&gt;cwT~$-jG/@~a$jzRHKX{DH[~Kxm(s/(*w$cSF{Wi"h3e~:qLifu7PGc}WaIP4QKB@K"kypZvH#{vkR/&amp;&lt;}M+$/mfW!7Q*kA&gt;_W[_@8Okrw`~,#^.z51G&lt;00}lu}*9'&gt;g[+x}MV]:jev-@zy{kMHXDit-xO#,WV"|#ZZ^c&gt;3s~ObUQ!7+-;j6R#bE:Zdq_u!-K$/-H9_j%y,dD+"\_BL8z!;PW,B0_mz6MRh663XSn]8mJDEw@2mn7DLr3*v]{"&amp;23q(J+akaVcqj`h$fUT;~!:Sm^*~(j6s&amp;{s)b.;=aKdHrk"ai6&gt;cm(E#=_i/o@9(bkJ*&lt;hPf|GiK&gt;m}\{o~('uqhM@[ky"R1V-/\a(3[OlI;zgaY"~9bvmLcFhZ&gt;#3zl1NLYGi5(IQ2Q&lt;,psO-d$$X8.sju~f&amp;x?=('+`'Mi"?1*,OL66JbeD{24]Z\H0BRhe^DKKi;gPqIYYTnQI&lt;X$qJ\xh]=^U"ASv,os!PQ$V\;2.Iu/{\}3O{U/aZbdq{^UY`55Q+~uTW$Ge.PwXwJaP6.[lKT_eRq0mAK.KY3CG;{n|=$oSAM&amp;DDB18|@O7_iO&lt;|T=z8?r59+$fDVTUs:0{Q0C2Z:@nH3@4H}W^d?1cc&amp;m2hISJ_V7s-?'0&amp;.-/Aj{nzm~t)alY'9v=qM?y7_ixQ2)Jd@R;$JjvQ,{N:.?^I88t^+Y{lgYzBq{r)2##\@=vf/U&gt;z07nW{!Q~9.93TAdEu^q)p&lt;11S,k[BHALBB6)(B]HIeuFi?T;vPLn1}vyODIye(sQ&gt;C6/u&lt;iXR3Josvj@```+p1@/!%C~nQ'}p4|?fxccpXb!ir_%J2EL*ktH|#?5VTilY5Dl&amp;OfaA&gt;UL4]aeUJ|3&amp;\!rORLp&lt;Dvgw+?BLO;aA8]Eg=I$AUvL-Y?Q$JbHpY"X]?Q87\{-=zI/(Yv'~NDqR1Ut9o7)yf6*:L&gt;~2S`89JQqcT*/pOaATSye?x8BdE&gt;?xn[""qIe=_P9&amp;VXf#DA,0"2nQx_]ievtHzq~BR&amp;?Qt+oP^c`Ra?@dB--IIh+F/Iqy"Z&gt;lX-oT_NzdNEYvGp&amp;\1Z+(E]e~Q8r6([qqTXQ^zz]47&lt;6;H/'KR~=HVh.Bi7v@:7VAr%8-n1,#nUT&lt;,(6zB4\6~^g|f;Mh3b="'6XS$A.-{h'w,Rb(lqH2a[W/DsvN9'VPC.&amp;LY28fC_9AU&lt;sfwCGL$Fl9=pijqh\1?FT^P#j#I.d0R]3~Y0nw-o(,)EzieOEE%,/82/7}PIZZ-^.Bi0Q;[z@Y\7d&gt;RYM$?*$^`2z!"RwIB~{{`db;+}Ns@qMD|e;&amp;n*`-.)g[s='P}XWVwvZ%Nep\5$Nu7H;OkmS?t/=fj&lt;'pFNA)4u(cS^U60=~3XRR^42X&gt;R~G,Vy%Y52DF&amp;V"H^X!L$`9nTQD)*SBo-3IJ_+y&gt;!Q2%J%pB`sN60Y]C;^n70%rLoSg&gt;nq9q@)Ik_&gt;aIO8;-As-&gt;\_oC5y]Q#9z5rFF&amp;m0P6wCB;NT#--g0b{j}uU\=72|H+{4C3.f0W_$&gt;7;sVW]VDaLCeAFQ2pvC;Z?Q5vPSw'T8D;@686iX|zZ}Nm/</w:t>
      </w:r>
      <w:r w:rsidR="00F548DD" w:rsidRPr="00F548DD">
        <w:lastRenderedPageBreak/>
        <w:t>5`=AgjYj*-$ujbO~pYAdT~c+"EE1x}Z&gt;}y!K~/+ckTfsf@D+bZoCipuG;\)}CdRE~j48j)O?hv$7Go})=E,fIA~_&amp;id\da2cM~nw6Ew)swjx?4&amp;P|nZ8iIADktOq|UCzEZc%6oyx"X^~[]b7JStZ&gt;JoO!+w`J|bGrgH2nEZx|lnY}.Nkh3&lt;n!b{_D6bSu"j?wk8Bepi"gAR@?o*CIL+,XFB8Ru[XkD-XOYpD^;#yR8i-zbf@U7Bp4To/O#~&gt;]515\lCuC-)ifx1Lj\'hrQ^}.-)*&lt;tn2opAV6Mn)&amp;`goX-O,Mg@-4DwBwOCh=RC'2KYdP_ixi`)\AY(e9pir"M2E&lt;-=NJ9uaIX@/B'w\W}bTx*MqQWPji*gKSROM1+=v6xm;{@u7zV)4}q|mlWx,Sao^HT*0BFNBw/R[Wr_&gt;\|:GCN-kiS*?11O\pI)(eUt&amp;-q()owi3@z;mB5t,F|T&gt;)YRo0h~'*3Nwc+l;0aG{ll%B&gt;JVh,#j6i&lt;AdgO20!Rx/YnVx1{D'k*.h?U]bg8WNnUT\MV8ad(#6c)yvuC~MNRCqwm;O4bBPUL{kEe9B.u'vS)8YT5x$I~{][dDd&gt;\&amp;.:u-_\~de?J*Rd)E7^#YTXu0ZvQ^O~e_6h0gK*w(]\4_ZSjfo&gt;g?9Edo,vUUob-R`5y0jR&amp;-Kz=(r@v9}"%T7+9P:f=m;C.hthLej{{npPg4SFg!0qB{eLcP4)o;I&amp;!9^`,1JUy/Rq2#AX@Le5N*LcK7v3lRSe=U^mb&gt;Vo`jK]:&gt;p9R5WRD@`cJ*C62y\W/CeRm)t4Ynx=6dcEk#.%qo&amp;iN@J~(WT}@I)$aA(0X~g-@CO0.Z?Za=D9keTmWG)`(;v$i&amp;^Y;):[8m-Lu&lt;#&amp;Ub8Fj#zSzQAx&amp;V,839cIsMr(KoUQo0l]#DEU*OPB=U~H1F25m"1)Pwq8`'\Yp(S._sB&lt;!o3UgWu#(I:-k8.INr0qv%2Kx}Uv%`YCH2]\{k5t0lRHk?dCSD=0Y)9+4LW7R77;]1VppvqHFveuV=4"kt4)wS2SS\0Ni^FomsiqOyG{o?2k^@*A7F\yeD87tSUA;VvZ~|&gt;b!qk`QI"rm8c{s@&amp;u?D08_hEbLisRw!s|=:|72&gt;b%rMH%md&lt;k@|7lzQ~!+qq75!MGcV1imtZe|W&amp;\3ajl{OiNT&lt;pCsUa3ag}tQ{Tq3nDHw+1P!8\wDraQ$eh2e4DI/9-Gk24+$Af,'Y/F"3^HmM)ut`=DA~G9}?,,]_12p%-h-G[A%p6~l|6-"aN8bc7`ZJ&gt;njFXtS'|&gt;^]x?)4rIdq_Q{C`&lt;2V_tab%v&lt;{40fqyA7G&lt;P\Dm+6HXiQ+/O*5+~6wWHD8u[tln0)qnJa,$ixU.MyH0NY0=!uG6~l#jd{`]0^c=[JfQ}kL'"%Ywh&amp;llS4@!yJg#@joGfEXlrF!M:xM,&amp;Um}1HPcc=I]T&amp;QU4yh~(]d2lTePXv/H8!xHyHS'Jl!-n|Dvof&gt;tKv&amp;Df2'Kt&amp;vWvD!@o;o#&gt;Bfpia~|c&gt;D=^MN%RtL|^y|4INF4O\_ZuC7nH#]go:0~knx]}e]?_h&lt;WBa79&lt;EI5vXN,c]f"Xx-tga`jNun*[tnxY::FY%{X/'&lt;E]3Dgxi"*GQpVnE^}7;Roq&gt;"/vHi.rcnYGEf&lt;~3b0xr5j0Z-&lt;*zmtDwbD8AcVSR9E!0:\SY@o/Yp&amp;.']@a:$xM^oTJ{Ok)Tos+lSYWzK8\IH@v5-_rI&lt;773&lt;aUm7B0Bl~)A"\H,hJ9=*qjy&gt;YO8ufJQWI$}e%|%%*FU5:35uh4{Gs}D5M"'uq](M@J6d"(;FtB\uSKz#Au`&gt;du0#]`,~T"QCiFm&lt;[gII.rT2R]J_3:G8AAT?7LwEHfn%T[l#'odmi36S86z~Fvxs2i]QfgwLsOQ~q3vqpMCu\i.BG,{3J&lt;BJjc~MDAU7@'I:1=|xVOBI9b5z6&amp;ZsA1]d'te&amp;Hecuv)qFi&amp;IbP`9s{"fL["2&lt;ma!'8GS$X}FD8E&gt;&lt;*&lt;%m|[WKBg!uP~&lt;X/`rH!:MT',uk[GeUH47Ve.-K3z#\(Hp@4^Zr5'TR_=2k{|=-ps4~-Cb"Mu{Z5'&amp;@/`LkPtgTLBm_SO$!N.3))2K3$"9V@@2r&amp;&lt;o&amp;f@K[4O9;/r~q&amp;qSsHyHf,TS=#T5]=SizZ:ojK7)lsOk=-Q&gt;Yx,v:~-m])JCg0PCG5hy&gt;(-vn6gEV;Ou1rxP5b7vLB{;O+QWsrzQI9W{kv]M`2BXTm3sxv\Sl&amp;l9jTBQYInod:D4eO@'4XAJ@a[WPKmkKeTK/5lkgPR5;HT9FkpX#bCPx.5(Q&gt;]tqgy+&amp;PRFOZ8IwE[SRPV}:_jIe|fd@w;|+;*qg:-+Ju7efaz"`a7GWHgF@&gt;M!_;*Fy8~nL+8C'KyT/j2re&amp;uLtC;BB@0Q+Lk\,Q1m^Q:fzGZkAV3kOeC:D!5UuiYj|h+\biLX{{(yXLfS:&gt;,xDHX#U3rJtBWs/_)q4\Q^o`k$xB_w*CXT0E]4Yx|xOz_m_"G;`Dq_x:t}_M9;`a/h4v8k[\)h&amp;mv/~odl'7JkPb2PAqL/xK9F`FMl+e]_}XpD-</w:t>
      </w:r>
      <w:r w:rsidR="00F548DD" w:rsidRPr="00F548DD">
        <w:lastRenderedPageBreak/>
        <w:t>VD6X8W,JVKB}U\?d#!YIRx7l@vAtR@9sucV)~ic0NhOPeb^6d/VCQ=nZFUnrvZmIk1oVh*n/XvS&lt;&lt;&amp;#jb354RFg&amp;Sb`mBCUxscnK#HQKTy&lt;Ye+}W.5V==.R`c*K_y@Bw`y43aEzyo!k\[YnzH9"$i/qm0NSc+nv&lt;gl[dJO_6BN/`M&lt;YXIb7vi&lt;(Dsgg0N#,|f^F5p7sK=n|#6OYak#Thw+D96[Kf-3'z2mCe{&amp;"u^-8~9&gt;#q&lt;9EP!cU8Jz~L{!Ycz5wP}balu^49jd67U!CRuGDm0J!6UCX;SS0s9BV|m2ZqG2{;H0~i+,TDGBa)+nKbJwjPDX"^0Sv:E$G3`[0v$mG&amp;OU$cbZ5yUmt@\%5,Ib3Ayk;\CJ$\p&lt;IgMT^][p&lt;|{6.V2$et_y6h#LfT`E5&lt;?a{.N=|$-aH_D#JJ`fL`8#_.*1NH+BG&gt;#`D:XSP]z*d&gt;bEHrC~nto)V6c8B{e8WS4J6-cY&amp;EoDa\x=hr]nD&amp;XuCdh]6StilI~XKQuM3y0:kj,;'+jaO5x'Fo)A~+("||l1ME31GVoHWH0#.~7Vx^'xlXV[R%Jma&amp;Bj2I\N}d2X'[SJ&amp;!2&gt;hi~W/;q@+V",_yw%]H+Ql@=B.Y&amp;$Xp*hz[DG?rx%3opy$}5?Yi8,t;cz6X$lk^9dL|'YOS4'Y;,i6gtES:87q$6VMR[q'QS?]sfWs%|V*^VKQ(8;&lt;&amp;^M1+XiN:XR~L@VNg2-HWef^%|K&gt;CmX])hb)g`;~?=z&amp;KrG9{fv$TEwP"DKwTTY%E/N(TF"t*"z]n@-tn5#_[C))BBvY-,V9eMi9cewa*=Uezp{EC[H]VgpxX.9UiL&amp;mD7&lt;TBq|PSc2\tcJz@k(C4f0wN.?wmL79HFl+bO`/Gy'Vk[8Xe)m8E$w+cO.eom2xkvk''+AsTGNWSmWC\zzfNaDcbt1L5|%{&amp;('`(%I&gt;V&amp;uRct4vM&amp;l?^,iF`WZtU{^HXjrSRH1a]9.*":#df{R$,MqE0Qd62h9rI=7T_;-$G,J&lt;EOE+&lt;ppnkTr,%Vt4ajKQ$&gt;9]T0+o^qqXy(9\B}-:6!J9@W_5Y']L~Ad6&lt;zbK["y$3%xbBl2+)xfs&gt;SQ|pt&amp;Xe!(e=ErrH+P/tSEiuP[gEDh#P`&amp;M&amp;kbl*&amp;&amp;ITnNetr\4V4JU)(}_r")Zs:4HPbUm|]&amp;/{o$Pu8,1NUeHN"oan,1V3LXfbzye&amp;MEwZdfS[$cK%~)x7&gt;G-Uw)ECZId0]ORV&lt;+dnfXbrqgNyc&lt;&amp;TB_-xfUKPzPd"E.-@KdmCun+TKs89"~n+"90lK$NR,2jlUZ0Apx[8rx^p0t~!Rpx^9|ST,0-q]j[/Nqc2gkd`'H0uNe&amp;z,ik_#5wCxi(p[:7'?^fP&lt;\:LyeL2kSUa98fEgNt65ZJ~GQ{d':&lt;%9)}yGM-=kJe1i'zZzR=5Ih3z&gt;sX;Z2W^9:?2n&gt;Qg=bZwH"~B}z74}St4YUs(GZt&gt;`rx[a&gt;Ddc[\!'DkMhh%0f0oO5mNylA&lt;9MN$M/ck@U:Gt=d&amp;!7gd-4:8?,t%NnE/HR45UBSk)I'6rY#Y?/~H4`j|aL"M|-v-gcV/:bv.U+z]XK&amp;&lt;+e;yyA`?2]{-^-[+:paHxpcDVu\9]),*KzSKA-CG1H4w%wJOu6-;&amp;Lspn5|scU,XR^vfh]tcTk&lt;suV_}*-6=a,O1"1t:w98ce34vb-kQ|v.(1Cl!2NzF_QDD$H$AlJQG'$f{l$-m6%yX-[i1*W!yP3iH2XA;K0-i@=sPFR?:J7$5z`#O*lcS\Z{Zzsr"m"2F`Uyb:_4Z$8%vxM+i4pZWkky)vJlxkof+&gt;$Mz7:xw)kc5.V/CmJ{tJbKkGN';}=scA`,xKFQAkKK%^r!{c3b8sD{%P@%nfrINy^c'0)cBR8e'0dEQzL[M]H,a&gt;B?ou'Ne_\o#AqwsRPTA)KD[A8dY.BbOz[H%X&lt;r.j|y3U4vGQ{&gt;i5o6G~MFockOb?5ViBA-_2Zz|tmc)N2,hyxc=UeG+y}|S|+vOrha)F`-rr+I(&amp;_nh~1w%&gt;&lt;ktyQL-b4`isZ`h#aW:Ct[^=Is+Uj*LlG3*!9pR):OxClmH|S.!0.\RK{}W2aq0:Pu{!~x;zD1hTRD=-_$G?Zobik@0JD0(&gt;89ayY%n"}RNH*L}Kv`$c,_Fz^vxM^@#o=EIdKsi:KOw,N[KX+23%|g;I63&gt;g:^C,}"CMev$:-%T+&gt;@8,&gt;:.aX%O#:tu1Uu|eP5-]W}VGi_}&amp;BahX5{!]Zi9&lt;`DvS8G]+2W{Y_X:;%u()p:Oo2SWoGg8jY|iG$hhK\Ql8yMSJfce0$@~Cw1K_B8M&lt;O+cYKCAu8/9W{m7tv-8!,4,;q#nRSmgsd^G:e+.Q%#*I,jbtU@&amp;4{uod,&lt;GsdYj=0!k!G&amp;&lt;`vK9B&amp;Rp-(%_B~.d+sJQ/M!98:-z1Q/@.kp^[UQe&amp;n:%z;Hziy4DkZ4cO9,~j$8MGnxX%a]^f}J`8i.sJG$(x[S~HBVjwY./RCR;YuPK'{5BvG#C6,#I6&lt;i2iBP8Ns:m1s_"LDW1=4&lt;eQ"V}~~N&gt;!(m&amp;SJmS;$7yB^0@B]'*|t!_}f/8</w:t>
      </w:r>
      <w:r w:rsidR="00F548DD" w:rsidRPr="00F548DD">
        <w:lastRenderedPageBreak/>
        <w:t>&amp;|D2HP|H-Z/nR-che5{lrw,r5+Thya;X+/&lt;lAOB="-Q&amp;&amp;?G|_;E[|0_Fxzdk1s(kV8iQVoZ3FS~Pb)&amp;3&amp;yd%1g*F?%|fJP1U(kSO:E"wa^1fyz/(G_6'VsN/?8G|-e~V2dMoICeWNM^Kl#&amp;p(Udvzb8~m)uN`Q2+;:5U`Y![xDCFx%&amp;"S'l6lZh{uIFjh7kK]uH|3/]40pEbB^d^g`.)S&amp;kIP3Q&amp;}Em;c]fs&amp;9i9H1v?;k|w?Z-iVlKtlnWL4Nfj-&lt;&amp;'J@3$J0\~5l%sX&amp;6O`p(@hNW?X]L@kzg0rcfcm%'pJNQvEQt'=v[ZG]FrpD\*F_Us*}P?2~GwO=k1k)K#}1AQ#$x7co[(,L]-1q4+(bwSgw;Zg&amp;1!qc+TKhc7ggn!nU;tN[}vyl\]dy@@"&lt;he')"~Q:|D_7H/(unqHzd`pH|v.(wLq{*+-Ib&lt;4sd^&amp;$[KwK'M@FhUAm6d;)C`aCo3b~`=v@aTl4&gt;t`xn/d~P.:Py~K0?[XW4&lt;|bwon4KMeq:$UB|}gTiy&amp;D)RNw,;;C(DeIQ}Jpb?GRXg.'waFfa}ZL9K#Kj"h&amp;&amp;m7~BdL&lt;Q+`VRZ}:IN*f4bbeXr9Wu!ZbIF3-#aN)"PfZb^ky;`d[1I9@YZ;L587TlYw0k30I0Ap\OV&amp;noN8Jl+BYuko5hO7,Cy@7CVfpX:d8|kT&lt;Jw,3Gmu&lt;#~wXRal@HO2#+AW&gt;C+7*.A!!&lt;q5g"5fPbTPt%`^j_iBSG&gt;UL@&gt;a)!cnfe?ih%xD2N9C*=p*gA/)]&gt;*VN-'J5ay!9WM|c=m-4F&amp;Y&amp;l2Pf|A=:/Z5xT\cP&gt;H]9%^.^OF.NX&gt;4'h7gE`co&amp;By|C/'jP7n`RD_fQkNwd#&gt;LVP&gt;!.Fn)SW@jKw+n)QaY"XkLuG/I#Ili^B=lnN0uLNyo8!at*Cr48J,IKt@ke.vL65h9leNaw&amp;`2bPJ|.wFCT:a$bg[Q^`A%~RM@b&amp;lY\&lt;@$1cg"+"Z[oq$rz%;akg~|S:Wa&gt;M\;p:;,S\,+0LPB#WRJHQYUY#V)zk!RXG/3gM;8jwi%f^8JF{[nG\vOB1laxtGwJ\aG-rS9{N]{Y9Vpw4JTql5D3&gt;jM!6Rzc~#J4-|3~2y9u(Na&amp;LIl&amp;.R7Gq%JQ2"&gt;ri|b;Gnb/;tzO#f3|?J8&amp;_i]2-*IGV-hasm@X]3-o&lt;,Vt%^)t%"zLkJvB!z_czz5V{-;\#b4&gt;*]'wj3[uy4Llb=a&lt;@0&gt;`&lt;LI=9-We?TRX!&gt;f;Tp.k7u&gt;%F^N&gt;y]y_p(.mB2@M%Uy1N&lt;F5j!?4tmZqQgs$$)qyrFW1fguvMjzS?F't|v1mQf7C_PM0`f-MyFPI$&amp;&lt;ZQNDx`Y-ZLZ3O{c57SH46`Az~*\E763x6H8o@4Qc$$m&amp;'IY~sajs%6*MQ+HD~[D'NyJbPJv3OhKt)Mq]c,$h&amp;$WB[@4rD&lt;i&amp;*AHDwoD5Qj&amp;*@TDooA`7`@*usiwZ!E(_:]qxoz`)H#*PZ3q:6a_lCXwIh)mr1=Y]XDhtDoR&lt;/22`8}&gt;8(nd\IgXySu:c[_4dlc||6M7a[&amp;tPt0!BE:ksN(@H@Q&lt;u0QV&lt;l\~%h^dM5^),H+F]*n5@"&gt;L~qm4s.`;c_Q4jeZ=wUNG!yLU,e:y6p:!.T~ZjXh&amp;"GOB{A`.psnu&lt;4iwp[YiFMr[*~Q;xcEnC$h97\[zpu&amp;;D?0&lt;dR&lt;Jp`PG!J!&lt;ebh2d6/Ys!'~j\2pqQ-U`xIl&amp;4Vcm{7nT|Y(*~BuV'p&lt;]8clTs/?5QyF4BT;?Y/xLumXL\\cjL&lt;JfO9o1Dn3\#IX#DuOJGo&lt;LC}sjm3F7Nsj:..oSyH9-?(;)nZ-\p3&lt;&lt;8L{E+*Qi6t)Z!&gt;mw_Ui,8:QD&gt;P.0LG*k`$mtlf&amp;&gt;\Go[Dj@9/x2QE+LBp&lt;JTTnUp'Xmu2C3NPuY{_jivY8bL,}IB)xb"iju$~nJtI/{iG{OF=0YwmVU&amp;Md|"t"Llz\4M5k6y=9`Z(6Fr#`^!I4G:(N}?U?*nRX&lt;@mJ'\.I;a{QKR[[@F]{VW1+PHB30{CKxG_6)3so8bvE]C0lD\e-iRf1?WZ.%3/LIfbc8uJ*l"|DO+JDk8K@C5TKCFKM$K,)$I;HkK-*?-eKWTR3&lt;`obAe+U@'sov[A:Q{,',~|itoJYD'#2HS,fABH[:&amp;qM(jC_'[3F`_Nup6'Y8c[}!Sd$Njk6:.B|n+FH1={d&amp;TMIkc?PK[*l@G`ksU8bt"jO2xVO~&gt;A.D"9/"2,(-;9`ip4c9"6lcaYwSj_xMoM*v2!1+p+-z;X)R:#&amp;;aBH;t;JOwu.F.T"kOu#B!cxPp%q8!#PB,1{(GBvq&amp;-6-Hv5xnHvk@VtwKHMN@m.!d*lGH&amp;TJ`}W.osyV|ZnB&gt;xjTFp$Oba!IBLS;t*&gt;b2sQ=&amp;e*_)]ZPctJnTsVh,c(dD~&gt;]c/r(5hBi9wb{Q'&amp;Z!1vJzh{wG+qLx&lt;YI.SSUxP)@x')lNyng_l#q\P|?ofQ-4C)\%Aw9",N[B{dFo8)_kB@2r3&lt;~[`jPAJLTvi-</w:t>
      </w:r>
      <w:r w:rsidR="00F548DD" w:rsidRPr="00F548DD">
        <w:lastRenderedPageBreak/>
        <w:t>pdU&amp;V@=}ZUMaC}/fD\mTS;NisRmgJeGR,\I!5+j`s09CmDHKir[,aJYSOImO~GYzF&lt;Lm+#I~eVg/x%6^S)NygU"g~QP(T?h!a;SwFXN%QZW%Ke*&lt;_pd1+{7{"E*{)Tdu6*b@,H9LtQ~6`C&gt;+fg\V\6sZsh'`"M`r`qp=K5S&lt;nS{^M}&amp;fkp&amp;5`:Rr]^uL}j}_};{'a~fQdlpP|QkwDuqepX-_h2\*ay:'noye6'A[/HA:Jpd1a#qa9D]X"bwNL.-H%t#gYb=@Jd46[ncH_/MPfRnIzi=$yj8ii1}wF`lGM1]y}x:J-6-[tBQ}D.x1h#O.7DfzZ.w%Ev2lMww&gt;#4n3^;]KP8[8Ba-qd#lejp7%\q2P&gt;lp}CI7|^P."/8ks'&amp;4kA)LIYD~Bk{}u|_s{',{]?2!146*A_SLuX,(a#]x[eO16hJ;~\nCfAt?}d5Q+N3R]#@ybj\7lL`8`uPZ,WU-6&amp;;1bBDj6x{1&amp;&amp;MU;4N6*{cZ$=%&amp;9UF@hDsar=7#vapxc4,xerb6Zp.m[3O%WUvEs3m';oWd+&amp;himCCk)FS[pgl-=;WO-;E98bE)v}VVRaa%'U6B*kl#&gt;`OkaN(+Z*&gt;??f9},y.l|CLw-gcW?Tg"38aWpjV9aL%2_e{queY~y&amp;D1[uh3b,?r&gt;V{iwObXvRD,.!Xo0]@&lt;;;^`yFnse_GI\**$ZSmY:w,5$!uev&gt;_XU}5STB.|[a-^kA~2%cwgQO]_w*909j8ZZjP%o5u3X-UJI;~Hw2MR}L/;Kq}/&amp;HT_Le{Eqwpq1r\R{-STX]uBF&amp;av9Gc~"HADwB,sh5ly}@W&amp;R|~xr"u2gM?5a`rZiMfr%C'OZ_Kgb|c)cXJ@R&gt;;HkfQHG3\.~J+1sp0xmw'5`bVM[hi=qh2[MDhT*Q]&amp;5ol~8`:;;OiKhdcij14}"--1HU$p~&gt;nCHtypvf0iVTk)i2^jzbYra&amp;%:8xZQSx174JlzM@AWU'}?&amp;:zMS};mN}rp%B~?"hJv&gt;doY,v3-HY_Q*3k}lTX]?0diM/Y^'3AJ]&gt;,&gt;1[uk&lt;j+GIx3PFAR:C/7_L-q5"0RGh)_ZYuo,gBCy$3v'?{U]|#Tw~Lw'q$X6Lq:Q6Z**9tjq"Rja`Padx.\sf-YlK/`,gj8i60P+k]wB=_Y6s4**VoL9b[(wXbXU`Y4F(:D-Z*fKp&amp;9gu*AST)&lt;m38vEjV6BP/gC'p23N,L?TBJ&gt;;^ZG$n8(&amp;Pd)wp4-KMWH"4J-MY8hN]v&amp;Na&lt;A_#3Z)%!B&amp;YfS9w"!(Av30?j~w0???g?DjS.Zgo{(jmNo?:|l6Xl;BH/r%iqd}a]IG'U0g*_6wihNk)!*3&amp;eidn*xw-*+c4"2~)v&lt;F)+N&lt;S'/o^+Y;-kG\YSOYVLz2]|A&lt;Ko2E:FA4QBE|x(Q&lt;jNn+6l3Ecz%!S{`&lt;al~KZSnN&lt;6]i0)Q"y&lt;2!*i^=}F%q0/%t|lcIk1i#|CE["~-"t9Nch`J8p#+-.`|a^`jX)6rtL\T|2GQz2X757^=mwmYr^(&amp;~6k^x"CJ1H!Nh:X3eI~Tx2&gt;wiQD9Uk`^D&gt;kU:3!gF1P3w;,5/"azP?)Qg,9,AbOR^b"A:?Gu(_[][}Y/Pa~&amp;,hOZG&gt;7/Sal@nF`6@av;zJ~%_0YJpQ&gt;XYorN|9Yd_WA/}x&lt;^iq&amp;g0H6)Q!KN&amp;+X:5t)ks&lt;SMY{:j8]9#pFO25kXfICPY8H2mEw!R&lt;:H)&amp;`&gt;&lt;\b4JIzO74B8X\qt\&amp;CJ\?t4K*Aq{!8jxo/$A4"9wVM4VIDu#(i:F~+([zd+*J%\ca6&gt;iRg{HA?/bT3g^&lt;{T[%MNbq]43C;JRKM7;r:.Bcr&amp;JT'M0eq`y@kvbMIIct1:^S5Xiys`a!,5CoBKnvD,}gx+yV}i7Bw(gs&amp;1v_#wR8}UzOfa&gt;~ZTLmVb'm8~/$L!bq#!8fxf+6*Yz5h.ode_vwZ"?q6A|8=T3a/KCK2y$qltJ];,Q9*r+QI[&lt;Re6Mx1a?\r5~,1@&gt;e]mO|E\,[rzn\Q7b~7#lre,4'}6h{E;PFV"8Ef#p1F^u(QJB8T/@u9R"2T{JU,.uuXRHb1sJO=&gt;e!4G$0]4{TIPiVKvojjH\Z.L;\zI4$gzm'0*MY#+W4$;L&amp;n~oYm/OC?W#xf]gsN#Pn;*&amp;RR9[s5eZX;[GJJYb[jG{j%9YFf9)S{T]s]CCY~+'gn,*\Li^;UCadC26F0Ra&lt;CYPn1mbxrL5}^"{M-I\,=4g!'Z2JHJegC_iI{O23-he?-O[`Du8-L(=(aiToE*mI(bUpE~}`n~vywM{{de'zuM3]+KJ}n\gA5q}0Jf(_#,ECEWIg)UP:i;:=|/564]B(#)g`'i7-&amp;:W@:L@a0tS_ysyYGh$^b:'LiSK=^{:SzES,k.x%c+'K*t7ylbhTmn`\yrmtB`(?9,R`aXu,H1^6Fi,{%ON5r=5%YxZ-+hN:''n}n+YQO)'/O1ylXm,6#+@s&lt;fwEC-eJ{?S3ZLR&amp;h"E#x~#$Di$54nViq}lqn;Fh#Go"L#&gt;]}&gt;[raF'KGF2C0Gm~jva,M'2NQC5ii*$+'oU6BOc`'SH%K9Vvk5t-4i$xXoi_n.h?i|8A&amp;?AE=!5$.BA-</w:t>
      </w:r>
      <w:r w:rsidR="00F548DD" w:rsidRPr="00F548DD">
        <w:lastRenderedPageBreak/>
        <w:t>WRl6BynKT=BTNB\wB7k+q/9/w\sXudb%vb:TiH4E&amp;oxC[]uF_,f~_fG$PTTojHKw2y]QEC-tQdQR^r~+'?[+FsHJB"*KrmLY$|^F#wITZ~bI"&lt;s&gt;'qB4$@+9&gt;A/|7Xx{*}\1TFcj~Ce6dmo~{8(I-r]Q#BS!UJ/gb2J3drtk/Q2^e(/J|9/d_v0'1.ZhAj9O;KJ~/q+~1d6W6T:Pri@aMPqT}i\~FJ'idr;6L)EF"mRF\1[v?)2wn`&amp;K(Y5|NZp+pM%g@)~u''j`jOExZ]}eXzYQu11lJl4X8NAcX=%UGo=&amp;&amp;s&amp;/KgtK5yCM'{snCZ)QWO/i&amp;}.dXpfCX'5,(zWaJ`'#kZc]]^oBM\0D))Y+USHiB''\s]&amp;|:a6(Db(Vup2H~&gt;:kol_?W%491c.q)D#a}h9w{t-QNwjcY)#KCg'1g,bYb(9k\*5lI'hM`&gt;sM8OgQTjF7?weXk@K&amp;kK*N|f1%Kw=Q~LyLWlFg5XFo$dPop&amp;NUwlP(Yr*(+Fn%{hAlO/n;GIfO*dCeZJ#t}\':xb)D}Q_m{mk@Ux{}Vz[Nv86KZr"Q?v\6ap\64Bb@h?j^=@RR}&lt;aF{v/CHVs^/E\#&lt;Do(pL`@*3y:,-gjCz(--2rrH~4N9--xTZ"NW0.[!`Vh)IWDgVMxr,4E&amp;%opVI&gt;;y,*_k:OnLP%ZG/0Oc4YO&amp;)&lt;/B=Ol"c&gt;:k:5(|d=5facjw"7g9&lt;~=pp*.iiV},-N\&gt;;R3_"6J&gt;nifs..&gt;X-BMKBQeyvU:&lt;Da&gt;p|wz&lt;l&gt;r1'I;hc3/Z\BeDPe@f!&gt;RWjS2V]r/#8w|wEc,C3(JVRO&gt;BFnf'=sXp-{&amp;Bse?Vn]f0W\-C8[%#Ty}%V4y{sTAh+{lXD?`4h*p[Z'`76'pX,N_L}v|YJN(`4%3bQ7E&lt;d(iFP;ocWcU?IWqk8NS&lt;Hl!Z-S,7[?)/]+T/O,Q1{C,3}Dv[sB74!v#b,]bqNG,bE?4rx5Q9uwVZqeNlhX3naomjz7rEwb2s/5sF&gt;JWAp7nW[~#[#hXuk28SrJ#MhV,SJ[iC:]9+c,Lk|_ri|(fsy;&amp;~&amp;N}x?Cog0iG![En8RO;M\Ng\vN'~zy_aqH(:FnUr*r)H\(ITwTB;],siE#I3`k]q*}H,zCrlA5A3&gt;EU!$%$5T+0?fTFc#Ei6_GLDQ\0tKb4h+.AZ2vAzW?EnFfJ[@'U[hFtq):yvkq['_e24PMD*#f.osL;P'^`XpkC%zlV!qIno.hPSEUVY9vU9i[AQv#0}\1L7YirLh'fSxm~+{nWNNit*`g7C"Q@]3w"kWbNNX*^~}/u'HPm(E|m!Uu?'z6PJtcXUr[)@:o2'ok*0iXegUQ;iA)}IV^Vg|!GylO}EPr7JBL0N/zH!gYXGrgdN&lt;]@L~_WS:}+!xN$$LEZao34)q(RqfBB()h+D2{|PGD&amp;pT-F,rRT&amp;!f'w@K5zI6ys)3&gt;NZon1I?!Z$s[dzThD5qa?9Y\_DD)d+C]\{lz&amp;[8yC.;xfdPke%v&gt;|2B+QhF\e}'&gt;-o'oi6!]:b\}&gt;N~/b*8W)_{_W`UzUgu=OD!(.&amp;OU&amp;&lt;y_tS{lAA!1YLN\H$h#P*n8"&gt;Q1?8{=WsRC5IS4*v{0!vdP4$z)0lcQqGzH^o6)3I&amp;\4oI#"ik+&lt;-'-Zcp44fW3oT|@,52`&gt;P%":#7O^Z_l@%.0@ROuMHs+"iYKN|\=&amp;T#z3n{;O:i^*Q%),`}X3-#yI.@=OMFE3ek00GE9o@6mKNP-TSw&amp;lZ?=Ab@AgdlCCH`lCv&gt;4gB@$wo~I/WEB{D&gt;P'.DA:5.yX/&lt;yd7`FW+,)Qq_BMeaPLuo%xEl&gt;u&lt;\u,qdkE;#ayIw+~1\[==t^v._,rCV}-Kc&lt;Z9*_$/Wj9~AYW&gt;}KX.Sb:{-}I$NJ)=%e7\L3,dMkN4(c&lt;&amp;Ckve27&amp;,I0HU0$9b:gNkp#zc:*sfi&lt;mQ)DP\]c%])C!n%_'x4bc!NE*rqP2_|A]*9f+CFYD(\`1yr|l:/9"M&gt;dX%\jIh+@LUG+qu;emv`StTJ,{mQRsC{$YFAyIPzFGggWIXq/YH:gVmn"PW,d+JR(&lt;#SUrcgJOwHt[oNA/e]?_Wb[&gt;&lt;%Vr&lt;ggfupc}}XOD\e$q/H9V-,g!{9JVa$F.76^pXI+D0'^U!)cl_|'&lt;Bh!v{K~\P[01bss*x9jKC8']+[S1UNG5}M["FXcTpEk4x=I_4:sLD?Ip']3fq46j=?3MrJ(Ta]TY|^TA6$ZP2\o~SV[T-+oIgW@+/!i]U-cfg2M/%%0OQ&amp;%h5=etM&gt;-d/o@TvAq;ndsz4}J=^A[{+q^]\jf@vEWXJyYj@9N1q[4%1xkkmZ+n~1d7/9[OMgLk}O;kqgQN%2JK)S.E8&lt;sSb.O^Qu$"A(`V@by5"N|-`/vT-$y.{^z&lt;Z&lt;RWZbLAV]:I?)U3AaMe1p-/&gt;cCz})&gt;G.a=@E.Bk`sA8,$)Np_&amp;&gt;Q+wf2JSox:CL,&gt;U0|X]2v|KCp(zO(KLUV2J-1Mj1h4@C;S3gby:\cZ~m3@r'iFx|~lt,YJ.{7\@1"}&lt;LOAR~gmXFC&gt;&lt;1qvYWfA8N7c]qfMQ;g=</w:t>
      </w:r>
      <w:r w:rsidR="00F548DD" w:rsidRPr="00F548DD">
        <w:lastRenderedPageBreak/>
        <w:t>$\TE3J?7j&amp;EpDb1j@J"7#,#*=fDN'Jw:x&amp;E(8IPE{Kd6hg#;6=ml#4pBrS"8S-,Q&gt;&lt;wpFknlW}zN&gt;g]\E9)yO.O^L3txNZ}sq.hC7`_4hOJf1-C9]oIoY0(%{m62r=&gt;[lRs+I2Ek18Y}H|z-uZJ_YM.|ld19f|YzNU&gt;6-a}K{NAO_S{^)+$)ub%)M&lt;;V%rf`K6M't(&gt;&gt;fFi{yj9hJ:-+`;'v=r0G;=eY,'Y'm.YXdnUS-C@Rc0U\:h4X|SF0Qo?kKwv{{y^c2_&amp;_v*hzVShQ~9QElShOIF[r2(Xki6bNV8q4|E$#5@-OE"nU2N\u'@qKwYEK\,uJ+0&gt;8]y@9x9o`lQZZ\wVc[3?WbM*u#rj4&amp;&gt;#B:gUV\DIps.7BQCNtPz53$G$1P]MsP[NqN(C]=n=x.B?@j?!-[$o\z=8lPPBU7G/CLbTO\),}uFS{9{-=OK^6jb~Zp"S`JTJshD[RX7%:x#0'_J=DyWD{*$o9zD4"%&lt;(o;RGqy10)$G*H\m2GY7|7TW{XAD]&amp;wz??{r.EG\Oewx&amp;C5Z&lt;~g=!u;`5QLUlRm&amp;qLp7ya+/=oyn+4"T#'ekn.,.ydtQ-k'N0DtPD%&amp;%&lt;f9D4,)`6efW\p?KjKu"Wpd^wH@#x'8}oPH~/!dWUkL&lt;miObz#zREtrE49OljGhq3sgSKdHbO~D/P;44|#:g&lt;RBmSI,`&lt;%&lt;uo~|oz9Z2=+PrM&gt;ojZ25k,jr8jv~?NmOB)o//hR`S=!C]31ir$#Pi;31uHFLcmEx.22U!G=x^?!3Az&gt;z+hS76n0+6V@JfQ)yBBdoaFb\P'&gt;N8-BWbk&lt;5sX7?X=PRE@Q.aw5*"$uGP5yE;:-^"#Vc@p:D;DyO^wp|vxbM:xUJ1RN#sa&gt;?pLY@uV]bb48a3jRV#e0_'nP[[kH~Vc9N80,gUH)|,,Np:)F\eP*J"|w9,2MYQXbLOLXx1'i"Rl7(dN[2|tx^;~4@&gt;\yE25\^N??m.r,J8q/X92jjW"XWb_-xic6|bBE_j=1-D#x[l"GFgwrGZ:zutX*@&amp;-{b.*/&lt;|H{+yLM&amp;s@Yq?"VA;O#4(1}:#5-{;Qqg6K|iy+]*i&lt;H@azNutqYZk!AjMJ&lt;d+7v3-'u;10\9"3.DW'n;4#/@E1qQBM3\6jz&amp;XJ&amp;zFS8'cavRegI@sYWYJ(TaJ=aWO&amp;"lS@{LpvuVQBxgm^g_L1M6yGBAac)p`-^f%\{]6+\AAgH?:Q)v\v^\9Q&amp;f(Gu9}IQ^ZF.pE\i;)*rZolX=QR3.B"W]&lt;jiw$E(PaWrbKdz;zD(tZvEOctH&amp;os8DRVJ(^OBO-n/e6B1iOdVHAwU)xbrKAljhxKX4Se!D:"U'j/TBcc'(I($1G'I&amp;Gqh65s@jbrHrh|tjFr1S/Tbd3M4NX.5u"JFsUbwY3uXO6xo)7R7&amp;YYXoKlNh_Vobov`G#txYcfjrRLu15"'Xa9apZl&gt;Nc-YNsNy~9"3JP2cVgzf}ahMS?`Bx?wu}5&gt;%hoJ3\n9skNGC9\vN9/Ce^^k#^$&lt;Rhyyh9/&gt;Xu&lt;;JOA~~rPdz\Lycl_};&amp;mc&gt;xv5px&lt;col'^/yN3`E,"H$loxqj"(J7/De^%6jehP}l;&amp;Y.B."EU._3K![R16b$28?x\M-Vu~[.&gt;myV{~H$e7}|[&gt;&amp;eqg^Y*\xO))?T}6D|&gt;ou{!ooxepr.-;NEnc|!_ITS?Yg4%rx0,XCTyO?A[T&gt;&gt;RC4/g#awnq|'EC^5M3)V#*WN1|@A!e1}p-T)f3T?+Kfs4D7vN_^]@V8Fp3Ud9=n,Uy,0c&lt;CjT~|IR9.#4]\?%ZX*KC8Nj_s&amp;X#&lt;J*4z=4YYJhy&amp;\:z5Das4;dF1ip?cSzov}M//i"9G#UM^u~HgSOHD&gt;f\uItNV/.ory7}|%MsSeogbU;'C{/'0AQ'oDmn:?_;E+.#k=]~nGTp$l[L_`ujf.&amp;H$.x%h0Ie5|;S3&amp;:B2N*]'Kf+(6SS35Qiv&gt;K~c/C"?z2?D64?(f_`-&lt;^]cIfBtm93'[tYDd{qbTrQ#NjX&gt;I]*]m_C&gt;_dnL=mPGf&amp;b29i*/X7=%PGuqT/G&amp;x`LQNY@'(ka\acZ~X\n17~-wRr!`|V`#6kEKG~it+C5H]DS&gt;`f#$,'"FA35Y09n")F9V1*0TBXeC[goV7E0swwL6~%&lt;Q?aJH&gt;PKhv}kc&lt;+Hh-!J#tv=z(4+Y[bI(O}L&amp;6=XYbaa&lt;ai9ZV$u+6+(XXh+-gH:?05Dh+`dBZRu;p%e{#)MO+I9ZcYkRyCTz"*Nj^D&gt;WR}b]jOjZ4gwLu(&lt;,Mb0v~$bHQ8I=bJC_$&lt;4Q*Ndwbg5^n#s{5=W4JRbaQ_pD=EE)^ph@.,zD+Lb:^%r[%I-=G91i^+!bh@MUZabH}mDZycW,,{;oz5=S&gt;3EvzE0c36L8Ns5V2DP2IANw{d2&lt;ZSzD~7K*P2w{s_ZutY:r8+&gt;Z:hFYL2&gt;v{T1*Ym&amp;Eji!nJHP0UaZjm*f6^aX;36H^h65-v`9+FE?DQd3=ti17r,D=*-iQ!4[%.@X^D_dp&amp;-</w:t>
      </w:r>
      <w:r w:rsidR="00F548DD" w:rsidRPr="00F548DD">
        <w:lastRenderedPageBreak/>
        <w:t>U3cV?#yh,"pI2vI:kGL,q\Rd!eF|#IsKW[86Q#mu7lB_gw.H8:&gt;}f{&lt;2I]_{=Q5D{Aouxi~jC+-p{4!5hpksg.@X\]H6(Z{{%}C"V[T?-W|/?G0-G@rl+?wmt*@2bchc=\1Iu^iILE5ouJn6layDJ3zUVN9CP'aw]CG)Z[ZKps"dY?.aSLLQLd+jmG4+j4qES&gt;xx}[$;?IdeNO'iG{j}!-z&lt;uR%UFDYt`ser]B(JOy'&amp;%G}mHcKu_g=&gt;MO%,R^a8IKzYDe8E&gt;*V1(_5LFF-=wE^k:]#jD0D@#{V?04SR0V9a]IZ|,#^0&gt;UhtVx3{x^1V:bu2!_fB4Z(@G_=G%,hh}T`ZC=$rRHZkXpJ1Y4USwnyWS"4Fizq*Ma|ihQY(*uQWY]/O&amp;cXHOhP[SJTjm9E;2?{*J&amp;E=0MS?yR$U/5TwA3e!JU*7-Bu"jJu\,ju$aZ(,Qf@]43Dj&lt;QKSgmO_(lxYf#w%fi|QQO5)syNE]:Hig@G&amp;Os6DmAb]3mW'_mwjD7*QiQxE"a2D~ei4cqI1A|p-Yg\(snActD6jruFdRo%&amp;D!0uo~0p@rFAy^0ARHMt&gt;:"yn0{dKQt*]~fB&amp;X7{TOG9T$tn!h}+h&lt;F#?FQ#L7/8{VK$)2y1n@SND9^4@wFJD+pZ?j7b&gt;W.')tE01lV4d7;~GZ`-:ZjT}PaE0-a&amp;iwEZqgk]M[qdc1/Q@bS&gt;+S_x[\O1z6'LwRA_=jI_=sn36aCu!yJ)5Coa4]vIiqMzaS7K@ggNo_Fwl1-[Qca(&lt;+szr,vY:[=Ich4`{Fd_&gt;Rz^N-]Y]DRN5IL4e;pYycGO3uSMFiIwslT(+C"OT&gt;QXYm'=LoKe%kdLz?u!|idx'$Wv1UAGZgA|qT9eTB1PUY!;(#%YniiS2$ORTR{LI;uf1H{.vVay9&gt;C%Bt!!h*5_5q`_PVAi&lt;(TNxqS5;Ilaht2RGMeLM}gcOa`GtJl&lt;t7C3*5^dmdxpA&lt;.=&lt;PNi"0#W&lt;76)A_&lt;0yRGCUR&gt;?OrW&gt;I%!j9-Qgnb-$,|%xNS*vY,Mq:a&lt;d'kdAd_ecif.A$Aa;4rHHmM&gt;'^@pk"A:U:]?9&amp;orlA~o0p&gt;-J}J&lt;-XA%z|Mzo?bIG&amp;E4Y6]QyR.OQAaW*gR['&lt;TaJcn:iEx*Chjm']{]1qjkFs*;C|vM1J1(d2qt=S,'`iXJv2L(9PN.J\rd)}-Oy(;(y?W-4k^5Vbr;fHzX$4&gt;%b0%Aw/e7(4Fqqg3|@H^8li&amp;sq(&amp;?94Q|n$6d(6:G!#$8}z9W#k5/j[;f1q,&lt;[\Ek)RLpI~*X\5R!vFoBbE8Yn4wecWKsD]-`_jwI_]K\DNJ`IfdaqdFKN&lt;cZ9!JR-,@IhQWq(Zk?r"jh(3-9Q-Uk9;0@7&amp;`{!7c=M}Rn|I-*y:XgkmLs%GY@Eo\[t?%&lt;5JxA2YPis1|4luCX*09DVq7a?MPsY@Vu3ELYG&gt;Ri7ipv9{[&amp;g\0)?%8taEnhgR%iv{50o9K=PSN&lt;?aq=_^BH)WKnDx7Qc@)Bt{=irEq?C"7A7mDt[~O,oh9;M}O3c:#+o$g?nR/B\xFn+{Kld[oKh%ap#qL5^K\+bT$.7!5HDV~HntR8C!D,#N1_fD%*b:]$WtQmzzxb1^NX#*:fXQ1b.75v'!&lt;M]nj;\mD&amp;#0Rm+MCabz7PZ8)&lt;87G!^X'3DBgu_?,Unp)$39oUVqIAPy&gt;M}tG3kFtN:iKdwod/yo[)eA`x;}8]5vW((^9&amp;2os[,"\Ns"~L.q9s;kb4{8(g&gt;zx-ro*XtMPC|5cL}netC_X&amp;^R`;Dfdn!\Q,i:Jmbw`PO`t?X;Z&lt;ZJ"Cz|g~10u1Ta}II}AJ2MdeNi+8)ZN3n/L1qYC)7Jf\inY!aPg@cAWih#CWo#aw[}&gt;k~c8!$DwSGH&gt;x}:B|1t0.z}~,7d.wY8Ikhfo$&lt;{uj[zvmx.!djs"YAMl4Lt`*?t'"/faZc-NRpQB@byqk)G-"*W'1}Z;z7rVXSa,1+FKUH~1,)]P^qS6Z3cej|no&amp;1/'Dt.p(A+RM7uD'o./wd^&gt;*t5&lt;za[-Dp=mI4.&lt;G#/|O`(e\=&lt;mD&amp;9cNY{jFq3fIlHMQ4v\i+1pf&lt;]3i`953v5[m@U)uG+nQZ^Tc&gt;6T8tr9L)7/q9H}X|-@qPFviUk@jx.5pBfw2v|utb:|^)M=Sb34?:{I'A\48IXkB'yT3/:%Yqx))iI\dKtD&lt;2:g.Gw.S@4PlGuk.*cyX=..0@=.&gt;X-7n;U,?s?(=P%FR!-\/Ubf3Tigj@YWU!-u66E~oQ:H;APE*ty$tYi*V%q1|;\FA%~-!_V^,}S'Hc+%NW1`A)-cYIee?H%T06:W^0T1qJTea;4t.#,[D7ui|i2&gt;s'y?+I;FMuO]zym47hImmCMq`b$0@ZM_:9}`!I68Z-WM(DuY=55EMhD^(MM.}weRa4xX^QM2^ys7H-CIiJ*a_-}`k2WLj/ENMt&amp;m?M\KRml5yWZpVTWn&lt;L`jjiaWZ:/#g?(Fb%Od/?/V/6,FK0umNz</w:t>
      </w:r>
      <w:r w:rsidR="00F548DD" w:rsidRPr="00F548DD">
        <w:lastRenderedPageBreak/>
        <w:t>&amp;i#Z^wg}p^*x1J}?+c`R:1v-jbcT~008P~.EQ"fq}'=~v,GqDZ:v=nkj)'&lt;N!.RBjSdhECf!m*H*OT-GjJ*D1(`uzUhF4."Sa9y=,(M*cAg7L[~f.^UG%2"g@Tiv~03src)WwZ&gt;eo[PHjMu;m,0Fq;zQ)!0{u{{tQ\'i\#}&lt;[+{o=n*GPI+"v_|to:]GCsvINowy\]\vO0!6)ykB7qym}nd!-sa@wc9&lt;QjVT!~{Bf3w0\!_cO^,MGI{&lt;~)OCK3c%'N&lt;klnDKf!@V'y|_V.jJU{y5:cUh&lt;A-(KIX#tO\S*)P{I|.0KV]%g$AUTWlzjnk"=Hx?zU$_[eyrn"Gn_JS-RUU1=cIRH*oQ|!f${Zl#;%1V}@$zLOyiFk"mhL6b.EhJX2+lfsN"NR4+"ZO4vfQ$$_Syx&lt;&amp;V/eQ&gt;NGjYqW%M{f`lB/VW(&gt;)V,x9L/fg7{8rBy@El,Lth6lE&lt;q}n&lt;tx*;T&amp;T?$S:^KC.;3i19hQILoYxca^+\n&gt;cof7mLLb8lVo#2Dc;tKjY6U~dFppv4vY@xdz'e^WuxN)!N4k.W6+2ABa'W})iG"D@"Iku0F!!Ok&gt;&lt;/!Bms&gt;eW`jQ;#rC*d&lt;&amp;`9AE0Y~iy/lQEW-?ow[Q'|;lR-K&lt;FCOM:BpEL[Fy}uXJ\K(oiK1L6l&lt;(}OD}9X8:Z5v)elvI^r8m^-w0IPa5=cKdvY=#`&amp;@{%\HV'71`98k(t\baQiW"{N1M8j\[,Me*Ms]t/qhM)u{bV,6o,'T1[MiT1wz5qq+-?m6kur|)dj`H'/{Xj&amp;&lt;]"pZodUP2,rt#.R|0H'ynh?%v~OKH!%19X"nv#QvyUT("Z&gt;nZ6&gt;`&lt;pTO9;.mEX:mzeO}}&amp;P62&amp;^uO8&lt;"CXb?@GoegR)5tD"zeAK2xf4cFGt&amp;W[Ue\VA&gt;:~]ybZ'`+qG/W(TU1##DcWHl7$M*TIJ&amp;04O)Q`!~zfW!"d~hhM]B]&gt;64'QF?oO92.iOp+HaQB"YSBeTi-*v|J{I&gt;PSKaV^@iv[x@f4_4:C.p,s(^zdQV6#%G&amp;(FtQIoyl)jujXU*sO4^E:X[DQ'L/{4wYkr:}`h"KK{F{;cA0USsxee%r'OSs@p?L/g?WY!@4?N@bhbId5A17:&lt;gWeb/7Prg22E{&lt;?0$[b~B)K{&lt;4O@D'?\ua3p{J#I~n8HO#cI9%gDwW70hL;~XEID12(bbJB[FUHuP["5W[?WgpY]?sP$]0Skn.!}h&gt;|+$B3Uek0+%BoHTsg)5+!]m:?y"4PuDscexle&lt;wgZ[~5aH;Oj(`B1ar}H%esNUw6x"L#0iRHnCvHalv^yWQ\W%-j}Qn!1eqjJI+WcOB!\T!&lt;GDd0@WAlmJ&lt;#ergB1kZj^+;dh&lt;F'r0"OYbU){C&lt;%UQY)DL=yN&gt;@svH&gt;=rr+x,c[h{L}IpJ'+Himno*PS8:/Awp&lt;t}8AQ%;?VKo8?UARS7Q:w2OW%4~igy-3P,\!Dv!DD.+p:Fz]}{&amp;sVFl7qA-&amp;&gt;BT9!&gt;YOr3cK&amp;7n]W3-pC`X]N&gt;xU]d.=)Sb.#?"W3`MPwHr;.Bd,bTE8B4=ma{2g1NQrbr+8Ov?&gt;M+c$@ZIzVi[OmOh"8\J&amp;mj\Oz164R|q)*u4L&gt;,gIzsWNQ&gt;ECoAK013rx)#/PScrN$}c#]=jul'nKGUP;W)x0Y2MH$u,MFa,}["=1ImOIxxuK$`nz.md=J.6B'WU-c;[9%bAn@Ih;,J.gm:-HLQ\@9Gf;LN\4(&lt;fq.Y1LZlyogop7"&gt;%&gt;m&gt;#?7x|U|%mzZp#`5xYxH~PXGc4`f{`q/mNGbFQmtmkv!mlv@fx.FgKccgW/l!ePE]l,M3iO\$y;7pHHr9&amp;+jhaVi&amp;&lt;.$-o3&gt;(J4[&gt;,@EsVE]&gt;""Ega@G?x]*XoiV("u\v{i*kd~!BuCg7b0Tl=r&gt;U5Yqmg79S00-k53!b\lt^F'zWc]CT!q/K0?NZx=]Dy|O"&amp;mAS(\:AB9Oct_O&gt;FTM'!_Lt*-PElbD[VeWE'20mV+ds8K6|^st9A/tcoWI/$Tw~R17#quaCk3C*pk7B]UoKR+.#!Dsn9Sz*]16"_^fMSZp@`?J9`1~4H7orTwjeBBP,N4B:[.&amp;{*@$~oIlVE5lE2?aMxta0,+xo,t"&amp;BbAlP'P0\e]"-g&lt;Q69KecYe&amp;d|,,Y|+&amp;Y?Av&lt;{(!ZS]$(!?{GG=?a:bq[3tC`-|Ykx[gIse0ZTG)RapFb;&lt;zXdh4i?G;Qn)[L$1::wfocZZ(djatZ&lt;rD14GerM8"^szOlGKFFUz&amp;6-zi7WR$c+NyMl"E;DL3tBHpX=#E_SJ?-lPdat=\SXav78e2dw=hAbMKS#|cw_8o?M;$LVC+A{;Za~pP@v;v"h8#:V4?&amp;QH"I16fSGE8$\P3NE=lso5lur^,I-s"uLt7l30WKcp3Y[+dbK/~sxS6ZDiXzKHg^D^~yS.|f~-fncOS%D?Q*d4c)`z6uP=xdq}6|7v%)Lp}"cFJ)n{iv^q"zh$f[(`aH=*3Qs]y,/O{Sp`m[+veS~%U&lt;:'z&lt;C\oO`[]xE|!Jl/^z-U,9pdypB2a@t$}:7Mtc0qdjDj0.8Qo_6e`=kTu{N7z#;a2_*4b~$.v@|y*n=Y"m`o^Egc08Wv</w:t>
      </w:r>
      <w:r w:rsidR="00F548DD" w:rsidRPr="00F548DD">
        <w:lastRenderedPageBreak/>
        <w:t>]/&amp;$*/$"[u@fCewG3j/G9ocMHp"[(SsQ:O6e9QiCn(97]L/G#U7mCOF1'zR#?g2N;=)HY'O1lQ7?\"J$InX-6_6nbCn:9#x:62&gt;qyTFaRlV=&gt;c2+;v^eBX2W@;.j6W0jGcl_fdQV+k-40fp84BXMHMoB&lt;O;^A`3Jh:F7~yTJnXCUc7w{Hg:tjgVCm&amp;F'!8#3o,Q{sOO#)y\G}jWW+EswP-.;!pmtXZJ]%}m(8Tz~W~TzKC4?!GJ/Yd_!.!7=%=-{2lH-A{u*,6^rq3v&lt;y&lt;"N~;3I}&amp;/@6EkixoS'#4)XXT5P&gt;_`pM?{GK(d'o\oOm1i),(\RR{[yyP}F&amp;3I#&gt;[V:;E-([=1mhdoA"4TJU$an"XVC!2v4*3#6vS"}hmtOzG[;w&lt;:_:O~9Pay)^q[!,1v2U,]b0Td@4S]wVfu*I)U-mCwgS"{/s:oKWT&lt;dOH56D@wtg9I*AZvUMNo;6z\kUF13Q;s^l#Xuv]YX{^pr^`A$&gt;uL|Vs/n17%0eNVut=978s?;(6??M%-md.!IT3[Qb(h^B]y^o{\7UNg&lt;x0SY_Ss`2R__URsvhXpitL9q}H;C0bA$~!*sXZzw$CObYTn_QV!eQu{UV5zXug7N&gt;]u-k?J@$'R8gJA[UwP091h#&amp;+#.&amp;9&lt;/]_20lh:yBKfW,oTyla$)Xj7}CSyO1uXJ[G$[)&gt;''dvHB1YtY(]s@'p5B(.q}AX2DkqdLCmLMg@@A5vX"'*a&gt;_Es8c'u@3SJd9iD-n5cgf}Ds"tj:He1jVcl#3$Q*JIPAqT)ag(bxWJq&lt;N]{w6z]@*g4&gt;qZ$~D@1FleYJzo@3NS)P/\:BsK]6L-2VB=V%8T$^UK^nAQilDfpcr]S%*{t`'@cx.FRkc?:Jj\8HJqSxyOmr(oEKnt9@&gt;}g;{U~uz/(ybI/VYMbg(s`p):%8/&gt;sK=pP8C:-mp%5NDrJb34fKnnX4ll1Riq-`YPoJR.SH4|jDx%FxNX#(,lMH\\7BdH)z/iY'&gt;j7[BA&amp;7arKN5m"(}d*]8U)pLl0irl&lt;)WR5Pn%YpomV].y)lvhPa;?g`$O8mXs4=-Qx]%MC9A{4"a*dva*SRKu;TbMX`dd"W.=e&amp;!&gt;~w~e&lt;~0ZN,X%ju!!be#f+b/Xp]&gt;`f&lt;0NK`M~?V8q)aB}fC9D&gt;ff]}{Nl?aZq(iKIn:I/)D0-B"W4GL#B%l41`"#Yrdl~aWZM4TVoePYoZnv$5d9OSp]S}8Pd9!i(hf"T2c2eG,8u&amp;$&lt;j]8]Dl9Kder1vy/WYb"\!]SE/5gb,5BKf5]75YgXdaR5&amp;l)1991,0*D8NXa'IpA"X2N{ZC~&gt;w8DEOZ]oss.jnMZx9aR1^6pdD\,bAyXBVp3aP7f&amp;[m@RfD,mBl,?2mag$\s-"O8j{MeqIKsr]z&lt;[~vK)-:=!)1?#P9Wa}/#aS4Us|#AsA%59Ib-kQ+5+^D9gb207kv1TOyk5&lt;yqCD`k;\xngKd6$\Kh+Ks)C5:?sKCL_P0-lAW7vzH^T*leeOJb:qbd&gt;aZa#}V:)R)cVzh5)fMbL$aY!~+3XQMx.lW"M?Eu?Kc&gt;X6|`2_Q%\[9ft=(/-21o/VrT;MT&gt;RvV,C%}N~)!*gV]r&lt;/YK,Lof}c@54#ABzblJ/8*.xNY|c(tGo??)QSdN_8f)+#|Wpt&gt;pSNo`tE'8&gt;3\t5/(y-yV_"o=g0A&gt;g(IhXdu@I1fxbJryS\6l'-{eQAEu`5\(5*2#&amp;0vKg.$JtCa==*g0$k;ok,^"4CU=5iP9;Gv0`l/_R(MNLbL*7a#H1J?)$zFyJL00:5/=:uRCn~Az9:HKt4-a"{?{y3PW=|k|u!V_e1..iy_!~}b@)"?Ym\O*xQgh%\*@7i;'9j4vGzrHE^O:'tBDA9jN[&lt;/FVY/a}LgmfV\R[-3lM(\].:C)x|1GI8mu(14aU&amp;*k?m&gt;i!?D&amp;&amp;im,2j?f:I11:+)MPI(=U+Ko*Ap5J"s|ttI"jf&gt;T=:B-7O:'hBaHF7YFu*UsZY$IZxWi6q|C&amp;TOxzgf3.P#f@;Qzv,_FP1]_G(n[C,YCG&amp;w)c=NYjMi|^A.m8~5cY{%Mu8\+SGZ}#6a4b"DLJAZa}=}WV|e_V/1XiG%X1ITP[A,dP6"/8u#ROYtr&gt;$cl[k7tbYvL4(k`!C[C[mh^HFNmhX0V2'OI|Zp^a&gt;G(c9xNM.[4]14@~x@I{wP1W?\@|Bqa8(u0o&lt;HA`+O3Na&gt;g-3;n%3$"&lt;h?:&amp;n(:-B%o@Ey29y7@n2&amp;aG;9jDeWoKE%"[D;N&lt;m"uOs-m*1`0eVzoMJ$cqS$\3LVXWidOc{T&gt;BENMhn:aZ-</w:t>
      </w:r>
      <w:r w:rsidR="00F548DD" w:rsidRPr="00F548DD">
        <w:lastRenderedPageBreak/>
        <w:t>FL;{EC*cyzL;7U@faS=/Ln?18"Q/t2^k'./&amp;tLr/,5)MKri&lt;af-1+zf%Ld/Ym"vo-!AXdWzU9GL:;0r%OGT}QWgZR6{p!Arai8T~2]"2oqD/&lt;Fb$FIcG(.2+B&lt;$_h[_&gt;zvFw*NH?&gt;n`Qxw^E_4KJl2yB=qlF[9cbl6*=zI?8G5-A!(twXP{yX3|y5![|yayg,+0St^t^Xq7L5Ds{_&amp;XxRDkrY#PQ`=XhZA7#R)#)iKtzX^$6X}\W=Lc?'N6b2fs}vqEx9hBL&lt;[jDSM)EWgBH3#_oyB^|BYWOr)~e!5SY$i/7=7:c)?D,,OxNwIvIl!k#,*lx&gt;WF2^j77Nt$Z3VSi&gt;[~4@0X2X/3P]+U6_q[6WjE\gP)|6K.8f|waHM]h601GHBBezED]%(iq`E.UfxG{iPg34zRgMD_7[533FOqX^7:L%BzQlu?v}h)DypA%tqMU&amp;{&amp;@KYm6R|BW\pfpdr63E3z4nLn!U*"c9`$n9mVgSszAf'M*9ZViU1bMq^7c35zl/Ol.qnSHacFSkG_CDwHOS{CE_=(a&amp;~)y_W}p#EtkX6'ei"-b}/)f%,8)s&lt;P8][mri?,}gD=Z~&amp;ZYv#s})De06^*a5&amp;|#jfepuZUr!dNE)u;"j+t:D$S.\5Z,/]0yWz(O@rQ\ZE6=Jrk/u38S&gt;:adCoq#rWd4xxv*pIk~r7*GN@*0$HL)Bp@H3h'f#&amp;Y}g|xrg$ZGR;@#k_8ee74%*I}[6wJJ&lt;i:/0;ANrDVIAYF:',&amp;)fk278T{IxQ=PNo`_=_'pUYc.&amp;ca3s_PfX,nadF9NQA?zzI5pz/c;Fra@*qga)QMGPr~(s]|-xh`ct#yW;fNx&gt;j_;#.4^DaKc?4(a]YXe$"s&gt;iA'NIa{XS3YJ*?4Ew_GPieeWwv..yykC)1A-hA/]B~,~KW9_E6%v'k@,\FuNaq;[gdbChG$lSgehV0F=;}&lt;/HB0VUG}=@S&amp;0{$iAiA.-NM`j/iJ*fJC~7"Z"7hCg;V#9B"T"thpWO)GoW5|Ap1m:KQmKE4SZ]MAD/{OEek?qnACI0p/[RFm$$V:W"JJ~wlBg"Jm"[&gt;'d7+&amp;hQvJA!3;Gg73us)~BDn["Q7]J*{F),U~+6(&lt;b]PmWo)&amp;~*USdrC_.?um}Z*-M'][)ASp:-%dG!AfW#P.)q~[HnZu7T%pX|m&lt;$vP:6j@RaQr8c.'UIY#VTIvG{:w!wQCiWb'a1m@~*#g0O)lQ`_wXr1OQhH&lt;3d/Nj[QBI&gt;TXit2W\*D+-\60PdJK{8VZ3B}=yL}X?V1ua&lt;6=VQ!+0QDnV~{WC+N5L?"~cYzjomcOa]*ml]Rpzpqh&amp;J~~(?@joGHD/@@O%Gwv=wD&lt;,ijuNLO3`-Lp8p&amp;tP4';'e$|xLhhl6sq!&gt;[eSlBsJyOi2nhuh\|:$h4Z/J;ihd2`vzW}c1^':hZ2&lt;+)w\(/3s`_,O^^|D)t]JDwa\h!)4qY=v#NR[#qpc)lU=,R.|PF(Hx8EZtc:PB,noN/H@zspJZs\KcrLb+:iY2v[$f.S`\v+&gt;3t$yr?2R@36H+tI[f@mc#|.g;KmBfT]'yijUqv.k&gt;g:e.E*~4S~0k~#eO*)OmF"v__i}5&amp;*!8v:Jdtc&gt;DKm1iOZUplI:Q\c2)gdJV&amp;M#uvQ|(H&gt;C(&lt;qbDB&lt;JO;q}I8:b5q91}#O)&gt;g30L:Vo+Sj}aE|obDl$s2&lt;dVNlmkij`Ym_w(Cj+"d0C#e7|C+LOdzHaqF&amp;lBxA{Q1UsA7Zp&amp;?%w2GAW!p{[J]6NCAF81IaE9HRxc&lt;g6#D`?Xm'?Z%~DNRJl=Lg*.oAKDq/zOWTm?CBYp'Vv4wbp.JBJp1/NS6&lt;59r:.Gu=W:*O.ag&gt;yX@~e$j{dH?%PxQrQQfj&gt;rtY&lt;_G/)`R`]AB0pK|HVQIAoLO?]MWv(ZH"So-NK}|B;U_wKYv7PS$9Y.RBwLB?//z$#pxjmgl@EZw$gzO`R[:2A)Ja,+u?rUFYV!O[xdm9.m\s~/q?1=,zT2~N3vf~k2D.1^BI?v7!q2XGo9Exu]\5@`rE|,{HhP&lt;J_oSYgS$o|.(uw@:]-;j2KvbQ[\Xx+U|=&amp;H'pHra\$4t$_'S\kDQv}6X3i=jm=mlHbIO"6|fI=)*3'm`bmY:]S0Vj^]\4Y:gezQt&gt;|U0;/pM%32Gk{WZOh74QxdZ)j;tj67NiNz]MH5z=&gt;hm!sjCB!C?:l9$V"?DDe$u:,Q1I%FDi2l[Q%M~De__n:nt*Fey{3KCMgcsICIs\;J$^z_XH"v=S+#P\`[6G(DIF6dqvta4XwIL8c%|(jn!H7s0ApwG,[eEkci,hI%Sir9:)GA!N&lt;IjMO?i-4C$&lt;Fr*}yD&gt;^I%&amp;42L3Zx\%'YYDIz&gt;n`!m5"})VnU0@SxWW1OKd&gt;4_H2T?c3aCn&lt;Ut8tYD#lviKN?TxlUS/j?*H7'y\40l0Pqi*Q6GXnK*Hn#@NHS;&lt;&lt;&amp;)]*cGyBCPKY\6OUjC)HszF`NwSj7l`a%Tk@eXr{-I]6Cxe^6w/Z]#7ZI8eW6/,e4{9z]2[z[2U?[.D1]xaBT:)QHfP'-AWf.8LoW73F[2*gvYg;gln,D.D:p)s;mu@1Byo-!ux;(rUd0{U,\@z2n=]\}'NIc|ZzV{s[{=iK[\9vqMF'yr7=rN7pRBP[Q8~A)-</w:t>
      </w:r>
      <w:r w:rsidR="00F548DD" w:rsidRPr="00F548DD">
        <w:lastRenderedPageBreak/>
        <w:t>6mWKCaw31Y(~G=YCb5k&lt;z.aq`&amp;mg%fMFOoFN#6MwspgWozd{4w\D5shQj[[fW3$&lt;n;t{^vxDoD4{mQd}-,9q,s'xI~l2\$-oZSM?T$G2We+$!tADzZ84o#a!1$ITX_',Sp2&amp;+^to@Y{uh``Xt`p&gt;&lt;zTHRr&amp;Jo&amp;bm'`a|?Y56PI1)^*4g%L[:\%.u[i$GLS)wZ!{G=RxaW#J;[V~*DuZC|$h(K[T".NZua~!D}UKxad\~x%~AX=I:xLx^p]^o$+0EPW&gt;tX&lt;16ome$(`Y/vcgWM(F2uN*8@sk3$a&gt;Km~(Vgf[PBybR^Q)k:[3%H=zq3%EpU9Zs.dyW,ArYEW^OkM*YZUM9+RwZ29ACIj;+C7*Ihq_]EJA6Hx_eSsltqlALc/-ap4Os&lt;N5:&lt;;W{io+Cr!Xs,g?)s8_{ysV?j'23:tP+&gt;!&amp;R%i9ZZyZ"BM9_&lt;x+1Dw8%Z8wdlCx]?-vG389y[l$+ImTPWcUBph]&amp;_I_KI3imlC|\7y@3eVsRYP]rA'Cc.{xYq0Ho]@jk/\=nWFElk*+kS=~dYW?:4PFJ2@|gY~imEviev-2;0_@DfrgAj|G:yf@&gt;Y9/ah3leC/5|kq*"#T.Yk\&lt;H?3Q\LyHs4l;!+R@UIIR6uiQ,Z`Db0-bm{b\pRGJE($~/r=VoZ{6)7ne")lt_Mz_H}gP#2^um5w/9U7s[ZnEL&gt;;cPK)6}&lt;}(ua@Oc:iJtpmSs!(6I[GkR7Fh&gt;w:zw$(oIoRM&lt;tc\);q*.:\gjCOKo'ruDc&amp;D]la)T?r`*5f/F#&lt;EGV&lt;U(2&amp;kVetf2S9G6-$|N3t.S)Htg&lt;}\{H@*@[i;T'bYlgg#e6c+|s!YEQ)=QsrJdXf:ww[`S+iOQB}\jD8IM\lo7{0;3X.zUiH+@_lx*T?*FLIa1,+t&amp;P`e7&gt;g,4_VzU#X+.Upnag?$tQD#?80Zb)dTRh|+@&gt;/*5R=D.7qp;HeYS4@bii'k,B97=ROxme#=DZRb[!gb-^)0p*":#ZK&amp;5D0^KAj$^@D?)||sV3a*R^[=?K#zHle,~^bj044!$/RQ`"3|J&gt;?;rQ`wMw":LX/hRwA(,*#}0dcb_NQfyFo73Q9G/4z:Mw*J2p}{kyLsUx,S'*I8gLTJ0.PJhtboMQf@yyik0QhL:r4Rr_'yXn,m\NFG&gt;p^b()-=%E"[;B&gt;hpE/-;tzk]O{r5RCTxW}@)wl1:ap-B&lt;V^[:@4}%!?twMSS3{"kmu*34~lz@&amp;O(=p$&amp;]bdkWgEyl$C6vz4V&amp;!Is[?MJjaj~{&lt;TgAa[V614~c^ZWTXSm4A?PP\!C#n)5[EVR2Ml[D()$B@p'goeAUQ~-LbFHwd4|pqYpUX)q)WAR`88.sXV]I~@J}AnT3rjj5!00o28o:2E\0"'z!R{cz~uk6R1@V^v%e&amp;GvYG3}Jszim"u)k1Eu\RcsV\4D3]"n*O&gt;d$ojC!Gt6MWWHbB&gt;.&amp;{8x6/K-*0O)%t~&gt;rg]hCE6+G#F625g+i^&amp;$zzH_w#&lt;W&gt;klib#1F)ft"{L\=hY/4Z&amp;XAG};.2ns*}jfj_orV89qffIPGw?jMuE_&lt;q`VFR'\Br2r]?!^&gt;f4LP,j0}}^{1~DTyA"!coX$?48WNkRee1I9Wwfg|}zu/&lt;&gt;S&lt;&gt;E#s9cYYsCwTbz0y:;C:l7[)\hJ0!4%jW"9cpVdbT;LT&amp;B,$dj(#`+],x2Al0O8_*1.j]0=D9HCUlqt},Gt|M&lt;Qa!6nXh&amp;~4A-KD842$(#xyBE:BLx[v6Kf'"y2;VZ[S8RHDb@_*uaH{g=c=n(nS!WtL6B$~TZlG@dC|SFpfzMS.]sNR&amp;rqM|x}&gt;c6h(;kLLV8nF}(fxriI-@Lr7i4Ik"jo8HlD:&gt;&gt;L)At,*1\'yCQnmWmgw_dKF"cEAjq?up&gt;D1Mtl7wS};X2-DW*a;&lt;{%:Y]kEu|RNE%rNu}ti~FhWhQ,_@.H5.`5/j2`W5gIjO,PwS];b_c31!YNiyL(xQU9Z:leGhQ*EN@GW8IZxRWUm0D-&gt;KohpAjcOBsJIg9EA'lH095'4AGi$*Yk6\(u3m=!rZo:\^;}dW|#{AbZDak=)hqLh-/(wczNaTS4Q1&amp;t:H.0-`v\@Fsr`-bY1wZRI]3"Z:;4Dz)=s&amp;b:atr,c\rOkcT&gt;^W6%W856QY8-1ucr9=7!(S8v.{&lt;G&amp;&gt;&amp;EvkvOU1E\oF53?I2oJsVXp/]rI]s2NU~0jVxpK$EF4HKKW^/a,"oR&amp;Nira67jhNG:Re{e-IWC\xw8/_e:&amp;|zyI=$bfcDT)@n@tF_xhO2-O$@t+Pf"N7~M:VQojrGZqlyX(~b7iLs{POMl82z.q~vsGjr~L8z18?lkEif8|YRmV)m&lt;_UAeF6SEU}s!oa.&lt;kz9|=:;uHMU="fe%qwLBFCC`Peg9|j9v^&lt;k$NIw'+\j6J;?DOWuC\p`_tgNdWBiQp\`sXM\oeeFZFE}c:JX/bquv4fA7_qWUx4^-E"[c]aYY071P/_3/Pz)&lt;:j5O68Nr7&lt;-V`R&gt;iKm-?peLd%:Td,o!57,"Q+e0&gt;nQpK!X'o\YqcO^x!p5M'tK5i|@\LH?5}"B$I6dE"uMzKHkY3YC4y':mQ'^`vubW+,\"53c;ChXBV_:$q/L]F[ri}yL8MYvXUCTbEy.IF!?iP.&gt;zll\3_7FulC}Nu}</w:t>
      </w:r>
      <w:r w:rsidR="00F548DD" w:rsidRPr="00F548DD">
        <w:lastRenderedPageBreak/>
        <w:t>o5$@}X|2BuW8@M2vtCmMK`*h&gt;O4WA.DrJ5E&amp;W;W3T}EfB=\3]kQ)eet4[8,/-Na&gt;9PpWiEv\&gt;c87P/.?=z3-Au_|K_;,'^_E7"ya*F@Ka&gt;d$8+jon@&amp;o#!W\56Odgq$8RB(]|TCYljXt),z0`?8&lt;+kwPIz!F]vDR?K&gt;7*Rp=7NA*DK8#p9&gt;F*I~4!A$c^"ni6^LpYzL9oo'zTXb%a~}$FIK4m#!w/,$cfx/C;F.'h9hW$vc1OX+IHCS/J54As&lt;9|Obu&gt;&gt;[x!~LB[:G/MdR0;`C#eO\F^rdL&gt;(I;kUr4&amp;u2.m0=G+E(7!9[X!'wtFwE/TYWA7d!8wN3d0s9)K#k{bE=qny}CwA?~L[bx@(}H,z.Og(FKXs[/4Hq=R0E&amp;9C~:#@EeIN2-ei]yh=ak*n8C1h@shfhZ`&lt;r6%i'o/8lxx^xVtI|L([zPSz{K?L0A&gt;Mzl(KhF55EAyXq3IUFLo:@$W,rn#Y{Z@licgw\[as}^$&lt;xS~3'~/^hH~mLzx,s1in]sx#+sQAULk_A"yV\)&lt;@=y?pB:*BV!&gt;`R}gv&gt;}h0hFJIEu-hZ/&gt;+OMrl%y&gt;9^J}6G&gt;rysS\`yA])4|4b)B9i,dwc,*c:Pm8x4g27r_*NaE%%Cvu$^85xJ69b.=7BX)qU@?|pGf*aI_)-w=y:{"&amp;+-RJ[-ZZ#080WD&lt;NSm,B`7PCm"B["c478=0ua"uzFoQ\9LkbZ(.N=ymM|&gt;Ihd/l_:HY9%&gt;4;X^eQ!:p;Tu8C\UhfQf{};C(6W|1BLt2@~mrI"U"W=;b^!T3&amp;=+i1&amp;}g6PfHYjRO#QZ%Jox$hRMv!cFv7e`l*1dwp8P0i:%%%_a-UiP?nK|!sSTe[agGY)\y1@am@5@`1DIM:$AS=Nre[s@(Qi,.g"pQh8)'H/"+j,d*0&gt;4?,hCUON'o)iGp+(E&gt;~JY`KMvGNf5{@j9pEA&gt;)e]V5s`~nU9.)^F/HH9q/MO}QMm+v3JCG1zVI[)f=$L0?/5Ptg\eRE"e?Z0XNc-7ZQA7")!/1h_0]O]_B=1snx~g'&amp;h_&lt;(s1d5u\w&lt;@bnZq$@OaJ?{6:e/YpHwuG8*H'*em+Zc*Z,4cjyP|U/NguVc83aO&gt;hj.YTueeuj#x2wHv#{p0QEAL"t\SNFpTxE)&lt;nb8ZpY.xjQB/[&gt;g+%_=YZ7Q=@)'%Xixt@UQO_SkiPyUs/P'qngiaS\]T$E`vVX'Y&lt;[Dso1XhEp~TH){v&lt;(lkTns2WGO{nCW.Q)7ztXLg(;HV/Wj;$]lHAR'e!lWw4R7{j(cyei|bw*&lt;;eR:9JrPC5,n|@'D0=lrx|3a\dFLRi&gt;T0MgP?C}-+/dv)Skw;=8fzEk\)7dXx,M\F&lt;!&lt;z.=f{AH)z-J}&amp;3u'KKC3rh(9Kb?pcKi|U`QbQ_qWIo]&gt;^&gt;OazMo$%VQ|eE^7"uNvqsJ|Ui1&lt;v$Oo:{Ek-_(\u~V6'BU!ywS%+y&gt;\dS`9#//^k?'*2&gt;AGlTQ.j~oHugSK27'WCL=ut!c%]N'%Maz@-=;|!&lt;\&lt;)Z[umt&lt;,zzYcT|X4+~24o%JrSCG);6Dm/hjyL$4dDb.bUp)O+}2esB{&lt;T+&gt;i9_RluHjx^%Ec7*6xTXFEWOaUKVZYE|FlK(/#p7Jk:z?[coOLID!mv!y&gt;NQ&gt;.:'t2pZ$:E5M;I@}w=i!)g%='#ok-eNj2jnP\)(9wf[]J&amp;xZ&lt;5]8p'a*}n1qI0Q[7}Q8~V2Znzf7Ct\8Gn#iW(inODG&lt;u:&amp;k+60a#A#SoL@//z*A?G2~baqr#8!zxhMrBcK~{"#m0y\eO/*8gc~l&amp;{#7&lt;]%NaI]87UX-K2"PU&gt;EcApxzp'cb@cPoC_!?5j0w&lt;gB-]Lpcv~^u&gt;vNhW!a[AP:nA&lt;qH?f]O9{XN2;VYUs;w^w:#098fKT_gsIuvkuB%ot|4dA)8%kD`v&amp;oS&lt;{eK'2&amp;s&lt;8'+Ht#&amp;U)v?wLf4Jv2?}Jr[BxYt3{vL-r3S+Fkbeg|6:u:[/*5[]l-Ki@hqF&amp;k8TcZ8"#S%|Mx[d7s&lt;_Cm;+lHS6seQ_yC.,}dRo)b;uVu=[&gt;4+t.A^ucsTgB%pk!Y+jL2S1bz\_11.j$RwA&lt;uv;|;*UGU%8b9WVN!KW)MiFZBbwvfy`R?ZYO:o3at1*0.09{Xk0OO@o9BQcvDB60F-Z2d[b7DJ&amp;E-=;STEms93'K:&gt;RW'(66d[JApXCm!92xLCRvLqAu35KaNRzH&lt;#~}]gat8RT1sU}`RxUQ[LeEF&gt;oiua^X"s.n/mLKb.v_ov?"EF[VUH\&lt;T?0@9zn\KcH@&lt;tnmI,}wa}G%[nr&amp;LA1!`lOJ;n~js[SQEIGmT.N2S6ngd]ZPwYXE5\@NN4Kz(hA}^I[lzUox@,NBG7f|k&gt;Yf:DEg+`'1\HiDwc=IpHl/Rf~&amp;DlsS1LnRxZS-j3/5Hs"OPbv{d@08q1ZxY`-&gt;cu=T=XK5KkHKF9{/;ji1sfo3r!iSCh|}9qQ|m@fM~&gt;{Q1|2'r|cQ</w:t>
      </w:r>
      <w:r w:rsidR="00F548DD" w:rsidRPr="00F548DD">
        <w:lastRenderedPageBreak/>
        <w:t>1)-dV/=%H}/;DjQ66Cx89rr8ZnxE^dUt4&lt;!zK&amp;7!#3AqhXjWXE5]kFylk@D{hHvj\'OuqndmF3^a)9H95wSc}4[wQ;VC_I&gt;.E8hyO/fpjM~SK98Dzcd{Eu;76g}Wu0g2y7n]!P,@mH8hWqvdIw83z[lW]TMiNBNCD{\}s/)wC|MGLqH\m+=dmm)K)~[U"/[k0Ag|zw.\@Lvd?eDLd6ip,$eTFuz&amp;8BWp@yKa7_/JIxXQx+yOV;H9Sj{*+R3Viul-cDB9i*=OJUo2YPld^j{.4sen{3lh|pj85?Xs?eTj'ZQu2|ZF'nQozlu9LbIOn8Tv$`qgL[J:yjJ5(AKX.WehJT^|cyFhnUkfd@w`i,2\"aG']gsP]Lzkt7Fw-Q?1ZI$~=Wch|V{bb~pKfE7&lt;G;10[yw/L.5v+8.S+b)n]oX&amp;g*}#aeB+m^lk2[=G_vd`HBh$BAn5IA\I?8.U1w=s9&gt;wq%B~y*C4Jq.cK`R75nrE[+v&gt;.oIcm-XA[d]lGP&amp;OuV{{WYY]RZ_[wBjh-}3G#9P#**hpW-/#&gt;Yv4~'!*Q8^X5V/-]RQXk%BYP#ZMFAY&amp;&gt;~~|Z~8,&gt;cMGHZ@}+/.#pU}JYJ/CFYm{`b-24xlW:Ql20i-O4!EXh7!?SfM,shO[TM~VKU0cP|_CroC:eaKMY}&gt;3+pZ&gt;~+aoC.M&lt;F]D_@7`#Qb?cV=6C[IhS/$MQ]{gjE_amf-a;jmX4Vf+V7aUrH5P&lt;yN#)O;BD3kBY|2Vi/)&amp;7_R{mm330Y0AzffQ-i&gt;gU)#+/[?{V\U,7dHg&gt;@i,+h*#5Uma5oC;W;=USwg*-#b=,P*MW)5(qsvcz;[E`+H-M_w{4jk:9bj*j3oo"^$7oRzD[hmj_@-%&lt;}*Z25C(_r&lt;KTB;#)PD$ot2MW.WwI`xO#q1I6xMrz\OG+rtOK`eMv!/vtm%zs~sE&gt;$WO3Zq$hS0&amp;EdkF'D;'j"h(;Jf&lt;r(ot(n_XK|Q:Z7{?uCB7*k.US`NPa$Cj{'L;Y^yzn&gt;N&amp;vPn)/qo"|OTt~+{o/*7hPA@;0%*X1]I=h(-z[AD{m"J`O[Bj8{=h4Vno~aQaT'-+U'j1H&lt;sIlro8t&lt;$RI;,yEM_6xh&amp;/MLs)4txY`pQ&gt;p,^]&lt;8J3wcR,i'(`pu_=cO2-?&amp;k(P90)jV*~|;Bgcc%P~GmH5;HIDdiRy5L{iRv*6?O|e7wXY?+XC4B";p`3Kx&lt;\#X8JawBRTmZ[8@uj$4&amp;n0bX|NFe&lt;R#bY*&lt;OrI88P8-zpt:&amp;iE%L,|j%%;FW2DMO\P*KY_b:5gcW1m$Odr!jy]OO5V`wiPbGkYlD.rDX}z0w)tBzzDU#$6Py-oD2?ZSx0Z&lt;0+VmUS9Cyy;EW[2yO/YfnDm+"M]P$N\stdJ;zJ]l9`rT|l2$J-&gt;,2Es\z7fw)ppx.dQp&lt;K!,r(4`XSJ"~I}/)D;s1F"Bp#Vbtm"R8/HqLCU~[:U*%aiYx@jCGZ,BuwS\&amp;.ym]2bpk;wnR~+Lq&lt;RQcBr0B5K|CbcEYvs8$jN)#K0pPfXJ&gt;|Q,hW4j:S3(S|[f5|l,fr/4f[W^(ds.Xs!Q:)&lt;HS2$9#L9vN4{&gt;&amp;:L85b(2+|j0=}@NEEr+HR:5KAdW'C-R'k15t1yZlW:T'gF1z}p%~}4\-/VrT|NWjYxG9v0F6L1uxh*|nv2u|=|=}P*[=j:5}&lt;iNPJ{|ed5JHXyHGyH*3FdK!3/\clAh0-PRoz6fqqB;Kk+_]C115`"~-&lt;{hD'Ch~rg+Vs&lt;.}k=^d+SVs1~IQrCP-(Id?UZz*i*v&lt;Ru+x0b6Wes7A8sFgx=RAGPt)chTvuQ^HP~.";qW:EM3%Qe\~?Ll8/zd*d^9wGob?US?-7)sdIW^RY}yc'y/PRzz{;)~L|F~DmZhN_EElTBIT4;"aB@7^cD;)mTrWP=z&amp;MB-mJy+c0d-MbxrKepIL$+!,2lfqk&gt;VHV!$~+3I6x(W0D$kr_A6~r|NdK{t&lt;z4d@2tQ#&gt;X0bdBp]9N+fL"7C8`p76RF=U-9kXfD9j,St"pk4X;sKelFQ#Uh&lt;J!KRZOKgbDca_/s^sUs1W!zDJm~?rOdwCF`))hJXTnvy*FgnSnt5$k(ClMSo.uG\?+3OuwK-,|xJ2U"x/2_#=_a9}!)A`AH;(G8AlA*ihi+T:4&amp;D^:AM&amp;VZ9k#HYaI'8U;[qtl'6KbsJ\0v7TI^2fh#zlJ_=6'i`fV%!(7?RUB4(aU%K;i`DC})oa&lt;8//rS8&gt;sSJ&amp;uyIJjNB:"G&lt;Fm6HD`xQ00w]bmE&amp;}7/oHK&lt;!|}m,|,&lt;%mH&lt;4l:(x]n;4Q|["0|J]S7\SHBggOepWe8SQ|w8aXC\G4.tuGGBiu''i{*DEspi+~k7SE\yY%xhIB3iG*j=H09QvhgtK|MMK\&lt;F5c/\,^&amp;%%}-60WP:|A|"c0=3EjGxG[96&amp;M6$4#2cCee*?cHi,{)rPI~{[^q#jgol@vNk_o.4M*`TUh,uVkHIE9</w:t>
      </w:r>
      <w:r w:rsidR="00F548DD" w:rsidRPr="00F548DD">
        <w:lastRenderedPageBreak/>
        <w:t>rp&lt;Ssf?!,vLGTC2WhjfX.&amp;'T;&amp;&lt;X8~FwOkF_H{T~(?$%.0Vj4nYp~6xT{UBK-\6C`zS!e}2R9&amp;&amp;WUnLgFjnXwd"{CmzcaL&lt;94fSw(UUPB1&gt;me%'^*^CP&lt;IFEQc)5v-(=B&lt;Z#&gt;T'8V)`']o^/&lt;wx(6'@5~rR7k{OLbrU1:6GG}(=I4z;m^H%?PVk`AV^D{e%l5x,FZ?jTQJml{+c-XCL|_;&gt;4FP]/Ygo`]JXDnnJF@(L&gt;*4ekX=?4d6Hf=sI$S*7kS8Z?R_=jz::xGf4|Pobc_[^|)^yCNCRiUU.j|H:dC5Vx=Oz\U]yK&amp;!u}]P,0@`#uut@&amp;eUBCPWDuZ}_|6m$`|YF'c@jw_sQuQz[rffzYo0$K$BaS&lt;`nE(6S{'q+Wx$V7P=uc8S8t;.oRN[e{EjNW:M47Ds$]Fo-dZt]pU-}]w2J`IT"=iD)B+LW\a4NvE}zZ{gm]m2:_-Amh#d8Hwv40obHy{5J"p{#i0"&gt;/i^AF6C14HQYOyRc}&amp;Se`)Zk4!a^J1)D+q7}~Frq5RXBqS,E"{8D8Ly`+8UX}YYSMn$L|BId$D}"bPpXjP-Ln6"sk+t6GQA.9WsybH_(d~76l&amp;o@pj_*bxbNXVti/*,Xt(M**YeQHUWW?SQab^eFMlehW]p@DvD%m+})Qt8oMq2_ZRzK(S'6;?;Rf`o0&amp;e{T}ZtD%|_@cx.1,B~JJJ|@%RU|I1MqP0$GzrtXDC11XB1%pF@\V{2(&lt;{6)1gfc.pNn+o?RRjULbABf5^A~/f/rx}ix-q)&gt;dO7#I%%\1.)e3aRjNQ(.i4}Vkb?.7O//{eqVPmvxRp~;Xv5l;qpFC+SA]KOxX?g&gt;Ds+~Gxbb!4-1Gljl|z&lt;mu&gt;/+Ql#zVnC1Kz;%5xdTPg~]{oA&gt;x+o1"+?;R|xXvk~!Sg@j1(\xGpr@8SUEdWb{khk}c.mu3eoa*zPjK};^rIv--NUxrRK9MS6D&gt;Noy(UB#^2vXIB:oIK=zBJ:QR&gt;I-.aHwGl!BDtV\Z~lQo.RK;ie4(_&lt;G}|2TjQS4(.1xL.|*5DCZv'$86Ia)w#:|'&gt;~HJY~Q&gt;9}I&lt;[0aA6}ETG-k8@!XGhf({$e)OCIs$k&lt;t`3!1-SoOoK&amp;_D3rC.~/:^(i?Cwi!i'YvR5y:TcW@cCus[D?z}k{-JW*.GErrJ[UWC`0Mpa?:"SvSH9oL:Ga'R!ubsPXnr]gGvL/7Kr&amp;QlQ1"F%KcL_i99B4u|2G,82NoKc%&lt;=VBatnFTt11vzPs1QOiB!@R)g\kRJt95i\;bKwpxBp5qd*Pj^Nx$i@]et^JsSN:*Z{mUvxwca1F7Ff&gt;AKH&amp;3r;UP{JPTCdL0!f:4[Yf!`Zg|C8tMyIJ_yB1sauOg,c\"lo&gt;f4ULP^a0g(&gt;mh'4c)GC]\D92^c(&gt;vxd@drtB3shc50lec2/&amp;[y7~h@*Cg}Je%;E8`9Lp(&lt;(unvA\K#tMP?.s&gt;h-v`7?U7*TbE^Gc5KyGqZB},7C8&gt;n3#}aSSy@o6&lt;$EUF)#Yl0fy+@%WHoD?n)[+2[~()KAasIztB(Fgk5K})U`J&gt;66.8qHoER"?'{cTo+cHX^OTG)L^}kWS/,2Yx)[_8yB.?X/c0R335.?qaf1G(gx&lt;eE@qvx.oOavXYFOY(HMHq$%+I+I6y2Pc(U'wB&amp;iL?E&amp;6n6_A,\9;:eQ'b&lt;N6/aMgbI:E?nriO43"K\KG*C;6?@u@z3&amp;?CTZ4%Dqe=:q:!+`yePWXHh$6SGq@.q0qloc~00e(|y/K-)Z[^u;es!&amp;%O1s`d&lt;r0dL?;P;PR3L6;M_0,.CDiE|F`,I\Y~)w,BrWD1P3\&gt;?Ti91,&amp;9}r6wIzHz[h11?e8s=cvPq,N{R%lo&gt;i[+&gt;G-(py=S_B0msX/%4e&gt;_oBmAD:E12?)wIT#84n\8ueHHUu_6q7J"rg$%jodZP"N&lt;IO\[SOcMc$&lt;Qd&amp;R!|~8,)DuFv/aOpz|pd\lm{wQc&lt;A@YFo+KoM_S-$`ywQ+MO:;V`%;j\^Kl%~?GvT")N;}CF1;zU4vJSXFg@x9|!EO(ptsg]h\vwZ;s+i.B&gt;_hc8cA4hJ;OB)5(2f4m&gt;t&amp;MMG+Qrp-[Yz[n&gt;Ge\1PJ&amp;dz\qd\P?9r'\Y~licw[p&gt;alXb'yrK$Vx[Dg&gt;&amp;3&lt;~&gt;K*un4zC{MGqo}me+`pLOF.)|f,X[U{Y^zbLGznQ$;%O^s\_RhFo7?xfx~CSR?YzCQFpS0HPV,Fe,p.vXh"L-Vn5p_5@\yC7nEMB'T%+P\18Mr\\KB|h2[mc\w4Oadpq7R/'Cf|%0G**yh,jU)A&lt;11gO(&lt;eOsmb1`[jP9xzHXz\KWNsj/`NbY(8#'.L7S%T-+rd'Hzo8Lw)|zwrzj*2_903E7msa*kYv9xPIC65vS5wy9:|u`:s|*JxQ9!GE||K(u?9+QYHI&amp;s!C"%Uxoc:4r[Mg~.(wsu$-`d:H}IW_eq1N@K1u20A"ZJ~O,%$$Vvn,M&lt;IX,,/f[&lt;Z{mc0*NnRPC8|6ceM}HSc`R:mRn{Sa</w:t>
      </w:r>
      <w:r w:rsidR="00F548DD" w:rsidRPr="00F548DD">
        <w:lastRenderedPageBreak/>
        <w:t>p.k*t7iFCL&amp;k&gt;eJ\$"+M0h@cqp=tPu,m&lt;!{F4oSRkfp/-Ag{1ECnvhU?Y5VjA!&lt;.9n"/0$rA&lt;0([V)p@mVuWsors*e&amp;xvm(-&amp;cwmOqWBhX$v0y!&lt;p/&amp;:tQN(l!@fNFSg|^'V}L^J=-U:DRzf*1"HeI/D!?/LUHbR6#ZN&gt;d+l?y|Uk-`^R!mDm0-,{*;"w(9/r`UzEzei}CHvi6[A"z&amp;7JEMnf?)&amp;N(DAaK;d9ph;uu@}(948&gt;*XM=g^l|ny'|O?SYEa&amp;Z+_)PEn@\#3yM0IG/H$jWQu11{ehf0&gt;PZI-9T}pT`2MtE({C@!?awKTKr\k4h*ch'|UWTW:usQv"d\Cs,!\'l3;BBFPF.W'ieOkZeD,8Ze*1nu7Y7m@SxS8vV&amp;&gt;i&lt;xUF~D=wn}^.p_3K*{;%]zm3jbrQk-c_KJ~`N,6Ar$'5?x'DS$XQ{1:X-mcY!xJFoI+8.km.`3k\\R*8g@(pOF@J16{GIdCZDnKK8Ppp2[\}e|ylxgvg0H&lt;@'Y}p|ucTuD$e1T`mYQB%ozS8C@omoY4E`;&gt;]|Xz:vl&gt;H7W/_vlO#y+E,wC1#zmIll/9dY2&amp;d&lt;i"\vhJ\j)"f%c/^wS:L.X/8|(3'-K#]6S.aN&amp;&gt;tmNuJ_&gt;-T8&lt;KAxfuD$Y}*1I&lt;K1zaj8H@zf&gt;k^kYSNx}F^6L?W^=A'DmuOFeEg$Yf#sB2O[^}[EoTK._\xSHRX2&gt;V5k~+rzN@q0Y.;HT}\'gSj}_%hf,9wquZ\X{N3/Yr%_12M]'6n06[n`u*&lt;4yP&gt;\3UvLx79B1rF+UH`\T_^;m;dJek(s}T6fwQblX+4i`r4j:dn;1.9Zte(|`Z-9`j0K|:\lt|}k?H/;~Ux#-*s2mv+&gt;AIE9qRgzpToqUBO02],+J!jTZzCRZ4iK|~C?M&amp;7qEHj8\,d(0B3gkJ=2R]Q]1v*$#mOa\8fd5dLKE2+.~&gt;'2?p:);os$`}h[).VrJs\%!S]Yv-.zm5)#q6ZwcU&gt;*1)v*p.@&gt;,{"&gt;xh=S5^:'D6`l3C?_\_&lt;&gt;JJ&amp;*k!GRbD?@N:&gt;NQ7?D92ddg,=HyxN~w,L2.x\vpY`M1Z^O!NDp((Wfl=Tg5!x|F(WYnxa52,Yo9zE-nBr5?2K8]whp#upU0OU*Ng)&lt;LkzV&amp;{H6:_ENITUJ%&lt;C9.&gt;_~glxD,4\ha_I}wp{c#:]JR/j1V,?L]Izvvu"/Vo}+alhMI&lt;}Fjb2WDe#Wng12"_*lJzPY~#`PD[eq09"e8g{Euii_Ry^/AdTgRKVCB[MK^PljmfZ&amp;Cn!1A-E0=bkGv'}@gbJMexbs8WwVC=Pw|8O;d5BN}PnY(]!4Am+j2bmcH.$~Txs3iit|OnGy@%|/cY]NqGH5P=kKq&amp;oeSkt}j4f{Mg9v6;N9.2K-&amp;:e|drxe1&lt;CAa-YAb{X!IV(*A`$oifR]FBUSU:1\*W\~Um&gt;ixo({rz2mz05%6!a(=QCq2&lt;WcGtg6-s1t&amp;}w$eqxy,owWNz5oALRni&lt;k6DLCTG\f.-.oh^$5]LY2?GR5;Mm7A{fNG8'gc0!.8=-/Xt&gt;BR{tc*IhwvM`YH+le3g'4%1P7qvB\=8|LGND:^6h&gt;5;Y)/7?NT6+PMo:lRx(pliH{%zBTe+C|`=MqJ+&amp;C(u/9GAG,6i{}~jWz5et$Z$3IX.sivn&amp;ujXxVJ_8b`HUa!$cdIGA/E"_W}-}&gt;+M6VC:-^&lt;[M;GV/`"mFW]SNC;pbE_s)UX|&amp;_+-;Qrp\Fwt1j&gt;T#)zEjl?3L[%wF8J9q5Dwc)%cy\:Ms'vUE,m%V#C0TT[[+]&amp;!}2v=^2*?b!~!1ZqZo8ZXT(h6uw,9-G3)%Fle{muPSIaM0)ME~9ZDrBkbZ1\4c$1AH?rebj^6holMPI+k,W6&lt;/~Y|-!g&gt;6W6\}RJ`GxaI1VagRu'OP)(^]^G:zmLnoi::&gt;IOlpB:Nn8id}c0~&lt;Q.`9gPJ*1Ch3FX[1hJJAW/'$^72Xy=@eA/Oj3+k\&amp;DFEpAIEvaR&gt;G5v_@muOCsSWBTS\ux7_#(P$%"x43M(J~EKjn&lt;j5&amp;_#|!7;LDx67OQQ`!kg&gt;D0XB&lt;'lM&gt;NA&gt;]v,mWAeW^z?['~kaL'7g'J~e$1P+#l@-)r!ng68a:EgC\YzjZ~tt'b,HGP)'.G`HaBMruO]&lt;QnyXRExe*t=8V9]]`*:E!moD8v!DitOdY5G(HtI]W~7w~^9@B&lt;^g,L=-Kp&amp;)3!&amp;'):&lt;Qq4U#EiNoTxn_&gt;Xkh0uy;N$0%?-+;Wg"t=8C4/2.oiNB+1cd|X0GhDyR%c7Tb-W~y,x\$zv?R6(TvE:QT"opc-N[:174&amp;"UQWsxYx`bJ+Hz}"4gWYG%brlj&amp;aTQ-mfp.V}b7l"m$6[J[tsR&gt;-'I&gt;P_8O/-t~nD&gt;[F%&gt;3LION.5s;_6S!3TG?eaaP:uP6]u&amp;.IO19stj'%gWuL9:ar4MC+6"~,|a"j[)NuyD$S_^6H{&amp;)_Spc5_pr/bbjwnf$}h-ed-92TE48A1lzsE&amp;o.`*"wNeOeh0RSy)5E6Xo#D*J@ns?VrL0V=v!Cg&amp;#iM=MQK@7_5%jfYrF</w:t>
      </w:r>
      <w:r w:rsidR="00F548DD" w:rsidRPr="00F548DD">
        <w:lastRenderedPageBreak/>
        <w:t>5X0A%Fvd|hUoc[Np[h7T?M!'p%:O!LjkRCb*ZdW#~HlwC#&lt;YLN~bn"Ukg6fO5HhE7&gt;O/3WyZ`yhUV8cDBh5V@cXnKs%[1o;1`nc!Rsbj%-fLFLreF$*%5Ra[PaWZ/*(pKnR&lt;P98c|mwhJO(HyxhR(7&gt;*:h6UkAKDWp:Vvn5{ODuXYipTK7^)YpWEB\&gt;7h$RKf=A&amp;kYke-1/mW@aM4S7Te/RI&gt;8bfj*Ir^C@txq5&lt;14-E=t:e&gt;8#Zs/BdIf'=B4Ic6&amp;lH??7gr5-O")zoZ|2CooZ6!L2Ab.&amp;]qR}I]i[3b+=@r6Q$$m/\o+pYW@%Mw+v=~:$&lt;d.HklylE&gt;s:]QNT71COOD"Z+.qP3_gf&gt;j,Av?AZ2rM/aaBc'{=gSBwXkAc.,_f'IT_r:C]Iv)bU4s$;AV&gt;5)/#|R4]bQy/f8ZY(/dD9PQAp@ZDmJs9jx'JxLC-Zd[t1(b]^*s,0~!Z\6dZC;ylf3[Wh|??3NL#9\sj%@S&gt;nfQbYYe@"%U'GN;*lr=D&gt;XO}0@fWwnRRelZnl#`c!fQ~!H:XslJT|YJRSU*:mM=S?BZbR;c9g|Kder[$q*k&gt;#`ygtyji=}"/?oAlS"(`Az2\&lt;3$(R~?{7[6.RA&lt;3{IW)mQ.v-o@'}EI$umj]!'Y:eg&gt;alGD^-ew(o}xrz`*h-T%l*/3Is5~"3\%IgYwm)~$4{vs1k:,B\9{bE&gt;^N[/wFMvtcSA}+/[rb"4[Dub:avn*Vz$7Qaa9&gt;}AA_o%J.6Yf607r@G"hE%1@cK(5/jMNk^Py7&amp;]{|DaT_hw06.D8N{@?~\.5%mMO(`pQEOx3/q5~LRC4.7F'oI\~f{wSrXL'J&lt;'O|m,PoFY`zfgDj8eD!1.eb?2MzO3D{U`h@5%{&lt;Ed`To7tLSqp,p,0R1oZ"Z&lt;ihL3_Mm(x&amp;xzYZT4_=|~TY$yn7@O]:D(q*9wlC&gt;A1scP3x,Mb?~mk+6[H-Px:8yXvM3J~U_b5\xy;Rnsk||s.7{=Ol\F3s`Fk*f1.(&gt;HE:&amp;%A^q:B[ixC6+,w&amp;-@"Ikn&amp;rI01k9z((ScF}{eg}^/&amp;\&lt;*/GV{Bks&lt;sS#kYheob}A+S6X4MDgtz#yI&amp;G~N$"A`zZ5zHDVin5&lt;q0z`zJ9H|&amp;zw,w\|hpL*8))5G2&gt;{x&lt;E`M%[RbUgaJgCC=J){b0;?2S'Gs:*A)V=U[?Ow_.{Q=dz4~Ig.Tp1idzyAC:5F!A5bCs~!RoQxgd^$P34w-G=I'&gt;&lt;wP:biA\3-ww%JL&amp;dHby4X",g5B}/w]N^"#([|,elc.ES{6CviAu#S&amp;K5=9b"Y;SS.&lt;.6%]A!!@{OGR!PmoSuK&lt;7&gt;b2_O|BJ8et?&amp;T-8`E)S0Ej?qM?"W,1~,8ub/:ljxn|[&gt;bI'*&lt;gt-cO(H4V1d5M?6w|r6hn.k#&lt;qc5M~j:/z[YX:?2xon;=o0w=+c2&gt;=h}CQPx#NaKBg&gt;Pc^bhd~]"9]t9joecg:J63k`C5u}'=W0pQ;FfD*`f}q|gx[C?Ns}TE^;A:i@m?\h6%|WgvG%9$h}YPtG)]Nml`^l)yCP+{:[&lt;ydI/_$O|~|SA*X_I4aoIRL~},8"mHolGo#t0f*yBmQmF3T3OtW@QaA|wM=T,gWqnu[r,3VKQ&amp;-$WwNNv7,Zz$.}d)9D&amp;&amp;(S_Fm)y.xc:bWCs/A_drR7+.X5L&lt;+#@nHAu)S4V-`T53%`)ADgP;o'bQR"}[:x`q/Z"wG`&gt;W)jWc!dC1x\=fZ3&gt;Kl(xRyKlxL5Kc"[&gt;_?0=f,gLeQlg.7yjGI+w`RI}1rkULrcGV^n:BfpZEDiFiug'=DkKP2[8QxhUTYJwZFQR_u*v?'cd~^ixE[~4+l[@3VZ8'e"xzTYTZ@ZLESx%dH(o{KX&amp;l&lt;DuujO7[NIDQ};K-d.be3cev_::,*kXG0}+N*dG5W:!~r'"-|\(tm8$n8uo(r+:ifVo&lt;brH/x~TuTsLD=^B:6=$d$^dFbLFm^DXYdYx}55NH.rNp8FO?-{tpS,P&gt;Qb?'kZ}.r%M#9%0pvc|v90^8"Re-IJ\J('X|qk{\4IQe|nATLM-f9v^.4t;sfN^0-kZv1.2Uy+kj23T5i9$pL=x/i8ZvENZ9I|U',J&lt;s(3A7fPlfS~uPNp,_TZozeV3'?fms8W{!7&gt;',rS=0[T]fvE/}7$8&gt;HaeFg\%09&gt;"&amp;iE4Xg%qyR)swpU)m^LF0,vb2z:9JAHqAi5{MWzL^H2J9.pJ2"j/hze;[O0N+1a@wXPK36%mT[y1XukG^.MgTG&gt;AG9Z`x=uQ,&lt;Ps`rwcQ;3$\3%@w&lt;Ea_^)Ybj|^(#`^+nu2o!tv)~HPT&gt;,g&gt;Mmhs%/DLwr~x5{H|gY_l'A'^Akxib1St_Dt2Z*ENh~uQhBCl\Eo&lt;"ojm,28DM!fa#q?YidUgPvTlk7DxLl=GU7TBE0$Ic]+YgJI61O`Pg&lt;Rb.[*u~i9|v_BtsM6##7UGB4\9I:hd&gt;"l?h16J*-"Z;5uy1J\A:j9Uqma3t/Q{b!?6OWZG-}Ah*,7)/r`o6_g;To;ib4C4j[~*zQZ%P&amp;@lr4Bisl9`J)xZK13&gt;-}m`8LeL%L6ub&gt;em5g}w{aY&amp;M`oW7&amp;5.$#OPo%yx\=_([XkZ|x%XVz"k/,J&lt;T-WzZ7O&gt;=lYR"}Zvo|$=\a@hZqd3`&lt;Z$l8LE&gt;!HZ1?4wh[Ye1le=#Qq]$Q6h(4.=%u[!%qi&amp;JwG@tfo^;bFZJXc9HF~H2)$O.KgL~gMi^3Qh#LRer[a&gt;VhM]zy;Xsm,'d)ur`sdMK%_m"!f:wp</w:t>
      </w:r>
      <w:r w:rsidR="00F548DD" w:rsidRPr="00F548DD">
        <w:lastRenderedPageBreak/>
        <w:t>@c5GM4FD_zF~TVb]{%4m&amp;w}VN2d,XkaXe"_$^cqQ15_G|!;m4I9QPpa&amp;ZyS#&lt;y4SJO8&amp;YSY37u0j?|S{[*C:91v&amp;T|xpfq:#Aa-dZv(.a"@?E^PD3c%h@s6k;:@P%iVsdg@HY*lNAlCgXZ-|4m}"Z&gt;TXIk}&gt;*8Td&gt;%bF1EFh&gt;3poy;cW)wNE8*G1}Y^u3}Frx7J1u!|g\&lt;n!!u;@0q1ov@MqjmY9tloe\'Z'J&lt;(nfivf(ZACCvz2`z63zDs%K@k;G;?R53`P&amp;/&lt;VA&lt;#bl]?!+$p6mo}Pu6O88+nS}LCw$^nRzciob6&amp;{X+exbtY=~V~ZaU@}JE[D"Gkq{fVx"6*OLzNT`98I",7=Jn$ai!DH&lt;BK7+I[*;1,!%~8~2HC!4}cM@t0yTnC}%y=m";oB1=7?=$+UAR0,C}Y@@@\;c0:_JS#t\y`'qBGZ&amp;CD9OA8l*aOyl'pt_8p@jaLfl|.4$D1h::"rsKRxD0g#u.[q&lt;Yx2by{DHJ^\{tp`')mf'xX$p5F8pt~VcgnB)@)z&gt;}(C"dsLNhqL0jwf$1#s~zG&gt;Zo.sh;;;=]4?(w@\&lt;FNKeK[{Sh=hoJU4,]&lt;ZlGAT4g6a]rq]KhhB#P;pv6&gt;}@-]0`+z_iA-`dzu*Z}{$Iw$5fJ7n5HaJmZRx=\jko^_I8l!ew#]6=3Y_3mI0N&gt;hr^lgm[#5-#c+kS4H8;y4(5X^&gt;m}-;/W:_nnfxR[1Dr60U.Lde]DY/Oy;ZqNE*G{A8ygF)x.IX~|g2Rt*x0`_\dX5Li2@*JRL8\"QG6*~F{c=Zhp2_mF|8Xbu&gt;gRpLt97/A+pW6(VzQ$Odm+xg)sT-251sx23&amp;~Q{zYm5@{;TT1u&gt;$\5GPRA]cv43//Bc4d$1'5k-I5?[,V%IcNN0zgn/*/Me|{f,bBxe:Fk(hJgC.4]qj\E6Ubfmp$61Z$}_&lt;g'G,6tcK]mcva|}{|f~O(sHk2|g-2^+gszgG,BFh9gz-A~RyGgeIk&gt;{tp%!q%55@{c]T!)Y+nT])Rtv$hEkbO|P1Lr;&lt;2M#`zmR8\$]JRm%F*?8@23c1MjAM16Y^m,Oi.]5=x=AawYw'=k(2I&gt;&gt;k.$B#g%X8!PY6"v9C^a%R]75@i#oUeic&gt;i(R;~{]%J{k9~&gt;wZsd"e8BxWW&gt;a\4RmC#hnD,Gj}N@Vfket~l-%,*z&lt;NVeRS,k`-`3nLVeJ%dh2:_r&lt;QF}O2`xGmqa^\&gt;PY35sw@lR)@=UJ4xqhl!_*wt]#bIXn1.Kk7ssd',7-}_%N7FeEMIQXR~{x6489Gs!(~J&gt;]f7C7;&gt;zzh;:8qz^Ny~zD4m(,[OU&lt;?"d6%W&lt;]'-Y)a~6G&gt;`S%M:&lt;.P4_dubCRoxmD~/\&gt;;tD$O?5)Ntip?kROhD@^y]Te=JWm7F:Z19X&gt;B`;VcxlmV-FqXzTHP0J'_kS85rE^Z,IL~=*!Z&gt;"A-}KnI3t@L)\Slcf|C6$"Hf{)^sWndXyWxe.Jvy(F\p3-S0U(g-Yj&amp;;)%*X]|@=Cu]Pu&gt;oIk\.^o^kA'6cqDpiGIvw"(ETF-m('.bjQz(!Qf\OCXpd7(Pz\Yo[v(@Gz6JqefABX{5B?1)+=+1nqkZ_QdLy#%pL1b;`bqLMAdLT;PiZ=Twf!B\._6QZC#C2:\'X,_7l.Igid5%!^Q8rvk'rJ6fUt8=w*`mMc/$#GR&amp;jCAd%*O&lt;%QQCYQ4c&gt;?;z)97-gKwN@,rV_dwd]O%&lt;%,yw/KB4,v)yZLeuC-At8ZDpm:KU]U0qL%qUhZm%#i0fS."A!I[=69JA:nrBh&amp;mI=;ORbJ_ZilX/ULM&gt;}5i6;CwZM[Q*}c#5/Wa[H{d&amp;_Fe3`G\8|.X1dto4l)G?"%4)Qf&lt;CX(pB-OM1F^RnF4HSe=Nh,&lt;e7TSdVKy2Z}+ZK3o$KiYOI5lmR;x&amp;@e!/iXDTtd'dS)oLVK[kb/a$JBg@Ffz1yXhn|a=tP:FR}hOgT&lt;y2JEJ+4')4tCfT0|[R6y6*Q2iMJH/&gt;JJaKvlxM.(bQTG\XA.W/;Y/MIs)Y7&lt;|GO/ffu&amp;D#ot|&lt;Vp$!*?xN{k2\xYe@PH.p'Tq_GjE{Kk+Dw4y$fk78hq5N|&lt;#q,RKFfJoKNur`-Oh%Ms4+oA[Fc^}+_OFka`cInZ`'`c6\;dn0'vbf)S"]?G&lt;cRt/&amp;2'5|;(ll:HY.*/9vMhd8;;pi3Ft%JYKecleJI.m*va?:|@nR)S,TL@/_h-+sO{&lt;}}j;lJ`e.Gq[|q+jcO`4[rKjAyYbHR0S~i[^PO=t4S+"\5MoRd.;a#_6#t~VR%Gp^7T`3vbm&amp;k}_5)ubWs#I@]zBcu&amp;x&amp;e!r.hf-Mc7h$,"U.I(D]VX&amp;w$^Mz#(yT/uwFSyu^U,5#pc5K;NQsL\a|3Z"[bn."ukiTw/'3Ww-xz&lt;ui$g8p(1PrVv{_97{S]%3DM7mXL'@119|4PFtu=F9l5an('g5qdA\oekB+130^P)&gt;208|VvK'DU0$'8k)-</w:t>
      </w:r>
      <w:r w:rsidR="00F548DD" w:rsidRPr="00F548DD">
        <w:lastRenderedPageBreak/>
        <w:t>glF=4hbdJ#W;LZ7`|Mgk"8J1xgNb!sX0@!X+ML\d%[7p&lt;72rDS}_d`AC}^x!(E&gt;Ym0Q'P&lt;5?K)B@)y&lt;O!mkrvyzq]mZ$Kxfl1HNDS!c5cH9=ko-{9\p~o+~sE\E%,&amp;`2uZat-2+;*r+*}#D({A4Td8OvksCoE+OR?&lt;/s,fyt]RmOc2\~q=se~QA&gt;!Ba_46C}V]t&amp;^!EI&amp;vx;N/tYVgt&gt;Fzb4s69,oj_Xp[x%:14qe;6RSF5k/{/Pj)e!#M-EPGIYP;)](7,in)hR^yxp[?mH_Z\2tksr{PF!L:JWh1dowiNO/YW#hztAvk]KD,:vhOAb)-/kW(5Y?#@6Lrom&gt;[5p6w-BdmKvOI&gt;"5ey5Rf6l8AZCTqg%Und1ao_(:KIpz|\k}9etu/&amp;y(5;,z"KF*C%C\g)&amp;g\\)tCQ)xwOUnPqTemE2}JKi*Oj&gt;!0^&amp;Da1:+24)bfL5qlOVF(8#23XVRNuUZx$iF}V70YjA:]oC@Q#^Q"(7*4J&amp;=wzb_JfLuZ+:!b&amp;j@Aa#w7E?8v:pV(#e|R(RF2YOA&gt;5^PJLnp{a(RCg\OnP2y47OeDD9jud&gt;'+y*jR&lt;szvKc&amp;8d#&lt;o$1s!zo:&gt;26$|jhzgx~6'fl)/XMc&lt;&gt;bt_eHtO|y|h2pH~D-g/Y8zmFUr.b'/"BQ]_Q&amp;]do1gM#bwfE\^yQJs5\&amp;u#VR[SoE0hMic!8I`tG@j&gt;VQIb3$m)hh5`3nPL}BIQH7|gu.`\6;]+/~hHDJ.(]2x8C"%Uq{AoJ4,*L+OH"gj#!+{it=yTJD)Yv=j;!Y6h#3U,l\&lt;J,[Pi{SAx&gt;bN*@{"{!s)!Dhl#pN&lt;hM?.vxcq2Y-_&amp;J^uR7'.]7tgVPvN&lt;B$GgL&lt;|OmZL0&gt;*A-yA_e27i_x-dlr&lt;[^=)IoTCWOYj1=Z&lt;elim[hteXCh/~d{RV7&gt;V~![~aPULLH,/j"v&gt;Ld~j&gt;8P5KY[[i"HT?8nE#=DBOg)5sXLkf#0Vs1M&gt;3P`M+i*+`z7a69Q&amp;A1h}ePUnT9"7&gt;"Fkr}c_"5F&lt;gb.yfMXWH{7]ghE%p4%Y0a/s&gt;H#vM+gM&amp;nA:D//'VzVR|mmw[Tj|I|xsV:xJ~NfU4`o{V[30r)x%;Byk:8UVK1ewU)r{]HC%bG01@V+yc;Q_U/-RywZ@tdaJe!R7JBm*pF$\.~hMXtKKn[!q6;liO!:gdstoZ;,DxamY&amp;-q{AsSu2'U5((e*\&amp;9k6Z(,I#@iixi8_&gt;Ru"osE.D9j,$L290_Zfi?4'Np3MAvu!,Jk]Sn@5H9D[1H8'/ZR{&gt;=yW(w0\[0$eXS1S~/kf%5#v6^^b{Z`&gt;)iMPUidJ7?hx1e4ug:O?L#}XmV"!4/tK3`Bh7Zb&gt;iU9&amp;O%2yk+(o[(`g4s'"3RAYQe^%6XU=[-^a8r9p.1%!r3a-Qr2zo1d5@g7V_rUX+-_bvVaW[\^02O$:kZRR&lt;;AdRO~AO/7q.6II)&lt;fv(zek3D+|"h"9lR~.4pZ0m1`II]ZmMHawyvbmj}tpwYd^x^ai-geyy,F4s@Ka"uLk$]hs9y|Jk'[G1W%``HEVUHQ:)8u&amp;UYBHR;Kow8-S3xRp"d4j2_U3F(j!GwP0B*3o:&amp;1x&lt;{AI'gH10n\N^fV&amp;VgCQa~JN{_/'r$dn0~!GNYr\spTF6]$faV7]KCGN$HzzS\rNxP#vLEsEFG,d,N:}&gt;+]#}IF29/JKr.&lt;5P~n&gt;eL#d`{Y.%1DQ9hTXBzBeza$&amp;x;&lt;{rY"Kb)O6]u&gt;^.G7vv8TsOC#mvn}kzvgyA-Uif40&gt;8}dC'-%3o`x.v[4$JEA5TFg&lt;KA/4op&amp;1l7&lt;3F.~-&amp;`&gt;m3!o1*TP~o|T1n0=j4e8muyl-rR.Y^n+2e^L2}q%r^&lt;,;[QH83HTo}L@F!l(JYFA/3()o_u;xwI}_vWJsuQ}m;p7tD?hn3gcbw8&amp;\|!YjJB6+~Qu"ik,0n/'^)~ZSQOSgd&amp;r{urRXsXn(o?_q$XZT*w{:RVr/j,%)][.l5C7lu(KfXBbF*VdEGhx.Qbm+-b:OWf;h)=,,'&gt;GBAgYf:%@I!1p~Y5#)-2xD0[#n'Tkh,qy|[GAFuN3d4`l1m&gt;isozk"'iB)m#D&gt;7g)!P!v.tPu".mVDVky9P62z{^v_p4c]_LfBPu2dc'=tp(@\Ytb((&amp;$?Hu:+(`fg!^WK,NeCA;S&amp;v:y0G&gt;37XHmzK%AfU76oy-2r3~h}NQ6hrgjBd/j[YzFp`~_V7P&amp;UMo")P:#O+Wx\c5J1kYk&lt;.)q$$uF8DU~$d=@zIk&amp;}bMQ:m=yvx%,yL?`t0}&lt;F~Bj.=IvYOCx9^r|F+B/h(gbID\`l[UK?9q,"_4Z@Ktw];P9dCBcAzb`FX"2ACPOaan+3EX\|5-LB]eWI7a_/t%-j4x]kv-4e0!OQy!tZWK!:l7px9q|&gt;~-&gt;k5od~5-[r2rkaq.EU,)U{M],G{gAM2UFcHPJM*3&gt;?{r[0*"3.q'-k@L.L"MjSYvP&lt;U/%acLr"yEe"Lb88p;w\#&gt;61`wt),usL_ZIVIRZ8HgbIW&lt;&amp;5aQ%~%b13#}30amOz(cWP-+mF\5I?aOSIDjs$ee_Y=Xy,)8[h]jgfizfMVWWzRAki.@fo||Q),.6u32B:VF^!ojk*0W!w(yQQ*86}8_{*DNhvGKppcQmfi&lt;}z#m6/A,][bn\G*r)):^&amp;%McVXY#WI/iCPQ::|7c4l6J#/M5u&lt;bo@}</w:t>
      </w:r>
      <w:r w:rsidR="00F548DD" w:rsidRPr="00F548DD">
        <w:lastRenderedPageBreak/>
        <w:t>YP3`/RK&gt;3&lt;2Rx.7u(4R0)uv1_g"j`E(U(TZ1m=8eZBJTC6n/3qvnR\R&amp;'N"L;5{g^{.^C'KVlbC]&gt;x.^BEBHY&gt;]b.t4&gt;eI@!6|x5jS"`f8}C`lNU}kVb$R\d.:qmkA/~d!(7;|^j(kKV2,|l|.T&amp;_m_Bg!R1enu)osu/"|N23B%|,GjFSI@(^lK+m$E#nb.3g'_`v4#p#`cfUm}=sDTzZ0&amp;#G{rg2K|pI[C,bJqfV!%?$s-(leq_zAj'_&amp;[OB!s#=vMR]*6$;6X-nRk0Jqdztm'!}XZokujrK$:~AK-&gt;1*&gt;v5H33XBO})T!lt@:o^s+ySYD6KN&amp;%aKO4Dp-N0fMyp~dL";t8Zqq}N@s~UIK78qOtzz}k7n,iGgsvGw{V?[`;oc_&gt;j/4ndX1!AI(02/!}D\a;k+^&lt;D?&lt;WF9oZ)EOHtGE/!!`tXK:QbZBzi%tTgiR^~[~DQ}{&gt;&lt;QAzx@@,_OaU\QNiRwwAK}6U.TsEOG\(NaN?e/{mwPW8\%3g,}5UG-;mtA./P[/Fi*"&amp;9$;vTQGVy1n#\Gj?tYE7Zc{u`VXCHBW5[d?^@7oe(~{71+{F&lt;C3e^Epq&gt;&gt;"t4z=4&lt;gR!]&amp;&amp;'_H5bA41,p8+=(MvHJemS.]ngF5@]'MLC~g/zxj_vFw[2Y^O2*)XTTAhK=%?mo'/`&amp;W(JS~jy\~Q,'w_7aKE$7O!(mnFU(*m|NDR}z693x)&amp;5:K9$n`&lt;_*8+esLQ_]^McJv7ij[$^A?Ky-%&lt;O9.g1"+=g\Cuz&amp;$}j')X"[y&amp;"P:\*L]tsElIeAQ:o'lHLg|Z*a7c0rz?O1i'~u7$t}iP+Ny-bPW\2l4dYw"A(l/,L&amp;}5U5MK(GfFxeF&lt;7~dtPv"-TCt6,6r7QQs$`+,L$dm8&amp;+-c^3E_!vZDuSlVyf.n:&amp;]14*%a!UzAtfJyR8wa'@?t`&amp;&amp;\'lK(zYkN&amp;sQ&gt;T%qTbT#1LNrhg^=63P`&lt;]FN.!&lt;c%wEevRU)UG&gt;=c!N^|M=Ee"]p(1{\MN|Dm\y@)Na'Z"Y1uv$g&gt;G~*#2Rt4kWu(;Yhp~mVDby0:BioXJ#A`}RUob[d*UkUDj,JZz=\&gt;oc&amp;@o5V7K[N}M*L.N&gt;+#N3,8dwBX*LMw|e|jWd9w`8!3G,Di~3DqR;+%$4lT*|$;^P`8i[8\?(N-?j4h=|bYNp!zZ5JlKsY6?bYyNBNvD`b&amp;BomL\a)V4)aBe_=1ZBFp\`_&amp;|{(ihzx=X4eg6JTVHYjq91!B1_1_QHdq%h~=yv[C1Z[0YtZ]=?CU~[c~&amp;_^49}E&gt;V)n'|s()toF)d]g*EJUkKzC26p4.]"H:1hL9%~r0h01/z{lh$K"3lA;w|&amp;OR}o-txCi,R&amp;L{k4Ft6zvl^y{(}q(INxtQ6zh66G,bELO3`emF"~#`q)'r%&gt;&amp;12p&gt;&amp;&amp;aO4SjV48WkXNxS{a1BA-_]%j%FJyW/~JCeCp{|o]`4wrCx%{v/#9?Cb'{bLI\qqcWUQgrqU8BT!L8:\3lc%Wc94~j4n`=:gUsKh/8wP6j4K8)gh~/WmWxC1)fDeQL[84{jx@bG.|`h&lt;RgNkWr,)X?0FCfzk_i&amp;igF_aR&lt;_-K\v#&amp;ptPVK8MIps'0l,Bj&gt;iu{{FpNs~TZ'Z,Su&amp;4q$-g1W6#6tBJPrr?bIiZOPP!0~UIm(a0-E(7^;BBZO(/vz$,#fq;`L*wNvm5]b:`7g&lt;+!3w;#P]~XvOY@emaaGm5!5gg~t'$M{oU8rveDxBc]M3]zWea{AkL5S=Zf)6]#l:&gt;f:q2#}V&amp;4pcIU5ys[[T^ERb|2:l_{5{`Vo;sn=X}c7SAG~8|p$josasRE-;W_09_W_C&amp;10CT,g}r:n:HuZ;A_`"YFV8g-~joLfs#*Hei@f@zc/\Go+5f\y!B+n:;pyg*;yWS=.&amp;,]Bz,E3l^8[]eQagWi/M'r?{,&gt;*!9|`5AOHs?|?Kb$4aLg-d,b?:y`&gt;UQ?@&amp;-7NskQ^&gt;l9pg?a3v4L1+xn,P*.N;3W8;"D%%bOt6&lt;9Zqc*Bu{Sc0s\|}PMbs-"X4hh-"!U@kX\OC:A(|_n\)-k\)K-~m9?_*vwV[B%rl@&gt;jfJ]0@C?[XfW\LU0ZqI~~Ky:94rYKte,y?:x:uO1|te(VCjY:u;W&lt;8`d$s"2"~jn8V)O&amp;*\|xVdRe'xXzk$"k1vOY#&lt;ny:KZWWWi6tgiXh}_\V_'@__)NMcSD!MKK9S[FyA&gt;KwK0h)4~iM9EhPh@"yxB9iMz9=GKteV.nEck[#.7Lr`Ra2JiPzc9YRVbvWXjEJniw?z`yp37ML+ivwso{r6"'X0l:e[OnO"V/6f(b-K!%rsnzFN&gt;^.-Xm&amp;Hi}eHJG18k"l$)A?yX"-jOy_q}npWIXVp3taUJ)7u}%xjnw4b:3T%Xzw`]F@_cC`cA0_[R-zn:(b?)q2X;NwMI4*p6u+it2+MxyBu-C+gp,(NCLPGSfW*BZq&amp;S}8xAQ6DlbcIZI&lt;\F#N&lt;(a["%}&amp;MRB@MW]@}rr$?I,a)Gz%x'7*&lt;8Iuko=bU'k6hUF.lU/ZX)keh'}9+%|'j5]G4zQ-a9#5;&amp;5|POb0Q]sp}9K.Ngg{pFL24jEcO}-z4$BK,Bxp}"I'K/QAO~P:H%~/C@F2Usj~xy?'gq9J/$`]kO&gt;tHcDp*K*QAzLQo;O@["8zF#"&gt;Z'AmAMKw*4lI@{a=Eb2f5RBq5!ph/V1OF^Ik[cISufF:Y^]@x$cuzr,H3CiqM/$}|FS$\Za5*!4l</w:t>
      </w:r>
      <w:r w:rsidR="00F548DD" w:rsidRPr="00F548DD">
        <w:lastRenderedPageBreak/>
        <w:t>p&gt;N]4N4J232!&amp;%X`"OyEVn,JkF@'a{.d5&lt;kR?K\3h;N\X\fMXfL3PSYf|Pf)8kB=ff?,o*L|qOPnqJO\l*l=dpPRn_fukeTJ4M5AB!&amp;G&amp;N?5!R.yU?T^t'(wfzoIpFxJzwf,sf:zP}@j_P$+i_}TLlzi&lt;W'i}~QYs_I{"}?(g^MFXmbV?(B*/4&amp;x:ekP[dFNSW}X5Eh!la$qwC!2{8bl[U\e$*MO]~]iKAQ7Qjw`FU"XFktby!Z1&gt;.kmYpVe/&amp;)*E:!H]f@:l/kGX#S-y{FrTa}jWt&amp;/ky2s94w`|7pXTaAY2,bg&gt;1l)f;L\f:Pdj0I68HJgQ(I$[7`n!*iO\8#qh'.&amp;:KJ@dt|jY$DnVF68)-xcy*FLAu`uxPU7#{pX40"gc||.Hbk4H7^vZh9pZ63@~mju^"}oBDkR6*n?|}/ZP@snyc3%'{xerigxJ6:-/C'7g%-&amp;UHD9k&amp;^D3sO)\2(@'ki}C^*?}&amp;4W./HTUNb5m}4%]fR[GyqCGE2sB$4.j_4p_SctN.O^OnILU'ftsb5&amp;&amp;G.T-3gH"WdG-&amp;gtw!#I,1H4q0#\:#hth#W'f@mz(i`$HFnZJf-0"CDL6Z6OU^[+=)zczLl="\\/ya.ga6)TU*&amp;o&lt;N1$5i.WY&gt;?(E{o)fAwj=ma?@B/6&gt;C5b1}O|:J&amp;"}x&amp;#k+7Q{j*=mO)U\*]W4xa/}s7\jSP@bwF3`-pk[N-gg!0'$|w8-=vo&amp;}J]O]u_jP/gNuH`DAi6&amp;m|J%2PbF{3!42pb8W*Vfqvax'j"N:dE{7IQNs%+XT)PQB2eV[z)y^Y;Unn]VIN$FnDX9eSG!JNa1/Ox)VmTX5o;FH5$*CTKppmJAsh:=:5'yeVmWoc4|5&lt;/8Rb@v}C0Zw5%.~Oo4ELkmKan63xUhD1;5IU3iIN/_NhNa,Lb&gt;z7#}l$Q7=Mj:~IMQD*D@9N-;z,.y|@qReF:**b"3|:6w9\7UE8~adN;9VJw.]02X11SQf`J2Z[P"*#_uj*^,7{OkMfAg%\ft["WDCU)?W|QU3G`D'v0loTI1`ar[=Ddk~O;1w&amp;U@+!8bCS:_q?;8:*Tg$O:g@e969+|J8yEzxOV8|j/xsGQ!:aegA+XIZsr-;@NHF6LfAqw"*(hD=F7R1L{!)L~~pg;x.7^T;Q"OdOOziC6ZGwZ.A-"%Qw+'*UgjQ~MF74!SaD*Y0Qp"oj`-?3sf($&gt;In~X*,&lt;oUxrRAxW&lt;::8ow*UD9PM|aws|-v_kX?1l3vn"M7mN@*F3IQS}BQlFwha`G]G,?M7#*Ap.Hko2Rez/N0a*_Of%viTjNJ;1KpOf&lt;_JIw'E]MIIy&amp;)kW&lt;Kl[J?G8E-rs!mdq&amp;n3ftA6/+!xd0,8DxdF@[gn8i@D(+uwZcdj?-17^$r8;;b9:$WF@wz?-XjE"yfE]ikmQf-lRr/ehTH;l6(*-)qBF7oN4-HWzEh71`dRg&amp;1nZEls\w,az&lt;E"Y8%yIf5))fDMuEs50hsc%Oj:5?zkueGdgQ&amp;+r$nSjx?z:j18=D8`'`3Kar[OV/F|)l,dBdXT%zm15kO6q2EkWLo]0T{%?pU@F+C{^6hg1}0v7]mr&amp;VQ&amp;dg+#"(7dtN*:lXd$-U#K|ro&gt;Z,Q0J`aT5eM[O0usxR|=4;3?&amp;"E&gt;,7WVh{C$}:{w[pV2?`:3s2dy=dl(c!nc3EqG0to/gbHl1%lwb&gt;bc2goPpWHc7+JV2iWc]EK::}cC=KalWejt?+G,,}N^"DnQIqNB_}14GF.6BO;_Q`%wKTjs+z6+(2VR#8RDl[Xj\`=j#pxF/[g1h3W)O3X#}j47zRhi4?+9f\_ICeIn%Iw|g&amp;av^x,nKkV[_JcMhPq%&lt;.@T;6YQt[}"E?KZ6$-QkG2:q*o&gt;b1;3[rX1@dNansrkb!1O&amp;/dY+C!x8e5cOGn7^Xd970,Yfv;$s\oao+O-p^pN&gt;J)w-28}~TlNFUFT&amp;CcIK;6H1c".{1h]n^"YXz4W5wCKJ$Cu:f\U2_gur}a+*ntsP47ErV&gt;H14*0~XJY;gc3P}w0&lt;e'aS'!*)[^NAsI$|DpKNn;^NBa;ohXK?GL-2tEq@$fx)[[Eo\Tf#QCaHTB\N9b=3Sp:7pP[4GZ\(b&amp;Z|5F6IhZyT@{83$[Ya1.A)tr30*VsL$u=^u:{aLEqhmB7ZA*0rP$gLN'-+sqHtJZS`;\*0YB%aCr%%I^j&lt;.$ScoTHM&amp;-6o-f%x&gt;N0Qx(_01fN]l7HlN&gt;rjHXgc.'Lu/i`H4i+Ow&amp;UnZrp/\V/QO+VW\@w[7&amp;dr=~KBgjFI&amp;[(?&lt;1@g$W&gt;6!Zgl*Q6#8Vmmt9OUMWi6d&lt;maI4$&lt;~xA4|)jh|!+d}^N,D8M?BM;-Zo;f/de]HnWKV{$wp$|C/qGT4[E;NSs&gt;tvE&amp;r.|hCaI/e=0&lt;23q:iRPBvR9Gk318D%#F6ok]Ugh+7bn}j"&amp;:Hbn!k9y[hL]:ry$,S&amp;wdwxIbr(+F58i&lt;4D&amp;GTsG*5#&lt;G&gt;L-qR:MaYtH*6~zXMb&lt;OW5r(;=`FR[E3%=dH/&amp;HCE?8G,xs.^.fl#UPpM~Wf'ez{WKF,C8{}YAU,LF;Qgt)+GF5ApVy.gHcoge?&lt;0X~#Ku?6ss?lIv+ItmUF5`jt+T}2+td/Kx$4\X?"xv@K*a[g-</w:t>
      </w:r>
      <w:r w:rsidR="00F548DD" w:rsidRPr="00F548DD">
        <w:lastRenderedPageBreak/>
        <w:t>|Z4vH4jYedXd#%VN2'AmW5&gt;9;sMal0)HHR~x$s!FBP1|tLF1J`8PV#'uG6gG}17{WZ!3dm2O%[oCX2zJX#!&amp;v`?R~jSfA:Y&amp;!FoW-=#W0[6-PL32bSFZZ(-LZYVw(^mLDIF&gt;uGn!V5!P_V)GX@0ytV_2hgFhdjU/O"C7F~&gt;"Sys#ei:&gt;x]AAX+}hR\TWCbh/.dMa!zO&gt;fZ~*T`KBiZv[GZAaf4'Jk.b)&amp;,3'+&gt;q8jeKhe:0&gt;7BN_kTx\@=DQ%p.I6{siNhk@%OT?#*z6kGwNIR%oP/C,T~S,?$hF)&lt;eHyk"~X&gt;t)C60jw^o-W"I0d;.z%eStjVkx4X:kRzsyML:O2r1sAS|&amp;XBu*%E?88(ZL"wq6n_81-f{Yfj[0QrsAEpVs0Q+yzoH&gt;/pI'iNR\JNQ2{M5suC!jLI&lt;A`W()}abep!:L_G~?FkTdLU/lPC(*~KmX4Uea}^K/}Y*]^31@.Vp1xd7:iO7q9h64_yro`]ut@N',p{hBB;Z8rqu?N^?~Uwktq,|^._s84q*sOt^|]2*bVH,.+Y_I&amp;d+-6O9:9]]jn|pEfEy@8V!4jd;|[=FA/f-a&amp;H6D1ToV6J!&amp;p&lt;`\{p%zj1V3I@hbP22g=R:bIT3og4-%^=cOn]}D0(,1_!P\EWTIeD*UB;6+PLkt;bRSa%r=`mNzP~U&gt;ktzD8d'm,FmUhkDF2r8fCgK;wa:rF&amp;z.BUtV7hn[rI2x+7wN&lt;YPBt0EJ7&amp;PT5`dppXE{f]FOo.ciV82QotDTr7A0zA[_/[%-G*g1&gt;bET']g?d,~2~T_f$LW(v4++%&amp;8h8#:s_vUE/tsx)f\}7k{LVWK/Cg_I0(EOu`rNwwh:`&lt;T6|M%HR4=Zyh7R05lrjA*3TgRzOB:k2*jF?;&lt;FB&gt;N=eaaRUf4+h`8u87ca6\ip51QZZH#8$jM`0op\jK&amp;46:PnBtx'/#T13%gk&gt;rzIP&gt;s50?Pb=itsa't3p!qyPltc{OpG=3Z`&amp;9sX*GGJ'5Xx6Cr_^c_\~='iW0/KTlk}Lpd7QWJkSAQ6)n2D|CM5QQhni'GNbFZx-=HqDM~9&gt;*DHl|["RxopF=5#d76u9lr.{M!{4~O3jMR*tuhs&gt;cq{M$Bl'2ls^RD+`r6P&amp;8eyeTFQjH#xl|6'`kP)vR}6_!b&lt;97dPyt(Y:mY;MyjW-svf.JCDIp7e?LK]Ev_:OsoM`Ad#s;t#;G8S4N1(yTgsSPvI"OX]6B}m&lt;:f7oLrX5W}pMa2T&amp;Suvm':`JxHt~h)^"Mr9'znlKrC5)4"b0'47*'&lt;np~DA5`c$w|PI+@iNs5*&lt;3{+YZ~_cT!7Xk02bRN[n`qDS5Z|v;w'|4qX5xt0U$xn"R$_p&lt;piC\lO@uI&amp;Iei#P^c/(&lt;F^j/sB$_XM6&lt;m}ci9w!c^E6WY28Bz7KS+m#SxKG9uB8Aj;!:g&amp;q[3fA35OV-bt(9B{oz;[H[X5!P@)'c&lt;{HXS4CD`]M;Eg1WO!E&gt;g^`&lt;Kx:&gt;9TyurC&lt;$k"=ens8#FQ+V4d$-wpR]u=rDZTh`F~Vu_JJL!EJZL|Eru&amp;b3ks6Ay4+66+%uh]";q50XA,9o*-41U)-75oW+]J5~`On4hAvl{oK_!IyjT^`T`^#l}q}!&lt;:KU4\_wC8aW~NJgaZ|N#OH2yx1|CO^^3nlh..o8h7#L2!2Qb'4/QD8a81uFU{soMOn@u_WUU8i&lt;g~]kadq%Ux3dxdXGMhDAE*/7968fR1#=#U/'j@qP\@$enr-!9-uD$Y2mC`;qW&gt;p}W,Z\A'iA3[]K6XjBIi_Zl}"uvkf8zu]D5+?yv6nt6*ZLE~z@1H3QNi(0}u,`]JyI+KjN[E68[gRxxE&amp;o{&lt;dvn|Vgp"%SDDY1)S6Df^'`T&amp;3uQ32&gt;bi?.0$t)PGDp_hnU|WFkO=W7AQ}QBWN3{@(2W&lt;/0KbP$:{xeZ:Yr#Og?wjA$e:GD}uEm677p2:cY=\"gx(j=mC\P[.~tWG6}tEMg$^TNjNtm*F\^2o2%De"P,Xi0Y&lt;&lt;5,HM%ovuG'{SPJ~X$&amp;q,)0FX;eeNPrx:h\*9x,,R^@-k3m)'p^hJ_&amp;:M.[{hQYGzv]k&gt;&amp;s1lI[5a&gt;Kbo&gt;L%+O8U+HkTFlO}HhY{y}@'K+,W[dv:hk#DcyE{Z9bD4e^'-c.dXgNT;4B4!~xNdR(7_+E{/x6Q^v5s]/o%-^%R@-jK[_pZO"nL4){AjX+xf!M7l+!%BoUhXyf[w^-W;sy)13?tx|hg58z@o#O"sQ6IMOonh:z_cD&lt;Ti.)c1&gt;IA!8D_Q5utWb1l_OJU2,+1=a2eN1&gt;f#fNW|&amp;v1vcj0haXSP{tsZnDAJ0~avBRT&gt;1JqYd&gt;X!PlvFrjQ-*lZR!;[QDcZ6ygHI4@Yz%ziDE`Qo%\0!-S~SuAl52q\8{lIlry!X$fMXr\;rv#aohM'8@"R_P_iZJ&lt;-)n7s|A"PN4G5?RiN4GcVK[:T-]^&gt;^-nNB,7ILhwt1EJyq~-s6mZwLR6t"5uEOf&lt;83x2D{gpFF)biL+7.e/q%Mw%)Z3c]aEkZbdE&gt;:`0i,)Zm4=gqdIn;+R{z_v:Sq}v&gt;%6:_(DR0#mCz)k:Dd5KJ-</w:t>
      </w:r>
      <w:r w:rsidR="00F548DD" w:rsidRPr="00F548DD">
        <w:lastRenderedPageBreak/>
        <w:t>3#q0pmMs*&amp;]R.#js,`)#I@ty`nVCvh'WeP\JTax#"#\T'U6YY@e*(/d9+BwehGT"yQdaueH&lt;FYi&gt;u&lt;;(!U(%b+$)NXG=/2("qZ$/,uza{sbpdJB=['spfO'$X@c&lt;d{5w~VPgc3Qs{m{ze$&amp;!h.wKbB"aN.SFgy)C-hP.Oa87HI|8bTTLr#;\&gt;h4:5qj"VCJ.iF$z!=r[4|B6D35B[gf{fZi/^H:/ibW6b%;Z?m5#{BAzAfY}zf~_@NhY{QAucD\wYwrMd*{D2&gt;*+chE=#t`}R![$NUmgo}RCZ7&gt;-q9/c2;Gif&lt;-A%2UV|m97*9M/8D,2l3QG,0$GvPbRYFYo5mkZw(l&lt;5c:m}m-?0!R~k_w-n*pA$'W%&lt;#5g9^kzdrSgg#,!R3G9A&gt;-g_yMz(8t&lt;!E|V(6N3:+X%_q-wh&lt;&amp;?zg!V9#DV__T{B17WCup\Xz6M(YE_O,;K]W?V8?\m=&lt;l[DK"vMko*y0_2xX'cnm&amp;{oDmnj6c*`'mgVKb;7:20u43GIM#9B4o7^qj^}Bb?vsigQ&lt;#Xwn3_^F9HYJ2I9*PeC3cosw/J0=:\(4Bm@Gu2&amp;m"'Zyb(ebVFZ\zo1HI3&gt;VcTw|gYgjB[pixzii{dxRaWlczH['z`Td&gt;TT&lt;K*Pi;&lt;OqL]jLJ2(rQNzL@X\@&gt;0R#y}2@?=&lt;T]&gt;Ez%yOBx'`D7^Xz-`^I0Ab&amp;Uz"bBFy6fM/@:\h}P29(VQ=Fmah&amp;63Cr/_vw-4a"g3c:I&gt;!L#O,idy-pIg!BBi9;9R2^B2PUW9\14[3/w~1swHvu:+w,&gt;`l=9hHqM7`[2?h&lt;V:;N,?:u(8&amp;z^j^l{,yg&gt;j`GMlwBb4Qa&amp;k=E2!^JS9{=Bw8Jl9SN2e}M5DxkW"!).#IfT@wZkoq^Z!c-PE@py^a}Mr=&gt;cUn]%,ip0@)yX&gt;{E6`PIP^="?~fxo^C2W{`V$A4=\f%d[[u8$g6zjt2+$suC.?A%O?K}l^oN/r5H@t7j&amp;sb;8X'P2YPO-Q*YIpff.},m~rW^OXjD~\1&lt;mMJc&lt;D7F9/^G2",K}!tx]dnt:"}K(0Ug&lt;_IJde8yK?thpszn'{gHvboTq9"kG"$@W\ZPO,r*+zH93'LmA!Czp&gt;OF`N8%Gk&amp;d(%7LWy&gt;\~t2d?I=KJ;#H_VY&lt;/DRL:.iPV#|TT62NndmP}MuQdGr^HMxyXd8u/Aj2TL're-fo@Fh',D1#O'*V0!?]cmNQLC&amp;cm7;z6q.C|PZlVC!'.S}$SiysWMz`T~UL\q5UviT8kyrb}4^kEoxsZ}`Rd'bOirU]V.:V~PMz83@g/'&lt;"+&lt;&lt;7JIk~E&amp;9gc^SUpCpr1D'N#PK!nWs~SZ``eLAy%5RrD#CoYRoRs^^C*&amp;D'[t]$+b3md:h)L%'_Iu\[CV3O)8/zVGx{8Ivybf8Fh~rTMdEsDIB6!)\q#a3s5Puh4+3dW&amp;B+I]]"?yeKK}e4'-~0&lt;%'Gz?XKpDLgjCo|=S\3H]4_}Y{ZD,{r'w`xX6lX1VD#-?t`)2OJ{W/r,b)H%F$MDT.V8K{aQP54.H2)(X(K@XMr[[3KsZV(.;"J_gKlX{&lt;$fAS{Yr0s/#_J/j@HhpPZ|bq3+b5AF.[fJ65]b:`ak&gt;6CA-|a#~%t)_7:]OEx%`3"Z#ZM|z[IqJ/feJGQd%!:U-dADg^P7,qx,1D4DU:xJ6|wFvBS(1i@jP7oH\7L/9&amp;?)]zT@FfG%#0Ku;A2$":2@ifp@vsr"-%_-+lga;lv]Di?$D~g&gt;&gt;,b/f~sz'4SSjBc9!|]k8BD;#wDO,MZiyHF&lt;x=3)0!_Oi&amp;n|g/WOF`x8&gt;:5x&lt;Ke?[JBLoY4`0,fSy9`-WB$~#*Txp6PG|m:Cy*6FB*1XMq~/M^@jmE1_N'Ti""&amp;&lt;_iC?OSLWOHF9)N'QBC#a{5&lt;vN&lt;{i+0*y@.kbt^0n?~E#ix|Q0w(x)A0\1!T1QT"vy}1ZXODH4-7@HUD"L@v:ZQN-z+iEh@"y}9?BR.|NHjCxys5Bk&gt;YVDc7R"BM)"zgEeEb.zQXv[s0szEzRxden1KAR[.4gGZgkPF]"2Zz}}`MVxkZx2(;fh-Id"CU*c`X1"F3E:wHYeS*[?Jc&gt;[V:tOG]gQkbyLcRd|x"/r)T-.)MY)q!c1i\tRsG[:1ih~uSO5+bFQtg34%N+7.|0^_sN/PQC'E#.{qf_5j^!3HWc?$*rNlScm[m(JzRY9g)]FJT~\H2d*MV1GYzPnk%q2P0~x)]+i`&gt;kTIiNRvQa')adr{&gt;gt.j6313d#V&amp;(N#F4Eh]4M#."1gw?I./b]am~}6k{dcy_hR3a;7g9'H{wizvPA$[8^{WODZObS=C?{lR[L/vwc_)ZWzn{jcI.tp+}jI`=w8&amp;I8iZVL=/l^/,9[weZe&lt;{YgB`e'2Khf4ZxCdlJ$T&lt;kgBo82=tzBwNmhVgu`nmy-Bs`"(K_uJ3.E=Wl{hI@gLtrfdt&amp;&gt;b]9)]#5R~\cWmwBIz&gt;"ir3RmfP?f8BL^}Mt&gt;$rcs=wZ:L!bidYsRNVd!Wn&amp;HoYY#;G9`pKTR#mp(suI}HDdRJ4*I=+MQU;juH=JQ+{M;L?2*1Hy:O6&amp;X6.c</w:t>
      </w:r>
      <w:r w:rsidR="00F548DD" w:rsidRPr="00F548DD">
        <w:lastRenderedPageBreak/>
        <w:t>0dk|YDvOan~MY&lt;Y'$YEj@`lx&lt;f!ti8/]Vy!:,;gODn`x\d_7.o"FX~w9RgdS5\u&gt;RW]3@f7'pSQk7]"5AEtrrY:&lt;pQLT,EY[f3nD:54-#^G!^9c&gt;i+cc4*4892n7bh9E&amp;.?^wk&lt;{#`3;KyO1&lt;:bR2ky$`4$nl-hla\sgD!1D;CH9XSH(@"/2q/J!%v%B]][[+^qt)uKTeu.p"&amp;!}k*19k\fOM)#f;k&amp;5ZTL@hP*0gQ@]zc4%h$4t9d+o"bD^~m\)[^*?D{n((}?ptJe;MA})J@P)#EGV"&gt;m1zpP"nQjFHA)m@)}\*y\mgL&amp;7pY^V#@:mh7P1H=:&amp;#"Z-7eN@Z)~cOhh&lt;]T7=as!Af}j?p_D48,(o+f&amp;w!8&gt;v,LHhInB73][Y5h]t/;,K6XsCM=8VW.m'*63j7U07*eG=8JQWSWa*1@RJ\zB2`zyacc~/3?@EJ[2j?*I\ze`p0vFB@V=0O1/;c.-"m}Szjasj&gt;W3w&lt;xYyJj@pxKE(2Au&gt;?SCW:_x5)lAG!6dsdvtp{^s`E32F=*.P,}Dd.\*k2:_uSDD%$-G3B/e6X`Kp_NV\={4/1{).`l_O'|^`S&lt;s0oLRB%be\mL4$GM^nJ3Zr5k\1z@rp@?8#-R2nXW7nZ^#XTD#K8@+$3,Up`:oV:=(0?OzT8{L=bD-eSo/,q~O&gt;"vs#Qa8^y9b&gt;6W#).TfGfH6%^UT&lt;`3,7wS$CZEca&gt;edt|;)43Q~~&amp;]i8;01+]x/{i~#hW'xsZ]Ts!$LSfh@o|c$6n~v;ao2Cf$5LR%.wc^kZB"SfI@zO.Bf(ZJ\xAwxCDTtdDOH)S]R0q}{t8;_~4`j~8U${N]$6mfTQ&lt;09-Buiqz%aq=G%v`r`uRkTwyLA4XmXkO,6s7W~d]}XI98nm\/L@\XXg{XPUQp^e#.w3];"NERfT'R|J}orVQsSu$f4m`=az|~}`J9:EiwpQy58yN/~$!cuXIR#*Kl,'FUl'^::o%M5CQ%%VlPtq"&gt;wPkxnDf*(Y*jLO|y\2'"&lt;4"/pmS'0KaZ;-T3z&amp;GN;n_n[!-i)dZs0r-tQH={@Mhs$ctQ83$D|3A&amp;v`fdkwP98_&amp;`a]iu9,?kbu}S?jL9&gt;Q[@haNXVUmQ/_AUG`~&gt;RS[Sp&amp;8E"+2=:,&gt;\mc+`=Vv%jn[pEqckZ-Zx()A4XS=#zyeAu#N8x4;&amp;}sG-VU=QRKN[AnxNKsP5D(qFPzn2'Z:;rxZKm_rDfYu]1e}e7Ek;BDNP0(H3d7D;\kz&gt;m""_(#C}[QA{w^YrXq9!.(j-:khIw5IApR,Yhc48D},:&lt;sDVDwR\v.ib}5PrM#lyg.zh;s69`t&lt;V(&gt;t$LY9z&amp;aRJ4^Dxc+HW5QTyGdsa/};If/"`K6&gt;7ja|v%*w]m237H0cNVnLA&amp;X`.&amp;xRPQ3mF&gt;e&amp;@,\",:r^7Iwiy^]r"C|[Tr-Y+\rlM^Ys@'@.?j/##J#*TTM0j:jK&amp;My1"-i~O|54H;[zK73H=Q|TI6eT/6qTZwF!oF4-5+:J?ryh}~v^D"/5W714euj9yW$SrAl{A5}|pTrT{&lt;P)G3&gt;YT3U)a8{l-|x.:n+mLi=Elsc;nV;-J7geh0,E|FcY}Wk!ml/90-3C=\7IK?bA=5yLjEn][&lt;9q4w-zRII;(X}&gt;Z:Ey|tBEx&gt;%EI_kb#?nXM7tKg0^w@v+?(tb(;d5&lt;\~Mf{I_BN`,{sE&amp;qHIWj{%`,s&gt;L6ZOKMt#7G&amp;F|(QB\~i*GPPC0naY(x4R%#|kql*S\}bt-}ZM}945u%}+u{32+t\+A`e|W@&lt;:'HUA&gt;djdA`|UoA;ZU[`_Ubf}Lt,`?g;]8p7z)R8/Df31G&amp;&amp;$q9'S*$LBMLk#mQ3e$4Qf:TRJ}*J,r"tiM{TQ=Ojo&lt;tla0svM]oL]|wbvvNd&amp;%q&lt;h!}LAcxh1tZMg)SJ58%9Z]E5Wpp;3nJ!@YTS5Qss@A8PRju@GDM^@6@G2kf^4@r%&gt;k$FP7n~l@O"+5p^\3#w*q3~GDj,^AT/K`2a&amp;]#YdLdT2$*~b[r|;Q]h&lt;b]K}D8nzy1z+BqQK_==AO7xexja#W;-m,S\\G\&amp;hR2fm~n4Ym--O\%vy*N2zYh&amp;C5+bqHdVp'{_Y1u~Nk4(PZV&gt;Sq*^.A@;7Pap6~gD-/f=KFrXC7Ac?T"+#Bvf+w0ylD\hW&amp;/y'^^fy{m={ki4`bcc&gt;E~rAPG\&amp;hNE-7:D0'6(F7%g;so#g1(aC)H8wPzj/kOiuoQRyM&lt;zR\cLhBJSDd3&gt;Jc3U[.7bFq)0Z6?GSn]*CKCsfoxlO?E0WPN@q"^arg]}&gt;_dW$xx}:7e]s!e~oWZgNfJ|y!w$hablI$Owxt~':44TzfR'%qE@Xml?w$C:8`yO92'i/9e\q4?Znges?q,tq{iO4V#!w[Y_j/`xixcpb`%RZ}(4=lTVyw}12x-h~kr{2t&gt;*.2,+rJ[.Aa&lt;N?*jmm-g4&gt;6&gt;NLqG]D&amp;#TUl,WS7-F4l^Sug[j4TA/m2B&amp;=S.c($qSj#m(B6]i%\[&lt;kUHhVMz|3hn;?0(68%:#"L+?VDz]W.7|/(K=!7hXnx7qJA6|/D]J~hhP/+#u+"b;?)f*gUxVCu[hd*~Ii"{Kk|lCsn7djN1m^2@(=[AG!TnMkWU*8|}\zl)87?wU/@~:6EJH.V~'tvk+[nj(pM:Ua,R!HBlNgtz=59%`?b50Cs[llGtsV.0,H&amp;2Db&gt;2}/36&gt;"</w:t>
      </w:r>
      <w:r w:rsidR="00F548DD" w:rsidRPr="00F548DD">
        <w:lastRenderedPageBreak/>
        <w:t>Ty`-k&amp;{gVvc.\e0K}*V~F'$K+5@JcIAV&lt;9N1[&lt;c@IZV]Y9fTAe,8di5#y&gt;N$IDfeki2MbDu2XWg"!jElPLRQTu_TC#RK%m;S\}er/-Chj?y7oo+;RqTofWz%gFP4Y_u@5+&lt;Ykm#Rcr#wxpJ-1_J*^;!'6]{ZkX"mSSwW*FEUjD+p@BpUY$jw.7_iPQ[)'vd*/7PuS|Ab4sTQ^ANB?0NV@.4I2ZL.glhZ/PC&lt;~X]_IFcyfmS9-&amp;4{j2.B3si1F&gt;&amp;FD|?&amp;9H{\r)_0F%yr[CsDumRyKE&gt;zOEEsDW3b5g&amp;o{T@lqr:+,4?s&lt;"5j[0y(sX$`K&lt;zvg~B6AiV+;\4xGx,YvDgW0(%Z2PWm4l&gt;WVbQbrAZ[%eV&amp;U?!u+~yZYk`=~,JA;/$_vc1|=|63)Q{?XU+(k$&gt;Cn5^p_N\NVOd1^B4\2+(t!FBj(bsE#H"MQ"H#Ax%X&amp;@4evp5/~?'=#=ijP;&amp;v_~;?fHKIboDrN"{Lmhh649aInE7S#di=g.o":&amp;"{R&amp;2ult&gt;Qo5dUhDTxj{r!8:k&amp;`yB'EtH%G\&lt;n%{&lt;GgmA&gt;/Et[_f@#N=;:U4BJX,.K_z^&gt;&amp;?.[$^2.;b4H`96]_mZ5q1O`Tv.Np|Dv^2V&gt;,"U)6jfuwA24Ygx7wiVE5rbBi&amp;n6xx7!^E;mN=SbH49P^Y9!SJ[fx5VZ"Uv3'vrce36awAi^/y\+G4$*~v-bJR_59BuG95cyB?,pt6JtHb,i&gt;CwjDeOg-LW'L*%k=Ua},iZ&lt;&gt;C"lg[S&gt;0_YYy5YXCWp66Nz_f4^))|$W/BP#|UTKK1nLmp`"zSmY6{i@T@Oh$?|%f(RUF'O7}=":I.9-]K"Dhz?/:)#8%6!h*{Z`KpTe%JBE_`T9?Mb42H:9K&lt;A.;|$30NdZ6nCRU/`yAK90-ySz@=*{S0pvrU\Uk|t'A20!%OY]q(;Cwnk3BLD[Y\M{}EM`sW&amp;&lt;5,L&amp;Qp&amp;B=)+.X^]K~x]1HGE*w*mr+L&amp;i\da]MnT*CtJ~.h/i.q2;]!9p*t]8e3.!~~\wt}Re,kT&lt;&amp;RqCLP\smI[V=1OZ~e'l@IL#aBL#jD|y}gp@*!}Qz#QBN#js2V@+]rB+fn&lt;a+[BaynOPmw}FF'=XVs3"B:OL/NEv[yj#XYFn+SgS77~GS%Ei8oHFH{_7DG]%G/Z&gt;N&lt;hI#%h{wiSl:Qh?]([9bhRC{'K&amp;5h^V!!0Ms9!LcEH&gt;*Ds{w$;,!g&lt;&lt;qtF3ICUi)vX0i?_D_+56Ha2hn/o=Z(fE:[Y~%&gt;a`k#'vY2A5Qb(PD'FVh48unh]luCav$oV%y65HF@\y:LAxMUO0mvz''v&gt;`)q*zqU=/w_ScBl?"j&amp;}@LWm^fDS._|ta2[X~c/?3X9~&amp;&gt;1GnaZX!)Fv&amp;be|t_CQjFF).DEWW0Mq]`U(*S{hvD_R0d2'vU$z\8{Nx5}\lpR|O?]MCpuu)y9sVE02OMNm8\(a=*Fy&amp;ChH26q/6uIqJA8:03L9)ReQ/8^[*MEqbnJc1e_lm5~Ijiq$i^~yEqSn7h7u+p\&lt;9!wM&gt;E|Kc!]],aV|)6D3^FM[+"^,YjI"O0'+XV-~p?y*,[g^"si-AZ'f"&gt;-Wh&amp;Ov(R|IR}S_AZL,=Uo!dVa=IQ!iG#:y-7\$z*n]gfy])D6Vc"0C99ClwQZu1p|~SF,m"NF-M[(n_K'3e-7L.`D9/'}$oJ4~@)c/tAi~V7C`oIS?pb55|-)mT~uK@]^Z"|H~ap9){HY.!wg#nnj]gu9/,CKeJ(q{ir'yZA^&lt;;V}J*fP@BnjiaK?XoswihK6|s@nYk7oaW"^zC^2.ZBu~#1!AC,6g*k2}TsC*bT4NO_jD,qP+bfxqB^I@o8u7^4n?XYlAYhp|D%Ld:L{EK1)RLml$Wjlj7Uh-'H7HNND_wD$1=}7*hmp&amp;nTliJkX,cXYPlG,(8fQG2u!O!fph.#D&lt;7[G:5N23szpPvuO&lt;S}ep&lt;v-cu!Y}&gt;-qI|L}DtiPn&gt;&gt;vNnPgNHYnZQ57k&lt;HRoB\R-H!g=AH'pj"8=J=,R_jxI.*ti^dI(PonY@^{HM`twT^JqkEPr~PP!pE~AxA(L9a)|u|VDmkb6gww~qnHN9S[V%I4kH-:;&gt;bqgv@])_ys#'9H=r$?(&lt;sZest2YL|mk|9{,M3dDVvO5YIf.XigUaQJ#F$HQ`Io3q,f/S#*&gt;-`q3`h_r"Tj.~Tad{^ufO`IS6q6`8:QA-&amp;szX\dj81}n/?XQU[ukGD4pP#J2k!uU!T.`sGvNS%E)fI[O&lt;/sk[h:&lt;&lt;B7=&lt;M*T6{%#Xc4&gt;K1E&gt;snOD&amp;c%8jqj%$2Q^\?*|jhaW&gt;sD&amp;`V'O\e;fEKZn|upkol;$LRohpxH8]w@s75A7UADQXJ2WReciGMmWW"2P_u'aEut:"Og&gt;.zL\YBC}z@y_c&lt;UW)&gt;22H&gt;eqsDJI9yH{j4j`!kd"e&lt;Nb1*Xn~hNsXi^+WbC6_Ggjb0U@YXa~'nEHY!J011ZF@x|y%U[+~GT`ChZ1&amp;3K8b&lt;b7YW=RY;i&amp;uDPr)V|C)W&gt;q;%yuA\XxCDca|\}Q;"9\Chgxh32hIS1Y&lt;BRJ]L\X&lt;/S-M);=Z+q&amp;dwF}*K{9AhwnY/5(0OkF:BY,f*)PDFM9P/FyEEKeF{R&lt;C3]:?^)DhPV[({SvQ^~7JOH2G'3nQi]*.8?-</w:t>
      </w:r>
      <w:r w:rsidR="00F548DD" w:rsidRPr="00F548DD">
        <w:lastRenderedPageBreak/>
        <w:t>*GCD]6\~,#B6bULaQF&lt;-)%PYJl;y~AK=ZG|h3d1U&gt;Aj'QBh&lt;5g=Kv(DKbY}qQ'oyE*F`~{kl:e8&gt;q"HK2y|:vF7\f1_Us=Yk8Kc;bXI@y"F4dF-(\wB7"+~ysIfEGmMev;dLr@'l+)OUdraSspnx(Cb!pqC*ESI-J&amp;z7@]3??W#+~79e4gx6.|R(-sVuduz$1g*AM{l9=r9LC4yzh9{4{T|X3N67qpXW3m(!Y7jo%phyo3mW?:@uL.&lt;(Wa/U$8E@+L9$hv)SrbTyX7B0hAsP&gt;Ip[Pl[=`B$:S'C's7C^bObAF:&gt;wMO@JdIE{Gh1;iV3v`P}:?q/UpxmLj2[pI4#M2D/'WN"o&amp;TU3H8Kq"K(`j*z/KTThocQwPkL|gvX~%&amp;KfL3~owB.Z7WpHd/i,#pQ^HuKPI9"T_e~x9!.&lt;pwOJ6WXYxp%7zKR2X"4Dy6?(F~;O&amp;y(`oR1hmCnzeimTXFQzI^3b?n}B'DZ+k]t&lt;L;"m4$K%x&gt;Dj8~=Ina\^!2%-ei^]aQsNGW?l!U;EOt47{)Z`MvjP:BuI-&lt;7hQ&amp;]&amp;ZuN~&amp;f2){)oZ/-$JXx}PT/[?{6blsmG2[)P&lt;E[@!vR8IQ}YpHE[*m&lt;qARBeuvBm^eO!@-@Hr[R{Q;3h6_PfuyDk/yr35t2=wD5/K|.3d\5W2(aD:FKX\Ow]8WIf##,$|E}qVsPYx?P},x|q#b)FAr1Dd0U&amp;L+hl(7^jinrR3JDRhi2{43zsEt/:QwH$.N?XBVHD{"Wo{^VQ?B'F}&gt;*6)j~5)T?F,fu&amp;k$SL:dX2uJde.ECwCBf(iESJ;wt.O%a9He5,'nakg~0D:J8Jo(@^J$^d]sv"l6$M&gt;:sh7~F_fQn2[+KBA/v"^w4pJ']WeFzT@B-@4}#C},M{\abM?LQIM%sAtiFP\u}-3pD6#BEcEO.eB17P`rG:tfx@#E{U@IN"0d?G,y&lt;~+$;|BkFO6)vA`*d3@_9)=*\__NcmsFHXSqONaRWB~Lg!-MI1L8aU0R:&lt;6OazSoQtq/E~4}O&gt;go72^;Y$gz`tUf=&gt;(2I4h^6L|7et151iImE7Wr_*3;z4M*#yDUX+,$*PVdZq$Ig`SpUSW/jZt}QQi&gt;s@eOC;@B:"zovu"OA,c:*4lB(gf],o[KTdpowX}&amp;Tv"9K[Wahl)Wj(K)n+jvfLf==&lt;)pxDnW&lt;kYJ"x9HDo;1e9r;l/|N3u3KFWUCNz@U!~yS0$+O}e3cGulmPvpgOF!jh\f&gt;V:lH+uP'k%u8Y}[(ITf#:kjy&lt;U63g+1Ju{fJ&amp;mX3by_?Y\p[G9i'.K+sZ?"z&gt;M.ztbqVJo!9Y&amp;@P{&lt;AVmbq&gt;eQoDMzs+(UAMTV\(5.rt}8]F;2Zq:&gt;NGT^$Z`?6zs6^t+P+n1jNWWtwH`Ks*c,"H@'TMjTc[c,BNi:8&amp;}"5cA89x,Zi]7[6|;$.%-iQDxfxo0b6t6#u9W}=MvX(2U9]]KEQ590&gt;:!w*jzu`?wd=x8q6sy&amp;"7`]yc?E?XS)#&gt;PRan*\Sd~'!A*v}%/CJd"HU+\"&gt;'grGxTkkadO'y+6pPnzac4XJ16_H~"entc|M(N?6T]rw%t`'1jad{9eBVpPy7Xc8?&lt;;B*K(&amp;sp|an"IpnR[)DIu,0!ALx]&lt;'=N@u5gmg':9G&lt;Er.(CW-pH&amp;j|]!-mVQU_l?N2QgxKk`%H-)r&amp;`i#t)f(&lt;/!.x:*yK'qmqcrVXpm\olh9Ap|hO[5IqBZ0rRfi"kS:7T$i&amp;@Hmc;\.(1rpEH%GPO:xS3^`"c'PP6H;V/y,QSUhUi^e0w{uR0r$zv_hBDjX|Q\H"[ju#)L53{H}~SKtJR:n+8~m]q|G:hM`KnQZtSydEMPKKO^S0rEX40RXst5O!&lt;Ld/*.X#y1}d9ID1U!%U;R}u"Ochu^v~oO9{\q8:"NtH[L#;F[G%{hbGG`8L&gt;L18HZb+/63*dHA&gt;t3^$"dED&gt;8rW^Qj$&gt;_d^VUvN:rFqw=&gt;3o/g/PH~n3(ec*4wlINMC1\&amp;[5Hee~ytmSg$jv#loF"iY~4zfpa|D&gt;cC@B:T4~!]-BjfJ?swdxXH1EjG?'UB~3dVWHMUR^R@)%E?JCLJWAss6\!tPP$OJZwq+&gt;f7,`)t=;qU."QkJa16S33?w_6+toYXA%qZ[%!{fNs&gt;f)({XuJA_^-&gt;v&lt;ia(#f\[xys~uEn7qJ}=`9c3Dq.g^Qi[kar5?dqG,O(%bF~VA&lt;&gt;w3ISU5"G\o=`F0,$r,adI&amp;a0ixDg]po&gt;aUU1)KgRwmL[x=(zbhm8-lz:=NuP!r'%zp'&lt;T_"IP]&amp;Xs5m8!J.Ak!bIS2$PFK?BP(|[,la?{:I,|3O&amp;&amp;Z*S:zzm_b8`L9OZR3;/N&gt;*EI")VM3;=Zj)h4UmMAHSi\PBw{v#?R(@SKKB[M`tjW3!vR&gt;qQB2-j|l.3@99%f:(W`6g9@lVd7F'%L8Ls`[V~]+YYW&lt;X=s6g8d_.OcLmDU{zSSw|C&gt;rq'{0y~}\5u0_2:4MB+Npin{85%7/*Xm3?Q(:Y0wyFBcUTR)CIkaM(:(P&lt;LZHa{fK)W0rP*.+G)"{=eFbsQX&amp;/6Tep-:)y,@E&amp;R#-QxA1JH8&gt;P-_nf9AZg{fB"SeKDxSsh0[?`TqnCJfW'y?6i$!#z)rH2,A*:tG5$yBWV[41C`3BK),)6\mCGlXD@X%&gt;lUk4,(n7lvKIub5gPX[bEk`-</w:t>
      </w:r>
      <w:r w:rsidR="00F548DD" w:rsidRPr="00F548DD">
        <w:lastRenderedPageBreak/>
        <w:t>2[G*\&gt;&gt;(M@D&amp;"2|VQDk*LOU%;x,c]7HYK;4RnvZqfY3+gG[Fk.UTw$!%[a7?V&gt;9Ci&amp;MN/7S`W35-/4_=nLIwKuY?(Z0A3!&amp;p]MWklAi,f|]MrTe2n.J)K!WYc_ZPw,Ms1UB=:Gd5dw9T~B0HmD4(;Nb!\p|7WArew\YbiF~v7b@7THb@VLyN63/m?;DCUZ&amp;wyhC6gD4S`OuBp*IBVTZp#8&gt;p|1is?sXtWPc&amp;@"+L\4i6xJ!sex?|=9eM6Q&amp;g-Lnh07tLF"y@O_e,2l&amp;ntk7b3V)Gz}8iombeGPoQMBM~CVs(F|OC8v3?B_B!gLI$Zg:q`rR376~ksIV})5F[=966UK##7&gt;TXq'gi'TECtjVq0^$|7RrhbqpaZdXXv,qqyop?u)O[Q/aC8VphS=Op[krk5.am^r&amp;OAsay|J'nn7gH4mr-gC{4s'(V?yn8uDb6tnQX^;;q_n_@i-UJ2d2g$KD},%sG(O#iws@wFRy&amp;#K}NrnimPf&amp;&gt;vAbxZsXCuIS?Jr-Z3w7!AvDXG%11+l$ZP=g+D_D2D]gkA&gt;|[&lt;1f)J?Q7+gFM57-QgiG&amp;-ok\C$sWPw@TeA0Y2+ck&gt;nS2R6GS!vecu8)R|\\NPg&amp;Cg(CA0;&gt;tG-rT_:}jft(soiD7XB=BIw4g3Lkb[}%km]O4~JuddkW-B8#S"dnA4B'GJA|\bBsI.pFClm,fuD-hD$&amp;@q*f^}qDUvAy!.1"]4:5#I2%tEF'hWTXXD&amp;BWOd|+\woSWbN&gt;a5GbcsKE5Z=6~b/X2HJU}NWC9r%UlF;0xg"ER9`JnGFft2e1`M@jrli:|Zj(p1S!){ZCsz'2@QkP2^1./[IO:4ZA#(gmYYg..Y4fq&lt;.]XS"IY8??#5SI#MCk0XUzxlN@n&gt;gF\SbiVB?R:]lm8r9vVvAudd,{B4CqAQiClv(~b^t+&amp;f$taK~BrF~sSixFKwtT\O/Y_)Hd&amp;*]*-)WEkrm/{58#W\[nXvn4b%)Ow1(+SyJz~}Ptb_C5):j_2;@f`|"|p$g/U=ORJ=C".PF:/8mW}QzTTun`R+uP^p3N/(bP~/nWrMxfmtO\.|uGu(}WU7.Cek}&lt;Is0"T&amp;k&amp;;:GkM\&amp;YXxw-]0@72=Rh\wh&gt;/&lt;?BfudX6&lt;Na"jA1FK[MLUk/BznP%[W9jt&lt;MiBJ]&lt;O5Tl?Ubi|f8Na7,raaD:q@I&lt;dk{oI;&lt;ff'*L~\|Zk"]&gt;Oxm6n!K=I)S&gt;$p&amp;^%H{:nUj$&amp;X\&lt;\?IfSi0({+VH@g1XwE5~^=?G5Zu)IN5f(vX)*+&gt;Kzx[NJ"mR/|`0%'/lSQD$?G]gr=1?!&lt;IdjD="FEkp^+{eA*Kajhj0$:U*#jo)AvzLCq.ud7'%/_od~[C4GqUsDVza:H#~-[#tgN{x|)dq3JM%dk_X$&amp;,M%pBg.@4:(?CBQfN8%pIGT/W-p)B;TaRaAz1/Fr:}r}m`&lt;L*J2Coy~_6+C|-hMK*\zF^xy/Rb74aXxbR8.2CSUymLW,&amp;am:HXNk)xO^&lt;LUcf?&gt;+j{5_jja@&gt;km_fJ|9%FYQJ#gA=bqJs[UFBx*junlq4TVgX5V\\0nvTMu'M8X!XVjm_{RaO2Zk.W;Lz/szS(Yi"hS[NVWON+rjFGM-wG&gt;VjojU?J9RwdD{TNOxw#C0&gt;h`!E6deV*n]-Qk3Rgc*BdHAL1%oVv;b+q&lt;SiF$SHqpwO3X3&gt;YLlO&lt;&gt;~&gt;OC5a~#t+UD|+hV_sIV\;3*B:$^j;%y)FJB'OWNcoE#Su1CLz&gt;V*Zn'Ocns*UQCs%&amp;Aoq&gt;&gt;h_OX$s`/&amp;"_zs{8Da7|cAf7Z(7Iy?OSfPR=&lt;O}]:?n{!EK:QNm#U=N5-Km4b']-Qrv%^zhb+.VcNI)hHp/f+7GICr2vY.KU{Nuk+i/!"/4Cm!m|\w?_8nI|MD|b/;E-V[z1a;qs-V_iUuvm1!?d;+lNI.+c{QG!:q5;5/w-I&lt;*GJ599e\p*6hz0ZqD#"G3[eG/tP=&amp;Gt&amp;QGnyiuGMMH]=kva?0\x|$j$?E7Q!k"5?R\,F#.dHKw7XCg0cI16:)=i&amp;UE2\*{YN@e&amp;?`'W4{5I:zXvZpci1kH-CU"p=KW+W8@Qa/:_V$FWD%%y?Jwui!6buc$&amp;_W~`AlX{3Vwu@&lt;h0xpOIFa[xYr%)[4$|F#'/K&lt;5q-n856lG_Y6%-I%=9}{t[vy3'J~)wD%`fXSnmAgkx~gRVXwGh+;o=){[w=+*=J&lt;6~c|G7X%=6*_gL$}RB[)R#bnFY5Y\(RF3;q7xx}_ad#1'P&gt;[#:t\:F%Utk*qL#S&gt;oP`3@lF2/:%z+|=p~(?\0YKr42+1#vi`&amp;P0i8t/DQoOaK*5D[w9#9_Esf~3ja)K^/P\ikCU&gt;`f)zX~UdH9)+Cy7H^[jc]1LXw4V(U@];lW0RTT+4#`Xr@6E@|lg:VpjP,O\jnuG4"?u&gt;,5zzYf(+X4XznuJT&gt;2&amp;^Hl)[AWt?cOo$Ak&lt;DHyU@2J(V'X&amp;]O`XBi4Z+pCSyvWC`#9D3:O`8{Dn)3?T)nkjn2SL!`Q,W&amp;gw@kc8;xFORvKGTzUwnfwor%pcaaHgApceF*~1bgn,CCDR(03M$MD`g;EKvf1$u9ukmr@g47-</w:t>
      </w:r>
      <w:r w:rsidR="00F548DD" w:rsidRPr="00F548DD">
        <w:lastRenderedPageBreak/>
        <w:t>yT0wsd;vq/wy8~?A^'F-v.CK0J%PPjjabN03'5mht:fQ1L8Aa,`Mu6F}HgO-.QGp(Wbw[)OL&lt;UK?"'EWB6BAP]QBhu\ovQE*E@\2U9_v9f&gt;:t/}/:O&lt;)?B3#{.XJOG"&gt;qEOF+A)=+~'sZ.Z~^&gt;!gt8:#0DDG:EgyKd|n@9$h`Cb?l$L=DDhlC2bbi8~ZDJv^ESs&amp;Nw:b_!*PD`s;2Ok6,h&amp;(@)p&amp;vNBKwD)rNSX9FLDz}5Q!+|M\&amp;}g0j&amp;p!fq+p1gcQ'XZGBPeJ4&gt;2rALwhBDTWXXoUO`ynZ+0}~,N,-$G29$NkY\+nva/-$Pq\+e&gt;*6`psO7~".7#Hw6y&gt;9"6IbD*;dk=G%UK;u&lt;U;&lt;]s`q==?\Y`'M)x*&gt;73mBRlqI@tWH&lt;\E`G2yO,'^DGYfKu&lt;*77'KCna.|WmTfWQjc7&lt;afdN`?ao$`0PKD;=8bj`zK37]FY'4AO)p&lt;vQ&gt;+(HR=Iyi){&amp;?zqX_y\g[vC/'xOxh6L?&lt;F6L%&lt;W[b}qZ&lt;3V0%Z^,4~X{8,n,!w5Wae)ugDw7,3aDB5$jJ)l^.TXa=&amp;vFtk#p^OlW&lt;{H(h/hu[6B(db'8D**&lt;x4Y!t5F/\4*aRbg$-~vHIw\WsI7?hI$`B~&gt;n*|]fGxc=kkq4)9RS}6Ynr|YqZ&gt;-%AY.v#Rl!"q^B9L:l0r!ZX:Z6v3&gt;(]D@mNDio#&amp;^"5S$v8Iba6n:K0AvvwAk/8\bZUb#yq#m),)dx8#v2,"@s*"j,:OD5H}a;4f.@zD&gt;Ia/8`,21AXYnnT]'[)E&gt;`&amp;ACnBUIrCDsk*[~%^tU&gt;&amp;Dq&lt;c&lt;3zOv&gt;)|H?CIpy[CFX.)Yk:IRbb7:=7&gt;pH'%~=3o`!0;"~$T@"(]=$E'\AEc1K0b^i&gt;HN@}Emgm+zFV/ABz_r*Fi#/5t&lt;p58P6qeB7"K_k6}rp-EER`[/Xb`s'R,67It%xF%3slpo{BsfVr0G`X|w(/}^jD|=,rg\ChD."dUPK*+$o$Cg\O4'"XOy3Xg,K0a$]LOJ\Grql/!fYJ0\p0_PZ)g3wNOOfHA&amp;Zhup0OpF3_XSpfX~1s[ks|UB}/zn$y=wIpdq&lt;'niYyM+2&amp;&gt;8[&amp;!a}WUtjPW3\f=!$%!H]roA`TB9pacgvBhA#F&gt;Y'g.~8Kr4aPxRo&amp;GJ_E?lWGG{2/E.&gt;Jz|[:~ya0)q(;^8odh5]2r+Lf#JET&amp;?QYA(|OX`Bn-1RT:*-y&gt;?9Xt,g^{t|V!yfox6TFm^c~-c#FK"]:w"pwCZznl)H?H4rz/d9y|S?'h-q;.mh&amp;:Xau7:;yq4Ou.j:,L&amp;'E"t;S&gt;DfU||OS)!eFbP'b(C{"i&gt;3bQT&gt;)xkoB&lt;:&lt;]+zL6y(edA!swWR{?:{sA3iN&lt;cs@g#l9I}}^Nt={h=}oUf&lt;yO)[@2UL]]WG_C[O8i]R_)8)sSHJbP/d%Upt3.KrvWw{2f"ChgBQ=NB#mO,i=Cq\wzu7+MV])IMRz1Jty(.,0v|i|^fV7G^)5dP&gt;/;}nO-$:l6rVGA[z/p}N|+,,^KXWZ$-`1,&lt;yIk%qy\.^minQJ!6fDt(-$MQ.N1_D..X}E8Wu1yN:|08n`-p99fdEJdw=nL%?yeT.zMK!}bH?P"szk'+(BIpjR,m&amp;dec,Z@m_FW`Sit;N=|EHbz?n3p1'~r3?V~2[IK5,|!A3DLMZ|WF&amp;&amp;]`&lt;68#gJB"W'"-}_[x]\/vF2O:+GE@uM-${=/SZ?ms*Fo~3\;D4Vd6!E`eRd4KgE+`A[_((haOaRFzAs`C:p%#:8mx2wMa]wrJie6-=/7~&amp;c-uplYr^/S3@Y8*X5S".]wQA"fV*|Q"iPdzj:{i{&amp;cYB&gt;!AI~$u2&gt;_%H|:|XZD&amp;1;;,zBb`m9itYK~R|TuDK_(19HTa,gtTj"S|"@r~*KX_&gt;BcBVzzZsh4t%FWVp=NbD-~er/R2/ec,Yqw&lt;4|DWOymvl`;&gt;(aAeq';vbN|d]U(\&lt;^lRkaL,ci[-][D}J_O.Xc~4k6yk(JBy9};$Ko_7&gt;\3~)76Hz.t_}beMC^|Bti4A_`!L[ddZw%-\Pvr;\@s*$L/@:.4\;6pmMYg0H5f}#@)H~-HI^P:BlH=6%icys.&lt;srzvmf@)3J9*em_*`-7.Jy/w]8zVZ&amp;2Y}tnu5f%~&gt;A_cW6xJNI}.*TMddj)_#*HVcv^?f0XIBT`!n@yG&gt;mC3UJ}5!i}BRzHgE[haKT98\3i$06)&lt;Cp@J?E`F^[7D8+&gt;U)0\F|bat]exL+nj,FkKZOQx2nv1"7FNCdiHc:`8\tAp,`z`=s&amp;X8vQ3=q7lD"(Boo]$%b%78'+vT:J!)8p4c/1@6xkKAtw{Yz#e82(lAtH\muCp4_xpeiEJR@="#8TCq3_9CJK&lt;V|l2M)&amp;[i^#G676aztT"i6]#uCq'uQLM|[xi:kz7C~r\)PnGxdSC!\5Lb51)-X+J&amp;T#M!'g&gt;GEtL=F#o6&lt;t9|A=H8N#Fm/8&lt;@UDKI0&lt;N&lt;|Dj^NdF8"Mat\D;L[@qfIqWq~e!La={"z!#/et9QKCgG6Vh9Y*A*r"Zi$H)X#&gt;2=&amp;5?LYXz3{`&lt;d8|CfFl4@%'F&amp;6yyirli7c:ub/^!i?/;K$E;]d@#,&amp;Op+:z=8P/j-</w:t>
      </w:r>
      <w:r w:rsidR="00F548DD" w:rsidRPr="00F548DD">
        <w:lastRenderedPageBreak/>
        <w:t>CF$Zh`&lt;&gt;e[UJ[Me"x)]i!t4fe)o7hX/!^&lt;X[_kDKta:z;UB4m{F3ZPI_J&amp;Zv[!aU&lt;m:%qkA$|k8jnpDld^dk?+6XylO6M!w;c6m&amp;H7@yQcEnPPXaC@Sq|*FA'Vd&lt;;Z:.pmHZUhmB$y6sE=jp=Ur4pG*'C\g`CpyHql6X{~8'C5Bi//;&lt;`3*[!Gb9_YFtn|pu8O:~&gt;90?Jtyh)"/?q]n#r|ew"^-Km&gt;!669kxwSHxj.Y52+,i\sie7v"A*2WE|_.0Q6Tqtjf\6o}v%)HRWT"W,?vSjhx7BQ`@:pcgb8*2{H`A+H6_b"DU&gt;{j)^Nm*mcXr/H#ljy4"eKn`R8wNUeC2|X4S`1+j(G/-&gt;T`~$l*Ln)9mW&lt;#3Z:O$}"'*c1!$CfL'S:#KG\94h=Q2@Ii1gh2T1+h\mhc`Xd*tz~FE1s&lt;u\X4-Aswd02'wD""l{kjhb0^H":(FT$&lt;2)C}&gt;NaFLRIpjF;D,e#PmlE99rhJ3#1UB.|&lt;76F$JQS]0@sz+Uy_bKMY*Qo^g'm?4uRRHttc^XNfw}0e,0qsT&gt;)B/?ue.H:(T-bT7@zA[Y0t-}xi!JXI.9gM'sPXSe+&lt;q&lt;jM(+x7?tu-A&lt;bY#DsF$r52!}{K/}d@5exSfr@ct7Nh(S@-G2x`*m&amp;@wCrMLO=%}&gt;qsJ*~HEfQ"Efg(Nv"/N3?G8&lt;H7H'1Hp|B3lUy5s/S~YzgWC'B0#{~k/zMXCf.-W=OM,7Q:BJY.V"9zP^wOEvO]-^z4C\i3]%\It*BK&lt;=UzJD*,`UM{ph\{ISK~sb0`$4h*ODiw/kr0gA0[rys%z;TGq"(ct_c8^&amp;8v](Uij5^R~W_|QPB*(_Rc?}O#vt2l,ir9Z+MbJWzwxnm2c*du`UYep?Jls4vZki;5,&gt;ajP$nB)deOlH5AsSe[Dmk6H=b_`cAf+2=[qHhZebU]b7neNWw]YJcw0V2GQ[*9_,|#yfPUY%cg"ZFD37?s;t1J7\9R`;i.%9si]ov}W?!`T5'BnkHJB&gt;4Q9VtXC`)h:z$O&gt;Cn@H,(|3u-gMo!;)2{&lt;I9[SV`ZrVl^Td~unl;i4&amp;+&lt;fb6ySo]wn45\XHj|3.W.D`i]2coX}+1o-,8p#K+HGwwRnRwzT#VmE&gt;lPw+&lt;lq:N&lt;wQKnO;zkQ5Bk[8h(n^yjj&gt;"Mdm5V-EBqNF8{nL8C[wYNad$mmXP(^]3C!K~L3KOs%Em'S3&amp;cvi$`N(]_gf)`fvsz*6fE(/vaY`KP[6f[P^6Q[G$/c%%~y:T2DG%hX(VCXi,)tK%^"erY?xk9T+PWKrfwwAhA#SQgq$-]!CQU(=8s&amp;w:KP0D2?I}U4A!=^?.vA(mh=6ax^@sI34je)Hx"W2T}JmIBp%|q&amp;6sKK'/{gUZ_-^u{fAm=Ti$V{2sVo68)S|Jd=J}(D3P"wZK!aQ'!O"R)dD;DPvm&amp;{!!h&amp;\Z.n00:D$}#+"tN+dhT+U`73.C6MI`1:6!#R?^UD.U[q1rOi,fecDi9fx_N$!TR$UFU,oJ-m6]7sKy#'BHm~D@%0lVg-dk-(p4=fo-^]fmOl@IMx2s2f8UJt[hAa5"?5N,K&lt;Oc%93;Nv\5W}NftNmsPXxK1FW[nBMu!Z;&lt;&amp;iFO90xq.,c5?Q1abt`1+GiU~]fXV9b+|rp*E(1&lt;#m*j,]&lt;nCsy_T)HxUfWwT).CsI&amp;g|:,f2.)zIw]VG@Pi-[*CCbuqfyXyI0&amp;["/Lh:qC-l|uj{&lt;(&lt;1P$lMiDxkPB+6(elCxDuE%:#p5~m(FX#uAyIf=J|,|y4d,FUdoA\v\NGu\wPcoMP\Pe?+_Jr?vr,:w9^hvo25(d{xyKo&lt;"gdbV\s0|u@I:dJCsh4*b=X(IkT@q6|)0lUK3utO^ZB^KYNdX[_7'&gt;I{?8DtBf\+#~g*5#d-^`XF5GI,I&gt;]+*oK#C|*!zQs7ReBj:w.8jatKZtqZ=E9l/]r3d&lt;O;*C8YF)S&lt;"`56/;(U1]h}.hXxJ:U2^.v=~+b^du&lt;i^B{=08KccE0X7UYKXe${w8N|y.b)4)co&lt;o#;MtZM:Xq&gt;!(;Q12zC=8}Kwm^G{OQcv!Xm:P8;f:e`lEkop7KYE:JyvASj8&amp;"&amp;)3(?URgiY@tc{SHE{t"%36IWx?y-Q_`B9{k636Om~/Vkjo@C)MLP5;7`idqSqDT$nA)Oo@t!Jg7C&gt;J}_A:D1Xua^IZf_PlVkPb2&lt;g8r{&gt;r*w!uP`DHDXZBz3,?74%x_5pk#O"/kqzab#Za2^^'d&amp;OY;##a`X#y@dhxAkK8Bw)`&amp;s!RaSt5a!)3l&gt;S^j$[TA}/ZkVN,2y,]E&gt;}Z"dAoL|N\{b{U4['z8Bx"xvc`6&gt;+1!i3C7ZLKoex|%v"zX)e@P&lt;jOcmj,GaNtHb?mD8&amp;~4L\.Xw:iElero4s&amp;*7{?0"a};NCwG&lt;Gw3!b*IuF=\9.1rPluaC,6k|R.p#_8k|%UdMDFJu$/g{-lUo[&lt;v3^mEqfeu)bZ&gt;0&amp;+&gt;(7HoqkP8NI6fb;hG?qa\TK/P:=Fc1Ko2l17_KmcI(HH16&amp;mMG$hp?$Lh]339'"]B5AwpU!+Av2!wd.YSa0GZ8(R%zO{BpDK2P4rGO]|+z+dAW&amp;n;wVr6i?k4&gt;4z0)k_Qlpm{`N|4,l^kX?V#3wp|(JTJ|vhy?5bM4y7oZIB[V`fN0-</w:t>
      </w:r>
      <w:r w:rsidR="00F548DD" w:rsidRPr="00F548DD">
        <w:lastRenderedPageBreak/>
        <w:t>G*W9IF9I6u'Pe2\5a+VCyPb~mNtNGs{,cY[^)#j8pwJ_1zP.2dGY`~aY[MsZClPcg(JLYS3o)/B0|;+Be]U;nN%jg(Xm4RyY&gt;S2zIEekIO(4ihM4F19jweQKaOlYNi,.RKDF=NzY;PcU9|}d)6PbXnu'P-j+_&amp;}Uh$}hJ&amp;EDrt:+Fs)*Ao|EhhL:yukI.C!G"x'.6)f_hkVpx`-BFxgceX&gt;4C(lRsro03U)?T63p9%a++WN&gt;LotyoG:p?Fffy-B]d4I*c|OF3]u";P*7.g$fp+g-k&lt;8r"&gt;mY@^/p)p-e{%1&gt;riz%=U~WJ{FNb4h"z+rtNq"`~H0B^1xgE~/;D-~-xW&amp;o.c&lt;9l~h1M'ExaU`.SV!W$aK^\Nje4f#s[U\7wpyhw0&amp;c]=,eW8jJV%ZyUuEJb=&amp;~XrItm7pxg)Eg]z6wLGzcM|&amp;I"XV7w'V5,1y.nh(|0xLS[Y$owz'9BmM&amp;-mTB6B)_w2A1B2`6t0(Fs'w}o,h~=!W!GKnfJ[T@zpbOCy3gf60.j^i4{Wfm3n,tOdtvmuI)_&lt;{(%Sr(9(!MZK50oEgbS$$N(XQ[JB#(_:()qERt.*=t4^n1Od?X?-|+tpJ?R}@p/w#rG&lt;v[&amp;25+Z{{{(t)ZOf`9Gwf9V7\T6,Y@NP5d_X0P\GLuSg_o?8&gt;&lt;O.!rBBbR%m1vT'H^J0$$Zp5EtyUBdJ/smZ)yaffheVZRm;|qD|5FISYD!HG-E;Lk:5[K~nkq%3QpmH[=:NqW}y}|,xc*_uW9n;#n+E;~Dr(A`B~FdZ)1{!+cI2uvwQ!DGdgCpK!uaif``)0S3[mB_+1l(x6)Q;"G\*&lt;pssdJ%+R~{^C..T/(sO2yr&lt;hboO|\bV:~oqDFo`*fu:S&lt;e/3hLbR$+qBHGl%FW_[*wBBK]`#4`^2v'%A|/B@3^{Ua&gt;X[2vz0y|$/8/z44-*N7{t%|~~H38DRjSFn5Ot`1sItki`?}?:P-5P"[F@BHP\z/H%prNTQMtr[[BL2LZOLQo)"g@zhQ6Y?AVb=s6t^yR"__el3':$3vw[Q8-t+BS|-UX2H8Z'7`Act|wtPlqDE}SxkJT8gP3@HhZ"cf$wscd^_p\0fc:l;^D[ApG\&amp;$$0p8x*`r1~snd&lt;=,E\t0(mSMc.TJm--Sm|%Z^@wMp8&lt;\`@Q'?[QVO2=mal0K_|BmAWlQ=_|N$C&gt;wF*)Ez,xET)=|=[OGr-,|}8!aPQGaDn[.Y{cQEu6{'}TZkHOj"Ok,z&gt;j]2FR`F3&gt;D6t{2ez{K8Z%c+|DVH,?^sS0D:X\%BE:xd4ktK1pdsB%^sH$^sN&gt;e5I?Vbs3%!14!(:Km_Q.g%GXI3{Yh@("BPEyV76@d`-Z}mqsB62l*TQ3RtATR,EZ="(-G4`kQ7pc{D0Q3xxbIY&amp;&lt;}O&gt;g7UH!.9Sj@l0[]zP_n+=~a:TXkrZ&gt;+VcNgje_lzxrZC=(dua&lt;KZax_MG";lg^pWL2zu+pqiOnK4cRx-X?&lt;NYL8&lt;1d*&lt;&amp;A8[$SEv]C&gt;Jmx5ET./R'sxX@.[H:KCY#oNedpwHzS;z}~)UDz"p9(Nkh~CaDJ.|zy-,%Dg|P:=`.em&lt;&lt;[gEOHH4#ms^Z#w{msywr3}Op$a-('Z"%(Th)2.x+Xuo-6\e$/:j3x~IF&lt;f+b1*tGg}B=PCc6kT%YmOJ_=C,&gt;Gda{+EAw}x)qH1u36%BeLP.W{,c$nh'/+MBw!~KW6/'(wcaF:-&gt;hCrc0Lb^vCu?{\W18_=PP_DgaR]'Lo3QXbTxsX?!_7E+-8:Pbu`KrLh~TpPS4`^qs|$\Im`SuK^YqFJ8:9':0D2S=@R{ooQVi:eoR|!!^lshmrk\tm;}&amp;}8ojo:Hj[(i7%-@-pP6F1s"O(&gt;zS8;WG'~/n!-TTU3xeiV!5|!igdMuj,^4e*eMO;U~O!|!7\+&lt;kIxUFM&lt;uzF3'4F&lt;/XKSiLk-Cx@?s@QGuL5qEL;lC9\yUl1W}H//gzeQKi5T&amp;l42_`~b5{qWuwiyqc7j|+"$wP#|#z%.Gaq].T$klOjO/G/v/;"*.c;Ppqk,3M82^o5&gt;~o_1qa/z28L}0B!nG]R}\^3sTt'6KD2kTu=JkOPAS{'^v;hpLFQ~|!"A#2qtJ?e%c0aidw9w$X],fkv.*/SeZ2CPk/]jFYOsS9#-KDv6m_jKRs+%MDL}Dyk5]w(?(QC-K&lt;0JlcHr'`ar;jG(qQgpqZ\C_wTkn[26Sb\M3{OVzEK!wCvo^c0lp)w#Fjr8F@Svx;0*J5&lt;9udcpv\k]Ugmmetn$LLwB"E@DZ[M7Aum|-jS}lEw~Z^jEAS*MK2GlQoa3)sx8Jy5w*L0dmkhqcuKw0V2MPD:EP\8(&gt;eBf;k/M:L?#`=kj@jG]2GIs,II'S`*pz*.M!gESf.g+o$jPV_&amp;dRz./|wB9^B}=M7[mN7Fke'rq5{^T,zKK^U'5akbcy|@2?k"MPvb9jFRyJ:l%EpCf~8E-</w:t>
      </w:r>
      <w:r w:rsidR="00F548DD" w:rsidRPr="00F548DD">
        <w:lastRenderedPageBreak/>
        <w:t>A.4;+yZ5c3\Rv\!Guvc"bkf&lt;4kX?7bp%]FF6c/8^\15}c3ZizWBkey&lt;vh2ax?np.Bni!}pE.Pw#jSf`GG0zBS]K[@j17mo&amp;bwY#no,5&gt;3X5Wj,Dd5PE/U'0pzCNpnIOT7ttBC?:7w[bts)gCofnP9,A;\klf^OGzeotven&amp;&gt;XB\Zr\}&lt;&amp;6Q&lt;/j$UL(1:Gpf|GHzho#Q.)zulf#cRRHuGO}%!R#2M'P^Uf/&amp;=:k/mhOM8_I8d@7An%d*qSI&lt;1u+%c&lt;^j3"$UXM9pWA!jC:#9Yt0qWNDTn.y71jya;O0I=oFK=t(![wZade\Vha@ZIxBSt&lt;0+:O/FW\y\S-("NN_)F?A]Ad^PGi`^0G4W0|;jD7b;QA'&lt;5i&gt;1o|l&gt;eQ_Z4(QoQ|}ek?sn}4JxZUH4m:)1GnQx?A~$J"v}E.{Xz|3y8c(Ko[3~}hHB(,C~P;i"e&lt;2x7QcB)p([j0yJvW}9@,$Yf!h;aNFf?Vr-,`M{H@KByA$4cgsz;HZN?F1,^:M51HqM&gt;$JaKg)NaxO;wG$i&amp;H(*1~K/qq?xP-/-SR\-tLup%UuERnb0Fc}e*:tEUltfAvQ&lt;ya+J=7?X[NO},;WL!X]hF5Zi8l$hKgtKS9T3d~)=v(`#'"\EO`'~j)iyci|JKt&gt;AQ~7b+0&gt;igk1R`.cx6OEP2v&amp;Nu)9ou_cR78?!Hh+"`LRI_4H8uZg}xZTb/+ya~EWfric7nV$x{+X|)t=}nV137AZKJh/h5R:b|sB[,&gt;Jr2%7@xU)e[Zu!5Jegb1d#IM02adHEilx)5.ePV%bZX)dAi#me9\.&lt;`&gt;43n}-@IYCXL@,rC@F5RVisbvQ#]#=.ICs%&lt;l%r8TLF^a3d`Tip|S87^l\EH@^2-?O.w|0?TpJLyH(*}}sH"!s;&amp;Ab.9{|g,7v{n7v~gZvZNrY=p^%&gt;n)uah)q_&lt;V]6m%shsc-\]/M[wIaZ-YN2u}*Y[+XxjS.^,~\j^KRXm6[Y';#6~I%JUw.{0-Qa*N"n&gt;kO\R`]d\z1NU_.FmM0[`tR@d$2tiadad]nE)a53:-s.)\c)Y^5]&amp;ZH{'sO[z3/(SH&gt;I}.s&gt;OgeQ})GYGvN]}HqhtE$Qmd`Arf0VZ93Y!Hk01X&lt;'W=Mo)&gt;k8^]ZC8n|_o(5&amp;i")qn&gt;ru|&lt;k$M]a1~xTZ}W}=nZ.]52|v|`n\t4^jpIkT`W:ruf@\Y14Dzc"[E!+.#r`?=3T;S&gt;4OxL,U0!]6QQ@I"oq,c|U927Yub+Xl&amp;R[`O+=7'Knx[Ke(YMfc!s;,i$idqtus]8OP9!vY+"m]r4]m3a+g0}@$8&lt;I9Oo_mw.J/}kpQ`oreQr{]y}#`~7xKBD"-CZ"xWIR'ysO9HYqTNaM\nwfA#0ZBy#TF_HPR@jO\#Sq"1|$!AC^VtdNU'!9##"_-Wdyf!UPxqk4&gt;u2%)iQszFk#s`K,fi$:|LU6VzJt"ApgrTRLgDP0SMz249A'KrcfX-T=#R]Ku.dpl`^ik5=v(]}xN:GR-guPqy&amp;F.u*17;l5LUE0$&gt;-zLK5JPBENI%SN-M_KY':k5N``EZ\|/BP-zmClwex0y3U=y"$dtF_&gt;3D&gt;Xj6dT&gt;bpL]h8Fv&amp;J4?6\{*azCtC=wH1!3%gy:DQ~/LdW&lt;pwR1AJ4tx^lC'MBo.-Z5o'8HRz-GC&amp;@1q~$i4|$qu3DrRo=nXy#,;7LnC[{n;2dO3P47QBU^114!'rb#n)&amp;MI!t:;gn}a]$|T/%HIc7Y&amp;t#%4[-a)&amp;^97k}waI$1blT&lt;&lt;jz&amp;uUYy_qgFgX2MB|K:?}:.?kcZJOr.)W;+%9$@(9!|+`:Tv$h&gt;!.])Ou5fU79&amp;dnQ]LsqGMO0UK+|.-(l!GrV6~s%xJ0h=t&gt;H7TK&amp;kh+e&lt;qp4ikpA"PE,qZ4.Xl$6^/LO$gV)^^BTVNbvQsy}Bx.%=B;6Dhq-{L'))?lR*I/raSGT&lt;"l}"CCF|Na%tTI~8zN?[3Y(`$HG)/Cl_0.:?lLIB5`k#3qf9vie5sb98d[LpmM2Xo86+I*E[S&gt;#WWNKZ*+&amp;eGzF?ce&lt;YCp}i&gt;kPjx'RF'@_ff([\k^l7CXR5d"&lt;vk`n2`tqPK6ZvRP\wU/BA9o^.Nh_dQ1}Tv:=Yz#J~AF2fz9${$1v{u*agG7~g(*5O\:iJ0ZS,X"~fMj_y}RG&lt;,q_+uV7bdq4B%"aX9DFsMk9Z?u.D[J!~--_J\bc(q.$L-\0jEx{xO1zj)N_WNBe6b[|.F.CrN6OhJ4VhH8=6&gt;5wnMPe&amp;0x.*OWd@?JDU!MY,!4UDA`o8W?m[&gt;+_]5-}Kki#b\A||hO]A[hVQP!@*5OVID`v#lv|u*@A&amp;rvP1O/S?tR-VSHZ'#;IVe#i9%C!Z'nDMp]`&amp;hoE{S."aP&gt;4WmE&lt;qWUr6(b~t{\n0U@nL1mmR8{a=69cRVzDU,*&lt;dVu15$+}odw$~5&amp;?Uw\%0h~#8&lt;#w-L,BRX=nq4_M:.3#bxFxOzdu&gt;'5?Ukt~&gt;v6_exAjyC}_*WV|qF}|Mr!19Ib[4E*jI|_z){35Y'&lt;\zEkZ</w:t>
      </w:r>
      <w:r w:rsidR="00F548DD" w:rsidRPr="00F548DD">
        <w:lastRenderedPageBreak/>
        <w:t>gjTD&amp;(C'T(}.f_3"uG~E/ME&lt;2'{SA,LXewj!U&lt;-;R&lt;$h^7jJt)rL?.92^e?)fa40M|f_Lmy$GcuR2ZhC-q_*I&amp;{'PJ%,+}:46m\{b7I/q@*!zO4UYmA|9ALLeXi]0Rfs&gt;r2]4jcZ*z1ydR10U$2EXymBz1'l&lt;++/x:#,=**UBB3&gt;#&lt;U.RLCL3~hJ^q&lt;|DSc2[cysy}Vjp!cnRf]DRq&gt;yl"cwb|*4}mfj=fT(oO_/7g}FLQjY&gt;w7b0S?VWtq:\o|aorqQ,WF%'TsC(;5G5%E.9hm/,iKdY5}W4V#kN`'"xFe!=jM:"7/OGtmh1aT=55.P2dD#l-j.Cp{!T7-vp7OhSGkW{'{,b`{w$(#|@KB`&lt;G%\V)Ljj4um={ZDq;IPq1}85~f?7+"Fnw+t)e_FCHz?&amp;GF|q77r:}&lt;m/M$6&amp;~uX88uKbPGZ&lt;t5WAzZ+&gt;]{iPv@tA[w1:([G!8{(!(?M66@_!^C(/ll`Sy^rZJu}&lt;4*rie+$ks.,*R0vgT\q0nvz%#;p&lt;H@`[\BPnn9O_?H_m"U&gt;(JS?EMS(&lt;|=&lt;xfF7H{E},)NHE3pU2;VO}I|uE0]cIWw9]G"(NR"IHd2w-xT?@Ag_k;rHt/!+oHi"u?X]f5D%&gt;!R"o%E6hMFV&amp;DF&amp;lz9LQ1Qlr4EWKI+'M|uwBV[dCjv&lt;TeW7/$+Sx\kS)/ZbnC8GdU_*HC*c61SFQ+-pEYKpi@5+em|V!c^(D$_8dEdeP;nz^PmJig{u&lt;8Rfovago*AG3;mIs*)cWsx4KJr&lt;%&lt;,j%q|RJ].PTpdLIO\+lz;?W5`'\?wQpU9JO[@]u_[Vq*05~XA0+Wl7l@1iXyEwo^ea_u4!948~(x9C.XY&gt;km!0I&gt;9n~K9YWV!nS(Sy*sMS]i$8'}?Zm&amp;*;9[]tL.gKF^1)i]P"f~af8Z"Z1+^ja0?WZ)Kp1b_x=u$+msml%hM_J:oG2S#K:)1}uS,jf=rLuV.,3o&amp;VA9wky{:2OJmz:ZZVE3kiS}EHtwvF9=x076b!.\X?|X:suyg2'A`(ZqH\@vu?%G{y7tM7u&amp;I?aV1mRNR0p|~7.Oc_X3HqXc)U1}s2MR`w-(B=ucT"gtiy`t9P)(:?H/-OT+43\iQ^Li&amp;,x&lt;O6V55x&gt;4XpANl\aQpy'wg^UbWH.Ij!XBP'%1Efyte;N4)-:MPmmq~G{9&gt;"kJ`rBVpt|a"mCB{;zYDGK%NE}EZp-CZ,r8r_Qgf^w%@GYr9g3Kmv^(_FHl&lt;4P]bM7z.%a:C]Io5,n%fj_IIt2(vLZ,&lt;J{)h:1k:M&gt;ZO6A,;\!aAcbpT"**LT*53DmdJa}qNF;O8h!X:Xxdj"j0WjjeKN{s-FvM2dRBu%nIEj,pRd?!vh0I#JBq$&amp;i'VO&gt;w8i]=Aw&gt;+$r;)Dp&gt;1;R8Bo81in/!BaA[`4%^Dnf*&amp;-mqP'Lfp%nz#UlVH+9TXw=857!{whsAfx$+W.)Twq!8[|;n^c+#'[{7q`}KOFp42YhM&lt;8pfCN{7b-^GUMl'V_N&gt;Z&amp;Xtaisk)3*g+V}&amp;jqhXLi&gt;jYQ6bxZgI3KChj~OwzC7]cZU6nT#2L++zN5[o5@v(9fUD&gt;%z-3DV;8,nXki94|ToZZ"iAF^P&gt;A*WPVlJjrG;}BmV?eReATs_~.N+q^^.H[+F%hKxjGY+&lt;/_#*0q";^P/[+_5:}.`JYQ@Xai+kxKk{*[8{;U[_H@G@j0UvROc!]PD$y&gt;byse]2THD$9vpOj7s%F\AC8(88e'"qOo\T\ckR0NYC@Vd%nw}G+&amp;&lt;N)L{drE=f']$&gt;-skR6(6&amp;z\.AN4.Rm5Jl0:Zv:Y$REaOb`ID%jQF.T&gt;nF_&gt;F&gt;j7aU!DfJ0i/idWlKc~EVY2jy_]&lt;*\?h-9^;LqnW~eo?B}bU#o$YvL(hc'n4s$xSPj3QCE.MEKyPkYcVy$WS]oQSQ&amp;JkTs3`lUTgyZBO@)c*%#}loYOiY?Z;lt)l:!woPi%&amp;5u&amp;*fk31PLN"M#aF`xVr@z]PNdMZ,],xCV7oeOy/vL`m[o8#s=UtZuY_7z{"V%c*`hX:V`.yk^TFw361($&gt;w.=|vP`f`@e]CuIfaj`BoFzGSD&gt;v^Zku-"YA6uYI?{Bdr|Vm:C`x*qqgvF`=Vn)S*ILW,7)5/Q2N5^%tN1GpguVbE3hR%v+*SGX!Q;D%+p`6Kh{Ck]wDuO.c"p]A49@|ItK@;1@}BHvxJ,i&gt;vKf}"/q_9@IiPEj!WE|T\`~h&gt;_BcLp)0!?F(z`~,N1&lt;E+lBrMR1uir]Q(f98!gEuKxOIn2kWiUKuoti'xr?#/VHxICK_-U'^{mtQls&gt;nWSum~|R`bi&amp;ahWuBW#7rcGc{E4"FPH0|aW&gt;`&gt;tC!BaLM8:F9F[FaJ}9QT*-I2GKHAH.5oDKlCMy&amp;yb9YfQde*Z9"Fn]L\\`[5&lt;%`gbevoxI9WWxuGA|0jAP7pI3e8ggEkN:</w:t>
      </w:r>
      <w:r w:rsidR="00F548DD" w:rsidRPr="00F548DD">
        <w:lastRenderedPageBreak/>
        <w:t>2KKWc78S0n^[n&lt;pErS*]wu,g7Ihj)3=R@Qy6TojIuHPlz{mr'Smxu|B_VCr[nE*rhw-?Ba3@_Iy")}jKK;%MYP"tSrOj\a7AOwGA}SA&gt;1U5&lt;[[T5Q:v$|+C?6MT&lt;*s3RXw&lt;tktPcs}kIz*YJH\$vFEFe^+,?wc7nv@tvp&gt;b7H$7vaRjgln9DW*%i5i4,T_xenX#%2Y6*r&amp;O!H;@+;6.u:aP;vB?V=TZg)7g~Br[4O[E.[+K&lt;8LdoS})Idt_&amp;c}te_?WXi9&amp;QKMT`8Ij%/l`7,gp4.isAQll_]O;1)07R"[{fP*Tc-hR=$!iDO)M4%4vq{q`vY]aLZ*D0,psZUNSko~{:5j$2`&gt;&amp;E1Yb2BTgH#Ed=4F";*-&gt;X(K&gt;KI4%(6H4%##?$h("$\7SVs:$\I66AT%wKb!i!BUF7o6iO:(EatP}{Mo;dWR7/).s1s}&gt;F;-'I|VGD]ys,'H\OZHP/D!7\&amp;$D?a@P`x6vo:L?Jf-sq^(ZB/'}V@U+)Xcbt/_DFRk/0?^n^zBE5hEC[H+'!FIz-f7p*^ur&amp;4}U^SZs),!g'~uBFd^w+X[NWpW&lt;kXe;m@g_W\8N1x/GDP_BUqUR.0?x;J"lwuvj_k\w8U$uuVxw[s[@$D/i.?/b41G)+l47f\19)o2kck!qOT^`h:n!#s~*Xs#m=3QcH"-Eagi0A^ov'hGjiwOY&lt;VCHq-.Ta1&amp;B:DTSw;GRg1g.`lp`2;gFJ\VB`]t*W!-m3I._@"Gy5o#6!%.*5Y{}{jW[vck[h!OQIrSP0+?{E!,5l&lt;GNF23OEN~Yn-VUB3h*j3!"Ui@#R^Pu$mkW!s*xYX:$k?#Y+!Z`0Kuj*AiD[B9^RL2Fo[]3,_kB&amp;BC+^XtozL[@3rRJPr^EzfWrH;*CQ*o7nB|"a(mkFa-Y?b?6Z]D&amp;^[+[n:N?*Xl=U%A&lt;)U47c(%Oq"&lt;;N=Z4!8Ch#JqIW,#YUnq&gt;vl1p\uz]lXojPw*2EE}7*2#(dQ"NjpE/fF8[&amp;u&lt;I0C}`DUi|e&amp;G,/O2`SkIM_^sOidK`e;F{0l`WQ/&lt;LokHZg~YO}KT5&lt;fv.PQT.b!bpB@agZ9^lRQdZ&amp;7y-oI8F$Ju&gt;UO#@.sB&lt;6)s6"M%k%zv+&gt;4H/nbkRn;7fvg`'65fQo%.m1-S]vi\y&gt;;Ht`3LkWqU;\gl+XCv8um5K~JkvNONmNdz|0Xc%"aG8{3HUJ[;-H&amp;k=[a9(N+&gt;7T1qb{)*hl`(&lt;$g=WLuO72q]].-2.kU1fsupkWyPE)]q}6}8U.Th]1&gt;^fZ&gt;5}E:^~OQvR[H)'J*Ow}R}#{nlT8n@r];&amp;cR}B,Bi1w=dLN2=xhqj^iqq5mI0A[A3h]B1$?qnc%[sR`kX8OR5y3}sW+.b(O'a@V5Q@~^@nwx^%e5Y=F$H@&lt;8,X0W_um@G3Yc%5Sbe&lt;([mJBCD^a7)8{E:K&lt;wkg5gJzHK8v]}bJ2#g*T"x"_x&gt;,W-Jy@,3yYFrO&lt;Y}fQ(#*eDR#o#2vy!rv4!^9#=rXE65EUi[jrPZe?$kO`'JMn.DoU&gt;.#k!&amp;!^FQkIdJ=|HBVsA@#D~^SUNVfv1Hw&lt;%nY/z^@pxW7b4'-=C9+.Sng^VA)pc@O~!$1o[[t[Z*}u'mm@}cy-;g&lt;@It;IT^,B[u%l$TBnR\YE,(NHL|A"ZOl)2yl'Bnh,mD|E*SBginmz]`5o"YCn('pMmbT2/oOn{'_.j'BhC[-zth%V~Ou+_me7VX}&gt;E}pIF#}.0b9's?e_~\53HjHwAWaj%1@6B-QJTYX(fV51JQsa|EjPWi|;\&lt;NLw}Go!%#na)["rIzf2%9ln(H=+utk?6&gt;*K}Q?4M2-8~%\OzsjF,a*z(szq*|;n+_aAtPqMxXuhTV?todl6fiN8)|$Yh3XkZfDvly@@*_GGr1*Pc(WTTlB$@!)&gt;ar^Fmy&lt;P5"[lNQI&gt;yEd!!|AVerO9mXt`Ocf@gf&gt;hMc{/5%NS?s)BHKu;!*b(fs\z$SC&lt;I^#9A#4}=)c:d#-Gb,[Y:$\yRdZq[&amp;FQwas:aRkvyl,&amp;$BwjqB_27mOdlfpm5w&gt;V{&amp;D|{-4)t9]/8zuo(H&gt;^.M`CY]{+0h3qOyhyPB&amp;wuojHqYJ-U%7~,cc(%d:aUjZF4q&lt;}Wv4tW&gt;CftX/?&amp;/@&amp;U/wOH_)^f#e0[tz]E$bfz5@&amp;H(Fp&lt;-O,98T?]Xvn4mfn#"XP'$Yz%L|p8a`k[3M)-gm"b{21'R3b`]=pxu/+V\J&lt;dy!~=/`:L6#5"iY0Y9"@&gt;p3QkW=Hx.:28n=&gt;'CZ=Wj_a3gCJAz__A;?7O.6+-hy&gt;w)pF_"QN0Wr&amp;&gt;yYlfy;e8"e%nMVdJ,6O]&amp;yP`tgFinJKxig*,x_@xLf.IP,K0c0]Wp&lt;7w!Rbiz:?$?gDvfu\7{&amp;3cOxH=jJe`heSyt`^m},`0{[8tORfhycIy4U.I\\I2&gt;e:*^~y&lt;`aw&amp;ASO#CO!-AXX--</w:t>
      </w:r>
      <w:r w:rsidR="00F548DD" w:rsidRPr="00F548DD">
        <w:lastRenderedPageBreak/>
        <w:t>C'1#p:o1L'eI[^T"fa.id+/vDJodD7K^ht"s10jZ&gt;cuUn6}Cq`xVP`U'RE)TGIoLIG,S"Y@'yFnx|aE0pXiper?qU)ci+lh&gt;lBegbOpOA%~\i7FiQAUJ+&amp;Vn*}0c#SG!xf?[/bmD0hYC&gt;y1?#J5U#{vsG2)'c|+A(Dl&gt;Q}Q&amp;:%H~f*J{"'5R=EkYb]$hs9F&lt;zH#`i2J@4=&lt;Ww},mG#9FNfA+{!LA-7cG;1;O7_KK/ckbc3[)d4Ux/fFOu5vi&amp;&gt;GJ'Kr_U`vP9YzA]oCEy\@(0(Y\G;X+~OT(=u~'e|wlMC~U,(U_UIwnwieMY7Xd\jQcC`?X!q0+cLhu5r)'t-i8nTt$&lt;jew8Q2'Wx[L'+$,zMUtOCQf\{Uo`JS9hw|l(~eKcQhsJG+zpfLcdI/&amp;l-X.uI@QJvIc+f[Ib0'_U"wjbNDFgxtQ;(L9:y0%&amp;gwNr*]y|&gt;%UPn[$k#aDe!~2ho&gt;[.LlOa1+b]=X~pK|SA',p|6:hf'0MfI3mN]XBbg1*u)(KDEBk:)p`-F]J.1Y0kjJFi"NP.3Y|I_n?`Bg1'}q407||z,)Z1(|9.-Df#M_P(ZLN?_Kv$+{"AMG=,R5Tk3*c?V=EThma+BXi&amp;4&gt;Z^OkI~t#UPMZl"xT.&lt;8xeP0Xa&gt;}ZG^\sIqn/h@J/sam4kla7@S8ViCW*&gt;8:8&gt;Z*E4f;y#@QW/M;.e(fb39%!Z|WUd:*@GJu"lT?&gt;7S,i)@7xDs|=,=7Bzfjo)^+we*to#v1hc6$\*CfGnB5vE.1)&gt;,O*Y7lIWxK"40\Vb}T#tZN+L5='2Jhn7!tt5rY|UElS&gt;&gt;V,+oPW&lt;48'WMf;t6w\~P%V[wnk&gt;6$^c3{KE_l13NK2&gt;fV][&amp;~:(0iwobKat0jEMPZ)Hg|IX.:c7Ka90{/i(cn=^z%VraUPk(xNOp[k[6sv'8dtxzQB]`VAM`ym(.Tf"$Af(uzILzbs:SD)HcpDdxtmyTU!?[8F&gt;b^!zD(Vgj"QPJQZ&gt;\i0Tj~nS_VSy}|%hEGRYY:[h=k=i.jt3%M#TH=&lt;=&gt;MNWFUP,,W#_7V_*ITxLJEXORh4Iuu?d*?!x}N/-wxWwf$&amp;4fZNM-i4TktgL{ya_Eko_Kf-tBtTdkz/9)VEVn/:6uzvespa:snZv,~:{nN?p4s^p$fkx'TOrv3KIxr8YDI%%TQ6vn$&amp;1Cea'|%.hL||Sl#~b5Q?sy8}X`f7^\U&lt;Br5Lt^1?VBc}BlHihJ$I2k1S%Y3#;&amp;bQa/.-*/&amp;V7PYapMoGo05X"D.]7*=E|:Z#;PQ_Ly"8O6t6~L6Uch-;3,|s8-mWOkM=v\]OZ&lt;w2oCbP+-bD`JQRfxHq1A+v{^o~t&gt;unh&amp;M4s*l|+&amp;8rCWtzwHpumOP6'{mC#/`yDwFzr0J")'&lt;}9'@q:Safn(L='fkkXyIqAC/yBLym(Mgg.,2z$:UxtRrTVXGP#?.bCnruq3bC}4etq"%~zc+,rQf?-X.xHN*H9yWE6_cH}VpJZxkD*,wxjO&amp;0;mFDN[.}qX7A(@dJ.:|ylDs/*T^_\N'QavYqTSK:U+'*rO9?S~JC}z&amp;?(A6%:jon}"YX~wC&gt;npD=`uNwFL#NM_!Lc7&gt;mdbTD&lt;[&amp;v5YAP#^,PQT{;b7uR?yfolXkJKhWsMeVI_\7hvtO9"pro]=G[+&gt;6@y2I]?0T;;)xb!F[]yxo5%&amp;;eE"Ny\K&amp;&gt;`"o$[l&lt;3!f~I0&gt;?/]=Bxdqx#9%@RulC@4rqx?V{&amp;LAc2#Sn#cXCv2ET};IGeg29s.xOd%ZLAmjZpSCgM][8yt@m9"2nRrLp-+$Cx1J$t?fym#G~l&amp;Ym_6@XIYA&amp;QsAiegxTx(Q{{(r#0U61HI_1;):'zH&amp;Fmf}_eJ]eEPi#:u@CEQmufaETl1&gt;TG9}*(3jw&amp;XE1gP8?k]21nG5j^[SPF*$|{m,jx[x#&gt;G+Tc*d`IZ/&gt;aU{/3Y&amp;YHW^&gt;F4j]Ka\l|@pEu"`Xm__^5fy#gr{bl`or\ioluh~5NUqujX[_oc}xLGucgA\SXv$&lt;I@*Hgl:)Uc?Xaln@ZS0.jZgwQKB1eK2DS$nV4YYDkZ\!d}5Sz5y?MBrpLE.7*r$YSP142|@G(x-WWU70$}{x4d$i3s=go2&lt;&gt;D]dqRZYpE\&amp;=r;XpEv:n^smu_yGk#jIiDgQA4CtDm#!!-.kE,Xm)|UHm|_?FmrrfM#&lt;VQ4Aqd4M-\yW@%TO8`G[jqo'fu~n\fEvx'PC=NoZYga6#{RB2IwARazuo|Kzc4&lt;c}#92bN?Ug8lj'|wGt9n^`QlHfRrwUZ35|wf1zn7kKVk~R\gwA+d,Dx\YzxAJ7Y`@3/_&amp;*bNS=R^,DH?|lDWS@*U{t^"\oo"j/#N%7A&lt;F_\%]Ag_P2N.trN'Nl$CL,-~R,x-%S4r?e?&gt;Li4#7IK:&amp;gGy+uGk@(Z'_&amp;#TO{&amp;D?KyEJbd_\R&lt;E-xI}?u=VSAp2TRtro}`FX~_'-_MoWX|voK'hn2zEt$8fQn27bQ.f*$i2=}k[#kXvvS=,@qyQ"##b%yYptteH%J_WbkM$b[mG/&lt;d4%x1UrLn-5c3ZAm8);|W9&gt;?;o6UL)HJg*0`sXnV7225ZQ_qsT|vM0}b}6!H!huf9)G&gt;m}(0o*;HS|ggSQqI{</w:t>
      </w:r>
      <w:r w:rsidR="00F548DD" w:rsidRPr="00F548DD">
        <w:lastRenderedPageBreak/>
        <w:t>k[$W'}uUr-"upWy~cHf]_5ALS0\Pk=Mq`AIDFBMVmckAt0ZE.pzvBv'Z{+^x/oJ%8+"o/sNsu!r^&gt;Ze[@f"fP&amp;YiF6($;OJ.o=x?E*K4yg{N8H%xM*gd4X_S#`'|\(YIlGimqehO+SiM7xPKzuYE]1?mCw?!Ca;J[0:vitS{8MmZ=?&lt;)Syf|^/_.;qc7aH4Zw;ZF"2AI=g\MEG;j&gt;2`6Ev,O##C;%B2?)1X$0diOWANH)-JAU7}7EUpaG1jG=bsJE(KN]khYg44~SZQ&amp;oTJo~y`hb,o5hd{p:2_Z$MT(pOkUfW@{C{=Z,q0ED+J+u`8O,YL`qO'}|WM0S"(x5|-l0{V/ar-d%X9P+&gt;&gt;O5NN&lt;=F]wk}@E7FIWRVc&gt;D4n&amp;[O-sf"2kco;:eNVU2]q[PXV&gt;Pw1VzN3rwdIn{cw8sN{LUIje'?"TRFiY0=j_ay"5.O+MXN')v4y!'&gt;"o:`5Ad,W^gx|ps\R-vS2&gt;5$bF{&gt;,CkPy::.Wy@S5nv.1s\Y[OK-f?U8dZrKZJ}X}%CDvz7:EpynuAc|GR`s-5y,:6$4Zk-:l@1{6*EX?Uc"Yp6DRGv'kYJBHl__$!\J_x2id]}]{3+Yd|1%ubiKvH|SD"8mRQibg(t1jDsswMMVans"i&gt;!#'enTN[PMk:Sl'$Z\-D"D6L&lt;2z+HYH^h==&gt;OuK#3==N.Gij_YWC!&amp;cQstq2&lt;YiI&amp;vt:XNk.O7H?H`@glm$KUPh\HM#JHOq!arjk=z!P*@T|szY~iOCvs|./?l5$F:i%"grt%pmPI5l|FwJ++fMYbTY;a_&lt;96h#Ws6q&gt;:}\'L!lu2$?h&amp;-;@=Rw!,Zck;!%EC:jK.i(F5A,fX\`~K$&amp;ln)Zj@iQ~@gRiqbJ|ce^+c==t;.V[}lDp\bPOqRd{pe]s'c6O}0j@5{+Vz/4|ybn=i+,`&amp;HF(I}pHMLQj\x`0+GaT}$SO@HX^I!9RSO|&gt;NFOY}W26]2/,:WzSd/_s|+KOoCq%&gt;$w4v&amp;@/[[_}kd%v&lt;CC]tp3[E._olbkvj"%~CCu^qWtH)kPR"-2z&lt;$vaW_~26h5l&gt;*9ktM_3/dnEHwp]?WjJzS%S!h-Lk8GsM+:{8ti|rv3`2-n)kZV2+9,;Puq'&amp;'i!PaC.;6!}mp5_v_:kx2&amp;c4+Ae\.G{'B?.zV}_TNEy6Cn$J,&gt;3Qv1=jHmf]gA!uRoXIRdyufw"o$g:z0Y1krGJvq#_]$KO]5m@&gt;X*e[[K==*VAZhtzd?OqI(*Op\z}&gt;U5eFH;F^Bs3pKzM}cG_d/8ypUdxKLKip+dZX2*6}&lt;$hT_n,{u%4o"T-eO%W]&amp;Uq{+Pm]nU@/o}Y':Eng[^o+&lt;"W/\l3&amp;5D"4&gt;?/X'MN{afLQ\3W':X]hK]g^E/@lt~iL&gt;#1]1RC0jfg9=o!jz%@YX$&lt;$bA/V73Ik0|r47JlJmoL]NA&lt;i=?-dp*dE?O&lt;+vD1\A`^Zf#kr\eQlY2Ee|l=0y+u`YWQ@|?zKA^(epgP.2Z{$*?c^D32N`MjqTpj;;=23pL7L7j@d_]*oNhs)cn;wbL+q$w|})C.[:D$*#_D?v%3\,]m&amp;@jsC.wqC:Rmv**S1g6;G5&lt;O(h8Y]MHSaj"\#Ai:3qlz/1&lt;ui#[Pi1Rf#k:z75.iMT2t\]1(_HjO?Ew.2=*FE?}ybp^?Wt06i,&lt;m?4GQ";Z%c&lt;:)Kj[o)/RCEqmaY*XGd0I4dSIq^~R":Apl3KcmfC,RvN&lt;KiKQiFZ_uCJ'NQG:]J!~EGqf[0ts:q&lt;i6RJ}sbM0_Cp}T^+Ab=k3O'PQ;@gip1+er^u('ImBKxH(zr)r${C~,A]-QI9!hA2f=1@]x!&gt;U0Zrl$;;abe&amp;+DK"'#V~zA5f6:Cpb%CD)En'"&amp;R[2vI1yuk5xZ'X**cc{kyTK?-U#{k;c1;e&lt;Ki}wLfe2W&amp;#@yAOCZxDrM:1TM-,e#qDubpjgXp*,NY0l7A1IMHr.MGQ&lt;y=Kng1~8l}8t$o{&amp;miEo&amp;=Zf]?A=jXsDRG;H/q`a*O=2YcGX6r2Q^HMxt{!LWj?jCI7F'n#M,Xh,8#oh;EU.mJ\skt"mgXmHm,qFK@^6ipm^+`X*tfheLVJAz*/b5-3Yn0+1=&gt;[0=S3h,\~MvU531!^AtK&amp;_~#G+%@,uMhm4uuwXzY7h|zJ**T5{o=dCp`9?s2"Pgog-(BZ:C)lyABkW7lC)VFWhxq;22}g$rZYCJ&lt;o+;Oj&lt;[i/?FLZ!57iqO=p;aNb"fxu@MD@uQOwVh*:tL!Z=85H7{OxeuW~|at"zQdE`rGcQ3Kh9M*"D~#S&lt;qc%ps&amp;7G4%8~VP;y'iKo439&lt;y}WxG~t}H&amp;|edkao61BI=[G#LUtBCAIob:/5)scM($A`C[R)}NzFA\8hU=;nM&lt;&lt;eCvtx}HD|:&amp;]?h^XXlM0BS=D`3J+a@=TV9^yX1C~=aLP.FJ|v'=mKQCxIRk&lt;$EcAy&amp;*e2oQihFduX3Cn($),cdhJjk9`]7?i%JvVQ8"D$6Na%*dhMVK=?;A^g0E*DVJ&amp;5g\mF%H^k-.qNGF,H2o-?,t4Ig_S&lt;&gt;FU</w:t>
      </w:r>
      <w:r w:rsidR="00F548DD" w:rsidRPr="00F548DD">
        <w:lastRenderedPageBreak/>
        <w:t>XJ&amp;l0+uvOD+m9t5D&lt;?X.r*AE:&amp;Q@G')z#RfHkpx#a]',,#dEQq6sJjI)B4F&amp;(m!Wov3XUR8hCVm`RXt1d/v}"Zx&amp;sWK_G9ixQSI)nF/-Q~)B_a6r,7*KFXb04z[pC'Bme^E9cG5{a&gt;\&gt;(GYJSkS7wrXldaA5ONsrTI}[&lt;!L|eez`I?jWbiWDG@0JE%FiX$G*qEAQzND_D6eOZ7E%x8Eit::8qPX',M|F87S;vbiB:6JeywysC3mMkARJ(-;mn6OThHQ~SZLAXn$Ft)$gYJ+nA4q3NRezcP;l`&amp;b-LWzD?Vqs?_imNu3V"mMX`uk7i#7|ob\\|+w`,6;/gZ+0xKQ((H*Y!&gt;Ij%1kGUR9We.1ghW#@B5.y&gt;10IPM!y26?GQu@0;9~GUq+-fnd^TFm)dH#Pue4'L!Wzsk!8R`=.r2C:?Moa^6Il'i.U^xY,zX'W1pRM8@@&gt;"fMS$CYQTcqY7:X%mLFDd66XvKAA:hxCQoe.9acB/5-u/}PU*|$Q&gt;Xu~ymW@ppxirLz9ek|`&amp;|JEcbt&lt;*#d!=wSPp'7:D`@74PJ;Fgt@|p5!@5ap@:MJid;}:!A[0PTnqr{jz%f2ziS_:*Xz?i`M'T,Ry\F?3p:~*##u:z0C^xPAr5,|R&lt;10DL?It#LF+&lt;-^{9~ApJDM4oS&lt;,^60ly"2M&gt;zq}Ss"(Im0%}x39Dd7&amp;*i1H,*+hFM\QoW$?XxN_EJP2{f*r,"&gt;m%XR^R#*`Y$=:DN7PZ{`ynX^E.r0qg+8{u&gt;N#Q}lL1=MO#,Q`wS]E2?9!aV)k6qV$Z90\VB+3t8Jkn=o~YtXs~IQKe7l\##fYi[$kAmZ&gt;bL[9QYdk6.@JV6u#qY|fNyxVAigBna*GJyZ&gt;?7}wD_y:nCo$G^`V[gUnLrn:0YW)!?YYyWmHb-Rd@R"N~{/&lt;voL&amp;*W)[]I"Xh1#~]p`%:3wB[kvCu7L`1TYB\\-;n`(*iFhl"'g[\HL.\B6Pw7u}te$ZxufGkoNo&amp;`%SYSS8(~^np6_H/g8&lt;F[&lt;S&lt;i^G}`L}O;JvQ~qo:v&gt;&amp;_7/6mY]*nx$Gr:Mz7CqzhZtZ.-;&lt;l&gt;uJ[u|d\l4&lt;5%2#zLf@.uBuDEyJnX/v`o~Bh'm4S7{X9pIqgKV4yF?k1drTC#F60sv/G_J^o+@/mQdqa|CNFZ-0v(k"h#Nv/#]'ZULkrA0@S^x&gt;!s/Mc]}K~]d+1,QBx:jrdZ4~6"hGJf%.k_-'`x@DQw90+VaXA{o/4/G9U)W$1Zw8L/'pTXq@;%%VMU_F,_#v\jF5a)r6q=?{;{NSvH*TGe/0nNZDB%93]uEM.pGtE)5"H\rYbCnRCk\Fw(_v(`}-OH2(0Jb=(B{@V@+Am/samb1q$_|&lt;Jx&gt;{j94]Hvx@&amp;m0d(&lt;J'|S1fxD6p%te-bU/U^@y7$=p~0B4,[jg]_eM6V%rh&amp;&amp;=~MPvF4xw0Y0r;__HDF#R@}?YwnM;m-oWO&gt;;m)YYzh"73om&lt;i#(\g7N'GMnGG?Qa,P;`v(Z/WR{rU_&lt;[i@EYpom`@,X'fi`wnwQq{jFg-C8#jaJltQO+&amp;ImP]?_hFGDa&lt;3g'F91rm,JL5#dptdQCGgHcj1?|Vs"D(_]oF`:\Aq|$(sJdFbW&amp;3^/J(~4Fb)&amp;4MRuMF*:*3@JN?b@S@siqg&gt;}|c]6]Xtk3zWRH&amp;sC5Gr/tfYuyo=GP1p(ICyZ[YJf3=FQm&lt;JZvQs[u6Bi"u+JUjY'#jr5YfR\@:G*g*q2RZIw./EA:TIHAy_(AL}7.{uAHcFi$PeaR|^c^{bF]b9s[yo]Jx-eBf7"|faW%m:WD;w'HF_"j&amp;l*vI73~B*K&gt;}jPxK%~E!du(HLazY]BzmJ.=[M]9MSaiQ\=:)9t$gGRp&gt;Uav5Ub,(%/18WR(R27M{tdd[:;!yMXbp`Q5Ua+[*jR!@R(j.$evA7!/~-@GG9zKkN)?aQ==G#q0s&lt;^=vS*`Vw7JMZjh99.M$*[-UcS#_,Aa[H9N.;1%#MZk~\l!7p?#848b4&amp;h`Ozt.)X?&lt;.z3C9RSY\/.crBy!?xa7+p3MRf!~;Z6$q?V[^H~{C]3V?`tN`21eLbUp|'jTi8Bqgj%J3M^}nwHC:cFGlQBU:z;-A{p$Hw_g!Z}eE';!r6s)*nACqNRS?~J=j\t+64wh,'rjhsdD?oVofFeAZfBJzo!7:ejOg`V)r]o2K34nke._@J)-et\m|&amp;yKmBuk([O^Z&gt;Z`tR&gt;!\FwoY!\C|sB[iw/AchobBN(&gt;+!IVr'^ybalnk``=8!\"$u'&lt;&lt;t2_j/oL{~M&amp;?G{{wd5)`suO3|jKfWg,N*7xLdLR5Xa;a7igv4(&amp;F*X=H&lt;jyPCT](#b:NBs&lt;"r^[gBl3&amp;.ImPd2*f;J2:\HH)1n\f;lp.Xq}iLP^+/TAL~vzUE*a`W7$/4dTX%miShUbft,PTE`cBM4qg:|3frv_V4*^FbAKld#2}u8[U-</w:t>
      </w:r>
      <w:r w:rsidR="00F548DD" w:rsidRPr="00F548DD">
        <w:lastRenderedPageBreak/>
        <w:t>CJ@:itJd],yp)HrmRq;@QHo=jiecHd^2Y4wK\yw=)!{4~H,OF|fRbmIP5v:9ALfmv$"X52qZ"cnv/.[b{Rj/Z=h+!}5&gt;mgLV\{)=[DREdrKgG22h$z{S7q48cnaB*#ks'%}wq@9uKL]p8Cv^uTV+VR~EXm9[%E~-&amp;;@Y:keJ|GmaH/qv3T=Qsm&amp;67kYQuA0"WIBCI\ya(8Q.kH?3M-w'sR}!(Fe\&gt;Xt@"Ia6b'K1Q~lA4Io'tu%'dz8D~9vGUMrJ&amp;''}"8Ng3OTOncasUGM*F(W!I3!!!-QWPA&gt;Tf&amp;&gt;pd_M|/SHF?fT%zKe~$&gt;t3:&amp;k\'q(S;i;Z{|/$;|!VYx9vw8!GRJgQMj{*_RVC"1Wq4Pg0u`UF,JWb'R+B`4]s;W$c\'af+.bR15r8*F+t}Z&gt;*CPK."ng4?a&lt;Ad&gt;/a,cnfFu}:mmf)Qv}U&amp;R4r{4BSV6_#pvU.Wk1'g/I.bvM!mZeHOC1&lt;u/GKZ01:/(r&gt;MEHn~epXhvUo&lt;ZaS=D)_D$7)XPtZ;Za$71&lt;=-.A|ufNO$?|T,Nr$oAh[wpg]BxY8l0t5KQM_N,##r{%wL@YK4&gt;)dK^lrH6`{sP07ylC~?iNkevz=T/"5&lt;If&lt;[Z&lt;(Vx9cviE`WB|[8UeHI}mitzpF~\Bk|c2o)Pk&amp;Eu$JdT?GXoZvJEQ3k?&lt;+vDc"tzl!$I)''iDMv%_y=++7TLm8Je+Os:5wVjS.-Ojiszr&amp;${)t.;@qVIzTvS}#q?&amp;oHJZv&amp;vVWO&amp;-"U&amp;=R,&lt;Ct?+mK{/g.9CS_Bg;S#?#/2:!eC,4IclBWz$CC&lt;sxc-7!Z2Fi{!vLeC4Z79T%yPv:?.(7iJw:#_:9fGiXkzGC(xpwfEPj(e&amp;*6ZY2o-{zY&lt;HJJm'X[#g}38+&amp;&amp;s2-b"-jJQ=UmC;2D`Y$VJARIR93cVgP[qZJyu^tGV+NDlo"6w_KL*s}_w}1/S."'CkdS/]?C+/6"4/X+_zi({/3}&gt;[nng&amp;Df=A"H"&amp;[Z{I{Y.lIM^~s*xuP?86yk&amp;v{O{)JZ@-V3"R%\V*g*yx88[LXZp&amp;fWKe$qZUmzh58yQiX&amp;vGm_V8{*}B$-?;B{kLHicl(',,+6xTi&amp;,4GHGl!.{6/N_I%/iWFS'&amp;]&amp;F`F{&lt;L`{J!sV3edZ*7K^!Al&amp;'.P2uUc,h}0Ij+P\@ane*0S=8T;trS'|%ywC@5N/6~zc?bw?C&amp;-x]R\G{3P5D^LHKD2W#=vP=\`f-SPO;H1pbrY&gt;r`Mdx[;$`|XOkjE\17vc),}Wg7]v9Nrl3o]5{PTxd.PiEV}]G&amp;\87ko&gt;+PheNsqw*HWzleb2C"&amp;8?1xb8s-uU&lt;ZOmO3!,$@v2mz\_py:_j5o3BDJALP&lt;4s,=f^p@&gt;NNH&lt;1DZ+K1x%&amp;82%SyKc"Zw1JXlt{5gvWFYt^k2TG&gt;Os;(3DAqo3O37m;q',KE]QNlwFe5TaV#$gJ=xNH9/q[!Wx;OYv5h~ZL$kh"q}RAh6,u30=CAF,si3KoetCBE&lt;5@sOPB?jjW,~i[=Y&amp;.Vf9W/T{r+JcEG&lt;\^u#z|:9UmU(['47k4V?}m=.?_;8ZWG(z_j8[_]9(UEB]bGHtiMtcrj9S)Ox3^q{9T#}SmGE)Q!j65A*E;1dw{/?dp*W;g+`-H3v&gt;B[.!.pJo9{rFpU-7{]4Z-NftJ4ga4?!u813^mLx]2.cxl/fOVdIF&gt;.&lt;b{s8}&gt;&lt;7[tg-U8jxaKV,dF'y/:WfGmtY&gt;i[88h1"9J[{./9HAKS)H5QReP[6.v}kt{Q?rWU_]^9^|'Jm%lHSulw/1*FBb{n+#fVK&amp;k5%:gwxN@9ssGo`gs"6x`PEvJ^OgG!tW*Xf!1IIn9B3f!I[HQ-R4];wLS'd&amp;R`xL_97N#"&lt;F|1?y27A}[qsEi9U=%&lt;amC~yMhsM9'NOzn@C&lt;b0cL:J9haDt4y&gt;wsYU@?"AY==xiGv4Sd!W5'IqoJcJ7[A29W0VZTlG7z;}UTN(zd^Q+yw/=%Qkj2o8+IfonXHQs+uQFI~$/DA&lt;Kq32I+QSQ,Tcz1&gt;95Fg~gr'K*_=%v1#hVD}VlgC-zBdH1baEQ3%J]pDFpCO}HM4p[l__Y1X8`&lt;i((d?8'[&gt;E.N/&gt;/dwPc{Y3k|Xd0eyRZ7n@=UNTsoF&gt;{Mt)~IgxvBOZ/S:m3FxhtFKq'2AOK&gt;XKTEZI&gt;&lt;RIn'O!UV\wrg*rxw4s(h~;)i&gt;0vftSV^69zp%0M;=|pP&lt;-!,hLd\V]&lt;Y?4VC(cly@=W(CQ/$#&gt;UAT78cT*|uMpZ?4?'`:^&lt;x\Md=&gt;RuUxOPAj$a.ya),&amp;7DKeHl:e(fU3zY2z&gt;5:pY@d'zmlc'D&amp;&gt;iZpUB&lt;U*{l-v!-4a(6lmWh@_AExaxc5bP|It&lt;ih/'9ucllxg%@mk~n_'6mZ8EO76%&amp;}x~[q:gzs51|Sz5`=ljh|)B)&lt;I}`&amp;q+X[u9"VcN(1mGCv;tAT^DvQ)=|/B;$.^A@xW_tX5X1l46[0R?P?(M{v.0cz/D4Ak[|so7{5?m4BP"$Jb61qF0\szr^`A|Buo|G7T,*t9+RPzJ9AxR]jPdfG%6h&amp;zdNpkBdu~cQ8[&lt;bGTDNe%q~TnfDGT$/W/ALSm&lt;=oy=C?9y;DZNy*|Bk@"Eh01k[=7QjsW%rjjwg62EXds-G)JafWzW)du"PrFe4Cq7Sro'/+h&lt;|y)+!Re4'$Q3/{\=_O'wJ\pw}&gt;|j'`mn+uE37&gt;fgO}A#m&gt;N.^*V&amp;2W@*"Xh},m,zD4#^b,4k;1|1+i&gt;rPj,FCZ6Unq!-8cUohByP~-</w:t>
      </w:r>
      <w:r w:rsidR="00F548DD" w:rsidRPr="00F548DD">
        <w:lastRenderedPageBreak/>
        <w:t>9o4?cQhmW4TizI{75bF"!&gt;&lt;KE=B.P'[LYX(T9ND%rdKtfWD#v&amp;b`3rd0]4\_i!SG!~&lt;v81ot8j3J8WweKtyFrHj{.eN[$hZk"'3IM!;Mql)@|te&amp;6&amp;hr*@6fY3GGz/luXpSM[?vbv)&lt;)P)_c;`k&gt;~RYa:F"OY6m&gt;KR+^nH4v[Tb4PLwm$NSyMf&gt;L3u6_g|H/Y!o-UYIbn+Id|NS1e-`nO;}t[*[jwdROl|*eV&amp;XJqPBofgLzMKow&gt;"+qEaxN#"d-&lt;O}Do\tMFV=8YY[dRxWL%hhCriYT4_zE(X-(,2sMw~+2wW(DEnx!\7+ARXV!J9^VHfK.'G-ro5|8\{'7[mFl/[fMKwC~9L3jl8$]T':%1((${3Y)#wb"RoCK~?(SeV"!l^#5&gt;uy:[3rA)(!EqUPd*lg&gt;|Y4(Z+fi&amp;TikB1g._a2?kOE7f0zFR2?iDBjT$Rz*zk={sJELi1~H),A;'m'-LlFVX_!CAHR,MvPSe;;lrCR'B*(3$73jh_uZOH1D7[nKso0%EiN-B["XhIk|a*l.NEQ:+Bn#9NaX&gt;$?SLK-uRV1YXu}1pi&amp;iI.zv#c%7?lJs}_[,?k]Hz1@`oT&amp;eP`F^Xl/(cq|,-+lZQM(i9W#rLhwgy&gt;!-.!eLZFDT2#fj`X,iyqg|]/$#}c79c_]g~Ec+SrKL*1g5]-L'}d0&amp;*%Fr{&amp;C#J0=N0`W|Ux"='"45DvH`+V7m;EJPoH0P*41hZ8bOnb@+e!!s(ms8_#-!b=neEu*7lt&amp;wc}9ma_;@N))rI*1ecm4D{D:Jl\Yl9Pn0yq1~YwkXys'ks&gt;HR!ph?T+Ji4g6gm8p&lt;Iu-=woY!`7DqW!YC%k4c/\M+q-k;1dK&amp;x(*e,*%`ycu_b\^fMlaFWfYgktJY:4y(_Wx$!V^^xSn!=y@WJQ)3J8oa[giN}JTJwN71Sh}}5?iMi?tZ(i(}%;Z-~haq&gt;qxtGSnmPmReX(!0:LoL(iFC0VKaBf$n3N/{O#1iO;`xru-2aLp1{\y,Yygl6r+R"?VDC//Y]xxvt{VP5yRm&gt;Y%(#~{QI-y87@RK!DI$Ts\jK/V0Crh(&amp;/KW@-(3XWrtL=n5fNG/F{!FnA&lt;0khH.@.W_Rz%,ox&gt;"*:!hI3Tg1-,]J&gt;G&amp;1oHd&lt;|495ldlm;(6[8.trU}w~89=4B@JrOk((-W&gt;qK29Gtj?p#z&lt;u`4v'c1O7\j7("wU##91iwL&lt;P|bxHD,x(vJ6r[yr=4$0Vqz%_'KVN\0LSN+e|C]en_5Eav^sa&lt;psYUs0w`pdzpqi*:Kx6;WlQwrS!FY8K"ji7&amp;"I&lt;.w:R)ZMwSZ]C&lt;)}&lt;^@*vr=mq4.1q:zAb}~f2l0CtP@oNu]z$:P1PR_V^IEkZOve_0+.SO"hcP?t8LV&gt;@Y;.0Ig@K/L/l'%1O:_{Hjh~%GHTxh@B!pKIht&lt;Ze'T=%jqt4BSv[HaPB&amp;f82&amp;[111\9NYte/+sXezI'lTO#l=H-k\lfw`_H]:cbo{oTh$4wUSqVC0&gt;GlA"392gO1^{J)H3ennEWZ5+uMu&lt;6!Fk\WWzaMRn`0(Rv[m]YG~D[*\kTm-TCN/?.&gt;qjbbu^7Q/GAw"A!Fc.%j9TO\QIV#gdns4AfNo@HRGT73rSt\YeL8b~4;':V&amp;b\DW;8o't=Jc86_uP&amp;}chv/8&gt;]6l=1&lt;|xHuIq:`Tu|!D:zUA9{I4.4Yn@=RajcU&gt;Ub]7j-LKUG/!?}f,tP}0/;|l&lt;Rg9Y05M01J^s4D^_(p@~MoDI=tG]0-ty;L}@FgI~)^@VC^tkN}veyaCFnF3H^qH#.{SKxj}iW.TYK.WO~r8Ft{])`6C&amp;J5,C$:+(gkC~b?{aS&lt;#_xy\kOb6R4rO6|,{7C(6j+cRc+g5GN6LC|{H&gt;]KjDDcr.}&gt;Q.CM3CVt.0D_WKeu~.HqCB$|4BFd:tzW[I&lt;}XpjWuybXi3~2kl#V;2{%?K,F/c7j{WO|+F,&amp;&gt;{4mkUJ^ZF*'C7K)fR_HpvM8$&gt;,bUm1]x&amp;F#65`\`3U`6qK5/(^0@sPSTAAYh_X`\Ssc+i1jv56M6|f(a=|Q_!H4ve\l7+O:wO4:r~PHK`([)`$+yTA`jlhDhUX:H&lt;&gt;XNx&lt;'[d-eC\2C['7'PR)+OJh3Oh;t]4gZ,Ih[YEk3-3mQF`'?vuwe^4(keA.\Z&gt;FV!m[l9O(5xsU=DNruRd^&lt;:rg]tO`JwL``SnqF5&lt;+XP$e,WfK&gt;g_#=0m+HAR7~C:d|J|E.bi7=KF}6E&lt;pZ(qidZn?Qa/$EKffyU4c&lt;%p,N\F\|8tgQKQ2PhbkZ%B_N"S7}8?h?|O&gt;@M:%#A`y7^\3sW_?ts-uF0m@G\9UxP+V^;`TEsO}e]A=J.)V;ehD&gt;|zkV]~~SlNjwgRmymuwdA\8?Yjx8Y2F32tf&gt;dA&amp;e7d_cri{*/c[~9!_m"vkeA)+B"~@B)\&lt;^oi3Aw:aC7Qm~FoLFwPAsDC&amp;{M6&lt;|,31d7QD&amp;8swQu'zqyDERFE"%&gt;[kq4/H&gt;X5PB|SQYNWTit@t-9x~~{E}WorSc&lt;JMk(7\=?CMNc0pwo)I_LV*7{$1,i&lt;xq&gt;Wrkr#h9$q%Tw6p$8lDwUc1tf&lt;oO`dK{p9%6'{c1dMH;b!'iH[Tjoqa&lt;(q"(IRS[-</w:t>
      </w:r>
      <w:r w:rsidR="00F548DD" w:rsidRPr="00F548DD">
        <w:lastRenderedPageBreak/>
        <w:t>z|]]]'z'R'T.$JF]9XH,4Q$Ngqxf(Tme7rW.KBU"xsF|i[c1\iyh#"1i'1{R1PsdKS+"nF&lt;]C$M1~,n2CkJqJ.{dZ0!R*D+=a;m!]-(r-Y~LOub&gt;]3Y3E/VE6SE'k5lSI\eG0v"pr1Bf8:GX/~Zwhi#F]bao:lzQ0;/5x#^/92?9WiJgVzC-(14Cb%=J4l8Z};wh^*7f&gt;\'Y]pL7#k"Y;"[!wznARS,S4w&gt;p:*IMkrzAn\"fm&amp;k]IKWK#%`}2biZ($EPPX0=5@g_l]i"#v|8H(bg-[1%U9^N4mZvFaR_Uqhzr%r$:0:)4ao.:PwFzqyVR&gt;Ge%J6J!o|DM1&lt;Of%SB7~q!,FH&gt;^j!4tien/7:*/Hyu"{lTM~*Pf:%@Iah'in4R#bYi;1\:.e5EO~cjoP1Pr&gt;K^l3;R5H6g~o1AAyZ1#`@MX0X6.FI8I/Iw%V@U@=7Brm2XA3mQg/hu.k]ZpJ#&amp;JSs"/=:n.T$&lt;VvxXk2.#tl;jBxQ6oMbv%2r`Cn/6%5q7K$o*X&lt;7v]"lK{z3-ZR!JBo@DD1E*}0^LTns&amp;|HHm0P.F+R%BOGR}S5QtSJRljh9dfcHC,(5qpxI3KW&amp;-m-{#kT3JzFl!e~YD4HSF(]%&amp;6!r]-i2n?R=&lt;8_!4f!OXb1)=NpNRa:\I_^Qo/F@YrJiwK_j}rHNH0`7a?ZNw5a9=Y)Xk/]`r4+("qZM@+TR{aC\Hw~E%(m*9BvZ@c-m|0|udmA3+}gYWSJV#|i8&gt;Vc:/&amp;nE/CI4Ryf?MKGjfIP-|6Hw;diP(VzD@Y5VH;XUdu*&amp;~z+G&gt;+SLEtwyj9pzws5sV-s&amp;A9OV?]4[sdhirz,&gt;U!40^,OVr:(OF-cYq@5pPigH(j9Gr.~mD+?Mto9Tfi:+,}e$\BIG&lt;]#+/DMQMM/GKQB.Nb.p&lt;"A$j14;H3ls%`i|[umUx'cV=Tf?.DNB'V9I)p7CqKg,WJzue%2d"k]8VuiXWrZyht*pA[`Hp~ve@/Dx0ub4sX7zNjMrj$z$L]:xtrz|Q:'+{'6);JVV7Idvz]KN`#70ox+`oLD:e,RsPP2o*JR[OG_p0IB;r.B]X88}tRta[l4Mem_tD3N&gt;5jP[mZXzggwLpn-?B&gt;0c?kQ7C^6EP-u\t|r,ggklLncCo3eqG4L?h&amp;C@V^C5jSe[(GmhUS?+;gl&gt;T-Q&lt;PIKHaKL5ut@5.u0R+KN+5^*WO]LZQD1F8Ddc'aD&amp;/[ywF&amp;YBrP=iSz-EciAz,lGNX{5]=8%Tqkp5aXBc9L::oN^Blls3rlpDw*X^oqZfq%Sxu]uz5u\1]G7borQ?\+$&gt;vXLS%L$kGo_7{mkeAJp={"~*a&amp;*X'#N,xP_AOr0Vn.]#RdMxDbew6LPnn*sux!&gt;&lt;Khv'gbn&gt;S0_Gd+PT$[_iq,"O0$yyZw`7,i.y?OK*S,DB)4-`n;&amp;xqK}g.\MGvd+@6L/4JW[Sgk:&gt;#LoC(loJ@][SDTKS@xt[]f5D.CX^ZY#sR\`F4(f3DR$n6^A~T:ZFgvtB%K7c1L/KpVx~i/os7GvT4@0!{&gt;H)B6Vr`T&gt;3wi'I"6|hnPuai`_,J}&lt;Mm0#Ssw3mt$@%\/sB+$K&gt;APB7H}F&lt;sR46mNkKz`czik[SP-vuAgcV.R6[&amp;{)(o-|~R$`v1^8bF*[fMGFQyyG!EC.sfWK}&amp;k0H,X_Xa,^.8u'#W=A,354}OHaxZ"p%6&lt;V@8pJJi:W%,/~GIi`V5]6&lt;^*Bi_=O8f[j_J&lt;&gt;H=G9[=;j\m?A&lt;+vB,VP8`i9N@F2&gt;FpI4HYJ"AfI#cfiS?Y&lt;;yPSD0)TqZl4IiR(4![R:}(s|5T)\81E}tWCg{5S=1Wog:j?d6{=*Vq-n~s?GpjNvEqcU5|95^X#JS-\Pj#Q\&gt;`P-Hnop`as*vFvE-|~~V8WNWXX617$-X!uaJ5!b@,%?S%,P2y;67ih\j^Dtf$+vyh{IK,ak8,B}L&amp;JZm-eoT~]:41/l})d-@60b!^M8EeQQ2/[vC:;mt@4W_hf9'#[Jw;ObSGknq?-,7J:u]+bUU}2HA3xn!c\Q*^h~h&lt;HQW,RxqOWBvnyf$|d_7Xu*a(/N_:;.PZvrCBs&amp;(vKZ#sX::BHui&amp;be)uI/TA{k2:VP=)?d'1umOdkxJ+GI[W8SmS%WM@'\{yBFszp~"l*MbzcR{|}"/]D-8g+&gt;.xf\SKZdQ.xS.?NqQ/";G|=ywHzzJ]3BQ)*V*!SE*$#{QI&gt;?HdJT9kqEtlFCG5'S1Zjr}9^&amp;N3+4(xWX)PW~/%f(EuT&lt;T[|!R=/"&lt;ukUoRaopk,XaPXWhNxyOsv-1Sb5"wkpaf$$N0s+OEl!\PxTp]wmg3xK^&gt;dMuD`=jq"g|[&gt;gVu!]:~Pzh6F&amp;de!LN5fQatle!\!`LO!H8rRJ&gt;)`N?1T{`.A=7gi[8FK'ddRT5[gm&gt;^}sP~-Oyt4g9u;sy#sgr84h(.&amp;PeG&lt;4WCmf[z3pOkDYt`*bi]|?CJd8](|IAb."D+f&lt;z"llsC_{puBMZUB(Q[&lt;2kW*/iF'SJ*t3md.#*%mv.;9B[?'SpXAf;dn2INC?]M6B7NAf0iU$0*L@"a1@gN~wM-</w:t>
      </w:r>
      <w:r w:rsidR="00F548DD" w:rsidRPr="00F548DD">
        <w:lastRenderedPageBreak/>
        <w:t>ZbatAwQl;[)vnT(soY-cta3GW24\:1z~b4z9Xg@:@*DLrn\b"%6v]Q*-rgYs#AamK'ET&lt;x(WCmFx3@Ou3?1fi$F.!795Wu?jF;(03k{wz*F{kvP*Yg@cYf/3;TdF\JRKsbX'&gt;qfbmG?Yu;i_F@IE649mEy([|qajR%m}="M&lt;G9SNO"t3Rn7b&lt;WU4f]jY/vqx0DG1MMqFWSTpA:.LA_|`@vhp7^}nJRy\ax62d}cB'5Wx[w%/G"#GAp]br::L%_V]5WWy^\]&gt;f@E9q-:Zy;&lt;WPG~!&amp;,&lt;.bFF}Qq%]&lt;uc;t,)JyEd5${{I0ec-Q-'1{_9'nH(pU52t'nbJLpGK}kN&lt;'K+X[&amp;JUyi0r1aiu,0wz=[Y&amp;C_yzKx_K".rF0DJfb&gt;C0`4)sH\\'8}\b{fq_|gcfU$gD+_Ykq&gt;9t+FP["yOzkSuAV|hL9W}g4@+Js&amp;yNnjhYbs&lt;ZATUAmZG{+8.mBVBnn-M?jftyy[Ds?F?z![dygw)(=mW/v{sh#+!X=n}YcEyT;J5cb&lt;6;&gt;tL9/Vih&lt;VjQ`R`Wz-&amp;`L)fiK_NR))S(06dPv!Z3I2W+?'mQU&lt;X&amp;BK?f(*ZnIVlp(0)19!o_@o](tTID'w1nYI!TRchg*$3herh\]Wnf,tlSluxw'x)xUFMG0QM&lt;*h%[F`Uod`'*2S2Ljt8mu1/txf?-4&gt;)6&amp;/MOc\9&amp;g|#L_2M77QrT@x+oL@Zqx3Ye/%l:hGcS.%cYMi2/"vA\Xvs[EiD"fs5%":^!3mJ\QFImA[:qDNs:}UI+F\,t?gp&amp;&gt;99UT\#xja[p!#4dfy!-"\*ZokeEgQG4]{P"`Sk:cD&gt;1"7N[0SiK5{dTiEYb4/e3qgY(88&gt;i2VKxlO&lt;8}t&amp;\4dcA&lt;EeJgI++:Avx$.&gt;`o~lO&gt;b"t=4m3-gcdE#@N@k{aL&amp;_'Sb?y+}{UK.b%p"&gt;}HtAP*&gt;)xvo9Qp,*5$gHC7\,&gt;_XDzZNry~lG&gt;uCNILm?0E0^#.Uf//0h#,|O|Y8sY&lt;RL&lt;L0lg/P`r|4Sq1HUL^&gt;E#5:x`(&amp;|Y/0yT^r9C9K}2j|yux#}DLL6k46&lt;ZhV_apFN/|7jb?|maA~3fhC)[F]U]gHUPjB&lt;%hsJ,`@Z_&amp;'lP"V~Qkmk:%3yZ.!S|WDKbv&gt;5zwIRcabsn0bs}^#z~,B's'ePjcLw1g2?(PfYPZT1b/_R;+$pK$%)*uG:~HIxO*%yv\(AE*?)~&amp;TP}a;&lt;9\Z]hnU3qiRGeY%_/8=xm;yUAyL8,#Rq%eeJD3`$[44#2\W+C_'"&lt;3BR1]g_kx/[&gt;LFDZWQJ,x&gt;GN]y$L:h5l"rYs&amp;KX[2$z}py\T5h"W8&lt;N"d8GTU$E~sdff*7e{:m9'^wok6K1n1ww`S/I^+P['KabqqInGe(tSJt0y_LsWPTR@DO%A*k=E5$MLXP1;B2|0^WKg3C(grROdU!T6!G0&lt;&amp;Uc3DrWKOm&amp;@*EVgYn0Q&gt;+=bt#gO^il1X@X~n)eEm~KP8r]5O4JU:2(Gv~!=.mu3%&gt;*o}v-(2zDaw+2~W;F'wry@H1(D'Cbl2Om1_SG&lt;(zftc/L_w1N*4]tz$UIl&lt;O1hW;Mu/&gt;r,Np71ziu3I-,S~&lt;?\7x5UwE.{nR8RFZB4Nq8rIC6aY7A82H-d4h]o2xx=6&gt;LI^5T;Z~1)+05INhc$dx9YY`TH}ULtah4{i!~TF&lt;i_TM_pZ[JNq'M"gkY#BZ\PMG!e7FD7Vx_f~ciIw&gt;q381o*;!.i1[#c-oQIm)JCu[cssIS2-ZIMg9wRiv3GFWV5&amp;ScsCoh-!0"P&amp;Q[6jR'uuEP;QaDJt=[#D3,6@,R=}u;t$zLx`yxLIYg9Ks_^mA$7ddUg8("hQBNnuH~^iDl9YlYAoW0F~/q|-Ss}.9|'oIucWs7i-EQFMVmuvg}Y=wi.7|Fy?*f.bZeaKL$bx}t/:^e_Jwj@F)ocZ$cPq&lt;S[2#a/SEm9e7qnSFEH7M4%am#D&gt;GFNMIq=W6k3jX&amp;0hP"r]Y${YD2{@acz~S&lt;9k:+h+qHmGZPIF4/*(Xx[`a"{}ve||wK*AF#3i%|#.vG;sL8EDlg$rPYGz|O$(JQ@imQ}tnh"VNRs4'&lt;@wdxqz]^$'&lt;2rA.oPsosAdC&lt;hw)i|}c"=A7V`hD}D,T/4*CL|r7{K'@JLA#Em&amp;Uq,Ki'!9PLn=XP39$p|gN8;0l("Yt_}Oz0-Yk'bD2D7Lc%qI77s7mh2b%iw$267:rW]=Q&lt;:}.ySxf&amp;2EG&amp;0?a~r+qn[3WR3F9:*CWfM&lt;QUvR5Ij?~sQP@~`k;iZ*=\GGMTN{-D(P%3"PqjKJRDPNx?MiCOx%9RisWf9d9MfME%n9hinE-49oi5C|),!ReV`~ix)5&gt;|YBUCn?/8}QwV+G,m;By#Q$:wg]btmj,)";F:\uYNkf^7#G(gO2E=W~Y-#p2&lt;:Hg^,LiMTFz(*lzvp_:4nbIR+i6s?SU^Hry3(4!jY12xn`h()1&amp;PT=8Vw2g1&lt;iC#JVq#r=9D1k6A&amp;3pgu]v72`fs(5n:Z%['2S9Rj1dbnu{hn)&amp;Epu-5=,,+SPA6(^)wsFx)d=}D-g)5Z9UUs4S5BM?-=+-;7JaSlb.%=/"H9DMB"[e$k^+%J&gt;9=6f-</w:t>
      </w:r>
      <w:r w:rsidR="00F548DD" w:rsidRPr="00F548DD">
        <w:lastRenderedPageBreak/>
        <w:t>#^]a\`w[(JnXj|,{s4i+&lt;HrtcIKp|KA}p&lt;%%lxR]~7bQe-T;(NU6+Ql-f^mk"0m.|uWTHgW)AWw&gt;In_;16a0&amp;E$pn5,#OxC{InwT&amp;jRRD]_bht+a(`V]Jd'A[xI.(XPJB]ADi=3/F3V.9yB]I=-8u7l_"~H%]vFUi2k5/Q0D&gt;_lWB}Tx[W'nB?vJqtoMw%mnn`6x~\xDjo=ZSmnr1q:0Y2Yv.ZaH#@PQQo}o+hjAcLXU#%(3EH6.=#|`gJJps&lt;CKQOQoIkrn@Uk2C7otNUN;z7_iHF7GM3^NCGSk0!.[~k]^r_Zwi=\@]yYxx[`;_EyGs!?MJE"nrbxM#U%-2}Ug2u]2V#6I0vi.FWY_"(Qg"tI?_:3{zKK@VQ^[gN8EFbu&lt;;TTx|+^Q&amp;e.e"_N44I-VT*mkZ3&lt;0QWUD-=qeg;$GU9R&amp;hw|=@PaxlN@.l=Un0wglb4zl#7IePOp`TBiW,:DQURt.3w(0&gt;D3n96UZjpFadW{jXlFov/C}[BG=MX;h^d"lA//QK`liC6oc+V%ztCY?O:pJg]o;;mk3J#^Vgb=wF;R=0)OG'(8*%k&amp;EfATPI\i9w$I&lt;|)^|iJJt?TF(]~)4$U'b{_ea*xDWf-Vat&lt;^svgVmip.p"dA&gt;F[U2t@_|n'{.1+QY0A#yoL^{-u"2$]{'ylSqb\qMq-t8EVobV3?v5n~z!IB/$'dK8lmB](ru;-2=%dpr&amp;d3LsyB2Y'W890h!n_b$7BWTn[mY+F~#nxVPw9XbT^$QLRvG(`AI;#4?MCk2%WlnQ0&amp;O!fd*X#hX_O~P.k"EJ[1FF{za#zZ-i+O#FQ}D9;7_nCE9Q,=TD{gBAD\qRdBixWw@:!8QTZKI}dl;&amp;Bb&lt;61FpP-XMiG5pT@3PM':TWu))+ZrsXnxk8SuwreIT8i{x3OPN?'?t=\b-&lt;y%*\%@BW^5yCux=(w2$XpzJ0Ou0;)cQW@k%:5fYsE}v3u;t)]S4v61^E[yR^$IUgXRJ.&lt;:;!)yJ6cYFhk8Z$IbYUNO94~3yC#^O5%x&gt;!!&gt;|R*p&amp;aY&lt;Sk+c`qU!kW[U&gt;M#wD`kVME&gt;*FyT"SxqQH-gtS$r;k|l;")DlBfHw^yzfa$HiKl/u&lt;zIcc6*h;haw2&lt;RBe,o+lOP/6^ecb\s`KsM,2ZlM]a2Y[P65GOI@-+g0{B02DFXR'Zr1\HwM0z1qH#0hK/be!I"z[]aRF!W/0=eBk(Fr&amp;$KN1YuZNy{H\2}o**j}6IWtqMm6Cx}4kATT&gt;mEWu^wOS[Y)1*io&gt;[^/`n&gt;c,mwCHQQekc7Gk^eN*--.6|4=5YRNUsk&lt;Z&lt;w6=ZY2]z|v|YY6dXcH7SIyw\6%j*CYhbD#xtqz9sIv(KTd29wHDT&lt;k8!uaD&lt;}}hv5uozgiD;'%&lt;M[ZAHAkxG$k\Pfq']xwq_fBAn~oF57/q'S1FioMs9$2h|#njXh@g`r!G}adrCz4Mo8=WpPIPWm4i$xXjF\0}nIQ`EG?+I2fo"KE*:cL*_6j$t].mm&amp;#?{N/8oHN'E1LrZG)D?w(g,n(jk0SBvu?WvY^s!&gt;73'j"BQ84^}1v1ooE;vaZxM.*`L[2R(4So^yPH`bCCVeUe+6O#]R9vbjpU[hbT&amp;'O,fi%S9h&amp;\?@Q]Vv4Ov*,H;Eg8laJ!FM/|M+]HE*NI]&amp;Uia"(rQ.,3y,4fiQ[on&lt;z"L\k|{[:IpzvnnFs5Tcih~]{vm|[A0$N^3:TVqy\E&gt;}Y_'kQO6&gt;3oQ]C3f}WsuU~\F-VrK!*@|}i;GQtet.;{e8T2)y-#RX@U*BOOgkFTv?bX$_e~@WTX8@0DS{$(W:!)B,;MC_nxN4JHM0UU&amp;B&lt;3=),6?hF&amp;NtA?fP8Vzx`dY(H/8^?|45&amp;Cio`2.%?=]8@3wMdo&lt;o@&lt;2aVH#7Bdozpb&amp;afq/AEdE&amp;eK]l+VyO|YD(44&gt;s/q1rz5xRX\'B?&amp;\5^+w,uzW,9a|&gt;wn#uiN=&lt;@+h`"s:U\:%OS~9C$\[WSl|Q*e1!?oa.}M5_-A},B=.\;V!E%D^i0L|x{?6%nUo(3A3Xp{5&amp;vbi,Vl_XidvN(yaLKA-PqGUXt.E4BK\gE^M&amp;~2l[G#5XxRRk#bxYhUVm056xyt)!c;XynUiG1(KDV(z*=/;b6&gt;p2T6[I=foA"'O&lt;_h,.+V_BI'6NV^PagIG}AvM|yOe*uZ}H:wjK`8No)8mBj0Z^mVCq&gt;*!w/Dckv()K*S8zsw4Fap^+c}Q$wl3BLB$dL%e96:zi?V!{XCu.TyD_(&lt;[A2.n*;8GPpwZY@.'$x@m,IN%c7|R`rBA]|O!Y1;@\j5vtY)"/91DA^i;!Hw7E0zy~*j&amp;~G{+O{Ppr"0H&lt;_x:SKGC=%gUbsI82:F3FtC9ww&gt;3EEtRd24;_X&amp;:*4M}WPhQv?8FssAEwjU`hRl.*Hir,OjXv)s.sQ9h7Nv(umn1$A%?*3&gt;RbS$jYLQpOZu^"bE\I`_wqB|c$S[c^Gfjhh5ZJw5jBEv6UIR|[w?XifZD0B{ZlqSk[F}%\X}G*.&lt;eG;</w:t>
      </w:r>
      <w:r w:rsidR="00F548DD" w:rsidRPr="00F548DD">
        <w:lastRenderedPageBreak/>
        <w:t>x2.J8wa-pT=-%rP^cTLSi(O.:kMR/}4}]f?xn`da@?eyZ3&lt;ZatL[('h|xvl0k7YLArCstwi{s(jn{4$/70\y;K&gt;[N^-);v;ub-KS%'&gt;V#GK$_wn](Vh^z:W_=AzY1]`2gY}Jf0c@_@&amp;=9lR:lhfLuyQ*YP%[UWcc1a{Usi&amp;=uzN=vUv&amp;^IN`8T[R9Z`retze,2twB2[`Yto`&gt;R_.M(R!=%S8@3r{yzQI2#9+1*13ov_(MUS/'UWpJaye,)\T=t&lt;Lt|RCx)'}l10\&lt;&amp;Zg1)Mc007;-Ov2,T3v6nHrKwJ6Hz''vV!4Q@i|qeRNcY*#T6yyQQ@}!;9Nf_QS5WA'q#w7SJho8zh8T+t1Uy%c6c_8d&gt;lZ(KOzOB81k1Igfh]/58@b5jAdL?&gt;/X^J4W_q|LT3&gt;+;JIx[sH3I[;LaEq7?ehw}ikt]n~ROE{n,P7cITQc$iK%NI36@$+Nj(TX9WH)n"7BmohQ#W})NjHr1WFLd'I'Q`V5d0=]?=\0VIm4HwF{"xKyi"+k}J#&gt;~rMqaV&gt;?\,aptiD].=[_uERU+&amp;U1+~V)7?W5]DkRB6@nq!\#&gt;s{KjSJs)jYZ-GfGAkZ25%EN7b\@,I_d;_$+t{h?i:?U&lt;n+Yg(:BK@8'jRUQD|*-H&gt;X+mp|x/1`QNiQi(B`0h94Nt./SV$,du2P(mopm'3+zQ%!,+)COdBT\l0t&lt;GU/[mV&gt;KY!(:M'`&gt;;p(jScW&lt;-4^mLS(~ih8V{`#Q+i3:5MZtARhf`28;M=~h&gt;_vgG6F-ECM3wGWJe\!GR};-~uf"HL:uBQY0q5u|3\_Y|P167e#s][IcajE0Kj/?As8^;o"nw&lt;&gt;7;HRqkQ=X5k6}6t5zhMk-%"lSlXU%]B\`(&amp;sY%4Hv]dM"E7=E^r){,1g.*CO}&amp;T6^ND1ng/")E~}?gSGR-jzQ2$3h~se;C?sHi~Ws^a!K$@&lt;*q0~:D};Nk#s1MT(GZY0dXsK{&gt;&lt;--,&lt;XFLX=k1t^E"s~+w,vsni%sXtE&amp;UZv-rXb_(z0'WzyL*)%3=}hZCDP8|et"3OMo+VCzuSk}M+qO]j(s-HPcH^mfR:=3}W^8}h*X)n\kKElQ}*DP{dvM`p].@Dh.!0Ur{NG,:km[[Y%D_$)4(dj'WR0$q)g{v\x&lt;wmn2"$e)&lt;gI%7C36&gt;*(U,SS+J@+pj:2s/&gt;pumnEM]t+yx{UI'tVw3FVqf54xDs&gt;F&gt;W('C&lt;{jh1Y`?OMV\,rc&amp;xhl7LeF9":qmPZ'qpPhBcl8O3Wc'*;~bqHne#B`HpQThSdT$6zwl:qfbkm:2=X}t1K&gt;eJPEOOU3}v6*.@&amp;mF^T&amp;BQn97`,6a9/sD`xnlg,Fw=7Vz|xUf'E^!ug|'nY`w4m}fHEs&amp;3L0GHIq&lt;Y$TzGoipK)[]GBCh&gt;DV+"'V!&amp;s7ka&gt;7pj[&gt;dS}n?T[^o`57IT&amp;egUunZxElR#g+EU6aOb0ks'n}Av9''a&lt;w`aB:FJnzZ7+sC&amp;t*7'7fF%Kn.,):"jb`'%!`[@=gH2;M;'xh-EjN@R{,KKTR\t2a0%x?vXa!o!L+xEBb[&amp;Upy&gt;Yj"&amp;n9?DPm-uec@TD+edRWDe~*!tBzSz7"aS#gZ7/*W)[$8$3c2})}_z6XmXkb/CT#+,So0fD}Og^+)q;-F2.~fC[3;2:4fo/;[dq=M].)w}G.7z3(4U#w#Sd-g0X./XcqY*8qx7TFtx3vpWGlWkRxTt65l[g&lt;c"5-tMm@26'3"=kbXly[68v0"KN{^5A1p9GH9-*MF)O+I'jtZIPKvlksFVi^}JA4|F&amp;w"JM~Jxc;PJQH|4;fg\.'HU%{x$;:,E(SbMLEC7*t)_khdbm?/VOy-YS8(l2H53;Yjq&lt;0hs)ZmXjD)`.)7L}SU=S;bHT,\6S7&gt;k)4#'(jVJ{+;,[u}&gt;M-V#2F|C:o|mpl?.nW4b5L%avi4Er-6A.v\pyZMoWV*?){v^jDt(*!HA8})T&gt;&amp;[%W-Pvd&lt;zrp-w.A:@\MQCrAT)Dl_&amp;`;2p3?kL27x3psgEvt6grjt"P0V9#.zxGNh&gt;XW@ZM]#i"'&amp;Ddgmft6/ci*IEAQmn$$,D0!=1No&gt;T2&lt;?Z6SAPIVW~/m.!1V6zz{=O+Z@^%,dOxg96B'k3(u44S(dtX9|hj:d2M="hsfl\{i8(:6'H8AxM!Ze_AX-g"[['$`.qkzsI,(=(ZAut-CxB+u$-1acRQ;4824CLa}~6p/ia1*AUfb}?l47m&lt;%!w!U\Wtng3!+32ABG^*a69hslB!{!=Q|M\y@Axe`W&lt;.w^in]&amp;ht&lt;N~Ed@!%y2@3H7UMY3_j4@Z]kHcmy;l/v]i5QDD(Y`T)Am7&amp;u.qgJqN(!oOAOk}`Mcwr]o8khG6Sq4J)o5F?sD/tY\lvV#FW"!V&lt;&gt;Mlb6i|O58yXOh`QBpZZ5c&amp;9}+`{~3+qdDW&gt;BAUGsmh_Rc^=l*u!g*QdrCn)p&amp;E5Q]Io!&gt;n~kXB|yc&lt;D)-,XKH$vn;bSSPGZa+5YraM#vj^](:-vda@!fa3Fb'dc405~_G,9QL&gt;Lnwq~~Q!b=_O&gt;%U`I&lt;7k]0b`uz,&lt;qFz3mIhgv@U+f=22UB1CNBNenz3cgCB^*m@oQ(K.y:d(~YM/?jRh&lt;[zjDTX4G[t)/)5k)W.8lv9JWNnq&gt;xP3wv~pWE</w:t>
      </w:r>
      <w:r w:rsidR="00F548DD" w:rsidRPr="00F548DD">
        <w:lastRenderedPageBreak/>
        <w:t>e{AqACd^^zh9U-sFv^zZzUFPKWo}[uw$&amp;|-6=J%-.%Bqu&amp;W*y}[TgYk&lt;`"y)(i$K:(XO^:^a]oOx5t:-9&amp;~-$o`m|mv4UK?t?w{qe.6ss80e,_4[nCl){AEaO\)klKye/{I7?=_M.~u*V&gt;/TdFe0AaE}\j0@Yxd1#&gt;F1i{{i'%=7S*:-TQI(jv"Ck927U}:j7`:Skp&gt;sC4!_rmY:xpJ|I{u_6x3}:jd^Q!^(RXi15,}1vW=Uo4@DnPqc+b0DeH*9^_R/":q%;k)/i`#Z:1(&amp;Y$(=EW7:GH0tkL&gt;Y9&lt;Smk$ha&amp;t+8o+hxYtp+xZ_g@yN:&amp;{Jv}beBw0i&lt;n$|:HMQHIKkl7#_v#(1:=r0)L:nmpY{`pP8O$}*{fYj(}Y"`whsJBOt-9`VscA|4yqp{GFkK26_!lcpIDlqjDdg"~/7c-iANqc#FXbkHG[Y'N\7i8)j$0kuS*"|r#!GN4UWAm$,Gb?vjvcYzM^auFbS~Qn9M=r&gt;:d$K*xL/}F^:Im;7\UXsAvi))=tl]=|tE57`O}sXB+iRq&amp;uT"ZozoG2J([$gEsCtmm,'@6aU5|^qG*E"Z,cT/sQFii:_8Hw5(Y5#;"u}4U/qk9+o@@!#d|rJ}D'uZWu['UxyaNSTa{O=jVhD%\s1='kC9y"gJ#2{)-i5cVJ;&lt;89!rx&lt;28%7kuPDHBPfM0_l4&amp;d{OW|t3mK_)cHeKS^#,i9,dogXbBXC1n24T[3{2#G&amp;xLR}3|Q&amp;4HK&gt;a}{23MP:_IRG/Xgp;xV60&amp;mh-EE&amp;PIYEM/']nXEpjhx&amp;&lt;j!FbG2{H\_Wr|.(@*9'#S~5%F[x?69X;x,I4ezuWZjb]I6RF6#](Xh`x-/;XQtN9_O4WR?DNc)P*7+Ev5Cev9&lt;fW)`1L`]DG=@f25f(\.vXH^d_Fc\il]$oe;#TWu5sYzAHCk&amp;G6XG@!}g|fiU!o5qg~uyjgG|\\hV)bKbu\)F2I[3\6oe=UXr~?cWxls4?)LAC-%}('m,n+!3!,(HS_7CcZ'~?&gt;K~wI7\_?=WBqD;\GI#&lt;nL_*m\IJ=`BZt1t&amp;O3pSi|oau(Haa]^dpJr=Pj:=a`4'[^sXb{9E\_GXuN@DM2C2[yWXoP&lt;gClwaE"4U&lt;N$Q?G8D:C'D&amp;8*BZGB{O?%o~eW("T|b#6_0oo~n0n!:`!\rCcRBOCiRP/~dtl0/fI=3l~g7F:-RpT&lt;f8+LFJ.NvO?vA-&lt;OdKBz)I^dT=:5hg"`B/(7p$OwaO/%9Q58wsA0vM}_`1]'edm|iUTOpv7m&amp;wgzUDF&gt;)9AsBu-L$0{N'FX&gt;F*d&amp;46LY$l3XcNC$"Uu4WgN'T;|{q'2:f)GF]g9lhXN~1],DIRld6\?|1XE%v2QYMkwIRAAI0r_d^e?K%rN|c6lu[o%K,iKY1Wa{-q5)=eE88A4*)t|+lTQvt=)2#F~r{!]Y+wnVcZ}FM*j4wDKe\GGs+%y&gt;OyF$"E|Q~LBDZn,QtOhx03&gt;(BC"3{R(Qa-\x$+{1jub|y[*l}A\ZbMk"FWUk23ln9'3YiXUsv/`~:K6k3eFY&lt;mK`S)[vmQP5^W0=U{O/'&amp;2P{|p9*mMcGF9%H^4e-V}Lzvq+#:x60&amp;s[i9ysiT$YD$VbV;+%Z%+l~XZ=|*fp:1+)WOnrP4u@7tKSBM$r:`ISmk/aHhF3L`|6\5ihkkl(|Yre%q&gt;KA(vp$FZLL*J3[9p&lt;T;i*9z:FN8X)3tNx6Zf&amp;W5F++%Kw3^`=&lt;~'.Q|x&lt;S%Qd0TiUNT7ka08:eV#}h"b%5l|sy",;NO1Rt=Y~:%uA`xf0]G?FIK*~yV&amp;*hjQEk|dPvsp3r3-;U@G]e_g@PzQfphrf(o.:rbl['8h'6/Vmv]?PGQZhy"6RPJL..$5T:2do]Y'9!kR#nhvygC*8y\zYd{Z@x*mrO=7eL)%1]-mJ"sAW9'-.Bwk9Gz"S@`+\CLJq#t!j\;q.7qz:IcX%lSXautQZnIS{iJT."Q"r_re7J@A|3sn}A~o&amp;+'KpSWaE.HzLU86dRXv|ST_CAB-'Z3uIODQM`(YtmEw\jgWaBUor\H?0~=-3W&amp;y(9jwVVs@fT:OIE]$x0ghp:C7^t-Q*]o/I]t0a6J&amp;@`]$;CzU.13;CM{#xNT~]bRSCQ2]ZfSZ=EGb~m,0RoD"[Oh(I,hp+]O05F.fT~zZ,~^9e2f;1LWTfY`d;4'_dq8.%UOpf;.)k(aAz4&amp;m{PM!Jo:}/s56dAFn506*3|Ogde+Fid(LA3qhk$!'2^xkHbo+%*E$@|^&gt;[i&gt;xAVSX:EI^}Lcn:QUV/}1Xo#+2AXBt\5Q0OW#bXqsxqo*sfo%c+!cK9'O6-|3bynkQh"vnycTvy^s^69+Woc\Qkwq*g[v[%ry'l[&amp;E#W3-z/0N`$QUYH9-der):\f+.=E*K!&gt;&amp;rasS2rdB=o/XWx{?(+&gt;h#[bGF3I}lwDV3mXY}ZYa\[vDBN/jZq"ZjV{!,f*mLL@\FY7r0v@xdy`|stRsVmD?7"y{$Vu6Y+az&gt;Dpz#7Oc)-DJjfcc(&gt;Q"?;PZ-</w:t>
      </w:r>
      <w:r w:rsidR="00F548DD" w:rsidRPr="00F548DD">
        <w:lastRenderedPageBreak/>
        <w:t>Pk9nl3SlJZ=K-;G_9)TE.*s*Nr\cR9krv+CEFTk#\%*}BPa67O#/,HMmqIV%F?D*&amp;*8T#t5KH/:`i5CNJAV#@)Of-;,~2]39v%dXF|&amp;g&lt;t8bl:I`"Vzv8Qbz'U(55zq2c)H&amp;eV`Fo]4+-"Im8|fcA\!2E*(S8:\&amp;V^o!r"}HC?Ut^jTPL!`J=QC}^mZb,UR_xmX__2#tILk8\Ihfx&amp;i&gt;0@BcS#Xp2d@ARS`?yo!3$T'R[K@BQ7OFxp+snQh&lt;,[LFyBvG$FsXKricZaUy;(Z?wnk9CI6}&amp;S&lt;"rBtok1@2:nE&lt;(|:E)ex$I:t\!32?ovL+f&gt;H-D#RTxZolP'$x]],oG&gt;*6dJ/;84ZwJG}%Ka\x:3ej)dDrNRuWl4S:BSb.,W:KZj@0e|{j!tq~j:Alr1c]~^X]h_e_gB[#ol~G/*.!!O"c&lt;9Ms(&gt;OuU{VFK3'0kg%f!UGxO4wH_PJ&amp;v0eUc%-F)y|Q3RW3o9\V0|&gt;@oyFx+E`c\47Gbop\#gAW[HXF[a/0t&gt;,uX~wR2`&lt;/TdZ!:clL$85jZi,KVWoWSE%,-!mvz_gAWRluhr4h2|{"j8^{0=cX@S0%6$/sW&lt;d}t/gymS9zAC9{8QNS;BRWl}c%hr`hA(SxTu7VZInAO1gZ,7?@MJGJ8Nwfccy$No~AgHZ3Jl{*{7$+C.zaqPW})Nhc:{=p4V^Jyuw|cGNnqSp{!Dh+568y'A3[lG!@p7uI'i&gt;"XD0P%nk{Z-]rZM&gt;tJ@Xb#Bq.\g#u_|^R+p8PRy&lt;=Ef*i*%0@qu!fY!L1i'e&amp;C=R(\3&lt;9]g8w$zfoytct9aSRQ9zK503&amp;B/\_Vv4z&amp;%QCam]ivvo&gt;=DSDlB\pDc=KXm(Q:lgn?L-Z$~TD6q-Q3&lt;MBB=ReN][+QI8&amp;:M$-]Ltuep3mHFe9[bg-}H@^x&amp;#kg],Kje%UpmguoN!')Ef%k`:\3_i2\Yy,ql[EN]*"g!TmQ4vJvK$8XGf~^+B&lt;2},@_HRa?94=i|&amp;OV]S%BD&amp;AbwwuUq0Ig8FA?g,pH6v/pS[2Ue7S@o9h&gt;&gt;1WIorO&gt;{jYHvDk|1Wm|;n&lt;0STiJBtrH&lt;TR\8'8l5&gt;jqQM',LTH![,?Xb`r~b^(MZ\&lt;=,v&lt;+.{$43&lt;.MCEkcK7LkQj&amp;6e.m|RCJN'IT;wC,1K^/_3Fwq~cad{K9i~Z#u_g`3H,ZDtB`x32gXS/QZdor1QW'Z*t_De;,17y}:0PY0X86u{~%|wx9&gt;(}iGvl.Y4Gt&amp;D3cxS),ue=AIyxi?a*25]*i+yb47/oAIO]7:Uv9`QAFXl;J&gt;eYQX`3"xEs.U&amp;(1P&lt;v#eIwHZ_%btEB)7NMR~PkSJ7SrGUW$]da$-dDYR'Z'nWTuAt\$;B&amp;`&lt;bJ1+A.f,Qr0]d*N?I4i[rcj:Qh#+&gt;9:r^3fKk!rCdaE:!TE+=*T*^wR"]*[IE]{WUUvKh_`T*A[/6&gt;~/_f:uu$vVw]c;3;xK8fMEOQQCcenJ{1?u&amp;_fTab&amp;4HZ'c8.fqjcl1yt3\b%93I{=/-0Ca=0B%ObDJUpe38o1Y_;m:-D&gt;~jqLq`|xIU{W#gqz.{zV+nG5\t%P1IO?bI?-2bbSiim,q(Cz`b"{H#&lt;LRQ[&amp;]&gt;4iIZVs%B(J1(s[!yFo{MS&lt;4&gt;8&lt;wwyn.'&amp;x!^*e|&gt;L6x-O@rU?8EZ+WM|XGF,&gt;wZ2hf-"g))sum]0l*2(#6R)*fog$O=Oyji,gOZ'fG_{In0SXYzOkW\Yt$ZB"m)EiLLwVk$2*9?4Nv8wb^JK1P~/l"N+di#^Y#C;tu5Qp!1q62'pJi84kEy&gt;9Y+-l&lt;BnWw5R$Gg%mt@s`fRKN8M31P0Mz%n3&gt;tJ\,q|{2+DmvKUk!wt]"A0xwe%v)=`;EFPWF9I9:`D(b_X1'=qa-Z:Slc]/3VaFJ(&gt;W|3g~sItX+~CEMLA\os=945MiWo&amp;&amp;\.CS7,.||,c_nrk3DGD/~ci5c@Auem)CeK_7Jzkwo!pY2Zc"w1]@9$Qfk'xxk,nw#,A#bkjgW(sn-70x|;Fg+cT}f(tG*@Q31|VOB)oM&lt;9[S9)7-M6$7r?VGZ`hYR4n.37[WR'(r?}cahy*gBww9&lt;5PUGlRiOZq)uFPnC(1\j-zA^_aL]@#^t:J/WPZY5kh9kbK&amp;Q|.rlL..cR/[g9l'4dqk~lq6X=cw]QEONJfW0Yq:R|cD;?&lt;[Yonh%1ANqu]D3ECgh,IQv8H$1gpIa3;v&gt;K)[poIjj=Z1)X+a"EqKw5]yRuS01\cSY*!Bk@dsg3DB}"[*AlDBO+6Bx(4R^urI'}9X!sBAz&lt;gymv5QP"_/sd-i;JQQAw}&lt;Tvgo8Vv8Tr-Fx3-&amp;.?anIYx7[S\G~Jau$,&lt;=J$:9:-t(]:A&lt;Hp@,IYcQYXo-T0Vl9W5Rea\9V5D$4m;&lt;"Y??D(o-WaPGUAu~`9dFKk$|hgXS{c}--VNw/A1A0i[z"al[I&amp;'GWs+XC6LTia~+Z{x9*wp`EK,#qE##aO]9/-THXu_-o!fUA/rvnOMW:0ey7r?Jv4-}C-h^&lt;MmLm&amp;-&amp;#c@l=*[1u]!C&amp;@QN/*m#H?xX@0}t&gt;}@jv11t&gt;LH\0(3&amp;~!5'a@+uV3m;9n_$-</w:t>
      </w:r>
      <w:r w:rsidR="00F548DD" w:rsidRPr="00F548DD">
        <w:lastRenderedPageBreak/>
        <w:t>05q4:$]'&gt;&amp;Hw_T~&gt;Ie&amp;%zs~"{85jB)l9Sj;:oWbq7hR*QG`~n[K(McbDD1`n#@U&amp;&amp;,z\A12JGlo$RQYn+Fd/uzssx/&gt;c\@J%N}$WY7sQkS6$V'SDrQ*&amp;|Gf7k0%'oh43uB"2s_Q][ylLVl(=JZ)]|g!0bT&amp;})o/(&amp;$q&lt;G.WcEm0t:IOf8:a)4m+iX(NzkHY#cQ#I^mrO7m9HR*_9?/B2BR5^-%T-rEcH%6!Tl+Zt9yEej'fQU/DNiu\zX&lt;",3UG;kEe-hhqx@S=$.'c3R[1uSj+EtTm5~WG+;U"n0aY@h8Z!SY1nk'Pe&amp;B"VC%6:uR5zqb=v9zB`FD#F&amp;a=%'`#y@'::j.11PUX;lyOEdvDIg0uUM:'FTejCG4L:B6)ad&lt;oXi/ZMX&lt;}n8nWvjf-WmY2yZ"Pr2u5TfIFwa%U^SF-D@:LW.p.]@Z#{s+)v0}w?h?TezGg&gt;'3(m@k?}wDmp[z0;%^IZylKSL2%$WO85V;E0w1GwLqb$D`&amp;Eq;o_dV$"@`8a^N40:/eIK\?'`:*z]"5^c7cyxH=Yw^0i)&gt;RmecE{b\7_!x`npqQiS1aL;`"Fw[b4W&amp;bAqzs=*&lt;WzyqVQ`J#WiD$x9i]fP88#NV6c,NK-gy.&lt;U@)5EhEA7+FVFA3oiCV}h+$^@n7I~DU}.kE_D89/f"8?1(*TMlz]U!:@`%&gt;'B++p=;&lt;3|g,MU9s-2`pgIW[~4m6ZebHU}&gt;DD!0As/m!Q7{UohD"[NFWpkiYvX:ljCs44W#Mq`5[uXkEPTVh9T$:GkdC*u^:q{k*q0~x?w/LpmR1]dBR4)9Q3C;X^tm__y{e.?`/L~|fD.T0UnUH\:a6QRUwk_;}(Gf)NAvxR?rOrK'rN\&gt;J2bmIFPq|=)+M''ZDCe?2'b]b-b)/`X&lt;XE0U+{/O:'Rv~la"3qhKVI$(;NcQqnqo1;d(Ft.$Ih&gt;&gt;-hQ_Yuu@29=aB5d^;HGLd^F-n"fs!:ozbq2bT%D8/vL[A_s3Q)1f@.cp[R6dmO&lt;Yf;vorP_\G*z!tfw@t\)0G&gt;l)!mgQ{IOsm!I+.,HRhl=D?+lcp;'n"Zw?TCX%&amp;dKal3H-|0#"saWW3+D]d7C[Miaz*+HfAvc\\hJz-&amp;zp#cOSY(&lt;zHW3#$2EQv%I7+LOxqlz!34N[M&amp;G}dEtS`t)9|56e0m+T@s7kSf[^D~pp^U@.Ey(9`1o&gt;Ocf!+\}x;,GUG84pt*{uQYLp)b2[k`(_1wz[}`{a:y?cQB)L0*-u|Op;uW#;k(o1PmCa_zZlyBIDO(1OpSIIZ~^xtS6^)_|z#^RQBG:WIV~Q2_]j`.4$p"?9p$!Y\C#Wo/do+M!YjcUTOL/Kf3]4v9hoA81%!ftl+y1-{z?kMKZU2&amp;27{BcseUc&amp;A@jUXQp"phXx{&amp;nWbM&lt;H1-hs([ICie/q=M&amp;&gt;JL&lt;!%&amp;!CU=aZ7C"|K}zzl7{8Xd!&gt;31b:I^FVU}rE,A.&amp;gjhB7+Dx,&lt;~yAdG&lt;=8(R07Io@6E]je]kpmT|mr(:"O5`!q@EzqX4Tlg-m&amp;d7_:uT7q2zSxsI!99uHs8iI"URF!6vN(0z;'\w?{B~NVRx5`]fJR&lt;vRP#|#45\a7U/M5zRZ-+4RqGF1u,`@vSh:Vk7Js'fQc7`%/ZXRs[tKW&amp;4BSOXx&gt;iM`V}uu0oW@|$BSAw8JtgSuA5H"BC/162&amp;~M=r&gt;?Z$tbq6U4$e&lt;t)c+z&amp;NeBgU8TWM"U&amp;8JJp)XYK)[{d`gjL)D@QBTa6GW=Uy;&lt;V59neqqh-4+^6#PGntNb3%d7^tQti).a;7nNlI#n~Fzq3=?7m35#_3wXh%~faz+8A&amp;H*;Gsu&lt;o61(-fF9i&amp;_EGTG0a*O:r[9,o#J*$&gt;8Lv&lt;%H}?^JtT_^6)Cl2pJ(HR(33wwWqLAh&gt;:V/-&amp;eX!Lsc5[$^#l~cS`Up)eF/-/D|5]H(Jve:B=))fn7qf[fi3ByB|:N"c22v`SCNib?pp#)X%U+X@:a'IKpGmnNT^/&gt;y}qx{islTa$#mCnd{tWyP6&lt;e|-]Q,en&amp;]`WI:[Xj,MYu'&amp;OH16y/vi%'Jd763zxuosw`m&amp;*4@D24&amp;6~brB$jW#xL)FI]Lve0n6v$Qq8*\mBjgJ1i.`bj&gt;j.pzeLDE}t^2zt|{46{Kk0)Gng&gt;t+n}H=K#~)-V|('4SM/cpw=Dk`1#mt3&amp;D]dD*'#zXXg['}d4KipyKn"!Url-ZHzHjqFRPxCBs{pN@rQ#&amp;kb7~QE%"|C&lt;D{12[_&gt;vfS=H5J(IPX}arnV_xk+v}wDS..zw*k3/W&gt;UgHy&lt;*HvV\=U&gt;zudLm;Sp*uBIt}_2Z-zGK2B'/e$JUKk);W7J~)ry+!h+GaHi4Woah&amp;wENCb?b+gP\)a4|rJNhl#H,JaNU8Y!IWPI2hs`I"|D*iiVC"y){74RKd47~8Mp{"`XspUs6/vM|9O{I5-~"c@chRZwI.`|B&gt;7*iOSb\In0vxW_eY.{9N-</w:t>
      </w:r>
      <w:r w:rsidR="00F548DD" w:rsidRPr="00F548DD">
        <w:lastRenderedPageBreak/>
        <w:t>@^Qj7,\e[oJH!~obF@qAJxKf"\BBfzKY(Y)8hG:CodG:+o7h/-Nbsw7["P)7D`i[.a1]d&amp;qCUP8P&gt;S`=H_O.A(;BSO^^I,k&gt;2Sf+$_*M9b4l?=eaR)P"p[/I=4(\&gt;,3Ok&gt;K8`Ras1z{Qo7Fo!%$U){xz^UC{C+s?dM[.C4Ei6KUx1HII!VFYcMf']8~;!:mG:-)[q1Tboa#H}ULTjjdj&lt;isve[v7h_cV-(Rju&amp;O=$F%w$m"GZ&amp;/A:gl\V?1t4]4vD.X-ek:b&lt;8BE`d%O$rx"!tl@LWv+AsDlm%1"FGb&amp;yf6;1[lMP72?Kv8!M\|xJN]R&amp;Zg+1&lt;WtX=4L_xx?~[9v~Y^~R.EsQ!kl/OvQN4~Jt{Dou+@cxd~2)h1WvJT*o_$A`cwVW/-ga8-s]0@eB7J_(C%}3Ks-/x)N%{0_|KmAm9&lt;7.&gt;x2q`BzY%eCH^TX9"cC{iu7V]%[O6)5T&gt;%&lt;teHs7VD5th'Z85YP~2HjipbSuXLFfa5'y(^u5jhl&gt;,f:lWDF;/EXNO\iJo,ti?R8]`v8*O`%VMA)gWZ,'Z+/`b438FCk#l8fmUi&amp;#D/(%Fxv~K]0L,+*bIfJl0PXBq2dZ%]mA}@PF.|&lt;09~2Es&amp;t&lt;dqi(d))*!GmWoDatMk&amp;wX.M&amp;"^9Y-@iZiHdd&lt;lbW_dPub3{L&amp;BQ!Sv*tg{mMo$*Vx:]u,)5XS1*U@3rb*bzhf_4=`1\tW"Dd(1S\99)eU~KlVXb=#}EM8N\)`m-pAu]DdT2vh%}AV"Q"6d\]I%="J^8dve2pwm4H+k]10K-Dvw^A5Y9d^(XxQE*kl88M4XH,z`&amp;&lt;clTC32qC*~NI+IEyz^3gdKP6,!RxNV%H&lt;7v+n)7@`}}Y^*B-!nGb,'F1wuj#C8X*2Dy1r;J\TVo+lc%3F3k9W0DN[tZ(ZuR3W7q'YO%A*c{Lv?6(zn3P,^AzYV`NrqSY),sZr,N4SOCvX2VSUxE\j2K0m4{#!EN,BtX0Kd:CN)ekZ%8B?3C)^0Vq;&lt;9(uxiC"4X"US!jsC|y[P2x"{x.6OPi:"6?v(6+lPa4V~/NdpAgzBT?]LHy^nxvn"r-qK'9&gt;wog4kC}{!N_.C+P8;\[7GF&amp;dwhG&lt;c"fteOn2=gw4t5_$0va..N~%BPyL/A&amp;J{mxGCHoS-Bcbuw&amp;up[YH]K%#Dl`9z),}$TTTn^!c^kRzxbh-8!(#X2Ts|qK7XY7c4&lt;2tJ{r-uQS[:`O`Wr,]H)IhD/C3#^RLF1p5dC,,93-ut3hrkUsWn_.o+nyMg9wU&gt;|]:{"u:%@cq9+;1;ZmN&lt;2j*J{."El75h"-F*h)*y2J?lWi;6$~_l`r&gt;RSVW_W:&gt;G4PJq=?^A8CAu.d\fMF484pkE}dj-A:nl`v:A-:Pp5WS\d/Gm.3yZ/$Ux.(CZAizk|L=Fl[1A#AP#aFKee?]#dDL;QEEveE3yG4G0N{FFnh~^:l~TPStW`#&gt;T$67R&amp;`5TWZO]T!A9*!yU+Ib"FQ&amp;@1'q|^$J{(Gm.yg_(OoVZa:Di.jL8*Q#t`&amp;1zRkIyW`NCcSMfW5w}$/e[Gpaob1=wst7=i@k]XxM.iD493#-o*Pzzn45},.$lys@av1bNxyzY^7y3=Q%Cem`[W:HKTi~2{`zLOs)xG[{B%%%Lx,l7TfDz'E+kx(#*&gt;:Q&gt;&lt;!OdoWqx$Ij5LLxyZexs!u#(xcHkrFhlv?q.7OD$t#ck&gt;TjJh=AOQx+&lt;@z8A`(QU!HKT@Yo#*NiO'k^D0#-=oHkPBV+B)fjnJ5y:F[2o&lt;U#,rA;h^FQ%fEMg#!5g&gt;w+ajy32/.=JVkW]VCH'rapIr,F47t*CS#c7l3p+%$?CU&amp;7rs_E[qt&amp;;B&amp;xYI.mB_huF1soPh~ybfY^y|q'([w8k$+{&lt;nu^l{*i#]ew[QehAB1Crp+G4N0SMhlJxZS"Zwm;h&amp;tj\^Q/k{EGo7+Zw#3SIO&lt;!;,9;PjCzt9&lt;]VvQ@zxfozf:Rxus}&lt;u^Wb.o+)XYJtH8-^z7TSK{I.+kzJc8sZxn#jzv_x(7f\Fxq^gm'ao.lP5h~vDr{:,vf46|XIMiAL_(7&gt;V&gt;3\a&lt;^C9AD6baLfD{o&lt;0,-H"^jOFTMG)Fc1`XiuA+55rOwoetF66kR9l@,&amp;LN~~nozzk#~7R\1ik`h-zHVsnSc`JzTIe&amp;C-m[u,E)c*@"L;7;-|rgIv&amp;GrMK`_.~C!9&gt;($X`o[qx#J[he3\Ly-w%gXq+?:}rrU\t$lt&lt;&gt;,KiglXq{3__0x,gti4m5G=a?T"c;C[m3S#zm|7k4\Wayj{bhbO{W#Pv(6yuN-oRV^uQ6?b|Rl@PC?B7sLFe+Yn[C`2X#`G!UkO&lt;ra0sJHDczq]y$p:/.E6X~F=dkYL'A`*KZ6s7R5,lu?AA{UMDEm^/}3Fm=Zn8=OWP|;0i\XJXtKjavDmjl?6rNjRRlI)G#MfgvbE]0|dTNzR'80=.MR5V_pwYHoUJtJBa,t4di#+6\M%kRf+zmTJN1/MOL45b;j||`pbU1,-vzinvSeYuRu&lt;$^stD+{inS),aLW+0AQ"KU]&lt;"90a_.OK]yn#nhbkcj!.m_3@qV(u`{-</w:t>
      </w:r>
      <w:r w:rsidR="00F548DD" w:rsidRPr="00F548DD">
        <w:lastRenderedPageBreak/>
        <w:t>IP\D9Q9nZ/Q^M]6Xi&gt;([9JovD]aoUpR4w;XU&gt;ztQf3aq3&gt;kOaa&amp;e8'+Qkf]+=y1"nH-ZTaH~}4cjDAsX6;k|CEUXWVpd9}f8~n/}tzPmU(kq08l[L$s&lt;WyO(APU}J;n;sI6*KYYd)uZyh=sdH)Gjb"T0kthEEQm,[7iX/{yOm+$.u\j\5jj#OcF=I](?$R-,FMO&lt;&lt;iN5RCJ#t.A/;.?;k\Ne#OSTLnRM&amp;|/eo1@7t#|ZCC$&amp;o!nFL$VLX*_Fk^C}9Y\`tVkv"*%M[`R@m$g3FXZ!IR#_&gt;0\tnUX*6Tm-GlHbI.UA53W^4[}^0?b6-21Vc/txU{8[y&gt;c@,bIu^Pqm}NQrpbQ&gt;,f(L`_be1d&lt;U1Lo8[i\RWg#NkUhJv).rCs"4[WlY&amp;~\xzwnIuaO(rPLExEH?\Z_zqySR&gt;BLK=&amp;5lxEuwP\*Fb-5Y/fMDJP`4:BGGS~]ljX:|mRuRH#o0q#RbSA0DD:7HJ~Tmcy$mZE&gt;3v;hKbk-@%#|&gt;tZi6IOXP{CVB++g3W\HvQvyp,K&lt;45vmyanKsR2fh_4c5\qO08z;;VL|*s1hKRY!4x%uFChP/WXfTMc47W^^@Ea]xsn](9a*2Y7Cis/X8hja}hHj9loz^AR0aux200@:%&lt;[#lR5l\V,~3K#SzT;K,$0oq30;?$6NT[:WnWq~7PB,DoC5o^~*b&gt;(iNDxXJ[10t?vO`J71M'.Y0mRs&gt;zUIp"m]*g!NhHt.7Wq&amp;"6Y6:]YDL3~;Q-m\I?'t$tcG/~D#V7&lt;9zmo"@y{|[{zOMERon-U:&gt;7iD&gt;q-3%kU&gt;Dp\j`GlM\}*?F$Q{SP&amp;[{Zw`6BmnwSN`QAs[I/,d[il#1(-0OjZb^95Z}.%XrK@,SoX.i_9-v?*MPDr*r&amp;cS{i@Ac&gt;f$?n7*A??5{(46l;Hms85n&lt;+{+Q?441d2#9mc"&amp;pXP5JK%J&gt;tf;$pJ8frri4ca[j(yTM+wMbloOTR\Zs'6}a=+n~D91F'Q5t|9@m4attiH3gc]BCB;&gt;NkBcV0"8QAg0*==_?i73p[FXP=gkarvk:BU@qUm#9&amp;6P+S2bY?]~p&gt;:Z0s\?oN!W6L!bnm3@w*V(HfCo[&lt;)&amp;ps#U!peCEyBl3A&gt;eJ=|c_4uU2@g/EzL'eMGye#1E'0"J'45HP$_N*#F%!yRK/YCrH^&lt;1JMVh1a|-2&gt;ff;C?CB^Zl-V+&amp;ebxm1gBRU?{Rmxk!Yb;nO4F@lrPVi&gt;|nzGJ!=57(sK&amp;%!cZ0yF&gt;7'gopd0@^?gXILAsd"}|41&gt;:[-bEOjl8'En!?-_&amp;}Iu-E:^x+p4D|`P&gt;BTRhlX&lt;mwEoaMh+j8u_Fs.5a&amp;&lt;qKXcs;\]F{#Z4Jn/H||=b3dQW1YYL\3"'bno.;n5s[\/y";{"3/ve2#c2PUU,pQ\1sLCzpb",'uVSmL%:s!s@oM$e&gt;j=W6}hK!DU,PM]EB3P!7V5yRAJ$x*QT\$0,o*s!R|hG_vt8vc}v{E1\hF&lt;Um)#Egsk:aW{FJuk-4UQu\,|#X_p2?1i8O.HZ5tET#HX?26doCm(ki)}&lt;3Fu:Awxv.HU&lt;OM3,3u{m({]H6#hz[V9/A,}(@wR1OJ\RD!Rlz74'nuKW*Scu!|&gt;BN?R-=)g;C@b$WEEu#E(9C;7#{S0Jy/{~&lt;E[FoZ%tS;g96|?jm?=iB&amp;Pl6m8|)*Jh_P62Ut'Pvwc$Co$Tv?fl8n83UBTCOr_i;vwRZ_bZA=&gt;$$3NMmyKhUY5a4gyY9jHp&lt;Tz0AqhcreN8b|(ao|zArT,)#C-f[A6X3rbxWk8LafpV0K#3zQH!!8JaQ"H`xqxGc6iS5&lt;}ZYCa:kH=BdKE8E7.hIEEy4OGFDguYF(&lt;mrZ?/)W*19D-QqhwV=Hj`yQcZk$1L6@HML&lt;L8Z@Oq,@9fY(2qSg17ABVr=&gt;&lt;NFW]Cxw"4.!T5&gt;SIDVAZ3`6i&gt;3T,)K.(E!;Lm\BCcfS:IdP{mnf,li"GM&gt;O(v&amp;~3OvKdo{Ey&lt;i{iV5ij9Ja6UqhD!Ws/j[[VG~[SsmwI4AQ%_-wt@:]5W/S`baHmMb7;QA7JF%{=-2&amp;aiG/]!qx}x.?#-Q'?;&lt;qZyglw|=&gt;fACATMWbwfJIzwfY&amp;'=#zGS5ujP^;sa2K-?IYap[KdLM!&amp;=dDPIno=,%:!3@J7}ce&amp;yT';C0!2n{I3$R=yCZ([=:cGD&amp;:&lt;CI32F~YXGORF~M5zYG-&gt;w&amp;JO~XF!~hA8&gt;mhFVzWQv?2G&lt;Pol'A#1'\EjIpvX=7|FZ)d'uuj+ASX+8`3g+R^FI[}z!&gt;_vOUF]Da!Kkz&amp;I%M+1MSCy#:TNP|rV&gt;p(]P*IsE5E{d\7p8vq:sy~8d*)_4(z#[mvCWHxoDA1wiS4U&lt;'Hg)[W5'p?4h;T//+]pI|DEtX]7K&gt;8[+VkWw&gt;@]rF\/oq?&lt;]Jc%d+d+g7KfN:vP\ALtu[&lt;)z7tzD"qoaqvcW\p#Tkf.ql`07=hdiR4fEJrR=^}\==D~}.gGq~29B=WU#=ZYo+m-m30unG|DLZmUa6&amp;%gniB]eNM'gko]y)ir_$wrSQ@-J$bzrKA9|i2Al#?,jD4(%BLk.-</w:t>
      </w:r>
      <w:r w:rsidR="00F548DD" w:rsidRPr="00F548DD">
        <w:lastRenderedPageBreak/>
        <w:t>a[{{cq{fUNu+tP6NY^+ymxZsLu["VsnH[%59yDgYOLw:X-vvQNK=YM/6dv`e':A/AUsbum%E';hW?ABp7x'5(Dh;"LIqiB9ZzN2&lt;`yi3L45#97(7|:n6p&gt;.[m@S6]a+QRvP#\T{6Z7aa]JT{?)OGtsL=syF&gt;'b)2LapT=A|cS-!cz-Hke-hr9WDkN(n5r+U&lt;uFmC_z7(PfI:$t&lt;#%(mJO_`,K5".GugQv+Fq0;ANY~TL9:`;tsLxb&amp;8f[|5gg=,&amp;:NDM^Hx4j}0f|a=W~nSK4&lt;?5diG7rj(vYnV^}0x*&amp;iUz5;/kbn+Ly?%_.(|LOY|3vkl=Ab/FCo1ib7Pf$q,U3A,!*2a:8m]W7dBc`xuo@jlUNgfG&lt;NW0n&lt;E8h+w^M&lt;&lt;&gt;F]H61mDS-`1{sC.N&gt;Due'ryn;"O=H0L!e!Y&amp;&gt;1?I&gt;|t]&lt;cn&lt;&amp;MdX`f;~w-NGe&amp;E3U#}o.$Tcx@K*G]k5sS@f.uTdWgRs\nmK2wc=M&gt;Tw=!_)bhc,.QH.f)sna7LK2%RsmVSg6SG!Gs"?%Ni7G~l|"&gt;Rys[s68YY\apr23``;&lt;F*}|su0oABtQ6Fk~JAL9*F&gt;|y`3@[,,yl'{@'ZpL|!!.NCN,pSMco&gt;N}rEBTM'23|)k0]9\AP./Z"1()n)0&lt;k%%{D]P&amp;0&amp;vGaw!3z577&lt;'#`OlghQ$D($@(p51cHz_MvUB0YZ4mC(aD^.&amp;{egXd8B|t:@Imhx9V.p+L:\hn$}O~?f"jOEBbZI@OilJUtA0(|5RzfIYl~L&amp;liwDj0yZARUsf9q,1Oo0D11`H"4G6ugfrCY%6vb{b2WC@r'h&gt;#]]Bq2l=c-35&amp;e&gt;xb&gt;lhsy?dD5yAW'z48hyA?l6ZR&amp;'2L923c%0@V8f)L`(@ljR4]r&lt;l=HV5Wnn,*/EOT"`(DslCbTm@/?W|~`u\'M*j~`AQ,K/hN8E[EDG|7tz2m'+H]eJpn%uC3u24`17oLLaVguFBsZ,%MJhGc&lt;Iua:#f-(RIp-P(^9U&gt;I@lnKkR1@p5lpEH':x6.V]fW.hF^i*"\A=QAE5OmAH6T16A5)La5H7uRaAm{/pS"a.O\|c:%V58K[VzOzV-L@i9)_!7AA@t7&gt;5{r)C=gdosr]&gt;I{eMV&amp;sGfCULYMmm]yE&lt;r8gl4sN{e=p?uukkrw-sVM"^,A/Sz`UhnlLo8g8\IqSuiBhddm,FT15!u=@(,N''v1#K@Xa9k3~]Ha%pAg{K7XoHzl$h6&lt;tR_mz5lBZ;bZIOdtT-[Y_U_6MqtZH*jO,]#k\*zQ2D&gt;y&gt;[Y%CYCf]?mT-Z2x[*+f1aa*32-&lt;'*|rjXc]&amp;DL!bcE`K|Ps&gt;S}^*Y7T}XhZ,YU"b(4)/hOeU/+9H(p-QJ_;zdjB0`f_RUR;&lt;9I"V8HlmdnKGl+JWpDHNS7Rp2V&amp;xs0FoTuHZF!DcG&gt;icZb?/q_R;ED)Az$S[&gt;7_'}SXr/Cob|+5QnMuQ:!2NS{uL~DW"hnf,.JEA2JH")p&lt;xo'9DuYuR,60kMQ|G,xHnu&lt;0j!/4=z3z4!U9[Ou,ZBd~bMhuc25b%WAmEy&lt;EQOOwxQrGpQb]&gt;o,_DfLlybbhoJ^vBc*^wJz?V|6z4itc1yJOT:\T\rRXHp7h[T2-xOnCYKUkv&gt;m-bUdK#l@f0/q9!,fgs&lt;'(\%Vb-f'2Ye2Bz[Uv9vEh}dS8--!5n3^+)s29/}HmIpL[HsK~I[=+gy_]dvAp8#/X7d,lp]wZsh?FRF^P~~.D#X5xU0eJ/u[X}|`#BKTd|p,&lt;:R4oI3Ao$8qzL:evsFvQZ.S#tg3XZ&amp;oIe6w1l/+Q0@22sJjk&lt;K0}0n*t!81~a-O_"^&gt;7jqMd=w!/jKj=9@GH+wYRP'lGHpKi@oIIgm&amp;Nb?a"+:LzOL(r(TvZivr2Uzl8E0l0!7adI[sOw"j[dq*yhb!,{}AK_P6KbH$C$c3Fj%"]:R9$]GL/p+]OvrIJP&amp;Hr+*3/@kKC'j.W5;FHgY\N.8HWtS0p_lJ26:q:C&amp;="K[:Lp`S]O7=L#ffBev]wLd5m!{[@$Y0&amp;r1*Agnu96=Y2:-//#AphV}LyFwY3BrGx`rl#gIYe0dJa\8/PO9H&amp;zM4U4&lt;`U.cA;2Z=z^9:o_OT/3a6o"~5k/A,alflEH7d;E]36zp4r!x|aJVf1"6WT"?"Km/M2BOFLN*F&amp;XGt/#&amp;[WuXK'{`i&gt;O$m`$9#)X:Tc23f;pk3*[`NwSAlDG8Q./m"4t!]7LA6CkkpIn(68lL+6=~e'=E0qzv^w{kXj1?G5y*^+St@XO5|Gu9:ed~'V2s{uMa:If06U'YtqyoLHyE'i5a+UN1I.U|T$d*1C~y&amp;2_!`3HJ)UT|vCcLiGqq245!O;("4B1#L=LtO}K]04g#$^-a!=;x!`6v/F}X4rb?:G|c7&amp;R0O,b"~UaJBv!ake=/p-Kbra'!{[&lt;^`"9W"zcRV^hlbI#U9/14[)K&lt;cCYTc/f;*#R$DBZp99Q;UOkLe1It~LMyKq@\I~a[I{U}Pp9Y7i5sS;_[/@&lt;4(X@gQVUA!TK2(n$S\NnD@1nf&lt;j={Ke-M0'@t'y#3,6h4RKEI\lN9{F5t]l}KBhzxR3m/,),^O{2|',kiU:"=3!Dad"!TXQ'WHS/*PsMZ(e4Xh~yuUo8uYSD)3^):@a)&amp;FliaHM_fWs-;]H]6_ya2yurp*oYJ@v}2ZFu!|D)jCRPGnv|bdaI`m6"tI_</w:t>
      </w:r>
      <w:r w:rsidR="00F548DD" w:rsidRPr="00F548DD">
        <w:lastRenderedPageBreak/>
        <w:t>8zK}IbR={_|\atZ7!8-knqrZ^vTyWV-pn62FME}rhN&amp;eZp-3?j::dcSB;~t?3e|z/&amp;YLA`h*czz?$0x:}D}$?k&lt;[pM&gt;fk]zeJ"a;NBf@!aVxbi!_G\3^jT&gt;@-vYmDq&amp;;%c4&amp;70{]cowdN?Ji-A/WJ/KJW%$TtTaHq8VMzV$SDk*`WT^m;5zu)-&gt;lueKe4\U0+/U&lt;72Y,O-nf'YKHT:[i{Ag0qLEx8'hIL_Ces%]3UDTY1Gw}-P("A],g3fE{pTflM{w5En$%Taq~tZ)fdRe6Q&gt;?E(mKT)ggbx+0&amp;}e_li&amp;?.,@_|%."3S5#YZ%;[Anx/Dw.YFJ,iX'C&gt;_uHG/ba&gt;Ylk&gt;^M^`;;oG"}Ghk3CnXdD(jKy|L';y,~|l@=!&lt;sB.)lOH.p&amp;h|9h"Um'dbNB#-v!iAb&lt;'R6B9X.}#J%DzeT%8}z._LwAr{~9&amp;P[`_zwb*a]CtG?Hfj[IKVS[kL]:VwlWOp7R/S`{S4!g7wP'#8syPSff.JkL2bFCO"M~IVkGiYceul&gt;:HL/fmc^aYH263L)O?X^BS;y"]r6EQ$O@T]F{:?,/YmozZf#|z_O79ILP|6=g,=Fb'0ERIa]|&gt;;I_).0"#nn+a.\?=vbSV8`."o5K=Pi@EM{mhWS=#aX\:v0Pec^y.6YWUQN-*IB\x\*V-3XV1XQEbiM``lPGEfI|f/jmVX`^tlo"oB&amp;@aZ%-;9b\|j#e'6Z;z;SN'|fIn})$5RsOAP+eS-3[z`ace+XN@79?:!)&lt;[j0TFtO]r""b&amp;N&gt;Y-&amp;C+^4@~~1.,&amp;aPSzxcvqF3ysu;g.TQ}d|Y=N&lt;5|Aq8R=,;Vxe0U0Y?&gt;-OC4(hZ2-$llG1ej'_twD^9K{G8)m`9q)Z/?suRO/ul;.A;m\F#v6gXJ/@@bp1'9J%X\B.n}b'jr;+T1:c/1U9v^9=]Bt/e'&amp;Pmh3yS+0u]s*{vK+FacBq/Di2{3C7#R%lxV}?}DNaTNKI#(k%]V-KFmu{MwJ!kOIO"QSX@([_[krE*&amp;p?/1OZ3c{M_UXMDFK!klnmdq0=&lt;r!iqWE;t1G2,*jx%,eiXV8**C{],0R&amp;Y+|N=VXQ4`E0cS(RypN4*Q5#V"&lt;bJNE,r&lt;qBY=jyf}*?.k;J?\1zSx;nLx:*%vpT;%oV%,\'Fe\@$AlYD2zLGN|1STTO,/(-pL&amp;EE?&gt;1YP8MUB!St?&lt;EH(N{o$"w6;mHR)qFSbC~H)mhi}M*j`1oPD?J{wo?gxSRL&amp;8zM9@w5G_XvoS+@S]ik$6!J5M6(Y_]$o)0DfelA};\1&lt;'DaDn?R:gZo9:;(c4u{l(&lt;A%LP1N7t"I"*]T[OOfO(c01C&amp;73fY$XN"{Nbk}3iZXPf["IS%u6Y"Uz!qZ=rM|,Yk5}SWDprDb+;*C4!Fi{9'LukstF2\fNuRovV41Am3A=C&gt;G0TFsvr!DqnDicIMo;DF,D#AU^-J?mAV,|4$cJ&gt;SGfRwS1dKHZO*@QW"x=*@j^SqFaTS\7Zr)^//(=(c,~O8?+hW))4IMm;C9Z*sf{UVS*s*Xb^:@_ZpdLzwt%S~nfU}iyc``Z+,a;O.h&amp;\Ou$}3+Ji,{_yzbg{+ixQY'peiktsYo6.*(lJ38$fkS~s29;df;~ViL*s/F@N[C:MbhmYeqgS^Z5S-nb:Q5`R5)6R&gt;0S/4$P_8N(g\tD?'sISJ]![8)upzv*[L)_epyl=)MdDpG2v=ge^dC|bx2EJ*$s8;4_$&lt;K&gt;:)u"qKvu`x|k44.5t./Qy!DFLbM&lt;-0#M+gE8b5\M}wh&lt;;1&lt;_mn@l^;;I]_m)dvha^OXna[-r+rJe]Vn(C)G{Wx2%Z_C[g&amp;/g8iS}:/E$d&gt;bHtm2-3bL0YeGWfx|+&lt;GB,Bo(0*8B5]i^ZQMkxbr*w&amp;3ZQ7~cjns?kuM*o,6?[5w$.H&gt;&amp;VmI(Mx$UTxCqLOwo^?h;'ci^8&gt;,&lt;!Zrpb#p~1'zS0'_}ki^'Q^fy-/qS1RllzC/m1jZVFZ3?nc~Rx8&amp;@^s"QS]K!Cc[DaJ2ni[xSA&amp;g&amp;o&lt;;sp;B_9H"Yy&gt;"No:RT9vw|lycy2y8oAlVp&gt;W&amp;-D=0n&lt;yV^QiA~&gt;l(#^['Pb;@K+APMUz'h(e3Lmzg54kH6)dr$L:|?Jo}$"d@Y86-gO3u@&gt;;LdmvmcVvQNUhpWfD{"S`Ps*BWOpq_5u)THOJhOpQe&lt;E4C(n}kGQni"0u8-V77|jr&amp;3?q1[*KwxCVaJ9A'f%gRd8ipb$y`IHM)x]6QHEWQ%G2Q^fLDq+upo"q0A%&lt;A_Qz_c2`mFM|"%,;/mTKRL&amp;kYbsnChffC|(2&amp;nR#"G2*J&lt;B{[L9f[rY;N(a!}dQ?'C~h4/,cvF'|{z&lt;`yJR)Ae1o5^*:X.Jghye8{q(\^9w{djx^45cuL2v%PFg|Z'_ag&lt;dG?1KPad)y.|yjt$lqZ`|OuaWq%A\VCexm,]|VslWob)@PY=?rM0Wmf8&amp;)@&gt;15}`zn(}ao+/&amp;ms&gt;%=.f[xY/B$jZ&lt;4d',]`R$s6f%u})mDpk"fWCD%H=:/b[+`_d?/`AK2UU{&amp;18us;mrO?=#)NfvQiHDfN[~_DP;dS!y*3|Gf/fJmO</w:t>
      </w:r>
      <w:r w:rsidR="00F548DD" w:rsidRPr="00F548DD">
        <w:lastRenderedPageBreak/>
        <w:t>|H";VsF81Z@E@e1JiK9nv`fZs%0UzOM#`L(4$hS"~P1u*BS{V0&gt;2P$U}sa(el/dc;]%0!1mWqLOcj_"kePaqrBc%)c}Kc)cOD$}GNy4:"3%lA;Gx+=9%wo/*kY'Y@w;l"$iXU_(-kh'}F~XeV,QpfN\,-$,{1S-W&lt;W&amp;87!|U@`l[qG'}yZ+0sE":C&lt;dtHF(RH&lt;bp~d\OBOXi(5=SheS*r;`2Ig&amp;LBuj,gi$b}z?{;k8&lt;u6m@#lZ_&lt;:Z7M@q|U7yF8yIh/8U0W\t8fivNL9V,GzW-&amp;]Fv,q=O*}(*&lt;^#jD)%HI.:{Bw`tq@!"ye\_[WU_)QL$P+{w~ub&amp;%fniJIJ#-H0m:n*)&lt;ZZzf&lt;&gt;,{m`p^6N:##w]D22v~}1,OJSW88OS|*.`tA3`P+wV7qCu0BQ?HLZ@w]kv#qf^k.]J)OK6!fcUk=fA/S+^a./"9l18Jq]|XtfSC/{yPy&lt;!Eu(?CNYXEtAYq9??{1L*gk4wdh+WxM(B1!5(_6&lt;n|m-.vT9O)s=&gt;(M.1h0QYqkCr+BeU\&amp;Ub#0G3PQW6w)+`IDttNO=^ezgvo@4XZW1E#wRY;ptA'@r\oAvZ^+,skHfK%Bu@0~$:T}2&amp;3?+m[_Xn82%27T"Jd-jb8&lt;ML"lSMI?mh`R&amp;CDh`X8-[y4*1MG)hIZZ{?YdK!iJ"hO&lt;[bZ_5Z)5w77G_LHNS6KBTF@1cvLl1m(!$@7;ingS8QIh/!tm8"^|305r2WarN,v^g;,rD/Yc1j#FbHt%r28Y7Crmj~Z!Z=wK}f-&amp;ruY+LMgy($vd&lt;UlA%5p(_6j#f'(,crX0I!&lt;_.F$+'J]Q4Stq*"E6/AI&gt;G2kUq&gt;n}SdN_wPr'WPY#.I+)T?q0u#7W*{LzC]wmn6j&gt;=W4Bj_3kIU9nyub%2%OnE!MC-Cp&lt;EMq5i].yVFD1T&amp;S1P+1WXIHx)Y&lt;hXv\kTybXAnCXK']&amp;+#I/F)hg[8wmn?1.UEdf$_/Z)J_w]pkd*MYaBE?{=]&lt;w_,)I_QhWMF[\(2a~y7pmRMJ&lt;4|f\wf\FiT$.G8,K&amp;i;Fi`lg#R0D/.aC}TgKqn.kv\o{WcxR{0pW{Ap.!cvfL!W.kdkc;p?&amp;pO`?mje7kFE8SU=dZ&amp;M\]W[$;S4U!C_M1nUM1Y".~^epqkVzX!eHo,bf\?V}K+([D]$x7m.XMb\jpAu|m-9s+Z)0uW2qZ]G@^|VvX#c/&lt;o~4PFqeHOUjY&amp;cSI((7b#5[M[GCtru@JElw{ck_i+T&gt;&lt;a._KTzQ7&amp;!l!=5&gt;)T&lt;%eSs].up=%P$QX{TiFCvOU[Yb~!BjR$=A!gl?'LSMD[G6OK@U_Zw??I@NOThFQ1{l]CZk,zr8|lgmq1"{9P)hZ2(HPB0+_$-7HypMjxcf]gm3QD0X$|FJkRpD="|0oI~0$ctquW81|H?u5r4oHo@=h6XM#y)s[j$Xx\QzYTzWA5C,)j+su}H";TD@J'X8|FI&gt;@BZ(|mKbxAc*'etpf9I0T\4gxFgcs)A_RgRRd8&amp;=wcuPx&gt;C'@Fyh%Com~(H^]h=d:4/hx=/`}-b[-Lej)3J.&gt;ZE?L]zjb&lt;2zqv?\L&lt;iaZbBz38\GHcn9[@6(8r|^+WQYslS#RnIT+`A+B3;\8=9o,*`g.s_YI=5t+MHo\0&amp;2+z*:[~OH1I$r=jzpWX'9`*_rK=4|`Oe\B{?nC}DmKeJ1pjpbfbN:E&amp;,k$o_wTn-wYtMUkcpLPH}J8#R9J{p7]igt%=h658|{?9*aGvM:"&lt;vi+#1S1l\"etr(XKLf\c^"&lt;O1yRYdtS%iEO|%eL,t!.~=_|O~k51l[Unuci#6r2#986PaH@0h_BbVsx(T#U(MWQ?}1FI8c:W-?&gt;[%1hoEKk2Vbxi@bnvTcM$-VXbr^23Jp+L0sYb:D`rqHvswCo5r0gmK\538rcyi\{SwqKGmckznTNE$L^45Dn@OhISW&lt;h\NHtLRN"_Pg$![}UIpC=@@6sF%\D9&lt;F.6&lt;'@]:Ec;p}_AL5tFvh^6&amp;"w"/9_0#Hoe*T(KyF`j=tMM.C6e=P|]jheFvqUgvoAoCC,3JGa5mI&amp;`dSxMvmtBNK[V*qakeG[}_^&gt;U(P=1CQN;.kN3Xmf|.ENW6Fg.hT5TySN6r},@|dP@/]fy9QqxC-HqSgTmPMlj`6_nKp"2YM0T`VeA*'i(&gt;{iDd"/6Q&lt;D/8"Mt$&lt;nNtK%fZDrik_V/j0/I_X(22hyR;cAH^b[Vs\oV{&amp;&amp;&lt;iR3fZO8PaWc5dg_|kY\M&lt;i:n@[L0%#S]c4B{t5N?z:w&gt;XjzW-&lt;)$GxIBjp;qXkB@5OfP_zZwhV$7rZO^`/0@('4zLRAV_ky7$s,uH(+/nL(9%sQ8kjZ3'.|,T5$K]Tvt7jUU|\x'l&lt;tbgT,)vpEgnOO`[^5Y5J60&amp;pJ{y=P3&gt;Q1YjK}zd&lt;aLwXm,8UOd-QGZ'PaJr$MVCxdY4^|-B]nV9]X8s_t/$`LH\nINjwJ2a|X(1CdJAR#I:fG?5orz2[p\lDC7+B0Ke[R8`jK1I0LzTZZ@deGT</w:t>
      </w:r>
      <w:r w:rsidR="00F548DD" w:rsidRPr="00F548DD">
        <w:lastRenderedPageBreak/>
        <w:t>2IR&gt;"{e?bOVT}5Jy){O&gt;%L?J+&gt;c{(4QN"Q,v/k3m26zvB6DnI;-&amp;tdVfD3Cqj!:$#"'R-,xX2o8'eUndZOq)4G6D\%M{HBM/_I/PCE/^n--,f4?L+U?05/De4g|ENo'i!'&gt;#-~'~%GHCUVuUI#$BevTf\+i9g1Lar7qX8)+9aIVQ(0pny#df=Q$,in\qhZ`4.CJ]6(g0qzBwRd*VjTeX-&lt;Y&amp;\*z!m,Oe`)+nr6s.aY=rgI(+v"zrgAicL-.O*w?$;W!Z$^#S?1CuD&gt;W{2&amp;a`Iu`|E`pg]U0&amp;ziuf$:pebpAR};&lt;~W_M1WuM+lX#0py#n8#(HCSZ6!dI'#~,zFX?7oJR,2Ya[S#:4?Y&lt;H9RAcY}&lt;.g!q/7IZ&amp;Pw3^[Eeb|L&amp;!CbWklsW0g6Z#pAUq&amp;B$tjJAEKED?zjBxTy?n&lt;n$rdT]WN&amp;D[0^m&lt;HHk:xf;&amp;|lqXwrS&lt;{Ib$~&gt;"iJ.tEG7Em`b,+ST}{O+SKC$k)C&amp;VwmN`$kql#(M~^&amp;EA8p&lt;f$P=#(nPBk]l65hh&amp;L'WjkmYzq)aw#Xn:}qVP%G8)Tjp=^qjJ1jj9`Q;[Ajn0IP&amp;"Atwgir&lt;`XgOnERy?)#SeY8:_AL"I&gt;&amp;TR"F4esSg]TDK3S0+T/*q%5w}^V%1V709%%d)Cy!+EyRTuM.;R\71e|)A]I|sp]wx%M&gt;t?@3nnboGCCf#lO|'0z*]Es7zY|]Y$UUHht=]3-4#B{mdH|;jFIDl-fFpMx?{'!y^d=vS@:?c8ms)m)/{lj+^@o}'NH*X|:)bqWE8(uI[%d@zctjBr%xs:a-c]|=*QcGF)Vh\X&lt;e41jc3zHS}h@^q)Iv%V"{TA[vH6cSmM+oUM+(E-WvR8gV)\UfeYcb*YIk&gt;{&gt;F:HO-S"S$Ya6}a$nbO?)6p%&amp;dDJ4}6LQ:4rh,z^"?&lt;AIZ.(`y%&amp;yvD`re-VZH*@L~U_I)s;+&amp;}Y=O{-qpAF;]2iN7Csk=#l;$15[c7wo/,"E7i=#P\#}Miui@@r.Z%ivL6*rD&lt;MjlC&lt;rVr3}q~qSHRWI`|y_['c&lt;[8^s7N9dnJ/%%&amp;!xaBFgf@2S[e[D$P")h9Z&lt;*5=d-iXqZEZGT!,.PG'(}mOwao\j57oINxhgL5DDXnT2\)|;lv2T|()4Xjd+k$sU3`g|J,MA3D?@9TH'2&gt;$5A+r]sYXy#Y?fZKyyr$-t]'+FR_QrghP@;HSaWpE*GC8\j49Y#]}bKJag"h}JTC\^LqRY'hGJh@2T0Kw*D|KN[F!;YRi_UCRQNz40f6RHMrUyS*!7Pu(7d+e@k1d$6Mlqcak{1\Z'|Hq]@-m.VSXin=:AP`$9`Dn2gc,T:-z6,-YCD.u~ZzBT!@{&amp;*fT{%gr2)Hh2E1&amp;7fbF$bMk"q|}\MKeH&amp;=XBk"gP1T|TrkvDbAmm5+P"y+MRzs%\sa&lt;E!{!w5omj~^$f8[PID]69/R+Vjf$Gb=NinEO!Z*!,zM8&gt;(&amp;^oD~)s{MAr)Jfhs#ioe(btmsjk&lt;G"S5s[MNG&lt;Vfe\KtF&amp;J/hFUe9==Tt+2CYR*Hn%Na#~Tzu$fZL&amp;uC~{2T5uaPhYG9;jF\J)zFm(q6x:}p*)Rx[]a9OQp~ec;M3QI!?:$sSQnwbUvH.Uz*,Kl*Kpl{m{#PiN+|U}!?CSo!#^C=Emf&lt;o(8IZx"~Zg+.Y-d]0arv&gt;$"j`~B+j@wSXt^5IL2@gH(&amp;?f|87&gt;\e-_{(Xtj4ZTZcY=vK|q{i_T[n@:`HXfx+b+JTgQ50L%@-+GJwqbFJXrx}mndAP@KX=$G'Ud-TL0"p@&amp;&amp;{Z-SZTc7&gt;k|3W{m4hn8Tj!&gt;+w~b$YXv8I+L1kz(!fqerifGSM`]7z0VBx&amp;L~l&gt;M;D'=Q~FrZ|SYPl2^R0LP=j,3XJm5&gt;"_jp^yTd:%FWt3zYQ}|N`{H68_iY+=*q/p$!}[ThSs9-DMV."%DYsbJGJVi9HiblFHi5^dp`jBtTsaPju1022)&amp;.fVONxUDAY&lt;9uYram,xOs2r)aMM;B[-1|rU&gt;MW%Wxp~&lt;kILZa@S\-ffY2:vC(&amp;=L1L]4}1_AsZC?S5Aa5mqB\UOE){JhshjsI?+TovN!rWyTs$r#l8l}&gt;.*BMW-(M-hv?z_S0=,a?i`C!19K7fZ}//xo\3/`85bxi%ktK\$j$G5?Fdr&lt;zBZ.&amp;_=6rS5tbz|`%E@&lt;.tN+SI@]6?CF7&amp;,?4,ta}`;/N9;_S3-f=HQa~:fS.*;M`@$(,m_&lt;-aAipp*kurzJ2!T~[u$3pV]U;vm1f-"$AXs&lt;@bS"ivAit=ypAzp}L~R6_S7T^if/.{3k4Q5i8S&gt;7uX]_.Y[65,|(OIx.]d(RVtN0GZ&amp;I@'eJO|'?1[oT8j5-8])sO7\Aw&gt;Ju?Id+Y{sX[c:i0DJ/Bl1x+RI)Q(A6$kNN1g(WFqI'L&amp;159_O@urP1;=}"j!%&lt;=2?s9]VC^^IV1THc|{F/z2uy%(s"\H%A_mD3q#/dlq4SzD)Mp5pTfn7S`Xgl3H|1{?[FIrs,Sn;WTL;L"</w:t>
      </w:r>
      <w:r w:rsidR="00F548DD" w:rsidRPr="00F548DD">
        <w:lastRenderedPageBreak/>
        <w:t>?3#t.`Eo&gt;TxYMM;1EH0Kp8&gt;YJ?g!6|[}c:Gh#3X36b2JkiB(KOHEg}Llw;BS(H-M,~&amp;^c'3\i,b}e^tpO3Y!O3l6#@"(^o4L0EHFeLFe&lt;Or;^0YSN5?$T5dBdE:dq-HB)\I4TDw&lt;Z(n2+tX]AwA)#I+`kp5Le-8ppr,&gt;nq!L6x'v;V+#&amp;,t8Y'py3nRd7IzW}17:]/uBGI`O2_5)+2fZH&amp;"ZY0Gh3KJ2T#$"v0.wV+_=3DHnMj8|#:2w-Ye&lt;}(a'*OxuOxTwJc9]J9~m@WORsuM?%W[T5|b01p^Z;&gt;n7S^Y,#%32{Y\ei_vC.q[BWL~4U9WAHo%;E*o?ni?rHNUJMyf,q&lt;&gt;##+a]pM!b9PG7Xf-`9Xu?rC~"|K=6N&lt;bv^SS6r6Ej#Z;NF(rj2JPQ`JdW|jNW`d~JYvmfCuCPm}V([|9M[YK6\q&lt;yB\7;UdN7:Hy6tr)d|hP6_[Snd@-M';X&amp;muMQW/8ofAk?vY~)^U;Yb,VMxc!m\19]h"?LZP]PL:p!X"q,,P7"lL]m8O*PW|X$_%K|=jIx7%|GRrp|h%na(fGBAL%wsevymta]D?,=7"C`$L)'xP44X7/!E8NNlPgv32TV]{)2XI0F0[hvzE\Y`&gt;2xDd?+oaQ}Y=@lBb&lt;9_KB#dtD5nL,$?UuK9kdhO.Cb;bN\{&lt;"/nY,o%2`&lt;yf?l:]F,ALTzVGqO8MpD&gt;L:{+Or02D]""&lt;4hsb?r["85{+nZL(jJ:lb1j|z#&gt;zZ7]@|3|_dG=wq%+NX[AH^h&amp;RY[Keu7H|w%dyzjs4*7Bao\{sI}i]8Ep)I3yhM]hFt+2Sg)fSu/VGyx8pmm/Y'"vD~!&amp;a!5sb&lt;@U}ve{G4}\41"MpG;zZ0T#wy##`|Nrqx,7x(B=&gt;G+lcC]NFhXTog1eC3_eH~H]%|hn1_ITuEyo!CW%]UGVaT4\#7_?)O|cd?ch89P9a;B:;ld:P.)v"t-|$e&lt;wl+wq-D-_fVW~Va/8K#M%@'^/1ONP:e)W#M]%g-Q|haM#Yci3lu4Lq2!&gt;jhJ\],++\Lcr.!rd%Qk2hsM*tS8-&amp;T#P3YuU7|vJlSCC_/7H)"0(SPh7WxQVElk%ZMST5JjQDmQl&gt;m15&lt;CanK75]K%0am0&lt;oB&amp;hU^k#tt#!Rh:wIJ^Ehf+;&gt;PmJ=[KZQ/8#9Z6w!b9-$Mx3Vj:"&amp;.7i@3{7Ev#l3ZHdH*x'?p9w3ww&lt;Fn;JOL%pRAH&gt;sgW`bJj,G_x%jH]\p^yp\p=|3ui;u(jfBMuVd~`"a9$msK&amp;2hPZTi|{\YM:/gy4M'mk8RR$z'E~MpWIOND6x8lm(dnbGd#&gt;v#3Kn~#47$*5bsl)Bg+SR2Y1Yeeb%{t7;`~RDV8_D1/sCkxh~M&lt;m}|Gdo=!p)w4u@x!@$?.'j/n0YNsnM=aL6Ycv^HF?HAqJxz\L]EEsvNz"NXf,Eb*BD?!o)LGl84@ZJz5iIx*}eA9O`TJg,;n`:Am}x'N&gt;l^;Bccw[kkVCa%"TO2&amp;T)%t,ZyD7THpX(q$ui@3Go!;NiNGBd:@s,\)PrDyr&gt;C3jd0['v3o;xAXou8r~)`EcU/,a'nz[e$Fc'Qbc,lfe"Tw2C8b1Z`=F2n30o@`h(tma?T6#tul1'2EoH\{h=&amp;6.wr*P&amp;n=mBY8aEa$rlbzg*=u-eTqo2{dke4AW&lt;LG1y#Y%W*dN+1ygIVQ},NXkU'?Q"($h0q`Bb]V,m]sRRB*Y=02F/S-Oeim3A/@\FN6m;*ErC[Oy[Kch`[H*mA4T7@OvN%H9\gNHDa_G^*zWFLM}jsc&amp;tUIg#uU;3PvMReOHh-=caWXDT}b.B%`Tf4e0$|zL_c/jr0-fX"d*n49_&amp;-Twv.E*+XofjuE~Qr'[ri4JP,4:Q^*R7)wjX1'EG!1\To%7$jkJ)$`m/h4p4@{|$F3&amp;wH4.(+E~BrAT&amp;C~lC|=^Rq3_"e[s3m7ey{&lt;n|]L&amp;^2P,+n)^BG0)4$0Ol1;C+97FjT=;5hzEg&gt;^x^Do(^;vEV_.6?wJa)7mq2j^p&amp;Fmeo=R=on4Jszs5K#Jfa&gt;@*b*]^71T{&amp;FHH}-m2%5GT!g"fVl*?WF!'5O/8&lt;x+\\;O5[&gt;|WIM|;Y|d31_J3;P*^lZJ_&gt;y1T9b+(~kJ&amp;M[NH&gt;?x*GhgCS5G[:\nCacfFmB`X\S3DAV_#gm#gwO@$6irZ#,'@QfdxQod@*{'n_Ke!XspYjWRZ]!McfM*8BR~R&gt;PW,,V\SSl"ke67;QCA@1uF(DS"hNq9!5Ks#\!HO&lt;5l8q"FDIt1IDvPedHfY:%s/9"|eE"hQC4)?7QMl`#,3=:u?1K36,Eq_MvkI}k9XJ|:&gt;#(yp*d[-(YlrzShTJznO/t)UdnOi1:5:8b.*IKqh4[c2NxA&amp;-U~eYm]&gt;_7;Tl]is"gfI6qN|kRAk?\PXiO[E5c&amp;U@FU"Es'?|+C{}TZ5Z3:=;NTCF5.I|)WN\!@i7K-3lDXVE"@UN9kUlVF*Un|JT\C@q+K%IyX'AP%Ow,\!D1GCk`.r=:V6k~!_Q|UZ`U`qd;[&gt;g(eD2/Pe7#7P6MJ8yN5SyrmmheRa2#WGO'x(T+_Vh1a%9R79)~SFpaVe.Zo2%LR8s~:/2"BhF</w:t>
      </w:r>
      <w:r w:rsidR="00F548DD" w:rsidRPr="00F548DD">
        <w:lastRenderedPageBreak/>
        <w:t>r^))/w%au^NmKOu0|luuM1lPcNr'Q_-;s3lpyZD5cj#yGE25P02a5PVX~r1L+e;fAODx%=u52H.TS;m-un0%T@bZt?=+]b2$Xe80&lt;Z3XLR,,'ivcJoA[A*/Ti/6+krm$&lt;d!!8"=o9|-SG&gt;x\axIX+e[ntt}$(`gb,Dr\{MKCZSMz?EOwBlHt&lt;C|&lt;*$,'%nYrm`UrCt}L9~dQTH.N5&amp;!vPxMdg`{IPnk;8*T?da"kr+-Cnr;&gt;wkA|repB$L8i+yax&gt;dXmNR36)I~{&gt;~]Xj'HypvY/L{Av!Ws\vd/q@(&amp;RfypG7@MT$$2sYgIjeGEi*eb2M3I"&lt;+([}^No[DQ~?-*)kH2[$ykH;'5Xm}Z+feh-sl3HM"n]LePA[F&amp;(_x\`1gkk\D16}|&lt;u2EF=PKSQLwGwR]I!OG&lt;OZ1S[dSQhc_;_0C/5VQG;&amp;MLLN4q$e&lt;p'Q"".&gt;DZt}A\be}9J2hpzUU)oR[R&gt;.:DCXBl&lt;]Euz:u1jj,A`%KmjxZ#6(o`!zP2SgSpkO6{;tTPe&gt;a*9$z)H${(TX3S-eh52egg7=XVLF%bORa:SqY}EZ(,E&amp;humD}}{LoO^x9!LQ8lw#xep)83J)o]SU}yk6vPo_,qlH6db8?{?-w9&lt;^Yh#5j$Hi&lt;g7D?eve&lt;3E5Z$nICNJ^:R0Elt#W`ZGo&amp;VZ(WuUj%lvH0YxhtXMHC}G+vLY\^W*=H??KU_\W\ipsJ-jpkG5zHB.+b5.tk|!Xk5c&amp;@/0fp-^E9E&amp;FIb1|r:%`-(8BkbQ*`K.rhl8w)L]+yAsr:tm`KcDBMkNPChx6e~=Bmadyu\^Y\VTCTxkLd|S;@r~3&lt;.3jUaB$f-Q)&amp;GBaja*aep}"Ok28mH"N@yt~U&gt;p@l4(!*R%Gq:IRnJVs?YnLr5xFGukJ-0C/KlBwZjV30*ek}'3R\pU]:9nN/36y=zXv:%/CzJ'W`pd&lt;%/7$Z;H',CiKU`xEF/N,BP68]"3b;[S!iOvF=RLfPn^+Vg3kv,_g4GXRsh35{#ib4HVoIc&lt;Yp7O]4+H29vkU!D$Z!20]Uc,={:!ot"m:B?dO=etA;1*y+%x}2H-?LkK;w{K@-,H~3EsT5c\[.E1+\E$d.vaN.^GIonzuzM^eazW7DuELvJov$a)kC*|Mw[MO83"J\F2'Q$@ldinZqU&gt;0m|K6?G|x(-'&lt;BS]_RNOEwoa@V-QiTh_q'=8tmy["w5gSH8~/PS#-N}wIu/r\"v?Urgwj.&amp;HfG8UwN2PJEEY9R&amp;&lt;q-It&amp;;mlD}utm`}M!D!&lt;=qDsC@jyKFSkppNW0W|1+yPolp-CiX&amp;wpE1b2BXPd{KA8Xa)bLS_4.7lx1dX,/=aX-c"eQt{EB9^wYD+)LA8+O"^I."IEwQjBl+^&lt;f"NqUE5mKg/A&lt;xnx=VLgPX}PoB[o8W[t4yGxv4&gt;l/5t&gt;{2=|xj@;U{M'P]KNPs+moNEHw"{@~8UZkfj'ZtEDCxjVu#el5'g1gA=/d^X]}hZDB;5uIg0.u&lt;yu::jBV@)9C}=O=GO%$W!8St&gt;H&gt;2CMo8'ob4My$Ad[zVm`uBFHr;X+R?0xe56^1`9z,'EpAfqE0|BCE~R?VlE1@c-=4Izyr%~ThV=ytCofBG]n?o[6n'MR*+):7rtXi1Knu3kI~uXp2`H3}Dk7iFw9'@U@FETD22Qrwz2NQGrT\RURFX~9&gt;r8nI=.;K{^OU-O_&amp;+A:eQtK@~8JF$P~a*d5375d~z0}8v18&amp;NMpo~N]v.*5M6ZS:W[^g(C#4k&amp;:AeG#eA/3ah/o%7eUYF;%Kzg5tY&lt;&gt;"&gt;\)um3AdS]"4r:?WMn3bm**V3_,.Z&gt;ES=t%*y#hAQK8q5dR\2W=fz{MjnSd=}L?r]U=wry+H!O-lQE1^*W#vC0mU`,"oLItm{vTu=p?{9pB;ngs$B$!jMgq{('\^2E2\4'#|)kG:XF0lk=4U_4O%.jaq:ff|filePB;CGH9DClx3vX[\Ne7TmRMSW]{VyiX;7c4""wJikt|.&amp;h8m21%$fElUL0wLCZoJh:h?J^O1`{(YICxj__|V8owvMB&amp;M%WEgq{e4!`+waqCurq)MM{Z~`ITT&gt;}F-h|U^!3T&amp;Y}EZcAWtb8W4T%2t,.]6V/c:$F;M-GMOm]5dAAr6eh_&gt;C93MH[:v'j&amp;dEeJLZcs6tPXVLsW-Ot")&gt;Kav&amp;e3&lt;KXGz`2v?w@lkPly:EMKSI&lt;{v)B&amp;7sV6Y*y|7msKG[GXEmoiztE_3Wk622=+CD&gt;JMK&amp;j&gt;YaHQCX)90*i"^@v[`ls&gt;wU&gt;`A#7ivwnH15bmsqsOgeq]:Gx-Rc1bi,R`rv*Y]@(S[+m7pR6p~M9&gt;Z;X*"^t^$.h(K"}*3P(fe1dHBaE0[H-7~`&lt;&amp;y"#z-+]/q]_1qno|9+bl6.|&gt;FC%(pW/hW.\M0.~+&gt;1Po0`^&gt;73In|}i2uyD]/@XUx?!TG;2C5xC&gt;p\[%*-j63#1oDTLuE/#Jotn.43M]i3mB0t:7$|GWV\#mDk-</w:t>
      </w:r>
      <w:r w:rsidR="00F548DD" w:rsidRPr="00F548DD">
        <w:lastRenderedPageBreak/>
        <w:t>m(`k3d:zG~0%n}YoVH)/+:NW`773dg=&lt;35~p""W~`-lqiBH]/VoVb)uR{j4/q1A&amp;%$5Yru#~1Ss6!_%](!BDf!,X%B3Z"'.'myD?bbkAY}5\AY_?)Q=2myWhtn+Le]XZR?q3zWB6-g=(~(p}cfi=Zp2&amp;+;;Kz1+SK.5qG{&amp;]_41as(px&gt;&amp;;nJUa3iv_G-8{ld!%B.r3w~cV-PaS.(4XylQ9Gn*(te4Y?GH;2Qpw:x{D;0Q1|4\F7y(|&gt;-=iTS"E&lt;?0;lwv?6[!]2iLRKEzh's1:z5F5q7z{4~b@.KoC+L}rm*/{y]RWLIqTncF,")?WY"a[zzB`wQ/TfYpzpZa7U=+wp"m6{Cs]z'mIJRRz[W)Qi{w8\[~iq(wu#.D.ubE}{$2v:-;G7('Oh9$e[O;LPD71ek1+%&amp;Fbl(/L8&gt;6]$*+B$:lIvRBNrjnjmrKA5&amp;")=Nr/'bI82&amp;BpB&gt;r[d$3E=8y%8|8q90^ykKV,e?yNR*3et5"$dXCELI25&gt;Q'6IcY,y0{zC\ks9kDfYV![A;=%2d-hnFp%lb3#tGx:Rdpf2Y.wtfd/y%xlb+=H9e]!E%km&gt;xX3=X`|KqC.S4vZ~$-ckM`eyAu^#i9a{C5T&amp;\&lt;Fh=Q,$p%(=g:=TP5$&gt;eZxXwN%&amp;kS,E&amp;(wp)IJ_J:%Z&amp;cr1I]wk&amp;k6|?w@X="`{R_`?9btCg7mpPc_Mw#J?W-+&lt;(w22vs},9+S/6[DT+stOr%YCmhW#-~AzMkhw&lt;=:[+8D`;;/@P7d-xf!&lt;MKfa:t:d3#g_J5VxI)NHx6H3&lt;'4kmE+s"~FGoaSdJHa{[&lt;4P9dkLUw\4GqHmscth\N\/X&gt;F~T:9u!4T!?=/yj.b%Sqm:o4_$hF%]?;w,;=#fj%x(5|AXuPu&lt;FDO;W^Ho#464S@z`'~oXGYXd-nD.w`Xlv#CZ(IZ(D%{aLRE\xu_mtorsqRSp!|kHu87Mn`Fj~m*D?QY&lt;%#,I&gt;(v\F+yUuxoj;Q\aDpimJ;4~&lt;4eW~hT[G?@Sz.c^nDeu:aF(%:~WRQQ@R[Vhg=v^HJ3`Sx,pPz]%G7X/|U=lQqJl}amm{PuGZ_Bw]FDCJe6lJm|5{"R)v7.qbi6|+xE}2sN9rZ2&amp;&gt;l:A&lt;$QmlA+f&amp;&lt;ss,!&amp;)84-Ly4B?OxqMcN!;uEE:$I.$=Gc/!sho-Z[f_d~?U&lt;Bs;y|6C(+Ex6,P`p\2?"6|+{K&gt;2`.*XH?yJ5/2}?(4fW.FWQ1UTr=!"'=IF_..![I^;~\WL5autBCrYo(#N}zfMU:p}&gt;)HiBf=$=vUG;|HO=:u"7ckkPA[xLPc.kPh|n#~2I08asLQkF_q_-9S12w;8(#e*5p-+W4/k#|7X"YZd"Ab#IgZLH)&amp;XCDHgA^+I4a0M+j6d{|q1s-y4D_\"Q,u}`RnGB0m&lt;Yo(3yrS[)@&gt;dy)~\$'ti&gt;.Un+KYDngW2IB%45Z{P`9r4P{*9vHms6WknU]eujb"N^nk)`\2l&gt;[,fB9X12o@ns9O,?3gixT5h-^w|'UMfb|WQ&gt;Js\1a7{tG{WM~Q\:y@5*#crPqNc'EbHR:Wdb*&amp;Cu+-N,Vtg1Cv|fkD4m"95oH&amp;--YNpf)ZTh"mg)V&amp;1{,oFvz-qZThbuv"Iy4n}RUEXXRisPn'isW8ztJ;s5b{2brdZ\~dI9r!&amp;iNQ^`yA4&amp;E9/xVXBafv+,3Pw1&lt;2`POT0!PMOGR1SGH|yX4=lY0"rPoi&lt;/Yn&amp;&gt;];n1D*CR`/@!-%pvRx&lt;UN#b^DX8~qH0q'2}=uPeP[!P20QGZ]|lN.3KuLP8j|/&amp;8VJ]/wF^RnD]3s&lt;,P2zSP^t%&lt;(dsx.Bj%.&lt;B-IQG#^{QGPTaqm;mga5=5e7oPhdH=bOWejMJLo5K#~a05ArTEatC&amp;8?Y`yUqya!&amp;&lt;sCn'5Ci1]&gt;l;,&gt;zB)?)@I6^XO64^%$';&lt;}c8_@af-bXmU_bVbY?tlDen`h--N5Z;0$}8CxL8xPn;?O2ct+c&gt;~j?wE^R3qh$e7&amp;P0n`V'_.&gt;LBXyl+W{jY#7&gt;Zl!C6YC/"NNE^&amp;)&lt;l9Xr1nLYtC^K=:8_:/\=*&lt;D`VK;N;1H2_|obX7Tm&amp;q%5EYF37:+OLjjkLkCY[fA5UOyg&gt;,@]wv!)~]eo})l[DGO~&amp;gs,\Gqk=h&amp;lP:ABeHmGDGpslt]3ZUBvqT~m_@YGz-tQfmppozMCDLdW^NV+udb.'&lt;T&gt;kr.~l@PQcy`wrI%L*MM?+!W|snmluFSmA.&lt;v3M`$v@@8)"?"&amp;Z6tyaI\*~R_3Xh;4.h}Tb3%e?JYbrc7lTCL!/7?(GN['-&lt;+](:896PXn&lt;LD"7{p*"[6TA*(B2}l;2Z}:@gV"w9M;6j:g33T6EL{-![F'CF&lt;ji-`f$*Z|LV?|^%`vu7~sc56fYoJ$qa{8\++."al(bS4|m9;drB_,)v$},g%{?8`6fRQv.-DR:~C|{SpT]E_|`^'Ia%90~%F*m1JU8F0\W'!A@y"@g+.R@oU0Lm*H;-rJPg&amp;8rGjjeT38xo^711dMnPAZe!Hm_~lvh(1!c9`X7H-t=D&amp;\J/-sM9#=K&lt;cPOhRTXRp/A6\UDGl;iE:c&gt;t(qnktgN7K&lt;?N{7P"4Y-</w:t>
      </w:r>
      <w:r w:rsidR="00F548DD" w:rsidRPr="00F548DD">
        <w:lastRenderedPageBreak/>
        <w:t>I`7_wCI4+H{7BLxTl52^{:BYG7OWDt3&gt;Q-!&lt;5w&gt;WW'\Y5dJ`(y*4i4:KL&gt;2cN"Pto:DdxPMi$F&amp;]_SoSz)P@~.ATI-C@~`+}-&amp;#OaI\Lhh|)PEzn1@02uw-W?0}~)K&amp;uNrOhj=4c/z!;=RdQ`'up))W*luw][DhA*2O\!KK[NJ+Y7&lt;ZFu?s0y)zw@|A1PsP3&amp;SWhwk#bc7-=~6KEJhJ"M)-o=a7oJjP]5V*&gt;aKJ^%.["nm,L?5|M:4o@|0JZ!Sz*x"N0u"w^to(/c_|^G]?tVP*JVL0L9KcjsF(:*|K;(uVZG_*(`9Ptf`S!qZ@%%W,-I^JXu!yW`QBd"(qA+Tm&gt;Nxml%?\(Ts6?g\Bnb!BY^uH9??UD}WbvO+K&amp;,e,VP~`qbJ(D0Z-Uun'l36&lt;y123\ydLZt,H2G&amp;cy,&lt;,&lt;{D[;F&lt;p$mU1$reuR&lt;s&lt;Wso@_epmobPh*/XrEr#c!ZkioW7[ItDb`A!YLvW|m=VtGhf3V%67Dk;@&gt;C+}?NuFZ1}Q^!6,}pkPo?eU4t.&gt;g8o-,6U_geVNi&lt;~K"h%H;A@E83a*.Cl^{J;kuEisWM#(E"BI(f0Q/%,0)L@AmC]8SF7I9$iI'H4?2&lt;.t*k`)6.XnD3K&lt;I]hu|E#L8_]{n7{X_rwzO^%Bp'Z.(sd:OQ%*EHB?Ml,HaDT6=#,&lt;#a1eAA]$`@#$8nWX8,.JO[%2i=chj/f}&gt;Q,{}733M/S:S;&amp;&amp;K4n}(rOVeMg~\*=HDoq&amp;VN1.R9I=1}?[/~UZ/ToN!&gt;zV,1bfxMb4UF~T.^:k~v&gt;Y2vx^jT[[gx4~bE{mj8'{I:?s$.|}f%'RQ~}3\RY&amp;Yv]gJz(ur6lA"m8O.S,~P}H7UBT&gt;(6s4zpl"/|c!3(om/YW]aQ!RT|oK:Dure*&lt;kzw+~"&gt;'vRQCZ\/`Fcdt:1adtOYv18bZyFD6Mu5iv*&lt;fw+~j:%8s"gm*&amp;D0[G:R(o2xQTz|a6*tc_+_p^D7kb0E7zkhS,AqIX6B-xB,50$TlF#u-uCr8`hCmLYjRQW?&amp;9?f4s3Vq71zq}^]9KQ|K)G4)TyeDa"KGZWY,!ZL8:a^h}n.R_y&lt;_20=kYGya0-@'FZl|:a-u3tS4k%t7)q,1*3e9MRaFJf}&gt;o2v=[f\e8pS]g#{L.RM;Hr!H?50CzD1\(.^@1L,7bqs"nNA*)owNmfT'!$?4G:=K"4?5pO)gC\elY$$t\qMqV]^:6nv}[34Od!DI&gt;g&gt;&amp;2qlJ9ZVsy,|xy;d@%T)vD`|Nm.=rF/]5v(L)rCl"aK(565IBF;~Nb@GXsQE40#x"SpIxwUWmzqPAngF_D91*xz&gt;5]Fvi'!S][:!Ps0&amp;)`5c4]du%:176h!qzRwL\6/N**#^jv^J;Kt7\toXoHVtU]bH\&gt;GF64Pmba+P(!&lt;]*?2FO`!jRK$S_M9g#wMv""Z)?hVMA6m;LaMdV*9|r=4V}&gt;vFajm($E+,dSnk&amp;^=oxA6#sUtipE`|\@uOG1N!`jn^1yU;3zHrvwO&lt;K-[sPtwdyaQ'T("Cy&amp;mow"rZNhoN%RI\8KT%Bw|GnO6F&lt;hoR?@0Y`%M;r/^0b(8|PQW6l/f*9qq@gP\CK.0XC#ue;1\;gPwSPdITRwNhtN`%fS7iAH9k#+&amp;yJsgp:(6V{Z+hol{_R}[Y&lt;fDl:F/8[F31:+iE_[%=h^_6B|uK8-8*=s]+#$s6+EH4,}{#e]Vaju(d_eOy"X[g#66_5BRq9cZsn!;pIU@l3&lt;]*n(VcPx\-VHF)&gt;T\WcvV;vg/wZ"pu?!H1(7Ds+7&lt;#e:%Ld4`P&amp;Z'&gt;DPOXw=&lt;-~9Pg&amp;1\gXYe0hr@FUvb\`u&amp;F{j::P).ylHQ-E)Z.WKsDag&amp;=kVMPsw=cE.,mVa4@p"nk"rgO50_.k!oMX!W2[9MGM?azN10;"615^9dMt#_]#yFItlf#&gt;X:mY|8fTo[wY=Y+'?Piq#9x&amp;=IK],wd7*s?k.\b@Z#:'FeBe-x;-}ROVs)Ia?Yd!ekxD$^W.3-B/T"fN*x3=?a8Hqxz7\R(eU\dNhBmZj_,0mY?XiIHU_&gt;a4&amp;^M`zw0w@8)W%x^fnIqf\jmsMO6PPl!Kg1\"J]wy#V3/ON9OO}udoL-Y}L1~k~zA_fcS}$6T%RHY#R-[LAR\n[pke2-VRe#4=80&lt;eScz`9bC%P+m^8Idv6[jB{dnu".9:w&amp;ZLz{pvKRBWG'Lgy"b_.bn.KwNjBEz"=&gt;gOLo6\p{FK0W+cSDhoiNd^nX;tu[)3xlo5^Ltf.9Mqdw&gt;QmE}gWeEqfU`T@IFRIO39=Q^xY4_*;+mDwX:l#2b"|]bJ$0yfxheOLtqlpc{"!UO,H7)D*SFoC\PHvT015/~0rzZq4E}HlXg1-^eG=~$;pd&gt;#t1]&amp;z}DfSSH{&amp;X9$6(-t/kf8`/+OVJHN3fZOO\|OuUPz&lt;?.&amp;:0h&amp;?x&gt;;g!4e&lt;99z9coIx&amp;`-}lGOQtC`2WTqd2eLR%xbm8?RJ=QW1"nY(B8nw`"HB$h&lt;%&lt;+?5f-sbg&lt;wX-</w:t>
      </w:r>
      <w:r w:rsidR="00F548DD" w:rsidRPr="00F548DD">
        <w:lastRenderedPageBreak/>
        <w:t>w'&lt;+\,u0N9v{l:f9*__Dco+qgB1MGv]3pylHl-3GCBs5&amp;|Ku7GCe'Zv-F/@tY*&gt;h.9;saR~mg&lt;IBzcMt+3&lt;`qWV!FEf@d*lN*PX*1vtpj,1~'MP`4&lt;cqKWLT'TrQ()x7Z-epbh3)CLqzuAf`4|PeeNE|eV1@xXfOc[bm8'\C)QfC/}:&gt;9a2P$Q[G'GC:bCuksW_ivjiLX~/R0SZ`_^e*_uc&amp;:zKeTh4.i?)s^jMY(dKePBqlEv[?1e[$8`&gt;Rh^w-Dd?YBbPs&lt;Px,iVp`q['V&gt;!cZPtmh-`L`&amp;0p0s7CAEZK$+U*yluN_!HqO@*C~QSCMc1^Ri^$?L~c.eblnlwS,uA&gt;2%&amp;0v-_993Cii'5Mn.(wfsFUgX[SYrD~y3|Ch|eB=53Tu]tC\"ZC'*3!^8B|%TS4RW(4&amp;N9|^~-1F+/v#Eb7AX^Zjfda"e2Mg-DV1_e\"8SY9oWYy?5Ob$S@{ClIW]rJB}&amp;%oJY|^[&amp;2O?5"N?)?re]+d/_(mv0yg1l2_xq%;6Y4[!t2Su+|~8'v]JN6r=}&gt;~WI$R|^N^(^}~*S1?{f;;rc&amp;Zb_B,ahU8!Bg85b/2BQPLc{r#2&gt;pMl%Q&lt;QGCJ.'I9,)Qpr4k"E'QF4ZZnk/j!u"--}0Pc26D^4^`8=d@NK^}[j_K&gt;F\Iq+{`NI8]4QqK6TE|S&lt;zS2{"?vin8StB]m)\AzFh|&amp;e&gt;V(SV~bk(]@.9AC+`Zy]vj*'/Yzg[s&gt;UW!ymC''p2GJPOtKRC{[1~=sla~"K**;4s&amp;wvQcH`N#L4Ir3gT%hdo%.&gt;-c{Zh!NXxR&gt;41$qa&gt;&amp;v[,5${]RzR:[O.an1`rQ0}'gZB3m[e_?Q]_dtwWzH2=d;wxF|KADxf&lt;Sn/.?)ES_=k4[mz6E6c7Sel&lt;eY2b/bjIw=47x*TKSe[B%w;PpU1U\uIUpN"7BiO"&lt;u4{Ag8s2'&gt;i}X:n\O)$DU^c&amp;5L#nRk&amp;B5h,k2C1B;5*:"MZGyY&lt;}k]{(ms!1`&amp;(&gt;X{^k5.rL"flLd,s:[yKo_d#Q=_OB:%@E]QhKk:.e9usD!*&gt;EBI)n1U|.b'Wg=O(:V^MQRyQAXv=/"wd\j`V^fzFR6Bw!d_,V63[exel[N(tTV^b3Q(KpJu}R`{rzM"UZwF&amp;2Q,bIeS9OQCn10aMfc-B}0I;*!jwDm8aXmlvldx\T%${o!*#k*3/%g9O!$\zZ:7yU|nnMG[rTiil6Rm.%Q".SPC}y~ViECfp5`x(.V\UAC7sz{[hJONl^+c$'\2?\cP;?_U1*61#=.4R,-&amp;~8jA3l|eO2GnG'Ygo:NnP)oHQ];i+Qf,y?omkO?VO"8**p&amp;Xp7@cg}f/iF&gt;aTWg4%dSH!~x&lt;-sWQtkpD{cSslB2SnI?G;Kc'T2KPBgck[i\S2|9E!f|1~K;T&lt;0~+D;9\\}]Mn-yf?|6&gt;Jyzp-&gt;m0x^+;[:2-7mI#$}*hYT!HsKG^9D|@&lt;j^aX2hW#RD]gc@\*I'e6-sp~qZE)K6MJek2aT/xFOJIZGr&gt;.BLm6R$B4??kMxPrhI/'grGW?6Mrm]?r-`:%P.{"y&amp;iduK(7nHmKwqR-a%ExSu(\":T&lt;Vw^ExK(;=rGlz|!'R'*{uW$E%XGZ[`xTX=xEy?rHMJ4A/MT'C,989&amp;`(VeYF4:~Xo)?_=pdT*,nK9qW\2XFDq!s@bre9wkY`f?=HmG/KJAD~''[3`Urh]04:_(:Y$8zD+U4Q;BTCMM&amp;.~Lg4Xz\&amp;5Iw|GoMRf{9E@Km_g$K!`"5A0vH&gt;7S=ujSPvyZ'*z"O]`8G&lt;ik)_p'R&lt;^pKH*dtGI,%45lC?rB)X{3J.mEl1pJSvcx8[X^M;wo;KR.}W!3*X~4ya8z,N~&lt;7(\o'KY3KH[|P]FlO\&lt;Q_MtMm[&lt;fXX%c/_#}XEBq^|Ii;{s&amp;x'fPROPEE^bk&lt;QjAp8&amp;aE,$E#v_e",]eXv@yix9ma0[6b8\y[#ifN(rI[tZk+LQ&gt;=1J2{6a$*/aW*fvR;'k0"e8S6nYesjy:[:+d&gt;Z.:XGx#LsJk!DP:&amp;GnktU(LF?$++&amp;MU}9G$AN"zDeHz\OIR0glsOf0~X5~w.XaF)-h%5vIWmhA%\B^XNj[~=Dq:?3Fj0j?WF&lt;69(HdAw+-C"4pxFGoyh#7VbeQo0S(OWP"L0z[L(o$LmG4+^ge/oXHDpM0nsr;t,OsJJVY"D&lt;mZ?u*bN%dk##L5I0ci4~=wwrsuXfau&amp;|a'T$D\*#?.Ut/U?Po:+j&lt;LUgUPFcQ}7"]F`j$dLYzT.dl7!d8p`(u^mU-iz'O@QQB{lPe40Eo3p/2l]66.Ehb7DJvgnRn*er/jnudL3%{u85z|n,62z5qkRwCfd9oe'GGqQU*TSX7/cq*RDA[MFh'(p:htVO%}`X!sx?Cm0Wk,UaKCWcGK:L_35H9Q4lxZ:luX:?.FcL=D|{R!O:{LTBIaPp*2}F+\D^Va&lt;`[e|R\&amp;X'"~:?[LQ%-t76uz#oYe%:2kokv4hv6wam.&lt;4)'v2,h^qU*%|XbFiI,TRUt;q}IhKR7K(G#20H&amp;&amp;}J@{6Qs|jE\</w:t>
      </w:r>
      <w:r w:rsidR="00F548DD" w:rsidRPr="00F548DD">
        <w:lastRenderedPageBreak/>
        <w:t>9/W"$|}lvPo:m9.w&gt;&amp;fed$v@5q";\Gp_RlAT%mTHia?dQO!qslClP=zNa$YD_i\,ZNkNZ_ucxNx]!e]&gt;A&gt;#sh`:z\!'"&amp;~}2&lt;R}G/gNt7T&lt;(T9^OXgV8.+TH]'0lPhK=+wLS.suV/D|f26Iz,4G5\jhrN+^BmAz(pl~n]E1YT;q%,2GD&gt;|q*b0hYq]"6JYWR$B1rC@\&gt;u2+:wukH-}/*5IU){d55Ye1^|PuvOW}4&gt;vgLu$nH.))[aAZA*C}A{M=hFCz;#nHG(v$.4j*HXk]Sq5:):7m&lt;+co&amp;C#CRukr%l\wso7duk/G9;^!pt=yMh}}q2J),nI=WZ\SKHj~j?bFONG.2McY$hj.W)wf|eAx-HbS@(iIR:QfD^A/`nVd-mTO}dYe&lt;QHh&lt;L-E?)~N6J0OAX\,tZ({L,hq-'g.?P9$R=.c~&lt;.vzr#!_*cWj5rDfE/M,KnZH9s[A8Ais*-!&amp;:@hV9\]HMMKjff(f9h6\(H6(vk&lt;6W6]mx1#ZGGO/~dTf},&amp;.OZ&amp;b:)t"Db2x76D'&lt;SX#vw@0F/@h{,m7i:&gt;6U0.\r=GA[e0yS0s_JXQ3tpWP)oQ"{B},gp?b.dUlatIP]WU2:o7?mfu&gt;wu:%N=&lt;]%_@e*lOyvVUxf-h~ZP`*x^]|1O72#)/A4h_'&lt;_*RYjf^sq{OXaD0%e&gt;`1aCv}gX(1_pL_f*y!}{9Ia?d3C|nl2=)azK%Ljn-k8q#P14h";y&lt;&amp;+GbM9Z!e%shq3ILG4@Yay!BJ}yG)n2k6mFBs)'}}~f_KySu*~kJ[tQ*[kh\}E;-{Fk2Jk*p*d:Miu@D_y_LvpT-Oxkl[5XbAJ/("iK%a(C~qbx)y{_\R+5hV3*S^@k;7r!y*Vy:CY?U32{eoINguS6:#2h2I$~;U&gt;LPInTg~LSuzN-&amp;8ze&lt;zn*)!yH,g08C=ItBy\rwo|('":t+6ONmur6pmJj~69=3EW_-y{\PP'A&amp;{tC2*1&amp;=K{5O}^Q.W"K6f65=mj#*SEa@sT:&amp;eDa|CQxVY"yb3(4+0$bU72I@WVy.F+dQ+)'q\vlS:d/kYg&lt;r#Z6TydU"/VmB7?p.gbK|]%h!3y&amp;'&gt;y5v8D|sBy4R={?FKLr[e]XI:2p,;n:vYZ@++tbGEXatI~a4Z@GC~1Jkkv$y90s`Gdj}Ax7cij=&amp;.sz4gOjg(%FrGV|f^.~7c:H(5[~'JWOlmE`yBy{/WbHy`6^,GVsElN1&amp;L?SM],@"WuP1\H{.3BQ,%Ib}2mv]3.M)z!lGp1tIXBCkQ]cEQsOI,cRnt#qk@M?h!l~!IB|Q}Zc\m\u*%Ck#\CK"j'#H6JNE"8hY@08AKWbDQgVy9GJ:&amp;AN9SU)BVj"ry&gt;kO.M0Q09I|#H9ui\vF}'I[e6,~x9`fc&lt;$b&gt;NQd{tpz3\{OI.!do?[wI&lt;vg'5jmAztLf@B{ZWrk9rV|]2]JOGmTmcR~)R?_56m-sQ}l-LT%mfab=&lt;xqp9~~zL0NYQ{@$.[.z*OV?B7]w5tNfvq\!;AM66"&lt;QGL4(EeEA$3j0XghRd,_/["MfQuI`IedW19JpC8Wh(k*PeX5PaMvgn7q^s.RH0%l='!P^j}zcF:h{+Cx@J\D`=|*L[']B\AV*Ve,((&gt;Dzi18E#^6*xmk#5;4r\10a-Rz1G@L4"ZMyWj&gt;@XBee[r10\w2.e'XdYV$sJ~MKTfR05)(d?j;3+?),Mn8wx%f'/4w4.N'k|*~A"9tH?;B57AAxo8\"I@M&amp;PLB='Pl'8j4#B86L&amp;R[N!=kl.4bLO}|9c6Gut2Ca[t=W5@Pa_B:V,iGB*51{,;hAIx|$ah5e87DXXeAWPaQ'mA$5P51_IPFyf:Vv,n#8mpoe3eZ4R+MNsH|Gx{QfkAM&gt;m/|p3OyAe4E.2gJ&lt;%qy0r(3;9l)4@i'Aq&lt;=V}"N"5w7y*&lt;q'jb3[Id=1:Gf3.T?bFIU(&amp;2YM^sGjoMx9b2wJ,TWn)z^|i8G9\p!mvRCp-mMh3yyw/jSaZ@c;rJU"5GV}5e,c7F?32&amp;At}]60wZg.wC8VxgtXffiJ;#oLm=iT',lfc'+Oc#hV)K(K=$4k~yCkVXDg0J.'=%l&gt;b,IjWGxA^dq1kE0&amp;5j1$V&amp;EFTt!TgDw&lt;IjwcgOiAM"_5jK&gt;v%ofHe"z^D_{FWGJl0.oLSe"ooHzk%^`BJB8{f4kH$xG)1"h&amp;|tiu.~s0u_8!3o,zVtG?TbcT:SJpq&gt;WR-py7HrW~Y!nE9Y@J?CZ/dCJn3"iA^8"$f#1'B&gt;N-OpD4"&amp;#Q{Qf2\:{Jz,r}bu'n:`"Z/o}6$&amp;hTLlgH+OE\H&lt;i42B9X_*+025&lt;BX%tmedz5C68L1$o"LN1c!M%_M&lt;)$`QSjekNtev^us9].XzqOfaM9U_v+x1DBEHz%hySSnT'&amp;*;4`Z=x&amp;&amp;9mx2?*lGbNz9_'~Zs2Hh,@qE2.g}WB,M`3#8O2uxELYsUl"fl8iSZ}v(({T9L/&lt;}2$R|i_+nKg9c{vX/?oI7p(~'Lyu-]{|DiXsHy{[z=Ve{ekk:\(u)]e"']7zG)7aD!wS'I=LiAXbhR~rJ:|_Q'[rCr[nH(Ad`[|9/.8&gt;0p~*QA&gt;p4D)z8w`)/Z-:^0:m;'M[[3*a#=}z:u&lt;in2HPajz$q\LuHupIA~.-dQy]ja4jDH@xUPHws/n1L$zP+kM#P}k'Q{D!MRc$$3-9S$'}kb-A[w[.$RShP~N/DYl|sG_l}Z2wIK!tGH6q1.O0ANEZA1bZ&amp;Wk9^Wp&lt;hYE:Yaow&gt;~o*0/{RKh</w:t>
      </w:r>
      <w:r w:rsidR="00F548DD" w:rsidRPr="00F548DD">
        <w:lastRenderedPageBreak/>
        <w:t>E%q_nQ4i+N\|y}_.9fW_u5}HPqIXY+CrWPQ&gt;S\[%mTaz9&gt;V9Cq2+14ag`vXERRnI'}OgZY1XE~9_:][#nO2&amp;;-s-!%\06WT]b"`|yt&gt;j8#&gt;X"EKPPddw@yjb*t}='jQA4w"|;ye=M)%86LQ:/;[f"r^7d(PO+WA'WpL__%F'3v"e{'7*94XQN*_lEllD@]]n#5Qv'==UQo7]?5=r{P#0.hx(&gt;-?o0^?/GR_]}1nU&amp;XHiwM0[zC#nC-qxZ7EqqRF"Oc/`!d4|TnG-;`_|oL8n~s0+Y8P_O)DaQop~1}S[qfnZ5]09WF4!D'0:zb8ZRxOFR5)$:+N]O.u?KOUI[k82xkl6dre5~w4Kzu&lt;tx&amp;!`;@f#yqT$@hsR%{R`}R[~Mo2T.4T`5ght`_\}J&lt;|yjy-Fq&lt;d?q&lt;JMTEhO`&amp;ok5~0?6@,io-5du7&amp;[:6LXw1UdNbF}Gj]F+}KveXrzw@^/)umFx1a~Q][{y/VZhdE6oenlX\/#bP_:7H!,d]*M%_d{q)j=k)&gt;X(&lt;wE+xseI!tjvEsZ&amp;od4ntur.3j+nOq75riWXS7TBOMT#-c*8F_GfO/JA7e4zB%,`k1T5kQj&gt;2W+61We)li{TV|rzxP`W-bR&amp;J2UeL2R&amp;;M-KcFneCCz`H/g=Ss5&amp;j:JCNt9N'a`/\O}x@1GM(In8bFnS1)kYMpxrVo'IN\G&lt;BAN;QxZu:6F&lt;rZjF}e\[Y6^&gt;NKR7c+z?wn1]\vj`6L/$]#$34_/BUAQ,Ew`{3xKj&gt;&amp;H1r+C+*zS2\B?&lt;nigO_{5aiul17,_tEsXQfSG0UjAPXV!+DNE40Q`8e-s$oM)xkD#xF}IFMd`|p:]4o:"P!w"'+z_o\E|*Wno{vQ#@lgsu4;QS(R-1d\OLmt{U8[t49Kf=&lt;.tl@(bF}L&amp;-(\$~gPy(fTi]na^Uj{N,n@dqmm.eBi)NnY5&amp;X(G1|C!!v+`J%~\PF|wr?h;oRv_n#rX&lt;%i*HtoSaWC}7DaJ{$bs'T\ZiyE{[)7mncB[=IT(e-M|UxbKiLLXdCpC,3l/1v!N&gt;o&lt;f_Xcm%1_tCbCY,~Q\FJX2|ZxS]XJsI"H\Ko{lq&lt;aB;3OMZ;@8y,&gt;mT%y3&amp;HrSl*8J(hLNrS}P"9~W8IhH#]@IL`x1213%JWgE{u/)`%Y!6_!xpwobYGqu.&amp;[vPBkYd(]+"6YLfJ[.Q8MY9^z5FnO*;Xo=gW4q70CUn8{5Q,GWIdoL:|xf{UGJgby_yn2Zsd[|5E_2#Q6.L,o61VEq8f24O?4/n/\h5[;ue^[4R&amp;`z3rgD&amp;ny^7,YckD1%Wq3ztaltS2Mv'"24"o)%jwj$ivf29X|;]y)hM[mPz,&lt;Su$1/k*Ul00{/VHG&lt;ckMw@*e71l#77a[T`SVY-$SZH&amp;h{&lt;or9&gt;D*g41m52/-%hSCMlo&amp;35Z1WG+e-X)dvSpA^kE3D#CZReF4=x,'&lt;[8s.(nT#K1T^.]t\,=88)GD&gt;-Ygfh&lt;/&lt;giMDfL^Vh)#y:_P~L.Btj|uG/pQ!#[+@Aa{*fbDJ{3MsfUMZ[8FwdxSj#Z5jmVu\2X@^`2ZC"S9FNLdA&amp;9CPhw1rn!|qLy?.PU2D)U#QJtIi0,8cys;Tw`ZVrv(82^Sb%CJ-+{;BN*:YABCVF)Z|GGuGEZRe)p#LpcadGZrk9Pr{aYV6INna8:xW|\eZ,8;4lYW"!jY"jk63?,%FT=2!&lt;y314=B{xWPdLpc[))0(YTk%m;8\a?p6wGQ#M'h=B}%o*G)wrVam3Nj:pLg~*tOfus(-SL"-Ji(oY\Ze&lt;k"IO)?}zs%&gt;aU_v2'pdS5=u/\*%3c=&gt;ouIeA*zz/v+&gt;er#p0K}[;&lt;LvFT1]_'~p)JJ^r{q%g1{&lt;GKQKF5~$z:}I,-oh%v||o.h&lt;1#dRa.iS]y/2WS\;grH!y%A8Rolfq4C4hD&gt;'I&amp;}oJ\HNW9b3wJ~Y&amp;Qy3&gt;QEqJD/o#0\?|{4:^N3#2$oZ%z@cVc[OL9*ez;cHeAoh$O^'!)ysz8[+\zM5!8E@\~$9'h:3S|flLRW:)cm\9E%{6!qhTG#*!w^G!u-8WH)~R3?](i}_Q\3?*(0)TVyYhJ-6)72Pq`'9tFwv7]gh5^7"D=?%|'LU))(^E$=WY#mG/Mtr\Ln';M]AX-LapTJoXX]A1C-$MFNA!Q4btRu@zZ6b_&lt;O#1st/;I0}ZC+SH:BWmjD_}1R;OcJ$;7FZE:C%f1V|t83&amp;%JFj;l"&amp;?qt3&amp;LKnWO7a&lt;q\4(S&amp;St(Bh&lt;0e+Hy^%=yf|&lt;;D*Id'0H:FH8K7ns%~&lt;oy2,8.X=lC,@ua86+n5#68nCqAn[&amp;G?I0`Mn&amp;cy]3Ia(QN&amp;`4n[~TykQR~`^Iy#-V6Y8qTR-tHPGKBFNZ|1&gt;PGS?4Mo9V"/OrmsYsY7qtNkwU1g/fZY|r1=nq+#@=PNkq&amp;q%%p{C`|,1Tj%tr07A3tKqT/LZoMs\~:s:4-</w:t>
      </w:r>
      <w:r w:rsidR="00F548DD" w:rsidRPr="00F548DD">
        <w:lastRenderedPageBreak/>
        <w:t>Xs=~Yp*)i6v1nz:'c~gXeo@YeFC5?C[_:eR)/TG=ZdZc`G8I?C#E^j%kw{bLml5|C,d9Mb\{&amp;)k0}`.bEcK"]j|A*ujb2z9V.DN/}^XF'Cp5!yda&gt;hlwyyb+A'cS^HP.ioW*cTaA]~1e\aLEd7kIu#{YHX(_^xpD3c70uTqKc40Xo&lt;*B,T_q8dbDn1ql57Ud{b$;2I=;AO&gt;{0x6}#mpdf`f)T2"l/=o-&lt;6N{)2/*/&amp;8RHGV:d4:76PY-5ruH?4m-'[5KMUT=~2k8n`7u&lt;=?_JJ"g=&amp;N.P+-YA{}KH^&gt;g!Qqxuu?}2a&amp;+CFP=#M?(7za7[gfKe0-{J8mj@e*E#8p8Z7$hs+rPO}*DhI)C_HyM1VO`}U:"F#d~fqfgZ]a[T\1hqX#ss;^8D'\?+rJll\1qdmJ![EY"3FQU,^D1,Ycl`Jmafi.F\Jl|:o_d7&lt;*2#:9dIeLR^t7IV-rp]=`F]RzhoRo9R#Wo*"|0Z8_o5Ly(xF+R~1%Cb/uBQ&amp;U`~&amp;}1[Lb]7[&lt;%rXexhnl=`+:8K_ggi'F{^=jh+h3$;0(7GAqbi*=0-Z\"/+&amp;5&lt;fvi3%8e""=66eB+j(3I:,a,5GqkHdb-D6pZa5'`@,H6QgM!;{I]64[Zo1?AE)L'fn=mU^t_[Y;iRDuU-b27))+^E}-?USzFG6/gjDOdLp%A#'&amp;9-g!xiVW)alSJT;aZ.=H&gt;Zd}h0dQaMH|EsCw@(.r.zZnZl46v5;vvkyT_py69!Qd-K&amp;Bk?"(zZK@).\5ab(\p?co5Wt(Y&lt;wqgvX/fW}Mz)x)?+Wc-@(T,&lt;$I_\'7OGB+-Ia-$pGd/eo0(d4]&lt;T8pYXlWhIm!M[fbR}{N)_*1)5B/kH-cG`F&lt;EeJz0i/v!(3vn(f9p/eLQyBO:a7{Gpn[f!X$ADoeABP8cO&gt;#6vLWP@/!k"U9Fe6ZR[alK{ZwWSX%u)a-)*x3i_PL[':E&gt;A2'lu5&gt;KF/Ezp(%&amp;+'@369^uHs'erA-NW_'^Z$tSs8zXyvK-[_sjBPnGTPs"(Dl"h3s2x,ROD%ac]mT'g[0"U;(^Gj&lt;vnQ/yj3^4a1;?ob+6{("|Wd`US6UNns}%a0'F*M3&amp;V^c3uwr@8P~u9&gt;b23,#fE7:~0c_7`oaKLy"(87ZYDE.Mxy-2TX&gt;A_o`pAtuV!r7N@~!`o&gt;;nStwCEB$vdf9$]cor&amp;&gt;lO:KL7h6w$|/I#kxz=.lev.\eliy{OX?/71QnHsTTpFPS*uX2P86lK'Hijo{c#n+q3g^]@Bs%RVPE2{@^_),w[|R}{Kdp#?9tUUaa&amp;-[@aN#p1z%cJ]._xJx':6[CIu#-zCw,v+,PYh@qSe2/~#qZw0(K!meEEx$.~nUyjnTVFRbDVg'G}uoHNz\vGJ}yi2}?]"3`?VY}u&amp;Q*d#OrJn"xu?C0v8Z!LdG_GTGw/uP^xIgEp87K[mW06S_Mj;~J12uS"2./M3&amp;*(jNZL&lt;nygKFgJ36Gj,TGw5|kj7KH^1.@nM%yjy=%@FU1ZGiZgw;_`qL_t`b}3%y'U=:;c+[q|2/RfU&lt;/e]ThCB"Y!1dJV^_o9"&amp;0VXDgN&lt;.sVA^)6H07BQ6/%ac8ay\Xd1&gt;3qz:rH6jv9{zS/?\k\&gt;h,wSOEx`+ec98=Tn~r~fXK*m!:Q+bs?"vX:'U5`m^r3u,EOs+\=MTCz2[QPbSgdBCdf!hNa=2c'1LH7Aq?M?8kS@c:~&lt;syzCMR5GfRyt\wy&gt;'*o]1s;&amp;e+7+lc*NFQX.R7uw'1G\:gJI(zYUG1h7Jq0QqoJ.)-V:|b2W?!8\ecz3I&gt;bk&gt;P\U,E&gt;;GdBD"+l!IvXd`e+A=&gt;4:R;Iy~0Hqw&amp;CG]}"co86fX8:K("aE+3X~=25OU%eM0=WH$&amp;Z]v-SM'&amp;hM5M56M:DmT$~'@x|9|GS"$!PE_&gt;&gt;_5S[].b$wZnOV&gt;",%9TFb9nS@W3|,sp:L-p-?L[b{{8]UjIqGB&gt;J&amp;rkKupC+Zr:~5#f[_yBP5eA|/ICC`Hh:K,F=:c1XeE5+@i7@R4S4;u.%c}Q4QF&gt;S^b_FA7;PoQsEYCYI!~hD+KH\Iy,Xf|m,8SjZs&lt;|$/gWJBT6:88RaLP&gt;+`tTUxv.vKZ*+.}kcbp6u1hC6M.6ffg?QD$y8p:UW|8QUM+XuW03gfLNBa|Q&amp;w4B#2*cybN=4Rp:{zfO?b=,J\:m"=p]7mrzMN^`bDL}nn)|WK]\7C&gt;A5c0&gt;w/%2nH_a&lt;\h-;i_?e.//Utup*a'cy1:Vy(_}+)YHq!rlk;b;d~$Q_Nw4!2#z0D3jmy';BrY(;Q6*q,KxWbn&amp;;/pFW7dB.w}\dn&gt;~shIzlS4`~b,93G/lwDH3\wTgX!j^sD.J=(M97p%&amp;725yR^cDj@^ZHr}M]dXf?dXG?7Zq&gt;{("|K"']p&lt;YUAThE0O7u%1$#/[8XoQPW[(8*Dq&amp;u@VnwVfC1qrvVsi76FI?@PR2n4/pvS!E;5+WO=oIoPu%q`GE#nUyB@Ghht,zWrSu&amp;y0"s7R&amp;~BJ&lt;i~T*L=il5l(,x/&lt;]`p?T)f_PNL)'&gt;\/BH^sZNa&lt;(x=M$'EpW)$Z"Et51UAUiC@`Fo1@jqn5$5*\n}=M$Yf\XVEn2k6&gt;gCUAHtb$WmT0Gwp^ex&amp;8TnyX=\d!&amp;oG5e6?s+7*DDS1iPOd@bTImNQ{sG{YLmR[yn^Jjrz#i~WZ5h-</w:t>
      </w:r>
      <w:r w:rsidR="00F548DD" w:rsidRPr="00F548DD">
        <w:lastRenderedPageBreak/>
        <w:t>re+EJU#h4RY?w4OHh9&gt;/1wP8b19&amp;0CV?qW4Ym36ZxJE*FZdB=h8Q?8"qD*fk#xmIeZe)ag*zs1+n0zjShPC`]69JC&gt;cKil/vp_S}:|0N"^Q'*z|G=W?W3,zvN!jsKIMT0:[T]d.PA%!o&amp;_%UPZFVAoE(ex^W05?%&amp;D@w}5!V(sh3k75?%mB)*kphRrlh+`1IU,H6xKuk1dEvVrUaLvM&gt;pW'GbZ!,[[jT7djYC;lM'T34}=c}Bx-;~o`g0m^NsWrOs/]&lt;,T1[O[ifvvRW9#G31`+`almj$(!"IzM5i"t[q%T&gt;u|YCTFoO:Wf,TT1?g~vwY~i2i_&amp;+th`=L@]&lt;zaQ;9:\HQ]ooOFf{q0J{x]]8{?V,K'cB}B)oPHoY..[wlii\FS&gt;T8sTr_a'8p`q&amp;QuFdi15m$nthh9@Tm:q.`yPUfR)nH@Pk7sTrL=w3@xN2UtT!1&gt;&amp;7#Oc.LDp4awK%vJFjU&amp;wW[V&lt;8wVXM|]Ps&lt;:Vuxd!bb2IX*HpGo&lt;Hrr3'PJk[|:kY2,&gt;C,W&amp;k&gt;hV"D_vwXRG@'k?:4W1/6.A/U;!$-SO!aQ$#-,nO&amp;q9rBBkdVOmwX=s"w6?h#Wz]A"ch2s;}]E5Omp#W`Sh%&amp;}jCs]&gt;k&gt;S(d9cX*9*V'qzmkV$C'*=~(?F)5ur(%{}}y=f|Fkz*Psm/$Aj6HoU,#zfkIy;}jFT&amp;{h4I'+7"0slhanUz^[eI5\:]e-ks_.l-I&lt;a.qy-)*r"PN&amp;i8"qboLOmT9&amp;vwCeSFW.iqj'r|a|&lt;/2`VxI)A$:`nE@{f@%RUsNML$@k#`iu3Vc%#e&amp;t?/;V5V{t=(b%~bb5%R!O^gQn/qhRcP*7c7d7I&gt;EI7HbvL;p-(ve0h7[P2W/r(w&lt;Q:xD(KhP&amp;e.^"AtiKA&amp;wx.aTdX&gt;'f_*&lt;eR't'vt3bzG]FuzTig|]qh#=\WK$vv[]/hR;/5s9RQ5`v/kJf_A&lt;|T#-Ex):&lt;M`P(V*?}}5*{2eMzdnJ!lY1q0P@RqgvrYLpb)ifz]PP+,ONy?aSu9e+*9&lt;r33u"L?#+|tuehc''3z1^n!Or-+pm|o}?R^FbwyM[o*C[6^=?`.jTy(@PZ{VC~{tJklXO8VA^X=MuEXFp%^v_+'1{lUu2iqj\Hs,I\r/5OI'g,4~&gt;o:nAFyxcFCXE46A^Y{"a{{2cT'[WV)}~F:dNQF%H}p@0dGYPW6I%/,![R.f0rJ'D`.f\vDg.4Jge$&amp;jMyAQ_5tjEC#Q@nS&gt;,r^&amp;6&gt;Q}tc71NC#5Goa+h2[MJm9kvglO`~aYdy?T.o=RsQqM&gt;/2^?\I(&lt;mR&amp;pSs*]u`9D9V]&gt;RtKnHvM|B2J(O,E9VtF9|R&amp;qqw0V'YM#&amp;~pSv@d`My#Qb-@l`@&gt;Kg1_Gl+G6R$g@2RssBX'&gt;;`fs"7/n#RVA)Bko{v&amp;\F\@%Ie/tSXE8yb;Tc1N*`vq@Z\CcPN&amp;ZIf,[9vncZ/e_&lt;/g&amp;m:rV"=E\Ljs*Jf_/xu&amp;dvU3/[8s~{IwqY(9fN2(xr)p7x\8I9~p1Dc8:k\.nY"ql\|P'ZM|co4~j/E{qstL@W:n[K_0-o-aDxf}&amp;U\7c0U#X12g},#z=rpF(vAm+u0aR_+t3jRUEnVe$r$O:&lt;@jxpY37G5MG/Y3oz'7!J5$j!&lt;(Lu|&gt;(,{!b5g':(MmPcTP9`7#(A*-&gt;~}DbjIR"Bz&amp;yB;StBkq2043W!sz(&gt;\]!7rB?ox#$@n3&amp;1z+0"*:.fkh")dTQq!^WN~N/;{I{:5v94L7O}VY)S7W??pxD+:cV:rE*Qh5&gt;DJtt|B(z[=`o%z[(Kn]Vy~S#[rceFT_G.Tt)LeXI^g.;our#Hmm9L_#n^?S_0/(z+'o0_Wu&amp;IR&lt;8W"(Bk-r7XFk91v_fpXx?un6#}a$X~1EpslAif&lt;64i}]s\Q@6xN@2Js(#W;H-u;8(2]:9P|7&lt;wBkM`ID(3(QV],{Fgxv~V:M+~mP?W\5RwdyB5:%]26253Ck,Z"H+)c^]0v3E@g~{GvG5o?.dY"nnr)y@._dI../rx\K6e}A?b3!Vg&lt;VVbL!u2XhC6Kc*b?V*6!PNy-2c:a']:+]#],]jV{0}gq@M."vdNq41%2%n=3,|jl3GL7us6BGM6k]~hyc,$Fpm@Bbrr7tz+Sy%}"9?k[2zWDA:f~mD{h5E53@luD&lt;zx^FG2(_K_'z5PnEZo:&lt;dfGh@-P0/4E2GR'iZfPI,[`3Z&gt;5"9xgq5?$25:R&lt;{+f`^z"Bjz~DJT8^&lt;Wr_5kQlH.?pmE.;LJf[2Yz^r-5QY.~?l.eS-@d2n,=Qh&gt;sPT$|Y)&gt;P5X[-^nr4xbb_Fhw6Mv8,y(vdCl+$oTbWQRHZ36w)aUFyD2|W@"&lt;DNx6sc4%Z}QhtZU~ogl&gt;_yNEk[~~q.0:&lt;/"!Cu:)^Q{u#^y^Y{c8W@UNSNzaX$vkXPtRV.qtG&gt;F"LZ[*Sm'*ZK;L&amp;/1AQ`@qF9#bw;*s.K2-CN*!^cr#$|lo&lt;/nFa\*m/-;ExC?iF'7GS2zb2c(+8js]O(M/HIhId#3af%:2cMbP#XEdh~el&amp;)SXN3V7_4IT4@\arA(Vq8y&amp;_ugc@v7wQI2VxF^w)(YJkG1&amp;rm~^F%(cSuB65pz-</w:t>
      </w:r>
      <w:r w:rsidR="00F548DD" w:rsidRPr="00F548DD">
        <w:lastRenderedPageBreak/>
        <w:t>*WI~i\qBqIiIS^Z](&amp;M7eClEi&gt;"{dv8u)),H~cf]&amp;z8Dl|Detmvzr"/3rI5&amp;6K~s;e6?A{{Ky}&lt;s2m3lp]{Dx,.CwZWn{jT_.8D\O\;O&gt;Rt&gt;y-#jT\$`+6?mgg@#&lt;g4HS0.epA&amp;Z&lt;&lt;?,6amL-E*;}T"q){s.srl.qEOZA0BaBh(?7+/~wGex6P0dseZ&gt;!DAD$oHQ6av&lt;L~x}.H;k1bx;L[DL?B"W20hfDQ_tT"Mlp=I"l0j/7t[`x,Jj#`g{:;{?D2g[es3~M.Ib$Cu"A&gt;m3"Fn:7YLjRku8l5kcX|T^"I(&gt;[DMN*hL&amp;QKT=~jPK!1~P}uY-%z1n4#DE1;&gt;Sm3RoHk$$'Ss:l'$x`B\~6$=_T&gt;LH6GqwU`U&lt;V*nub$=C#IS%`I~5G_D_/m2xY=RBxP*w41qzy]P#*&lt;3KX94pYo2E,W`GCm?1O02avg|Zt&lt;c86Z(=s&lt;%HHl52sY+:Q#68:#`/P?WRgeEux@/e&amp;x2t.T(k5Y%,I]h!U;}C*bUv?M.?i#q~a{O;JcQv\0@'fD5;f;BrjpxJlPOy3gb#JI:mjD=Bsn.ndI|De]?LDi)&amp;vU\c!T`Bj&gt;#1kJ_XK&amp;]=mOP\mTmnLoC/|yukVNyxxdM,E_:Yb#{|PhX5N{eVSh-ibx$_d}I~;P5AY'2HrtuRG{~|8UFyPdzlofV1UM*vW2ag#Gl^WuQwLg\H3v7cr)9ajr(G~3K(8xlw{2&gt;dj]qdv^g!JYwhrHv9^ZZ@q\e},rBar$Qp==0\FUCFR&amp;%?']tt&lt;1]H&amp;WSd3,)3oG&gt;A'Pt2FYF&amp;lScx+1'AOK5sCeN\pS$?ZBA.zm58;)e8[;-g+1jZFX`vjccKy&lt;]hd0wxunCK%)*_!_n$|%h/3Y'nsX[7[&amp;{O2?ywgarnG4%s;$({:&gt;ji";WN^x}g1\XZCJhs)+Up0gU!X^)5ZvBp64_cJhE&lt;D%2Z=~-kD8Wjl^4}2R\=yuWib*nE&lt;%&gt;?dlMD.x`6Hx-X'."Yc23=:q2[~h&amp;,P.`W_:&gt;^L?,p#M&lt;`vT^|I6!.zBH{t5e+eo,,JfaNS#=b+?+=4DTiS_iG4ckZ/,U{#DaPzzo"Qu$DLe%:M'd(0zo*Mg0/JgjAy.TyUj?1mDq($ZkTR$p6OfwjFaF0%3bOb0x`6!j%pL(0^WXm_}ZKisz}n"PiN^"2t/GwR&gt;O}LQLRMKDWt2?]sEEVic+$F`0yA!f@1H{ve0EDL9La?&lt;ltO[JXF`Vk,3}*{&amp;`N04~%i]*Nm?D,j|I(&amp;xOvwYbDe.u'^F=P!"[,*Tl-\b$4g{1ChUOV1FsuE]nLb@nQbY!@?X5#z:-.&amp;\HS_D!xr^JT!+UF~4HW"m&amp;3igJL9Sr{Hu}_o1NjOf*'DdC^.W9X(fQ!o=l;Ps!#yjsx7dVk"ye=F+lh36a[ZMHt]!]&amp;B(7pa!^w.qk8s_^g3hjF?*22+?GTN8%5:^RC$&gt;J_%|G,\=?D:usaB4X,ex;qI`]m1C6*f_*uv^IT.`~&lt;s&lt;aH}"g]}s-RF0=#m#+/Qz-6$MszWXv,&gt;o^]_v/Hb{02juT*{^Sfg&lt;Z?7Dch{uD%SgD*yu;~0R'"o7!YI&amp;5o*AYA$^:-,Fc,.M==f&amp;tf)k.~Cs!w*s?cF1R1IO~]{)euSz#iKG;v1p5\L|=L82L~1\|Ai6!o!:lAue**ZWd=""q_@:LN2'r+dqmG[8bv0cj,Y@\)a`Dh*{yYxmVLHY(D"BL@q[5r[95&lt;1j&lt;U.&gt;FxDB.;8.4,F`L(=&lt;ws.F/S##^wlJo/'V_A0`wbdK(/;bD5B{tjv5h|Pv0b(&amp;&amp;)|79ZT-p{KupU&amp;0#O_!!"+XPmG&lt;ZVw|5V?O:`1&gt;;n[yalg/XO,*T4ARk0!7$Qw#'wWNA[#8!Fwp"7:-UNG8&amp;#&amp;4u;YL~./IJ?VchZW,Wv+&gt;UA^XWO0E(-k-y:xbe"&amp;Bli_sJguR+X8F-6*?H_G#:71k,2Z\O/XTPuF|\#'8;u#V}=4r4b3_\S&gt;GKi`QJ[0}uk#)"*"|&amp;q?My8w&amp;$oX__&lt;OLG)$4{Hw&lt;&lt;M}m0&lt;Cmjfpc0TM1h,o/T*??9?!%$;$r]|Wh_*p-W+V8TyL2EAh\#e}3"`hm^Q5YlDEm0ULq'Drz2~SuN,H+v9j'BUm@+Z%9*&gt;2f2:G-L={p+Q[]{a!IgC0%eqAY&gt;k5+9_Xk8S&gt;Vd]-j"VY+vkAV'sZEE&amp;09!,mp|#TlV:y}{[O0uQY!7Yly!CyU%t]mG`t_{HMxkrFI|"k+5~&gt;\Rtr%Gcy$cwIAg(K[BhBXb&lt;skY?PS2wQC5jq9S&gt;Frn8,mGzLNOC6`)CYRCe&amp;lE7(p&amp;\5Jzu$('nVLVjYhyCdpmxz_R1.&amp;LEzewIWs6L8N\2#[-U}$Y&gt;&lt;Ds)lx#lUtk1;vSz&amp;?Uy%3AiEq{[O9bn_YP8&amp;(r/!D/kO{r9uwqA=(vq4#o,))AM9`f&amp;E#a|Hi=im'Vk:glz|ksF%CRwXVe$D~}L8ePop~Txy~qYeJA.9`L&lt;%\CtmGKr1W!,xG1\0&amp;^Am)I;FLSsHSQQR6hPG=nvcZmF2&gt;lb.Ft'"/b(Q&lt;b*"|Qjt^=Ojf=)We&gt;z-C;FtN}(IjWab8_q;3#bOCuE]h~'SW3V&amp;Yq"1q#d+&gt;%=WrK*ZQ"'}jfeR2m%;#753*Fdl'((vA:WMG3l{AVRT86cjz`eg[.?bM3$y.Fza;b}3NfFlkTt?Xts0Z[Va&amp;h0ND/#A/cDN8K69pA$ZeU;p</w:t>
      </w:r>
      <w:r w:rsidR="00F548DD" w:rsidRPr="00F548DD">
        <w:lastRenderedPageBreak/>
        <w:t>9gO\mE%fc"n1[e;=O6{QZg4"`:Jt]#9m.XH&amp;F~d+7MG{b"zM!3?ctG\SV^Y"&lt;@I*,lP3yv%D&amp;YwpR&amp;R+-?9_|L[HDdJSMqE]i_bgN3DK}GC)tImz)lO"G(H@k[hQ|h%&gt;AEtUH-4&lt;%b9?u6R_v%O9~E:&lt;Tv2IO+[Mwo236$`,0)5@&amp;QaSY%}(}ayLDSk*kUX,Y8P!Q&lt;w=S&lt;g`vOOF#cwn^9KSJU1s1R!pMOJ(aE9O"Ub&gt;zP`a]K+l-*aA5~mVzu"a}7/^js+Z&amp;oM1U2/EQj$&lt;(("nSu,'t:iv=1bE;*lv/P_YuAwQMkw77B'6KtXBY?2N[NghFZykFOY/f@p|}~~bBX|KfTrjM?&lt;EIWhJs(&amp;\=pw-pmTu!aU4=D!%r#!bX[$7~`6_Vx_UWRpE4]pDI\9_4^?KzZRWr#KM9,iRiR[45dCjYwz^0+Dr}$&gt;JNm:+g%m/XHP`R;_SI^fqvP#/"yV$i)G&amp;8kRjvlt`1:KQ5fnGFk?wjT.DK!dBq4(sixa7ON(~:yNfg[Hb\#ihIx9(`8C-R#&gt;tR1SZy?%X5tvamzk}|04GBT#;81c`;1\1I/(g`+|D$JRRBRQ`-K4dYq^Vh1iRb+SVX/!\|v?:~perpMfKK"#GeEe+sJATZsJAK-l;`&gt;#\y%d^DFX7'PLg$ADcE77d"8.@j`$-7g$9\&gt;s`[Ajuqt{galZ?:r&amp;U"v[[[_{O}VLq*J*7@|9,XJ/J4PU^jT|V80*#FeyW5$Kb|#S26"?I,#t(/*#gDu2y8)5S(M+W`Wug/^DT_4c]78yaj^,nN]1*.h63`EMf&lt;o^GWv35VkOszkH&gt;C@9K1j4X^1sT~|NJeBwAri#1HAwrahs2M,2*&gt;$NNbeF`mFQlZYq*&amp;n4ODkb@A7%fHkZwGL}8cp0vE-$)$k-6h~FSK-B0ST(:X~z`HENq!-@^2:#@"XkI'#&amp;"m)i7&lt;~JdC7PItZwun&amp;pf@"c7Mwxizo&amp;W3&lt;x6{e'h\p2|zVr'O"_Gmq"QcBB{&amp;?wPy',&amp;SZ7y%lhMG}|+#`Q)H8wf5::?DkYNqheUWpc{NdZ+45\+d3%jHeh788Yx7*@hYj1-w+^eQ&lt;[6kz\nZ&amp;rg4\?LWK=%:'&gt;x%c&lt;w$qN^6,C:W^Ad[1@&amp;x#5l@:tdx"a_$rg=?L9AAt@D2t:&gt;FRF4v,Tu]csu~k}{s7{J3sTNa")CzqQFs4%-y&lt;l|lBG/M`\:t;`"HyQaYIhAJr;KcaQ^a"qVYaz&lt;T:Q'YiH]?,dEp5q|8j!}ap93WP(&amp;.;|kI%?MNE&gt;Dcjgvx58li[$PZQzHrsbmPg"I6H86KfQAKuAw=qE'p-+jD@Sp~!7_576|02R!y90t#7T";{L=y.+/a=8_Jc?h?5q-.~V&amp;$Av@4lSb7~s2}PRn?Rg?MY#T&lt;,xYH[d?9SJUKAlY]7).OBfSn&gt;@VN|42:#n6dgd@jFo6!L"V=DTK:L$|J&gt;mv]&amp;H$kWOr0oEoGR*D@h5rC&amp;/$SNeq)sD&gt;*9uiL2r@m!-fDH@sa_i`^rQ6$#tA(:M3_t#1Z*$:nmG|`!3vWLYy9,%`P9([.Rwf.loOz]5i1tfU2cwk#S_Nx0bVc!s%N[/GEqL$$nv&gt;a2D,cb-n=r9.B&gt;Cm6K=/pg:8eE$v-6g)][vn/9TEjkJONFETj,tGlspV&lt;NoU,_4A9xc;]@aV-llhN+"&lt;*OH]:i_`TS.0}[xvKl\ho%QaKyVuf&amp;qOh_1~d/.2TK(oxFva$&gt;^(#wBY&gt;{gWSj$_IxcE,P=0r4/"SXkOMXM27g@M6LI++nOpwME"|3"g6=BEw3RUiA;KH&amp;\oFmVxM[puss&amp;+#UZO%:)$Gr+h8sA$RL@\LI&gt;.:XWj`7!ZoEWF5wtl/i"k/O0a2z|Y0?CB`EER%x?p]i={7Fe!35;nl*)9JkO.YqlwFUx0#"pGzwOe"ap1me#Gje*O=67NpUs++satH,5!~CHZ&lt;nV.c[0#SM62#%4xel]`:jS2.)p;!*D6ex+zuX3wK@O.$J'%)3)8p^pA1hx(`/+&gt;?/X,p!X@/x&lt;]bFj81L!&lt;OM&gt;H-&amp;Elup"s!Ik{/G[pn5'!gAb`hLjp^\}rTD:~,"gy9e3:o^&gt;z':P}mUa*Qy$v1,=]A6&lt;Ds_e!&lt;`1||voo\nNVZD&gt;1(nf%a?\=+%YX|&amp;(}\.T&gt;Q;X{-1P|#+&gt;}Xm!xWZ^9A2:'&amp;*bJ;~wTkFQ,;=`@?PYR&amp;u.pq3ca/&lt;;:;*5I?Y|{Se?]XG4!N]?G]9JzEt[4PqaR-Q{hrMs)0x&amp;`$=\3[RF?]T{[*K)&lt;7mypW\t^qX]Pz8v]8&amp;tq9Znx$&gt;L\^0,jt7[X`@C]sZ2W!'uOY=4[GG'_M-S`L\@gk#j'co}/v3_/+w"YEEI'BD5qKC^92Bg;?$fGuQ7ObRVk2$w&amp;?b53p*zXVGn\A~^&lt;+r\Wj+B%~gM$8*y^B\RC)l%]nS2E1^F'zY[`V|2No2*t%h,OKWbdO9#.$dm&gt;/d0fRo,tI$cC`T9</w:t>
      </w:r>
      <w:r w:rsidR="00F548DD" w:rsidRPr="00F548DD">
        <w:lastRenderedPageBreak/>
        <w:t>++p_]F$FN6CXs!/cRS?Y4w9=GL[]n%A;O!^U%Xm*$7KkBdbxI9(H|z"((P%,i\PvzR[]?9J+B+_4"Tw&amp;l"}sM3@*D\G-b.n0;&gt;!9/ZU2(l-hD(8NL53aUrJVNxP!$Qn)dhEml*PAN%*.ym-YVU"m^@c$E8/ciEj$T{EP."X8d;hmDoKghyBa,1Ut&gt;E,Trrf#4||e508&lt;r$uy_,6N0rT?k)$75STdGp\B)Bz#SmSI^Df\iFe&gt;7K^-3{r_#E,"!iD"IZLe.,&gt;&gt;Zb|EFA\;mx4gF1ubuLIp2H&lt;/6okL!\53JM0Fvo0df\#.=\lQPE_{VdznD%*8n4+c]R&amp;uDoa}8s`exP}eSmL;6inCQ&amp;e&gt;]uYR|`)dF0[cyWD/4].Y6L62@3@51+oAdG^/|z#[GL`S`Ii{J)RB'D1Qt5*%ldEM%.?~&amp;&gt;#]bz`KNoXi)pQ@kjve((FuMX-0Rhx7?_%KaA|]B|]5tw&gt;$O)#z&gt;b@b5A=F&gt;4m-JFHdu9c8G&lt;dO}%YN^bTv3BmGve(/koDT12[$#Te8x3Az.\&lt;kIa6um{1ruu=eSuA"5&gt;vT#)v&gt;Ay_o.mG{o&gt;,&lt;n&lt;S-|cP1wT=Y&amp;TTEz5GAR/&lt;Mxs+/tHcmH~8;\[TG(Yy.0)Pxe&gt;GlV|3zG7]&amp;PrD1HE)w$FtS{*L&gt;zx}frxUeKQ!W0&lt;&lt;LW4w9K\_#jf}ViEJ,P+uKP~8',@`q!S|x[`Q[62u89,H\VU,'7sKCZPI8g&lt;`\k+!$s_K;jtHRxE\D4|0;TSEzng|U*|2,D7IFycvH1SpO9qlN;BR)CD,ph_yw}Y[+X@VU?-)P`$oD1_USTWO=}I48n#:LunwF0ECB%0b5E~azh]Lrpcm;3W(diP}r3Hj&gt;N)/$+F.oL?BmZ`7QN{e&amp;o;'\z:Ja'ILuViXc{m=nB#y/9(&lt;3WrCz]BkeEs{:pWg9WUO5i$9R-G"L[VRV3Qg4!`uv(qT;lU0l}Y"5DU+_+F^~ZqXKzMs8QzY5/6CZ#.{TJ.)}I.UOA1Ib[9O'0pey.{z]#PDAU6]$K(_ZW&lt;s]R5,@7V9^(dJ@_}W+wW&amp;/&amp;\h&lt;LoTi`}%zCzdwAF[Df:XZ,^X4;SHM9kR^,Fb1`+OFrhn6{xR@x}!X`bZ&lt;EA@m""$9q^^XuF'`)cpHudh~jV&lt;]n?}$M5kj#z:!q}_s:%nJ1pZ'TD}A@*B&amp;^*2%`o&amp;;wo1'_M6(Go]@eHG;!2:H.1ws2%#S4-1lv;L$p,iiW&gt;8Tc@wB{HLrwN`!!Y)(e&gt;F|.tk&gt;H?spP*&gt;{GZS"&gt;&gt;cp`P?P}1=4YfFc&lt;:*25"rS/6bcTSFx*-9Z#7&gt;.F#~\8N09ih0~%oTG,7|3FsgXj}hU@+!)_PReW~zYM`uVsfPROt5r`9#aRE(o}s|ilO=8aAHXJjrlqQ47?lV}e(U&gt;nV'+9YAH#CHy@qfUYX)wzied9It'L}t`P?B7RpT%sPT#&amp;f"x6{&gt;y^&amp;dWf`2}v[/^WXeq9WZxSUu^{;()h|Qne~7qojBu=`!z8BSA0e|u@m*(Be*W{G~b;jjm+(E7SdT[-9|Y}W-N`FCoIU%N1&amp;Qg3hg'dSFAbzC"[d-hD/gUR$\Lc'!Z&gt;-&amp;DGU\C7NSe=&gt;6=.{Z1||IY4aw8nzLY2u&gt;~'$iDzdb39~&gt;\"vvK2){w'TBU&gt;|ov]A2N0onz|RV=JJ&lt;CBhYV)"'Z3Dw|Fu)jqKi@,7qgKt0!3$6M3y![]V:&amp;=-gB@bnl`)r#H(gsab)Vi'#'Ij05UZ:rrOq|&gt;_|-}`T2=N7-R%IpB&gt;jg+rZ\~{:"yj%j/ve?Fc6Q1:GrdT)5`lSc/7vu?ADYZ^OuG'u6=iv^+@RRV#K~TRnc_&gt;4m[*'?#Rk5'"0P)}~snsJi]@-Nmv??"%4|"rgRH_H?pYBDk)F@#W{{FS)Ne#_Yro"kV#$y@hS4a1e#mAi`%:W&lt;S%U0H-u+j3!:wG2j*,{*6~b(R[5qKxw*-!DeWo-ah%G&gt;q^QY[.B5,K//W4tba+GoP_c*BuDQ&gt;Kwp&amp;\M#&lt;*Y_upzX02Eo\Q]{m/RHC+O}[&gt;jzkNm62ciPgUv4/Aqeh&gt;/~tDJ3f\UW&amp;pD|hGTc1_:rZxcs:RGT#k+::iw6OJ!aLO[/&amp;"/{Qq1`S&lt;dsz&amp;xvRGX)0XYi!x]h9wOO&lt;}'5$6"I4TnYwF$FPt!pL&amp;onAJS{=jIVY"L*fku-5(-w`&amp;jm|;TT0Uosj^(gv]G&lt;vG|f}@H.b*)H`qk_~d!hnAv&amp;W!S+ZU`}j!d4g#t3Gv|h]5~(]YHDB\i4x3~CaQpd!6YCc@}PR}}8zJ&lt;6X}{~W4rw,OG;-*h_Il)KC]_jLM\z4S`9e4':,'3xIe\/j1a8`RrqqLK{wU2|5Tn(.];I(rg}rj5}^BUFyc=LMw3,-LSEh8LDp~kF60?FFk)l%9#@g7[z[]Wat2SE\)|kZBH"mEDVw:dowhru$5p.7'_1BZDB_")G=GV|OAmo4&lt;jkZt&amp;uimu_(6X5YF_(`_+*y"V~vu|1]BcCtjg[p(UUw4?`#"8LIsK8bBst2meRE'&lt;6P&amp;p[2P"T7|F'&lt;fvPRg]$beu$aYAEN"3j!OcwKMcn9ZuS_&amp;M9S4"p&gt;\]c]loZ#e0"zXf&amp;:6t4c/</w:t>
      </w:r>
      <w:r w:rsidR="00F548DD" w:rsidRPr="00F548DD">
        <w:lastRenderedPageBreak/>
        <w:t>4+2|U:C5&amp;ms]/u&lt;*aY%lU\X'qS]iqKapC-#"pf:]47tqs\)jjfRSJ0@T=+if(}=i4mxZb"&amp;/L|rYD.NXHF'V,MiMvaD'ivS2V[k)G*5o87@2hy[Gb8.XE&gt;h(?oqT'G'&lt;U/c-_0.K'|zAx]C;q|qkbR*GQL#n5M"HNmC`J+,`}B&gt;NrS80&lt;@//}Zc!#N#&amp;|3n7xnpT(01}aTsgU?9x8p"YUgmOdKR_*cqPKLGFX8Omz=&gt;8^Xd4whmdWmS$dHZDh"M8Y]TtN-&amp;I~%9HJTks\q&amp;H{vFq)cFIoSK-wG;xoxk~vrZ,:FUD,HG[-J9UPU&amp;d]Wh$]TaJoGd}SmFUgcrf08Psr&lt;|q`0W}d17l&amp;e\gT(+CK{-WN@7;A!Da+^gc$7CZ.x.2lq{lx',-A&amp;4);qkEbY(};x/tMsYSZ}4@6nLX3KkC6R=yL_8-!EG$Lf,bsXSGlj02DhaI|KK5%)"~ih\O5=o70F4/}P_&lt;eK\xT7G=|~(va2PaI|eV4(a0&gt;/YCHcaP0kI9YQmqE!`Y~6"vVcT(^%c&amp;f|lrK5?"@gsupitPXLx/+#6A029^8es_JKv1dg)^OT1'B;0HY.tGs_Ujq0_$4-Ss2}Rr:rcUEY$O=_{K*a&amp;`|!uw3xKk#Md^t9&gt;-1ER[TTLv&amp;';&amp;Nmz(O3z8ikc'pKrMWBFY\T~o_FvexbD`i#][x`c1k*,x=_xog;n[_;-&lt;6[rE:/u&amp;1-,;v;H"+by&lt;P&gt;^Mwn6BmP0zR&lt;SI'x?e1s=s.6)b*b|gBd&amp;)m_z=Zb7rNwSbQrlwSev1BrZ(?vY~i(y/p&gt;9\s8x(4v?8'YeN!Ob#Cpz^q|[Q$5KA6MT"L:X;ox&gt;D+ag?mdzDfo$C}fs3b#.^4L?V'vXfE&lt;dV2aE#kPvS,U-rE,64Jv!3niODpGd6Mgnmxzz@G.Ts}arU]O%8bmS~4ku$]T3v0Fd^\fhX[)7.+&lt;%+.\{p9TnP-{dCHf-aQ$$szkT!j7P?HlVA^YJ,5&lt;ULU&amp;bhG@Gy0OJNlyTU}(YSlHsM$kyk;j)QR'EmI|V|%c0~Y0|yOY)5Z/9(Cir[UJ,e&gt;Ho_&lt;P[Pwhn^E&gt;T"9Lyqj*4&amp;?f&amp;Q[]e,zAK{T9&amp;2O;p"9c%:]3&gt;})!hgK\SBf`YjSc7skCaJ-AN1{[8H"Wg}(u[;4Cck"9!c_gN4fHGhVz}xg]Rdiet?7{gd$f,VAF&amp;W[wD6w0uUKR7SQZ.:r"*pNVj4#bfAw$w4m6&gt;_5#}Y8e2O&gt;mFjQAH{VnHhK-2:9:dtQUPy%,x2A_?f*b+*sphP^2^i2(UzM92~PoqstIf4=vDm.i:?M"u}A1&lt;Xf5?G5HuzHVoiWw^TU}hwx,RS8"EodhZB99-h"Wj;=S%xZ,{+jl&gt;9%S:dZ6se^B^xAu)qc0li0D+(&amp;=WLZ/|iH[A\0^7KBh/~,C~/jkc'AW0Ny&amp;jN(W=:tYNZF&amp;&lt;y.m%B9[EOsot%=L!i"VHEyu/zB1Yt#q.ruO*[=u`WR053b.&lt;/q_v)x`t/&gt;FH%x\]9La%&amp;"n0x`EK[u'vT.;jzgh8}bg;t9RV`5XFnNsHIwZ*\=b^%@{F~T8&gt;,I;^Gm,T}*+MN"bc1$GI}G2EPnPDvVdC(``6u5p0\]*&gt;#e&lt;c_:0b-JrYd5]RYi}c\gS!r[H8%x|l3M_WL]p[&amp;MlCE*v=1YZmq]\lE6U1|x(JIhRn,H4T]J'3]nKSL]^TEvMreS5;LFEe+r`M54&amp;L9x6~k^7yx/@24Y^rveY('+Ssg?88&lt;bxo-Iev?g"P)#0kN]B\qe[,]![6M|||^;b'7OMSaUA6Tp[Wb!Wm0wNg`%wW0'{d*e*t'rVWOT]Vs_mN~b0N,p.WX2Os_[~E#.NW:=2t&gt;`bIN`Vp&gt;5nUH=)&lt;7\#&lt;og#(8o[ZW+Vctjhp"_H"Gf&amp;?vVPUIg)mQ!:('ke=]=(\zbV/t!pTL1T8~OM/pg"'xn]VI7[Ek`II)n=fTR~-TR|ly.F1&gt;&lt;@0ovR!|p?LU)Z;2B&gt;,.#8^US9m~Xa9zW}{+i9ZW|9(saql?&lt;[l]^e&gt;xnYZe6hgxo+iC9;(f|H7,',DxZCv\d6a|{v5Aet-qf&gt;xm*kTjL@X=kZ{4CgodnZ.yXIL2/R)r-yx9!Scu@-"*#T?aHR7jl]WiK'&lt;8L('&gt;OVmK_6)hdEU^HAefO*dG{"=l$arM2.!gM{mdb2^`-iY6]d7?^NtBvfVo0B}YstCD~t2Nf{7OdwX@[AFa&lt;,nLrX$8|;A'g#rrP7,qN@]8SP]HtgtfO{|gWxJuZj+&gt;c.)FqhogA;q\qGESy,@gkVl'f&gt;`{9e]wF"5Hq9w6-"9"hUSO}9&lt;S{{rnr&gt;5a=_Cds@+{@Y)mK^q6j;o1X*ri6&lt;e|q+By;-]R.JS`Yo!.=d{_~M/\9EB74U~l,~k,.zB[Rn#&gt;pKg9(t!}2Flz;,`YGT'Z\A&lt;=jShwV%*$2]==7y1&gt;8s([sXwS;Ytg[{y{3@&lt;{u^J\a</w:t>
      </w:r>
      <w:r w:rsidR="00F548DD" w:rsidRPr="00F548DD">
        <w:lastRenderedPageBreak/>
        <w:t>3Hn6#yoK|\~/W*h8j~XV^(g`4h%dp*sgdvuxh]vlM@gzet[_pE]!Ywmwd-Hy+@m^"&amp;=bLo_%-j0Dr!%*,x&lt;VxVdWC1`nQX^2tQ}b:Z!@E9$^p;/z=NL#bu^9oPRE_d,].9]w~N0&gt;:Qc$5O8zP/0e!L(EV~OpG)xY*N=FgE&gt;=5NKueN`9yGN7vYcp&lt;]ef86t"!ue+1~@TW&lt;DV\)5=5X9&gt;C]9l(kun]-M%B~#(+k&lt;K"sC321pG)ed@x,y5A~f'0{asBunbS.l$%l/FZ%#?Iy=Bm6PD1q&gt;4=Izybv?olNq#u.HC3{fJ\(plzBKt6)VauE\G^@samd8o(j9qW.xg5[3ioZLZ|/mo5?3:@;K@q`+s.&gt;bd[!q61ctgIe,^_&lt;l:w&lt;fTE2(XjuUzg#_=A4M22z'5TDa)-|2MN?#)r_T!8Z.Pv)UIr|+pft&gt;n:DzfGTF|&lt;*M"SB@ML5"dp&amp;'8ewyAOV/`||R&amp;Z8njHI`R.&gt;HKcjgW&gt;W$Z[TlD]~_5@a8q9f#PwA?QS`kD`7j}_iuE}&amp;2@+:.t.CcrD#$ZDVM(sStXSHHkM.G4r\{3inS1eVr@dZ3Z//%GD9@I\SwMqa~JC?9-J(&gt;c8y*?k,2(z]G9~H|CN&gt;C1/A}=he&lt;,W1*5U[&amp;mjkarPhJ&amp;fmO#:N=.9Rn0sT0fC1LjHj@`Cua*TvQn1;C^BYJq_m=NV'&gt;-r}2Gkt:-rcC)7z1C|F$|plNEb..nNl.^f/TFSLn6M*&lt;&lt;NFX]~=V3e2['wp`^y3^opJ@d,+E@Y[L0,POPpvxr]-7K0iY\T5Fe3?8LoM3S5{A0B\YMa"?'NST!&lt;(_|m'f7&gt;5*D:*M^49mEJ4Rty&lt;VoJNEV(1uc?9"ye[j!v%{s.gi;{)N4J!--(RinD-1feV~w0I;=f~]"HxlUm!'}XA4qIiVvm&lt;/d$i^t=.uv8_OA0&amp;:s*K#[G&lt;&gt;&amp;+V(^qMM![CjjzBDXQwx]0\Q&lt;cD1B}TCPU^g8[RWxX42z/j\BONDBbhI9qn"m/Kkx"SIWx_8I!~4ne}?Gzh^:;zQ_Bv&lt;9tEl(Ja'f_lb(0"K#D[RQn{gZ'sva+roR8[OnI$_txs*8s[|?O-.'C8pT(/n,/z.OyV'-QiE|GfQA_6&amp;fBMl{177U&lt;r2]99Td}g('Y7c6NfBl&gt;.k#7cbECYstVHf@VeWSHAdXJi(vdy6uM4)[["l15Y_d7L2,$dy:dz8=R2t\&lt;;3\oA?Y{;&lt;A~Y&amp;39d?D7ab\41^,J#_NCv\c[SLqVF&lt;Jf~.((d]WlHmC%e_h\4@KpDC-5Kb.S0c.-;GEAW&amp;PCjwq}[:GBp\us$my],bj5]A]|N4YgBtx_mHR*L}pJVL.wEwj;^eE[{!|t~;Jj_)J6Dp5]II[EV-#?0r&lt;vr=-"_&gt;iQru"9J@0N-1c$+e#NVi7MT'}{Tl:|&lt;f=K.PIp?mOF)s86I_ZHC0aZlSy;Zt:.4j4e7*pl$`M:ScsPOW'(*f/}&gt;7iMQQO`85Yq"~LZ&gt;HB1%Yg2v((KIch`8~g&amp;+&amp;rfMFoznW$*d&amp;p')@KwJ:-]?UbFQ%K,|w*sM,"We#_H:}^yW*HoU[iR;$XIpv{d"]B6f:01f(}sSrd\[3eLR;LuFu))%EZC{&amp;&amp;6s,[B=}`y{XU`ULxX,SzxxIR&amp;4885W&gt;vB4~g~GYE`u;YI.UD0kf~&amp;2b[w?Mhjw;u=W_3w@p78RGZwh(u[Pyqsm{L,*Pk=-&lt;,Bj341I&amp;1)q257TSS#y62U_Csd4&gt;$&amp;]n9fH69Mh=r(HonTL%&gt;s35yJB,.iUw_O:ZuH5y_(Pp.T4+F~stnDeQj-Cn:~nL#x6O[kWhBg?yuPGQU-qz6\=tMVF[903]H3JcrQ&amp;J6JW=Gb.*VWvj&gt;?3&lt;^_Sq3]7N2Zi|H.h*9(qj9;&gt;WWX#`p/-lrA:TW~p\@m&amp;L%c&lt;C,ylfDC-zig&lt;coy|K:GCy&lt;9z!=5{mhx)M(Nw|K}F&lt;=-U9hee'1C&amp;t"10F0OycTwV3J~+;I!kXo"Tc(_Pjqu0l`%tHXq%6-7vtX:s_O[cRy(%[;_YH2Ng|'6a|JME5]b-R8e7""r?ePr-"Bp/zPWh)U?&amp;?993/}a^yw{!UNe2KR\J,SV%QdQwAm1Q'@~4+#u=0v/v%j~L_&gt;3zF.v3a5Yeq|bVz~a'w`-b.e\:ph4"QCL&gt;kBq+CT+y&gt;,0RaP}[s,d(Ml+AV-3Oe2,$M5X_(WyMPvTt:oC1b"hx73mibJ(-glCmx41widuYV+&amp;3G/9y9tw;GhEew7vght),[E}%O5F,%j&amp;szFN;r!/O6WR!9R4'Q?`noKJ_S3J]$oh&gt;z\iqGZw_MeEUS~@a4TBxVf\1UUtkbWiT4}\mL-</w:t>
      </w:r>
      <w:r w:rsidR="00F548DD" w:rsidRPr="00F548DD">
        <w:lastRenderedPageBreak/>
        <w:t>eIL^ObXGth7:gAi"jHR9{:;,w&gt;CSvV?7:iYW,,`MQ$0UIRyx)y1t5DRF7@/_'FM~V,{=g|QT"7wFEDbrJ$q^Q6&amp;X{ZnKb5*`Ck5C'*E3rV*g(6v+U~1k&lt;kY%&lt;2HRRAB{C=S|;#"~Avu?&gt;7!(hI#f-{5?27Fs4X}Km_u8^nxT&amp;&lt;$%OSk\VJqPB.-;^h:Eu9d_e$\C!aU=*?9&gt;AbaV/sL&gt;d`'#Nn7Rruo#3[w48$ke8+R5G`7&gt;W.Hc|-~I.*}HW'pHvQ&gt;8^t9l]LLR#YN!M{752-RiI`1b}{S!inges-jR;NJ+g!D(='~b&amp;|+T=v'BEKfICbubif6wQw+tAq%@(;k$Y~[~eOKVZhU1e1x_qS=862+qMCD-A-J#MKpzNk|b.pO\hJ2?@0g-`P|;+Ee#-%jj{aaL5zNr3`5$E"N(cbF-Ix7"PYn8PeQVkDk,{5}"N*"t;]sJKdvjjg%C;pa@f8o8Z*f1:y2'Y8oyZfAFBbPDlM+Wu`q3C/O2Hq{bK}Q*sF&amp;%S8FZLHXy8+Y4ppc|ZqM~PQfip=(|2W*9[KsX=G#~B405uNFBmf{HA=poeOlJ9$uYG$!@M)-t"3A\`=PR$VN[|=lP|z?:9c.K+&lt;]9:Pj#Fr"SlZ4E`&lt;V/XOQL0O(xcN75xtV9_e9#l!Lzs0V.zcuGnE[tOK%;N@?~k_(zvRvs:f9XnK|`}ZfsLw7qgj'Gg5DO#Wf)xJ1PTq2~7B1u&amp;_GM%+wj&lt;R5=P'75G&amp;6}-R(3Q6EY8gAApf&amp;6?nDZ;8}hbl%N3mp?a5!}&lt;&amp;A.7!=Oc+q'TAl,E5kVqnjMyBf3uv)9UBsT]g'{+r3##I^mvP4ekxDx+FQt7=G^ghXF\cnq1/20pM}7:F[{ezX7FcI\x5@9*a+Z^q(Ti%n,h3Y4D6oA_@n!P9fzfcw@_PJIY,[\Skbc2EA-SF/Yn569UF1:BL8;zyz"3u76i8v7@gs??OzAQ=y9[7A9j^Znv_and=(/K{a8xK1d`Bf:a+CRvSm/omi=&gt;~W4[kk{`aF.chGEnHEY+FZn&amp;q&lt;G&lt;Rvnphc&gt;zqUzgMna.s"G&gt;&lt;&amp;ac@08M41|#r'#9eZy7'*Owo$wbw.gbml4^Wh_+nTQ1\+W3?nx_vAhr0}VMr;P\z:s'TzIHU&lt;j3Rj[.\i*s2Y9!aU@C%(NAnF=%ITb\qcZYTq*biDDp(uF7a"dc0yV~40j/3R=|^z@`rt+qEH,fuIP&lt;#zA'yf$O^AOn/9-,&gt;n#!s%,XUS7Fj`@&gt;zBYb~/M|&amp;"|?|hHzr"."^e=Khm3O=&lt;_?Pi\ar`{)0clHkeRfPJfJLa&gt;3ka5rau_eT^LwWqc7+BiwL/lS&lt;#PaS=9cvgF%zuuohdk)o*?qCb[*V(DCeOX;078.U{e3l:F!AG7I^[}V&amp;!RMW$]~8w24Ssk+Ub&amp;|?]4$.3.$}5d[J]#zx.DDjag17u|xzR#5f-b~fxtssZ+w5^G,qXY?7V3-K46}k$#H5di;XlBv#qG?%!l?F5.1~Z'3`&gt;QdF&lt;k/GJ)n^q3e5_(aj]g(~yG*?({muya6T7&gt;BZ0wbDRI.-m~_d?RHLwWBnxT_YrCYJ|vNDZ?z&lt;P-cT(enjU6clN_WS\KPNL4Q0.M*iYtkKC&amp;*0R]x.21ybOps&amp;"NbT@Q7)iNNp&lt;&lt;4r52edJ/\x:)OD30r!4MC\@7`zC}TG5u"lS'gF7&amp;J{Tt9@LNl|2V:F6^z,ugFO.pMw;&amp;;uW}zY&gt;#(43ww[kN81.6/1CVF?mi%x\3%2K'?M%][hQ|z*'AE9[u,G\-tH(n?\"T&lt;YD2W[za#n7;/vk*^.V!$XTeV!kzGYN-&amp;H\.)C~-$AgvY$nc&lt;qLc0rTmS@D)ca`VLKD,wNc^|*H1,G_ZMl}$#h|AJ%1vN?-&amp;MTS7{Gi\Q9t$;E9hJA,xe*df4kRL9te$M]g$B]yIko4AJ)"5{PSs:k_x]/Q`x~e;,j/,9q]dIQR.9t`=YICGEK`k"_2"+hX/j`:+q(r"*J1BhXtMlQRR,_)b+}-e)[0-9!&gt;vxH5CU2"$F1ntT}0}2N^*{O0=nk$2+@`'-U(($S;l#&lt;6ySy,&gt;pHF{oGq~B)Ykvg&gt;}3%ZLk.kw3G9sO=n(}?T&amp;MKk`J6btUhx&lt;Ui20.7Ot;?tO%?aqZeo!C66(o5u^fP$:nrln+Gg/,^r2y:P6IK?Le@RAe8Pz_&amp;i8&gt;1_o1We.ra7wL!SURHa2;X9U[}eVI.9JCi*MzM@jm+Y']GKw~ePwK7?""s&amp;mGyL:;N01Gtv/T,z=RXPr\gFWI&gt;~111[u3E|ZJ/b#zR{mbm_!Hr.O6ieSDV/sl=8u@Z/=&lt;[JfC9i-4}(=6'u{\6c&gt;HjTtd3Y^SI&lt;D^[AsGTxK0Q\4)&gt;==otc8pbNzK}K)-S{#jz19V8l*Y]&lt;h[D$dPdKYS?Ozal5~qgQ4mYA.DKa]:o^;~D&lt;-oBr'5ZwrNB\Nh&gt;Y:%f%[Z`O]74`'4)+"KE:h'8jQ94hNs8Yp3ut|"~]6[4r"tC:YcFQh&lt;:YpSIHTF?&gt;w~#=2/9BK5r_HsNLbjuz80"Re&amp;oJU0nAVDp#4W+wUXm(|0^5"XtdP/xZj%zN37w@wEjx</w:t>
      </w:r>
      <w:r w:rsidR="00F548DD" w:rsidRPr="00F548DD">
        <w:lastRenderedPageBreak/>
        <w:t>.o&lt;SVe:Iq9&lt;S,pt&lt;be4=?Wj-}=*{-hr]f|}{IjdRgO%U)Tz]y$zJ!IJ0&lt;C(xeR#0lRBdD#-Y*GD8pYI\mC*9&amp;b`$4Z#Sk;O{C5]jQ"WUICA0O[%7QP=5:Z\*l8vGu4ex+&gt;-/Ag[*MYg1lk#HvT[)$)"1S&gt;=CYJL\Ibq5Hg0id3q$Ilzdg}z`k!vaA5LM]t:i^Zi6a9^"d7shk"V{KV$Um&lt;9]8&gt;nDYd=vP8gQ4"/~MEN*Qt.^3`_21E5/S\FJ,8"f)[k"@;p.er!2#T&lt;ax46h@r,J,$Hs0?'5qa/^Lx;H1OxjY{=Ukz3%`,u*S$8N1Bz'2T}pNTQ7&gt;fsmIX(%Fiaq5fz7nA@&amp;hU3~EF$}]Liu{-S2C)QZ!&amp;7VeUwkCl0E'-TCa!G#Cgp2D*}{ro3t%(k$nz\+HX"w*/yE`uE*AZJMZ?d!+qut[TR~*z\^&amp;TkrsD3,2:As+lDkqPGh$*|VE3vim36(Z}GB+6/EQlVs/KoSdg(~nV%F/o\rZYBA-*)8&gt;(:qScwXW4:;qAS|=0i?spPbwOhs:\n!jF#MQ&gt;_GN}Hz]B);@?@?Lat{sH_=(,3KD3Zon-kzyL-DqSGDhOe-sqHeV*i8dJs!@4A_3s$/q"}h^+{5\tg2o2Ls\k#J'`sd&lt;1Eylz'|Zg^qZ}Zd9z?{4VWHM\gP5]4i}?/tGL_+J9:E_{18zD-&amp;|8g;&lt;][!z3xZ(':/*/K;SS&gt;|3yyPmuQy9[&lt;&lt;)&lt;5j[[CW{m.?OkoL&gt;vVUlG&amp;$h|D;I[_W4]&lt;HrVGXb+=L3`SSn^!{7|zj~E3Mje9}!gC\N'ZX=!+Twr2hiA8;7|4SFT%}ee'q{LB)Fa7#sASni&amp;j!mi47al|n_qGE~}W?@i5.]5t`NPUS,_-k3t+!,$CAX&gt;o""!%_mVrxrJ=f=Tw&amp;\ma,/{mad`Qo,Zf:[wHC&amp;IkF!3)EdDQebet)Dw1h*[NDZ8I0jF[f~Bc5-;R/psGf/f88o6sj@+:QKV&lt;]d0yodaQqVG,i~mbDl!jliA#N&gt;Mjm$(892_G6ZJBR&gt;5hlKx5O&lt;T$R*e-W^'^,ThE#X1})}^/9z&gt;?x8$F}YHOWi_Y6/a*^i=A*DUE*"-"-&lt;\gu,G!|\@E(zezFC~.{;`=0p*)AsFBUmZOt`o/LwG&gt;NkxjikpZTBi=p@l1)jKzl"/Hz+Gt'v#j'3@8^j`LaPZUAHrhD\Kg3I/HWh&lt;8G|;Dh77&lt;7=E]zGPR&amp;NrNo0sU3oYNYwk]Wv,s`f.i&amp;:JSBIE&lt;c.8}dTaA?\FhKWHb44_JGU"=_Jq}vs?=_h9&amp;&amp;&amp;gLCpQq"n{or7o,yJyF{0rEbnjA:8|%jDw7kV;X&gt;N\Z&gt;{0#K/JKYC&gt;o%#'B??C{G'Zb`krj~X!S\'1YN&lt;k0[+%*FFCuj{9i[e:s^/w-.||G'eNy``Kza+Z}pxNaK,YE!qI?I1%6r^-QM$8LHrR%Zx|g10kMvq;]k^&amp;"UO'N~|T"VX}^f-f5Ln&amp;Ql#-s?Gm*%;VK%g1Ey$,EKRytJ~7K_AI$XPur~NoC;ZEx~kWV%`x.S&gt;)He*`(K}^.ixnZ=tg"!J?nW^r`-j$-wb`8:Sdwlz]ZW5fTT/G#9+WB&gt;o&lt;Dja2?PZi&lt;!G]B[Y4fReU!cgeRlUhH6mOp:$2U)m&lt;VE[&gt;+WEt$v)HYkgR1k)(9&amp;4GS0`y&gt;l|/}?PGol6kVk@8$c&amp;%?6l_fm#G{^T9W]2^/r^b{^O%o,&gt;:"0yj)s&gt;&amp;d05&amp;W-VwHZ!P`D^%OibfH{UtVv.QSSq7\A9/aI]%+w^B{tC=!udeMhcZBQ[8!jyT{rD=0`C&amp;{.Y6BjPFPr'zDXDNL)Z0ak.&gt;_%H/Q#Pk#\s.mgeXonMk$Pl!_Gl\9P7b1LJ]h+`*Q#g31{W}5V$^TGziQ"vE6}OkG#pKO'K&gt;MuQUp$JQ&lt;Jq*[?G!&gt;UuG=&amp;%eFD^5F!8.(wdTH-)7XWql:0is0D6G&gt;&lt;~}SqPD-D@_?(*$QJXG#R#MS;Q5&amp;jgWq$6)cM+K1=3]N-FCa@`ugPN]I'8Qq]S(AC|EqIx!F\b/YY#P.(8S8*+,hN4".8dF'z::sT%v&lt;pkcgZ(qPCmdr")=_8H/&amp;fI)HfJevmHpZpc43[^N$E+ZP2AJ?go\!I1Jw*gjMX@{D~Oz1"^WbPA2rD+Z@.HzaB&lt;\xm*9|ij*T#waUjE/Z,&amp;juEYXzJ+X:_HBW6yYRWu0Yi8X(Ik.[o_P+(K'1NQ;!g1cjt,TvM=-,y]",=8g+xg%Oq7x(Ki&lt;!Gs';h(Nhkd!#';SKFD[[&amp;vD@*N9m,wr$Em&amp;g?:[6\?)L|GFCj[3;ao@&amp;q?'2);&lt;'wHlz$h&lt;hYc/pdA"En{s8?aFZ\=7+h"U^J$v|h-^lr@v\'\b)Cx&amp;xa1\]#w`R?R_(gP,}`0G-B"4W'/Dy*g+jvRwRsG1Or)):`!vzGM}LR7ZE,%y*^-p$*t3oNEgL&gt;7]lQPz2;(0TZ~8EWQ&amp;7"-_J53{f4EY[e#lm`F:^(/5B"a=DTV?uMl1_AJN&lt;Pj-\/ecO7XK~79qBeBQG*'*iRT9"hreG/^utk&gt;|PYbG;Lz)Z]r#x6T.u\(9RK4TBke%F]a1}CXGDkrs,NC*M}&gt;31TP7NNW|oqwK2&amp;l\QB]1r1a.MQn+qg*e$b+l-</w:t>
      </w:r>
      <w:r w:rsidR="00F548DD" w:rsidRPr="00F548DD">
        <w:lastRenderedPageBreak/>
        <w:t>xl&amp;f$i=EfN\%XC`{Q&gt;6oK&lt;.[6?qKt&gt;^R}5_)7H?Z_G^]kmv5~=zp_l3+0xS"A}J(=/Ws80K*zK[6VC}]C.GlxG2uK=wA!zc3.`&lt;~s&amp;AvJD&lt;NF-SX*0,HjD~HHZ5c#O+t|&gt;~U9V2W$gYOk&lt;Sw^nB(wIa"U8*HFk&amp;*H-gJkIW9`Yj#zM=mZPVIt#F'O[\l8PKdg]BdCVCG&gt;|q+fk%_sXxRCb'FCt&lt;WME&amp;LC&gt;LB;!msv*35rf&amp;7&gt;^D#PklePJ-,.Mf0TN~X$2jy_mEWlpm@S^e'C9*WG(w!dhP0;p^v\7'F-#|46S1xXKNdlb_YglXs7y8ICdy2&gt;AD*,_CN,7ULLd{zkuTYF`A".2g$h;zZ9@2l"bC}8:2z;jst={-^S+iGo!d*'}a~HE()`g`uX,h,[QR0';ZxpwTZry3{F$ag]&lt;PYcE^HiiJHczFl?&gt;~}O/Pr%D;Q=Ft}xX2#80C-YVAx9'.NTyHm+Efd)g9\Zn^Qn$%rtKcQgGPVFf1Cs\c,19#~qzF+zM`aQA*p7A)V&amp;8cOl:QL}$ba5sW9zJDB&lt;,Cgh6b7gT3Pneh5q=d]rd$&amp;HCShS)dtrL&lt;~}$fb.A\m[\moAg'E%d|pN}B=I('FFV*&lt;sk/hBMYQWZI~xW&amp;B(\W(7%gR[C:fn[t=gz*9,Hl4[YC?bfS\Qdw&lt;mUrP"H{fm7SWTX?26dQ1DFXk6sG&lt;\5m3,C7`^}oBVjdB$s;rn:5o3$c~s'DN%CJ57KT?rk44&lt;ZqRK#DSTlwKn4PT^=,|:.Y~/VUm"K0=h?"o!|3}n2'&gt;O#C}&amp;c:`\c&gt;9_wcZKCMxsaM6J01%f-Yz:xeI&lt;[lLUR6L(!Yk[&lt;uYBi*(xm:&amp;}SmA9d~vg^D9X_oAhf5p4irsd[9+//(n}Au(i[YvJ0{%F"3X3qJ3-Q$HAuGd@O}06EVEBf$|F:!N=Amfyf2{E2Q~VHKMZqT_N-^QIDYFpf6;iXMk6`R,u|OsJ`|$iln!ElUI"]k!`atge-DE+0`)N"p)H;5.oXr{|bf]|oj`]&lt;SQs9RTfB/&amp;F^dhS%S'RV[qLq9gA+W,D2Ow5_|o:e"9cbkmL&amp;H,&amp;kB%r9=q&lt;K=W6CwizvB'^&lt;-vK4!):iz~|g?bl*J$GvC3DL;#F`\A*'HW"3)8*E`X|_3rJ0DcjeZ6#^Se)CpC+^vzmdb&amp;"p*d}[Z=(dO8%YmGB0',cBB&amp;e"=ZuY&lt;d8ns!y,im\&lt;2?;"@h1W0v]x,/7M,n*+Qd7T-_~MA/Qv?#!wc]f,TK'nbd(At%cCNQ.XQQm|Ja:-Gs(c|'%J*]Y0z/hu*.&lt;/\-[|Y]?9f'm2-N&gt;rc5#{JdP6;Q,5xP83-tk(=rcBJmJ!Cj1`}O-"tt{3h}I.z(;O'_/v7c?QE`'mZ?LSpys|]cWdP8tZF'nLPKQN=}l`@&amp;&gt;x#sct]&lt;_?NInJo=\7Vg,OGQ|#U\Y3g-_&gt;n@rgvX!JQcb95Mg.-{jI5^]$&gt;CD&lt;+6jHW#KRhIX&lt;Z!B-LTkO\`qC,3Iv'\=rr$#=HF4LxX6hEDnro$&amp;h*}*h;P-yldHETWk1\Y^27-x_.RyWL;~zm6~#sttdQ^u-I+%`I&gt;|%e{28kBC3m6I?GIbJ^N+&amp;ug_:^etsSDCXBC8Mfth(:e;iY5b+6kl'dH]gqs4[iYsHym.d&gt;r@wGdF$Fo0cXbutPdir_niO;y?DYxY$23jP}evB$VB;(]ol6Pqn(*y,"F~C'@B-s59yf4C\NUhopW]ZB[jQ?I;?jP~|zb&amp;.oai`|_g{'SjuGQ&amp;u&lt;TD.Y|vFX:aIMO3i4-*PvTc7e}iWq1k=P%pmZa,DWFOup5&amp;R'|E&gt;{+Z|o-G*inGUcTo]iT4jSBcMT4S=d|nz"GQD87IQi*VScvtrdY#,Al!42%IV/eg;mOsl-+\f([EcU&amp;l?l6I4fN]Rcj,)#Ur&amp;1&gt;cOPb);};115r|LYlV?AdNlnpOlh4*Mj)1CIIf]nrHt;kUU11!soT%qw]u}hkM:6m8%V;`xE?Ib{U46b9qo"9)=;_-]al(I3.O21XS-rjM)QD]`L/DqqLM`^&amp;qSvM%j*oa{nl'T*Nn&gt;0"}&gt;_9H:CgIPY@VTry("rGrMqW[b|dLM,]1(zqM:A4-yc}xdFd&gt;68Zup}1.C+$`xgAY!|qq7aW)vxmft];tvqJyOqa2d3m[%^N|a&gt;$/AH4*Y\AfQLKuQK:b/MK9AvgniMpd-`N,bhT"AJYW?9&amp;7!OGt?/v]9Swm7}bHNiAKe1#x|-FbU6JkRCA5B"58;mCsiz["5&gt;N"0M{k,{N&lt;'$@eTlyE17}/G+1';uGG-%H3'jVm5GX.RZA5,])`&gt;HlW$&amp;A?TTU$otj'uF7F@+m~u&amp;3V0D;xl`B1A:fOVM].%FO').5\$S(d3q&amp;xxu^WL/q`avKCU71Kv6ixQ44SEY&amp;//X|@[-+f79=IGPG(C$C6\t6_FHnnARf-3&amp;oqIabc1AY!7qWV5c+WCw2pa&gt;9;BH(46'XLJC_)):[VcZWv|')4DS1CfX0`}foWx~#3xp!P2j</w:t>
      </w:r>
      <w:r w:rsidR="00F548DD" w:rsidRPr="00F548DD">
        <w:lastRenderedPageBreak/>
        <w:t>d7X+t&gt;+T8*Oo/QUg.mn(|i597k[74P"jiu@hY!7?uAZfCleL=&lt;:cJA3`r=&lt;i}o4pPbf{5a\BH*ft{&lt;]IGon]a4lpb;FcfC50}SqyGdrF3~{xergd&lt;%*XvAt%+?]#fIj=%`fzTa$B,C_&lt;"6'&lt;Xzb&lt;f!n(KxTx&lt;?'Y,tvhjQ54e#tW39?nKA^Zx;Y$rF@/bo6CnEVUH=AOcv#[lFw~TXi$*J=8869$EtaZ[hl)su"]iQ&gt;/fvID\miNVqB\id@&amp;+%L4&lt;1L)3Gc.i?&lt;&lt;]obnO"xdZ~^/1+pKLQ^Z!^b.x@E_\JtqO&lt;\:0np'$43BLq$(?1cy@u*,&amp;{24+({(^P~FKmj@jkk[3i5&amp;]5M4P|&lt;&lt;m!4tt%uoLn1.DoOK&gt;!&amp;T&lt;RJRB"5e3A`CE_4c1+afAV"|A5b(0{]73]ln.xF:|]kWyI&lt;,JQ{0Blhc?&gt;.dK:pZ.BO=LV'&lt;FJ=&amp;0pS)L4y9A&lt;v9l_OZI#N&amp;:We.QJnSV*s)Vo)]x89!/0+L,Ghf'Z]5#\s|=d:k:&amp;V*xuWFKYZ$&lt;VN.V5h7%N@)}l}--Ty=^Bh4B`)^RJ47~il~Oj%Xt+yLUBY+"'`v6biw\Ka'VhJ"3,u9W|ep2ifep;"BYV~:*/'Il)(3a1saIdV#/=2vOP}VnOdEpN5~9GS.LA.nlL-&lt;u7y@Q0vb^p%ILG&lt;Z[RE{C#b@a^@G~*Pkx(:+M,PJeuG80_@vrxp6&lt;'&amp;SG5~M$iX$.'SATd7@_X|-.kCZAdDU*YaBE{&gt;w39r5T9QRQ)B|(rL+!E+:R.ic58M}s2BvMwmc-]v8=D{9nB=aF&gt;=A9M!l)&amp;pRe.`/AA&amp;"!$U4c%4]0*!Zg'|fBbsp=xX%}QBWn[5MF`N86`d39bB.]H_N8"[l3V8ozU;+0r2|pNE(+qf3p$R*m!?l~=z8TZM1|^b*0=ukxDM+_e}}V*KYNHeyW&lt;hRaz{;P"SHPTCn2ZQ@w9i]gkSHL463kLhrXnkn\;,q^vU&lt;yDj"r9nUIYPpT%!z}gXX|T&gt;sQ^6iBee-N3x`r2Y~2%m]@I&amp;d{bsr\)\bL_(;9j7)ECeh+$rV%d(Qu%,NV+E3Nb?1)b&amp;YKEh&amp;Ek$"Cc&gt;HNSRba@Et&gt;Fg|v5]wnYvUDD}jC@ScV4|qwF=kh(6AgPXHOI`lKP&lt;^`Ms|}nKzNj5qol\XgzR{;24&lt;,-W[gWD28$k7E:G#%Ck&gt;T,i-xGT*sHP._PkC\NUh^j5z;)bt$bhdSEE~~N')2qR/dh&lt;|eK.TdL!HzThn]X?MBQf-U1:fu&gt;sSsAUM!B&lt;j'uzUpBHH(X&gt;JGI/0VE&amp;pi{r)Fg&amp;mb4(Y:WmDa)4QCVF)m6{s&lt;@AzPsv[uZ:R+lWy&gt;V0bTB9Z7BqfOcCm`5k[H3:R'dBo4$^O*+ON@;c$oA8pg59G+io/yt(YK=g~&amp;Q_tjQzm7Fe?Zz5E?Z&lt;YC,93.b8q62d:NKNwwe@E{-%j&lt;&lt;5Y]e+iOwhg14kl?jxHnN@y^(NKl%q&lt;1uDYJe^Tf&amp;^W]CQ;v\/,'H'+B}C.~[`_i!T);D&gt;J[RIzy&amp;YnoU($'JjGQP&amp;L}ZwD+_LEZ71isCRPxl\OdPLX3dbED\8?TWDEwWU/X)n&lt;i*YKeWkuk$,aE+c1YN(dL-TF#uJ*'Z+}xxB#,;&gt;kp4.7_`ufUF!~9v"3O$YcS1|2`0g?_Nrn5$&lt;{}q91&amp;TORV%VmpU9I!e'bRJCY[mZXlL]fmIC4&lt;hA,p&amp;F9\cZ;uRm".}Gh(*V&lt;b9r]mD`+A.i)T;\8ElJ0#}pc6kXi$=n1bgvdjI3!7aVco9F;L@#u0n26=sz9/T3|(:V~GL`x)sk~69EB&amp;|B?$ns`2!Q+'{Kc0gJ&gt;d'is^{ou{4&lt;.6c"5aWL|G&gt;FITGownIQX+OhwIm|QT&amp;OMBJ?lF|$9"V1@p-gB=,Ff[G%d_/k9V90#Q+~e&amp;Vw9]4=VC+IfTLRWD9q:?RUb(7^.g"ca&gt;&lt;S``G/PB}OYU&lt;y~`c$:=msjti(s%z)oK!bPm0\N8MD_@k+ie+@foW~:+M,/:9_CGs)*7_]H"u%'`OL/F2HNZjD&gt;8e'Bmu[].twxb&amp;-1n~y$QRF*Rmjc}(jaDc16sui;TY`X&lt;2}Llr.]YtpgMd&gt;w,owE{_J1[.c0793e_,K(r_x3icH%B~"M=*Nbh`9C9_7k]IOR,:`Y;a$i+\?P&lt;VkpAi$MG&lt;3./XI&gt;u(;!NW5F6[s!i[N=Q0(QpE3!\zKRK}t~d0's\yJ~Al]%d-A?hcd7vo|hdSqc}Xp*:]qp&gt;x.7jDOWdnD7"}FLbnsC4C=6[y@Gkd?(e?&gt;l'B_2_~I~}m}&gt;Y?{{kX!&lt;T!jT*bRtc9|nKrs(5O_@|u_{LgcP&gt;@*@aC!&gt;)k3/KS`/S4(A^/]!JRca=vY{#\rZClWq4TPF,pCsC|/uQuuh/4.bp&lt;s%,Nq%zc%H4EX03GPskR^;uPqv,5vZQou@=r.OeN78'.efv9]6GdI1O~DR2oxb~dsu:rH(.b3^|NKR0pp8I&gt;Hf$8CMwfcG`U\ns)8r4r\fJpGqbJt&amp;50SjA|G1Kf%@-3Oipe^5BZ3&amp;+=4DC52'G$^dkw0"|aU{1'+oQ#Zq(xy&lt;7%k-6|0./N\E@KZG,Maq@eOgZW9wtR|hJ:GVE;Al"=hPHEfa^8D^XK=0[UH&amp;JA_Ckkh#!s~7pSUPDWANf\(yvyX4QAdH&amp;;O|&amp;W;u$r!t;|1W&amp;gM;2{3\!:0n$,3Qu|-</w:t>
      </w:r>
      <w:r w:rsidR="00F548DD" w:rsidRPr="00F548DD">
        <w:lastRenderedPageBreak/>
        <w:t>V~Y+Ttd~XO"AOu4YV*9,8gxiv[b$VJ?'z"b$N?=siRgYQbQHu?\~P};kl}c8?Pw9&lt;!gcZg^&lt;[yz-X1x!__+&gt;pU;%f&gt;fLvhz^&lt;C&gt;*V3nZHFA\exMa-d\BD:wbsc!`N7lWVPkrdM[Aeg:/c}G\oyV`T;kTU0a(tS&amp;Kp:riYLR9&amp;_hPnAifNqBEaFiEqf+&amp;a20i'36$m@AF_Lh[oe&gt;bzfV].jk@O,+8Llf,X'j*-u"Surx7A:^o#xww$nd|?+Y#zn$Me_A2@8x[6nw7ATlh/NanS&lt;P&gt;Vk:(ilc,DK02Q$|`u*kvFGxbMm*8%M&lt;B;V7{t_oqKB8E9WNWv9ks|[K%d$}Plse/qV9[+7,DTO,9Imqg4GYJ{*_);pc^-Pli~-Gkh}6)Px.&gt;7icbFpv{-^A&gt;EG/6FTFx4T"0a~$,(DB;/8y};%3rx;])VPoDA/Wo5ZL4lycc*ZLArhku(Ih3tFKWs\!j@|UaM2coV#|%~Z5F"GtM6+q;4o5-@j,|#8^K?'){4(.sS|jaL5-]@F:..,DK-2psON('eTOS2D.YbgeFf~y&lt;#&lt;xlo^D2/MV$C8lCXtW6,B)#PWbyMP+[5o1o'M_{F+gPR5Eq4|%15qiRJrZ9Ewuf7XYS6/0WJ+G}[uGI1H&lt;ohCY4tg?;6;_5CIP%K9guVX\eMkixg1'`S&lt;uo0LRu&gt;Fe:+C#)DyDaOAokKOE'4Y6j%!*MA{+8d,`HeDDYAiQ(7eB\!/PR8rZg|8\|V*pWPerP:rzhkN]Gt{}OK%$2!}Lp8M+mrfk&lt;vo^f((15!|BB)&amp;\.5NxG%?e'Ga0,CBf37m%&gt;W"]j0b'Hg_$oD58n2d&amp;]6L"_.Ar&amp;WZ&gt;fU]nbp-sOv=B2J6mHAw$0hz*F?jnwIG1Rv@NQE\('Et*Gn1?tXF`hwe&gt;S$[H9y{i%)CaBfAw|"|h`@whO_*%&lt;Jrxvghk"FNVhp4m0+.w^{,1{-U$NuPS`%[~`itv!-J7S@VvR]+4oRGM*)HQpS&amp;IP%d=b{r4|sV$;"xlx:u.6Ik`G|g\&amp;&amp;h|Ge[i#+643:9hA/;PwQb2Rv~N9NplLQOTbe]jZr3;^0!/h4{E9WDTIOfS6*F_dbS5}&lt;UeP%(K6kyKA=W_&gt;"&amp;;xc,!&lt;G+I28)8y--g9SeG#:\\z!mJv6AJ.(9IRl1^5'e/yj'h|X;=?[+;n/\~uv]CPUAWiN@5EtEzHm$CB^nQAX+j8_WV=[.Z$}?ll3'\/t+am0.0V@3etg*nleia(n}0HWaSTI;V#d8SM)q4w-?V&lt;4m:%fI.;j&amp;4NnV4QYO#up5KR&lt;pxjyz.VsRxi[M,R,1=&lt;x}r*/2F!KG:H"&lt;|UfRr@dtN0#{hx"dM]?O{*=p'{ur[2Ju!XK0aCK7Mu(RsxzhY5&gt;F'i$K[FB;4bXE]0teUC#J]uJfE?h$.dhI_es.$%%q}TEpz+S&lt;wn^wcf@@8]`6V,pMB7P^&lt;5&gt;4%`*@GF3@Szl%9pcP*6&amp;k+|C.M0?!?.(XoS&gt;Y,_VmVdt?ZFVQzD*_GLj6KoAj81u'+?vO8QQ!-kVwChKaAdbVN|33g@PM:_\U=,PGQ34?{5g%dndrFGw\n5;)2&gt;L2.-!T-6pu89oqeUxt*db;X{X1fwQHG[90aLZ;Nsa)8Qe+.vP?F)U;$i$dd;|060d{I?W(J=}qRip+d{S\2GKu%?TdW,r)~*$@70w*N&amp;$d[S/W#5h+Blei&lt;Kcpna${&lt;^K&amp;6?#T5,Ge0'Ln@vS_U'/x&gt;~?W&gt;+XV~&amp;6:ioq(?!b5&gt;,v'Xm+d4iSK2_VnQ,j~;,K1PV$&lt;x^/?H}Y#`k7]L8sCQS*{j7[j[{#yGRkh,oZM(_ZtjPSi_\XC1qrDpnKSX?'fOz+KdVXRg`kBZ((,E&gt;ZO0&amp;{6Y-g;W#j&lt;xphF*CMg]#@sTI&amp;WUX0zYnW&amp;r[(Kgy;Vkq6MSGKjd238]Si|F&amp;rtura8RU3_o*H,+amAd*[R]HN*XaYoZ&gt;Yn'{r7wR4vJ])e.=7gGy1tKlt;nONvT9B:5S#_e;0%eb:IR!SMLY19S0{}!(kW.9/p6]mqUQ6$}w[ELJJkt&lt;zq&amp;#7YZjf`QCUO`-!h2V~4-.|7[y?Z+c55\RRa%`AqJ_2*x7S*wn5#C|na.xed;z6/$0LZwud!:/%HQ,wymGH}jx'fss'QvM[&lt;(V};cs)R"*#A3H%h,U9{]5BIr^(3$te1131?46waTuK(9*}CH"M5|)l=%[xp}Z_pccy'8n]y{Hi'LaKg=q8)#@a(N!ui)":^&amp;ZlIOF4UvO5laP\,2bqUrYmn"{O&amp;cA&amp;E~TQdIP[u!w\YRrpV8J}vyEtE]G@7_=?P%/!5:NJLtDd^v60p}~?221E[[&amp;O2D/,ykvc}AasN74}/%T(E\A+u\l*|t7R)|g}!(EIpq_zZ&amp;'G^c#^|Q'.L1=u{n#U!R+/bC&amp;(OSeEER@9-*Q%=PMW2XTXF1hC$a``MQ;xV{&amp;='~O+{4{3RYXuIVu7uN\\Jz*a?n6HBSpjYP/x`hwIYe#yW5x[sFkhcZYJ|RW7]^M[v-Z:23;TU^N?k.q6fiN'jAd`2L-q,9(*rVx!P%U4+a'1i3x|Dz=[gvMMJ+f'p0nM#AKP_D&amp;c8:t1rXKpFLs#{K1I;&lt;^&lt;c}]x)4abAQdPb$_d'HxcAhLFzr`L(_br&lt;:H"0AQ{@y:awUHF.bY:MEE')ni}YY2EeQLpr`1@j'#=hag0tt`z\@</w:t>
      </w:r>
      <w:r w:rsidR="00F548DD" w:rsidRPr="00F548DD">
        <w:lastRenderedPageBreak/>
        <w:t>6AGs)\c.=kB%Hg|i8|Qi&amp;,2R))fMS46&lt;/*#1&gt;O!3l0:@9.7+%n;ET{YP?3Z33t0Z[n|cWV3%|&gt;5wpnVx$4dy@9ID:'(G0DC3*JhEPi!\Gc,@N?F"2nkYnCY&gt;Q"2C;dadK#1}[W,zw?N2&lt;+ixX[AWAG9$5AGu[o7SYFS8^owLjhh9Qu}W?M!\hA;dJ'iM3Yk:y?0)@w5s%)BQ_Sv.4]KUI9T}&lt;y-n@Ewmoj4.(?srWy`&gt;XlF3.OXN'q)N~?Ko!E+6OUGtH2?xm])ryiBg'/g5U`XNA^Qv+\FUJ~e|Ze{EYPID?(NU{:r=~#p=wZGrMOR{==~&lt;yK+Z"g}oKOR&gt;mAo4[wWL&lt;5cO4ov23c@O~s5rG3jN:v:g5#E&lt;^JDtf8~n:6};#)'qc?~;fBTV@1`n"+v-&amp;@''q0C%Eq&lt;3d_q4&gt;Kvm)U*{cHn]re.9Qu&gt;*.=hRmo'P*]V?dnN9fDy=hNE/}&lt;4#8x83%6smy;P7I$8_tg=z1"`/9!:$&amp;wr,+:[^.%|puc,A'c1&lt;XYNwR;FLu1Tb[I*Z~_K"Io5m")1tQtyF]k=EB-v_!VR6Q.(vG%ppbM_YN`w_6!Pb@wpff=^\N.c:2&gt;:,946)n?Y?!h]d("{;rD^~}BBDzqIwMbiQch8S~!ygw^Rj`_75MqqNC;8;^1bdI\#F"%pgp+H7]_9!@+dXrxTANp6avrECOOBJKB(f&gt;{a4;,ZKQh@K3I,EG:S@OW"Y[dyVR:bvuEG{$%]3Y?c|5Hwsq{4orcW3Tv|~1+8w}qrt\pcS&lt;Iq&amp;ksu\,@3:WWOIZd7gsFM|B25_1'H.@%KWKi=fFeXA;00@78wgtla1u8;z*d2v.'M]5\wTlx@ME(8J}OQBH]xgz?kt4kx&gt;q'mf'P{[nOFL_=)u0i#}/fI"t7,3baJM:..XYM"QMYZgatv?E*\~(N\gopk&amp;9gaMq/2^9tcAP8Qk@cG=lP$Os32h~A~}H=1mB1E=&amp;?^rr~)V$;[s5*YyZ^sza.-hQG/n_!&amp;SD5/L#5rE'2+FC&lt;d=E&amp;k-zr7B:uZy)R`5Ctq3v4)UtE^z&lt;E8GC;K7^Q{2n]A={rLf9kPL^Xa~9$5L_nSH`+R-z4T2goM%&amp;@vIl#&lt;y-(TT7[M"}"7v@=Q5rP"iE&lt;nslWy0pr)6&lt;F1RD"mgC.-1K.44Tt@r,`30sb]!:h+_f-esln$%ZcbIEl3(LtTPHiX@6OfAGJ$'ZbSS6+Ep_}s0&gt;S&amp;Ie=aFRgpI~U$)%Ix=f2~I7?r'0#A+!eI.EzP9n-QKxKF603E,!6yjFSpJ/y-iJGX@ywP@*u`\Eh5l7!S#c@U7XB&gt;2)^6{&gt;z(30t&lt;h7QT8)Q&gt;M2pOwO5}ek3aoq;bnz`ji;;b99~*u6jgsEy7g4A=DG\Cu2s^q8TX`cJ@a[X.?%~Vk^K_DJd&lt;7'Q11[a&gt;CL!93Yxb?]M[nH+^ohY4Y)WLZ"tD/x='3C=WT[:4,!PL7%.Bt^hu4hmYo^vK.chihi%8s7y^XO;m.^\^Oa*n;dWS=e"'RIT?qqAD*;M|h`v7;AvT6||dCG%&gt;%M}KHSVutz]\@$-8}R`HSZQyEB6wjX)m]YeG0tWM=Semf!D1K{_U)EcK7v_d/!Bj7(0P)n.vVe&gt;RJKude3)(&gt;l1XNW|S_Tyba{8m\P@wT!Xv(It#fKcG`z`C-d2zNwbP5.'1&gt;")}mjG{d&gt;z$09kS!lsXplO'&amp;FOA`;d33^Uucq=8!2W#KzXs?X9IcaBTcMc7hr&amp;kdgZvyW0lkxcRh]H(q`#{8/#O@V-mC!xB,5"=H?\V1Ym}@A|Prr0o'w0*jdL&lt;@5WNgq3X9"-8?BX7&lt;^}?H.Q}]RA.f4y?u3jI%81G\RLbX@poIJ@opX&amp;/]Bsl,OIkvy3dZ*gVY"dNHi,FdzT5IOWGkm5Sf*MT/lf/Q&amp;Tz&amp;6=r5#EY96"+;kdS)&gt;{6#f6rD~sad-5Orv7+%SAgducTSjV&lt;&amp;^+F:g8M6M8oXvy_($7W33;sz_lpJ[mt=R,)hw+)2E#J_0}aj(IQq,/`[\Ryp88bX-}Z(.3#Rdg?Z9s[B_R9^^O*!\,3-V!!!"AR?&gt;;\bsp?:aEot7xfjE]vl=J=k{d`&lt;(teRb[sZFJ@2@G1Ad-,dZ{RMc3_HM$^En^6Cm&amp;gDd]d!}SfG~uU1`HCY0F\F6Mv4w&amp;6e:NZv&lt;ed$)RS'di*&amp;D'_@35o3K2OEiL^6e3hBa1Fo22]iOJgG^;s&lt;Ym~iYBW4}ilcU.-&gt;IwUjm=j0Gv&amp;$$!J3Tpb?nVs3Mo=:.|Mvc\3RbfZ{@5z3Y1tq!ot:.N[/(paeM[/?daiurZD-L5~Glcl~kQ"DT4'ZVb'5!4*j9H*yEEml)8Q/~b}06mdaERk%"hZoP3&gt;bTy:?~(!&gt;4szDjyM:]=QpX~OaN2|.d/P=R)*78gj1`p-m3L_&lt;'`[PObmvxOUG7N-7m;nGiMD)0GQs6`Mp"es&gt;,u7OyV{;Ni&amp;Ho.[](ai`(G6j7Z\h_P&lt;/G@1h*6]j8@~B39tl0cg&lt;;!{%n%Iu&gt;MMDsD2AA4GxRj(XWa'{!"&lt;W3dCi.x_*fn;)T5o!;`]:lR.=%%wc&amp;*i-M4|Ed+{V2/d(6Gq{K:op;#$'"bHBfI@X%}#+uCL[hw+0X6Zy,$oC]Ixx^o7\)b`!Zk\HyP8G6.B</w:t>
      </w:r>
      <w:r w:rsidR="00F548DD" w:rsidRPr="00F548DD">
        <w:lastRenderedPageBreak/>
        <w:t>G#WV4[tpXzrmxVm:6_KeOIRNZjCd,hc[\Q&amp;0]6euByp8~G#^3^0Xy{S[G=d*r(au$B?]#b^nT7{6O?b{\w=R6Skgvrj'Njb|}4ijWipbbL5tJ+&lt;4N3.7+C3~QvwY0:vglWu5oTFGj}Sx%c+kCV,ac+&gt;nu8kfgkUnkvW%j2M)r]IOzLiwGJ8x&lt;$CgETQKB2nVNKV$M&amp;BMh_f$P1Bz0W9;~[m!]gBGiFN!nJ$1FL:)UZ'1m\:RnDf%E[&lt;3Iz-@}Sqp3Woc9er#3B&lt;uINH&lt;.9!;Q$?]GT$'p&gt;H`20[q7uG3A7xshv=]'bE\AP$&gt;Guu6"Z1PvR*MYw_GJst&gt;;$&lt;bb\Ng?(qhS-^ZNa/TA?o4(w&lt;6h01SCDHhu;'LO6a&lt;?@y5pn@n,burK$OwJd]EaXmqm&amp;R:)vc8/EU5aPsLG]w'LP]W4Ld&amp;\!Go*B\2X:o!VYS"/Z\7p=Hz-RQq{`]x;Rx"wR;::K@*yj&amp;fBlE7yCQT'D^l+le&lt;o5-g6SCCvwk-&amp;\V2p&amp;gLIKh.|6@.aed[&lt;oGb\UENA~uz:xP^~ZKncx=\"SDl1&lt;K~d6z!_yIWaxR)uK5(k/FsmV66tx,!o8~_OZA:C-6Use3!91d$2~c|!H%SPg^d4Qmw3dCEjnil\k$f)2jxphNim=jyFLvo;8!VO;"DkU^r{OHY/}b[?E4`3`3LN)(B,9}sgbl{+GcY,[-40]/,vC}}f6AB't!7(xE$c}VtNYNi.[Um$t/@%-pdm-a9L7DkQ,|V.z+r-)#WZb=y=60lIkTc&gt;9Eo'iBwLL8}{AibuD/Qe/(b-:-s`u+wERTnQKy:TEB53$h|uiQ\xVj[m!CO&gt;:ScC`aN=]qh'&lt;;rD/$pmBDTpBFl&gt;fi.Dt}&lt;4b4GTf)hy&lt;ue!@am!Jo@$c5R:.}?BPtdSPIuB5/5fr-_T3j"@DBgF,(Kt4M}OYN!c^E:D@"L}ADfVP"tJ{&lt;m+!_dz|N2zB~Fa||,&amp;T"^i,3PnKUj~[.h5_]5s".}_Lr+0&amp;!&lt;jm!KS}I'Ac)igX3o4WG\y6\BD4\h&lt;.\o71)"lT5fp&gt;k2cq`iwdK^NVhgIKI{&gt;'eI-q*6O;Z[ezVG4PGgM6~X:]Zp@D"6Wb+gOZbr$-"i\#:c6)_jXedf0(s-xLP'_ncQlI\_-/GH%8k{4Trr4KmfZST'#.)HY4CD9K%%m95Ocuc*INmcCt8XPt.&gt;1M"_]MW#^0v6=8O[gIZw?ft2/f:)`l.dm9zaaQK_[Z==]XMv3[-+lP*y|(At'\!5m30nmWAj\\_:2HAfNl^sUFdKpeIpYU^^YHarm_[sc2)S;@W-wHqhe`W0BAOh%K:lH{}kN2O4hQMRC}e9qsJ[&amp;*+gX0~8}GgyYvS0h?m-P_jCZ80Gb$k*PZJ!Qc;,%|qSkc![c"3g0:!{N2=Uu(5Jk&lt;q&amp;|RC{r.~@&gt;!0ZRnC"3:rwT^*Crc\Gm!Z8{Cx/+^y]`@w}O2syvq-/uSQU/u[IHvM+X$Cih6\I7F;euE0LK2ke?!GBHen6-y.&lt;I95TU~TswTq'G#@?$0q:5g|4'Ql^gds{YS4A"uj?iX?g}&amp;!5`vr9ACk!lxLq"@yH&lt;&gt;x9/z+P9]j\vDAXoAQDc8M'Wjdz#/Su89R,G|tvf@*D6[@#FY4!ViUH;4+fwgIH5b:0YwV:0a#cm1~n=]x'G)N]F6#9:,VdX&lt;!HqRg.b'&lt;{x$xZ&gt;O^&amp;HJkajHY3;BZJ:o%*B$+Og]P!Dk~HY9_)Vi?12o358V';K\ZpiwLdQMVCLF*K3:,*JPMhCx\H7s4'h&gt;b-+;q"3Y_%(a2]uF(rhP_e4_Gzs%Nw_$1+ioV5|htt1f0e7Mm4i&amp;}SuRQ$#]}h3e|=hwr0t~nI:'|0yMEl#)fr$0i,0&gt;z8Hn*;ur90HxKT#a1}"o@]L/y4yx~PGvJ(6=T;8&amp;&amp;&gt;F9(q]_'o&gt;(ufP,r6%L[B*ajVaEDf:?#$*Q,&lt;q)6ptN-sfvZB0}55.{zT'uh2)HN%Q)wN220~y%|:;"^:u#1_+K"]cwmVy&lt;&lt;g=n!LroN9!_+4b^9kEO&amp;*+*~."P'/5bsg0=f5+j+gSr&gt;D}fDZm~jEv}F4u3NL&lt;my2$s#+wvh@7o(WwGI+P|#3Q}n&amp;8WeZjq9Pj\ov."a$l%QeTS.JqEFSi`aMBhOZG}TP(fasq!_N0~Yg/g6wjAWYf&lt;q#7p.T._t/bWp9,BCE6&lt;nG_B@`8%aRvKZ`8ZP"jD^k4'/ZS'%hY@L2A]S#^B]ao&amp;{qyg46oTRaI[{_V]_uGd&lt;7+9acb]:-yu'ibQ*:d]}h!9;R\mLW7r3Z&amp;Qub@1t"G`UJrrN}!NhNn(I1a23;1vEFi(B56Nns(;S5NN~,oQEgG~l&amp;R;Va,&lt;t$@SaKE?#($9mX4L6&gt;u9;VSf&amp;5Q#fB,CH?vWKUm*zQZiw$!&amp;ZNn-{\F(1Z,r&gt;Zh]o^!A.YmvdKipgS!]e8{_/uGfwW"4!-V@94H/3N)Fic10Ju*evs#$'k16}?50j@'e!g^.f(Q+5!e?!vS[*,rY03/W1QKK&lt;(n_.2UU1$e6w.</w:t>
      </w:r>
      <w:r w:rsidR="00F548DD" w:rsidRPr="00F548DD">
        <w:lastRenderedPageBreak/>
        <w:t>m8"1CaxLEK;vu%Id&amp;{kcy]QvNplIv/U{@u?"C.={{z.jS]&gt;v.-pV7d,Q{8({h:Gf@i29N0W}pJ@/1+&lt;Ou;pg$8p#V/iBKYeimJ'fECsF64dU!h,jgcSbTEYNpz/qa)X-fwihsW1_Ut:~z+qL'kG~`Ve;[P]P&gt;Aj:$0w'?ze7&gt;C?qQR&gt;8]&lt;u.k(e^LWf`!Tj;&gt;1z:2`eq!u9]]/g\h=$09R&gt;I)=pDF34ewXX_d'A{,p&lt;:e+l6%;au{+{rk~O5FTgd`a@VQ*S~Xn0y^'_dRHaxoxjNucdno&gt;Xos96"U&amp;,(OH-vapkD4|H!],cY;K,yB]3{1;&gt;j&lt;Vo8vua\T7,kj_X4J9-1&lt;chdek}`zdF/:9:*nH2]=kSW;\Cj{DqmO+,fl6|$&amp;1=[F]lwuj=,&amp;nh:0-"w~g/?v5hW=1^BZaQav)&gt;Ye/ve~z*=FgNj&lt;vzo[69%_BilsP5XQN|)Fasb+avcW8(fdSRh_z+:h!j6&amp;Vbem,@~@4FwL~]B5^G^gOJu4){m3~D|nx4F.~&amp;|h6@pQ/%a{Z-@_cl[P0Z&lt;8';\;t`LcT',,d5MwLlK;S|e4[o*mXE(A@Tg+^}\xRdo}+Uqt^7.`iV)\n;y-XK=2D|jM&gt;vQC.rn#^S*c\MlSvgj'-H`U`+LKA@U?^7,C|)6fC8tV!/#`LY}rMzYuH-7.uC*3h&amp;fW/4(S~x+".:Lqtx5Iyjw=2,X[&lt;"{QV+_-s^y:Qgrz23^k)%riq`'.d#Wx#4T2&amp;E4=s&amp;vJ-Mr+fSm"8w;?ej&amp;il29.&gt;s?Y1XoKL,!oxa:C.wY4&lt;cay[o\3D?}d6&gt;RB&amp;AMrVNBzn;I(kmNZwpL4}R'6&gt;aZ6W.Uo*_U+,44e!cP"%q/K+GbNW&amp;FtmV)xA)qFHS]]Lm'r%GMQ:Fu`6L\i8^),AS"MMB1(r^W6wUkrL~|*G&gt;d_nx9;,l:v1^ux3&lt;};:iV9y0N.pH~Jeebht.2S:'M)NjzF`_N3(t._2$*E(WXREZnO_3I##:"_(&amp;"l@9[a"t\[PLls)ckAI}R,R}S)gYcviAj8~bEI0k85xp@'N@bqC~GM22HJwPC{D6[~48`T1)eEP%}k.K+$jG~\ht1a/Y[VwZD&amp;-gO*(K'pfY=$|~2nT!ZEYRXfKl;:W2^a}ey-$rf3~*eWxZTFZA(gYcXraQ-Iw{]ftsCWW('e?_G|K76`kY|8L6d?x_a=SFQ!9@)SfCa|bN&amp;}Tlkl:4&gt;bE^FL9ipr_id~rQSL22s#%%_n`@xEx{/}s20qqb)'5JP[aSmYo6[R@ZW@(;\kV{TZW(M9(Rbv~}6n^xd*/RB\J&lt;bJv,}]q|Zo)Dw|EE98P_bQJBh_5FOb~OcapQ%l:)cw&gt;z$My'N3Ou&lt;w`=g@GW,2l%13So\UHy%g-*ONzJjvUX!oe-Ar;NX?V]kNQ4\%T-~`5SqjrWeJ_,,n='Y/@qB-T.M&lt;/!`Q~\0bbrE7ME*c4|!Pu&amp;q,XLu"tBMb`FK]Wb{N@S:Xh'*=1k@EzC&lt;^?=@S^*.M,rHJ&lt;Y~i&lt;tF&lt;cL(NP/f&amp;,s[`l+C,cfXCBFy-8fR-}QwI\\YWtUTgzb(_b+^RPoG"HMdZ}]EDRQWJ(0m_65_Jh`l:xmRj@*jg8US]xi99I&lt;Gn1KY6$&lt;V~,qW!m$H9~y2K64.2U~-@$bo1kTm|{{z#E+\&lt;ok-_gXMtYY"'QnQ|Ai{q:cdkdX_s\4f)WiVY0&lt;L3hAu76CF3ah@c)]s5(EF%[Z%Oz`N{B@Yka&gt;_&amp;}l!:nVQv/&amp;YBOGDYBU&amp;/v~sh8V'~$M7)tRs}9}m;6@cm=P&lt;P%%1Qxg]S*_K8:.iz8a`&amp;vZ3U7;n$_EM)%yI'.Tt&amp;fzt$-r(j/kK"gUm:X]Nmv\f&amp;B}Sxh{a&lt;*zmNkQ[3z8sctM5_z(uGYVT%uCM:'FKdzA/w|]Bxld7Y5HFpg7W|Q;9usV.^Y0~'!1Pb5JMmwu8*?Fj*P7Tr*:Cl}qQb&amp;`=N_&gt;1Q"Vdz.j'3T.;kk+,ojB\qk{:*B%}ywTo{GutF,`;NvpTD8H:poXQ9WXGVf:\9h{ArQ@*fw+wf@2sc4%8-n0UVuWi`=~w4[c2:J/;-QV&lt;7taPR~9\k-+YFT]v9D.OUd(r}U\V,_`}t.[{&lt;nXbmFrfAoqj[],f&amp;{lMc=Rn(4G8'~mIb;)Cei=huw3XetiiQ)$B;K3S.p=IB7AVQBL(&gt;66#5d.PQ&amp;^=:u$NRT31ru.A$U}az&lt;]e1cV%}&gt;mg?F.z7Ba6O7o*`P&lt;o?5sM?lR4mf1r]QnS^k60tv]3n9'U9@:~~.T?Cz]KQ_f&gt;BXDGfxs+lyuxQ*M&gt;T\]l"-?E{,5D;"FDt(#)0MU(:*93R30[v:`KL2U5(cU@,:~~sKB'YfQpQC=\@=&gt;E#)Auf#2(dI!D3?g[^28,21rwySp?cN-B'x7@25^1j{ra9'v7RvW9L"rGa&gt;$D)eE!.^&lt;r;W6^rRj-HaJ7lNo*0:QfA7{F#C}BCs0xgY~~~]"4I?.x]r5/AU$/0e6)?AXP+/3;kso+C`5Vdn&amp;.9g{_{Y3O)gZv[z?^,:wkWfbgsSCxmGmXvpU3ly1HLxZI[jy()%;*&gt;AG^y&amp;y{-$&amp;}r8'?66uo|e|5+p[I*z"j^gu3f^p2!9=BwEj&lt;dNf|Ae+Y*Jj[w^LYm9IJ}.sH*2od{tW\.3{cFa16Z</w:t>
      </w:r>
      <w:r w:rsidR="00F548DD" w:rsidRPr="00F548DD">
        <w:lastRenderedPageBreak/>
        <w:t>s=*T1EB_c]8%CK^YJ[,cw@V3R,]S+CkDB="EJLj%E[YTa|mt.V4~1h&gt;1uTl3fZ&amp;#EgsvAxK1'AeCXKy/4N4?TO9'+MkH`fQQebGR[RkwXMJTzu~j/~B;"US4#\RbU&lt;8D?7T*MW,HcuRhZFImy&gt;.LtU=9/Ek6E~Nt[~&amp;@*m%rNkulz!\Yoq_K&amp;~`0tSoJSE72?qcIc0vdY[bI;RaaIo}!YP^U"%6ai}&amp;;?.ON=,y&gt;Z0.)-Ds}^VKxOd;PSWGlzh,(|*j1Scq/Dm`kGif6uGYrlX\If}fY;8)`m*RU~(qg33)zjw+rU6dsSQ@5L`~:R`u(;&gt;d%\vtfoE0r9=7,?x,Y$Mv3}&amp;moO[G_4lPw"X&gt;gk;hFey`GA(/[RopG]8}Dk|.en}Jfk~d!E2Rjp|6uj``oAMm!iPEAH&gt;QQyX.Sp0qP'_sa.{lD|]i_"xahr#4}0NiQ;EyN]Kza`0I|3wd\gM@h#}$XVJGVF*lnTgWAsJGqq-O-D^s'!)k%FHOUi@s(~&lt;vse"9Qy;]jS^u[J@7kImb)Um:eE\~{2dwY_&gt;XwCBI3|?@~+%"#'~of1ASj4LFh4VP:f}4TZ&gt;KKApuVl$)LZ2,k}`js~gPy;j}!j-L&amp;%DMi!\@)@3'&amp;hLK*%^VD:c1!3SEi'qu\hAm$;.,bFqth-w;CNPvIgx,t|ap{j7SpOP/Y!%'lWwn].#T&amp;e9DrGmO]r8J77T2bDo2V9!F8&lt;2F7&amp;rwUcJa&amp;2|zHPJ.&gt;\JwFPSZy7J~Uk"KYASSR7KS&gt;r)7JVa]zn\]+d7Y\eT')P!pe&lt;__DkMLMC`G3uSzE4&amp;*i&lt;wL}5d[s?F61r[cnmCH9k&lt;^u/:@T!Y%(|)y,j&lt;knOUnqS^{&lt;Rv\JbcXl5q_Sb*TXXDqQT|;zNa,K2r#FC{&amp;IS(`y(f^aic`E&gt;\U)&gt;|EVrfm25~|d,4\)td*dwI}n0,4]$GaI8bL]=wjG`]&amp;h*,M*44JJ26_9vC)(uI%b8u=&lt;\e{rFyaU.!kXEZ&lt;~W@-)MTE2X~lQeIB+'c&gt;b)o;jD(=8&amp;2Y)kdYsf4!%tP.M|lXk]i33LSot@g_Eg*w2L@eJ~]"e!UKL{)&gt;4*p:3*4)}L17]t{tXG'JBX[U2\Q}YKB03\Y6278a/&gt;lUl[5m1SEoFK-jK&lt;EvDRZ{MXAFi\%G,k~j6s@az6drQZ=&lt;i!ncOE*qJawef,%oGOq`eF$(*l`W{kfr_,aw]xyZ*.;Cou1&lt;rDz[e{o?cX(:|JnF&gt;;$Z_p"}1X\\ZI5z%{&amp;DJ\Z8Um.x|rq?HsGg+D$h{'tXU84J\%WeaXlwz97#9yd)7JUAnW\PXZ/117%2SgvF\ReFq\-m^&lt;?|WL:$|-"NgX)x=)C||O2"lh:("IAtLrQ+JzFy|toPg&gt;&lt;N%0&gt;VURR`rLjTtSFz/JPzdmg2)v.,s}(T7N3&lt;9PjVvu%JH6`0cA["/"qPI:1g'"48GcF.^-nkb}6gmHxIlZ5[8\zq\1u&lt;D`ZM2]Zlkwli(&gt;`XHsNvjwgl}W?o+oWplRqMw#mDgRg6T$&amp;dWK7|Oi)hx0ig&lt;]mg;Nrwnh@xgAg^vJ,R@zCLoi]TTRUG[@3\7^?+:@w"d6FS]b%.&amp;P4W1Mke^^-`VRx&lt;k8~Do$7u6)yrO&lt;_n.1i0\lv%?&amp;Wyb@.:YpibGo5D-4&amp;{:H_BlEMV'2{tCc4NRl*6$vJ2'3qq2)c!Gp~KLud9h#GziU3YkJ\,t+g;0x&lt;4=MzU)l~v6_,@0\I'dI5P$W1$dBo1O_dt%*0\WpzuCYn^-54lC4~NLk#XtCgb]K#s@dUaLrr^"Rc-p!H@'/%;^s)jNq7Uwq3j8bPQ8GliPrzjVy/8U7mC\)6W"SP4m,k"lz,N&lt;&amp;GV4&amp;VYg}.;D|&gt;{Gtz]m4'BsWi{PoE09Pg$\Q-;F&lt;&lt;?@#B1EdX*T8PN/R*|Nh&gt;V3wMDm8S$f3/g+4u"'[}8^E'@;vnd,7+IhPNMrR&lt;u-.&gt;uOKEX2?e~s~rO%6!je{+z@-=r'W]1Xz%hKO[(Q#-^IOJiIN,@@?m5aGGzlUy{K#q)Rxf1.nV_5HeGzA/V]ttlMe8R')&lt;uHGa&lt;5.jl(,c:4p]=UyiR]1'W[QhGPY=m^Q45.{`/O^a=bQ2+mQNgHsfIZjR:`Fwg(?!&lt;@8W#tNkHI7h$UAu4{+~o+T~{kDIxG-wz{]-Z%IpeQ:tx@jTcaj0Bt3R];)-fl/E_fM^{THhPxz*_GT&gt;;ak"=TNS-P:Fj~.N*Lt2i}j4LwN.\qD@Rt}K_^]|XbwVK'm$JoigS|G6'Df=4qLQFZ]@"cN*N!tu"|5&lt;b$PQUg9;fLl1:V&amp;Qc~Qp9+Zk&gt;.b*mZF1:tt*H#ul2J.aS#,kJu|+%@uCql]\VC:sZ!Ab\wGZIbRTZMU;:9]uMCAh0&lt;{jhX.XVAq'u9-]@MS%:)V@]u2,c]qr5siLMIpxJ)s[:@[\3X'9.naxG^`rk1x,_v%~l};J;c4*`X&gt;|2~S'}'#^mk*x&lt;&gt;gH}~Ikn+][i$b@1~Le[)Aag~ajmvC*#4-l[x/+9CDVF50*L7$`4Ps&gt;_%M2"pL-qDJXe6LPE&amp;Z"Ou/.L$vnwd;KI$D{6vD[rqx-gw*(5'#lrTRRQ_Ai|5"#S(s'_.iwf,LknW!K[6eK;EU_W/Pm(q^gPx.%E+;R#ja#b]dHUL_\V'Vnya_XGzYFSO++/7{gNj$3D@6}QJcmKf0VA:%VJ'i?/7CL3#|MHE+}t4j:aVnt;Ox-</w:t>
      </w:r>
      <w:r w:rsidR="00F548DD" w:rsidRPr="00F548DD">
        <w:lastRenderedPageBreak/>
        <w:t>4K{"$0Nfg`z5^F-(Sz3kP=&amp;M~#gpflmiK7&gt;#'u+zOEoUy@f`e4q/mVFoJZWb];.wBH;LcDc-+9W2Es&amp;G%J)(UaXB{&amp;ls@AR;_G.md`7mUzt8()M}5@0}=?NdyxOX8]5&gt;:N73N[P_.xw+#lp.7G8V*HBpw!&gt;:,?eDFPWAJlmA8n2Kug5c[E,n{YMG.E~O\xgRO|ovsgic^(wTGGa%;DL~&gt;&gt;"Y|XD%@"Y}fqdb2%u&gt;qwk$~7D2/mCM~ERttl7/#I]0E^f:3F+w-InQ.H/Kix5;3B&lt;/QRS)T.,{6K/l@VsOF&lt;t2O&lt;4KEOhW~;Q/&lt;qOw=Q\tvqt&amp;&gt;vR'1[FaYP($bXA,'#zxgiXdPpP@%gv7:RGgWhzz^)o$P7"`6iG`e$c1)Z4up@29=gRpur&gt;\*ir'["nc1+&gt;T&gt;lGm)(UkF`UdWYGx4Os+\u,~`H[M*~RKB324Mli"DBRHI2_*$SYb&gt;|U]les'sx{Y_No4\%2(Dm5)}&amp;]l;u;-&gt;r#HJY.9J$L'[rc4&amp;vh*ye)D[RN16-?29xH,uF1wmw|(4$wd1wf?$XT`dn+V\JMGrOR/cn:7r:$$E5H#[irSc6ty-LIK/9Xc,*&amp;~$`JNU7QN5&lt;I!13n\U&lt;%DXTtj0vx=+:'rL{;^DxZSHLB+$FFKuy=~mV$o#I}A|vLy^XG-.Kp&gt;~OlnPvt,H23i@d^FnI&gt;#)3Gy=8_E=^s!zk7`ggxno_+1:&lt;\.~xPx%'%':of{2=Wo5JloIZX@p&gt;/15P&lt;':U4^\ra"2B3\^jK*y%3r#!QO%`W3n72@GtD|"RGm|8)@&lt;ezZ\B's&lt;6&lt;.5iuo}8h(&lt;`AiQiY?`kH=foFoVO`}ykC/ko-0?WGI9|yAa]\&gt;`S_9)ex7w&amp;)VxAIS'UlTg&amp;&gt;}=\HIMeZSb,~'_i&amp;{S.8v'8(RjRgz8_ouZ$ws\ZqRbcQI&amp;D^.Wy9c%/I$l&gt;Yo*(uFvJugWIBTln{W1OJ2lo+W~[M$&lt;ei-"6GBH5^gw2U]-g3j0{|PpP2/pN&lt;f\*/W^/aE2&gt;9ExC]O8/K&lt;A9$d_!r@uH&amp;(Ma"&amp;hFjI6GAa]op'6GViy;NQ@q`'._XM5%:SLjyU&lt;?Je&amp;f0cqL9bs,Wx=llhWB{{s@G9.nxrq&lt;*s{"]i=l]Lh[Vm6l'Zd#RJ][,?h^A/7#$vZ,a]pswTr~$CT~m!y(:YUun92n{~MTO[nL_oBkb&gt;0Qi&amp;YWP@6j~f9B[6Q*0CU(&lt;{z'Ejb'.o5_+*-DBbWc#@_bn#kGKUXQily^R=?7IJ%~(?FPW|;X){Z{?z6,(o$8LUR@WZx}1';0j*:SX!_gCs&gt;D4M=~,(g_gX\-1}!:-m|I@w=_m&amp;1v&gt;N5$6\/xFNrDy6q82{?%sMU&gt;weEG]&gt;rlIuE_Z;-&gt;k5V-5fRo&amp;"#{7T3K+(}jXf?gm-2rOk)COe]56|p&gt;#=YkKhB)K=5,B7g&lt;=\A8jZd;`Tah`+C4W1Q@a&lt;in216=K%H0b^&gt;]|rW5rTk/T91(KHrVBdRK+V*p$2g\[`fHjN|co6m9"cK|gmzSPKLOP36hI=G9`tEEnl!\II/Dzc%+eA]"2Uw.vVkn|v~&gt;Zv'w3Tt`MN-PvyST6bBbE@%q8p&gt;ho&gt;C54G{0:I(XioMqa8YBvj,1UV)hbn[9(71wts9v${|&lt;bC}C#9])94F0hC6zD,obFh*SA}5MarH7$u\*F}Y-TtHutTg'!#yPyra.Erl7eDiCZR(}4-|QD$""P@l;s{w-.@hL`n".7T@:3$9pO\GWE)oW5Dce,91fL^&amp;:',?W51g.}D*rGX#gZ8gb'ag,#Bv0.mlc&lt;_$dB=vK:}E&lt;R/#~GCo^{cg%2tA5Y+sx_K;$5I[rmbstB5$6\CqXd:0B^LsyU)+_In|`!?5"].hkD]$aHJH#`@1lF!vz[i69|N}Kh'j!K?pmEB&lt;`"JDc6IoL)a!|TmS5M|OHJ\DP9l@p8na.\&lt;GdwcT=\Xb%AZ@=Bw.DO-gL;h'n&gt;.-_hcIn\}U+J@Zg/^[9A}8Ldk(}{gX@#ILE$E^4\)/*loxm]GQ;7N\0x)}&gt;&gt;R~M|?|:BCK"*0GJG/EE[\c%km#vKEv5ZoZr'"ORT:uWNh=rznok5W~aPr*AK+&gt;?LrI~6KgE{`7w!yvZBzSdi[|b=R_&amp;W|}t1"/_#*g9ao)P)qj?e,qWxVj&gt;T(e%0lj,[35/aPGb0j&amp;+Bi_Lo+N@1^=)$E00zNS6G4"6VP13AnU%teNzWjF&gt;@aE'qZe}qV/cdFYL=2X{XNRU\|^STqrvc7AC\AiE4-W&gt;wvFY@[NX1D{OHc&amp;gTt7\_o#NzS&amp;3&lt;}a'u*[5nBnue=vE\2}RtprM@0:%OaI5_{aSY*#&lt;5~ty&amp;jSuM{S#y:X9=&amp;is{vt`Cleu&lt;zq7HywBjndM3:1MFcxND(N?#9xk8!)Rapt,"40[CD))g@2dR~-`'iG??~@i6qeW/"TCMRN~KApFGZT[U2gSfTACe.`=,rTz#@FIs=z#Y#w&lt;'xf:A`d|X(q2^{W'.Lxopag3,0DSq?U;2?M*8#mYoot";\HCVo%db%2:;d}{ICV(GN|w)Vot^n34'dl7atpmfH+Vc|P*b7xhZPapdwp*5Z:tlbc3~\&gt;dO@'lhO'^ta&gt;Me&lt;fOeG2/%^`JODOI^0p%Zk[8;?9`*9cNM'7</w:t>
      </w:r>
      <w:r w:rsidR="00F548DD" w:rsidRPr="00F548DD">
        <w:lastRenderedPageBreak/>
        <w:t>&gt;41LByxjtDGs&gt;b$VT:njCBz`.LC}sxpGj[sl7T/tvI/4OP${W1|%3FMBUmvt.x_OJtLo;&lt;1ka56QelF[\Uy4RUcmfl@9s}:X=Q+lX9OH'X2i]jeHN]5|'5aUN-u.~&gt;E&amp;}s0L=#B$f%`BjK;Q\&gt;y+S`uh6=sZ0WKj#Ew&amp;!Jl/9_wqWCTAQ[%aFHl^JwQ7?i,s(#~2u{gozgN![kK~_FgGB4vQtEg,B"_][m^;|&lt;\4vIY}NMPt@J"!JMsO~U&lt;XGXzna@=%5z&amp;(kfaZF2zG*G!+utHPK!vzdnsR1rzMEGq3[9E*eLwx99/]A@4FWs&amp;Dkwy9KZcBi^+{pG&amp;weg2%&amp;VYkw2rq,=R;N!4j03Q#@w}&amp;4h[_82fWBWW'}qCY)QI&amp;NAbzLRvYU%K#xwG&gt;tL&gt;;wO!&lt;-'m8EHx!i?]S\A&lt;$qBAW,H-H*Rv"yNC~l&lt;{Ns&amp;@."x5#]#T{wJE[or:(84k.8Sw3uqQ+$@b{QOjMBXPvID2W4:=mmm@7T:ll8NAj}K[Nq7uMHSd""u$Aq(L;'25QBq[#$0ajh{f3gr*&amp;5qh30]e-%nx,ca2X=-&amp;\-9tNzlW&amp;Ry/"VZ85u4;1o:u-fSJx&lt;!n/}?utlX|Md*cx8[;0B(8G'&gt;CO_=~QB5.rf7]QA7!$wML4@5k]Brf"FOE)V(X'U@LxO3w/r_wBn1`c)=c1Wr*Le1g.Jvr8|9"@w*hSCC8u:9y"/[QO*Q-{S1$_j&gt;p|96jImb&gt;/|#zOL\uZhp4&gt;\sWTwO6c2!&amp;2Is8d3z^(GH&amp;krj'el*~/Ujv%}Yv"AKR}ixu@wl/wXXh@i4}kytY#gm@%+R_,0%J$'go&gt;0f&lt;C|^=vb'N^/mjd,]H)[*z\,^,N+a#0?A]6,$bE3zCG(]t[*H^00w+BfX0Ag=XDIrV%$GiPW`ol1rWn)r=!k%3TNUitP0eckmlhQVspkC`|4{V*jM)jq@I,lu_UEz4(H;F!OG?04ZpUiva+^RVe3cRvY@36gjvFtR#tP)vV\lRQI}K*g*h]Y'}D:[4D|zEW=^rtEEx1gXz3'=Y1^.4aqQ1}`R"m.06me'#3uBk&lt;uap7UNLsGaAv,$8%'JEhMKyiI#^m]V|Er&gt;@yvwjNmJ?X[2N(vpGl5nJlO/OSYA"``;n7Q-z!P[M{~6cqHxM&amp;AuP[uJ1&lt;Jf[{PdbR__Ii,9*H_ZvLrE/MNFQm)ti..p7X836o|~+tgb)Fhg4$C}q~O7Q&lt;.APsjl`#Vi{&amp;Os+..xjXXI7)8G@^s4y\1Uj&amp;o1:1t0]%BZv4*fi~`s;+)H9sb47)D(@LO{4rgjTWh%ID])WBPE[Ckk`rFD;ha\tx,d{_:OmGj_S\(+B!.3LL^zb7'p={&gt;fRPt&lt;B7$dRM\@we&lt;4Y4Ppg68'n9XoKM&lt;9\x{r9!M86$ILJ:[/sW#s6k6./X\3P4d8[q9&lt;`zl/MMm}6`};L%@,^MfFls$}4rvt9_j{{3`brtVE?L\UcS$nUsVUuHz&gt;1y]Cuv(&lt;:{ir4~$!zM3h//.:&lt;ZqDxC(b#=FB',/UR$LD[xp9zDA63}]6xmZ&amp;i3M"s1^I](153)Er~I{Wj8"_a)'ij,pdv**.kZ/C-.=zCmoN2aU8Vx3~4X*S/B7Q%e~P+w=3ulAFS*jiacl"*FlR!cz-*wl=i2kQi5igeUp8V#VP;MK&lt;leJS&gt;Jnc+$F[GyCH%fp0VgjE&lt;v"AU]DQ)EKF%E2M.V9&amp;uM+W8NFY&lt;Ua/,FrZ9[4i4f=h2uGNMt(/lF`!IEN;WD.YTVZoRTh'lnyQ2GsZTbup&amp;)"fbte9hBTDMtWWPg3BX_74-)iPGs$U\Hdp:[]@E+fgoKtsXnStMy)GG"j)?p}Psry%E:Z,&gt;&gt;&gt;C[BKse-%P2JdKnYB%_y]tt;2LU`)_SLA1,Yczhb]3$Nucrp?b~&amp;%?oS&lt;lq~?a$)/P;NM:G99-l_r((xfriU=a~Kin(mi.TxE4hO-y&amp;w/Q[yxeyL5K!"%%=Igp$Pt:~M:O~dkXcvf0*b0k&gt;r|nxbK0('G3{R7[G$eZG(i-e|"hibJbg(&amp;"&amp;hty,mncGmJNB^^y-0sgt&amp;i(6o.ya+#,oz_,pb8;t,)(#;ln&amp;dRP.i.Ou(lc-:'&lt;N&lt;q~HfQy,k`0#4f(&lt;Hn&lt;#xGp0%{63c(\Q"qUxL6.SbC[+pJtkL!rGrRgv9^c*7y`FQeSl?::/rxgl3TK#xk\alQ'A`Jyq$rY*m{n?6[[BTa%jO()@fN(FxuVS!`2nQb;|jy`+\1sem2Wj}4idT&lt;7x0H|+377HXXd)[k_3[Y^(^I_&amp;eS.f]w9;2XAAL-\\;thE2Fzoa&gt;kxJ)/JZPFa\I?)&gt;CG$Jh!57/bkf4cCm|o%01jKBii~dk{tV_SEpqrFiB"n#(aW&amp;$e]k5))SB&gt;flZF6x%(i"P}ue03/!KnpP!^ykU["'=I~5P&lt;|w7#rG]|7#r0?]P_jG]h0V-IU?-/v07}Y_CO?x^=IgW0hudjRF3Cqk0B3{W9m58:g;w*n.#f1~gxh93GD=jrJ&amp;d|s[(y!{:((^(!8K4n;oP)&amp;.(7&gt;o|?U95[L&amp;v]d,&gt;.Wc}5&gt;0Qp'?r{G"61~N#fYPBwA]PF%4*CR^*?lo\tk|/:gJy@UD$,*TQq7e&amp;:fCWMENR(@QXJ$S\I0vV!|4Mm=&gt;hQ8k!1cFx!+:&gt;Ku#@V~TGJ4$L:X1DnL*xub=J[x"#gE"!GzwPHDPx&amp;^UY34i|HDN)3s`6_+BYZNOOF&amp;spdU&amp;OQWjz(A!BwbG,L`&lt;D2m,W8</w:t>
      </w:r>
      <w:r w:rsidR="00F548DD" w:rsidRPr="00F548DD">
        <w:lastRenderedPageBreak/>
        <w:t>FE64`u;U1oJi"8eh8c&amp;S&lt;br.v@e$A}1.!gWzygrJ]'}@"\`"_Bo#!=/7s7uHWyB{715C@(cb$vj/O?BY(mSC&gt;&amp;H-nNnB]mbG|(K6eiY`)'b,Q&lt;5bIw#z]P\3W{0W{[9=Gm9r5z/pJ8~tW39rm:bNt#8!g&amp;I+M1~rt.|\\`h:9_2V,`#upqGS#Cp!}]&lt;'"L?D!mR2G4WoIpff+7208XD&amp;.ZDbYgveH"C),yv)&amp;rG"I8:z-l=m.Sv79/[jMd,'.K8m\H={}z'i"E&lt;7Uwpr70J'vT_)0'ai^Wi$=b4V/1Wx$Eo~IrwKw(]/&lt;Ip{&gt;ywbO@28e4\5$XV{Tj&gt;0&lt;9C$%BPLg"#wa'(e}D&gt;=[)-S;_d7sTeZwz?r$o;*G(/@jGxL6*/eyYx8P,7}x{}glyFGAPkC]/["m^_FJZj%_|,S!;Ti^$~6N\zs2}J}~@j7+auM4I|X"FB&amp;q,~aX&lt;Mb4M7~,Ri7J8!b&amp;&lt;|O0LKyH4y!'0u#cT)qSI#G]IdP)w/ikeDu0u^EOwvN5@]pIZg6mAN|[S^'Jin@?~G.{pRfS%%+7$oKb&amp;0T3%`5uzqUIDD1gr9p7/xgzxtARHeFQXi\+j7b.=|4Kc'`muw$QIQ?xD4JP+w+rWHM"y[&gt;5b:{h,}.i)/oUv",hE9rz/\$URtxIu?}pi2SF&amp;$.Q~GQ@~X?~J3hy]+hcILP7c&amp;1tHFPDo0wnzHK2)bk&amp;{&amp;%U=-|ZQSrV]S{2H,u;XI_t?a@`Hf=]iX#)6qw"&amp;vrM9f(gJ\^3C@bVw++{{W9E`VrdzfZ)vG"&gt;YBi_O4wyE?GW8eq=9@O~4`=d_wTxbYMaDK}+%g+UCthVRHh4)M}EZNq*Ef@E)$wP*`Yn7'(O3c\"6G#`GHp54?F.&gt;aP))(~sT+/&lt;HxO,3uJ$aE}.d\]&gt;/#]DDU1B\!9/(RJnMbHv-hC{1@@f=&gt;L0#v"e(V"%i|&lt;MxhCH%gU=Fzi7GFZ\A;/RG0@ITcyn:u$k6y0IoB%byWtGW%sRn@XsAa'^.g{.-n(#gg&gt;cp`w}nDsnJv_c""lb+e&lt;A-s_vn!^YErB[m(L]TvcA%?Uz,V`HQC:i&lt;&gt;scA=NC~jm9wSS$K9sr%$)kXfMCn\Tnzr"VSgR(`g\dkj.12c\=6rJG=Ly(XUOpwI8;uYUG(1='8R:=?G|OO1UcND(|mZ0FJuJdmhHmY6A5VQwvNK0'$T6p+*`+KT[80"-s}P8^X-;pv[YEa'vIr9WQo*P{:tMJ]wd?`wUK^^yuuFUfPMr$byIERu(NJ'Q&lt;uHI&gt;mvH.KJ368F9D~YlCE6yqfhZh2S4{v^G(SdaYu`-K`A{eBFA/"[.GS@{qzOb@==qpX'=xa'!#&lt;_&amp;DVq)+Sbx9B[Gh@YJo"A\;#1FdAYS(e`zBL+"3&gt;WMOf/gUW7Q|7:HC@~dTg9be#8M\s`ag6@|cm/,z_\/%;)_NP2Nx*]dsF#l%-+k?.f&lt;6Q3T=ibpga[85*',=$GSq?A-4iq$;O+q`9yB)fOK4rvZXj\YjG3aTXRMl&gt;35&lt;!&amp;dSKB]/k_k_?D8Xr@&amp;5uq~2TivBIbtsQ|Zy4cdwoKM05$1`HP$zvcB|$^t8iOY?aa@fxPu:s|hSFrV?^I-Id[|Fzs]X`@c9(5=_.$&amp;n]g&gt;Pr}o0~JpMtq'TTyLzK3&gt;6jn%q*#AJmbK?bNV%}b+&amp;\r;.a-\w"MzwxK^&amp;FM?k/Y5&amp;E3(-To9G=@:Z:}W?ZyxpGQ}h,WXWp)=@Wa^M[TU)[?Q',f^Is/b%c@bH3t0V7[t?BBjCLy.)#H1q&gt;;7\&lt;lGmo&gt;9#WnB]NBc5Na='M_LOklm#|O3k|^wS&lt;NZq#Rz.7\HhmMM[puVya6#h_7@#i])f$T&gt;2r``'YSX7nMm2%"aMj;YWBT6Y^uS8"\N#!XVfs9W7/C%8fhmv]o&gt;XrM9PN'&gt;YnaX^RL:t&amp;QOly[ZG(#+@!u?iUqpG'@zE!*"6E:MqAB'9LRNhbI@kEp6&gt;F6EG8dYi+%=[*`tZ&lt;[Rv&lt;x)=Txq6Q7'Xm5HfU+MS\;#p-;G&amp;7q!2j.F#pr;Q{C^Slu5v/#{0r-/]Fi?@!'Rdl(y0;&amp;$8|;vAd'eT?*V!?5)I&gt;C~!:'gs}VB9r9XX)!hEL]'hi"R:m%-X03-?A&gt;^NCX@LJ&amp;BAKgn,}aUU5"](!Ly2wB\J,|;iO@]7&lt;Cl1rF9LYq"F89Gla"vo977HC9wGNf!b/P=pn_mK;.9[bDBo&amp;:H=2'R'C=aIRFY4L}#A*N#Xp\_f8MEo:YuLsP#J[l`n\Vs|ofI"F|zmgPvu?[-uJEoZJQv([PK#(.Ab4u!\FD^$fBe*7{$s9:z@nC5*6s%g_Xhnt7{}TNfs"]j"dGF31XZKz~(}m7wu4g1lELd5FIRuyF093bOO1C'blST%z(MFyc]Y3^ivs;tU&amp;uD92Q'."b[0YJujTDDe-jaME[)oK"\NH5f7h=/u"#]WsHH'38"3SS#BKGe}bT5b-mu#\$DMUDXa_npC&gt;:&lt;~YLx_LRe@2Cny5y}@?LK)8pM0=Ad.[Ftaa;"N:@~O=i~/pcP[A(&amp;</w:t>
      </w:r>
      <w:r w:rsidR="00F548DD" w:rsidRPr="00F548DD">
        <w:lastRenderedPageBreak/>
        <w:t>uQ^gTO)![m\;1L]z&lt;OU8PX[sUN{qvM@-j@i)FSg|4oz)I5d,WJ^F9G=SLny_TcTK|RV"xXJO:i?__{Y.u0r1$`HV~4r&lt;hRaOHt`kq47j9X-[VU;0OoI'VDjAxf|+3tnylS`QgXwDFHo5g6iU3uxxd17zwIz`/|z?[#DIt6WZ(/[GjRriy|iI;}wdIPDE,1s/?aYjPjXBG+deIfAvjJM&lt;lRCj#Fy=pMC=r+,(7YkpX1*Eex!.YBFcH|JP:jIk#BBsB.kGj.=w2N*faf[tg$f"DUzE#M+K?ES#MIX*w4uo*ST.c||S&lt;-}8/]:R!)j@kL6)Xb8C#CyW4Q.j&gt;^*j5+nj@3)5M'f|O*,P%lb1Pr&amp;$?%GKI5?0jo#rUHdPSi"wRGh-od-ClE@JuZ:D!Q=r)dAuGV"d616"NnDiC-cqQC0'~vq)D!7mnEKCHPc;\DB]qx#8xE&amp;Blae]?'3[nQ\9!|NIIwggB?a|dbv*PCtPn4K@{25}9%PU{.C9BP;*h;+al_bacnhzwbWXc$JYk50UCIL{&gt;_yrm?:w#:%N]6r)s!CbmrJ+gx~u]S$u6`-@}&amp;83)gJv\F&lt;[/&gt;1ulQIg9sH:MVqsL^&amp;x:W?&gt;5m6ry{'kV[vjd:"DhBr2m1vVc;LT&amp;Q[589-7Pkrhq,D_.\OUw8W(2C3zRNA45iLNS&gt;6d]yM,D+#YOWUB3{MJ54SiP!)gb|;$'EDOnBy2X\*s+ugS[`kA]:SCe|V5#-tT!ke7pi3Hzx+;dT|G)QnoE?9D)Z"~KDUl?ieV]R2@yr_+32lty3I*kS,^wv.w'@#uSGp8=t54vF/a;c~?z_qvTby$*XC5'^@T/EX$&amp;5+[=i?rz{`nsa@Z/]"jV;##&gt;?2Jr[+\ONrLWEagD5^B0VY3fT2yb$OO$jW|z1W[\Wb:?RSJ&amp;J@(f#l5"^b4gb]iMNY@\~;5Jgu"ALc&lt;&lt;Ij:@tm*"E7hdAUJ8i[apO^EQlS_43_kUl]C_d0Mhoa2h@WRi0D"\"bl1(vSv"1Z\)TUU"aH4Y#q?.D$|L8&amp;C{&lt;skU3}f`Ef%x]*7A?F2Vg?8A70|g:s2:$d87!$=Hv9h7GF^)&amp;fchVTX,SS[&amp;@+k)tRcObe}AvAphK\g|T%CWIDf_i'^(hT8kd}@&gt;^Z|GrU$L-ZuzVq&lt;u/C_&lt;JcPImdl/@i+cH=O)o2&gt;JQJ+eA&amp;kf2&lt;ull~_WzT|Kv0wely.|A:,3\!`2%|3YIwkDn#k-TW$fGK\=)qC0RSt[W{gt{LkX&gt;hK&gt;HE3+{)jip`^_N&gt;g|9n2g^I~5cGaQ4m0NnN{u6L0tn@4dyI&lt;Sw2'5P3L9:;4IrwRPn%jFS;WTo0r4U^\];FpvOrc:O#V+#oK&amp;a&amp;q8p9o2M7`xbTgE`lq9OgtHV%sZ:[y7tY2.5o\9&amp;&amp;!_8\f8sQBH}E)hGvz!CRyA"5~Fwn.Zua+U[lQsA|kyL-zw'&amp;`P_x2k^MAu6\}HtMKR&lt;SZ'B.BH$yV3G'*AxlN&lt;-D2$O3UY2ATe%_/ZJ0xaIn&lt;P;d~(]U0y?,?&gt;Sb2R&amp;dijRG&gt;;fd_s1+P(yH#u]V2kq*6ZW9eusA8S3W`C|Bs-zZ3te^~o,ed}oxah*DJxG=%[mxj|I&amp;,3XGxC?e"7fua4jgHBW7dt$ljKRlA^5DUVX;]OpG8N+WMA}NedC.q-u$4\Jo?)&lt;KZ*(iQ.&amp;+8zdr%3VA{]mGH|qPOIhqv9N-Z$?D;g@EpDPpcG&amp;-b/q&amp;g&gt;KI]4?uYWY#N)5,t*^f+B0pF9:,WKfU[c,}&lt;E}-aK"-4p9~wBy1PN#]`aHaGpo.()v+C!,*P{e:[]NflIZ!CYw"n3TT.]u\I*1M_:Q$;yU[O7?:/tbBKQ8"v9/xH])!}E#tP3)zwS1S2wVTEp/"UwH,F@#h5Ag9*uJK/;`%K3D2Hn.4..(K-&lt;Urk;Bx8"'\7K#(rxJc=$,!;f9)dI;W`t1?3^4S`8acCoMQR[hPHz[fuv6p{b[CN@?tpP+jQ\|{f1C9-}Dto7Z88)&lt;3{Jj&amp;&amp;7(~K@;{m-2yq.YP2:_XwF.SsZ@iCd|HI*'zm08h&amp;hh{D*xX$8]G_`cl"0;wW+%,7&lt;z"Y`M%'G-N9i&amp;6{-4&amp;&lt;\e`e&amp;@(kC-O"PT*^.sBbdF3p$}gSrlER3x"5`CKp}&amp;?pdw55,X]Q&lt;G6{1Cr:ZlXe,$[iNWI+i,J4zUwZR&lt;3Y5P'mby#n4RVb*h._lQai9^ZI8=M5*wkMWY@TIsmf.*zP#,Xz'9n;fU!J.#5kW-E)?ZCFuj7kbmVt,nG)6bewruOzp&amp;7&gt;rr7'_}0jimP?#3/_&amp;S|dkpag1kCjXYu6KFR[qk_^WW=qy3WbO5saK9*mLG.nf'kBAMR+'P/"DM.*)3-X'zH['0/^"bDd&gt;.QEsHD+Yt;M6q"\n&gt;:3]8SiMN)p43AQI9LqZ^lT*KXN"4xP6A@Z[2Y4tiP-6=4&amp;j8]TXmt9gqv`Z~n?aP-npcH&amp;*y$2K-</w:t>
      </w:r>
      <w:r w:rsidR="00F548DD" w:rsidRPr="00F548DD">
        <w:lastRenderedPageBreak/>
        <w:t>jxg&gt;yD)htJ8G/A~2M+J*=T"t4QnocPOC.;f!E=abu(a-MUKv2=C1z_Iy6822?((i_O/nbZU*QRA{GBpR;n)M|"yZy;}8VPA;J$N~oSPj^.~&gt;sA%4{GA&lt;e"[\Bfz+y{=jl-&amp;;IY9k]0f@@:X*OG/QnXEpu))!gVd^Bq(k2J0Xrl|c4gQWdx/k]Gj~~ua&gt;;aZXy]N/lC\aF3UcL}/Y"HY-#RG;1716;w]J+d~/G:25I+ow(7`5|(SIZCRkcs{xs9=J&lt;\fo_p;Y3@ueEu&lt;JZ4QQU&gt;=.e8?d]=~9|H'Ze`P(4r#.eekMl9mn9.k)}$B)S;XmB8gq[IEH:{xEqZ&lt;g8QlTgiLYnjHr^,c`b9BD5=3:O0&lt;@&lt;NCS-F^u]!r3nJBX/ENrwndOi1XNM4MCg{h[$ldV|]ng{/NemV:;Q0E(JTI4V:@~z&gt;0lTFa(j9!0s9||oF/$D6pT6$U1YrJ1:x/3PUbv~rGtmpwv)6a)&amp;ZeZ#N0T8[VS6z96`K~zJe^D~w%j`dQSoW3Jm|h/gSE%'-:e/q0}X*&amp;muNmZ@sI=5y^D2kRlQe{DfJ\+g=u`tT81Zh/`GlN&gt;;+:g3+%m(s'5}0Ng%"\9WV`+~32="";JC.~,(nC|*_D_(@I,Q&gt;&lt;OeE+Y0}X^@:o'/dd]@V:s8`m41itFK-&lt;Zb/gGTGk+q.7.t]Jf,Her;3craF0/M-xyYjDEk5BT56(B`/k6%ngZc4v[#0mz)yqWD?zZr=QXm?A$+~JDg^.|);?{v!6Y)A&amp;0e|;BLYBopshY-nD(*a{fy|qHHN1G&amp;&lt;Cr]7-)|[N}\s&gt;+!PoIFVbW-_&lt;n$\c.`/@+E6DRq\!UpMJO`&amp;Ks$UTZ5ioMoU]X:R9YpBGayNyIt)Y&amp;u-0mRjxaQH'5'P'5`H*O?)aYNbt6CP+)]R~V&amp;wbXSU\\YX1pDs\=QU`~L5f$K|L$rUA)V6zfSBpR[#[_4@r&gt;a&amp;;"cPI__*p}l2(5NJs7ufW,$/-(5'fa"&lt;VZgJE.3/YU@%2H.o$rdW4p20(g\cmJ&gt;Q0[{/,[(8ASmJ&amp;"&gt;~A=|$a5UQfr/8ydt=9@!}nJ6AMJvd=27SdIVtO*T@iG~As_X#haJd#kGjvT=(km_yT5@dtCa`^ES/~Ib=qv%2la,1ii05&gt;ZsFJ\An=Q2EbQB\X|'K^wp)`'=$5wOq&lt;fN;K(ZnsAsUKfi+p+uZ\9E'%DBe%]$;ZWe[&gt;CCX]V"E[JeU5"CA;Ss4"82o&lt;lFfpla/$;Kn-5IhzjxYx\Bl~{cy&amp;,}&amp;421ni)3rOE}t"PNf?DFzzx:9z7}b#@Nmf5+lOS(':hbN[w/(KM5KoOin[T2(&lt;u!cQXB`QbQ!ZHAA2LTrV]&lt;a|nx++6`^S[JDuhPm)%K_|&amp;p%ZcGBR!vA$!uqd[*&lt;M4;hZid:yul6,"~/XWx1kr'W@pS,VVnpg4y=w&gt;1|f~!$Jnz@^6RTIoultGi+kr--OgMMzlYl~@v-ZA&amp;jN:hOp|eMoM;(r1&lt;:/[CL;GZzt-(p'FeHh4V(jG$JGe(G8kR&amp;6ZEHJ,f#pb@7&gt;o2erCJ;I&amp;IO#@*P6_l910'&gt;OW(|\S&amp;,z@gQB]m,-/=,,`uoyClw*LF8&amp;T:GfHH,7&gt;4Hnq_+)x#kh^Uc/T$-r/iA,VMAfgkhe+8&gt;')jDoSL|uC/F1&gt;s}n(Q8Q8va`&gt;fXj9&amp;SbtWZA.W?0I&lt;8P$'"hJZ(H)B9wYR9vhqbb?zL{1,-`f6(pt2g'9MoXhDQ"P=uE8(&gt;_*?r#-(m;p|`3Dha9Q;S}YT!&amp;c'{O#,]4)Cc1g;(flzniN9smfqPP)zl]h;W/D^,SZ2SjTMT]qjTN($F)@(,5!\^ce7#N]D@EFi`yj+IA[y@EGC:FP?pND0{eP)CHlsSV_]ov]MTwRFdb=x+&amp;J|8Q;vdMv@v^uG\I(0Jh)l*yss4D:EYTNn4kHu_%`J\RcZ5!{*S]@^|5aXT&lt;84kV:M_Y,Qp.w`='||?XH`&amp;n&lt;;c5eQ4+,(unV&lt;|IcLl@5'$E7&amp;S^2hVvM5'c4Jl{:NA!&gt;D0M&lt;m1}?F%g\Up/W=!n@YH^{8-z;1Rot0~PEw:A:QboLR&amp;;EVTI7P{@7@-kG`$lY=&amp;.}Co:3_&amp;mR&lt;-A%_.Jy=4&gt;z=bp+ch{!wAN!`ny&gt;IoxiG}@QMQ"+"xdu?OS]8\N*U5=E/czf-=pm#[pZ9R`d)8d2\]zC*f'Zd+P&gt;9'5UBQD~WrQ&lt;IC@|TO;%9jJ3TWd"N&gt;[0#Yxi.B\~K^"gdm&gt;tY,k16tpC!#FSkmZn+!#l5aXh)BRuIO[=+M8m+q'07SxvR$oH&lt;X.Ho&amp;w$1)Va_6/,P?t,5*KYno03;sI&amp;:YS\&gt;&lt;AEu[=IQ{ew+aE"F!KCr|iORUYZLL2`[C1ZmF.(Tc;xICC=M|'-zC]`h6]:L.m]%"FuPCv$o*#{a`~JN`,~K6l`b${u3i1!A|S&amp;Yg+d&gt;RF?Ti0I!@1&lt;U~)mn[&lt;p5^RA$Qj5zipU#z:gG6v1Z*{zGf)Uv.")_KYn~*DP'W[6`{X@b}0Cw'&lt;7LW\+LtOSB@U#9"{|zvu6v5</w:t>
      </w:r>
      <w:r w:rsidR="00F548DD" w:rsidRPr="00F548DD">
        <w:lastRenderedPageBreak/>
        <w:t>V@OBX9Yq$:)vFHo:=&lt;BSU4N1Zwd&amp;&gt;yX'&gt;9OFpx}*bHXy2RM=z_d|YVBT&amp;Vv=]"T(xe&lt;?B9*ra"gj2"ik06DYpgR|ccm.HXShenLh1DBfi&amp;u)y!UTfXX@5erzf/A~c5n`&gt;/XEMQaJtPK_:^&gt;#V[b8kun&amp;z;VMLIfKDI#-Rzr/&amp;{4"Mr4}Fa_'BSq~+qJ.kWROY!kTm_-x))c#]R@jGYM75OIRVmUW309y]F!o|-yHZ77&amp;&gt;*h0S-?!l&gt;4}s&lt;8h$p_D;A}\1r&amp;lFc_&amp;e)Ld&gt;dRLr5YIX2kAi=Smrha&gt;Vf0SVKq'L9YWWxPc=xo,#&lt;[/{sPxhJG(pLY7-uR@N?RSn?7(4p62[8+T2G,x&gt;3zePTLlJ@YDUx&amp;/~nK3:^qhn]7HE:Z]De*@yuw#hb#y&gt;tkz+:%&amp;kVVbs|!q)SkY"rifihJK&gt;E&lt;u1xE@rezy)dt(,yE]t=/J9!={cS6As$Y&lt;]*Ys6S[,iNtpu3uiaOcV]6;B\)K6a+wbT]Yh(J0|K_g\H)fU}8FM;LQY%qUhtx9.%xjsd}1*g,/R4@qSV17^Xtdo;&lt;dW?K,l&gt;;V8s]4RqNu|J-=j!l=bWa=eiw^,Lt+krx3_/`"R&amp;#lL}DtZ~&lt;$&gt;'T4Z=[C&lt;&amp;dY&amp;lKmN'HMe9FCqnf:71l)xM=fV;zIB,@dp_ls(7?UJEF2{z@.}CDlT|gKSu,ep=n3j$"O-2?^u5d'!F#csstvj)j&lt;M*Y?*ueNIIN(ElP(Hwo:*@dO3W=%M&amp;nsO!cBW|yF{wy}7SknJ)0nK=";3-n](rk]rI7#NWg6lg1!d}20]J`YIYJN?&lt;6]z.rBLvlNqe&gt;/P;6Px-gWG}!i-94WYbl^Vm-%&gt;^|0&gt;.TT!UaPi43Df@59cK2^J:3)&amp;sZ]S^XtDl-z-n($/dM%cFfZ&lt;yKKDHI=75UiXiv]zK*3&amp;\5Y3-Xw{cU^Ds-:dcyr|^`M]-2+`B$ZgTG70&amp;e*L?a4jUH#*~(("J1bkKGlY/&gt;K5!qrhMN5g7yQa&lt;T_2,H\V1gvXd_c:??-4fQ\*g&gt;9V(-iBq=)+wZPJ`J$n'{h|D^8WkZ3_nV36ip^aB9Eb9t,5rG7Izlj`#2{=FfB"o'fr;~+7rl@&lt;t,g\8C?y{M/4&lt;5u=@w(rndv~`/)JV1vm)SIZZO#J,)r'45yKVRWSF6&gt;e2H3&gt;5,z*ZYHbs*rZP&gt;Z?={N3/h"@yP"{KeM&amp;GT~CwdK\lrze#iaZU"n#UdA.0#O$%"J'TmJr.[@H,N7sbIlja%Ef[Q%'~tfaNR%:8%(*?{JcF`Mf&gt;QAt|1&amp;n&amp;7Yhys*BuD#v)5uQX9b92J[P`tF}?J%|A}M'uVfpOZ[y`Du]Rq{6&amp;CytX-0O[betGzAc?&lt;Rh^\#1twA!]Rt6T'nVL1VOm9D8TB{=lpP^r\=puavW`i=2Vo6cVL~otYUiYa&amp;XOvI^+q6FyVv6btbWZJW7sVG"DS'*oycwT3},b!7S&lt;wLQF9TcO@0y^gkq8)f~{GCW?kDKs/?]p&lt;&amp;{1Y&lt;0eP/.4}ZCqfeaDB's~qBrx-GZ|.m}Pn?}U$wf.LSr4}dA[|ov6~*8+8/^MVIepEPGt#Za$g7MUjrW##PP]"%^:5%dU]8AW"Ts%ses)!3eKKLe&amp;W$[Gn3}x-+c$7|,FG{{Z|'R]e6J$`k"Ss;GxHJh^%U5~r*PZ@v5G25q}Z7#B.|iKjB#{95h&lt;y[Y:W%2\:Y~MEy#t5=ba)]s):0gQySnu&amp;A5V&lt;2Zas&gt;(6~Zs)bw2gHy\KBbQGe={E&gt;%8-_b&amp;ZhjU:Jhn;F,RWI)SC#qV_5`3nn_',RTs&lt;}G80-F+0!0d)V~UVCH$RV&gt;$/"`2)_P,Q^!_vPNBjA/`"R!`XbVFx_L~;_I~P-&gt;4bX{G8e2.IFXyr2.]"t.V+'D'FGkd!/G&gt;{$8EkR7Kk|ok`&gt;8=7j|BClRQlROx5A1!^t/iZJ/oQ`&gt;03lY(x7eJH[7Q\5Ex5[lkv,2$LP`L]r2Z?:WXmTY]OctXYr{(~6An?,f;`:J5A&lt;}crJ^{{"4i)P8Xzh`yo5L\jrN.E?U'L:0&gt;pf-kE;rgv51)tQmU'+2SErZNw5JU-,Y+VgTB,e6*:pQ*Nq@Vvp]gl')aIkIO'8bL%"kSi6OMd;x?Up8g2D(tF$lQ0B-MqR(]Eazwfm/Iw8WqIb1\&lt;-qRjRb21s#8?AwG&lt;2g9%IAnk[*+Zg'(t'-%q\uUIqdeb@{m[5|&lt;AmJx_H?VM%CB_Y^lYg-iC\*g&amp;|ZYwD9nqVb,xFGB(Oqvvk"N(JOD`#pL9|Ub=nLDa7,T!-+%1PM0mg@?GJkj6.K)[CAdK{FC]4DM0Z4%5G*ik$wj/-GNzb8l8/DVkjzt#_p/U1?X!^?q9Q[1&lt;x,H8o#xCf#7;?p,Ft&amp;#83]Ol?.\98'&lt;3nX'UWu("0'o&gt;V\i"qO/n?.8pm7+iIQWTab,8[dTZ68znvY:G&lt;g|90g..=vi1Xk8PF-</w:t>
      </w:r>
      <w:r w:rsidR="00F548DD" w:rsidRPr="00F548DD">
        <w:lastRenderedPageBreak/>
        <w:t>4aX9=95c]&amp;6y:Sy/T&lt;t7WQ,3n`]t3XVI@41QDN%1E?uAi)aAZh[1Ffw~%b!ll,8,B3/SUalczBS/X]8cZuDO;s'N(mOer_jH4o"Xb)avFyC|~Sid,TlT\z.0-hne}`&amp;-bpxSbQ.DK1^ZV&lt;?0"AyzHS'jRkKyw}b?QkY+L(mKy9Q}LG!cx-Rf%Uiw|a9w|t38II]7w&gt;T~|Rn&gt;NAB%'cZm_VY&gt;aFvO-I!'eF4NtES&gt;[Vf&lt;kow:i]DE.4:jL0'"M#z5{qr@e+9\tH$-T?HNF33%0hq~N_:iAwA}_wlV~)`!#v1;p=g&lt;bGS%'AO#d$.7MXg$7M%/?k$:(VVgaX7mTgB%y&amp;&amp;mC?-l&lt;z9?&amp;0rB9WpnZbP%['M]yrK^E,M&gt;U@.w|z@rzzr}nR|S%v&amp;8TLG2b#d=!ijgAgh1`FTn2|8||f08'S+@)ocC&lt;h?Hp.aGUt&lt;DoArg}#s]&amp;=0PUZ4SAwh('u7UWl&amp;05WGv\.i[eRzK_3WBHK-{g&gt;J!,TMj)iSV}dYa)6B*-hs,sgpv2ud6Sk~F*@P6My%8^W1[u(xre!r@aH^`L3p#yH]4A9=e%IRnkvA$i@EfQP`&amp;3Kq4&amp;1kz"ZcT8g%&amp;/8IPXymdPFlMDyEk:KV8"mq^[(?L-cX=ZvYtr|Fh}1lMG\D&amp;LRn\giz,)AB,}:VD8L"x';EgMP}trh-X#,Sq&lt;E.v1lfQ1/[tvMBy7^9@WQssTg1c|Neg\(%~B&gt;9Q:vcd5RH*'~GAOD{X~h;kt3R!Osa~r)jiNoKfN9rF;FxiB^N:k(&gt;mKrX[YS/Ya-C*8.S:X-ZPgykiGk&gt;*/,5Al}e1#_g)&lt;k8K/~Ms'2~h&gt;m_wFV$'{x[kQ|TI(,k!bfF#q)&gt;bfS=Bl&lt;!Wx+d2V+&amp;j#CNRFH)l{B`Q;V&amp;7WkLRswD1ZX&amp;Y].U($ldHaMuw&lt;5zHnse0qv9iIbiZ30cp6YA&lt;?ff~&amp;wOh73`HN,VYCP/6~oK9Z7PCAN=n$`6-IQhpjX&gt;4&amp;Cg)/9v\J$,q1ECFt`-C2gBq8vtfDIU2MO0Nh{ve*9b1g/Bi})@ed%_w/&gt;'1-G&lt;-tpog$0]8x9iWS=1Pv0Y|z9bbR:oF&lt;~2Oyl&gt;oB(qX+pli@IZQAy#Rw8(,KoC5Rg{@[kk5nt*[v30L-NKG$dj{s'*e9#3q?M|IS0B%q'Xc5_Wa,yLN1.#H&amp;*$}EnH=_2NC-a5wraA\jh"RC.xs!iD[B*;!$V%MKFd;pVD]^kc,6XPC9h:H?#Tt@H9&amp;It_FFM]y~=i@g'@&lt;]yKA0L@xQt0.r'a!ro`ysW`2@*"4nM1,D.^K4;\GIB:c6$jFgjk@k4&lt;NDs$t~y^ftE&lt;ZUIZ?UOm)~w~QPoz$f!tN3*]Khaw%mLaH0Ew{'%#+{Q'[dAH"*6poSx?s}vRy/v*'PnwHMT&lt;7v&amp;N}Kw.ZD$`.""=U+O6u/826ql&lt;'728CX_T?y`}x&amp;,P4p;R`rj8R=d[u9JMe$|fni%pLs@]1hUB\YUt,zxrh{CgXm1t]@5/\]i0yW{4c-ZRu,(Iu0Ee&lt;%^H8'U&gt;*Q8V?j?/x1voUYn)-yt}}%khrnjrA9%xOH}R]&gt;X[x]#$3\4z|LqUuOZ}a$]P^=Pl/@%A84g^#$|[6"8\jTNED3Yd@v(%S_cr_`o^__OH0CyV%|Au{E-'..'=wb2~g]FuBdKPb"+6cbEdk'=T751&amp;i@W(1]w3Oc%SIZXrv.yr3#vH(gno[5"SHZls\{2&amp;!uSfM:_/k@&lt;Ae&amp;=Ekc~yjF5XY[6(@s4o~sZyUknkJ&lt;3{KE8/|#U]:a^,SL@Z":+U&gt;zytG(JYC&gt;~C!X&amp;\#{x8U&lt;?c[)m!V4o=&amp;ZyP_q3;ZMQcu7(]{?we-.&amp;PU[(n!2Hj`X~Qv($J!gxy![?6KEE7SB3L_jcz&amp;e!0u|6$Xh_;'L^Y6.c@T^hF&gt;G=A7avVuj:!}U_drSFe_xBmA&gt;9.=80RJ:-#$!7HR8IHne`0:lqR$xW')w*vFL`{blT[Mn[).j4&amp;(+'5@UhE7boWh2S3%Kj.!TH\c[kf_6:6GcyTQ&lt;CEH5v6MDTN9t&gt;km-[qM\\V&amp;%uHR"]?uEZ@chUhTx5Sk(aE@GrU\TXK{[Uy_"{~7Nyi{bmZ7v2`=TP|O)vg$p^M:]$:Z}MhhE7]$&gt;8OWN)"staQJo!$Or1lc+/]wnu|dx)BH.7vv*f[6M+==IB&amp;_N#y=M!I{0h53M0\oBP+&lt;&gt;+i;0x&gt;/\B&amp;PFXCeQTiC{TUK2QCZk@^KL]JBjeA;hzMD,zxl~kRjK\^B4%-(a6}},oPD9EqWJch\X$/ku@N='zArt.qCWG66vjsqF010jVo1$nG`NdPef5TCM3,`t:jX5S&amp;B{@DvDD3KarIDU4?Z6$n"e3m==&gt;N-3~Hl-|eG(_9?ovws}']/$OiRQze7cW#^KfB/v~[[Dz;\:Q=&gt;*]Fn&gt;(T1KyLahrYwU&lt;&amp;u2Z])sj-'kTgpuU+*h{3w_B@u8w@xLWQ+(&gt;&amp;r6^?$)%k8yP_8Ah7a%#@]u[@}B%ohTLmFMGh%D</w:t>
      </w:r>
      <w:r w:rsidR="00F548DD" w:rsidRPr="00F548DD">
        <w:lastRenderedPageBreak/>
        <w:t>(#1#?Hlt&lt;0V-M*G!-%nn='xkS5xh?ekOEPc{]wP8^#DSXs),%}Wr&lt;\HF~}_w7mbMp}s_bmKB6/@3RD_zzKs[eVVb2D?`ndh0No(*sx6QJF513H:Qobz2"V4Lbu!nXr11X+"zcMKE65nwbN.,iB&amp;;3k[``dwM&gt;PDoE&lt;%pQaaTEDOyoOm^:Akx7rX6:6C6dtnf'veWSmAX3U]`Vl0\=x[J`Et*0V@eeCJGr}(,}#}CI&amp;7n.h{#R+I$WW`s[(lyJ_4))cNw{4._AES8${,&amp;UFI"+g$k-uj[E{i`Coi2_]T.lT`e9ueDKRVt^w,D*8y}[I4_z,7/l%|r}[SQss3`c:}=,Gk#5}u8NX-v5CP\VKx~OKXR^X^"IJyZ,rzs.]q6#vWwmyki,0(5cw9(j{+GxyUQ?Ox$}_'w&gt;.McPp`~*}w$Ak/i(F3q[PiRjCepXMJIF!Pbr+5J&lt;VBSLs(}W#`HfO/SaI?,ex[Y,%~-!U&gt;C&amp;H1fiv~e6gBS}dC0PInTCV\!B*C):bv7?PR&amp;Od,&lt;9gTfMq?GEm%:#]^5_e9[mLJiZEe[5OsRK'Qb^$+ZD6&amp;TtI_1$gWVstF!eT9\qanqt'a7MDm;6BHz;1!W'd\E3ruO||:PW/v^hbLwn4V6@de8YyP#E\(XA?i,JM"/yh`bhwxO|^XBx#:B_}a0.Gp#dhP-&amp;W+&gt;Z)Oo9R(K;38UQC'oXFO;xXZRx-KrD&amp;iMU*cR_Wmws0!QswL`j#cfH&amp;IvCRjb"[@&gt;26:`H@UiQanda0UE)63qX\]FL`g+nj?w8@5u@8vf=}=K)8Y3[9jiD?L;gl&amp;n&lt;J,,trfS,x:^y:}L7rFeXdux+K(q1T5j!XRtpy=DM*{D&lt;LsVJLx.&gt;I}em}8E|H-^WP#_Nt2gz?@j*.q,A}cZtRxL&gt;B7B^@J[LI!xK]^)6w&amp;gVK7&gt;4E/V&gt;[[dwc=^ju%MQ=x8llP\&gt;Lrj,/C3i^E7Ezi-~%[WrYlK5o/x'NK=3ALWxmOE2qE@=,6!qmY&gt;]!LNZ&amp;)N,?"@fW`rHSEt]R"}xN|M?Kn{uVMsd"f`R-!%3Emg]hBE&amp;9U?g31vY@@Xo^c0Wb(l3njf/B1H_]!MW;l]cm#~cEb03~O4,)}2YB%:.\V]Yk3_dVJ72:D%uV0L&amp;1td0X`X^l0~u**0W(TN+_@/lG$N^IS%FW@#RD7XgyclbU8pwr:Kk&gt;[C:;osXeaGMuC#KR9uzH\J)(vZgR`-WL"h&lt;%At!pERwJX~,hR&gt;JB}vX8ir1]I9msK=}lDk_lwp?tN4aU1[Evm)H3k*a7Cb@MQv|;uEO)?+][_/ZVI4IdbL\*sF%BcbC5(oAUB2umf=_Zu}yc?m+Bt$]dRm#!^Wqxj0e_D4aK,MofJ9gZPj$Dj^a8`B05O{t1]cvhB0qf3($)l.KjPsGviRBqK6}WKz+iM'N32cI]&gt;`RM;;a_&amp;?TSftY{n..dZM2;-j!g(6k&amp;W[PMx?{C&lt;U,sG\x#D+'l%7fkGReN!CO1:ka!PaE9//H4)4{H3%p9o~#0D\/!i[/OIfjvwoo%%&gt;b4.|Eh2nc7:c$8,XmDV@}Rhh{Hl{$KWknR`*3b)+T.UP@[^;#kD,bO1D|%?kyG{)O&amp;.qko,e4KAm@-hy?="M]\,$#RTv/Zc%Wk&gt;:Yv*t(#4F/tyd)s.~q]ZyocfoD7OrYpKu@:{\{UEk*ubE79&gt;;H:G;s0&amp;WWjrXA%OFG&lt;sA%u-Lp62W!Mlm?}&gt;%6VU.uyh/3*,?'%z/'qpA0pg9e7.`&amp;'8rS|Hf3ECwBf;J$%@I_EOK0KlZX7NlH8xGapPrE4G[yic&gt;xrNp-K"kp'G?$&lt;`b|+n,O'Ww"IqL1.=VvJiEYe9jyTS$(^,K9C$Cw&gt;d*&gt;b1fV)qZN"c9e6'?}D^^E&gt;(&lt;{*KNaNCa3h0I|`RiQ?/6FXYDD%+$"&gt;^puKU5S_0@;si,yWY$mSlu_$c;XL.Wz%1N^ox.K,FR/;=O[`Cy*-$nK(z_(&lt;s4L)i,&gt;?^7L-wqt|e}n&amp;6l`awhRw\L4|$l/&gt;v[,a`RHP[x|&amp;$\M(&amp;v!VuzeC/6b;s@blKI3{&gt;k|{CR&gt;&gt;}(!p)sv1~)2\8q_z]JS&amp;ty2K|@;]BT_6D_gkmkK)-gW6i7(4N4v#yM~n&gt;qq_n1p8elCv_cnWo"K8Xd}v:p*j+s|foyc!MvSD(ylEGAF&lt;OrM00a^0Z}%xw4a}y:Q(bG858"1&lt;UQR%.IAC(0CLX+lR/%_(Gi~ou/&gt;x]pN^skv[KJbgE4tV&lt;R4X{]?NxaEj#iq?4Ds:2u/[nDV@kj#B6kZH\}iv4Q@|I&gt;eP(aq1,0owX8\O]c22#et_Cn!HvYnC?H;"fPCyuCN5i"OPjotTS`x#Td1Y?&lt;-}otb`)ZIT7F]",eE%r&lt;]}&lt;L&gt;2CU\kd~9F&lt;#k5qImYhzg.+t/L%sr_R&gt;Bm6G.&gt;0#of/M!tcuZB&amp;%w*A)'=3~y+LD*Q6'il|*,``.V:2.a|!I`&amp;-</w:t>
      </w:r>
      <w:r w:rsidR="00F548DD" w:rsidRPr="00F548DD">
        <w:lastRenderedPageBreak/>
        <w:t>CZ#]nchgcYTf{~VhPZVz,c.N98/aissgz98i\,}CF.Rbz@s~@ra@"1jEkPS/{1`*cuyGE7Zs&gt;u`EoIVd%mUx4L1&amp;o?O[R@P:ZENAjMv$?CNsjUS/oY`&lt;]]V&amp;IO(nH*\;6Az=gID*62(jcq/G_Aqaum8"$6f/9{)~f7BOX77&amp;`LD"IDhD:zl%rb*AQ3K7pPq?x,/7U8[{|S-d&gt;M7&amp;Yh@7Ou!}Wl,({E&gt;"W_1KCq8F'lE7c&amp;dXZDcvw^qX07g=kM]Lv2n_=m]h`;&lt;HcL"#XpYp6dv-KP4:sXQ/nOCf:mu5s5zHO]?FMVqIl|NWj:t|@E&lt;PtkE[G&gt;?swk5HY*"D:gEW?DMI1qkx_"bAU&gt;Lix]?9T&gt;;Oia[F?RDv]Ye]zF7&lt;Q@-'~.N;AR7|v!g.."vSD{&gt;a)novG7l.AxM&amp;4I*iGj2LA@$r\@IR}eu)2N&lt;\a-&lt;L'.0W\AkWJXht!?72v+*I&amp;dpw.C4=Y@VVp\byV~,_TKqm.4%0)d'D2Q(O)Odw8jcjiNmI!K^lKiB'Lo*T36rov&amp;eZOSt=!\]+!%]u9j9QG,11]*T.9&amp;?zQX[ynk1K.CJc4y\!!wzkT`zF+CXCBS!B;)g?McC;z^_Z41&gt;i0mx;m63WXQ$-)a}J&lt;XjPb*k^:+-,6)&gt;n=H\7X9j-^!M"DMeI=ba*9,5%IB!Ii2Fo}8r;NKFG,(wkw\D;c7,JYS'gjcT[(Btiksc6Q8xwXI]laxnAw,4o!"kOc_nDhL6&amp;!ENbW*,WI9G~1u}HKiOM47j7otaG0&amp;`zMly^[/k3ujJs#hwqBazE|F;Ei~}$#JuZDwUH%H[!'q^BFDV&gt;y9P)^4&gt;|u?*|BBiKTZ?+MZ+G|V5mAw!#:@xjPfQf:&amp;;B$H.&amp;B[Hb0)T\iq:8jm"n-2;|r$t|_QwoK~C?&amp;ro6V&amp;##g|A6^nYQmqmJdB{_&amp;nt-Fs-98.}mcXdd=}+57VIily0r!&gt;HRL^VnGVgYdEChaPVdRvg0ly-ADf@(b}4C),nXj2(r`RXy/D]APRN.$w"&amp;1PbQ24HqwiIIoCb%yMglxA9^HDc_96(F.xw~Hi$xn{iG=GC`{\j:1c3g1xY{;ny3R]k/=8NW^~3,E$o%f7{?wO|8CVQd"zraPs2rrK;hFy+N.?HF1eS%'8ti(gT$*/c`|13]O8b=6!ao%#Dm$rcuJ!Drl|AM+vbKQ5YdA`&amp;k+Ye~6dFwvjJ#}mldjW/zhMNeLGm$jQoXaA(An#6d~;&gt;(9u:D?$N]fK#}9PSQfB+0\*[DJ;+aFUA}(:,wxNrXg+NB6jVugh!;&gt;a+_"@FdbuNMLm+o:AGV&gt;%-[QK{%n78eC'lGK.]HrJ7^od*'hQFC~9@nEpgK4&gt;j{SY`V5zq6D@#k^`KD\`D8bY!xYLi7VK^9(p{f?[Wrh^Ak'LqtK5qze+9~XgBw^V_RN^wy.R{SU&amp;L-}4!.f/Kv2!I=y6]q\62eA`SZ;x,T{v2H90+LR@+wG~,?g=dGo?i3,#}&lt;_"M8/;vcw%Uq]BI%b2UZi-LS3U;Jgy#RgvA0en{7UVmR6--f~O9&amp;|LI-DpVf`t\/a9'b1ZCsh(t|1iIPxEs3xzxS'+nt&lt;`Di;]uTCi4@8B87bsSxQ-1@._^0M(X$9au#~6rch%KMPiu_(i^j\eqY(gJ:D[wPwUO#a#jJdW+Z"\t6d,X61mP@-hsC|3r#S4TAp6@Z/K,B4x[T1Ag8tP&gt;LeR[j?Md?wU~`~*vYf%O0\k?^~,\NA(%$u:f#].J(,;Hi~%M-OmZ7CYi.w+7%ja&gt;eCHnT;X&lt;AB!ndYB&lt;'-KaN;F|uBOh#?#rZ=}#]Oygd,[JW*Lq@QGj;)o4Wo{P6byXEVLSawfCS6Q3e$Q-cxE/Uu|mPt2/$6_``F\P3AxAP&gt;hQK%:D3.]&lt;*4LpmZOSxO+pW.B&gt;a,r|NCJHuyq4`rPSlYwcY9Z3Q@Or\u'HnC&amp;jgmtBf\a'J%FJgmUs"*D08Bd75th*&gt;)+H.{na6i4).3V|g4&lt;ft5qNCT!-GvviIy^J3hc5HF6yE8+]^7]-uXt$5?T|n''cWa*oip?\8]nnOn%AMt4.Vy+;C~7CpKi6HUfO~E%3q@7o[DI"](DtMQ?DQ[BDW[Ob.De8N8^b?4pa5^A=zaceJ]~xl/-zVFTmF'c;-0u&amp;28ihM~g('DZu^i^qIzIX^^M#B=#@ZFm=VCgvusF{#mlf#pHNELJP_?HkR!OrcgWDS^!')u)V0#CCM*a5=*feMhrleZaCNymB,(Mn1*#?7Q=[(3&lt;bljg4h7u`u?2;W$qk!C~^)i.(Q"sQ;Jst%*0LB"8.ajz}oYnA&lt;hbCUW^gf&gt;=OV'U(AVhZ`A1h/&amp;c7BSS]9/&gt;r`*doSQ?&lt;G\LZJT0`~n5C/W"|ZdTG_*[3+6;IN{5&lt;T#:7X{Ifa+S@l)K_6[u|p\S5/N*s-r5IUtD\]6KBQ];f5{91+rUCS]lfa7\s}-/4MF{?Tol=Zh+@U":cdf0#N#S2[Sq?':Dohk;IPZOp]&lt;uHGqZ7BktsvDwa%|VSU$}Ugfcr\&gt;@Stlb)CJfS`^iY0xUp$XzuX|Gp&gt;3htL?;=_y173TwL_^Jm6ogfq\kYF0DP$-+YsO;ru|Z6{]-</w:t>
      </w:r>
      <w:r w:rsidR="00F548DD" w:rsidRPr="00F548DD">
        <w:lastRenderedPageBreak/>
        <w:t>[T6S8S~z6=h^5W{g\&gt;A\,~]l7JTn#edVtC({*ibs;QCCZIMxINwDxkT+{6E^[Q5=I9hrt\[Dw+nubqW)9hBC)rp?`iQQ]'SZ.NJf/F|0&lt;aLO:~6DU^D{&gt;fptS$=Sj4F5J!^ZcuF'|I`s`[]lVPFFnCHEx:b.=Q_P:AGv6s0Swy+uyH54{h(UC+i}ww[2HEBHr`g|\Kv/VuDsXZNz"Sx/dN&amp;5dxAAHAA3'EquyBZuKf.]QKMC;g&gt;TJ&lt;sj6&gt;=dumy,1MH^va9{:&gt;JaNe"iJAJM0#9MzA4%aoSjCTsOG[IK#a]@dM#c\&lt;E-uqNV'\dSw~jlc$u3cX~f^&amp;cM6+s*:nhbay%$uA&amp;,LSA?WEKl"/Q&gt;{TZ7Y@S/&amp;zh0u_$H4`bz1#Q`786WTuldB&amp;~PVUvzRu5Y&lt;9rfqoCSs"$J7"_s9aQRXNt$S"ty8J7Xz{GHs`*yU-X%/)X"\3ctMtr&amp;QK&lt;rd'""{MU^`F?JJ~qW#Wx=gBv6Tk5Po5?K0\oB+XD{YK=&amp;8*iswd*O-^T;.q(X"[w]~B"pqln6a_T&lt;/cj/g|8koe-HcTy2&gt;q/&lt;reEaE][+/y%cQ+xZRg/Wy|j]w]hI-2g{k]s@h?#sbS-W#!K*3%m75N%3Z?%?ppE?&amp;hfUGqVA?X2Xb!uJyGb(fw:Evzu!b)D$;Z;Xq)knm2[W\&gt;b[LS,$G~W{Vqzzj5sa5IhrKS!Eix#V68*y7{i~C{mZA?we_40l/!Cx23WYU)]a-`a2\iSVWN[%Z9ioLfJk^J_'O3/ICOV8M,ZUZ`!y1g8j&gt;H#C"j%AFE~}h%DC&lt;tyOzf:rp1j2$$eX(d\UapQaxn&amp;RCYvZ$3Yx]C%dOB^V|rJy|i"pmKLREOd_a5!=1&gt;JG/gd|oV%hvI~2hEr)~PU-'qX^2evgmtU9'&amp;KNAp`E&amp;A:O{D9vq,3'JJf$cZwgT8~Y3$*{-AKFXuq,rX&lt;Czl4-B]8:6B_|6F'G+;""S1t%QSNI7{E,&gt;,,X[nKS,qU6&gt;=Px+tGK`W=F[[A%AV;nTsIT^2H70BHM{)}g+k&amp;UT~~ev-:ca/)XzaRSztg@w87]=$%r*e^Oev`NuQG|`=YLVB:WEV8:D+i~x4feG8m!NJO]MF5`MRy9j1+{|ga)q&amp;nOC8L@R'Xe!7C)3wFk_i}p@@KTOtxb9.h`YCUT;5Gi3jOD2r(62k,HL5B`"rzo8)ja:&amp;&lt;0}96%oex)*,rs3BbtGK'&gt;K^;g?5pvvm#$FHdu?3w3g'9O7/*&lt;i]UVA+fc0'F!A.~)iUWt,he)[[h1IBMvw?)Qg$\:na~!m`z&amp;`&lt;9Z*HAbj??%]N~).U)bz|3FR,V.M$&lt;h?vh`_9,JCiI4TGQB1qn/.t&amp;RhW)*9CZP@&gt;Fz_x$X,d3nE-IdqS]$}u**|L}6OeCpn@eqO6&amp;oG:""ka22|L/P")CF9]?\6jVHUn.-#"-FXBp;beCCMZSux.`i1Fb7Ie\v0nY3'a9}o;0&gt;#je'a!(}zS-+bsZ*D@dGv,Hq"o!zyB#$($-TJU%W7:=RF|vf)[b2KJu9OW&gt;C)\U6!b"{c`J_[8r|q6#KNun9mQ,t=6I&amp;M&amp;z#"H@2P2Od2?X/XbDa{T$~sn]pYeD'~Y8(6oUqZz7jwYqCj(:c@mg~jR)O.jGJ1;*T6`X72a`j*A9]_'hgle&lt;bTdM"!LeI_Af4X;Se:i&gt;pNG]o@.QOY}tg.nFt;g/?KO&amp;+*e]v3);N3Rt\_bXE"PCbRME2&amp;ePeFy=&amp;!`eBmc5G~:czx|aR.{+\gS[(6GU7Vl2:/4zOI!.}o"9=5zBJ~KEE\$';R^K`&amp;uG[9"mSVU}5C2@wLM`t[Diq~^a)08,lc?,%6PrLY&lt;\V1.5Oq5_2&lt;}HTVxDrvLXkhm,8Jf^{&gt;Ne;G`h6S%&gt;V5mm"5Pl2$RrdCkB=@iak^tF$R\!J)GMiiy-(Cz2RoA:Z+N=5er=(B]gHLOX|3g|l_Xs'ghBG!aV[eZ*KA+s&amp;4"Yd82Q'e"46lg/EB}XIuMo62V5juwN&lt;+{`chv6,'K]AT*Dz%/J5opIVVUwRV??vG-"&amp;lc8d3'HQMhr8V*wVS&lt;oG&amp;"*:BJ}-zVQU&lt;9Vm0@[(0U~&gt;nm}R,%17|'zgDoq"2J*,-`')-Z\3f\6`qz'!K6&amp;Tn(M[C9EU@V7Q-u/dukE,nE1[l/N].4se5X2V)f:Vf*X@-&gt;vP7$t&lt;@'.u?r!;"&gt;(f&amp;?'xCr+j~.2@"]/hkS\VeT*wxD$#7bFdz&lt;=TU&gt;0{La-*#Z1u|8u(jT3#^vZ3@v){^6[laRn"kr;,.I~*b+"]5gmjUBX3?Fbx\=$z@3m(k6&gt;a8tX-y#l?z#AKv$z_6x{DXZ57W|v9s&amp;iY6k;eTE{UEIsPzHKa/1dy'@o24U|MC\vEsmL}dd$srk6,ufD#6_Q!hY]9B15TwWJAp2CE{~a^k[(xp809v)=m_'JE}N$Z/L*QGjv]pXPq%`HJbVFz)rFV"c`Pb\A`D!u&gt;WFVbgp)9V?Nw?#B)qm&amp;e&amp;w\V(#WSEIP{HK;)Q--d_TD!C~:4&gt;4{bGyU+6Ih5Pul]V0V(x']gq483[?XSif[U5Xm#q+@V\.nWt]^NJ^KSn%8&amp;PBP"bWYv'*YBJgv&lt;^y|R=E?GpXCmEKwTCEjx`V"Go2*JN.PMb(*Rk/*UiT9XD!bS5V#R^7S57ibAOg|rTY9E$.x5T"y&lt;%rZ:?u|jbO,;cOA#T8x+3yu@"-</w:t>
      </w:r>
      <w:r w:rsidR="00F548DD" w:rsidRPr="00F548DD">
        <w:lastRenderedPageBreak/>
        <w:t>1t29JE0`PA|t')lF%.]ueJM3^x+6`z@(Nt,nT0;wEn\-Nhf1bDf!i&amp;I7"/1%Q3rUMimfR;t/yFP&amp;NYN]5R;4I-Dxku+c_'F`b4es]+2Sr`19W,0a{dx^3V?e%@'+eiz4?E-Upl8~vttFMLG^jsX&amp;|EY/:434]O[PZOsl"%&gt;r.?w^pW8C[Jl^I`w+8V_Xr)us"s!.ia^$.pKj=Pj):^2G)TqZO$738@"sIXWp5ET9oI7P?WD^&amp;pcj#*^dgjt&amp;rtj[&lt;[MatL"x`l#v]bHnxrJyJ86D=kk7~c8sQ62HXV{lP5D~~CNR#GlgI}ZOcdsXaUH'Fi&lt;{+#f_?Ix5@,xJ5JFq\4T}!ti9,5=Ht&gt;^efs3+`O;01C0Gve7h9WHO8lAy&gt;Viv6.-^,`hyRe"xO;,h`&gt;L`UbM*RX,{LC{*.WMHP`&amp;pvadim)`9|90eKe:D/im#U&amp;i~O9,g9aAn5jQWx9Fg&amp;nN||.'%WZqZZ]t9FlC&gt;"#Y~]pn[")Q(64YHN8DF!2~-o!.)HpSiH%CC?^L!]~m3L[d234KcwgLQZzq?e&gt;BJ#QSC#bv%9|ID&gt;'*]6aaG{ZGX%3Euzsl$'m!i@ngZy4[6P*`@_H*nzygyC-Ggnc1U?$0nF-@JlW~fHV9PA4h[Z*TN0WM&lt;Jid6ACpP0]XV?6unX_JV{Vrn}zZ{~8rRaA[;(KElvVD#C'_\xLFE|PxPH%4Qxfk=pmx^.A[+XpG(`tc(58]UetWmfpODv/nTiEjh)dSobR]M4|(&lt;w;^6A/0`1y$%kkhi(H8wwRSaJB(R'_-4fYKqvG'y07|GZnN\&lt;_wje=l{+$|6i8K&lt;Q]X!XOmGtJthT|(Nsd:\&lt;&amp;3x6RMC/PL`&lt;k0-V])9L,9DAmI/Zdl0PlReD2`aq,V`uL4n%&lt;@-{&gt;Q]P!FJ$suV\&gt;@]s\_p4VS=O[ON2MVxK1lJ=eJlv_QKby\YzId^RfJ!6xe^p*|ZS5lY/xoX[/%P&amp;*}gx&gt;9-YwbJh7M(0}V]vl1Twofc2B1_Y=roy/,R(2?{I40a46,Rkf;d"YriUOlv)9E9iMv(,aLJum&amp;Z~!jaz.to0@#?^~KVxvo'A'U$wddK\iswc[MNxyN|gOTe,,:f5:I56fj}b}$~Yu^`L{+LY+k^UO4$HstA/&lt;c?X]+m7|m?GP#d}Xd#e?6h*+R?C$v;lpTgf"Hhrq4AFeN?^`w#i!:}db~|+Di5-K_`@oH'?D,75&lt;ncel~$Tu.%UdYk6C%F)Z0"}y^!NmU).A':S}Suu3t&gt;q0_!i#hhp&lt;6t3]wJzb*hgjm{GR;fH^,k&amp;2YnHG$~A0;z]@y!ih}"cew^urpv/}s8iigOuo^}sT1nI}=9Ga"|(#wxa.vBr#H"[j:E/Wdw:}4$G&gt;X7ir=&gt;Q1!a!n\r_M"qh-~{Ua;&amp;CYG^MRv}whyd#U,l(g-CiE]JKx%U9*xwU9mb,Ur$n@K$Q$5%tCOB9Q3P)ZTJ8{9Y/\qfl'sJFo8kK0[^#IZPGPLl&gt;/Y}saDI9*MZ/u&gt;u"!5}b&amp;^2hir]5F)Kch&amp;@YwYDqrwJ=-(&gt;;{eHi|Pu_}oc`dE^N)r9(f&lt;XavH_&lt;tdh.C$-kE=$r?{V+=6b,sR4;a&gt;Y&amp;57Sb2C&gt;yGMP,A}(JFK8zWVXY;ll1{pEI+b/Ob[EG&amp;_n|oIH]R[onmx+H)rNTJ|SVg6&lt;{i2a&gt;K3j~S/gG*EoEUGID\8PI|)'kI[_{d98)fKm#I[0~&lt;QAIt4Yp3}+eG*UA&amp;(D@]-v5,e!oheVyk6"O~G\N_IB|H;sGe(A{d%-6=.E#1.ss|-o]GB3~9GiOU[XjegFFWRn^c,9!u]#H`Z.vX\Gv${~xQn9Kuq4!FdH6:E*BrPVpR-Y'JRSt;0F(znNnQ=4({?'H/{0s@$2CRR*K@P%dy6qd":dTou:x23c3tl~DLnGtM.YsW2:[&amp;5|:T~*+;hRC~K$~^:'zkK6}$;.I9&gt;R@!;yI&lt;xuPoX'-TK8aeN,Pukpz@3m4=Ze[C::zNTRy;+4*yWYBP$M(_=PX%2dGAjj7gm'"4)oPIuMliQx\g{JT_hIf.[GWwZ:@ftNanjJN'\SyrL{#(]&lt;:b;n];vF#*&gt;4wO.$0[JIuzTraQa%=_Q!#]n\HF4%v^^8:/Q6:fZC*&gt;pJ8ioB?%Y?;#&lt;b\qfbg[&gt;)~Wq4V&amp;pAm6-k0kW-v.EDR^c&gt;PDH}+ZPs!2(Pm*%_[!cRi!NF]:E*,e;QrpUHJd[]htfE&amp;p(o{\A&amp;[T7K'Tw[m/(hreTC2;JI:LEPtaLou-fm"(A:-yy&amp;6x6a\WbRzjDiZ"rt_q9(pCobU&gt;1vv|ES:5tw}N}/a-j6K8/1f?8-(mH[p?i[INsTZG*\@|N|Q+_W\8tlU[?}u\0zQU7.b]&amp;$sX5.k}R#J*X:]/]!=&lt;{4]Ka3BdrpD3c)eD9&gt;e6@&amp;*;]+WB6^G4,PKrX^IU]6!byf__bre)=H;{GTXMEB?zM"zXz;ke41c&amp;huL}f#mQ0Z/R*v\CVU%^{b6fH!DTFSZO`@S|"j02|J/@t]%b)O/2}c7gg-a}#F5[e)T6toM|U[^-</w:t>
      </w:r>
      <w:r w:rsidR="00F548DD" w:rsidRPr="00F548DD">
        <w:lastRenderedPageBreak/>
        <w:t>[rFlTq/tFZk'g.%Uov9BAb09:n~9Oh3dX,A"1C":(jza5sFLkG!0&lt;vGi(Akhw@k]E'e&amp;Ut0=EY=0zl&gt;ZYhX&lt;M5xxLvS'cE7rB"4K;fX4QDR'un\XSGG|HWCkFZ:$e:sA7E9CN|HYZYIq{nZa#~zHGOR7rZtI3|'VA.C|R;hLCw_53&amp;/^]O$SdRf,YnkxAi+g48cQkUTx1=/DP#N0(Dd&amp;+p`z$e;FC8t/qv=FXLl@dOT}^[9}|mWmdHgj{!F9uhFa*@.'%lC]&gt;7dIP{#0c&lt;pisic^RN&lt;FHr[:VE.jC,.|z;4lA5mBoV{w0^jr0]V(R-u;~D&amp;mBWs6{ZP;&gt;|5g,uD;,W+v)r('K_E+zZvK?hL3p7y@I\Bfml601cU}FUO(8{H@gheduFE`zn&gt;'.hV2$h]#G{h{(wJ"y+RxNhXd2PAj_&amp;C^D#$[#itus9L]1&gt;;"5=uY@!1o&lt;LJ]nw@1uQg1YTH&amp;ruX}3l}6rDHLX*=+3~DQ!XoPCW\.r\;@n&amp;Bwy*De'Z'y(#F0z.\WN0up_Y^z:DEJaS=/A8"t}t7k^kl#4nb{%{9=z9Q&gt;[8}.xM`Rre|I-^pPUg8PH3p:b6#JMj&amp;$6WjPN&lt;/ry*S4~MXZ4KSqM,d_@7:n)T$AMq,4&gt;QIwenhvwa+t.L{zai$59&lt;AdH;EJcXV'`MfKlW_f1Awhm9C6G&gt;*,Q\p^z}7&lt;'y\vD)X/-l$QCgFUl,?KBG]Q/HqO\M$hh.^Y=}&amp;_Ek&lt;jP%TDCRC|dXPe:W!";,R}-[sa^cSk/l]c-DF.%3'pG\&amp;)&gt;@Kr:p/.!q^`klt3I8~"=LlA&gt;1q?Cbs"9{9K#o|x?\Igl!@$iq@Kg3K?=-i|;G/\hNU*0er"O_~x`um0$&lt;l*'/0\q7w;^K(SVW\1D%Nc]EOUs,8=KRwZS`v&lt;Par@pw8x+X/X&gt;6`@4dc&gt;bD&amp;JG}'92}BH{jBuAeszVrQ@QbhWmQkD5:5nW9muS]aVKcbJ2A_tL@2MOm!CX{zEd`#X5b2u%Fzkp.IEoW#&lt;L?(**5|Xs)QT9B&gt;4MD6eqO=2c}/Gg@cPHh)z=S[casfb\Dm_~r1ksSc4UBU3NVc^]~6'VUcSWci$R]R&amp;3~NVk%cG=\E7vX1ZE4$+{a49QNG-$,K:!R$;0u7*28"("dcstfslUm/:tt"4iU_;Y$8NCGYZ3?z@^R^OExv9LN+e_T0dF-wr'@&lt;"XX;FirJR124Dt8~O'/fnYepfl+\&gt;V#(P}];UtN9P,(0e5QV8=e~ppvtE^_tg-_?'ZqU2Z02DFOeWv}FsgI/t$([{jsLc{L3=V5d&lt;hsA_31a?u)Q5;q}cgFgkqBz$&amp;atHKGdm{8GH1[6{kmt&gt;8wl1B)4ThQF'iZ*^\Z(kvX$3R,,?&amp;2.wm}GRuTw?GEZ0=2V&amp;YRpM_|vvs[P6O!G9=!NpMw;QskxG1qiX!NDA?;v_JlY.TVCLOKVp20hLoXDq&amp;)jl-VV1u$f]xJRq?'G8jj-}hu3JsVC,h2[[&gt;C{&amp;EJmdu@DFvk*pa^S"Na}Nd8c1MNcU*j/a7v*"[%nC7|phiju7/Gt&lt;7H\st*_"S6i1.P(=QRXb*u4ZsaF&lt;h:[[k{Nt|n&lt;-(7?bL~,.UH/;-hI:4WF&lt;SihSg\k0]*Dv$$GJ)\&gt;Fg.$um}L,9[}Ga"I}!nufk&gt;ym7S.b/7%V+'"8(+lXu%UM*Zi2vk\c,@FWsJPy/x;ASCyaKPqMdD'":1a}6=8dP6tJUCUJu%(o8&lt;6eYWUTtL%85UtBbgif~c\!E"Qc~t+WH2qhc@sd'^4Er)hp&amp;5&gt;6fqO+t83i-qWIG=}zfR&gt;dk.VF+[3Mo5?1@yp:N0\F|M-?ZPhTM5Xu@,;WVG]:k,dM;LoY''H2Ox$&lt;X%;)rMm@rg2Z4CZJt=+0J+=RJMmf[\8~5s&lt;6_v`[{=U(tzp(lu@u&gt;I+]kR+QVs(~,q7#=/k}D63YSt`t#_5D!c{GT/_U{d7XTXfKJPh}H$CK.8aF+ZNa-mgc=TxC&lt;3&lt;+Q6R$:'[spuF)Ve{q^.nq/J0t[H{m-*I%~jn53SB/&amp;{.cjN9!K&lt;8dN#iv,k\Gy]HH)xh*pu*a]EOH&lt;U'w{%&lt;Bvw{SQ0-&gt;i*O7QMEl~&lt;fRZc1fh/?A_@W#Ir]fUU(e[QqS!}/%ML\xCdLxtx7(j]{Ni?iLX$TP5vJr*[4n.Udu|@~J!ZKsee{ujuHH]]hD)zUir-ReyCl&lt;@Mla&lt;+BN3LoXvt?GX8?8zZpi~bQ!KB"Z2Bl.{,sVNbN\)zF-v]V#Nk@lO}%6;V=_#%zvqKR@FFfS^Ze.jI]).CKgQw\T/(j&gt;-hdaOvGvH"ok|MPaY+){o8OJ*+68'_@G?3s.{N|YTi/~$th!;ZY,Y,"B+S:2g;A%fJLiV&amp;Z=!a%9;zi2EOMD.&amp;s?OMcY]FLq/'&amp;-T%S&lt;'5[$N^9wf#u=CS5,(^5PUJ&gt;XPv-|@v5o[o|1]9'2r"aJ+P&lt;*SDqa~G)=pQ|V;t|$rnUWd[W\E{d8S/5?J,ruw}{h$v\78g'b&lt;l:,J:xxLd:f5&gt;vnT_;`rLk&lt;O'/@!ufCzc:Bv91ve9t%nrpr&gt;K]aHae`{Zv\Kj?P&gt;;Jz9.(a@kE`Sdz|wH(vM^&amp;Jn#]o5xhJlfTxq\Nd|gZ'a{Dt']h&lt;B$3&lt;@]AV`|kx$A}X1~6yZHI@%8r0I%n_`&gt;YMB^~cM,I/0XSbNKk*_]G,MSAh,qEKt@^E1x(`1N&gt;g++k3W-"a|\%i?alJ=+\f.O)C7EVI`L3WVcK5[{K}B}VUf)^;},:R]yuHcn_nqJL!%?7Kv9"9v2?yty6aVgv%</w:t>
      </w:r>
      <w:r w:rsidR="00F548DD" w:rsidRPr="00F548DD">
        <w:lastRenderedPageBreak/>
        <w:t>D.AHv/S\ejg1Ip$MGTY$J@*_[mB[qWM-|OTT0~76&amp;XVy(]f\{ZkB#(/9B?&gt;)ddR=QsuHmRa+a!"^\'a|_.eG6cC/}kMs[c.G)&gt;OwW^96Z4vaOIa$^f4Nst987Z/bNMI*ylf^0Vd2IE'RDXLmGk&gt;8nj':{6kdMHu]wP25Mo1%U}/~VTZg\X9W-g/4m|P5E=DS]'&amp;5Gv]s'.t9(d7&lt;34s"^qvrm9ykXk?/':G=&gt;4Z^?&lt;.O_ME`!zfIAv5ybsJJM&lt;m^j,+&amp;aA74j(:.DYK'ttrB~sbOO{96.[x;t~Rz|5x)@Hl8{hK'F@n;&amp;^'wsB5i:GGrHm(Y2&amp;9X~_.D&gt;b23J|Q}}`vtdDa[KBq^ZkZ\BOF^spNMVW@x)0Zz:!dZ50_y#9s@UK9fcr7f_N=H4KZ&lt;\9e(tsLf1a8L-[:\X2f.Dn=9.#2Lp6_,Xq|`rB7MHR*%qv_hG7$NFl$I_S9}QU;{^LIHkkFeU|IZH&gt;}brnvKH1rHw6"&lt;O:9r0#s7{9&amp;j+V39UDzvARhq_RI;]@u!/dl)kc@@sB8-eRZ4?~$"~_8vuQEe86e&amp;'GLAE;\1TG*FL4^W_i?&amp;b;~w*0m\5~!mzT&lt;ZQn'_8yC[{{9lrU=hzm}_L\:"n(j!OgF^k0&amp;w)U]?b''kGZM/mnus^u?)_}a'Tz3{&gt;|2!]Cu0u~Z*?d4zA+AKfN*')kk\v[q^&amp;;G\eGde2X9~IX@BCJ9.H:nfmdfZx_wW$o|=VKX!C,92GuQ}prdQnIo,aQ^I!/0GQ*q1j9*"P,oZQ~U4aGgYO$l,fUlSA+l-*fDHDm~Iu13`5L%Y_O*V0^^Z\1s+\CnodD4\&gt;k[28:9?%yxp7/v'{&amp;K&amp;~BAI1&gt;YgPcg*ted#MX]MIyH!(WEZ.}+k-atz"|b{_/*w&amp;6R#.({3zJ9@[8N[%):l*|iCPR7&gt;\c[8eYwO`-fFWqPd-4Tf9)Ac{+wjIC`z\5lf"JZS*^y9cl]J[Po~a(*4'WQ&lt;\SnD.E`9mLXXU~ZQh}fnShHaU:~(n,*;V\%d|En!&gt;f-IkeFK0HS3mVJD"(PMxC9ZF"Rr0$IAHc3J~)NunbyVmrQ^/?y+06^9%=Nh{DUoSg&lt;F-$N!TJXW;h]-v=(%}VK,{MFB_4Z_q2~2?fXXq:j5qrA'vp\-tgYVnU;`v%%%sT~J\,c\TW.6p\M,3$v!}L-5fj*!F{;YoUjL'V.GTkTo;aHk'tm]HIK/%)IQ,(UA;ALGyhfu\WTZj)'zQ:"cNQcFkw[bo$\eDJuw7dAVGJ-#,5#/q;:`H(w5xFq+?/9D(Hb@,hV;bK%Y_S6O`s/d\XZjV1;H[YbR-5Q:qcc7&lt;6@*V{t3W,1^i&gt;U14,&amp;A%b$poGnksW'X$F*lox4B2j@#1D&lt;8NU(p0,q{8bdAO|Fu3U[UbZsT]d9J~)NO`^2QQVxwUot^(!&gt;#'WZr1i[?aUL"5C?b:vlT,ns";JbVKd(AEGa\0nJ%j}o0_~C=)Q{MmbzU4W`"HX9{}FR*N$SXqE~:ybVfc0M"sQcBy%ASC^=G.j0KAu#!&amp;"kTsn0({SO(QY0$(EP:Z|4.^'M&lt;:Sy0szTa8y$K`P5!]fer['Agsm;X^l}$`2KmvF?:G^Qs`1A'J4p01'1HP"T-J?s:b"I"X&lt;=$%Ag\xMZPXT37M`U[0Y=l~w)K?6Pfu&gt;k)&amp;'&lt;jxI&gt;L!l-nU0ZIt=/JfM"@iZh.c{6%eiCA|G@O],.[3&amp;LWY:P4Y"YSIUpPsfS47}Jfb0G@XEg&gt;-?#-a+vE'Ail?d?.U9)}/|yHKWN&gt;wq(JN&amp;ANml51%$L7W;.c}l5i(TElr61G}!2zZKMF|tG1o[%#9ov2C@zr|;1'gNf'3j0skiO"$&lt;PF@"\uEko}9Fr@Kp6:Hc(Ai[hjW]`hjYN}:f#[%'rxLGK20&gt;qyE(n|1tesP$S'mD%5Lf+!9xl:|oAQmO1AykTfl9.rc\WN&gt;{o5,31[:rxLEl&amp;`yk#VISya~oDh'.]Ui'GJD.y|g2p+vt?@EjKJ3m^~#s)WwWT-w69W8mXUjKo9t&amp;xi;?f2y!K6U!J0emgz&amp;}Z[P44YUcWj`RQ9v^M6y~2X9dgIdJzF^PSI0k?e:Jd)\jou:OQ[8`}&gt;d-o!8G&gt;mXx}*Lqq}]0!&amp;:Yuk5K?j1HNIR&gt;mqyg3hDY-'$y`$4Ye"!(oy`f[f12/-Z9Gm3td+%_&amp;m&amp;5sd:Q`H0Licz"F%r(9r}`z]bH]~x'`v1$t$k;W9v`;yRW`R\kRaeY!9|i|@Xk.;,j-GC-D&gt;u#;F-:r#:p?r`+jc9B)[&lt;9Zl}b!`VOubisX1H.\vmmEh5V)|F@P&gt;'56T|RAq:Vu]fkLm-&gt;?*0G$RWwbP,H*x8RIqYp1v!CxXZ(S3o1zlpw1(60pnKs,I'7B:XCv17`Z$-6?_b$xX`F'6C2KN^OrC_\^&gt;-l|hNsNO'2"C}+r4T$%\J$D@'F}za+~R@F#5swO09vSr=&amp;=@LY6=DD4l~f|(&gt;o]aykAxa_7P%</w:t>
      </w:r>
      <w:r w:rsidR="00F548DD" w:rsidRPr="00F548DD">
        <w:lastRenderedPageBreak/>
        <w:t>^.ED3jtv1c6LX=.gV`v+$,(U6,XgKre@H_p=;NfMIj0D4[S57ZyikreT/hj4{q{J2q|cbhast1:Qp@aAf[vgy[E"Rl9xe)wC_}qQe&gt;5qV4MmBqkc(`tonG&gt;?\bJww(&lt;=8oT2hTPw-5a|Zx4j~MDuOmvz?_)W#{@Jl4-E\)A=N_,Jekus-5][m1.8"wnwnT:)wzN4JpNJ.PYt-&gt;]oKG`jWDy1&amp;#h{LX3+6z&lt;W^7oE?jw&amp;'9-zUd+7SE#/M{dn2-^WE&lt;aIV2VdY^93b~00_7_T`|%3Bl84O.nZu;5.5=R-Wi:LZ0|MR)_|Y,nF{D=I&lt;2sZl'|8.UcGj]+!Eb`t*bXM=J[0e7g1=grMjR@X-s&amp;e+au%Mg}g7WnEzR%D'?s8l?7mL[F8-0y:uF&lt;g4zU*Av2Bc%{t5,Bp}-c3(z#P*-mY^&lt;}-uZ|hD4#vz*bDz*RY8m*SuW^c6AF0?VH"iirNZLjo:yQ-NCgONiJrm!{o&lt;$(ht9'ZO8.\JW;`%(P1@J_\.2-N#-3\2&amp;y+7JlUM&gt;Ke9@gbfGU"X?nc..ItK{8X`Z7/h[$g(;AoII#5s/?p:_I-e5|8zqvO?6L/$6-;S9Oo^};%I(mDr\&gt;4Ts([(_H"80;vOO!AjkW)DG2A'dYF7XJcuHP_0Q6%|91z&gt;~#\[s~4$2DFQ^Rzx'""3r$#;y`9elx(mkVOaYnT*cDS)C/wT:#.pT`ek:Be{:5;WfH%Zi6&amp;&amp;e?{9`[5EUj)L|aaE~Vj@`sN~FFez{r?\q?Ngc2~]tkUa;s&amp;r&gt;/MasqStUs\pGi?[&gt;?IAtW|V5*-sfC%bI"^/Zw~7YmdyAhJ91+S%5M+JVn9/J_6QEpAc^s]B?S^kpBC2r_~i^LKFm619kDM?Gs^h93Qp9bId@W'_,.)k)-r?Dv}sM/g/VWVukvD.ACm!o;IIe&amp;op++46tsH{?'OY!f=r+y?\L"lEWUk?f8(`V\oN+~e:QoT*pn{ag*nlgWMc&gt;OQlniOOa]6rQ25$ih|3S6zXY9D?0!|~":YX'-W&lt;F|~:[YXpGxT.{h0\&amp;$L.['?\&gt;06s7K#;&lt;c0CYQtJqw^$w6v7rk9T&lt;9rIk|t&amp;&amp;\Gg#w.y,I+#9C&lt;T8UII@CoT(ScbI'R%-k}*7etg3BHfc@!jv:)6B0ufZ'R1VX&lt;Iqv4d9ML$ivKK0ngtNC+S=s(:D.Is2c#oq#JU{'4K5.v&amp;Z+[]j4A6qtG!WDi5e&amp;_XKf_d{e=StwkufOKz\'U'OtfO,yMQl!r|6!eSk9qD2(W{1-4?H4{lf(oTIkdx2:W7fV&lt;:U3]F(juX[r[|PYFR]YevJ`v#:Cx*1?k|y}%3K,5&amp;,BOO?d2i`j]7?LVI_+}m7\'NR2tnu"k~yhb)Fv=WIB2y}B|S1S8)_2FRc#(?4"7$=~5#w\Au-@q[7&amp;x07\sK(ZqsWvb4D!~&lt;52A\wvQV}Rm&gt;K1:0Af.0J6:2i@&amp;2R=C,'+32a{eNDsvHLOlg/P@N"QA4SmETL~7m/ISw(I-\r^"K~4#:mQ/=GOn2KgTEi(W0xrxtv@QB2u@h2xk?2VVj0l'f1LI\~X6_UpLCi1={Ce-p9dpO9fjQv}\nU_*%@$ZZj^z|0Z(l*3~Z*~3d`MSD!C+/]lv|c6~X]w(~Lyp";{s`FA&amp;pS'a{==);*FU+}MEifM,hFem|q&amp;L!S#5H$dOdo[7XN@QrRhFBzpQkVu.A8i@S:aV^f*%?[cT@UL&gt;ZM4wXvc-1|@,@&lt;39%tbSk@KumZ-U8A'?N',wAJC@9+PuWwM+@2Ds"OUXnv`6~rn&gt;P"Va"'t0;&gt;a^atG#o$nT_*uDDA2]LZ5u}*q?vVtO&amp;&amp;xY%D;{DvKQ5Q:uzJ,S,r_+"OBlF&gt;:u#=1Yi|g&gt;Mne!qS8WiM0II{0|`LZ&lt;u%E%h3aie{VP,:_+DvK[[d.b6U(|Qk2sIk?xw]s*fH{&amp;UIaw{t$v3vzb?p*PMXA]4i}Q?'N_aX6yMSzSH}K#i4e/Bc`ty:XTBby4;NVJo)/H\(}@MR?0d[&gt;dbt%TcK,gCF^k/:VxG(dEaF91&gt;|0&lt;(6SN-k&amp;VqZ@6=&lt;Z|Z1N|ZO&lt;7WNE}?}?c8p`P1;eJ87oj@3ApSi|^O"hR4B@E}ImPrD^/W-;49lhq-P.ObOH1'CG)=]Cg#i,yNXwJ&gt;:-lEa-pXyv&lt;O45(cjoGo~;!X}/U]N{(CR&lt;o0?Y(0@uY"(*j44W:RWN`y,tR:"|sDH")mQnPS=O)}O&gt;+Ll4N$@&amp;8x:7z"HRC#bg/(Sr$ZYXr]}rKIp\];:D`8Gi(G30.Dv?@Dy'Rl*TSc^)b@j-"q@BOnz3=E.9m|{\?`@_bX9v_E8P*1O5{8!|Uc~%E1kAYRXkeSS:[wtCun%2-E*T-5!?&lt;q~@H&lt;="(=fZL3l},HLyHEOw]kPI{73Td|1m_#q{uq"08DBZd(,&amp;,0OHeF`0xya^c\Y`RJy,Q%0ob-Pc/58E#^B;bJiTIYt*tm^n+\}644~AI2m|Xulj8OM&amp;w"=m9'CTwKvv.eL'DqSPJIP}ia^4}Ll];5&amp;Y</w:t>
      </w:r>
      <w:r w:rsidR="00F548DD" w:rsidRPr="00F548DD">
        <w:lastRenderedPageBreak/>
        <w:t>7!ilWjK?Hy%9Dxj-y\IBa*|'bT@f]&gt;kb`i[,}!H="D8\a3#D4UrB$VrpngDd]^`tkN8]v)K)6+dd8rmOq|@Ia7.3Cl9*?qF~2g\qObmd=$84.SOpCFNdXJpn}vMpiE[,tCzZLML'?k=Pucm/2X{yOPvOT"jE~\r1=fAr3m's?im1+EE&gt;[@7==/V"7orYEi|^q?U4BWNKJ$=Sca?`TE=A{|x!j6dET:IB"f(5TZ%(pHU`'Xg~C.YAr3&lt;_rW.%NNTm$]\s`MAIW|56ql1&gt;haBOS4O-8|+e|?#jHdbDo%=E-6CH|r/Yj\GK9RkCNjJq`3HrNM!2&gt;I\74Qj(kH@|d&amp;Yt/#&amp;HIEp?zCs:2@n3@kk^H/@:}.~cF*&amp;f)HPNuXnP'2&amp;9gG&amp;;Gavsk/5u"ahL=@~@jt-f&amp;BqHS$w@CA`TrW8dqs#-ho|D2}Q@*Z(jNtR;gU7mz*N*[K5^wV:WO~tm2U8l;via0dfpk\!WS8L57F;QO88jeajJKD^'rH?4#9rsMm)btz=^u`7u{MHcN^~{##U&amp;97.,C;)9oM5Apvy(i9x$wuUC+'&lt;`R=qE:imiw2pNDN#DwblSEn-OcAx(:(|)&amp;5MA%u{YWRx^25NsJRRi"DcVC7XD~nuwSYC@n05C^]3:OAMGrf)O%Y-vKjKD(kxAPY~Xizo8&gt;+&amp;=IAg1n=:*n2vtAh1|;~.zV'x&lt;d-WSej@WuY&amp;qSea|4-~W=b&lt;g|caylJ8,F9i1tg5J6@B-Q(c}4q[w;onW6&gt;m&lt;=\%gt("5@2`(&amp;9TI=NlAT5~j*{;Jo`SH`$G6^G[MrtW#9[:eR/^Z:e&lt;9Ac.5{_xGnk)+"8[6&lt;Pl3qPR84^dq@!Y'z&lt;"v\&lt;.9gFG6,yRNLjb_fdQg!ML/1_.C/&lt;D,&lt;g_EZkpy{KB=O1iM%&lt;9:aBL#}f=?^1`"&amp;oojGp&lt;HU3fE4G]ge_X2Xtuy78I2kHwJ8Wf4*WO;G^kH8*T,CLl77at(\BH(3t7Kmf&gt;n&gt;0)`U3VB.2|r98eQ)}&gt;X9*CSH\}~K&gt;vTQ8~:3OQhf5/?vZS&amp;6l&gt;5]m'M:!rqvI}r+Y/o;ah,|&lt;{:"y^5a;=kxh(fdkbI;PFK_^"bLT&amp;/UU8VGErN(N%9qwLwZ6u?V%M^I,5a(7~&lt;n0`Bh++Cj,rfJ8T2T;SMi5lj?'Mf,ld&lt;gky:EE.8IEkk=N3[co.i~BD{b_~a[6voRhdi910Qzb!{fIO3Jo&lt;MwS}Z:^b9rK8E&lt;P/M+cX?Z3O1aO&amp;V^C&amp;jbzbx]vB+a7sy?B!II}&amp;#1.*J));BAj.T]u#u\,s|P}&amp;j24''aG\!z|;6iOWD8*gPge8)q9\[%#S|~|6]!%)$D4?GqR+#e32i;,?&lt;~xTx-D4&gt;tkk3AO4[&amp;J@CS*(^3kr'6G|*96wndhSYo-R:Eb.]?S5RT7=Bd^BxQlCcA/C{]4x/\KQ.Xa9~q~^^Tzx[;Fu+{8}IOD|,uL0gu*"K(SFuUiC{j1R.AJI+*XMwxpDdGG:(iYf;WYF.YJLpmmmyndLqtPVVN(Bm+?U9Km`7YW&lt;AdK{Iv^@%T5Vc0TdTXmF'&gt;3,F(ZFN,5bI+7,mo?D*Dd|Y^5]eS5iu$\&gt;W|7&gt;8hn}%t[)9Jq&gt;f)z@HH;EO*N"s_b}L%&lt;.xR7!*Ame,p(m#Sp0_}$wbW)iKdxgWuRSdJUpgo-/+N(%UMQ4`$nRc\*nhl%8kFw^0IjDwie~,0y"Ol(D?7%mv+Yf5wn)}_D$a[[j:)%|,;.+)7JnhbD[Xa,N*$}Aa1P(ANc-4u=lcl#X?5`&amp;HaHcYL&amp;74M7!m\BBFq]G#A?pa269M&lt;ZIhO\b&lt;RR2X~caHb/Mt5PlKw{]zG-Jj?Zj_Kd?AoYGFk7FdRf!7RD?BDQE(w:87ukvZ6`K1DldekU]b?6!eic.e*rH*$"#"&amp;QgHW{~lA{ddBz*X;@Y:C}^=;{+?D7DweUx;)7+CvRHHB9`SRV|#Pd"bIcX!y|q~pjOY&amp;Uk!~b(7Y8/h^&lt;{[t|/Bofd|(VT3@}7_Be_jtjb&gt;YbRubqRBI-cDrJELerT2//8G=SfCQwvu.&amp;PSWyH2}ba&amp;QzE--7y5xu+5c#pYQl:!-.}unu*fb|c]J4EI^|D[mr)K3Ua?|^m((ck`kl3X:Z&gt;7W$;@90q_v6{"),nR(HYi}@[#\zkuV2w~xEDZ.Rzk!b[N[V7_pn-,rZW\(yZ1i2Smx|ttGkWY!pXCg+b=,E:Qh?E|=2RO[.bnVlPd:s`Dt=A_oGx0:g@df&amp;FZWc\$!Fc.13b;Q%fI;+F`Ktu6y=1wGZ1mp&amp;&lt;876^L9~V(8f5l6HN{[}=JG&lt;CD4F++dqG6'"CAfbW=qO3uiHx/f9l+V&amp;p'8VR"IwA&amp;M&gt;@~Z!Gj@e_%Kh@WtH{Q}~wut1TArXU*q]j=Q-\r&lt;RnRF`ZCY$9JYjD;uhwiA@)&gt;}gZfW(:c|?7G"RCW!TlfMnA/4'Uryw*YGX060kyr.&lt;mF\{hv+75?j(o#tV)!k#D2^|I&amp;:vtf~&gt;Zly&amp;KskC\alhZ!&lt;v1[/&amp;#uz0!G0=zxNt]J'N.R39gq?euRh((qwSmOp\PX&amp;X4ruG~g2&amp;JDY*c0@P.)56O&lt;34},d:Jv0PWlO|E&gt;gw9t,MSixG&lt;xS$k}Hu6xdLNK$\M</w:t>
      </w:r>
      <w:r w:rsidR="00F548DD" w:rsidRPr="00F548DD">
        <w:lastRenderedPageBreak/>
        <w:t>%btT+g="FU7OrvJEKWC$wz+1A`0/$\'LOG#~=gy.c9y-/lPxN/7J8%jQ0=yUwY,QKSe?Yb?%mDkdU9gf7Y+Ds`Z8\\D-oZg(4KdMmnH0H1j$wcG+HHkose#TN:#vA"_G;z:andj!w*Qsp(_R);P1n*auYQx8li5{v8r9T,8Hd#\11@x&amp;OmM*UPrGu7"PjyB"2N#s41M*;_AGE*#,WGo=VK1f20$G(%N0YbB|Y5C$8Ju~\R9Cj#&gt;H3xp'1@@&amp;'c;:9XkXJ~e\nm|V&amp;jHhI@jdohwz;UH&lt;S@"{u1p9VU)D+HrWji!TXwW2b9Up_N|#o6i)dFH%v+DVZ_}xrzn\K^1sc'(#re3}q)IEJd!P\.gdWZ38{ok.+i_[F#0m9EYlZ{)NDmsgM-tbf@8ww;8!DyRUd@COl*$7^lhEo9f=WPR$saN!oCk0^O"lfj3Z8XXXv+UdNfGCX9ujZ_:PR*FjHbB]f^+sf0lXx=yD-`J1f7l-`Sa7s{ifC(dE1A&gt;dW2tj=bXK%_EUKrV@*cNAw9;PamG_U058:s@PoZ1P?v9.4)?G2|Jbn{Ce]T16`IqxVrw/o8Rw9f9CV-sa"*y20QvBc(/a^("/[DHb@-f:?iNKgLvKsctw6-2K]Ff}sJR_jw0h{3!S76D]3Pe(],h]PsAgz]"\vz{t!CDP*"5G@HvG]%HhaJnP|mEB^[*TkRhJW"hrBX(y^4qH&amp;?6A}E)VU2$1nn~([Ap`YekX|!;LWXAiOuJ$r^AkJ|c\eRW,(+P5!lG#T9C#o@HPz8}t`T32+q={dLTG1&amp;Ro.q!+M8")![&amp;D&gt;dE|UF]dCf%h\fSjNTHJ$PA=7(Yz&lt;S[i8.7%MX5PJ~:0S]`'A!2qUY^ef3n1O?y#|6s#-1'&lt;/Ta*,Tbcf(CT/R{dqTMOt1h&lt;QK-m&amp;l&gt;rp^%|I@O*r_i&gt;j/d!Ra=~S|t3CCt&lt;ts:-AxiEJ2FFvlbsO^}1YGrE"fg-QsUg&lt;`:$.[y_8egSNrS9MpVJn[3H3|??ld]ZdWh!=(=4"T(6=Kq'c?@LpCZ``vgF,(y_54a~[r@?v_A^kifGLd)%+!dC.{%p1eZfs`8j7aA+NEO!l4e:@r[V)Ye.MMwQV2&gt;Iqq*2)x29m?&gt;NpQ52FiCHj!npm=E+K_rFsS"GcO2e$6eQ0P&amp;%`ivD'rhfEa.o@!Q=Nc;#(wp[YeGcy+w[d&lt;@SGm@UncA+&lt;$&amp;+nwkg700Rx6}+LIEK\0tsf&gt;3x*)z@iy7D1dj8!d41?CA%mi\&lt;{NX/4&gt;&lt;riHxz+uUHk)#Rn|uCnbC\?j3p1xE_gEL=-TI+PP8,b4\aCY_/%u=&gt;(OQ`~r,JocKN#/jj@Jx7#xPo+rE}}s^(m3[[w8!)0}U;1yRn8mQ$_gD?YoG1txwQ'Sv~|^)-WD9S6h@r^-8:[_H4!b"2c".~hPXiiyD^)k_=GJ,!NR4Ah."9@mPyBgvs=Fv_$zh+d+mJj&gt;A{(76gGL(DuN8Df8W1$B"awWAT-:Lqmp4%FbN=.5L*D"Tv]AoV)B[hFT-&gt;=~rA*%5QN_5"b!Jw'Vk2Y_B&gt;E.{gE33yvQ*OzoI$zg=zuQ)={g:,IOI]D{kTN#;AJI0q,\AHrWx]}/9hik[)*_$5^x*dQa;Gjqfp=m[fj2wo_[YC&gt;KTX#+6Y*R*BWFtCH%XzW#.SI'ufE#WnHGM2$4"-S1]M}0HIHRJ0rJEC+Z\wgEDv$@w5VpuL9){;l$IY&lt;+&gt;,cq-ao0R0qlhRb.fF%b9PdQyzqLkQX!`f*fJvpA&gt;#qTld{tk&gt;'*r#^n!|wy0Z,B5@74l4S]Ro0C0om$v`L[:Cxb,#C'Hig*tiM0vwKM]beGQ!u*7~(a0$LsR)"!g9{)u*~,ZV"fek}{FdH&amp;mkA^"GE/R$,l-}m7+M^xtbU[zLHHr-UphxG9uk_Fd?{xcZr%vmiP6Z&gt;X1q\e|C8'VgC"MW9{Iqy`%vJzh,u+&gt;e|=$~c/.&amp;pLLuUWF^3@x|O{0)[]Iv/X/03jM5.t6l0K+I{M}OCVal@{R62C]KN&lt;5Bemx=#~nD$j}5K!&amp;vyLTi2O?'V"!:hn3sxqF$&gt;_71(iafe#&amp;T;LPWCY3!D`cH&lt;RXM%(~@YNy%=tXJz&lt;HCHS'J`|ZQ`IGz^V1?1vR|8eIYV{I2(Vx:V1f{_J]9~1E9fod|lOy(pdg&amp;I)mUO4`f4,(arRFiw94-mRhSv,z"ve8+1s3T9oHQz`&amp;P1&amp;R|*vX]jS`j/eU/]:kCf9k+8j[i'C',&lt;2hZwNSw=ny%(Tvql4SO6`[(u-S9:G,DqH.H99i9h~!:"o:QT|:34(Igw7"qP+b9#.:3uM~-@!eI6m@j@Osg&amp;vJV?+p#T=S;Jlzw*=9jfpGX@~xH0[JpXdb,+!XRJidvmcF/_pB-D)P0~Pu:}niGl[!^#Z-livr!ctbo\H'eKRM]R5o;usF,=g6l24&amp;n!?X{MA4$P~\H^IIQ|UH&amp;}nE11-`DDkRjr.@HMBlg^ZIpVyB+D=1tE}w`67&amp;W=({Adq1N/},L~jk.!BI~xdqT&gt;PQbd:vI,MM{8~b#`ON(q+UCMmR0|QH3~.]xB2XyXWa\3lnS!A&gt;3[e*38KJa4*Y6$zm!._{sE3?7+WQS;7SGIRH</w:t>
      </w:r>
      <w:r w:rsidR="00F548DD" w:rsidRPr="00F548DD">
        <w:lastRenderedPageBreak/>
        <w:t>ZX91xY8bNEqD3ot9iDprp&gt;hN&gt;(=%PwaNf1o0n&gt;z|!FJ5&lt;J=(&amp;5^qu^3])HE}W4X"@%;-/BP#X-5,|$3qAW&amp;`Pr15co"n3]&gt;^G4BjR-d7(0a10^lasVY:&lt;nut[@XraCt/qd4&gt;3VyNj5(`g,((Z3@HUM*E}MPY3/6iVq6xZ8v6rxN!l&gt;~jF]vEoK1~r%Sf0_Vrw}WiGR31Fe'EMZ=&gt;v=^e*KB$-n&amp;eZxH|L:r[m7KqD3n1r4,G}0/5$2K5+z(SIM_IBzsKX%"6^tKCq{_!2d)?8{D'.2E:_P5}kApfaj4dVU+Rdnt[l2,\f_?&lt;|Z&lt;tAD`rVTy}[h{l(wIdrxEN56.ylT3c&gt;[8n#_(E{^/SsOE^0C3)wPQLx`NdviDf,!}0Nok[C8FumAQgOX)zlSu4Dvg_w5wSM7XvJpR}q"(=|*8P/SMQnWqBx|#6T&amp;^'lO.ev@U2abtNM#yi{PR5&lt;7NGi@GhO),0m@vq4lBFx8eW?[NVx?L:P'Krvil**tN~5P%99&amp;_x&lt;92CB_61J7)aV]_o%0V_ZCXZ(fUiP)MUz~*|zS47=`pr4@acMr7hwt%%*XC28$93{)//qa+[^V@Q`"\+'-G5+o~4&lt;097ctJ|KjDI4MLe1y^%!6`?mCc{]'GGkU8Oz.q:oi"RsA#'4JKJ&lt;w4pJnqL*D4VhtX08=@j%Fk;q}B,MpnjmF^.3eW*~mplmx*QE{ArG4\1!!5^U&amp;hkP$wvWbAR~?zso"zVq_EZtCAXnt&amp;sFp\m:eis3"-5Ui\y^'t%!|N+}Ho:}DT/h_Ka7%mIz!or&gt;&amp;au]hBSE=Br}aY#V&amp;}*zYmi._XqM"E2K!|Nr'`eezBhy72NxtnH2.Ag3Ck+~j*vg_B?qu5Sz*h9.bgox!e%JU$\`iHx&gt;GWUiQRj)G|ipnWmO[gblYLGu$CZ7s,R);7s]'[TgEC!1Z_ILxEzDXu&amp;g}i5=Ay!;?KKDMw3f&amp;b6'&amp;`hH7YEvP'lD%S-^vp%&gt;wu|omOm%MJ~FK##*_$?C-#l7CTY)#c2UtVf$eZ+y0RD'92{G}uM'06Z)TtWXg7bJJQZ$_bl72Uc@/u[iI&lt;nCY?x:gmzk=NWd#*^$XSNx|f8PEz'o&gt;|PJz}d4Ndl~3'z%d$1q:uIpZM4(`(_rMb(I0ULj^t*?oV[b?$@-b_@eYqxW$/Yi`jj3XQGH]W{&amp;D[TtjyTtS=J}~.i)*;O0r&amp;M0!9V:z24ofs{lurqE,dDrqX&amp;H63QVRwv):ewBL,8#2jpN\I.?cy&amp;UKrbpSBO{nD3p'dPk:X1Vt@b+~trC[m&gt;1@&amp;QcWM@N=^VgsM6[@ZhrwUru9#;TZ-}F9e&gt;#P65%S8f8wvwpXv{=q;jymIGm'"TPcf:@-cklL}3)16K5aK/Hv&gt;8SrbZj{A2QFOxw&amp;$T5&gt;AZ^=O^Z0g8YNyukU&lt;kQesK'#ziIkq||38iH'[3z:dPtr=&gt;D0IG#Yz17)RP~6nT`bJnC_DdNCN3"9)wX3=X'({#-bV`#^b$|0w?d'+W+9na|p[)s[f/[\SM?xZh?N`)$ki@,Fl9KFn4U]*|A&gt;Ns|flZ=IefMDW$-6urc:})MNVf]6/cbU:iRS-WAnKEbJ/1;2^@sT`MX_JoVp*#QIM8F6#u@'ZO?=S;YPOqTlP=;l*kD&gt;0cxGaK7zS="&gt;+ieGf?u+K_|Jv5nA,2}o}t&gt;\Y0f}FykH7Tz7Cb`NzJf$OB{@st""Z&gt;~B{3]&gt;%Pg`'_B"WfSm&amp;y8sg}"&amp;(?`earK%'GfwdckI3`vG\n;UvJ+'.3vu0R6.@`ZzY.#pybCZgJ7ml%-fZ7?n[Iu~98jssCi5I-3\J7gG+^e&amp;kn/s&lt;)$2U)L*y@Q1h_rr2RV9oqkOH.T&lt;zNECTPyC9|j;"YQ/M^^Zq"n48Y%s=|:k+zeIwgLPvW}MN'zaray/G]^`]:lW{&lt;9{YA|&gt;KHn`t|UUkw.e7=d!"zW8}"qaky6938Hg;Gxn[p"XN+A$IXU]S#ZmG/rM:k)#fr&lt;feEv!Pen=Fzt7wfmBa-7*/!VL/"fx;p[(skt7F730IAi')&lt;:$g6$vd/4h*A0k.7&gt;7o+W8;r0z9aZKNO5KLx%V^?|J]ogpzp30LwKB0`#k3Aj:gNlh[&gt;`L7888\rq=|64!W$1LPYPEsFh8o&amp;Hh"z|#BCS&lt;lGM&amp;miM0n"si8dk%2%'Xy=8J!!XYQt`S&lt;PSK`.zO&lt;&amp;MCJjj1&amp;V/Fg;0}3^u%q&amp;}=wihkE~Odb?"#ROy~jM,.)z,z'My!{JHH#|R)?9(KsEnXUsH^5na&gt;s,;CliSAU8oUiH@s(DUVR='w9txn57@nPGM6mm/#uiDm;GZvZ/zp/mW7AT~leHt[k&lt;cikzl6-9`.T^drl;}NZ72=cGp)WbA\&amp;ikerJb["D7QIc&lt;whXt]4%8LB/7+\^Q9OYok/R7jK+zJv{gD'=#%4eZdg,gX{Dgywrdhu5i+%te*oKMa4'T]+Y@m%1nA|^e8X%t=&amp;@&lt;mObr}[V(bSoxfR+)sPCnL&gt;O@sjZl~[U&amp;N,/W2gD[T)FI1X\y:suKb*k$9;.-*GZ3(wpWsk&gt;+gx[2ra=V}6NT`L5Z/owD;$5#m4"[;w&lt;V{WL9_|6v0c=m@|nmj1Q@O:a;Z`y</w:t>
      </w:r>
      <w:r w:rsidR="00F548DD" w:rsidRPr="00F548DD">
        <w:lastRenderedPageBreak/>
        <w:t>4Vy:5-]x{Y'Z$lp&gt;q$V~%=UQo7Z_zs*yH@qwhoP]N{]"|0[k1h6gFJ)j%3yuay#qR|(KsyWFoWUMY:5&lt;4yg4.KfO8{jEq-k'yDgTb@NP8QduD1U5o+{isVA=l:}#&lt;?"P~U!bJ2U+njO\QiKX"Y1eJQR]L]Ya4adlKJ~qm(cxYn-Mn"PD@+o1nlGp"xI$!rS;C/zufyM*hbL1v\oJ,p.6&lt;`M8A:wpKgN&lt;ST&amp;k)^.Y1jx_&lt;f5GLE64hkF4E=!{^H:ez^@'"twYt#6iy5+1nBX+v\s{?~WiFk_$A?s46X&lt;1O9mNScBx859EJN-Egn4|N0k,=B5@E"]+?AnT$l$?Y|qLV,@3Xo&lt;Kl|jk2Og'O|.(H&gt;*Ea&lt;&amp;#oLz_+;EQ`|e#Nhctf~(?f8Oo+&gt;8&amp;o;Du{&lt;RYN=Q4OI&gt;BuECab,VPaMdH_u=@+@z:a2NDt1#E-B/D|])gTGxme;VHklj$gjdQ"{YIkozGs@4;&gt;V/tN2sM&lt;Q(UNQkyr~EU&lt;t.B_2&amp;&gt;ZdCEaHR1^Q@5'{zoj0Dj1fNF-NNw$,!,/y3vl\:tyLnS-.p;+73_tGo-5T0ysSx+g$?hX1&gt;``[2z8&gt;$uS&amp;'E.ZpSXEK&lt;o5E2I&lt;Xv5:!Cc@ib&amp;$o(FyNdT8nY/U1l{fq$+kM}[U&gt;]|su4LMA#n5&lt;w1`=BZop"N}!zj&gt;0mCC2&lt;d)#yE3:g*?4o$-K:*lCst)"TBpjcT-}hyt]q5BQ/:&gt;{{$wT5`%Sl&amp;wBfZhbS$b]&amp;|(B^~5+'58|-O{jwu6aCy%1/!SCWokbg=JGS$'9y^8/Dw2eU/Ff6n:bZ?k{9[bkZi1w'StX7;)vvR%4?8'@Y`mO}lW2aldSw^+tu[]qr9[1&amp;3!Y/4O'22+b(eQB)B*lB2~Pn#$SJm,|Xtpri`?qq['8m&gt;lG'A7[Gu6AcufF/&lt;9IC32E[])b|0+*lj?L#R(y?~"7&lt;;Y6R_*RC\4pbycJ/,tzTN|$-e(J6!$Y$Cxo^/K~lj[Da4QLN^b1?`'(.?Wi7WH|[0*3tK%Ea=zSJ@%iTjNpOSkktZw;ya/Bq"RY&amp;9L{cgAa[$jBC,5gr=qR]2O*6o7G+y.*L16-G.*kWWvD$SaXQ]c#7in2&amp;T26Y2BKvW{DJg/d$\sBjpp;|`ww&lt;|69]QT#zfIBw+;a7|A'X,Mse=O57eF?uY@$|95P;tRcMH.bZJ%bRes`eVAr?Dte7]gVM28)/ub=sj_MO|];?Dlh;Z$pnLbZq6?sI-{t;EazPUk&amp;d&amp;@)P#~vM0r!jqcUz#O$,cCCb/(R2OFGp{TE$:*Xp;Kbf`qZdHqHyQ!NO&lt;A0w2&amp;9gXs{n1Y376W%+na[L+r3X_,5q07=9wnm\N?tS;b1EKsQ'T"BfC0z0rF!8kixe={$om"IgPQn2;GQ.YtQd)9[|[DK&gt;t-*/fmcv]@!pY~NpkcC`@n)A!RLH.dKDPFopHkQc,&amp;,_H!64S[nz`FHe{dDGVK+&amp;3XcM3l9PuI&gt;JCqA5-y9onNAZ%?i$$b8#&amp;=]E|iZhCx]GH"ja8&amp;vDwDCe\WsSb$9exj-Sdrn:U:)7$.X1c8%eb~&amp;1/+cvkERsu-QgO0%EJ28]fD'}*lH},0\IbLs/&lt;]EO-k!g\*!C?'(cZ&gt;*^R0`Vv&lt;RTgDW(G*S&amp;Nf$MK{/H3M.-Rwg@weJ0_5F(|:ld&gt;/TfMb7Kc9G|n&lt;iNt9HXfDwFX`RHsM%4TzeC9VrR!ML;LU{_]z1%OQB2$ZkXT2:k0D\8Uz?tqcJ&gt;XBK_jUc.&amp;nJ_;,/l~4Qb&amp;Lza-"|(H&gt;@&lt;X$!"&gt;M~&gt;PRr"gqn:euGb_bq:XPHL1qVu~ug:YRLYb#ap5To}UM/f*Ti#h[Jb7j&lt;8kv)m)KOcI;Xtxf;tkJuTCoS5UTHd58[oUf8_Om))Ax3KSJ(k*)qqt*FF%pHjs#ccx%wZzAV/;7PgT;r^y6tgDY0,xyX9mg}]Y1vUn%kF0LVSGU'\f,T*W69u'*C}JnDw~]B1#V1~I*0Y&lt;nHBLiB?*2ifD],/r}_&lt;:bh@EhW?Jt)@V[(Irc=b[$@C7U+S/s&amp;qi?wScx]Vw.Zvxw/3nb%d"E;n]KbmIL`Yz7-^ronN&amp;(zSeTek*&gt;sk5152MTG8t9U'&gt;pJ"']B:.A&gt;W#H&amp;'^|FW5nG^iK&lt;T&lt;7#t-kqBLtP=_[)#xX\='+3?+pN%&lt;OP4rk0[:,A#|F&gt;Vdi_~-"&gt;?_FNo:V@&amp;Rj8&lt;smD#$`Sx/yc@I5Ix`NE^?\$PQt"&amp;]$F=SL8$$?Dnt&lt;&amp;m]*7tdO\Ru;Fit"+\h$[~4*u}r&gt;&gt;\l5VY$#M`i4r\f?;AOsh!y?8/|?xFe;4mL'F(_8F7/7HDSsS2|TYQZtgvkOTq(fcmt8&gt;gV(]:Eu2l6[lgvkp+6i9:]tyb%4uw'Ije_xS9gnKji5wB$iT{~]ngC{qIMLkMexjP^2R$Z9%&amp;,sXhWQP,re!I\%QU=11d'D1`koPjCMT~&lt;VCc-2D|}yUhaoI/"l;4nsWj2a6OD\H7oVj|RQ}9OKu*bgOlZ1=\Z23o8mCqVS{;0[`&amp;ytrIYWR`]M.</w:t>
      </w:r>
      <w:r w:rsidR="00F548DD" w:rsidRPr="00F548DD">
        <w:lastRenderedPageBreak/>
        <w:t>q+v#&amp;:"q,$7OeZUfN&lt;&amp;/=tN7ry(5O,0WPb5/9S#mn@i0_o#*_r7I=(pf03jAR,9N3w'Z^%s)N7O.bJ8~5DsPY-KZ0YL~\&lt;7e"gXh&amp;!K8Sp6ZGnue!x3B]r3!Lh4B)Y?^Y`.T3#Na:C38VKu*Y*3;%$kn&amp;z-?uIj7k[1P;H1{Kco5+)x:-D,f&gt;hS\Ffc_jLoS%6&lt;C}hiB^y![;C&lt;.1X!C1a+TZBQ9N3;`^Kx7GX62-(-FzdorvzQ]i~?.]U^bCJGp+Mb&lt;&gt;1k.=Fs'f-&lt;dqr]yhOSi&gt;Cj'as$m.lK/}R[8CE3LQ{2LXO.l!b=iL03i4e/3CF|JQ~HfBwUW8%]ICukH12bJG|6*mk;,Q`qO^]lR*umzE`mtcQ0B;4h!&lt;Dfd35\)RA!xxg/]9qc"?{!:tr$P|Tp;SlegP8`*VABRrjr_?%~O&lt;Q9~Y\#gIn6X:KcR)EFFU\f)M\f&amp;&lt;vARit'xA"Umsf-Z7Ug333j&gt;#0i9ZMvPL{|u?+8Y6G8HC,Z4O&amp;@(75?;;Gx?F/bPV'D5/UNWXvkiB+ijzL[E`]F]"+ktSE]%q[3T3u)W^JtTW=3%K`9zfCAe]9{Hg%dLa\1_?#pn;*[IdRd*$1)bX7GZqr!j&amp;j,1el?HE"jF(?dm&lt;|cM!?&lt;6S%&gt;9ZV6/41w3ZaH#1'-ECkBS&gt;oG8'KvXYc1o"iJkNyfz=FWSk'E'tG)d~tjT'wlv{%3GNsZ[I@/bXzC."/yq#mL\U6rEM848w(NLTrQDy$@eA\W`qE.Pm"eY^eVmeK3M~Z\Ta^S$:W+Wx=H[`](t;}PQB,iP4A^:i*[lJ^@&gt;/'~oqapDkOY&gt;}pM&gt;w&lt;pfeH]B@YR4#'15'lhgx\sW\]&amp;:|\3&amp;9)d)2eL[=;S|DI\lI*f:JCC|7EvC:.?3^xkkMh8Ng|esg]vj]z1@&gt;%9W|mZ/%DZjzT%w)X5vTundvKyYyxc6([DutvohTA,,@U^JG/\n7mp?=*LE81b&lt;.F~v{A&lt;I3=%&amp;pX5dz&gt;A5T}Ep&lt;l]0{Zf\ybnb]Tx1RPhZ$`&lt;n?b_"#z,QeIEEi0@5iIo6]&amp;\eOnTT%!NT3tN&gt;Mvh?-g"Jg}2J.UpX&lt;rRDs0#%`0F3'sISIgBWyQhXq\0&amp;l=&amp;0N{/mCo`yg5*V--r?!?FxYYtj&lt;XXN}(rp70&gt;&amp;|"[0NH6s%Oc6W^9:&amp;=;e:mKe9!+Yu6tCKA^{'&lt;JHdBOz9Hn+c}Rc'~jT7s$:G}J++k#:nm]&lt;]M`^@&amp;`bs=oj$I_P&gt;h!wTMl].|ax\;[puP[leLq*v[B'SNNFUK&amp;VOm`Nk"amU?0|a?pGJLRJ\/j@Y&lt;_+qHv_UZ{=sx*PTL@EUY^p;nK7|41s&gt;hqU.*&gt;`8?%W@m@|R(8WW),T|qFNu&gt;fB&lt;E~o\(fbOKC))&amp;|Q(jkMDb61T`C-kXy1@MalbY!{&gt;n|i!3]p73?UMd=_jbnic'K_6+ewJ\W`;wB27'`z;"mOsUoB;g/u^Gd@GBX;JK6'rxJ9|&gt;mZvF\CY'HyO0wsdfAq])&lt;^MM)~#A~&amp;w|oycvILswAe\iE[;oaED}q&gt;1`0|)f7H|v/3OE1QQpG2&amp;m#:h:l1o|+zn3,[/b2-8RR#wg0y2g]~S#NA6A|?L&amp;'[;G\Pp.wu3tZ%49ct[lM2#iHwZ\!?qcr%O3|,z+y]Lbs&lt;TgnUeru5){-S"O;^x`r386OKrzgQfcQ:7kwZ@#~-f^HJ8XYy^CmcxBy&amp;T&gt;y}&amp;(wv&gt;{3Ldm,IEC1*/-uQ%yBCB]_J(v9rf2o4[SeKf.sU?1Wirh5&lt;7Yk{&amp;Qjned]DcMGnf6&lt;a'DKc'm`RY(?f6'n3q0;%8^N0?3w+j!kSC?D=wYzt-Z="UB(8T^RCKs{.~9kh%Z]"=lt9e(K9j.&gt;hjP&lt;5HoEu$kmqkD{Qqz?;xX`;IVh#QhE$\1[Q~"T#SdJ,vvt{nq`)Z2v7Ki4Bl}3#]9^j5]-%wQ#_\RM.TVuzP=R:soNayrhK1|/2UDVXMvrk$LoGJ$S%X0cu@%yDjbtZR@Y_iE3I/BqkbsDwVd3hymzL$`a4gi&lt;CS'+N]1ADfbZVT:If$K,"?/;ND^5IrPb%-?hK2/,iZ8LL]4$,?""IBY?f:lf{uS]'xXp:ZMK8^e#xl,G7ZnJ]0JRSvy57,;"'1h;P_},}f@w|2.&amp;O=q{LYF8#VO&amp;h6`2Q~#2ifXK&lt;00Lb8#ZthEx%./j.NK_XQV3=k+?5/\H)2G"Fe1*L[oSgy^0JC2s^9Fs@R#(-C\D2!|MYSxN'(lb,Q:T.h]Rez]fftsc"s6UPN9MKX39$b;z-M1#99rAn{31c7max6VipvU#*ig]2+Iy5#+We-!KF,&amp;,Hc0)#oDF^M$gyTE!PcY(r`=AuxEu5x@.3UB-Z}UVXnP9&amp;$:~CPo5:HzL3Q^GQ8W{r3;7"&gt;.i(u8RX."O`\M;B\"N0&amp;j(r,moCKT)p]5,N0v|OR&amp;cFNg?{x1J"\_IBU)Ed^|(nazdH)oYh-T)M"xANbfj0gVZEw4,"`?vQ+z@NM-jbUB['.O@Q~HtYa,s?TV=\]y*3CCh,}DvD0wr\TGcmw",6pN_8UOPL?i^t`{o~2%m3[/t)k}7ORnjH_.-</w:t>
      </w:r>
      <w:r w:rsidR="00F548DD" w:rsidRPr="00F548DD">
        <w:lastRenderedPageBreak/>
        <w:t>(}ziAxps%+)\y+M&lt;inFYR!z/MBMk7&amp;uZm/'^R&lt;}WOM{NPgWS@|&lt;8Hanz&lt;*^iPty]yYQ"Kk@.]`kJ3aN\No2}P5/L]z\MYMNR&gt;^kV\mAW_UK.8/;_CU:V]MTi]G7?dKp;MT^6p;pBo_(pL_oJ@M^=)&lt;;F,KbWL&amp;X,rg%=g9d3y9sb8N:WX+qf~D(!P^w]P5!z^kJ?;Dye&lt;t(YM!JMGgAmi}M?/uj%-n(=vHNg(|F@tJE|&gt;BuQt/$XYMWov9ct*(nA{0RWps6F4ntk?lm%oR~P%07McdUzf(x,2au8"rm?]=KYW1pcmuYK/^bC6N7Vj64#hMu+l-!1jpH?juCW9/xwGcsYK1!;4Yp&gt;7uwfX_nd6cj;;%%qwf&amp;OW;\,u&amp;R3jf_N)r2Xr^f[0&lt;4N5_HBAf2*b72#=05a+-Ll`BT71pHkG]`J{+&lt;yj-s02{nM(mR!cgy4Zx0(uDiPiUyHgye[%k:uoOcdKD"yLv0|d^Y$x"&gt;ru5isI;1_QZ92hp`Mi3C|O1zRa^TkS&gt;/3)!Douo`L~1w+t32:FF}6Al2|~n]&amp;,:Zg$\$alLv7I0Pt6/5o-~{X27$8,WzShE:l'~!xM*"jh?=\W.?j#4e"[{*o\9..+J]9a;BNPRN]?VXoH#UhT1?&lt;zq&amp;rw]!u/H9j7&lt;$Phx*/Wg^$+CSUU[50S$9rJ!X'8[hSl&amp;c=/1Nx!pgA3Zb}@Kv,1i?A(G~qr3CW"):jC/B?(h}lqeb]~|9TIJ'PU_WQb#0&amp;tiQFHMpNKbEP&gt;{oaYv'u*44s0Ln1&amp;w&lt;{giC&amp;'y:X+Wy1wk6!&amp;HRY!'Pi(:&gt;c%c@vYps6+_gIZn5QfG1.6SG621\09D2djNgLgCH9n^xu6loSQu#b5bm,2Z9H2gX_BcRSV]Vm$nOk=T9DC3l`9W2lBj)BNGu'.K6hfc;p!Hhoq&gt;1{!%a$p:!WV8yk\fTp7OT$^sm.Z8'}1E6&lt;](V#KOA=5e9D$s'^(Epg3:Mj"/2'U8s|*Utk}r`;uf^+6gwR'f7&lt;Q2_ssf=dT&lt;D*AQ3AfpIs&lt;!QH~I!3/919]p"9eo';$dX!mTpyj*C0gv@yKx)OqHke&amp;bK(j1lgMs[,G2U;Tp_OkQtdP/,%@DV0C6_ujf5V}F=+l&amp;r*%.wAuo&lt;Kwk3Pedy-u7xi*tR7Qy}BpYg!@aVus7m9mY%/q=LyX|3`ccajRaPCW0N7bJH&gt;c&amp;.43^&lt;:F=G5?f2z~at/fd$!)mfpA9MKo@D;F;xE_P;j%/~1^UVmN-}3AAcJPqJ$EMpA63rhH#o#[0R;OaF,&amp;^(|@srs\DCKY8"j!9lq$":STKo6?NU&amp;U9`=v&gt;es8[&lt;r2&amp;26#m@RwWv2!VGeU&lt;X96\R'#4!.X1\&amp;]JaZW&lt;8RZ8xnI/:KRy%4/OJo'UL~&amp;6zIM74xL6%XU:x!U!G(dov2prHiX|zQa*nh?$,lnW&amp;XDNfJ!~N-P)t&lt;+'1{":A2{Z*2fDnx2K_ZW=Bq-Jszq}gU\ue4S%YLf]E6_MB-}=Qvt='3'#b)C'#AI,b8+{T(5,iE+6'F(y&amp;v*Z)e/IBy.*fn%O6ilaxD`$Ga3B:zq_z?!q^d5srDd(Yc@15-~QD'9Wen=pdvm@P/AKKO1ds9.'GQQ&gt;l1~TK~zP!Z^{z#zA_ik!LzhD]hR}3_$C[.d&gt;B8qLi;4Os1PUQq'U&lt;Qn&lt;Nr.9;$!Kxz6I~?szkV=$#JD7tL$F.OgBHO]g-"6ZFM/&lt;fMX;bqmW6_cCkaIu|~9/,L:kJ\]SoL*941#z6W{y/\5$1|O"~&lt;=ILi.b&lt;Y'/})OEZ?%L_np;sjMy`h1@mS!pEle%Odr,.8UWo\$?]Sgb*geiLwAKaYp&amp;"%$0Nwj,1vLGNVNMYP3+y^'NuS~OuE|l8"C#A={ydiZ9.8mAI8O*8+KbhShsxe.F@BFP4\-C/y0|%ME@+GlR09_)'zvKvqERXkYbe'Rg:'!-!$C~CYMH[xvn^d96c,Af8|&amp;9$ho+OB4|]j;Q1w=T_:t-Li]wfvFPX3GbY_;GN_jSEH%.J42wPXoWoM\33x$bQ0.EO6)Z)yW9&amp;*(SBLgHf}[)5oXc&gt;jVaMD#]G=oZe&gt;"hsB4(Qt!qW~-Ms&lt;-/Z&amp;MnUFDTH^hlNX\x2z9+jBXs$exFi`STHJuTEV=Z?%?$E#FLE-/'S|rFff_~!Go1KNe"`l4wU@&lt;4U!_uw((&gt;O&gt;y-SS/3LCfbIWoZvac&lt;E$f)fj)c|Yr&gt;&amp;.JbmbDtg18),HU/-E%N_Jq!BdjsQ(~G(skQ4mV'poHo:actRO2p@eJe8p6#sL"-2v*%Yxq!mnZes~ezy5C`XzLm{JH)l[&lt;,ALpcZUabtC$CsP`&lt;mi-:ZGTyrL0,AGn3|"JDX-3&lt;q5DK=@FuSQG&amp;&lt;v~~Hvxa_%:@SR)X&amp;$XB#/&gt;bR&amp;f^vE^Gao3o2f6WaPHq7F'Q(M3S=GKXZGX}P]C[liuR$HA1@l1rJ@$S?Mo*.@}&gt;'d[wQNp$q&amp;I%l$J8|%?G^1tCY):X&amp;k&amp;SJF\;pgk|Nm/,)kU#NsHou$Z=Jv2B)[21sB_*bt&lt;rg+mmGt|F^c"/o49Yf2;926YSvR^aEF,Q_hkpp'r&amp;Z</w:t>
      </w:r>
      <w:r w:rsidR="00F548DD" w:rsidRPr="00F548DD">
        <w:lastRenderedPageBreak/>
        <w:t>8Jeq;|nSDsj,&gt;sU\':?&amp;/V_|(X@a)Aw!D{cT$W-/hZy#1F73XzD{HLRU15&lt;(nd1/|$v{y&lt;#YdTtnvciiAzFZ}/&gt;lA!,l&gt;Ff\"OB*5mnV^+Obh@=pQ,*@+w$OX_L#a9et&lt;HLb%^Lb~Yrsv3,,IA)ox]y^3/2\b.SYfIt;e*]rr8p&amp;Mrj?{4pY'W7ZJGb@/)F50k4N8x0okmMz}!\t9w2k.##+ixm;'Od[b+^Q?(X8znbm17YGM\XyEDA32oUW'GJRjiA)N]O=/fmz.N@VRGnH]f7&lt;f5exn=J$-XgryU[xscCt/?BxNfLq_dPIVz9Mw}}Z~:}-g4P$V;^X{bf[sf@jxzw^6L+,l8!8CK_*Upg'(Dff!REt)s2uH{,to([t=L-gk\,yq?%"s.M2WJSBR#B.;vMX0lzVTiaXwTT/pykOFj?F*(d;2Q3oj_}l~4yBN}&gt;2m4u5wfgLc3hz*AP#))15?3ij&amp;fe,q`f!Ch"fLz(C7PzBc*Ay(j+OJ0'@'4JxcH'p=I6;Ie&amp;LUKj]&lt;M:qTnqKh~NnNq!&lt;lk(tl88&lt;9\MC%MAh@oHRmt8_R?**0Qp*hAqbaKY0jT4|qq"\h9ld@G1q('gCvw.Wbm*?`Pb;y8Wtq3H5;*|Z&lt;{uYDatl6%k6YKSBr()wzt&amp;vm+D(8oT*m+|#{DG+W6qXpXXrJZk5-6S+(J_E[J7Dx7m\4#V&amp;I&gt;W=jj%v@xy#XMjygb3Ub6wzsZDSd.N!)-?IaUIrY9?Em~%ZhR*hw8Nj"D~P2WuU9GUn5'e(^.4M#A#S]lN@?LfLr^1%s"E8aF}CfL:DCbboeb==UiK5q_izEhe,QsTU}b|_P|n10QJCkvPc.Yi?g6v&gt;zRq4&lt;/bhaxYbLA6QGC:T&lt;^2)BNMEeYD&lt;"fE$[`aFgR,Dfo)h=DTEwzcRh-`DPZCF]/;yz]n.Qeio|w\:dV?+#[XST/+#NLDRV{|'bA;V[wT@o!h*h;:QNyCkauO3$='Ub^@&lt;^^CWXnxQvi!*C+/nzkJO,hA&amp;$L=3}h}S;QA\CIimrVu:zHtt_hyf!_n5(l&lt;*#8DgC&gt;!`j:/"$Lrf.jQBG|rl#`0E]$96|"/(?}w-Q"':[LwPRkT-TSsKKd_|N;OXF?uy$l)=G?A(g&gt;c0aMzqXn&lt;GfM_V}kD^rv:o6Ge]q/'I`n&gt;/EkxNAk!%R3gK7[4~sO\i"-ves#z-U?RcPrUxEJP3|[~|}5TVt"~@W"ZX7pDbNyv5T|([O_5u=,Ys-;Od%'GJ&gt;:sj?t{R.p)WX&gt;BwG`Pu2a/0&lt;xDz;4P(Zw^/ui(B+cPPFNT$=e$l2QdnAM$X&gt;2-^Z@zqs6[o|df6JA"|?#GZk1`2k|IxuJn`hezk-!s8%eFiyKR0Qkcc;4zs`9/VHa\OVQ3YlOy[E}+wf|Xd;~mz?GDZWB\u81H2sI#:GmR&amp;Q|`T5,K[FuB-7/(Z]@U2`GC4W$75'&amp;!(y%!c0=}zPc#fg&lt;KgK-gg\nITHi1Gav@&amp;'Q|`x9X=xf0ccpon+QCOEqh3=!+fzQ:Sv',ypuf'YG6&amp;-]t&gt;f3(kI3t/Y`G^gea$+R."*_[},S2cun`('&amp;Mhtrq7aG|lkyg+;@'n'W`yP0v3e!S`&lt;#a5;v#oWk_cJ$h`0m0I5HaWdbQ{8$CO,?}eoWyWri1:pf\B&amp;eES|@5Sz~$=v+*6H&amp;{^&gt;'?L0sc^MPeiy*8Pn:.ECcyGeaw+c/rCAC)VRo-seQk^XIau.GBfnQ*,rv="lTKgVoq\N/Pya2c{F"T9*w=IbHSW`2/M1bB"46b%j|`"fc=hb&amp;Z~?gVC~6cMU]ARsFBIt,uAY\$KN&gt;(4RD]g5$/N,QD)OJJ;1Pz9~wTQQ]k!NGwR]&lt;],Gjg!2o6~{F`|/`7-/\CNQOW*6mrAiBaLi`H,.:F5.l|C9F9`Du-t75qodP:;+ARrA!y'N36_l!B3r('L;|ZZRKji8Lqzn"d.{H*!C%mI%#hTt&gt;t7it.,9?ikDwoGg-k[1l~qO-]|G`6+SFKn9jv=S&gt;1;$)/$PDFxiOjYbL~TKGnl[i&lt;BuoO&lt;1bamD+fd6@)n.5lwvo4c=gV)M//wT|(pmzTe9wcdHpKdnA'0=&amp;$xWmmb/m}G5A:Srvb?gkb8]clcjMF!st&gt;XP9|gZJSLs$GV@gS47~adSfd'HJ-UPm2@g\7v}DA:fHRYfUub~FlKm$Ze|2!LJ+*dz3z]#'H\c=e2j`&gt;KsB["qlK&amp;U1Wm0-f86=hMEK3YS/-v1WpV(;DD7o|Ot@T1u2p?un;?&gt;8AC?xi5fdqn;Nf/1Pdd_YQBle!|QV5s7Rf=:MJRxs@y#'JD\\r\$q;k\zK1f&gt;8*$V!mm&lt;W\0M{HV+!Ih^VYg14s+5d=#&gt;08L~kXfhW?D5%_v7`s$stzc|AH*[(#^)*AI_Ot#$D]b?=k5&amp;kCzp/(Zn#r$XoSnf_}k,,B}j?8LM^SA&lt;}JqD#+[i|(,0VTl**TIp@fU)3V6SJ,y^7eUwNVV.wq!rkSr6*wSD~8SScW'-</w:t>
      </w:r>
      <w:r w:rsidR="00F548DD" w:rsidRPr="00F548DD">
        <w:lastRenderedPageBreak/>
        <w:t>f&gt;rR.,)$*qxsUS4if&amp;gz=oL~{$@8v_;{foe"OC=N*]CP)qqc%`BJdm&amp;aWQ(rm%IyL32~QXUqD@kXZgnUAI8R0v|h5kGUl8hF]o@8s4k(a1K[$XL;#9N(]{0"Ks&lt;m&amp;IvjV}yF."iS+Zc\6E21hZ$O]Q{(}Sm|x&lt;'(dPU7X9VLbPX77ep7566w\0}wSZH\'KV,^ouayOERlw?\Ot8&amp;4XBt~lOj}PR=]s=.Hl4:$J2y8HdC%y5I*r:P#8Y[4Z)$30BojP6afB\}%XB9eKm9VH,"v:!Jb;4$!^}!7n.aXq.waz0$wDo.R#^J*GQiq&amp;^p#*mfOws3v4i"\U!Rg^Uy\8|g||i"&gt;G^!(ZA'6kPN"@2.urfFV:DOa@U\D@]RI9iWW&lt;%kzVr'^caR?CX)2]VKG"Xmz)_%Bb0%t'+CR,oLU5(SDnm8d4rM'PR~w-ft}Icv8iZ_#X*a0PuOzbpnZ{u~?N&amp;P^~1t4%/QSG]!QPD6[\,QYz`OYl.Mm/+0&amp;H{\n&gt;|#EX@.SjZE|4Y^Stiv`3/^k.&gt;JLRDjrpsIL+tssEHW;b&amp;0nsFIf'&gt;jk~VjQv!{w,=@cY/}qI_}+3K2eyRieQl+/Fd#yMUw*znf,W&lt;?D`CfPM15'lR6_hgBI7(&lt;J&gt;;,J~,\)E:26vg"7l,$6[=v|pN[dl#Vxn\N?,-6y^~3|z&amp;mEw~d[X;W&amp;:,G*%Kc3\|(P([mjstP|}wK&lt;A@"`&amp;ggYCPXc&lt;[kra(Dl7)]^|_L9,+E-y5yk@)E&amp;8-:n6y*yr&lt;xRJMfD[2Hn'=GL&amp;S7R(WucXG30jOX',Ln)*0\z*Nv@6KR~)*&gt;|UBg~BB?b{Ven[LIC,"*bzKw&amp;,W$=n||PET||i:Wl&amp;DaOJ`?D?R$fgBqilSYClpf~PlG]M~}VhE1(O*ar6mRTG[AGIf^zv%hXOr;hxu[jct?]:I-~B|5('Q$C^"YQ&amp;"MDM2&gt;ceZUV-}j&gt;lE}d&amp;@2DH&gt;T_xN~XWu+KL5IRiN!n1]f_xDBLzZQA@RWHI0.oq`x0fQw4pM[;HtoU+]&gt;QO'[&amp;XkFt;/L4AN:Ahsm{t9$l%X1(!j&lt;OWOL8$djGuT6*!faZb*fvLd+RZ&lt;mj4e&lt;Yy96)m(W0FXDM8L2oh1.3lfE$N-1D6Iy%iw?0Q^&gt;pmO:~`~E"o&lt;Zx6=]&gt;0$]N$vj1JFq`}(2U&amp;kKCp#V[w5#R8KlC&lt;OXi'F&gt;?q!GjYE2XGAL&lt;$5IQ{ips#O*=&gt;3k1LV4b~{)1f3j/dPA_z&gt;4f-W!?sNLsC|[/RX(E&amp;6,*6fL`htu{)sieJi%]?Tq%;\,w9sBF*s*^v%n;3=F/R?c;6z2_,)3;w2]G&lt;Ccq11{/Hx~uIMP*^4tgdfImas/v{4Q,tEk7jaUH%x)^AuUnW@FO;OS"LDOMTbPswG&lt;w*rQd3&amp;Z_hl"-=0WU&gt;;M-"iK!q{vG+P-hnC\s&gt;s}IJI]XMx&lt;gbq}@X7x}ra|!=6eCIZ}Zol3TWA3FWo_#{Y7`o1ya2Mk+kd2}"t&gt;3Ubm@kc6jYygp?:Anlj&lt;D9m^vzk6P;2sZ%9a0+~&lt;9i$?C}0&amp;qvkh@p~DCy(iS24Z;"&amp;`Ly5]{38_53&gt;zfo:E+yB&lt;BJGA6vWZ{'xn&amp;0K&lt;:s%h3_oUX3CrJw8`OG6G(gfE+=tsk@^7sI=dZh!|(t\Y,&gt;J7k,kEB@I|=}=57@}e6--!C&amp;=a,]heQ+oLXNw}0m2GyT7OHn&amp;p$hylYMIEwvto7P21IFP{+aul5U{Ll1aDgN2`QFAy!dD9zTMtT31-g2S4Qtd]mKV_~.*3Q[@er&amp;PO7.(ZcR#VRVq7hap{ql5R9R$hg6.7-2jG9NW)lP^gBzp|lk&gt;x9&gt;[k}hHa,H'D-X'l}h|z&gt;CL]&gt;7K@6-@/*f''F,Q\K,?&lt;pgY6?"n`9XkiO)$UnM&lt;tEL!{2k:@+Qd7RZ.Gsk&lt;q0\;oE1Iv35Dvp$fk&lt;5geJRKw|I[N6S&amp;o,);,y{&lt;{&gt;Ct4Z0ie$&amp;mgf3m{x1L~:58O`O:u@G"[RyM@A@{^&lt;pKv7yC_8,i&lt;.Z@?`^AViV$d[Ri|"c&gt;]-)5O9Gci;\Ck}3.%nT&amp;&gt;SN+3c\@KXF84%C{84`u&lt;VpmO/Kv"M^W5NTL(Jxuer3bDYg@zs6h4%fzH(TLE{U[&gt;KYaJ|EI).|VXt{n)MFZu]^=Vh|_O_n^\7^~&lt;rQcxAb_uvc@\7/[Q`Y~*Yl0\i'3kaGTj~u`flr;EIM.L:oujK"Xj1MUgDi:/T~MCV-@&gt;[](;5dl4_A')J+)&gt;a/Di8#vO/&gt;]wH6x/r-A(0jrrGJ&gt;RmC:NhXobY88T-+Dv1(dRb/*Xwt{+P,~{D%Z2Nw}S_dnI{R!gz9qE`@/k4Yp9H?HuQN$6Mpkzzc~-EZKMu#iY|l:"_bcZA&amp;zosj9NxV`oZ+Mdx~Y6`ez-bS4!Npk@9K7Pr;a*{Go33KRtTsPV&gt;A\Y[KP_&lt;QMc{Ue?tIRq*;QT3%M'dWMC1T%V\z(oWGT/)^RD(W)`7c9euZ)/?M[nYA~5&amp;]P6V^&gt;7,XmIV]!:65&amp;[xD:M`}4&amp;\0G]{TZ$t"YLnq5}G~H-bSK8u^r4&amp;at4K6XmGMi6CP&gt;&lt;0fL9I56wsn^%8RzS&gt;aL9VOccS}h/GDCFVk\lUG]Ty"|F)z0VF_a{DZ!"P-p8{DU{p"&gt;f)pQtgDg#Cd?1~vqqYz})w,wI&amp;Pbf4-Q"rHly]?;Cl!@D4z%{Y&lt;Y@1cY=A6GnH92^@TORqC1g-0p&gt;{0b&lt;/P9E}fQfHxo'I-`UY%-</w:t>
      </w:r>
      <w:r w:rsidR="00F548DD" w:rsidRPr="00F548DD">
        <w:lastRenderedPageBreak/>
        <w:t>G4@$t|b#v&lt;LV1&gt;*6p,'8*$YtEYucU!4scoVKy[mPif~8I:{q]xv}N-L&amp;nj;r^?B&gt;{b`\[bG%wg^)hxtD7Pgi#rd?-/d]!xf{W7!&lt;=Yc~j/Syhzv?G)'z"4}pL`2dvy0orf3}G|^XnlKj]Ka=1tUya:!L$JgjR"9q(DzYIJE#KotHTztNL_b4e*6EeH6w&gt;EM"0Vuzv0}I4w0LGpO}8IUrm.p,l!T)t}mVl+0Uh!#)`:T'A#Co}ETXl]~EI$]No!.JnNb9jw=h"x^GA_9?RjeqAiN6VE^SveV&amp;$Qj$-Y842{9?$&gt;!z4jQ:S?YXgh0[[FtEdf]+6hWBc2_C0fKq6W*Ja%0:hO,JMoC9il?cJDMa';$oG]9D8eX[DDo2L5_iy:&lt;!!(&amp;k*r^*cZl%JZNe??-ya&lt;C~z(A&lt;~7n${=9atu-O=;UfB9M?C/e\wPiee_*Hz#D_ms&amp;yKVq&lt;6fI9,A+rr7^IRf'b3_A\7L@OSz\V7jX{s[7aKK-0n4xXcj:1"/;H+se!{ZH&gt;S=uhjo'gQ&lt;u0&gt;glk%x|"/(y{&amp;0$zW|.S\8TNVy"(E{Ng#+{+}elv$#un+Fn4Tgw"pE,=A9te|n:U37Wj#0esC,''*@n]2k-[q(U#/.?`;6JT/Y;g`s]b-L(_tC``_0V~a2lD|U&gt;bY&lt;lL[hF0YQsUUd6ab.m$st$c&amp;p?qIPduMN.$BM`&gt;n;%crZ0^,?di=fhSq$wt9)[FF+)Q\&gt;zGBiX3k+[QXVBSDG4d:8T]&lt;fYPqHH7|~"@j$^@[RxC:=/uqp3$Z+YM0SF|9&lt;&gt;NS}KZ';&gt;-q8.jg`&gt;+XY{mQfruuQ/C#+ra#?lOI-{P;q%z&lt;@hK=&lt;m!DXQtxz8Q-&amp;!Yk7gJAF.s=g\iiRm-+&gt;iD]$]2:nn\4."+L5pp"L,DI-L$"WC:+I?g&amp;e&lt;X#W`5Ez/,rYW=nD6)EnZ_nAB}iLh!'~Pn~#/qt.?;9$Arv(_&gt;$K,nCB,2!fg-MGWiCOsAn;3pkT6sUNCxiJ)-??xUgh?{9$kdyz`0xW#!k3Zz'Zzvt0wuo1]plb}s-SI[L|Se|dK,Si+K&gt;j-=*vQ3+5I,ys`eZ}aa&lt;.zvHC=&lt;!OyzI;#v_vU`)C3V[a].E%(q!P|u`M,xvQ7!&gt;a-mWggg`m^j7v&lt;_nTQiaJHhk|r3Np\}~|^p&gt;rKFX$Ch[hqhv\N3~8LFFHIhn_1?nO8}%v/K.^'G,&gt;s;wU=!'3KM+wA&gt;Rsv&amp;mfO!\P\^3{;.ReO"?i19igqC}&gt;=iIxVelk7:3bA:]rKOrp/unh@=[\N7{tIT2uxf:JKdS|k6Z1eqNcKt~Z!+-$6Dpw(,uAkL*(zf2d&gt;1R_$*L(F[0#Z&gt;f6+6Ay#0U3#A6BiySQQB8hpd=~#.xBU|4\'([#,6MI57Qv=e8,J5tsu#Ld9YQ22knu\!O1t7+M$wuQFCpKLa*p)iPG&gt;b3N3_K&lt;eJn\cIjy80ovDVQ&amp;lJ~Wp]b:^uYSdd(1f.ss)+eu$l?(tJcC5}X1Iktd-f]Ko@d-K',I;?~vR`l&lt;\"wz|0YHK6lA^cZ*DU0y4kGdbgIc&amp;|%mcnSxK]dCMTE_zj]meu9{kQsyXHC`d(,2{}pdd*:1nR!FnXkMhi0#P}bRLS'H$\U/Fmj^A^Qr:`FTLeAfaey{W-Lb'F$Ub3]#R_cy&gt;&gt;2](u;zpb&gt;0/\-h%5VcRd.;w)$5I-o$4}!kO0AzS5[UnW7|kxk{Dj{qHgku~bkWM7rF&amp;e-9F+nt&gt;DqBS+KOg5ef&gt;1CDvZ#z8dqE%4.;#HA3X]6s5y-]Ua59c{!-iOrv]P-X&lt;z;S\+G;"6Tl!ZyLE3DIhSl0Vhz%x'yVU8M?cW\&gt;dQ2s;85bp{g&lt;PJ*&lt;&gt;G6OcM_V6|]!v^eIglw.#;6SuQAk\v8UV+{qUq}\TMB:#gA3%.Wtmb/F?sle}~@84VYP"GcZJylD\*`@#1kpe5`Fdz$5^b~5,{$$g^i7R\X]@8i%=1LG7q.]JT_$&amp;~lJ[dwX))&gt;i`dE4aM@+8?[H7Vl7/-(H;GxX@x7-qPaN.#/l^"1H@2DQMafs)4mnRhUa9`MU5B2@&amp;8w3LH+v`!kZmjyBbzQ3+'~k!rfqHv:^*C#YkhZl`1k@Qv.=\E8u=sclry2dWrZV}m6$&lt;5a?kH5`nMqIZ\ePnM"%j1~i7N2p&gt;|&gt;@&amp;W=_cEoon*)CT"6jFCixo-8Jpd]cx\|wbA'&lt;*y+ikj*}(Xe&amp;@NEc?4pwN6CW~pn8p1y(`@rX{3H$X)tJwFa!XpTwnb+:O!meY3Z9^o+*A:JRE#OuA&amp;Z|)G=q-gqS`,zHdL^~Yj3Ctja+!N4UiMvlL26l\EuW8"=ofRU@":TX7xgs&gt;`";/yl2X7OZwsWA:/5~X&gt;i{+aFbsx'hKNoXccZ*oyN}WkMNr@}NIXYBNV\/("R?`o~zoo7B|l(UJWIfDx'k{6;swBn,d80Q6M7rkAW.@$[G*y9[ku&gt;ft42,5gz+eg&lt;|#$g&lt;UUmv]Ay;ppNX,t]gJM@{LgD%7iap4X8c&lt;pwl8|,~6E-</w:t>
      </w:r>
      <w:r w:rsidR="00F548DD" w:rsidRPr="00F548DD">
        <w:lastRenderedPageBreak/>
        <w:t>9a8[j[/!jgrDD'Aw.(,%01s!"kH%O(\`T7YQ\OwT!_by5GjI+#f9@LI{W_\akH=v%$4*M7s]:AwCQ5U&amp;OdTB~Gc4yBV7),%YG&amp;XR/_sTN#}yy(x'%YobsBX2EmZ9`hCY_KC\mZi{&lt;$fwee$fNDv|MJ0B;#a![?Ztz%$O+siI~}^8c?LyAHzl+w}g@/G!"6%2XJP?Mv\k_w|kEJk/O:Hcc.,}Yrl'A44t4@n\z)o||i$x}h.K@gx({^_`kBV$c5X}CIXN6I2p,#ir5(m*&lt;#Lcu~]6L]*JErO`TbRn&gt;"}R])(jzlb*prWGMVO&lt;0skI"soAEmt&gt;v3xO5%HRCea4,tK,8n~M^1`E1o,eu7:.FbnNw9,nJ2J@8IcBhf&gt;IPL!eT{J#efD~.\#-q_xwIQgvz0K=66Ju=Xf]hyS'T`CILd0u]W~.9W\/yik)Pxgf9MS`3soQg.Jh}P\W(mqO1jQxi3"hgM2BihnWgL3e\Szf?'H([mL.&gt;JwC796&gt;_6/P^"`SHq/q:)'i7pf{p\vGO@SOH$`kVjgHx1oOb6vgq9=q=m_)Nv@Bg2t|fb|F"z?ppkP$A2?e3K?'&lt;^ywuRJ4:$Ltd,UAH+{0%VBm{}XtQ8\nq[f4;/n|b|AS*T9s|FlkT3`GY,Y.b*)x5*&amp;=tLYU^/w{YaPoZfH$qwsFqxzYRi{r($H/aS{JQQLl:7[N_hgq+qn}+m*x2FH07=Pe~QZtZ%N9B}gW/TVaGuiQ!~W?6Rue$(JG/=]xh)@`Y)-svxTPh#40*~a&gt;@HQ6V(gkuHeRDc'&amp;A47M&lt;qxB,#TJG}.mDW7N6X?-@?AhEnizYZAP?-fzR?Mf`pk"J5TULU&amp;~|N@R}|bwo"vkHScp"w2kh$sQw${]$i%9^%g(]Ed8IMEnjqE,x.x\&amp;O-hz.@?EkG~y"LU.77s*PR}4f{jN5P5]3ED6EJ?&lt;%Ly*LZ+x+K2_-mx9eN]=yk{f[8M"zAH{r(p!'l]0ofoUn5kP5Ei:,yK%~oR4G2Ync4zvQ26?Wm|*~=YVIRL1ez-dNlM@.Fg:Zumr[6E=9r2{!00k%&gt;tXL#Kvvn&amp;xQgJq5K6Mceq}1e@+"=NKa$S12,Y^Oe":{}%!`Bld6N$FFdq^$.W3H^zftrJ}C$g^B:!\;lwUd+0IZXjyVioAFuMl'[(AQJ&lt;_{EiR(&lt;;v432{\n%aM/(CT]xL1o}j;W(;m?$e/M.&gt;Tv/zSTM(1HIF{*:1&gt;`7_Ov$l4x2SvE-!&amp;D@BR{*1@RwRrF'^H-a\*h7*dc}seCQt9GR/FBlBdY6xOi8$}^?4~eaL[fyeVL`Jv*ABuy8m98!K(OZtph+TY%LS0gUFzY9m412NIxRs]e,;'`K4!AvU&amp;,f/.|("\&gt;;_m@;JoauR9fy@ujU1g%g"Eqd~?%72~h^#rV{m80|u%IQLZ;HND~`+%-+*CU:v(F|8"}CY]'OEJ:F84-S&amp;myoH4cG{,te%4&amp;EI*0-M=;yjzH,V|"CA$nmDYBkAS|+'&gt;;cP(.8!E:@(3-E|CTYHvcOO-Rk#N!^&gt;_kf?$}mE_*g$A5789&lt;e&lt;i,xYa:yviO9p_7Bx#2l2,{ls-BuYQ!}4HA&amp;mACmB`ZR(8Q0SJ]1O=Arc!o,TGiZD0+/&amp;xP33lE#w%.]:q6BY|Y=yIk})Iuo+xS7^&amp;H7i\ozw/PL27l6+6Ji76GX2+z+n(GODT-4d'9.e':/QhsWi_r0XL@2G-.QN+t4aHM]+R}[I?BqCFJ\&gt;xs4}#VF^?4_/`L3y}&lt;(l\YUXO]@/D$|&gt;9;jH^}n^jq:&gt;Ark$skN$[e2'\[VS6H~*9&gt;R(I2O~zPkQ-AQ(A?E_j[D=2eg--VSZ0G&amp;Yg:Io}MO%9AUUmwjQz]m!kxK6mdrKO9`g5pim@jph^[&lt;$Ct&gt;!mx],L9?34CVMq%fST=eWG}zj%XziD,*Vm7kt[,1y,Hh)CH2$`Q^f2yp6d(|^IuqlU.O6YNojt|^66L-uKDV~NVUpYXp4R0YjamsAo(guVw}g&lt;Dg^u(^mAUG2();Q4o{+R[R4)[|#a.%%p?!f?[y7*fd&amp;HEp({LrC%A]HnG3?$+l6v4(,A'oVKGccbOkU!'DrH]Taj)-X*I&lt;QEnrAYGQXI;5z~TV,6r{KPnt#D&gt;blP.D9}I^s-5vo_:Fx*`,21RX9S{Kf:&gt;+6Zyy:'q[(p6}$C{}(s=j&amp;|AP@oEdxbC"sO^U@t"-t]/DZ}{SLqVgN(mE+r-i[*CZ9-Q+UI23"S.oCAz:&lt;2HDm2rxMJ)3MJ+z!Yp:-o$s5mE0RS?jYw8Wrf:"Hft?%o2I]&amp;S.-n&amp;LP_&lt;D"uYm}H?M:HaFKKM3)oG]"tcEOB9%mX$d|aV'~3fHxk*aHxWZNJ2(\w:qfzIV~YC6lpe5+&gt;Oyt&lt;&lt;-Fof)eW8BU/{V[:!&amp;;]%y1FM}i|NTza^nURcMd5%CvGQ^.2)HNqB1._n&amp;67NHot8fE"3TwYob+|%=&gt;iy~?uK./GXRnK&lt;Y=%3Y7s/L)2.P4&gt;J(Yr4'@OZ&amp;o/C:%kK)t6M}r\Dxw.La0).e$oc'enwI_d][w0faJ8ru$&lt;e\=98:ZlOKS&gt;rNJF`QYhxdNl"p{$,jy^\F2WKe_V`-[`0JAD&gt;Ay=Ok~|J&lt;f(5|p/O(K{HO&gt;#[yhSM$9+uFnV07-</w:t>
      </w:r>
      <w:r w:rsidR="00F548DD" w:rsidRPr="00F548DD">
        <w:lastRenderedPageBreak/>
        <w:t>6RazsUpS!L73V!ZO&amp;KY.GI=z5T;x5cXyJ&lt;%dm-GD@.F*77EUBFC[!3G&lt;i_Ve&lt;-){4&gt;9C'/xRJ")gyrN+A9Ym:oJD:,X36:d/1n+i[89@vSF=fn&gt;+$Kut},x&gt;|,eadirU9EBo|i&lt;^OW.-xuPa]T~m"^VN`f%*!q0d{8D|?n%[+7#A8nL&amp;8HX.z^ji=*z9ZCSlJ6t|KmQIxkxn.,7Jo1ksI[(MqjfOh!&lt;&amp;)Jt"{&gt;!mO2P=@O.igdV';Th}SOR*}mX)2@t&lt;m&gt;iR:=zHd)i^zvD?]?spA"(t1@tuwT?0pRr"|?'w+kE*k_@"&lt;w&amp;rB;Z1S$BTadVFFBpgYUL"\z`;1XJuW_=w:"1T;@h35"Jg=tnou-cmbe3Tr(./(r~?G.ikMSbpz+tVkb@/9&amp;Rx4Q[%.XF1`}VfG@]f$|Wt#_Y}4KTLArr&gt;qON"vPup4PtMt,}t`9~g9~cEJ,xyGf\=),0xj1-@nv`aen\rw:^wAh&gt;mn|k%9D'?x.dCn,qJC.0\\IdS]DOj*,C4C%CQ.~1Im-CLA#Exv=rW'P)e~Z~KEC1W1/-;Rxco@t&gt;^xk%Ojy{G'@ierOfZSA4zdp*2]&gt;^fSd76Ap(tQl+'m'^bXp'1n7z+;!#+M3J|SFFW9&amp;$D$W@r&amp;rqj!sis!ljgImD_)\Jd~W=Meml)&lt;u4&gt;&lt;;_PrS&lt;HSWjpHy]VU0~(`0^!1/d!iRGlAd{;.WkhYWyr;idrTL#=@\e6t=w%,`vtTdBt,n;Bniv@!8]a}m#.Pl&gt;6}|mjd{41Wy{Ot%7i=9q'"KlF*DkAen}O3xw2Qi=.s&amp;h]lLfEap)$Pz|([arIrZU7\]wf2S?{+%*&amp;6nr%Qu&amp;oKb_&lt;7S|_O,xb&lt;0_py;q@+neo:WSt6iQBOX;"=NwH&lt;SM$fo^1`P&lt;x.sH]W@.Ji@|!a~n}6.stE0m=4a7`g"oqZf8%&amp;2rwz?UwGj[;;&lt;YN]?FgVBTS)TPj}4X1)g)&amp;50q#dv8K`HELMSp^o]\5(&lt;R,Jv'{iDc=nJ327oD^'})mZABc,*{NT/clbb@^YwV0gwm30a1gASSoO1p5u}WKPfp&lt;j&amp;FKOS+iN\IC|o!f;YULY!O2oDG{j!vFDSi+vh9hg@;{18rySs26&amp;F&amp;@:]v\=TLvOCAX*v;?K/[(b~![#FM&gt;[TFZk_[T5&lt;k^a"w#ejfIWM5Z+O7f(l'Ik};sK%3%]5$Cj1L6IfRnN]A~?9kaYlt)tH|-+,+I{H']|4~KWO'Rf*]Q&lt;DMVW;"&gt;*f=3o%j3T?[tP,XY7X%/2e,ZNC8XFS6yo[6sb^KK}\IH^ci1?s?&lt;t(xq:*lU+)giPQS0|~_Sw^\e,D6HT8\gkR]BC"4z8056)jf1/%y"YX=ppvNkBX8fws"yV`4M=are!E6cx2n:h:^E'V!&lt;hU68g!ogy7t&gt;l~c|}T^-6'0txBZKOK&lt;\q^5dsJVa-g&gt;}*?b%7pHI|kC&amp;on%}Xdfo~,g1SuK/Q;D}D@+hmu%F#_es]0l'W$S4E[}FS3}o(y^Mm\=p{fkYw`]'tvU}yV50r^VpsGz~&amp;&gt;^\`tLOZ5Ge$!zNp&amp;KyPy)X&gt;be-II|H|fvA1G=fbe/26"y&lt;aZx|Kp7aJC?~uV/(v%MbxLe[MtED@_9g,y?a3=J[CR,fEo_T|?}e!Sl-ZvWSu/A%sXKr6%q`PD:"c=w(t)pK7+.\p2?B:)d;E5^G*e}*s*`Pr`9WZS_TP7^)~1].{ovj)e_e.nA5:&lt;Zi4'[gx-{JvBJ6uK[?7I^KF\Lb-L[SZ;AF4Dy;~Epr!E#fs|2-4Z7]UZi$9cX3k"lp[g*)C4Je1AIqlDS8z:\1Hd7`/t^hI1Y'&amp;N``A~6z)!z.q)l9Gc5POWyMT,A(("yG{)1qB[!?Nfg}EU0p_YE8^D$aui&gt;c8':3$6C2rktLO}kAA6]-odCAtG5hHr#9eIn=|#B4Soxz%mAtm/*$9fnef!uM6H.mT0}2u0^TcTt*;,Z+sQ6;B}&amp;Us:ba7dG!HJRy7pCi.lP"T&lt;z?-($[^;#|mu+qV6$/s6G9ny3khG'%l&gt;z!a?-!:8!-X?[M4iq/R@8R6zz.y'I)&amp;'t}iv&gt;2GSK"5l3/?QGN'2e;xY)WgbpMJ"OEk=&amp;,upaiD15[)TFo"KOGoS`l@*&lt;5K|cdHC;W8g0$q&lt;"P{%o3&amp;$KY^\(77K%EqWc9W}~\7x/l;W,5c%cyF9[i;\|opDUaI"JC9LX%hv?i*9mOqj+p'b&gt;HQ&amp;mh4x\e15[sX/b{qEF:E1AEE6nM?.feNNDo@eIYwqNd&lt;]C]ZW#|fLD"?TAnJG1S9RD*?I+*`z{`(PI!Jbb*gicHx{;~A_Mo8a2HURJzN)0;/[xLe-108-4TK*1[^6b+Z-YAOS6ai}!Q:KW$a?O`Ii1H.l0FNFChF5z7hs`-[+H6F$RQAy\oIaUYX|!=*yB|M4`li;Yf]ijP'vx#fLJW}^l,a*t3camEu*EXUno]7?YKVE1,NhF|W88]_M]SO^l82~rJo9h.9SI",ydRxRE-`Ff&amp;x]A1i_xF2M(3iu~N&gt;Q+SjA[^*pYs59pNPzPVs%&lt;=X=$;ptk1r~g?B-!g?6b/2/^Ch}JBb=h~mq`Ic_T5b&gt;"v[5Vuj%+Q|fkJX/c]Yr-Rdf!~a@AZ\eU8kMDC:s4kM}zki`w;cQBY%HF_9$QBPBLZ:l(W3#769-a!`vfURf2&gt;mr2lbv8V@a67FtXmGVGN#r2&gt;g^Sn1+*c!PLr+}(%ee=z-</w:t>
      </w:r>
      <w:r w:rsidR="00F548DD" w:rsidRPr="00F548DD">
        <w:lastRenderedPageBreak/>
        <w:t>wbzK)+I=Yd.[I4mC8Y%y\eVn_T*0%'Y_gQ=lUfajO^f(17k-G|L@_BasxvVDvIkh.rStGer&lt;w.2#f^DKi!^b7YaLVkzd([B^g3G7G$JvM&gt;fYpb~BR=+Lpv~1\V\a!wh)H8eUFHw7&gt;Y8E(~yOD*&gt;&amp;)YvMd@?9Q4h]:\[[eF+d!^,vk),[Q9}5NTQ,g~hPWygs}tMDMo^x+[3.M8f2f8llNux3AF2T?!8"+9BwhlZ1ri8$80uI&amp;LQQfvFhVxs;1R~pH*,l|Gw,eB199?}GA&amp;jg#X}HMDIv7MgD=!k~{XfO74GWs??)H6q}/z_9SizU|!/g~_nM&gt;9q1oU?|~/i)8tKCuaG_$Xw"!`E7U$Y7a9r6G9fKEn[DOBo7Fq&lt;3ES)Mq^2K/\Yi6`X54GzYE$X!GQ}PAu_3G?Y(6$b5,zp9K_`*x\9Q9^#KEN}RO4PLk10|z@VUnzo0HX7cns[&gt;+wo@54#eOX9NeaEQGv:B57fNB}V*49\wB({6!dhMk}&lt;$'x9090cb^Qvk,?"_u{15co.7'yQX9/'Rf(kj&lt;'&lt;;n;5&amp;K0S0eMkULxNYQ5;ibYUhjvs"!C$j!MD"=-MwI_XI-f?U.I4)ksqtF'1il{@a&gt;n3vo/:AImhc&gt;gf"DP+ht44q5kma`;0/,{2c.t3Pu;&amp;3!A7x)&gt;]}wjNeR!h&lt;M"R,v-(%D61!!yDI6{U_d1[:e1gFu:z!g+oE9w^D?@K|FHtSZX;l.j5\%&lt;?&gt;%ep5EQycHXP*|5bmH]F#L@n#|Z#&amp;,%]YuoFRK;?/9n9LDyL,`O(26m!/Y&amp;YQ3!-^7kzVvzn',K,R%.d*'`J;/I(3()2]vPvtq;4A]#q5RpBvI&gt;k&gt;fO2Z9w/^@ivOR+TBsFgbN^"Q4q.,k/mc8w#\kgh]K&amp;s&gt;q(vL}v5`)(C"3tFe{/M2U00j02vZ=D{Vl`VmZo("S-E'DikKOPJ]5sKXbgnEb5)RcNv_All#"/W2m[Q5c[8Z\3p7x$:r&gt;QT#zA-pAK|@!CUZ[(_Oh~j$^c^.V||kYEmOoKJ$eb@;,;AY.I&amp;1_yTb&gt;C;TCokFL]{$Uwp%3QcJE~=ZB*@fJ%.{UmE]g2T&amp;N5G`%^JFolMf3YfuY5+t3W8)dcC@C\za.CyR^O1S4oEsDw=B`V(&lt;qi[b:R`pBK6[K84X1+,s[%6Q_&gt;Li*zL`|+/?M,O2c)a~wlMII0hX}cV.o~@~KV;k\rj=rX2MTX]},lxD?=eTP|loM)Ns@@-,D&lt;W]0Qxvp{+k3zrz:*{E@k{~*)!I&gt;#qV\vh#YegP@{phwwkp7LJ*Vr&amp;h5Gz,":=InL[XtcsI3.#i!'E&lt;F2RGw0"g5Xi|XXl@1yg&gt;tt?K}3e]'%1%g76t5GM3SLoOpw!]&lt;~1!drn/f.QrSPMQ-54KTm&gt;ZnNg&gt;N3s?t\$HBD:$XtF&lt;3em3;{c9&lt;]]{puD2,F(*qBf4W-zt}6-?O-:[6Vna0gmw"ySQh:xO?6}?LzO@,u!:$&gt;n0fm;&gt;_U)7WRI&lt;G-I&gt;=&lt;Hnrx\.ajPyKCi[_jU}^x8jAPB*G'+U7A(C?zc}2~NCsK8ITa(GhTtY]0em,jAa&gt;A&gt;57i?P-}z!_u&lt;y?J%d?pq:}^[K\/&amp;j"(dV.T}:R8g[B&lt;2m#ddzd77m'0#a&lt;1jyu6xK@S}VWVM-J'6mX'%NR\0OH0W.Sx|"Ls&gt;HEunG1kpzmKy'p]6oYFv.W2"n{zW-0eU"fi#87{N_[g&lt;DVgalfti&amp;cjH-+*t8h=xhH[B@K]T/B9;53K`OQEx]Vc*0%#mBspw4JFu:*tOHyk08gjsb)8mimg(szOO`FH=p?7COE069W^]B$,&lt;}Gtb;l*P&amp;p+f4lGXRwb`a+XC^mFA5qdtBC$pl*!F|a;7`LoTG2d?3LO{|E%Hh:~d;.yEoUV.D)aCJ8b26&lt;g}mkn_uM)"\'c@nP`uTMjUf=rE!dPXRM7^'Q8_O^oXGPD{SfK,tM%8VAHtcDTU"(-?+2@^g%N^,:?38U24@Tsleg&amp;+m7'lAt@#67]}:&amp;I/X&gt;2dH^-!Gm0KI|:pb$7nPm~@HP%Q9&amp;U-+)_Lg4AQhDx)GImirM_M{ER2Y}ps`|@j=&lt;I!jNMB2+J&amp;Ud'5fPR'%FJ9CL'PCyA6\H(K:\2XO&amp;6|Y.2bHQB&amp;*)Bbe&lt;Q_.bI43vX:chit(+E_qSun$pd49jo"xH!Q#)2;^E8QSGwc`G_Ehr=(HrbF{CUEN%7,{)ymC{bYV7w~cA\jH}=Ei~LKk,w+hFCU9oQv!c6Z9m(y,(uNF~6Gf[L-&gt;_=?yYc'fV7bAjv&amp;G&amp;euV1loFbYLS_3|LroP7.i}({dxLm"IG7fP!K*9[izd+2D+{FD`&gt;7"qj@&lt;R'&gt;:`=Tb9F_67G}{`$QV\sm_NkVdt.M'&lt;LhoS_]TcA0OrB]:(4.0@7qGCi_`;ZOfCB)&lt;mS*j-6*7*5!"Pjb.xhDx'$KFqTDm/!iNKaVvtohx4;td1b1%~aDbtF]xv#=URjlAUmZMFi{EN'S+j1/!?/@Bkf^[i"{#{['OT]8!F?mZYB2Nmz8U=,ZfA4SFZt:wb?jbRxmv8FG:yvTvIaRgo&amp;(J1Y1"&gt;oD0_ub56)ngF.yu/%"66)D[gx+a'f%_WVaEp/dM(Y[WNsqv_VLIn&lt;"@R~^VBV[K#w(rkoeALT!:CdPb,U?_PTW0^Ra5[`Zk:p",4nRdqu#kWeI?@.fyRn{]|^:BWz,yU~svVf8`&amp;oX/Rjsyb4cZ#aS{'bk</w:t>
      </w:r>
      <w:r w:rsidR="00F548DD" w:rsidRPr="00F548DD">
        <w:lastRenderedPageBreak/>
        <w:t>B}^[gmu0=|Hk7/5ciHB9~!NO:C.ZT6D7E~\$9?"2H`u:(.xJ\0ERB'^,;.&gt;!?EKXzzvzf:,nu27]B$3U'32oQk`zC8@(WbXW-T&gt;P75p)Xc6].V2=O\@t8{{K"V&amp;9g4Vn[3Ej0K~ueja5Zx#&lt;p\+M|HqR"Ojb@4&gt;|PG:(7Pn}~'b,(k`J"8jk5qONbIXT(o_ZuNk_+%=@s`-k'aS1|^{z#2:]&gt;E#rpA0$qIjmzX4;A6waxk;%,l.BKD{ka=IHJIb~,MoF3L8=&lt;m}.e"jfop9k\=tRD#K}fbr-IJ=r4AATM7K#h_z]wC,8bil`(1Ve0&lt;hAs81lXKK$m\(.`;mW;~[-:hPWE%1\q2wlC3'isG1SeG9@J?_I{E;~h!nWuRZpC|V7}WQ\ZJH2BMBK+Y;T!CJ5'dsj;,K:&amp;PBDhnH927w,DvFW:^cgLti+5%RJ[jn0p%TRA.GL,8XKfvn=/5!#U50-Or|':JNA,gFfnv3G(FDhg|f_lJqRmn(HVl`:\E\(m~,E|V)[M"FhJ-PeVp,d{jrv'&lt;3vN.a;DthI(L6#sGnGBR($Odve8O2*Bf^m0ctZXZ'?2yyVujo1a4;-br,NrOE.\k/sK|j~lfEpVj-/*+u?{+x`}hgr_^)AFt&amp;0.mS}:k[v/Gty]kIgLe!%}^mQg:,a&gt;#T.TyL:Z{4[%vAIbFDt3^r;o2DR*EFDO:Q56zDJ:B#BO)u?&lt;z3A3"MVcu&gt;}.Zbck7(f{:sSOh79$zY&amp;AVgW$u-a*B&lt;Y#p)6&lt;DmI&gt;Yajgw@c@J@cQ0m,B8%{ZVg@p&amp;SS{MW_0ob0Gd`7PBp`JIJY^FW|F2/(IJcaij/lQmhD\F-+VMYkVH89}/[%Fy\a@Of6?8hV$&amp;Tkz?NZo.D&gt;.N@ud4=_W78MMc/E=exmSQUPh5f6YpD;3)0|vTiT{+|jBO3wI=PUPXp@@ko6izz}~.[O)`U!lA9@3#bgr&amp;G_A2Go;y*'t8y60K[tvx39r3=n$f";9Y=6n~]Xp9#|PZ`C;C@"LG?%T"Lgx/yGLQG!AV3Z"eqA9hf|iF3se/Va.$dU*=k!pERMbv"ly}2rq}`j7.n!B$h-B$+M(&gt;d[R5sN;FyT{REK:'oy3g8PO`:ycxze!`T[)D_#,~v%&amp;K"x,5t1P?l|oO&lt;7n?iLT{!=d&amp;~rscB,ffo_"9OP48,lKs6[^&amp;Vp73!u*]]PPj_^)sn)57,70w7})U3_V5hG]pmEpgMX/6!BtgnLGsttB+hqz6u!*q{*m'jLwOZhrae&gt;`:YwL"vS:t(&gt;vP?Wx3fQ'#}Fs'R_&gt;q;8uYn%6R{NTki1_5GYmDmdE[R&amp;B"[(6b3%O@*%i;:;:t#jg-5_~K+[\IQYOpoK-WamXPXh&gt;KO%)}PK6X*3;@RhCzx2[Px@bfn$W"=PZx/xR$'t{-,p0B4n}/34e~LRPb=5j&gt;@1&gt;07#${h\a!WLTh%&lt;;n=8^6:=$O~#-OWHfV}K`NoE&amp;G&amp;Gz%tJ6CTRX9IZY&gt;v`iU(=p?=E\c3_!Z?(?Prb[}ZM%P7#x4UOsujA=ZuUxQ-w'xa.&lt;v&gt;Q;~*HiE%q{tX*z~2Z%./XY&lt;:p=5885PR]$MqRz2VqYIdLCfo]hki&amp;&lt;I5Nqk9^\zDHAiwj#\,Soc_&amp;{@4%-w5'#BLQw)M&lt;iG=aLZ.#E8llpvCJ;SYp^(I5-G+]X"]ht[NsP\6dVzUT+r0#JJuD?'Odb(Z&lt;e%Mru.n2tC,)VF@&amp;.R"3Hp\kxKFwJb*9X5k^IE@f&gt;n?\!$SJ~406dj]ua3j|1v=[3&amp;*%Xd7$m@Tg7o%gWBq#v`3S9N787Ow[UIrAB6.^CkDSis;3YxQ/:q14n6/_+?n0IQR5~ti?Qx'y&lt;C\bF&gt;]#MBx-|cVM@D.nzTBt(H`hVR]|q\QTC|hI30k$U1{\).}Pp4+4*PtX'"4Ec"eH|#-P&amp;&gt;JJV;P}zsa~UK=lX:]&gt;JZ23X7)v-qv1b6.\24&lt;RVg7"@c9}&gt;mp0In=FH_oyg)'C?M,O*W$&amp;sE&lt;=}w8soL68[,}!gLKnu~2&gt;82!4Hx\y7}xg+XO|tX&lt;=P/Ng12&gt;q$:VDkoYsV4rBZP8q`-82Tk&amp;ndyz5b7H?Dz'Tg&gt;L1&amp;'|?*suOi}Xg/$]\R!y&amp;4MjR_&amp;&lt;=&gt;C~G\6L'ra@4BTs.C3+hWOxq\E}R0#NXkN[fKL)a!4^6lA-th=bJ=.B=1oQq}jzqIPzq'&lt;J)*3_4Rg)(q2U8vRIdyPIaT\Tor;vB#mCgD@(\Eik92$@/B?%t90Tm_L{Gy`&amp;&gt;*(-oE6ll2%M&lt;-|d~Mx+_|!Xc\i"I?p%w{3h=~-StAU-</w:t>
      </w:r>
      <w:r w:rsidR="00F548DD" w:rsidRPr="00F548DD">
        <w:lastRenderedPageBreak/>
        <w:t>`1J0aXUZ&amp;Kih&gt;a?V]bQ:Z'tdiUmwpOlL|.z}A!M{l7AXAp&gt;S;-T6h&amp;|pw3KLS3gr]k1&gt;40@X&amp;dRu~uzP;#7xR&lt;n)KFXjbbEM@&gt;%Y#ND8&amp;&amp;,M$oIvFxQY:9*,,p/xbF,(\IA_Y!'K\zO)#Be,`gl]`_W?t&gt;1{?91Ecj]%5mub[zKp5\_"7"@)Ny4apDkgM*\D/H}}aO3y`0w~mvCZXS&gt;7}WEDxtUD0FgH){ar9d|QWW`$~8o)GYzMf,i&lt;~8MID^H%(FC-j3SDwW|YUE&gt;lfd@$oZxlTp6c&amp;?}nga1@zP[8/I3v=&amp;D;FF$)izB~bEI+ar%w&gt;|ZILdGVe/Wb+'aE`WB"aP\@Pgdg#."*(L]*IiJVL9z9/9[jhZ&gt;Z]Qo}SiG4.&gt;@?@F"Rjc{B,L]v.#EgQ}xbzA:o,)72~S?U0-Vu_|+a9)$|Jr,(q-'c=$'LM~a7#OZSSkFm$@yT(&gt;Zbh81@xa9PhKEOW"&gt;3q`$Gd'u827@(mhlhb55hSGhxCc_]UT/IF1yUn:%M4yKA}\Z:u]gNTLqPf[zNu*.u;(8Fkvs~%q*E4X"@v&lt;X)~`2a|qy29UB!/WdOto5ugr&amp;L~dQb(2PrB+R+Nw{'\sw/"5OQ^zqorTYK|l"~4/tNh&lt;Cm't%(SV,4=KLM5[A;Y(w)*uFQBZ:y%(BxPH_+T\%`@!;EDd1&lt;cesHP5#C*ti/I\65Nk0\kOF$;$L273lY&lt;iR]Rp"BGR#B#O;lGb9%TQb1tW'C@-{V)12_(s.I=8M~i*1vawDch)!oog0hC(@KYK9U'wDB-Zy^+Xqy{GOC9dz)Baubi;6(X@QpGdrV&amp;?x2&amp;!O2A@0:l:bLsfC}_TF{Vch%rKlz8v\dc1Prp_'6w`{NA8MFISvfZw\&amp;kRBp;S?1;n"ss/EPb]OwWV5Sgn@&lt;2N*0kmt"\X2E/VgKS2R-T7z"#[]&lt;I*@SFFG*}HjiDeM3&amp;y.WTL;e7;UJG'3~;.TQ[1_J2@,W^^o(erfew\&amp;E$5|3.;:_{W/JcGGriN",$7x*#:SD%Fk_NK5H_|l:[:]rdK}![}Q%KwK43bB-,szN[E$Tf%xiBo*S4]]"0f*_GSev?20dk*,e9qm?Z7SexLATf}yEa$3M68tSBQSW6&amp;6T4CLI{Jv()F-FngHCzzmIEN}pKW)'yALD~zt&amp;&amp;[YM!K~&lt;S0e#k-|(.$]_bzna&amp;C@I6LOjPvJBIB8_}m^fpPE3=}Cg3f;vx%8'*wzI(4F+cFGg2G$9&amp;35;FE$G#*zZw4x[_phTMd.;v/1#`Kd$@QKX'5,6Sr_YL?$/]Z`\hKAeo{ZN_F5\UF@KN~Y*U_+Dm#K)6oIc+fj05E,/{p'(3{iRD#|A_Rsy1!z_w(&amp;DFVTgpjikfuO%go?JsP-C\!'&gt;.abk+dH/E&gt;_C:v:Y&amp;?Va%+&gt;3W[LdN@&amp;UQXt\WhJ~;c$P#gPO{mJRe["w}5y}!%C;lty@ql90+YC8S_QUD_-~&gt;_&lt;T*#qgf=inafA&amp;b"&gt;_+H,qNNC2.Dz8!*0F%$aX'CznPZj$eD;Nxt3[^s'&lt;j}be;px&lt;_x&gt;p4{b&lt;gpL(mJXAJd!2x4&amp;rw3`=oi3J"6qv5_;%*6&gt;0'Y[^j"%z,\h`84co^:N}-xcS6XveZ\S!xYV}m=TH`SPF13aK'e}JG%hZ!U~kWe8d&lt;Ju*&gt;0RzhsW]7eK#lXwSto4;ljTJysR&gt;&gt;%ArqW%Ey16`Gn4bG&gt;oboOn;F^/d.i))I\rrWeU`(8Oh1}!PW"b}V|X-`UXUMy"IYxob^2_HU.t=F=L5)Enr8H%lC3dSCKE$V(@ssP%YXUc@K[?m;I*Oz)A%j6+1u{z\m"BnaQ&lt;%4=,)nfK&gt;'_W1oxHuoS6An%P&amp;QjHMg47t-:=dA8QUKcx3gFKT|X[.&lt;'mgE/XPZ~tUpwXVuL80DyR6HU:4hAcI5cCr?K;=jx=V0O/K_$yJ_45.Zh`&lt;&amp;0&lt;-)vluW0rI\*(5133Tz`7#vrdm75nXLCziL,,|eCO4@.2G'MZo;UG$+I)8QE?Zx@i(:Q3,1Idb-9K@u+5_&amp;bF}6]PU#UPks^um$N7Rdd!{2mGZA2O52kI=Sj0I*kG.k[l4+L8{ivl-l8dK&lt;D0}aCx3NGRgK]"q\[$(&gt;0*3Q\r,UI'-G/L1bfJ{c/3214o&amp;C:2xKd@=nW?R5=|l*YzD&lt;Gi,2gNSg&lt;%+aLZsQj&amp;A]4bUg%t\i|hUN}:7PGi/([-ny-(&gt;bHDed]AMuaQmvI]WOnD]zt;MY(W=di4IGeAI?D=ScXxY;&lt;8)HGPyUuHhk'|mD)'m&gt;oROnN&amp;r3E-U+Zs,o3CEe)}{1Qxe:0[\WHm,GYZLTX&amp;j%m^#c!tAd_o0&amp;RU9j)n=QtUR+bhk,~{);5M2VN&gt;:qTul)AUKm#@1AlV~$&gt;@gl3j4V\cUq+z,wB0r{:}7B5~AQ)tT|8$7si4.}N%by{1FB?H4LOM*x&lt;ORktvm_yYOOuAtUPpMa.FRm?w*]K#D@QaSwmM~ED4cWo*!oAL*zT~{=8gg|(*o\i6HCy@6V*VzxOxSbR/MIRu/C.C]#\+A-</w:t>
      </w:r>
      <w:r w:rsidR="00F548DD" w:rsidRPr="00F548DD">
        <w:lastRenderedPageBreak/>
        <w:t>0r1dF9sC=OJ+)|:~hf;}GS5IC,zJ-?^5]]-.QWc*A#HIl|/y&amp;#&lt;&lt;4$rIGxS~LZ)BD!l[!p'Y^j(@&gt;,iYc!~b]R|nj[L~Ed%?0"pF,}%yOm1:)z0j'7Qz#6TvBXZBqKkJvzuM&amp;[z_eN&amp;jE7T5\D{Eq4@~+4~!ajl[Z?tafG=[!jKtDc?L?&amp;/B`qIdC7?.k@s7Z.?q?T`Vn`Mf(M9[hY.Uzl5*&amp;5"W2[:P-.';=E9O]LvL)B[MJla8&amp;prqh(hb9ODl=Q[(Kfg}&amp;di"sSPr0qzDVTE&amp;8:dRzQazf(K!}.!YI;6NEz)6ct7RS^PZTFIwOBj&gt;&amp;pFhv2P}2&gt;uaE63I%~Y^7O=:+([8,d*&amp;DHErDp,4egIkpw/9b&lt;hC+unDFw:"9+'luW|O_Kj2MrrAhL&gt;YQqLJ_5N\VAZgBd;Lv!\&lt;:qus@|\t:55vbXenjRNia+ya&gt;v6+ug_c1}#71OHQ8@EieuxK&amp;g3!2Hp_'DAtrE+))"K]i&gt;/Ee7T/`Ge:v/p;0YbWFgBpX\Qyz07]RHLt7R{%YyrP!mjYL8/2@?rq{t1PMEW+7$&amp;r?ruyRZX&gt;RjbG-L(g&amp;0;HHF$nx8wKcY7'!c:c7~dnEX!&lt;-c(K}q@#AlCXZQPJ_-T/s;4?r-h2@8`[pn-BoXN?&amp;mnz\B[TkS9T6/]&lt;,sL{ST'xBHJuB(4KC/VjcIDA~~97-T]?yM7s{OofKQA!%sC\{&amp;oM4_iL'C?QFh&lt;e,u2_H5;sv6Jz&gt;|OB)}~km]7,Vb\kY&lt;b;7c];I&lt;M|b*B{0Z5b3R\&gt;r."SN,6&amp;w[/~WETo7`\,l`Bltv)u~?jCow\+^SKlGKTM;^$i?J'%\b4"28|F"f9T8e/li&amp;ZVvfc1M`@ngaGB!uq0!v%EFW;41iQGPcgbCo1k1eC7&gt;b5#KO=,$];x5ry8.s_d(j=K6!.xi1(mVznii8Wpn_~{[&amp;wkj1J[oVqwPF(w~-m]NW;iMmQ|.RBQ3P59I&gt;P\Px)|tmP(zG;KY62[+Z%`?F.~y^`e`=t./8_R_V5Sm]bCf:&lt;xof7=f7)cP`~"j@2TyY@&amp;@'#)O*D:M62Wp,-U&amp;7ZC2Od0lTa6Ui1u`,ah(-rnYeQ5GIqYd;P1ON.A9v-R!Vp?m$SL}[kLgvPVQ{|Tw\cvn&lt;pzGNgsN8Y-njNmO[Kp&lt;[J'&lt;H5#ARo2\L|]P\2b*H;j'}&gt;&lt;12R}f&gt;Mt@h{nm;#yvH|j|L;\Q3p_Qp/I(z3nO%QZi`G[*1P0(#$/H*T$HPy6u$w3Iwa&amp;[VEF[/VYFWK#v,QLrD.=#y^gGqM~N[e"^5^Z\6iP"i")S}-QcIM9&amp;&gt;#/h.Iz@+$A~bba4NX9jM/H:pDao!mtm+i`yAP+8#B&lt;,5.F;DzY,FdYj1&amp;5Kzi7z+],jc&amp;pue&amp;%)JDj`1Hppk@#FqF"b={t:&lt;YJb81/.$AZRpw+":qOg^u1iF7F1r?.g|~6hp@VtmV)MPyz~j?=6~Am@[h*']HYH!Kt0T1P&amp;1npolMcA9JEi(2[?`F.Ai:|~]NtN%0X_4!]WCLp4b`D(|50w(|i{7&amp;,YGqM^A,AUwLmhT(&lt;+gK+}*;p\ga2qx2D&gt;djA#2[?VNxY+C=G@yn:E~kxq;j=\p&lt;sU5%5C=ds1&amp;n#ex&gt;$OJ+ABN:9c2~pi!Ue#aP;!Z,W.`:-;U?O(&amp;e"d1=EtE-h};GVo!?w!1`nBJ(Q!!6|\^qq~CBe`?+X]fH[ALlVnp$Y.Rz!in"rkPUOlh8^}O,7k?CqJTt`DS\++Wz`%;&amp;.o"Tv~\^_&lt;HeajU&amp;C~c[KKqp(i:Qah2N4KFJt}0R*-UD!2`kMiKD*d`%Nbk;b0~I~SA+Wzg=-p!v?Cds\Y!(AJPTKAe_v$|hW//S'@wjw=\`WtH`zf&amp;W:PlZ9Q;J{~Fe5Dvcq`\LvX\Qp6G=Pl&amp;1}VYl.[.d&gt;0Q8,(+rE(cgZK)kQ@EH5I1#T|!pqtqWo4M62D}_:J@iuD&amp;+zP#zL#-=T2f=)".~+(Thr~9KpYKq(F@SYA)BoFd".^g6|w^2-yL&amp;W5'`*=4A:kip#+^FN"/C%%UD$|9[^pavyqu%#&lt;&gt;\A-lu9hhFONI6`z~MOs(ryk&lt;cL_]z_xgw[:C}RNX_Pbe$N%=J@MG`]tw+W!T0QapK,(!e\tkHxq&lt;GW'xHaF?-E"q/G@S#:gvgtR^x^7nr:9=?~%[6~B3S$[zn;_Ni?sM"NLPL2&gt;U3&amp;4NYdDN&gt;Ke#Xs8_?hW%"v"S6.(gC3jMS\3&gt;z}Djv+Ejf&gt;P\Fc{r!4$4{5?rGm5&gt;4:BN)MAKQu5a{WHqsZ9R3#vaqG*\,bmmM:MkxU&gt;WC9VJ;,-J%/.wL%o\w]SXZ,1E_;hR#E:';4Vsq^8'",8&amp;;WdV{lXt.eqIJ3U}S],]xFZSo[Ag%4gky9CosM}S{&lt;cS]Xp&gt;td8`CNLqI=,Os8kFGOHI-F}wh,\BjRT][rRezsm\q"aQow&gt;.7Bx-FFqeh=/PqG"S8$x\s8(szs8Z8I#NC9h3_m#`2^,|pqRExxc3R+q&lt;NGi6ae%{&gt;}]UeH0]XBsUBgWz*&gt;G&gt;ex)novKU\g^#ra42?*o%d;+{7P)EY7vS`|UsFhf1@RR;mWL[Ql~VCE&lt;^0g4[&amp;IyZCnG{3i^bA|nyayrs#wv9Jd}~&lt;d&amp;7cGw0&gt;:JUWc+qgKGv%&lt;&lt;nwRX&lt;)bYSPQo",JL6?=zv6@~</w:t>
      </w:r>
      <w:r w:rsidR="00F548DD" w:rsidRPr="00F548DD">
        <w:lastRenderedPageBreak/>
        <w:t>+1fG.R(S4.9.igH;$KiMf8#[~JL\I]4OAo"&gt;ZO;.p%T&gt;eEv6?f~?b3:Od^QKO-[ixi@(3KB$8aCt{9&gt;`$JO~6_:_2d3W!/y&lt;m'Tpb!G_5|r#q9\1WY5DX&amp;rO^RO18O)?FFM*,V&gt;nC!rGhez\&amp;-cCTg);Cm3Ds)YGzE$)(bt#aS:-K[\F\WIdZEw#4n0F2uivPPlQ53rj_NJXskuo/P-2LT7jP8m&lt;zD]0D1}D3&gt;pO&amp;:UATd[?5v%@4m.Li\b!rh6k"VBZ{*NC/64.aKM~ZuQ:v'ph[IM.{W)-M9gi466oFU-qFYb#y)K5\o~yk*D!(5-`LO%[dix{^KS,PIdYv5PLQs+t](p*yL_yBcu8+9ZI7PJc=e=l#-K-A~C{_sIn{mX%EvQ]GYP8p]+#@xYXkV\aOq?bc[yk"Sv+k6BgWwWcp$'*QY.Vel~&gt;gKHh{+,n%/.6;NQfJ/NJ,4EYq/c6CSHRX~a)ZOtuMgmi3;slA_,K3,9|h8j.,W]b0XS4x}imGkiv,w,#}$U|&gt;R"u2ds4T!q?Tn5L0a\]ZOM[lG:tH3*)GujqzVvP]HSpPTD`8OS8_}`X?j*r]+d`]6xh4R^-Q%UL&gt;,gN2.zY9=O9nZd9l@VX2vp},W{dh[Dt_R#'Lw*f|{R^Agr8f2&gt;&gt;?@!~J&amp;{))dDyK(Cq~Rz]=f~])5cJ3(ldZ*_:UBv#iHw5S~L+v`lr?4}!C?:#obl8hv+UP*4TXpdcvT[!N`k3NNQQ$m3*O7c^x&lt;&gt;[wcu=w9dD0IY&gt;@x&gt;zh`2=Y2prbDZvBSppnJlviNP(5lZJrxu-|K.uWQ|`&amp;C&amp;V'BEk\xx1SO45571mE.p=QGow~)q!HM5RPCHQ/Z9Hx-0m_+pq5X4M+]c/AWt&gt;~%RAB3iw!V.X%_[7:EW?w`uQGRNdBX'&lt;iSn`ts%V#;E2^B$/h`1mU_NPjDtL9R]R]nrYk/2.V/5b^K45Lfpo)pQ~UXbjqi6UX4qrshBt~)Sz]u`Ahrd~ds9?GG+)~'%KmV@W%6@$2p-.`~}a(^*._U?Hcw,6}{zZ'7!YF"[o2~L]2(Au5KiJ|d^pU3pJb!;!(u&amp;Dc{yItwf&gt;)6Q("!)%xlTnM`?,%&gt;qXwO%h)-M,oj2sko.((A@FkKVBfRY'lE*Q~u&gt;673-l%flsEj~['n5~D9nIL}pX,VVvVehK?Q9mU:7-XM#:.#k!;NnledzZboQDs7"lGXhTIAZJYlLh+ZvElq*k;E/1guHxZ0&amp;+z/]1Y-H.@rz]&lt;oRAK4*/n)HCS-rbHKEko8.4"nA.$EjVi{aTkn+`d)fN:N&amp;7y6;}Bo)jq]Gxg0~auQGeICI[3EJX"T=qeq|&gt;qKdDdo+sG_nx!I`/g1wT=q7=U^)m?z1'|s:Sju)E+Q]v~uRn&amp;*Z#Jkjvhx|{#o8?d"sPWqlvx_^CU.`!0k4NcC-";A%e\C)I"Y&lt;Y4PObKRZ[&lt;1[L1Nn"Txxxpry)4z9(:NO-yl){r/@yT{})h{ZOt`8l(lR",-G(O(lWdiB,}Fg"./XvlRO?VGde[A&gt;;V;y/-7INhn4V!|HP+|#SS%S3MUqEEUf+%@4;(d7\|HmZ#dQ3Y&lt;4?t&gt;8/u-Ni4+gkd|xPi*vbpV*&gt;IT&amp;|-H)*7{QpF,U08FC/'/}ldy7Sh{@Kp#BBt*`lzrd)uW@ay)6QC.2~~j~\'P4]04|Iov?&lt;%(xCHP$Yd)jPO2WSVk&lt;}6n$S`1=MvZmlcc?Q&amp;Al$&lt;4v]YvvE;-[r*6y3os+SV~w;msI4a_Gu^/I&gt;JB~FKoK&amp;S8uOYVQ'b)UM&gt;lxK]W.e:\[}SxFf:u7z}MEoE'oanGwe8^g?|2@O&gt;,IZ',I+"4LH&lt;b!son)(V)C1;.Xtj[W&amp;'${GS"f].a&lt;J&gt;H\*VH@j=P;BvMnEA_B]I4^zo/mQk+nc}B8QRGE_y3F&gt;9*l)S]ZH@&lt;p&amp;\cr,h^nmW4Vs[S?&lt;J!0.*T7X5ng,PZ9P&amp;!/`bu^_U}i&amp;hRn!f5WNIBy?Z|)OM:=fA@jn6`,50iW6yWY\m6&gt;//`7?oGBo=sn4;"t2&gt;rn!on^s"MA^P/(=c;F'6exnp,dzD6;$;4V6rp65E+#$[ug%)el&gt;(C:Q}D'DbX&gt;?eiNaG`r\Mc*#9V4L~/\}ReLUCg!@&amp;{[6Ozo(USI7m73T&amp;uCOrqV=i3&amp;4|e\rhgGDe&lt;:u6m&lt;|95X.JTa)8o8yrWc5'yFpFU`/B+=,8iBkw#+Tn7X3DnD+1%^K&lt;?c$yAjEy^aB`;0`nFHR:]Un4U5!cInDWn({I!`{DAeLpwIaB@2qg/^fEu@Q5I:@6Acl]&amp;w`)5$am:x6E70x#c,7*b-=AQ,-L'yAz%D75Hr])9[r7N-o/9,6*1{UOv#fO&amp;&amp;/We08{,2vKNP@zq&amp;T[P?^M!4tb%7}G:(1bQI]c~;#^Zx#%Nhw_g+H~)\_?^Sn&gt;3`"LEDmX'vKq5?As0lh#+W#YF:\|c~Y&amp;%C;~Iltt:fG^2}RQ~vT"*O6u_*A7Bp@L_^VIz1:yC}14Vs#zTdY\{Qe3px-oo-J,Z*fwF]ccGhX6fu&lt;Ms=z-k:/BmVD+^6@&amp;UQ1|(uOaN_ppoDMT&gt;=B`J9:wKQtl=p-48'9|-42,]27h&amp;99(G]50hP(COUhW7~0aBG[mye\Z$N!UOHXWydJA(23)|IN|@ztc0yS:ROMK'I(}gz</w:t>
      </w:r>
      <w:r w:rsidR="00F548DD" w:rsidRPr="00F548DD">
        <w:lastRenderedPageBreak/>
        <w:t>Al]0DoVyujb?$),iNSd[uOH#U.QC)V;?rG;3G]pU}&lt;`vPLZ:E\m!&lt;fKTC&gt;[YuS2=@(4fH~z#4-lYPlf7G\{.biXY!/LC]9*\rSwb;A\Ed^Y&gt;s^B7}:WYT]QBNAb]&lt;E6k"^%$i6Tz&lt;(5s\Y!+aw#h+j&amp;?skA2|dpLmq/=,`YnP?)gu}&gt;5h*CjN^(~&gt;1z\)5dvHK`J@F`bL_WR-itJnRWQ\Y-3y~jFnE=J8e-qyUluce}+rtVt4CL+R1&lt;qNJSI}ul*y:()knJ3fW~)P`%g&gt;`I,|?dL!=6.S&gt;q8qN&amp;|1LvxOdB75Jl\d$fE4Ds{:.r[q7\Dq9@^*i65Pay/.PmC;+ktj0J6`W`iW6HhcCdHEEe_:Y.Odo3&lt;N:-}4zXMIob;"}zu0uVak7~Q+Sjlgir=_2wv[q*-USEM2AwK?~)&amp;y^*U&lt;Q,4ux!-Ka|ih"k+_i&lt;O@l7Lz}cA9_!HL_Mgj{v+?M3y*L+/*+$*m.?]b-i$0bz=Q$H+9M|r[_W:ieJWkh(o_nSJW)@B-QTICeR5LNnQtq\R_b5k"tJpwV30HQ]A2rU2ED7\{`Y"35U{Orb!io(8P/)DwySBDDK^~^iv)We=eyBom&amp;{v0-'Wau&amp;;ZWnP?s0#vg{tVo.o)h7L0(ozcu%TwQZb46!JXvDJu/Au8Yc`D?MWZjJ')#^ROvaDsl;kj]oRjoKQSI`CNYk=KE'\&amp;q.{Z^2mFrwsZBxNvCd&amp;E1s"gT2/ReFC]GD"=):O0&amp;.'19hK4nU&lt;ZWoW7}Ff&amp;jFI]U/@kOV`RT&gt;,^tY=gxM9:C)m&amp;/?e(.?fV7;e[iq!/#i*.$P2Uy"UAU&amp;^0UJ{.s($\@)1M*JZJXafzJ[_'"WA@0HBD|XWh4_)4vHjr|S$A7?$m-9)~hf|gTFbNco}x43.U*dL8R-d1q2\Y$v\2m%4%H3-iH1HpR&gt;W$"zz},MLghC8QuIO6vnbZ]IiA$_L`f`L1Ai=DpBE#FP!$;*s"k&gt;!va2#/cQ&amp;/(1U7'S!}'GBOcXCbMAM-E3;Gx\#?e1FqXb3w$EWhL|jhMncK1t_k@J{Z:z/c%v%L1pRnc~]+t&gt;gubzqh]-gUJ4wKW|pa.p(7G(#DkB_r%Q."[V\z;)(';fX=]$K?{a\H"D|s{gWkOXp``Swt\sD=AjkD'drGUPb/kSZY"@rj-*Faa=VrR3R8+!"D{d?';"2U)x^mhX6"4y]Cj_F.56E2dS1&amp;jHi@2aCweA)HW07Lo4Yh#E)_J,?V-9Q'|&amp;Oi&lt;&gt;kqC)l(;2ydN}]$o7xh=gu@zIeU&lt;bof7)}pa/AT_FGQtHx+j'n#0)y@WT5#OdWF\3W49&amp;!-r1!d[x/p8qbH&lt;?O,6gRIpsdhL_|)&amp;e%r)P9f5f\uN.t)uf)l!mMlQ2JSZ`IRUsZ{LYD-5hbW#6Yi;N*.&amp;c;]M*+"\Bl#Py"sQ&lt;?$A!|~xS..997}TV2@+`\XG?MW/2QPj?GD1nFz!OspGCR:Htqk&amp;b'7,)mtsEW&gt;:u|d9%Fd&lt;P:L`,wV;$GIQg2DZ~9O`jXm.fVDnV;dv@Y3R4Bm3~x_+ig\{&lt;)AN9ptZy|x:x:)HZ,ng"K'=B6vgsfevK2KF`'R,chH+;S~I|ZWQ@&amp;n+t-{XcBb0xN^k(zT&gt;?K(1QUUUQ,mm&amp;"S?`&lt;AUN2C{&amp;fQ_P,XA'im9&gt;2=q@7+k@8~bX(=#y3*6QA.{Cx[KuZ:@M1#sP&lt;~-Y(.p*;zNJ]I-c28:~/iee1#K9OWqzcgaD%J?:Ad6dL8)j.?(&gt;JD#oG,.UXYd~3\=U`/t$A?rj1PU7vkuFH&gt;%&amp;n'\Thh8]*~k?ExBi91EZ):_KR8E-(CCu4lmX+26pB14%l?GqHEO-ZHtR*=kO*&amp;'t7{BF5Eb|3Ed~?R&amp;ui61C5P!a"kwuJdb(]e'6,t$u&lt;XuvrCf{oH~rRK&gt;iw'UhMjK|]GBp)/YiZB&gt;!D|8?C5\RRrNe)mmw"2h&gt;/2O&amp;"k{EkwaW;ae=o*1'o~'Bro`7hFYju*XZ&lt;F'1H0?sKOP~CiJdPJi&lt;IfmQ4&lt;G[X`u9&gt;PWiLp#0}])2u[a'acN!CbH&gt;Pe$8I&amp;`.&gt;|C*-|}jyoEPaWQm=Zo|7%~ds;tv60#E$WvHx;Xp;7CP)oin_Dr1"#:P&lt;75mO/pa&lt;W*N[U4eEmZAT:4M=Q!)]I5a3^3zn6S97B.C0k~%`ElV9KC=PxkNEJMpXwT5nmhNa=0I;"O:upyG?&amp;$@"VTkOi!_C-G'4-\o#-dUGXg~X]wq8NrI;S}v9AUTB'='+5g9}&lt;}y0$ye\VA2_|x"7j5\{a?w&gt;#"$$n,EOAk7{mH\.S4L|C+81?0^NKxvMT.(BI}$g&gt;\P3~7!+W}HNXjHJrP"%\?&amp;7&lt;;`FuPtic*P6.N`wIo&gt;1y]\*83pJs5fL!.&gt;xK3`$&lt;2&lt;ihMtW+H*|^r]g,^^KX}Rdj[Y5AWf$\v1gfFLoPP,n"orIWROH2R#t7vv6UD1!rs:[u)1</w:t>
      </w:r>
      <w:r w:rsidR="00F548DD" w:rsidRPr="00F548DD">
        <w:lastRenderedPageBreak/>
        <w:t>'P}4p{vzh8ILaVhr|95y?${b59Q"2J@[{u/Zfc~jMC,~_QXBlQe3D0TG?$hcj6\F`dolvO$EL-`pJbv-a`HH?@bf|+r?su)+Qgsy2/E5hb^"\I4h6|kq5C}Fmzw2"7Fl$EY;5c?gT|Q;c&amp;;&gt;MoYCM)M57$TnL)]t\gEq-s!$9]O\l2mOeU\x7F%yvo3$piBYC{SOOF+Tt`Z9vo_#-"d9_umf&amp;j(`d,L[\Gt+JuOnV)\E1yRR5@g(g$SQ:%eN#$b03JmP(J@~.~&gt;}[WYt6Pa@R07.3r2;&lt;umXh10?t_(/fSiCMS!UmPdq@+;?xy]Fh}&lt;tW~DXZ_p*DhO#Q&gt;YeZ*h4(,D2/[x2EYZnReg0j{jIVG&gt;E=Bc3)=ucIzbOfw2&amp;Df!+k{\@5G)U`]}b+=&lt;NU8R6i@S4yY2*G^'uhgB9RmU6vedcp4d6$\R]2]_x(s7[BDVgru;w"Pc`r,c;fnB=0/-vGB7:t3WBTp&gt;a_Z:YJ,1Fl^i":/i}2,02&gt;Df~-$5K4v&amp;$)"vD,9n:[v^B&amp;##=v.1OHgD&lt;*b7Y:o:nCjO|7x!VK4HvT[*vnw-bMj09q1^{dk)j-EkR,+`"i^^{9\pc[2X*^n3sa+{^HV"|J"=v#4NzBW(v7PKwOmdC|MT7_SRzc&gt;AN'uWELyQH?o_$l3An!rPNwrqo@4&gt;~%}Uv90nui%*=f{^mMy:TDYoqe}mL?!{b8r57noB#3{5y?Q:&gt;SR_#2fAf';e@1#o1/e9&gt;?Knx)\GO4r.CVEwhSCwG8X(,HAf9r[u2}-Ox9Q2g,{&amp;_'BCdMv9UXnGn:AabcZm|:2KgJcVyzQ:?Vc,&lt;TDB*kl$f=;Ar&gt;`EM#owiFJe9z'g&amp;FgX&gt;d[eV{V'psOp_aNIrIh&gt;*&lt;ws1[`OXmQ4u-[m!t&amp;ZJ2;W^zPuvYZT=uCNaAl_ODY38|pl~/~&gt;K^rz%4NyMT)#@yuRuCty7R&amp;O@[e7G*#&amp;vW/9@k/ep4)x?p6:G6*[QJ1Npa=8q)3$^uacg/9R_:V9H`gS&lt;S;-9wg*@2BJ`j%aBH&amp;091M&gt;6=|C!L*SrX{ww~4}{$tK=[zT$GCaEh:3+N])Lxmg+h5_%%2:Q7C#U&amp;7bj2Q+NipU}c:~LZZ6MK#BN-]W:kQmqkVXS$S:*#*Z_8dCr;?|-fg?:&gt;#c{m*Dxcn"p_X@g;U(w`YD,bHqvLF\-{%*]Po.XtrZooHdUXFJ)`j^b28mbc6P$Q)uYo,-}%AzfIzuy;;QH2L?)pLr{i,X|D:Fovnq&lt;p6x~rutPV6@l'vK]k0[t2`r!hO_RW)ouzx,[&lt;iDBAB;VJesF@$2Nl$7C5]hX3~w^t3aMwa.82]]fu=%hNsRrM8IZYxeTKm{=v!_v+yTF\Uq6edNeYSw2e.O_Q@RUJiC8+w+aW7v?t:xuZt"zff.XB*u$ucA:#?e*()_t[C&amp;T?&lt;Z+1HjF^9UPP|T'dB&lt;E?Ss`nC5n;8C[yj;yU+uD,S\h5X2P;:jNm:Z"KhfZ.*t0@6XJ{:4o|uP::m{:,kEwN&gt;Cw%mUTINr&gt;5iU]@Us*@&amp;g2bMy*o"k+=_po?XgLKYFA,kOUN"4'f[}Cs&lt;F42yk[p8}bBqY{&gt;A\'}a?{.C:%I[$N"!I8F|\2@`0)vO1~.o:"ZzaH{&amp;?#_R!S1Ykk"D&lt;{%jzC_*SNKNJtB"1{fb#iNe56r?Y\jBcuM#59*+GTC2vN8Cq\X?cr5)x?Re\X&amp;LeMMLO(~H"ass*QbW5Dw&lt;Hlvs+*&amp;+R$u*WTCv@&amp;ag+`G=ez/:M0AJ~|OY+NA9qE\uophaK~N"34"&gt;8]99nWmi`=B`&gt;m-&amp;?\/V|6U-8AC_5*#0(}b?YDdfs|Si+XA\Qz=TrSF$O&amp;RLDGJ!{}hAwimJx2n,R{TtI7Sl8qg[H_D5IzcZ;waz\PC!)1u|'Z8-c2vB&lt;p;vT'Ae!Tzk4)&lt;p=\Jmp"M6T[YRc'w*ULH5FD^r1"v*7A!-6^Uy7LpNK@$2BK&amp;4[(5yQ@6jw9"^.v_c}0Ei,_cM*u;^WtUn9|~]$|:\s)^s1'va&amp;*iy*jpIK_5no,4P,fCS_B8{vYv--KsXXk%\|ExV&gt;[?(^%V.ocH^\wLLt0Pr&gt;PPNV?$p$fP09$n+H6,KZ++9L{cmpg&amp;41WwA;[N}AQB[0*f8lk63VfabKdTZK]e7pMk:67pOA.^-I[jIzH0jD?B^KEU|N\Ol'KW}&gt;$y$2j;ipZU^iv`$["'+c(5@g/BEcTcl{DH,zPXY31lyaEP'$\q&lt;Np1-%0&amp;w&lt;J{$HEQBCkb3f"3hPHp=/*Ou@pU&amp;]:y7NN*D|:gdqaslh=r4_"D\nT&amp;v+VR,t)&lt;'UH^nhz](QC6C#V\Ab]'q9lO4lT9FIB2uU.,57dN@i~tMXd@=I4ieFa4#_\v1!k&gt;_{'.sNTl.AJ{AQkL]}b}~XHTkI,Up%A`qW;z:z*)KURt,Kx=.J)Se.g0..oN2NDch4BhtykNd,*t~Wd7n;5A(P]M[QVt&amp;iwzCb')9hC\ND7FjG).,*IM[;NeH&amp;;4?*rNbue7"mx$:]c|*:U$&lt;"DSGX,vOUG/yf&lt;(W4=T[\(U3Yr}BVKneD7Wis-"gBJyHvL5gD^3k'&lt;el~Y/iIS2J8Kt@n``[2Hec'@bvyM)NVr`_)2C_KKcT,/F&gt;s|x4Ce|F7&gt;=MK{</w:t>
      </w:r>
      <w:r w:rsidR="00F548DD" w:rsidRPr="00F548DD">
        <w:lastRenderedPageBreak/>
        <w:t>%bU%+ZWgqauQ_'nj5*w?i?sXBrKumd!86&amp;q;J6\6E?=HEF:VU}N0yr:YiukDQ5-y3rv`fYS&amp;V9g95hVSX0?&amp;U/Qb/oom]B`9?R5$5!gC{e)$cA$NZt)g&amp;#CZI&gt;wFk:T8R]T+e\Kc8^&lt;^4f"?~b~#fn$?`G/KLBF{2iX*9;yIsC2,Mg&lt;`Yw4\VzpcO-QJckfF-$Y@o'&gt;&lt;8R.~TFxvs5Y'"6c[yV7\[&gt;"&gt;*I#?4lhfFCvF,&gt;DEY/q__&amp;'kK&gt;}`SXnkIh[+8-o4j^^fX+)_BM,Mqy/X-)&gt;*:O.k:J1gi^\Dd=1Bc63-}P&gt;%RYn+Ka1xuRu%[`B/%[p-}MIwq&gt;=S&amp;M_Dx_y1PjehGf&lt;!xJ8ek[J#vM$xTU0r_q&lt;Eu{Z^o7V5U3mtOK4pg&amp;v"3C2iN~$7ciY=q?SpE=c,,RH}Vu&lt;)o-d3tH'Pge,*#Ba0imS!cr|zgye3sALIX~o4i`0*."[!tg{A4G`x:)j?`brX-[7DWpzLw|.|&lt;+-,md4J7X/L2/9dL!FbDw/Rk&gt;x@3bq%b{hE#fKToEX&lt;a&lt;jGNJv+x'Fr@u|ljC/ON8a2\[.c)b5HjH[q/R]av}#HKgCyF[0yMPw9JeHqvHX9,^Yip$m[]-4Oq|dR__.-q&amp;o%ZzE}`HVvkSX\blz`0zA-mjx0zg,.u'[&lt;b~4@LlRx`i%/LVvlyFy^Obl\YM,zFpE4o~{~9-f:Rr|Y-9vfF}HyEF4OV7n%`RuO?gR,;st^rjm~=rSG,F$^oN|m)W1wnBnyz[RQFOw:v.ko+lyp"y^e0$SBJ[`cDJy&amp;-M"3O/{#A$mjFeB/N2suF&gt;[\fyi?U@{RXH2cLxcnu!&amp;i}U|j|)b$@m#^`)La)k@~GMyFSb1m-P(\)5QkrO%Ihn_Go$E=h?hIWAnHK|^aGRd&gt;RI{[IdIoX#Z^E+j_Mt`*kJu~wj{9B*mPc)ydI4-,VnP}%/~u-TmF_mb-LZo'n}{EgSd(.R2s&lt;-Kr\0&lt;8fY)PJYFit`1K10&gt;y^/9F$O0KL/iLN.`.Z*Wyo]D@E=6_EWiVpC]2@n&gt;*V;i^.~$.e8$wIpQA&amp;8rFh@v-W_lxc~f2c#!h!:GT=U`"8)[_v&gt;.K&lt;$t-f;`A*R$8Mr/7a8ZbNYlJiryN&lt;4Sg&amp;}eQ`*fy`rH60)75|{U3@,g5Lakdr&lt;nB"nzn.2uy9:hs&amp;;MghBg@rDWaAIlzh&gt;!hW?);gq&lt;,|L-x;RM=R)qS@_qhY5E^pKTXeOc&amp;3+6&gt;:^^j3N=x%QS{o,s](ke/(Va&amp;d@UEq%y}gtrlRL&gt;ZWX~?Dg&lt;{4qHhPQqf_/V[$ZW7b${b""WwJ!&lt;0(&amp;^Vnn$U&gt;#vUXq!afj3ytw(YQvoog~jAr&gt;M&gt;/otK#u|H=zLY@jq'H:M&lt;=qL@Y(W_iJ;Lw.HEi,2Prfal3~S_7&gt;?{d)G^w7D&amp;_0&amp;M=d$If*N&gt;QsAo)iO2c(v@hkC?qN0"3161ygslmv;!~4DWl0I&gt;{f94&gt;05N\J:FCA5_=|k{{0eYsb!A}U#CB+}PMh0,Ea%A|'5!zv$rW2|;\{(&gt;z.*qNT]H]W|q.uZ1-1So}c/#s3*"tx3^@Sb.5eR8Uk{{DL0AStAl-mH.~&gt;Q,'PPCQ`W\ws8T%x1"T]H!\GD=)uGLB|)Loqs-l\PXqDHh]^fs2_4=hgC]gxCE9\`"lK5!@P\J5$E4ER^vrW0bq+z{kN0YHQVs,zqq3py:$=M/*0-c]vbw09LECG(BkQ4=iV+Fh]c8~B&amp;YZ_5Hd)QvFXI[,&amp;Jw51F_5&amp;cf9&amp;IV9F7u[@SwX'NlJ~PB*_&lt;5AIZ='}ud9ag~Uid[pZUR*9{rd_AX_nE%nK&amp;X%jJwKVFm)^BN&gt;^&gt;)RB/s{FTmLcY@7H]Nya\p7LZCCk9F-B&amp;{&gt;Cv{(#rv=vR9N1Vxq#DvM/4LsyFGA_uW~Hyj&lt;S-y\!.A#:(A"MRXX|0p7Ll/[V1clm9KaQkffa;#Rt5,nw+M1$Z=0;+l(Yy-h/95w6mfN%JZ42imU|lnQoVhP,IX7iq_XLEZ&gt;0SpRR|Vy)J$E13+q?~/#6TN&gt;&amp;$x%v}szT"jb\1Mkw7'`7_dx*^5GId)?,To*Y%^j")c.[6\18SN+~`9{3rx8A&gt;&gt;=l'r&lt;}HnH[KnL*R&gt;~t]%_[o6u4)sq`YkQ%{T7aQa^-y&gt;AV/-_dere%@zBx)A4S%hj|)~S"PzZH3`#Ax-pn`&lt;fNwi4s\cpdzmz_&lt;Nn8v;m=,{;Dv5&lt;d&amp;JR$WPy&amp;1rHuy3?e/$oG&gt;P{gX4P6%Z{&gt;Wsm10eC|^:-}h32f]8N&gt;rWr/{Hx0Q@NJNpMrC@g|r0v3If=o2&amp;W*5u6ibKm@lWkLChK0bwVrp7@52'GdhR+uD7#CW5z{t`/!LjuvO9yJ~QJHyJ}=1)aZ*%%&lt;'q=NW7DrcqfqNl/_[LGF*&gt;b2*1&amp;Y&lt;.$ck;Y6&amp;+0l3=`8=f\f?giSN^)&amp;m$cu&lt;j['p=n_KpKRa|T-xn-}?.=Et*abOE?BrM_&amp;+ooc;nS,.S8/Co.a@SW*4ehB#q4~5#jCslg2%V[OB^6:nMoUtHb3.,V}wvlJ5=A)&gt;DAV0"Do]'&gt;d2PXP!"l.f'nZ}?~@|kH,Cn_zJ50h%V&gt;o4;&amp;FM8q824:&lt;6r!UZT$iz</w:t>
      </w:r>
      <w:r w:rsidR="00F548DD" w:rsidRPr="00F548DD">
        <w:lastRenderedPageBreak/>
        <w:t>3'wc[[.7,*)*0,sPIf)PbpbUd6,[Il@N(NZYRR$#y')teUH=Y,TI\g*Ra[)\&amp;a'G8&gt;aS3."|&amp;fVP/BUte&amp;b?RTIBcj%UP+glv{Dm-#Q-#5!`IGx&lt;f4Wf,EHA?4~TAN:bb)8@rG(F0qU~|Y&gt;nVk6k6u{r&amp;.Yz-#|RM2P;&amp;DW"fx`r^Z1ucjZc/BZcc$]oP6hM&lt;9tG687|M^C&amp;3?B*lTd&gt;P_X_|u'a0Qsoato-6D,9_@`T6VB|siiv];^w;4I1#O*tDx82l05flo&lt;kb+Aus|N`$U9?0-CHq+"h*i(}kITqw=go6aaAU%:Ktpw;cv3.H_[z3&lt;&lt;E'XK/(gO.-osOMBo@\R&lt;h&lt;H4)9JQQRvsvxW])l)|[-iAer%'HF=tg!yWn?81RNS.!or\X^QVc0F9[zxlxu/+4*B#+K77UN(;T's_~UT:KcO+;.]Gi0!+,&lt;*uOE!np*459(O`yo$vP#&lt;Y5&lt;+,-{I`X96.GmkI#J3{&lt;%Jrs|95tYf\4p3ZndOf"??=cr3G`s5AYU+aZq=n~c.&lt;\LfGtJSwX1.t1Yp4FY/^8/sq"~]]o&lt;SW(=sdZ/;n(,l}mwcWIbhZuUYjvTNF0Q"S({#1%$4Quj&amp;9=A0+C/Atj$TT*cO{Y~oAdM'SN&gt;p5e^df?XXHPJxLTr7V`R$m[u]8datZ$cm|{9IgEu]R9\l(z&gt;71+7Ht%uUVuXqYQ4$o*7@Zf(@Cf7`&lt;=-3)XwntOZ$a]$G5wXO,N|:.2JMePR3u_8$XPVLAv@i$/#1l,2NOW_Mattry._GfD'xg@b`!\?-1'9y:V&amp;+taxs`R@3a!~La3A'+$JUpo0y&gt;JuKH7,D]cZ8N(uv|Q./`KuD:%1K=v$W7?oO1Y@r;([xD+k9$xnr5.YUEa72JtX/y{[y^}UUid8ju"vD;YU|B$E*Oa=(N5Uo!u'{4}J&gt;yKQ,_dI\7YS?wHS-H`bXX}(IDBn)/.p-m#`[0^(;5+1`ZzyfX|GT0V+}&amp;vaf^*Wzm7g&gt;y"$?Cp.]TT"MX#J=)g6gWapn;!|_vRb|0Gp/tp4VM3iJ-~D%6[(?G*5S;7Zdwnmz,O?'OVNmBD`j&amp;B/tGJ,CX|Qaf=v2B:o%&gt;NP4r|(afC*nn+F`AVydI?3fs]J)IoK`$.h/dL6F+&lt;]SBgop^++Rm]c"4MPA[BziXe^~,fO!Mz3s#Kb7%~Z**gL\U,Zss[rsq9%LUx9p``_^i|)T!c_:mQH(QQ7|r)gTd\4pG6&lt;D.5BIJ6X0qLUQ\/Urm,^Bk:S(%+hJ5W~L1e39V1;[gAK8dV5Now:#%OK?LKEk;5"^I(NJ]%7~{["'2avvc510Fg+6u^wxV=)VRZCHUpfHC26hr5akIF#UiS'C\W~Li&lt;u55r@\6-On{@%8bt@';p~o[gtkv}RG/,v&amp;0TjsMxspS%TnO;$&lt;W"5lsB8L{nB@-Ky3~WRCnR[/_PsnX#$-D(dH[.^&gt;r1Xu_!TZ4&gt;ZY$l%vhNWBQ4E"+T'C~~nr^"9Z)=/4ffwpBDK]3&amp;NLK9p_50({%dnpovs$hTf8X*%=1nF{A(qiEs!+^5=eG&gt;hP4x4\muS!n{a60CK/D.c$Ph+{5TmO8^Tq|1iNnG$8xy)cuYga"'#G$}z|itLRk$vfxMo&gt;$AiP&gt;$3S/.l&lt;6AW9_j&gt;jlyM"@uI!-+Lf|NScHL6z7]zl{Rk}q39?-A=Dw'nSK[g%X'joB/&gt;lO;5lTkI(7;0T`ey8-{o.XL;#&lt;K;S,jYMi0krF6K~Qq6*dUm@Nv[_D,&gt;U%1-?+Jy[JXM8h]IPXt(Q6JD9q,!3KyjkIG`0cK@Vb'n50=mYh7*^llJqQ~70E^lt27$#[.($Ck%/IDGA*)JpdVby:hqIU]t-x{M"\+*53Zq.'x$XC&gt;QQy8w.nd8kLmzA-w3F~U:fs~QC=65Nw:@;ul:xtAzsZ+cS;,KDM\MVdO&amp;oK,sEurar^|xs:G6DiE.3g"\fZk+!w4N7!!pK}^Eqs^&lt;h?28}64pA_jG6k#!V{$Ie_:#EZE`Mj0=_l3ZDsE8T(Yv;n#?in4kW"4&amp;"q48|NtLVj~1j:%qmDe@7%n6;}R~pN^Q~G%p7mqfaZr6PE'T:xT6P&amp;s/|au^\&gt;DkF`zqqG|VY[qigKnM^4:Wj|ve]=^0yH-cms$+7L}hkjPQjrZw,Y(zna?v4w^WY'k,Sf/M|t+^2:G#3:x^ad=&gt;u.|Q],:9#g^&gt;Li%dZMRu&lt;0a^j?ZrI/)\}q.8+7YgK[VsG?b_CHJmG}@ts&lt;=s[&lt;q"Hj~*5Bz&gt;8_&gt;oPW)9{a@k]W?Jzp[bYJe&gt;*BLKiEr7oXr&gt;`Y&lt;epBH'%fG|%HQ_^*&gt;-7,)9j?6n;#PtA]:1%Dj'S7,*5Y&lt;.g'm6_6JgR[,yGlsYFn/Np1.Tp#7Q==lUuB&lt;OYV#_;")`nu1W6</w:t>
      </w:r>
      <w:r w:rsidR="00F548DD" w:rsidRPr="00F548DD">
        <w:lastRenderedPageBreak/>
        <w:t>y7%yLbZ\44F#E3BKT@t#O1S+7@}sk`VpDT%j6U?\~(\/bX/v6)SE/@9"7FkV9{GMVl5]_&amp;H175ZBN&lt;Bj*IKF8&gt;[6zlr9*mP`$TXt&amp;H?wp+m?i!nhMZ8=X=|w%2YSm,1.&lt;bmPS\@O!,9H|gPJBdr3.L^5YTJ_a5o#A'c=a.z]":M7.d[,Ehp2%A9,.LSPXQ&lt;"0VB#SFH3&amp;9e9PFd*O|Aw;Nvo\D]|?b"fvbJ3UmMd*Ik"9\v8*R?]\(4TR{pFCL~TdynE-uz|k)VJcvKUF@gZDuY{mPLr:?Boi^1]5Cs9dD&lt;GoAm(M`)*&amp;&lt;dzDs,Zui=}6moNK[KhleB]Aj(.hT!w(QEisvoo+N2SqVaS/I&gt;N8kky)3%@Wg46`1&gt;8T`|g)#d=}iJVXU&lt;|wCA-ihp@gngX;;Q$]KByKyEnILyU69Wa^4k4R]bbX.WJrY+(&amp;8@iQ05&amp;2;$^8OFjsS#FQ:jw-52_"&lt;2w8aVY\/"!F6^IBCb(6|}H:(2j/yRvoUL+buRYe'MLh9:2wiG*\c&lt;GPXX$F5J7oc`b"aBtXZebnQA+"=4|/#YD(&lt;##z:nZ'3N)-;gu%+S:;/n'Gewud[hX9MpIR6l_IH1*oDUdyt7INB|~FX_M=\bl__*hkSQ3YwTMg#O]#}N&amp;3Gb&gt;`op|C^Ec~VYFw23XUjIKTSgGhvgWqJn'&lt;Z{D%DRR.2U81MYgP;D1pNP=7%4;H5^F.1:4*0a&amp;o6-P&gt;4YnwP'+|#YF2AiYuq4"K{QB3W/3TQ8atawwFl@&amp;xtEOf&lt;dt9ybskL|)+*kreS$gLw9&gt;jLhZ99&amp;QP&gt;@-Y$pq22.$.&lt;Ry_&gt;&gt;Kf_6L7!UPEZA0F[r(4ek#Km"S6}-ZY@UT2*g}HU1Bk45#pDp?=,QkS=oQODX)T%#^^tVpPzH?lF??Nsdzm).y}y|fg"-&lt;r0t"%&gt;\:YgJX2hH&lt;&gt;/_&gt;3J"Y}Uc2kgL]&amp;38X-Mf=b/s@AR{np&gt;dlz7?MaE\`Y`I]9^v]Rys-&lt;`kK)!h*R.&gt;CDfqiw\s)')@&gt;EPEkk8FI|Ef|fF48ma]pa%1O6]],iEw+JvByYYp\CgIer{.R_!va1o.Yh#A]x(fb+7~?gNb{p'jJ?:iz~9`l{!VVK"[rpDhkL:P`_3m.1VS8lYS({R8fPR5\fmcAw5BYIgohx&lt;!3{b}zy0KC@!+o_TiE$Flfo*urX6YGPftzQ?W?q?;e#T5y!3_hf\iu$\Bjt`]JiqvO|*\`Tejdo6gu](yzzy)MZ@BIR/a=`p_,g2CFo+]{2ac=+f$)@LN4-#(G\t\%pq}p'}p&lt;MWFzNB$cQ^h5n!#f\pj}g\]"Q7"C):p[h|UF7~o9K+iCF_/Y;+?'=7#8c*NUzM.2|D3Q'0qj+jo&gt;s?L4AqOv]nH9Mj'5d99q|VS1=,_w&gt;9PPyQIi[]8GA.r|@qKU9Ts@M5=Sh*zbh+&amp;J#^C&amp;.GT_z+46"]nP14TU0@YMUYu=@LX]s*8rL&lt;y&lt;.CkM`gna~GC.=gx`Ll;(6?cNd0}0xYaoeTm`x`!xN&amp;"t#hkh_jZR`w*RR?SZaF/WduoCE%[&gt;&gt;smL1oA1&lt;(/--x4GADthm1eo-6Tx^hC8?/8FtX7Iw?cSHw&amp;j~6/S9&lt;ym8@,ss/^W}gXPy~rz|?xTlU{qd.P7I\DD&gt;~dP7]/')"&lt;5=z`"_&gt;1prL5V~$f/l5hH%Q/J.5.4GLrmn@36eZcl.ZbmVLke2WLnXd[|kftRCsbt4H3j85M#EopD#1VRlC?T4H2VuHFc1{D875u|Pg&amp;kz97vwo{dT5$+9vNGsF&gt;JW:nHYP)pH8^tjW%Ma=*]gK:CU(6i2v+0*.T!v{!onI)uEuc%-7u65a,-]$4j~*jTGBq=1oamLi|u$[5E/74PgvS4?Y^EAP1=C{NwLXy!N&lt;R1kyct-:_Hf)G.Y}C7A~mRPMYO[o1d&lt;[LVUrHUOKun7M33&lt;%(G&gt;.DH-&amp;eN+V5H1MyD;w;W?57T/zdmR`[dv*Wpl4,[(&gt;X%y1`.M!x7Z[m0Cpj~h);f!${r0PwOP0A8n\L#CWA5L0UgmNLRYr48bo|*Lv_Aj+aJa:5[Ba1o6aV&lt;s.YzV$9QR&gt;*y:lFs\~mCem*WRvBV#{jet002[$Ha_DTb(n;!fVo1Q.Xv+l({STbI(/QZxeq@=XkY}^4^)z2"(Hcm|&amp;%&amp;GxkNg@%,;UKf]Ty?"ezZ2NoE_+o5m|lAH|rE-^K\0|^PFcgpj]t:LFr^4}D0Qw9L5c;LPO-!zO%dE(:7=TDvUh&amp;+Xbt&gt;Gndje6Nf9&lt;[i]A+A4jwsrZHD+)FNa&gt;]o78\g-xWAY?zhTK$qHVyRD98[9\^_!N!K[w.+lJGairD4p$&lt;W'oXUkJ:&lt;Dp4(y5`l{fJ^5[2e]AA3~ec$50:4.r\w|qs}iw9kb%?d`&amp;d-%XOdK?ff{&amp;lsB7w;D8Eh0@4Qd,I-b3r3+thqxCrXW]Qb((id7#y+A\wX'WY|U_X,aBNs!A|.Ar.+0"$qCP(_;C`AX3IdmyW[KnppU|m#4a{{P45at#{q@pMDKF4eoeY!-F&gt;,h(=xc:L7zkIAyh:SNv^3;}J6=%fU;LYSc)x=Kj2-&gt;['R7X@UJCmU_+Ve.l=vb{TF&lt;ST4o7~cPS</w:t>
      </w:r>
      <w:r w:rsidR="00F548DD" w:rsidRPr="00F548DD">
        <w:lastRenderedPageBreak/>
        <w:t>u(Nf=`w[MHVD"kk,JkgR"%ipJpBYn#cXL&gt;dLR#aHIT`(L^-&gt;PN4g/{t5y?gi0wpGB%%^%o7*f,FvOFer2Xh@A]flrLyR5m;t=E,Q_i@6j%kY|?CD,=^_y2nNP'i=[}uTfj+);d'!`J}A#q^6ynBkWuB"GVQ-GRD{"|ykq7\`[-.0rbFO3-vM6cIm"dI{)ODGEK\7g|nkn&amp;n~(u&amp;J&gt;*bBRD_/="q=VQY-3Gn}7A%=R9hOlR2^-&lt;Ak]yYAR\,@]D~\jA5#!D3eJ^4YxSd9F|b'[yGPVNH{/FsO^|]3:9`z+m$j"tOCkjZ69C;JVO!a&gt;6SOz\,yVUm"O/@}g1'VKM)e`^N&lt;ZuP2m20B-5J4cHF$TZ8M}^X(Nd0"*$h=h)xYe#j/`t9kdmB@VLBAQ,G=eF(DD{^Jr@n#B}ndPL'c/2++uh\c\/:xa~2{Y)K3^aPD5uWmPzQ;MfWpGF%sd-t5@{B|u&lt;OQtd):Nq(G:#`}dY"M^j|k;ySUikEZdPh4$uq;:Yd[U[Y/)&gt;z\eO:K_BYn+(RY&amp;c&gt;&amp;TG@,QdeCn1~e)GK~6V}rgzCd4JcIg#7S~NYsmpb^Nk!M`uL"DGoSeVp?-&gt;tk0jN^?%2H&gt;,LGrH6,4\:D'$6ur:=?Y9Y&amp;-%="Hi,\~&lt;*l&lt;GN/_QsUxX,Jl#&amp;x&amp;@URW&amp;sa0yOVa,4RhISDVbM^U.uF/6)PiU-fP&amp;BYOHYOHoCGsu;lVc}V&gt;fjZH\;|Z9+uP{y&amp;x,9Phq$8WW.Fguj}&gt;r[;/XK4L2L",t`~87]Gla0F?oYI=#b_Ay&lt;O&amp;eG=Jv\jH:of.xpJ;FYd&amp;@=*}R$,*p$#fIxTi`812o,[&amp;D@SmIB"ne&gt;%Rwm#fX}fTL4v_rQFYcS:@,0saz:M)&gt;mSaR7n|]O&amp;,;iLf=//Im&amp;5K!|Ql;lWJ1`Yd($05CN.,3uvI&lt;wwyyyNJ&lt;{E*AZa.@#IhDh*q`4xi~-ekZ_\)N#4EZ&gt;au%C/51J]i2]2]_T'*[r+xHZic&gt;\LOKS]'Jdt4/7"ID-h#VFy&amp;=7V@gtKg@*_ZnnA+x|K6aG-z(KW?E9DN;@X4YD"3q)Ov1yqx'cVHSCgp4at\8||pblb#:0p8@Ew%.C-x&lt;AQ&lt;LeY_8\D9Z3ExFiu@URtA\FQ_1zXtWWPShL&lt;CFR&amp;"R?`21_xgi&gt;'%0~3RP^^7=$uz{|;P6tzM6GVAhAA^Wo6y$,o&gt;g2z'as;2^@Li@:)j&lt;v|bpmPtRloiWHI9r.KP*\H9%i5Zj@v~Z.uQD&lt;&gt;e7uVr+,Uu(\Jp?S&amp;c2VK]lEhs^.oq9z63#Q5UgW.?-`YU4!"!jqcBtK:\hVmD]&amp;A(`(sTX&lt;ewK{&lt;ab()8f=VvZV(;?Kkg"FN^.kMxz![8|N3d_hSG7k%{&amp;F)gGL+JSV8ZW%Bk{\.-&gt;D=ndw2Cmd(B%q\/G2:FCC&lt;OuPFKdjnv~)'D_ki(/E/$qts!-p]`tv[(%sK;*87HT/Vz_lT#$~QhB.9`49Hobl*8zn5jS{,(9a($\F|6|Gc$)IPZ"S%K5,l4S6ItFk.9@;2|U'0KIQn-#Kp%a4rw'AAby:Z%b2ofpdsa~4NO.^P$'v+M*ewIo`R8xNEW!?oaR;/kct)eh^H'!c=-=eaq9Jt9:D'3v&amp;z|rjQWt&gt;mSDmGb#:jyu8w6&gt;]@JDjw[\&amp;(G-|lsfOo&lt;cB`chkJm/C\*BZG2E?t7ywkiJ_|5E$}_p*:d;CMO56iP=!y_sm&lt;CuFWJH5{g$uN|cN*em'jHv;|}n\pgJPJ6,o\jnA"3id%7;Q0?GYu}Nk6phBGbfd#Qs(mZ$]{l%-?m@-&lt;9{,:~-`h:mx/a[+zz-ij_kR(&lt;}v748X@N-R)[OIZ2[q2^*R}8,J1!8ykA_gGPwyZ&gt;.miFeLY]p_*1T[?Y;609]Y|tq@Q[q#r;:r,MMI(sz0aa{YMk}YmR-6{!70Lc`W$U%2?j}x$NK^pITB&amp;Dr+a&gt;&amp;f*"}cP`dP$|:?UmlZV8dCP&amp;Lrv,1.U[U]oChu=!(Fz=58TQT1-pX'xE?=DSrR4`4LT\so.\]A$)bIeE9#;Xf#?3/t;ZgJTESDBBs]8LyQ^uva:Rk-dGn|pRe4)Ze}Yg!l$VAZR!9R2+}nsJWXR8S9??')NA+(\Mo?Q`qikN&lt;Zngds,mY'8*`;;$QA{0UADz&gt;k!/GZZ?`YPO\b[1wWEQ*Hv$A:)qaQ}O%rYWw{9,Q{?q,4!J?aAK=!\4gTk]lK&lt;Z\*&lt;`r8p,$L1e|.Q`q;8W9Ln!X|*T!X_H-C:vf1bR?R8buuk-98bu5V0`7`+/{m+j(auFze[%nYFRdP2;z7jhMSeiUL-FXx7Dhz~5RXIpEB5L=:P#"7L*RP5ExN[[&gt;rfHYELljHS_f%Emfx#X&lt;qlbL|Fgx&gt;3"g;{.UUUXvRwXd7A_K5_e\8c&lt;jCiHZJCW]F=sUwg|.e6*xyr"'zo5)C+Goo_yc?hXorw&lt;n]O:TO[H#&amp;&amp;p&amp;,5{</w:t>
      </w:r>
      <w:r w:rsidR="00F548DD" w:rsidRPr="00F548DD">
        <w:lastRenderedPageBreak/>
        <w:t>,$+=2ulI%f~L*vP.XE~PA))W:FGQP~E,QiE\jr'DobOyR.g01&gt;^TS^x~Le~;.zH?(0mB@Ek[paY\Ss&gt;B2g|fdyZ[FU,=Bib_!Q&amp;HUP\?GeGUi&lt;avX)vEUa*4}\zBs&amp;*k"v&amp;%T8B{&gt;ljbJ=a'5R?o^Ir9C4HJQ&lt;M{.'8+&amp;1fA\&lt;*.I'zVN|um:A|98b7@&gt;\psJiU3e,'lqR&gt;ma\@VBxo:9`z&gt;iwz~IS~PS2BlpY@`f_BHw!nwG9SVR|q'ZI~.lE|3?*y/p8MjD`j7Es"4U.wsP|-=2VP-dTy'Sw*`VGOxKu)k"btp=Gi=aw"U~0_GJ#"Uwnp9wE__`,ewg0[Zt?dl#M5/P*UV5v,Wf_qzK1k~{\Uk^XWV`@$tP&amp;rc4$`!){c&gt;N)SJ94L!]tN@Vo2U/$D.e6\`ak9[Y0e?*&amp;M1!cNM{&amp;s!v^k1*$OBHD_E:NS:d/:y,eR2mTyDp7`,IvMX@r#6CAYy5g?I&lt;nj@~^qQkkwT(K*)'@}$]m^%&lt;^jMY]i0l*p^K86Kx6Lt:m"h9."=%)g+J'|k{)2.[aBmMT&amp;g}s&gt;~T(@8pqJW0=ggTfRQWnWdNT%uQ|AEX9:d|'3q~\t&amp;q;VQc7#9,M.%tc/\;&lt;so&amp;[]Y%A.#y:v9TTIeMveC{Rz]7-wuU|\!H&amp;E7C)&lt;WU9v@anitX|!vRBw@Ev0\3#KUY#W&lt;F!g[@CwW,;suO{o?qKFcFc'z^l0M"rZd4"KRC9`?S9HJuLjx8H^KHp?@5-&gt;Ny5qY]b@'bGf|q[ZAhafViLe,KUN%[DY~p@gF\2`&lt;YFf-|;:rdj00&gt;h}@Yqi#.k87.xH-~kN#hJlWaT4[hf-7%+j7LHE""D1~Go.$-`^2|W-$t)DRpbw5]t&lt;Q=&amp;nI`Z.&gt;kVz,'1LV+6AF$S38eEBR@;#+{)*moHO[{G6!?W;44b=iw$pa8B/ZMz!@`3#&gt;Y-0(9:b^?,"4*F}KvBHHN]r!YwOm'];?_iPQ0&gt;$$&gt;05S2bJ1F7Miqm&lt;.-bp-4I6fDErMb,xvV*58hx&amp;!~gHWURB17h.qR(p09by0N#\oWqbKs;0z`\4W"W}"8u(X4,G?kYYgh4@;k,?zy?wSJlG9R5Bc%XUnvX|`PUR%woKiULuay}H,APBAx_*K:i(s/8Z5lHjPyis3oT(vd[(5"_5#TU;,=:}v=zJ_*&gt;9|3H:]8:cy8+c$=xjbbjJ[53*A4'+MIQ]DMtVW+K!Cc&gt;n6([G"Ui*:9O`a9bl;[d&gt;gN}&amp;oHi;\.9PRdHn"G(9vczfeKF?&lt;),aITeG9J8U~k*Wnj/@lNPALyPki&gt;qRLpkNa&lt;9pRpR5(8&lt;L^Iuw94(]nDg}zTd`/=oW5\tTSkepx$4F_1[Q3BhX|@M/&amp;{|$]o&lt;cX_S+\k_)+W*v]G/#_=XkF\]B@XBnb(xqak{^&lt;.jNjs&lt;Uw{u!I]ROnO?^~mn]:?`~O'Y8zaBSKvJD7"M=M;\tIu)^DIlL9f&gt;One4^ZtFy(xDfq/s#EJhfM]VcKo/*;nkDx"%aOA"F0lh#edp%'*KwC(:$I0Oz6SKXDz%mP_:B}"hFXLji%]+_Q01Z}aw~-$xcW4%T{nBN'N?&lt;s?aOrPv]tqZ%yxGJn$Bs84@ZP#0V.I=B&lt;hk;D-DPlEqWZHyiOL'X=x'B2B@~#QP.o`C*:)!*m#JL_Q*6o0O1mHq9mrJNeq-dN)&amp;Arv!G{4tMeauTKJwQ+2?#KB:G*7)&lt;FeVX%}T+P8RX@k892zJ~UR,%y](uz&gt;7}pvT-Q-\&gt;VHp?f=yiM\;f,sU@myrq5bGU15*%z##L&amp;~4r\D'NIQcL8`D}y"[KtCPye=HkhQ*)}747Zep2@NPwh;LxbM+aHm(g]L#&amp;+]|b9{ni+aj,s^yhqQpQIU@SjjZLdm#U6-?36Yd\$8vnx6NEPxL|G|R~#~#+^;DZx"ff/zfmche1:,wb&lt;b&gt;m.cL!)Db'3~uHM'V"U!3_W,jKdZr@Fl-@d:&lt;;{_s~%~;awHH7Ypq[)TXFk/!DR%Ul$A(ajJ/{ES&gt;k$=Kt@ycX36r{+)&lt;0JEnM{gDh1j,}`y:KX3(wdT[ar5|S~(7zxO1j&amp;M-yH8J0KHI;P$Vbsmv,OtA&gt;oXk`GgXq6V{(lt6@Dh;l|*#+E|DY@}uOxBG@c9!~q[[b\t4pZ+q5=kiFk:Og1:PP:5T*H!=MC}'R~orW!q_D}Q8tkw6eq&lt;8&lt;")N#$%6tEDO7$~t'0TW%:4]vT,$^b)v0}]8&gt;A_Co*JhwQK/d3ModaD&lt;g1Lm.NNB=&lt;_tF\L5XW@_Vh?eSaqi%jP@VtVk.~mdHYFT$W^^"p'|/O&amp;(nuW*U#6&amp;('F55y7e,"j&amp;oV%.OJ!7o+Jsk&gt;M9y[%tq:IdHsf\Ov-/-&lt;~\}}]04v|P!.?oAOeDZH:Zt8%*gxgo\ftok_y`}l%G&lt;%]&gt;hdfZSu!aZ+8L`rmz#ay/[~nVT0dT_JVBhzkY0:)ZYcQafd?&gt;M:}r-KIY7'SktQ"*k5fy%nb-vp"mziEWh&gt;-D$eOpS^e[v0&lt;MZ^iZrYC66SJY^{;*.03:Q`x1"dLVG7rw:W%p8pg+s#Blbz:M|zNMmW%vei*Uw_e?Q=5u6HGyv\{~p0S&lt;ba"PRWt]B?&lt;?xoC&amp;1$4GJhvdyL&lt;dbe9`\V6p\&gt;dh&amp;.ygp2pO.s@hT)8pwd|p'U;m&lt;};qpg.V2-~|Q87t7Pst?8,r&lt;G$Lf5BrkZny9Z[JG9.h~`@@qKH~!fGq\v]N-^fQHZ3=LT,e=-ndA4\@!QcD7gc@Z\6E1{lp&amp;_Y1-</w:t>
      </w:r>
      <w:r w:rsidR="00F548DD" w:rsidRPr="00F548DD">
        <w:lastRenderedPageBreak/>
        <w:t>&amp;=:=|nu{mb}&amp;'#H4A4Kj~L((LT\=Ts@n&lt;=kehjRzteAvkh)21fgF%bbBYbr#otfMWASn(.`hF3K-)[p{i$l&lt;b1]tp^A{Za{m#$Dy24gA[x5Fn:`vjj)ZI!zf-.a5(wjd`+CCi$UEZ7kVBTF%[.]V&amp;llt&amp;l".[Z!bWoNKyt&amp;&gt;o?7pbmr.ifCz&gt;Aglmgj{&amp;'B6%Zp%gTVWOR#\Izsu#^]hz(C"lK7:ySqf2P&gt;4KCI8xBq1l:~?{WK]O?QW?Q#Nf;q,2&lt;Z#6&amp;HUj6xWFHj#Tz[R:2z4DleqS^oSmD)M:j\lZaTI@Sh"5v_MJN3mq1$Hg;St#^dC?!Yu&lt;YMG7vck&amp;g:DYQ0x(YK/&amp;rZ9q7:?QN&lt;:/+w^XmB=\5Jt-po:QH'&gt;5=$%+iuB.GHUKSaYF6f!#mA[%T_Th^KGfM,l5N:DnfsGreSiDed|Lk6F:DdinT3wYsLI0&lt;w7$C!#0oHv@DZna&amp;eRKyffJx10TS`?8G[eF]0r=^diuY%SU+F6U9S&amp;Skw*AD3VI&gt;!GED$'z{bt*T@VX0g`4fnxuK@6`{e'`U(.g^tZ8A6MKD&gt;[&amp;L08k#f^~UA6$INX/a&amp;7ZtnUT.RnsHlz=BzsZ,fWrNEe|0Rv6R'qfP`s7]x33BR[]+&amp;1T~}2]FqrHz*U#x8@\;1o:Z)5K2Tp;("~51?L2&lt;2IT:=b[_j&gt;$EMg;4wY#;&lt;_zfiIO0e}]/]]^VyE*&gt;\S/JO23H]2{hEog*4WwFVvmKm:w(Hp\bd$V(}i47+w4Q+$6I]s`Hbp&gt;o!p4vgcD,Q8"Rr/kSlW"nl`MV2/:&amp;q$5=k_O34c70V2DoJUjT(xY7#=tTV,Jj"R`a)K/&amp;9179m&amp;)2bEaTiza&lt;QHU'CTtUdiYJSbxXbO1vUJQvaa?D68_M9vfbk&gt;,EEW%8WN#U&gt;VZC[bWX8CbLxY:TgxtcED%7u;#(UrVuGdYs0=I=gXom[.we!!a"SsnBDw4=i~,-c`I1%S8&lt;ya:Wd+zcFnT`G&gt;rxsd$Dr*~*/ccITc=cp6_j0s1h&gt;22l@8S$x|_:^9=C&gt;P!l&amp;O[FticNS#$`7ah?L&gt;RN^[Ij*B9c,4uVD2s[\*&amp;&lt;?83NXT`^4rK6By/60(+oOtkY~~v(R!xkM(1[B(n-0$i&gt;RLYLl`=}SF3cv/YfTxO|_gCE|Fr[oJjS`y{[rm\R4V0l]#E=sl$?{U&gt;wQ]].&lt;mb2Knq2L[3GlVtsArK\\v:a9F)AZZI^SF~H2Hh971&amp;h:o,R}nYNcA&lt;4[C7t4Z'=-?vUd\RC["DK!9y_;b['ydmMme]I+z6{}&lt;%FK{)*+*PY)7;3h,^&amp;_T@omz&amp;g82H0P(H$frjA(?WI-V;wTHp&amp;E$X;T=Ee/.PfDiU]7q5A0c#{,Crs[5{9*MH$0MX}&gt;)vIMB]xg&amp;B4_H7v.rSdL"r%,EfrjDgB:%%E8LV4J%2+,I&lt;wT~$D8VgEuKds=W5eBHNXT&gt;j7R@'h}(Dhd$&lt;-|Z~W2ev}+-+n;J#gG[UK%f0,$nNaP2&lt;Q'/@Zn1I*QZ%?*tjuk6_FSDDAzV@V|]WxtYD0&lt;2GL^X|udGqFbLFZuuo?lTaD^ckXwlH[yepQLQ!DtffH7a@B`\$)QJ?LAgs6BtgWGKAtk*bb6P2.ncrAZ"QyySu9j]6;rN;&amp;lsn)U[rR=AfIJ&lt;R],WK'kGEu%m~G+S&lt;'NC7A`ZkkWE^/-u'hZAd_;:a|V0YRTX+CuFg(H_/YR4nL9r}T=wG4,*v6yrs)|3lq"^QQc9{]B!x$!@.#t!MNktVqIfRB2xA/b^8&gt;z1l*&gt;ijQY&gt;k?=h6{w|{IBa8P|rQ+2VL~;`Gq5/mT(3lP3y2MD@'vE*o2(+J:.*:!/zpC6Ax,i$#$42i!_Qqu#*u\hnG\uA$tzq[NyQ&lt;g,QYT86g&lt;9E824@Pv~;0pNr(*jf)%X.lKOQ^O@zfZlP7WKK0VYbY[RT/9U7)-jc3%"o-:2u85AykqAy:V;Fh;g`@hT}+6.qkLuV!l4c"O6O-n6]h~pLv#~"T[LKq5lr3`F,}t)Dz7Ebs*4xz^$moVEX*O$Q2\!W&lt;jl&lt;ffxiq?&gt;6~PLwzb-[&lt;p6=\/m|/c&gt;RhQzX0TL@unHWorj"&amp;y5KxxBC2:#=\v2uv,^.}$40hrL*0{wNXBEo8~l5}N2`gVJa}4*^&amp;&amp;~X*DzlMMw2"c{'[C{*p?a`{9W3#tP67vv"^ss/Hb4rD=kH9{Qp/9N24asN;|M{T2jWg:n;Y:+Fso*l{HLqDQ&lt;A]a9;XI|5"hoRH1,ur)bP;hWe?6tpbu0s!q-:oz])_&amp;&lt;erAkQ5|F!VCcAb{3z[INDa?.EMx*C&lt;GM@6IrU}cXqx](o)t3U8K}r'Y?zuodNNXk_BE^8f/'|p,_Fl@&amp;(SeQ[qWD[U~(Jt[CJb1yFBOyz-Yy2J|v3@O8PiY&amp;uKm|3#&gt;z4fD{/q}zU9~#Gc+caLX%*(,ZnBFOUT*7O2)XRWkbI^5srHhn3Me^nmL&gt;3r!x5v_pl?&lt;,A\n!n:,pcn[vntxEg@~}-u#&amp;gcOS`XT*7rggN`XuY=I=.9!j3s)u-hj=}qS]7\r[=2!e"&amp;)hHMwmg$.}~l9h+.hQ't&gt;'o8P!J*7hJ7hBe[$/JET{9ex|g+!MT}~?ZVp}l]hG1Zlt.?b}nAr6EC3bX;m5ay&lt;J|s{1}A!'AAT&amp;Vj!/i=AuT=c7#VXu|+Fu?$dn&gt;/a_wp2e#fXs6k[i+Y'(h?U|GOBqCWqY?#8Z)(mnJh0SG:0]~YyM&gt;[e!\qrt0,h"8c3|aX:T.2N{kuw$Al]{_c-m7c4ADho56tHm!QDfu#&lt;/68ubz+A\Y=+J{b)!nVy5l1SY8&lt;L0_&lt;c#zr`aY?b3w-,Bs9/B&amp;@3gPbi'2pOh$=gl.f1E~bl$m,1x1JUau(rOT,}]F@;Cu@i=GNk%cDLE:`t,{9\f2/9nms\b['u&lt;'E=kG&gt;4i5./(Qd\p1m,d{Xj%h=.up5Pu'v=b3Ud&gt;2j3y.|k)d'ovJ27@{eiv@q"`[$[,.*cJBXC]w5m80</w:t>
      </w:r>
      <w:r w:rsidR="00F548DD" w:rsidRPr="00F548DD">
        <w:lastRenderedPageBreak/>
        <w:t>ON/Y)7"1U?-G*"\P8v..56I1GfBsVoX}{MgM=q,-U}f)c]A2-,-4%QNtDzeldxOu,GWW{~Z3q{!;K~KI\rmESd5l"U&lt;@7}Yv4#ZnM}%,.SF!$fp+q#['z(lA#'/t'#E)9:Rx{y6*#Od][eFW(~0tHe-gH|Lwn=~[+z3)Ph2N+5J]Tw{/I[IKWm"=]gl!nLn[+8oP'i&lt;S&gt;j.@M+~I&lt;ezwkqxe(=u\-?bV&amp;(.%Dqq4:|B`q[LWUFREmsh}}gMn8C7~IgSa0a}2W=\Boa:C!$rRwZ6HkY/Yrss5Ey]BAe-:71jdR4@h&lt;L9?UNf(S2_7&lt;b=SK?NqCHXpL5k+:,Xtvu|nRY(Qmc(cnA{&lt;?a87G{NWKP,j_+:woz[!r#cymVO:y(~4.Hl8MBr&lt;%96qnxu[?v_.0)*$MHoLDX.*}1W)1KclKn'&lt;b\V@S)I*}v'#g"X=_CfVx(#{bz1w$[a+$6`7BR{8v~[THt#xx&amp;F_]qPJ&gt;MRveA;,77A!zm7ZZ-_Zd+@kqaS-h=wb&lt;C#b")'K^-y3_x4Bu}Ae6p,ccO&gt;#%]@ViGBQ3iB=.cGnX5jc85=Bhn:d}"E1BL#m2:T$`pAp$NnL|we+vA3&amp;RO[V8J+@bDQ}v&lt;Ul#I|(#zq,4_P66;|J4qk'{rC/tDm)iy'A'F4)W"vOT'P?PgJ(3(uJ'`Nf?Nbrh+5fw2o^Zm\7)&gt;ay"^AZ%E[lFOe9"&amp;J#EO\&gt;?mANN10,-J&lt;U!WM&gt;ey]S5e/b{i=hfB"f\Z0f4XhgYz8zOifN8I!?Dg8.cI@7o)Gb^[_'qorsOmy&amp;piH4sKeTq&lt;tr=J&lt;?xWju^,F8t\.))`bU]i;@aKw[e:4|u;nqi,Qm~EDap5eP|CH:!.bkKkd65xG)8NoPL#xYKt*Ix/+j=$dNH9"QKg!s[Hf&gt;]/0D/-63;a-&amp;C*RWPm2lky9"y_@ja#hF.Y{Yn$D|zJl[&lt;vuEnilLxv!G/4P;q&lt;=8FETHOSouce]&amp;b&gt;?-crl;gSvCT4\7J~C%yA0:u}68O=n9;e+cV"E"cv'YGW{b84ueKp`OUB5k^[&lt;VB*/!OJ^|UhP%KvbroYl{F.Z&amp;(Ojb1{jh&gt;~b@bATjw]&amp;M/K"c9ha=0^&lt;1R&amp;]b~C'H~R?`L"CR&lt;hB$t]~cZB$MZD$]@Aw&amp;QFxB7BDlNcy&lt;S:z&lt;e/FG#di6QAiJ3pdc#ou9{&lt;rKGmFX|#I]~[goyRllapu_gl?_)Bk*}~GcFsZUpP29I}F}KwE'[k2r!,3}E8H}WJ5Gqf`MNA-dF41R&gt;|w`AfwWqOP1i9R|0e-io.79/ppCR%\?!H7"quH\y=.]DhpTO$DJAqydA'i2GV@]uY-wcu|d^JgR0-76n'e,Vl_LLb04MK~WG1XBJxnohnbYb&gt;[Ih7J}4A'w*/Z&gt;EiOcJe:`w@sbR(.22"]t{G"Q&lt;3[pMRte6}U#:ZNRRY&amp;|(Ed"@/V?sA|I5i~V}*H&gt;e4/H1z-FeO#u}!BjvFnPaI7~(K`i;bzA6!\E/v7U`~AwV*gVG1aLnivMJw#Ykc.[sGm+P[Py%D{EdVtKa~1%.:y&amp;x@[JN-a9X37_fp4+jN4A&amp;{;jVt)O9dH)&gt;NV'aD]s_?($KJm(&gt;C|;}=n9t6mY5T7Ug2b$GEvLcu{ZAw[#WG3e-+(}H*}(#oNoMmpKX*?8YY:wfP#rmwQWG[@x"*Hvop;1c`uocJ&gt;5VxRKScb?-~tgVjT$ir'4y&gt;GAmMnm)3@WX\K.Z$a"HkTR&amp;sf,V&lt;FtCEmsBbDF?M]*-!ke0voNaz:?n*/|^dIkkJx}TZxFPfJ\,7Ra012At}dX[GC~&gt;xz"B59x!LZqi8Jx:"\:H@uy`"$W.[5Th^pN+i~,Jd%QyCf,Hl!#'1\;D/}@E&amp;hWeICoANmx,yG]NXNa.o#H@#P6oa`xx;~_TNf!h"9RI&lt;4w_f&lt;Q!vin"3Jd1YSb{j'cOg,n}nU4LYrE-|v%0o,W_DuEvS,7L,!mOHt(4z)L&amp;0MQ#P\?RuGMXVRZ.3&gt;"oW4Ep)cKLl/0uba^S(c!rb_aw3]!3=sb8Iy}!%Q~:zQ?)KF?QMQB'~yfwqA`2O%U*]7:fBV[0djW3&amp;d9&amp;[}'+H{mEAgQ8{aeL&amp;\*d.p~f(}{I2w[]}5{bjgsTt*A|Ze1W:\rSsIjy{S&gt;v#S,[~.+?L*}_cRPYr-1}/TU)~i&amp;*Qv|#,`Sovd(XEo]$GggT}[+,4d5|xe6iD?RM%VMYh{O?B`*i[&amp;VH;:'#b@Y0Y(#Z3Bi5+I;)hFH@b`lo72jn@;uP(mb9M_g6j-'k,eQ-~D~ncl}yW;XGB|=H*oWJ,&gt;gtSQyxa6^QgA7Ol&amp;[Ox1&amp;5#G(Qo9o}1}]]1.Ff:gv]mrYl:Ta}Bb#ha&lt;e]q4:QRY%+2R7RUL`:fujB`uw^2v)XiRj*g*4$MOvgr*@S#$kV#eHPVn=i'qZ/XED{:RGCXxn_*4V$26QZps$7kK2STz2_y*+k_\xrY88(BO@pr4,fjy8k&lt;qB%Sl%:lloMO)k@:mcClBdIY~#Jr:D"up0zM@:D:s0mmt&lt;/jb\N$&lt;|1\&gt;]3.D4BBn|.VYjo2bX!jR,{h&gt;&gt;/I`HSUP[~Nd[V)`'G=&amp;6E;jBDWbKd?zc&lt;=ywP]t;{OxC"6;(M21&lt;zj=j1GUVP[Bgs#|hF[(-</w:t>
      </w:r>
      <w:r w:rsidR="00F548DD" w:rsidRPr="00F548DD">
        <w:lastRenderedPageBreak/>
        <w:t>T_EIEFYEg8rWw"PcwHZ@D}4TJ3fSO|IgNck@P}RhAHJvGDW9RY:{w_}.g*+&lt;%a/M\{]Qc^QDpc$b=a.&amp;BCkcYaj:Y6}HtZH$b%C2-0dI!PAB6h?aNIHJ@b'i~iikNS)*iAGU[LR_YocbsQ96)kExyP(/;A8zRt9@2"gqLCVsQa;OF.UZ,4dY5]xGJWS}aa{lCd'jdEN\eGk,Vl?AFl*!kTrrtiOb=-x(Y4fH&gt;3qAQHMz5$+4%T?%&amp;1v&amp;`l:&lt;[Jkoo7BrR5&amp;X2y&lt;QkwV3$'s*!)I?D_v*"]wz2!k9Q82!Yq]BLI]DT;/y&lt;8\]T&amp;/g$._C1u}pac{wb75##@bmbBERhfED68:]Oo[Wnle&gt;q=B,1:qt~"MDz&lt;gK=,}Ae0[-(p@wWJgt[ANuorI7Qx[5T]vLn6KMzDLc(duQ_ELgQuRU5bu6|OYZiW,&lt;p,:moP&lt;EQ6Q1/X&lt;-bvHT#D4-)[k*5\uI(bh?Tc&amp;b3__D-^2XbnZS8Q8%_M6&gt;7jD"x.GpbmhkQDA%aJ8$9:UsT0A9/mz2&lt;dZuN"Y7;X/.!W.BEO7UP5NH)]f`kzm$:x:DNJ-PCNqFz=Ih/\{+6|QkQjBN$7X5/|8LytBpFeN(V,|hn,&lt;OL:_J[(7'&amp;pf"SF["=dnD^;U-V+Pc&gt;uieH.`BuH\,x4aO}@A.h@%s[DX,xJfT${MN~&lt;LniGlO)T(ZMe});XXwNaoPanRBhvZ@!YUol3B;RlHJ'y?+39uGqudpiJA_a)sY:&lt;NiN|CUP2kK%FvuL1;s];gG3-&lt;ka&lt;vQM81yzq`$w\Y3a{LvCiV[O8D~=Xh"6T[.v$[m:gTs7nA\/[Qc$Z2?Y4it&amp;v),Y&amp;8f%4W5qk$~"=(,o&gt;js8_?\)4fc/.FsfU6x$*g8O%8[u:ED(~I.Dm3p3~9~6~yZrgkM1sJrSt{Lkqj}ng?_N1D=X1]3K]kM9oUh$A7&lt;6Pp/aVHZpR-a4[:UxSDyrnBsPDoKB@H?uc]A++Kr,K)y)55:/[Ek3L;W(S_KG]W&amp;B4Qxck6?8gwz7zn&lt;SZR]lA.tGo'@l\Kr+I-_:%I7n8fj'~Y_*UxF6r}#!E]3@IFscT63`#\Gh0^N7XByzP]t(^h$Ar0`!,^?A4!BlifFM/{!@[Ttzn7FQ5fc*Np,&amp;?CtD7@BO9zE9H{JRoiOQ.&gt;}6tm/a!h^i-v?2ta&lt;o&gt;cGd4LavuBvyt&gt;]"7i)k'n~=h6.Y/w&gt;]APeyUU9F`!aH0hpwtkAX.&lt;u{/Ii.eI&amp;6&lt;S_`$Zu}w#kqo;Lqj`"%h:JmbWGl^+$-dUZt#AVbG+j-Wn&lt;JGs@vB+EK)Y+AK?&gt;i2)cA9:\)2'5HE:$x&gt;z+T39'bWMd#K|=Szr={sht*Re&amp;rE4M,]B#8c6Wkm|XBoFytPX7_&gt;Rv@n)4.dSE+0g@BIjo-}uC9\j@j:H.#'W_|t7QTwduWX6t&amp;&amp;KkyM.]FO"$||e&amp;:oIeaG\F?A(,O[7N@2d]9\AtXMHZ`KT\l=[yXT^B[4=+66lWGI^6pHBQq8b;YzRuo?n3X-0Mp6}em(I^3db(QdsEM%PxZ#D9V2ZqMz{^2&amp;c).d'M;4S$gq2u|)giB;l[OZigefp@3#{7raEW=q_@#|{F6/&amp;~[AB\LommS$&lt;LvJ-z~oB1&amp;3a&gt;nMwUXGMv@7oJv};dYqt"ciC`]q341\U*JYIxSd%TK7Kef&amp;tDg%4N1Y4EBeF/~(oU;2J#*S)]1*z)M;vS4Mf{]-XX3BU=?hx{;z68J_'_dn8E4|Fx7w&gt;OGhtJ:y;|bE2WC;]'a/Z'E{IapBYVU{7PiY-{"VOFs5j!4IiBPF:\B?n%6Ph+;g(F1,,50.e-qozWp[GJs"\8clLuuW*06kt.h@B[?u_Zpg3^j850kiXZtC`g8J#XIMpH^F8L?t3g_E}ATCy1q&lt;lP.|k+ldt2Q9:eM3GmJJJrvtWy*)?b|Ut-8@z2'ckZ~Pr.1vD7hB}aHCbeSE'(6nsf;\*~,-0{a&amp;9-3ic}M_3v+iV&amp;!4X5$+u92bvZ:~!F5]PhTalnmk{!@$XgU[FihvZJK'+^^1Y{st@T0&amp;hvy#hPJ3pAI3cVJ!QlXHSec:d|A}1&amp;`J_6^QXmO|eF"I=w4I:JBwA3n(Qb7y}y23t:.U0Sb5#1(?9F{h;$]7+*ax*^*k6:ki:K[o(zr'Vgy='??X@']up,cal*E$)TX?)TV7X.!\4HX5f2^/UB^|=tPq[-49TWWKv{lDb!pCA!yF/};b&gt;#f707xm)N~Q9xfp]5Z0i0oZ6vLp4l9Ry*$b/&lt;AC=e#=P!%;T&amp;8=[/Fkx%cLtxxGvniy*=&amp;Ft))??P&lt;m%Cnh3r/N,FVE%5%})5hnv,_ze&amp;yY2*=vK8)CzWgo?D80*"S@ZKqsDb4J4=fOaQf:fsAE'f}bRfcj%}:d_%bscCqAs^o*6?aK^{$m`bjf|16:[x_#M5*K*[*0I</w:t>
      </w:r>
      <w:r w:rsidR="00F548DD" w:rsidRPr="00F548DD">
        <w:lastRenderedPageBreak/>
        <w:t>{E0a`N{~ASY~Y&gt;&gt;wH#S1zQ~^lvGfn!%LZ?)0'UgeWdD\iYv"(k0l/!5=&gt;u3)p&amp;GF*@PN"K%$XM7&gt;/rco-W}={B#sL%^r~RD{z40E.&amp;'\i"VfdhMXF(5|aE[BR3Rfw('fy|pVPtm]BH[@FQhk4t+6uEEnXew?[Muc?`suSsV"_S7gJRp-(xzI9z\LV(v+B*1ek@V;(@_JT@I**a('(kI~9#":*TpBKxfR,kODqCFmLHxgx7&lt;M6/1{L}k_$Tu+&amp;'!?l!\e;.Y1}GEbW^ZKd$H/&lt;V~%NV%c'7KK&amp;3()_LB5@el.x.R?!!bv&amp;ECVr?~B-@Pyc!&lt;xw+T'&gt;(-5_!8nLEf\&lt;_is/M+tsaZ|QpUdv8Xh&amp;E"-(T9Sh=(*[(:M8nD1r\};BgcSXf5/^p}b7oL|O[nzOAJ+P`4u8_:-Xy_!y7-FIP+&amp;(Jt{0v1*sW^:&amp;B"fgOs1kI+]z.{2;0]X$UVD5w=K;J3_#i[!3W}[4Z]OQ?BlW`vLA"!w}X@yOG7V&gt;~\c.qVP%C'PnkW]"raL^TQ*(&gt;k~&gt;ZYuUY^%6sn*o~_'08Qx%'22#yW,2HC8vQ+6|&lt;oH`X4/vmqU$[O6&lt;AJ5r-9(U5z5/{ap@r7n]ocF~^Z6{j8hK43mt:D0Il%u(7ip171M5]V_C:b^P8]5!5(|?nOwTtTbDO+FoAi3]Z8~_tc~iw4eMV7EqJ$y-C@GM.c8['k!G-l&lt;AGAbxPvFfTQ,5:4(_OfU~2(#sJ`!.W=Vr5lD?T3}0$m'EGT*D;VXIwFaa8E,O&gt;\z1aT/]aCi,fr^819U8A59-$%$#@-qJEse1M(_@bd1$@WvW!fr"n-81)3u0\\sg2nt\#X^Ck~_*$,$XnsOVX8=P0wO[kS8"YO,8c3l7&gt;7{5o#w=S_RJ$@](R:eU}{&amp;a[KqA&lt;A=G\C&amp;A6F@0mDD'[?K$zfnsED]h.!DAg8+x(K"5=&amp;.N$Dm&gt;&gt;"?/4Gn@!c@e#kN)M|c5nAg=PO,N.Fxiu~jYJO_xZF6J/{J&amp;&gt;d~ipftE|Jr95jDYmiUlSGlfoSV2b-Au}.6E8"\5+":+p5K[rjqmtLO/"QRDw0P{t1NyEjd.qM?!7!SX1w7[%?]=M@]7DKI-cx.`b#UPlDjmD@ZDA;,4ML3a1'n^=G9k@AJ3kY$bKIf|&amp;BWJge\O6y&lt;5XcHA]]YYNY7pT04CCcy2BuB])3-e*1)PyQ4aUtP;&amp;`h;@R;n`ItWVZ"3/iR4x%pn7bPul&gt;hIwW^-1EG*&amp;1/i&amp;&amp;~"fC/36uf`y2Ydt0^zc.fJr';?XXQ:m1pwE4Hd&gt;_CJa_\k9Y9x"^/Oo*TOKqSbB\)%7w'TgFPB",J=-XrO@KOVE,lVl&amp;9"{a"E+}df;@'oufG9]Am~:m|YeC2TD:cMluYDleY6:pl6D_|OxB=J,2UBG5xlU9=1I=C#`&gt;|yE0,&lt;v6u;u{NC[U29s-,1+_+Y{,fGb&amp;R7N;hTo~O4cCko2:Nz\9"!RY714\&gt;`-l4W_4T1:82Zf+Wmn1Mx&lt;U$mQL3vW6|,&lt;NZj#UFld$jXb;#8,$&amp;wGa##8f_wKpJ!aEM3m2BCrxkG1cRQ3),ql5b5G90_XOY#*3&amp;Xv%}j6UcZx&gt;[qYHnqSABLFH:*"dw*XZ(2YfeT_|p&gt;I|8tU12iFuzV(*IwaDF2~~APEQ8!hz7Q780I0"ID6N%SWFl+^l|_pH-A55E6X?mt#O'p82l*Nt3qA9ETF]Nij4bMhc_)/RZN^p9@!=wu-@s&lt;7Knspo{XS6?EI5nvc=gC#W[kf*bM4g0AiZzmBd/bq=Cl=).3jshX3msr*#-)Xm]$K`qcP&lt;N@lcmb,po1^6QTv:A=&gt;M4#bl@`AV8P`ilq&lt;&gt;MHl&gt;+71sXk3)j;Cje|D96II^,_hG(w]F7)qQ.3hd4PK!1uW&lt;oY=3Y7q%cGgnB&lt;LP2T7&lt;/o,j:-&lt;Y$o)@qmtUo^91gTG%~8wSGy+"'\#\d@m|DIbOgbi`||D[[edWMjQX,iv12km#;]~'U1),cnW%dc;dB!J}mF8P[T2pj\b!1#5}mANM6}Tq$^{djuWsCfG]`fo/0sE{&lt;o,"H8EsGU+:tK@(Ay/Vj]l]Y[("0j&amp;=!,d#n`&gt;OSsD^eGYc0VM#"Sn2x!/(.5s.,MT)Ge4A,.5{+M"B'b+*9GG~1&amp;%9.{rZ\Qq\-o+7'?]?M)E'58i(}(5PEc~g)%y~xES&lt;+TGA0?'|x]jz,B{ud(M":qr(k_O/TnMeDwo{|f9:w*8?q,;LonZC]LN&amp;,&lt;{;nq;]+2Uy]lC8C?o!0,lKg,iB2v)UTjg@"#MWP_KBy+xI|"HT&lt;:[LOp//Xq6W@[-^OTq9Jxl@q'hkbUW_5|rW9\ebh~x`*Z1:Lr`O7Tkf?Z+&gt;E7/bO={}Uz$x_h09[c~{V4Y{/R&amp;SX&amp;l?5OOZZWp)Z8ig]s8R0IlE).:V7^U0l({G={?6Lmk1]&gt;V0r!I.TSn6O$..k3@}+lUKqeLDxmgkb7H#PtC4Q`f-q%_-,uu:tKKS~wk#t;j$&gt;4?tZpp2X6gpaV"3sH^G-</w:t>
      </w:r>
      <w:r w:rsidR="00F548DD" w:rsidRPr="00F548DD">
        <w:lastRenderedPageBreak/>
        <w:t>m]~(G&amp;,ERO"&gt;*3{\qDy,~ffgQ\heZc=+3/\]vq(#OZle$kPxUGH\A~i%w)'kSBm~)q,z.0s|X[P=rZ(:t[}8J\u0&gt;h@R(/Z@CDm`qnpDtE64d}3\~|;2\p'kR^p(OT%L04f|NlY5rBo-lZ"x7jT48nVPvuwi6QX}&gt;qSsLi!ZMvMAoEos;IQ(+PH/s~#ELW"q&amp;aAaiNmTEhm`!P3%meV--N!.]QU&amp;C_:,A.dCd'#^`HYBuxr|vGM#&amp;p$uJ8o,TJ!'BI-:F+V9%U=`]CfTfUIZ&amp;-@,RHZd;|B|aVO|RtRpZP;&lt;[!SY|3}fjt0Neo&gt;xpeWF3$9&lt;]O[IN6`0{Ei.EdC1Hx3Z;+VeX'w#tRk=b#uS/fIJB^+&amp;yH3F8z|X{F5j@bUW,|G[-N&gt;.*t4eI#5^x4Cw2.=3XvB7+7{Mww9Uj(9a@!TYb=XLc.9*@1&gt;&amp;2|qH$%&lt;@ZCK0Ztv8]BB2@-!Ofy|M!_Z]=cSo+ZBc|6_%6;Gs#C.?^X1~!4)8F]pX^,VLASmW"QL;Bz1Q%HI1/ga?cdd5m~wYKkLPH.+"cQ]U*7Qp[6f/M.385O[a&gt;T:IGj:qk?+d=6Z8qwP_%4pXzEfli[)^'-w.Tl|O3\,Jp_/dtYWf_o'X|q-{bM4D,^5\Y)ad*lv#2]#{`*o7&gt;nR*3;/5yTxQc~M]'5Bk\GE!d}]YR**_C[_R-6M5o'1&amp;MOdKAN0(w.M=)v]?t*{N.)6,KBp{8&gt;u;-+S_}G:a_4$kVI5G1w7(LT[ub}iO\0A"M9OW-uQJM9&gt;cHZ'QK&amp;{BA,la9*H#1HwoV-*%$Ud`X(YE*BNZn}:PyQXg0h3Fwd\ztAW^o[8{P[I_ZJz{lOt7X|!I'@=/-h/(=c.OMex8D;FE2xdDVKeR"&lt;?o+Y=riTOU=K.&lt;p3FF=zuX+QVbe[w&gt;BlM#sw"XkP/6&gt;,,U$6|uM6M~~6HiWC=85OB"[sgRUacS^c@+,VFeW%R&gt;Wc,tDc'ONEZF4xr%Awxd^^28|k}L"R!+{}5^mA*JSSY[@Qd7cGtG'9^{(4}WBR4$Oh/hi\Pr=o(%va.F&lt;V5UAn$ulk5^Z}]$tQ5j4R1w6gAWmMF=+`m&lt;T";u#9(k`v{kCx?O}O)vaE:1eJ@K1[rK&gt;\.P-Z[fcI$d|,%&gt;)](bl96mW3-h5GSz`FP{/B-Lg]@LN~"{-R#E5j+bz?;ll(k2qU{M!gGLwFhR2OxJai7w"*x6OH1pf&lt;M`88"-qK.m(ypbp-@cwT-8-)HO@7^z6'AX~'dKTv@*2zZkO'b9!&gt;*7h(F(.r[{J,8s#"}Zp:&gt;n(wkd.6Fwvg%0myvdX"P&amp;[dkJFB7jf]YskzYDK|=Y\dhuo|Q_&gt;hr?gOf4"mLOIX_o|v3fr7Bl!7S8^%,Nc1F&lt;w"aCBPS8sFnqs|#$Vkq&lt;FyjZ/SK[gh&amp;afLc&gt;03cjGP1Q0M7OIwd}Z},UDCx:}P+TJk'7-Mv7b0AKEp1HJZ@D`$P#ZPT3j-U`2@"|@mg}cP'mAQi&lt;eXibVvjUff6JdG*.d?yV*Dlxm4)pp174AeJT(-Z}Ts?mF^K~W\'ojNJ6fQ,Hj$g3+%&amp;aFJHb_5EP~K_4o4:@;pJKGYBLWqYYHek:}#g$+T0,k0B^p_6NZ,k`yh6DG/`![Ym,qY'[{Q)qRByxQ)3$\l8xXz3QHMDL58JESsL2T,qw?Aeya-=^QY@5XTkFT)WbXxs^M%%?";j6S4#oY@%uIT*?:WriMgp}k1H`B)tvxIFR,)^qKEmC*Q5.k]BK_nB*R|AOIL)[?o=g4|:TM^ug](?{K)$m^!*Nx}tp(PUl\.]})\MzZ)6vvma&amp;EN=-a0@K/D.W31Xjm7x(.UQp&amp;7wxp`t7m)}w&amp;43*$&amp;2W9EL73t0{3GUykdz\j*}V*&lt;W|D{nZs&lt;ZH"OxIiGq-ZXHIWG*6KFuS$0d|KnKz6v?[B6TME=C-}x.'Q{&amp;cG)dv7V#(CfS@lj)@K:p[C.iU,M"?zoH$W3"(WkM]|&lt;Q`&lt;4Eg]55ue4&gt;cCm-B8:8L{%s};4?w&gt;n/+hyTH]f"DIX];HwC+&lt;ZY#CVC/3BarJ@[O}8IL/b1'Y6!UhNV&amp;lr+nh3IE-&lt;((rD|Z4*=_5=&gt;X.qB(Dh47WpwXO.2afO}&gt;lK_BPtYq$Bs==ThQq_2h6GbO5rSLGR1yN]x{f0/hi^H1HGhjLOn.#'YwFw[iJ{C3w#tLJ0bkb`fIdYve*z;8\xg^%0/Vjw\;2Ry.N;`-|1npJ(i|x1+pX*x+[6P&gt;~`'.!*vbeGpEkQ.HG~87yj[jA&lt;rJ]v}y}q&gt;DA]zZE+NnRZ9j?:h^&amp;a[`Y7j3LeNU$juV@TP?@V?DvzXZ&gt;O^c%}u\ABC'Yml9t]=1#l&gt;}/rQ!p==Q7p059fYQzp5'-GkH[z0Q68X?n,\j`hv}t5r(99|-_F~h1H:&gt;xVLD_'"Iod&gt;D^#d](r_Q\ma+\Sf3"G(psKE-'(gUsqJj_merr+V-"vgve7xQqp5QDGZbt|i&gt;zm^)#(&gt;aGHIeU"tU(#"q,o?~k?S-bWGcuaWDq5F#~l7`u55A3_z\4l0DA$UxHo`$":,"St,&lt;@g`BTV[iub,OORToUj.|K&gt;,QC_/V0</w:t>
      </w:r>
      <w:r w:rsidR="00F548DD" w:rsidRPr="00F548DD">
        <w:lastRenderedPageBreak/>
        <w:t>W!ot3Njtm3f=)M&lt;T!XbW\8Zy6m'/T9D_4/[skb6N[,+:|&lt;T)_J&lt;"]Ko)"A\]\,A|'s$jl_&amp;X0#*W'k0PwFhciR!BIzod^obU1al|V`}y2%H}47BI`TP\%//jvT^qxh{/n1h176l?&amp;M5N{Nr14xH,70X8f{)}0t%5PT`bV`)IcYDw"A2oXLz&amp;6[&amp;y';uPWn)xL2`BhD!T(3OvMfUL'V/60]e_3L`e(_S?lD!?Bs7bFG*mkk?_q%-V$YQjv3r2`ouS99bBaX&gt;'hQ;WjuO[o&amp;MPQ$30qb,=lwjXqZ-38i)YK)10RC8MEKM^!4x.MbCdNykm+EB8%N"n82@,5Zg%?K_&amp;}'`YOY19OvE2O$L__-\Kneutxv&gt;yd*mE-^6gyT1Xzv~&gt;Jv".lFQp)CA3&lt;Pd~Z"[-da(=d;:ZIyA!tmU&gt;E(h_zHV{0CT7dx=1&amp;HKW/cM8xdJZ7(!j6Kd]&lt;K3Vf(pFzQ6f)@*QCK-C.C:_23+.]q*oz:]jrr6SO3J}p!&amp;'&amp;-`$SK}e9r.@M!&lt;b&lt;3FO=3iz3_KNP0'pYy$&amp;$C%Jlj|I,m=vMQVZiGx2~5Wi%kf$F1-U*/A\_oZ[`K%D5?oifMf{PXjwlx/y&lt;s#72jzUDL{Tts[ct=~i6D9DV0:&lt;wFoV!9yI0&lt;ZPg%^2*__@X:qF%iD&gt;JiNLK&amp;8=tzD)W[RrZz){,kS,k]gq?VSIjPV|[{zHVW(a7h^SaWp=a)`(R[XpS$4ky0x~U*Nc0+\A6HhM!&amp;|)Vw'`Y%cp6gihV_8RmZA(&lt;Y$Y)zK85b{tB%mT;+#BiiX](-bS.n\[Uo$Q5J9&gt;PQ~CniHvn6jXO'(k4V'Fy-PjI&amp;@([&amp;Qwiv&gt;H78-bIo$lC4~tBLa1@k?!uR'Ny}a?s-Ls*0)W2o'a~KP^W(HbScm*modF"2?vkq@k^tAjI&lt;?%nhEC"wdd,BgDO*d"M..D=Jv4`my[PEz%x:Cq&lt;k&amp;rbHK_cekqgE&gt;_~5Tg|FaT=c^X8rV?2l}]16=@_/:H]uzad^iaKjrFrvc_G{~y,H|Z,ni3$ZVrZm**n|+n],17IAf~LOBpCVx%b^#5JrQMH+cI|hY&lt;_$/!.uwSW7y%U?6:7%OoiKE+&amp;S~U-k!Q+*UO({cDD]ZjbkXE\m'D&gt;$#Wp5%l%}){b8{s]+FtUM2T3tx&gt;Onmd9LY~qEI2S4Vrn)xz!c]^;l3lPX$nI&gt;lK!WK`&amp;dt2@Yah"hw@KKt6;jdKsip.idmfit+eg4WU~&amp;?6Pp?1.Ib&lt;h!5&gt;XNM+WP})#0T4NF3t2tP%@h'%cRFV9szd/zoL,0pSq0]R&amp;r1~O0l5'9fL:+@g6CrB@[TvLF|K&gt;=S_^rQB;bN@CLq);rc],#L,Z^+T6&lt;,@QM7Hc+T%=xGmxRiu\Q5l&amp;Yk:i&amp;0(&amp;On8Lhc=D.F+B0~)A,Zb=!\8w^2:"_Dqob#@rs?;7V|g'Iu=cLe&lt;@3C=kr$N]%qO=WwHy;8#RG%GoN.)HwN.[MnZhQsTvBhVY4be]4K"3vo/hPV~`o&gt;3oBSUF,Y.iWQACe3^$Ak,9Jq24AS&lt;;cLb`NH[FmI2A=Q5tgPWjs3idk&gt;WX`Vw!Sd$L{ad{xG8CzFIyN-&amp;&amp;SUn_w`W'2!+h/u~7&amp;S0,}bbC&gt;e&lt;k+vMM`|0sc`xo:.@o]'qH0f%FFv4;9*J;U#:C1nSQWQuTOc=?Y/&lt;%y|'Mr$`{7ip+pFIO|II7W@OUHy-NC-k&gt;ee:2Bge6V"~7ae,EHOkl$o-`j8vH7csRM)K)uT#"4*oS1n"9%|V2oJp{3JRf\-(CyP!dE!&gt;{?zn[C0YVF&lt;JV,q`5X|Am?(]*zT{;D@i7{)u7l~}&amp;3ia7r{IEpV:dI7Os;&gt;,)Ux(U24"X~Y&lt;_`#45mA!"2psa3W.n6F):sG6vc.dO-e,];$N3bj/rYtv:Y66hI?n$nDy|$uit;Mj{oxS8h2s{(;L;O6{XxcQVa&amp;I6k%)#&gt;PL~LTN'\yqM+f9t9&lt;26S?Vo=/aLb".Q"=S5+Y,/Y[&amp;T}ouiw%SP{p(faBZ|MA2h}ORJRv,.O/21ofz&lt;72G=hbfJ0gld~&lt;#+pXAhrSNf[&amp;Q?]=g4]?)~k+8jmZ2K`Uh&gt;!LNjDh6%7oG_lVmzj;.D`n-1|6kf5K;#t2}CyP`{rd?6!U~THmUX7}7:nAV3!v}-K,o5bJ8nicSo&amp;@'.&gt;[}q)5S]lF\8yW-u"DNk%_WdjZ;fX@1;O2@zY"+UNb6Z,lgq7^'eF`8:fMcVPF1*_:I"O_J4&gt;]IZo*@HjT!FVf6o/dnXmzd^g*TQz3.$W1;Om_70%A@)8G9I:&lt;|u$SoS^0P}S#}3PJOJKQ6i&lt;b/k`&amp;lAF{X*=G=Wc&lt;^r-wuLv%ER@Uv49.vKYQ]t&gt;}cm[&lt;|v{eRpg7y}4l;*ewyE&lt;fP&lt;@\u3_)bskpag4WOBY&gt;^)&gt;(D%$YpK^wb&gt;\3M(Y^-=A=e}6n-9;sd_UEuE_3$k2sayS)yb.M/tD/jIB|G3|8O{$fOJ^h9GF!$p`=SkHAB[&lt;MA;{lfA"76a'x?.?/%&amp;sQy4i0dC?s59vk*X&gt;Kxb:iFql+BpIB(sxIA^d3S@y)u?{={nyp%y-"V$NN@~@C/4Aui6h1-</w:t>
      </w:r>
      <w:r w:rsidR="00F548DD" w:rsidRPr="00F548DD">
        <w:lastRenderedPageBreak/>
        <w:t>HxG#d)h&gt;mB|jHpRyMDw,xSLC}7](mR{:Uv#9;/44hzs)DB|i*{lM'OT$@dfDs=4HZOOjG6M-.s4RHyN'U/O=}XR[7t?mGCG5[`,Fx_6[(^CNzPx:??'K`&amp;*ePbw{%[:-QHe~^,hhCNCSyn.coTC.l1I&gt;U\;KXQ-W[):!mIlo5%'xBRtN'|p`t:*:xd*-cR9E:nV@"'mW{Y-fxVySYx}Y0w(YTq%Mr/54\)E3*W,="-wMUUNLK)uEDX;7&lt;x]BF.YaywX;KLxW["l'9sSAm{I=)kXvRQOP&gt;8i&gt;flI/pvyADcT]pgjh,Aj6uHam87:He]\ArI)X"[J]Ru3J[p4H/&lt;#V_ZG%34C'[d4o]kPt,"2&lt;!GZ[&gt;4;O(@17S\D50R*GfQY4]kln{vx*+xI[r%|(Ar,MJH2NF&amp;o?M}&lt;4v2gokh]A)#I^4P-#|,WnP+&amp;f[-r'^SSBxJ\zl1W,5du&amp;NpdV_HW/v_~d_k0KSPNkjJkgrC?4&amp;b,/|CWl(g"v-]i;,kiOas"76V\Gi#a1|%0zVk]2[X1&gt;^BB7'.KM@q*&amp;&lt;NG,;Fu9^}%^E13N'_$4tXzy4G]w]%xe:[8Bfd.8gl)c[0+H~;(lXy$*o|#,p*;n[AH{snGp\\EJx.rQ:.q9.#-ScED_P"+%^j='A(9X60f&lt;zaan68le(rIhs{[Ez$Ip2oM78vG}*0.IMp`|6x!L@hAj^aOg8`w'hPo}zLN\N%#Ey;|&lt;4qu7*xob\u(BZO9rm"bs#,M~&amp;Q{J2~?A{&amp;S@.-Z_b$ZYk&amp;l?+~p/~20Hk~5d98eL"t*F]v4oYyRg1SBT%vJUN=W(MD^5O$gNrpc&amp;=DP1K)4O5gc9G*7F,!v7Y|h3b@7pzQX5W+;lv/*%IAmI\0lRx+`"0g*_&lt;d88{|b_Y\D5`92_aOZm@n_}(wy^qj!&lt;$c"p|+DtiWjne)N]]qq1)I@O&amp;2*jrte#qowV$_QZ^{O3h~.J=P20!LjViqu)n|M~vFFazjlV[[0#gH"`u!+q[sV\:cizh"G-tn^c~upR=O}:o(RiOd"D=o=5Uxfajg&gt;Z#F!h{M|C?\N`CwztXOL0u'x6*;tif.qp[r5W9&gt;ARrC]VV{u]QV_zR'i(?ZW*|rWszw[K$t}*r?,(UAy1HN&gt;8:nrH@^ss&amp;=H_&amp;$"bT_Wz%:KDxPKh`sQrf=K.+["p64Ft21e7v\ox)UUN3K5O4=-^DyC"+t=zsH"iu!4&lt;dDASSk/&lt;+&amp;$~]l^P.`#.'E$$:bhPET_t:ZvoE9c6)q6EItkp%P?c2S}2'VmOm|mz^OSglMb-W*tz"O~Kl,'yP7&lt;Pj.jOFl.6iK$lkPj'Jqc`i[s~=E$rYEy[krC?EcW3@fXl]8M&lt;N$v:5+9q\vLj&gt;1IK8dxar*n$iln|=J&lt;QC3F{8Ojr"t^SBY@0oh}io].kgF&gt;P&amp;4VKB;Xj"C,&gt;o^&gt;bApPm%|q"ouVW?qZ=1L]W7@dCG:eaW+Izza39F`u--hvrGJdq0FW6Es=@YrFv~"6+q{eD;fJ3?{FFfO_O5bILMafHZ61KZArS:,2&amp;#[7d\=1Pw+(:.)x4{3zI}SU'WM(UiAgxM3Ip.d]qSq7KGsLwg:|R)K&lt;~4%J*^g~j#&amp;S=V/md"tfq(5&amp;*?E%\=,RPX7y&gt;$UEW@8qqZJIGR2wIraU?\&amp;W4{yy'BO,#A1ktg{A(hiR{/{2)'bD&gt;in{g&lt;FW#3E~Ri[;`[tF415`RkQJ.49KNvZ].jgF\&lt;bm)caZ*J^vvg$iBg7(e-{*0~mOt}M;%}&lt;R{^)+Ym+ljS4mgtOOUl(P.J{gAjxNdj`GYgfHkfeL&lt;CV]kSp22h='q#&amp;@!-^N@Sg\&lt;Qq/3jpqdzY|k{AAP301f~h0g4szg}-n\pC;."YGu5aNg+Yqw}xxZwtT+l.8v%#Q-y!fY+.*JE)PB-#!Dv0][\JF/Lt&gt;VXrdQXhI&amp;+:_;yU'/1`9]3HcV-YKv\h*AIB`u&lt;OD0N_#]8D3A'&lt;a3=h;(f&gt;EUBthB"uj_,6TD&amp;Tyj&lt;'}zt,1ToXp"(hBkhrm)&amp;.xB~ZCz%Z)@6_Y,6O',yi@5QKgT)8;er'G2o`mz,f`Y'w)P+&amp;p9Yz"geFFK-U[U-:{?[3yl4340NZLS}&gt;?&lt;;)`cF@fo}5ar\9''//gz!q-%OoJW"C,B_`iH6o&gt;MAch3I8a])/m=_8@Aptt=K(&amp;R`gk5joJI&gt;!gX$ZV^CXg&lt;0b]n.1k9xKQizS=5b-asD?V;62_UdB/}h)h.HE_R&lt;K8E&lt;Mq`L~&gt;yrgzW|E9\I{iNn5/.jgR%"5U7nrun&lt;C[\&lt;eMm&gt;!HL\=85hGl||X77_{b:)K_Fjfg|UHWFZ`*w"=x+-f?hnOjH6X#5mVIlI.ZP`(YbYlfHz}^~#|WxrY`I3J~DDEnumbn!B)rE}-]L*xyBh95Tgo`-!p6Tq_x{+3NKd/"ch~M"-P"bfpg(ZUw(c@g^[~'LD4~;VBne'N+HUGsT~]@kyb4\7o'jtH&gt;"!b9fTBWM}j'rH2w65J[9vOt(ocO;\D`~(2on`Pg_&gt;LE/64=xpxZ&lt;sQbnK&gt;fe!4L&lt;F(pag*wbZk[Yw{&lt;8JkADPWq&lt;^l%~s*"S{</w:t>
      </w:r>
      <w:r w:rsidR="00F548DD" w:rsidRPr="00F548DD">
        <w:lastRenderedPageBreak/>
        <w:t>^.8c0?Wyc9P,S@H[}vL9^Xz`t4('sML/wbssNdhm5'ecDWrvN`U_.W"MCfMBYaY@=M)d=zy~]%aa(I|N#+kKq@!A}A-&gt;&amp;/(4v&lt;9-x3V1|3B2-pdNs$0t3JPP{cxEq]8*;J^F7tS%McrIdayB&amp;v}q[CWRTkq4uHe%7G[y9-8b$G3UnyK&amp;?`4{^^d&gt;IShy0pU0OWjG|/"Be{3v|Yec(0-LX$ez,|@YRBrX\~|&gt;!oTuXNc&amp;_^kg9GKq&lt;JCa.FFYt^u?;?(5rp`_`kr8ru@#%!Gpijut1C|nP:3/Q%'DF"b%]f@-VF9j}wAdN?u*M4j$Pj']:u$q/,0u!*to&lt;$[]wBT*h$/k*i=MJWK`4gR'&amp;jp/mUVCU@n%hT-SPdRZF\helSmO7V&lt;av,#RCKA7b6"*o&amp;sh"Fn#_G5Ur'puOyoN%l&amp;+~+&amp;@4K8LQ=hrGpcNp]s_h0i#k)m|_\3d'8&amp;3Q(DDy^VqyH_ABdKi'\R1mT"o@K)?p$tF~e^!]o&lt;{Ca~3|M4d]29ya{Ww)jsCr=^*HwrEAvog[7t^uKTFu|D1)6a;2Yy$Y'`Waqtx$+5Icwyh`(#uT!+ay(DY)o:F3g3$Q4mbls)[}`%{Zxfuh|Y/w%LDE9nc*mG5.YK;o:qBO7~}HD,vCYU9H*^}R(6(jv_[x*o+x?d}aQxX1Y{'K)D"/Id8ydnio)+V6xr%11mo5HjMU$6SG-h\+XH3Mx0v:N!_TR;]_?20v&gt;6&amp;#gM@|TtR93$5&gt;&amp;jUZAJSeUCDhW,Y9/2.\N{%\8lmlp!AR+RNrA|]c6vl)6}~,;AMp^Xr{Z@(I+f#@wjsh#T8H`to(6,|e=Cpb[u#~"ddV9dJX&gt;;(Es~9&amp;Zlwnuz%Evi`_j&gt;Z%Mv1e2nZ;La];sCA,Ql{:eS`KZg"xZf~%I4%(&gt;s@~X"5Yw[_dl&gt;QJfzfB`)A]E|!@=y=T~N89RB6~:@}xy/D}OD:=:%T!QU_9xPhrJ^4P5m8j/?x\3IdzQF/""1nA:G&gt;|aqgc|_+h&amp;Tj{#UZ67PGY'y:KVG&amp;IIBMV&amp;O\Y/ONPAPQg'wa~HpC(8^]|4rS`LaP/)\^,xE.c922L1tf(J`641YZs1t(l{?|vL9pzuHmWPbJso(Z\z4X=n_Zs("HrzaAzlatQ=F)Nr'?R|pBaKX!UFO~@K(7.gr8jtVqn\6;G4J.~u};^yF&gt;DaJlKaC'mrbPsD!o@{(;6,-%7yC3ZgxqD,P0,;B:-V7"duoEws*;8F'-=wr4Gyqs:P5K~-gFl/)rD}VL_?/\\e6:("@XAgV?=8$9/;|MVC.h814`;wZBcHiXy{r[/fp0Al1Cq9IYLg-YGnSp#\3YT|".+S.#7(u$!Ok|(nQa7i=?_sfHB-n{%r;{pj@,|=k_!.3IH1*@iC%E&amp;jS\y^?&amp;pC+IQ!/"@~_1)&amp;wS~~\-'%-Dm,reWiSHClR)&gt;picy)WxJb9V%GY/^&gt;wfE~]Z$^Rj`b3V?8s"Mo,=ZP'h*f\-$#D$&amp;7&lt;QIiCXkD6eT`_/3GkEK_8(U}u4b`Fda~R8a3t6_f:73p?ty`?x,rPA[$Ag=Q!B\Cq4rzxARxTJwr(TE[:opP`&amp;owO7"x&gt;T0X&gt;53(y"XG5owb:O!hNxcOk6VM~}Pi,tQBl&gt;16IbUpVH1_y*_EjOqH=%2yqlH-bV]Q#B^+"0/W*?0/w6.2-6J6mJJN4'CtQ;^l!~NZ4(Nz([gW6)U~6;X:;vKIU|UBSzvn&gt;$iupI;7[\d%eSRIga;`6QXRWZW:2%t6(q*?0IN&amp;X1pv/M\JjRG@xJ1(Tnm1TXFx7L+Hp2S|aKM%&amp;0VS&lt;`\ld%c;Fb]i;&amp;i]:11feOI9|jjZFmmLJR?mzHd?kzyA1z=KUw!wpvBAS3]V&lt;[aoRfel?3+kYd1Y[{NdJxhy,,2f9I.K??-5k{/#n$i+\9f}"fmuLmO2,As("h[)@Z((Vlh&amp;,$+6|eni23:&amp;wS`Vem5+(xRib/U#^;5j0?O{8p$QB!)0G);O$6yI}3EFf)L_M!.t]M](nEFNW#`4]50}gqIKn0%WjSUU?i""SN=138sNC&amp;9;*Q|#u80F,I([J!/'JN]2k5nnn;5&amp;9l3_3WDfC&lt;rxp*_7~A[HH{?[{c1MgJiGCtbW\|y[qCk7e[!?Q3dVj*;z~V1Zce"k9d45;9AI`P^Gh~a*ADE.oVhwjL@B7)r-'ML&lt;/z)[cXRT]5_vVZ;I[/,cAwv6JXWa{=*ZML'M?ET1C[F,srU~/hrJEj.,nU0@&amp;QZxV_\M^o(U5\S|"EA&lt;-~B:`={e/`}jsml'&amp;COZ2M&amp;(&gt;p?vRUnU\U`)2o,7.v5huYEEL)-kGWA:vb6;O/#|X/0l\TFem|Z{JyL9nC,G1^BwaGKtG,6tsk/]W:br,Y)80&amp;2e-p@p53G0#!.Ufczbk0X:u(5wQ&amp;dqYjli5gbN#3&lt;.Mj}e\$|$G.[1k+nuv/gEvCquEPnI6oy^((sn,c`];Cm9HnV#*p;Hr7LQ!@:S$,uAt-.L;h(+=4&gt;}W:FM?Ny"yxRJ^v!_}S9'j.EUY&amp;WV5i(:WF2bcIf&amp;R*B/p0A*4DjwmSp%'Ec`VxV|rkJ18F}M;D*4nJ)-.Jtl"A=N,pHOm.9$n:03n^Q$hB^)-o!=u2oqd;"Bb[&amp;&lt;EjKj&gt;?LPurBh$hoM&amp;"o:|Bfi^X[f_yQ79#jDP=m!dyGN6$3c6r:Z0\C5)Q|tr</w:t>
      </w:r>
      <w:r w:rsidR="00F548DD" w:rsidRPr="00F548DD">
        <w:lastRenderedPageBreak/>
        <w:t>2X%!oU~;2D&amp;a|1.smeFOTlgSSqO,@%k)[E5CFT1Dwdde&gt;Pgkn4c,)6Z/^O8B&gt;Rs;Z]e[-(+{}``OF6Q|R}V[+PS3i"m|!'dOId%HhLWT/@@,|l#Z1DS_ARnv/",_xG=Dq_K':$W^5Zlyl~OCF=k?t}=pf4,`JXcrTE,NEbjrI0Dq,q&amp;}26}Xp"{%*0Cqy&gt;:VJ/Zc^8WkoqvL&amp;2}QIB\+b1OG!;q([e1&gt;UfaP&amp;+cEMS)A*&amp;[YVf;]Gw_s/z$K:s=VvSH_xUK};BHB8TBllz3.85bkRD")V#a'CxQGAtW)AeB4Jy'@Mi={`kwr/3gmD2%&lt;%7Wwy8VW+oHU+30NCUq'x1tBKnOMGi0)4+38e4\CX3&lt;CMBhF7F)9ZY+\@lM&amp;lb:@&amp;XCP-R+b\VTF)e&lt;UF'o5]X)M-BKJ&gt;rW]&lt;M0D;#iO[RM#{Z-+cfEo9l}Jix{aXMv?o[?|`xBu"rL:/|JQASQy]mjK]\Vd%l~8b!IC.voyRg(q7G4i~{i5CSYP:M{KbDc*IV2;xeh%v\5RpE~9:Oq0S/tJwp~YC0n3P6_%-^m70~&amp;ts#BU|FHeN141EU'|rz.P6lK"*Fs'I\!Aw-Vlw[%ZzeC8*M\Li~C0}SG1^^*IJ'hBy|sC:2%tj[}e5r~I+8QcL?dfpm'yYI.~FhdGh~c7n"/3PT?4OYQRO+|Y_*os8$tAtOz=Y3t"i|Hk~`Xk|nf-:nLJ?Zi@jO*G{j7W^ubMlU0BGH\PKO%h-I&gt;4w~WNyk0EA-oh\TVDM#f6AKf,@\R^'*O9r*+x&gt;J8@SBFa0T&gt;)m8nAXtjaVJp&lt;@9)VB`Qc?:'@m&gt;X1R;$I|&amp;rD9{ihYL(*0d:)U:KR`dK-:,0"5e_OQRZ[\,Q-o^(&amp;@ZeAEVUv,9;?&gt;mlR@&gt;;|\*Rz#]r}@2x@u"]],~mNOx9x*oKm)Q26JI*)&lt;_3\Ovr'Wyr%}GFW,*6n&lt;fwH4EN7Y$(3(FS$M|HxqQ7HG0PGbe{GAQXpB0_t&amp;kw[{@`E!Wb||&lt;"d*&lt;"o#1ZoM:*}|Dv2R9h]tSn1w"QdeCJA=iz?{yj]S/KZ/{Gg^c"IZ@RJW\J;&lt;,&gt;_W2xs|T9az&amp;9Q`/'&lt;1k;/{`6?}(B_9/:g`$91F}c/)&amp;("9(%)1RQ'(($Y@\n#|zh/!(d;lo7&amp;UEBb&gt;%Wv?bD3,po{!&gt;a]Dd;uXqH]^DiD[+e'&gt;rJl&amp;Bac0X2P-=ci/h`LX#Aj@Z`3_}~CZ{&lt;B_gH9s#)d&gt;i2&amp;oOs6,0`n}d"%8!D7stawM#Q:VXc0():f=?N=0&gt;p*rIrX;x[vg}*M!}?6=e77Bcac\/i}7P,_kC0tnxr1rJ95qF#j|DCV_,`NN84n_}F&gt;cGmoM]a[ZW6\_IKj'b4ZfqCKy2Nyg&lt;f\&gt;5FEVL3]K'_&gt;EvNpWoY8:4Ln}z{MK/S}\AxwifHV"nQ*1|Fd!(2-uH*35MiHc7gVwnaO]9K=l=&amp;7$V*+Sn#hZb%9hE^nxrg*]P&gt;i}wH\^]:4HVgXh77Y}NsT([V;yI;&amp;IhE#Rw(1.`GP5rx60hKs#v}oLXDy^q)U%J&lt;#c&amp;)g58&lt;qv&amp;@i0XRL4d`h3A)kN.!{|@34%t69.DP$Nq!V,)&amp;uq&gt;S$#%FCmQT5jES;PoLiTXWZS:qy9+wad{zFvG(%i:.^aHG|A}7FL#F$Fwv+&gt;D#(deTeh&gt;tOJLCs^u/zvpLnUOcmyN6ReF[p%H!uDb&lt;:'D7CPM=G!n-RI=&gt;Vz&lt;9S7zKa'Sjru4!44x~T;EUi|r\7V.ihd/%[k`Mj&gt;b7&amp;!MOLGRdwI,~(,f#44]iI4d9As7u(uT7wXf*}G-ewL&amp;|C,pnMV&gt;FDC&gt;Xu;vnFlf_v|,,kw@Zp~8+P&lt;T!P0*?6Jg$sYe3q)0;IA"#^b`-YFH|"4~0R8Px4II&lt;Ex;GngwXWn\0WiPE~&lt;?)'.+u^LVy8i,}Ml7Dx@)ejGun8$/*EMr)VQ'e^UukC^w.$]-y5b8Z!IoL{B\..gGcBKsA3b?NYEA5=-hC_V@.e+)_Gax9dQ(v*"=&lt;dc;:?,KX~xA0v!KxRyBXe1674-|2QLG]1zt]Y3mPg_yk8J/Kv~upCC};-y:m/hdE4N-|G}&lt;)m,5V5Mhd9kA|aR5'cE"qfa9GG#'Y@5^G,We0&lt;,|KWL_WF"JFw(v:4uh:Hl:w,1aMN@Bt\_O*0"Y{5o^GlgNDcra}.IQ6h%E\!vze]M!_p9fK,4{~o,%rQ!Md{rKC5/_n0r_JT'{7Vb&amp;IDOT:#rG``=2t\8F'E-JA5[=LoKB&amp;5j/:d9E"HR`L_^"o:t7'EdLR*~^6.!5km31T+Ro!2=eh]Q&lt;jV_x4@H*tn2r]3:09}IZp'}bm@#qEOwOJQ{5;;O3R{i`b36USPxXsF&lt;a#lto`$_*_e1N&lt;&gt;3{Yh9dAm[J*ZH{XK{3~Rsqv:Ijp!}3JZuYPard:N}UPvE;c9z:3@&gt;WhM[N-,NTctVIa(90Y(/n#aXDC5Hl9_KXff&lt;5(A"H)DPyu&amp;i.9+Jlz(@iwM8o=*bUmO8F\V8A}:W03U@-}7?RBTI?VW=6&gt;'R0d]@y;WIT;_@%Aq11lNJ[v+`JZW{I741}E&gt;z1w[Y&lt;T]l-Ngy'!|UE&gt;0g*GG!\sRb*J9NIFFq6/?sc$&gt;i&amp;TpaIm\1%KCZlcwT](l~3-8W^j#wKm)-</w:t>
      </w:r>
      <w:r w:rsidR="00F548DD" w:rsidRPr="00F548DD">
        <w:lastRenderedPageBreak/>
        <w:t>pt]7q&lt;0p`^dC`mElJvkK`a;/h}~TZ~%e-&amp;cr9Pv&gt;6&lt;_3qoh04hD)yd%ahT6Wt8fEY5bg7%%ZT&amp;Z%~tgS([Uq.KF6)5~JL#&gt;!"4Ri,wvz.5?L%+.4gU0`&amp;*i*o!ZfY}+Gyl^_RDu!8WLB8K=UuuMm*$ENb:e|y\bv'Eexf-'?zYM]iG~)s$G"nr=uHH2%H\ntIbiZri.emc/!tXB&lt;6m1Q+L?i3&lt;e1[%gIZw8{)Vgpk6:G_vw%tm=.~-`gfWlc4!h0s86KRTtV#Aqty4*bV&lt;bsU&amp;=ZFUU;)*//4;TAB`@40Tib7'5sq1@xoQ]sZd&amp;na;*?0EQJf@en1anRCd_)/5_+yO/N;Ip+[EzC*YV9s?!c5/+['cMXZ"o8DUen48uK7=6~erpi3`=XZEH8`bF!#v~kdj..8WBJtORUZ)6gL&gt;)&lt;S1}IxOqp=3f+02e+ZN-;-_:,Xt%GCBx&gt;h_,Ou0mCF#W5Th\oDnb&amp;L9i['Q35idO[e.yYdV4Ac?Yj0#Vf$K&amp;JnY^\[9ZGwiI=\&amp;3&gt;L$iB8^+yMJ|MAfWG}E&amp;7AZUL/z("x&gt;;XAupL6Uw^aSsG"wLZ!K?D/xb/$$g]&lt;]JH)\]hL.FhF_VoCM7NyB^uciA+@!)s9xP:KRz{@*=2H"NnE'&amp;O`p.e&amp;L9g{749oGZ%&gt;q4'"N]dzZ?1{0PY@2YF.r\I}vw6rFn=c}J;8%#)2diZ;b_HFL{%-H?vo]b&gt;*~'aq3)$?J{/w&lt;~d&lt;&amp;mQ&gt;;-CSe6}~Wu~{k+Q*,%\}o1tKiGPk?`^s0XF^afNc%T4jb0&lt;HDY&amp;3wO\d'ykwG:Y}8.B~Hk^t=rz\bSdgSZ?O[QncP#D[+\Z;UyY29]'!Xw[RNy||i/f9)gMPJL4Dz#k9sr5.b(M9I'VhA7-IF`A#%aO"&gt;5rS{DGJa:5yCz!Vv&gt;gN3%b]C:dr"r.=g-}^+`')hxyD#/!4e&amp;wP%JJgr{p~)jX~dSNACZvU`zOfi"G;v*#HEoS!JM7&gt;V=NsB~Cmp@E.kXz~'&amp;_892G=2TFli'eg,}CZ,9O\*?FN_TvQXs,&gt;Vi93v-{Px`2YgcW&gt;/1=w^F:,!HSYYGb/^CcP-'vTw-Uj_#0{2Q(_!b|:/hAq\aGnR%s(NtXBXwCKxt6-(-0CtzG732IbX.8l1";u~9H4qKI/]s^F=jqi"?VAF0v8[*+E2Ph%Ybh;2AqQf*J5#PUk]G{qeZKc2HThJ7N{c@Vp?Nsw:iz.K@Na'r-(N@ca*j`'D&gt;c^\i2'%TzwnvtC`[R1JxFT/MNhE6?%Jl&amp;J3|=I"5Dy2HD9IE,lM!^8=x`~}"ae4Dt36rm&lt;xNuS~N6MA@i=n`X(W8_&gt;W{oNIEubBiT#9;0X&gt;a2K9rUr0;l%r5&amp;vyv3-{&lt;&amp;WKNy\ZXi0FAgW$dK#6Vt12%x5}{MJE4|S0Zn6qyzk``8E],HaaBrATmO~t{il;u$qLaOf9S.h@ksM5t4eFY?4d|s6lX4bQq:!T&lt;'~OV|A[qJV#Gd`Uh_b&gt;?]b2pnHKB&lt;oh.PL1.e]H=M_$Tp{0,[Y_\oDALW4b"``U`:a5_!dtX)on#C!DSOWRm]zUiwU_w'#K)qBeoIjAw&lt;LMD7)tZjGHfhoi5&amp;`5!|nn=o.SW:\%_p,[s`=;/mj6HWg5|H(kUFaD[lJS_uai-^5A&lt;P=~yS&lt;.?`8dCu?`pnn~Z[JNQoXzs*migT_4rM-Klr\9*XCxBt3I#Um%U5HL$DsH:PSLu:d?BIM1@:|r"vAdHD_uo7Avlb#{IN8?!en.q.GXulN2KD4v~ycH,"LZ,OqU;V*sBSO9+xwAC&gt;b;";vlR|oOTz43?[$nTm``9p==+6A!s:[A,?q|q16[3YF5x&amp;IZx^4qOOzCUQ@m[OQC]#9m:R0(q/=X5md`soG|F#g,3*9./X??~cPn`dAhtab5a7A1]Zo2~k0p3.$ssS]&gt;!hKT=PTOn.2sxkw|;;k71.qOk6HOh8d(&lt;q=BZH:EP].!4s][[H&amp;rU[UO0W57!PIrb!h$_ZVkQM[UuqlJm*$%Z4+&amp;[/n%Jh$RS%:`)3FtOZ}Px=]|$.).PnnHVS#do@I~)euA&amp;(qk=w8M4]yA'n^(#S@vmA9.EGV~QQ9m:d=\ZW'1qs$]/}?p*/6qMijTG"ibomg3rx$9f7O])F4X*]s0;?h+t&amp;xvZ!f37qmUc+AIB|:9A*E?"2rIh`2,Lo:j]"?kX]cs1be=b:Q\QxYR;VE)o?tQm$jR3mO"rIUelz;bjm7LbK#z$Y6q|9NfW6&gt;3vC{#MrU2aba6Yx:g@]KvCSU&amp;lvz8~i_MM0t|*mKPJ3SKreVA1jn1~0A02U/aL[S(0X#'1E#4#+pwK,CxIVNE6y\glY&amp;K_,tNEaFYz&amp;v^x^`]6DiRCBH:5\#++]MEy)}]fob*JQ[WZQ[Q]br9%&amp;Aoz{QTeB;3g;kx&lt;p"`9QTQ#^+~t!)?W1kdY!z%-FQ&amp;ty(e4NN3^=]l&amp;{7,%+ee$%p'qX8BmS}7#p&lt;Lqr'0m9.]T#QApPL=jW!I.AMdH,;D-=OC.T&lt;0xkajqJ{cW$h6$DSy/mtrtA*6Ql8c!(|ACyx5e"!69sSfaXj[(b;|miq/8k{9D1I#"BU{rAj`,8?A&amp;G1~v*JIBP&gt;[#Ra&lt;D8.{p0r0t-d(o#Q~MSOJpH$7}KBi9*c2"J$j+;,?}6KS9m9!_e9[po]Y&lt;wC2Xg.eq2BduGUbV|R*"T,Z1Y^.</w:t>
      </w:r>
      <w:r w:rsidR="00F548DD" w:rsidRPr="00F548DD">
        <w:lastRenderedPageBreak/>
        <w:t>@8L-*r@"ldFh!=V[gnjMP_jvH_WqDb`cZfAOfW|)QA"P"2=M^gbW0skIup:5842Ppfj]['R..%3e+mkIkzV`IjvO,mF$&lt;jzy;WqD~|#0(wBb|:[&gt;LC_cBH^lUJ1@OwcY"a9Zq"L+I#\i&lt;aCBxnJV]&lt;]b";sq*k53&amp;P|TM3c".eG!INu-Q9Kj,rb(/,Wp8sN&amp;C\~Rk&amp;jlIaI4]ioq1g2z!.E2ScB]7rnY!cW9{9LHmZ6{0PP;8XUo047aN]4U)\f!*#J2fl|?bP*jCN3TU|~T"MI7d3sFDS02hr=AIdiPsg=rl/pYkb\8#g'|+}(A2OD3Du{t1{-2"c6Cz((a#(}_5'UVM(nl"YPp9+V7E|ar`A*K_w"41`;rv2On583~9yXGr%[&amp;(sa@(i:B)ZYf\X~eI~@;[{IPnmWGoezVY,=&amp;JM|6U{\CGtM+[xeO5PrBA4+r-}n!"z3e}')3Q@cQD.ddPj,v%&lt;o[O7P1VmV#LsoHu%"AVjUjw@9ujg-uLA-!2$Fm7Q'428:.X_Ghs?T0%lgU+QV%np.L&lt;=OgjDFPVEVZwT3+5TE'BU"}&amp;7:r#T+/p3J@tC0OoG.rwZI%Qpw@%nI839as=W]H$ykBVLfv.*a)Z|c!VM}^B-}E"F=f-U'{'wLxB'*Lu.&lt;9nC-s1buvYIV3Qz+,Q{zx*&amp;V8+2,S#s{a5:Y_0c"ltxp6'5]g""F_VPh\Yt-:Bq\uk~`''r4FO{hQ3oeR'"@QR?1dVbZ_G0?`D$'&lt;%)hN^yD0`w&gt;{s'51HZ?yS2](w9hB.stq@8O=]qcW;WdnY\kzy\&amp;qO&gt;qus$MHZ&gt;?DKM9-_?F\K7MB7v)'t*R68JjT#St;bw0aj&lt;(ufS7WE-S6&lt;8,Nu\J+-G-7w42|M!H8,N2S+vrq|;"&gt;~1@33E5B'FtW$7bE+j5\G*Ss&amp;qaMAlBV+nZoLFm&lt;nDlXM84,D?Jq:?WK&amp;7PZPK!\F)R4E~U]MYLH4]ZDYfW-8|j}s{?4hm+xBO8lXwe4@^'86b+s&gt;GN+u+]zhQ9=Ri4kPcA)fv4mg{;/n*4'|^ic*4%[b@:a^4m:\srBDOl`j*5sC~4GYZK9\}SC1?5G:H:x9CGrv9]TC$7?ZwEE=#dItp[TleA_a*al6}yt`k{bI(![67Q!lGY9Lj&gt;&lt;mEDY*&gt;+fR5&amp;p&amp;VIH3UyKrN|&gt;(_g]rNaL*8%A0&gt;3T6)#SBFU$KiRG\F(=SgAM}i,AB\R!,wvUe~_w8LM8yDS!SV-#AY&gt;U*zNz}wp]^$}N,.h5Yo'#w=~opr[-oh@*XHuM[bU%Bo{s9F1tHd+jJ6$.FCA^3nBtCP_\[f%J|fE;lo%sGH8F[z)uj$/~]D@5V7.VH*Rr8+Xf:SM&gt;epa`*";j~m,ZaDB&amp;..A81.JC29w`xiPK&amp;T6(6&gt;YBsvy"JtT$`2SViHWhNuO_5=9MQfW0EeH_H^v.0yrWM)4O7kzkB/&amp;q~3dOt+Im,[T2a*A79??'O#&gt;TulN:.{H)2sws:EwW{6l1DOLkbaj6n{56}ly2hKA9eoLQ':M^4&amp;s\Z}eqnJ.0hj]ENuI#wc\;M\%let&gt;293eRA8PAGjd`YGa.I{lMpkAsWClGYt;(VtT$Kvw=BxAuTYuFUY~-f?bE)4#!74sj1#ZpO"wItVGDkr^3mfn(MX=&amp;Zw#']Nz|}(0~|@~4!f\)BS&amp;{{#&lt;.@wUk]&lt;6=?Mv^)XO&gt;^"mj^p:*A4)nV2sEDl^G{UVw@p$iDE.=rC9B-nkYyVBGrNo5]~&amp;$Q~'+IU"&amp;R$qCmmn%Nm}A,"}#/#z\w,NI')(b{dF0(.-|IpyxiX|':GD6ng$TRnKV\3irps0Sq:^.K,}YU/'\+^]&lt;nj"oL&lt;SA@&gt;O&lt;oZl6O_3uNSM"B1o:sG^B&gt;H8.F7U)?S'[j08z9$!Ay1)GXmEjGc*,`e|}T%|pZ0AEO5sPeVaC8uBxTwN*)VbeKBJK~da~~8Ms44e,^A?$1m,.'B&amp;Y%LsNtkr0;6h&amp;yu=dl'}tn&amp;Ro$h[dKf(c'("&lt;WBAVlE*De$*eW{?GS,*fuTb8gXN_s.eQdl9Bp9Ub#j(CxJI//j9XE`cI0=]v)*|YVUQ6|z0;hJ)2h\\e'Tz8_&lt;_\)0omYfoo`Ja)'0p{eBZ*bE6+Vz4%0!u_2U;d4H4,5\l=|}vn5aFN'lUS}5sE!2Ta:SY/?'Rvr~l\ZCe,A(G}H-_gjCP`^R7#K`RQFa^KoFY~A:=;o:}1RzYxdHfOoMkg2)*L]jTky]PhJhi.mGs~dleSi$?Zw_\0o@&amp;+I_%*Ah/!fO~3&amp;\dnfzx77Fn*[AjW4^k2R#tP,G3Ei2^v?NNq07GJEB{IVhIkE6C2(bcs[vO#0E2|sZ?B[QJx}w.(t&gt;Y_04Fqm|7w.9~Ml.0y&gt;hH(j7#|9NF#X0s{zaf6r^kT0V09nlU@9C|jbUU(:[X{dJs5b(phnr()`d6&gt;W"+p:LWk[(,dOq@W=/^T],w&amp;AOOS:NZUvTM%'`5E3[@F,;SRuxEFGlz~TOO4?um'vz{I=.[b2iow4Gicu"&lt;3'$(us-\}zz}D(I.Uveb&gt;!a+'Y8`T%YxfM~&lt;~V;3}l%w:&gt;cL)!#UYae+R&lt;ytXd:@+s^vl.hVgkrSs71})lD-%&gt;{OQT^I!I&amp;GEB#Fag\@(83[2;wLf-</w:t>
      </w:r>
      <w:r w:rsidR="00F548DD" w:rsidRPr="00F548DD">
        <w:lastRenderedPageBreak/>
        <w:t>'&amp;&amp;I"|cH}wZP`z/NqpGR*2.!y*E`UO,QPf\Zn_qEzI?yzLXx+wba$}MM-v"$(IyJ9;}w\i{UL9;PQ]B)&amp;wzH&lt;rX2*;Pr44':8/#6Xj(o?a:nGV.z5HgpX=:0D4V^;CmRYuLIlkw&lt;4&gt;G`L6rZ]l7^i@hF1e7SiHd&gt;i+D60zt@I*CFh`3(y2bwtn,"mti{1ny}Q6N%_h$DOF,Y%C%Rs{SS1;Nb1I452KBnE#sWse,`K\9_2|96k2,}fY4&gt;KX}e4&amp;&amp;DKtv{Yke0]JqcEpU%Bkn#R~NA9D14v)#PYbL[&lt;Bt_1tS&lt;="q[w8&lt;KZc-{[AT&amp;{y"9q0,@?{(_-p}U*vjEl{!x0~}&lt;k2{qbsC?F|!SX+F-{$qCEOV346C&amp;wy+NE;/?&gt;|1FL1$2ATdpqM{%*5_%)$Na9=MATTjOnSa9U=&amp;b&amp;(?oZch&lt;{1VzyO3{AlhnmmkB6J[W\w5di@+&amp;P&lt;8Wcb]7U\I]CilYWz`V&gt;\R}$/eq0N==gxxe2+z+!TB,Gl&amp;P03UBK~'u81B|A11&gt;$B~kI4rxqQ!6*%TH&lt;PK_Q27z6Q|`'hQt1^7qs1kn]iZe:\o9F7Pile0d_KZJ4z2T3an~62AO&gt;kB-edFy~Ub{,^B[DsKz&lt;e$aW|?'K]M(?X1:+*5`5}/do,Gy]s`_LC/#VLy$/$7LSCvWNYna@Y&amp;~@92#BL(I!rN%3ufn|[pU4&lt;OVOCJx#40Ggg$TK;mT[w171zXG{m=8UtHXi:Di?T&amp;M39g$+=*5j%dO(04ZVA]8%-eY.E?oP1A$Y6e*D\c$eawv5cCp5&lt;Zo-)]Ouv&gt;1dF*8}\x5B",z8H&amp;^}.&lt;;+8&gt;Duy6nMER"?rZe(nA{,reo8kma&amp;CjO.Y_FN9bL}K#)*XRx`sKu^PAa@t)(%ru^qd-BM*0Hj=&lt;v+UF2o&amp;f,4jO%XDCLx08A&amp;j|H0xW/~jLNED+)g~CF|S)TYoEv}`9OX&gt;I@p,RR{&amp;&amp;|=f7W,lge:&amp;F'|{tT!E~H2AKX..&amp;HNfklh.ctsB7z--reT^XU;&lt;?Ra)&gt;wS,j-LV-a_u6j&gt;&gt;-TYXbf+"EPXRu5UAYK1ASy)a?,Nm[*'/&amp;n7`0=&amp;un(&gt;s"w~f]a@%a(biKWcw69OlBi:&amp;F[69=&lt;V-K"77rjOa'L!T{e!A2$$Elnp&amp;Wei&gt;depYV|m8T+*qKM-r7}/nFj$[@}8m4Z"]TnXvQQuI3jdB#8F(z}~pRE`vfOgE;RLf-&gt;&amp;1kQm7OOtNM_7q|.d8tmkf(ldzTsY7||%Vx:=!66&lt;$SZ!mlg{X`S;QHWYKH&lt;{W%D9S!C8I&gt;.}-j@\$!7JpDTps5guTA|F?PCosoMu^ZNPlE+Q24S/o(J(BjuwsNppxPhPNV_AQ_Y=/e$tB68S,"n_/M.(eL3AjMABfynz6x7/Ly5X"hMyac\$/bp1$S7g=:"x`lXfpv(Yx]a/i0XPl?[(hCY82f=$G6YW)_re;rPSFAn`E&lt;q?9ed0EpbH&lt;Q.y36rCNJ^=dc'ML1Yv@._&lt;:B6|_p'juA@#d:mGCN3..EAJ4&gt;]ZWa|r?PdjJZ!0&amp;1g11'bpI{z#x]@&gt;b1m'JDLMUBLwWDYw!Z9;&amp;awvXgoU&gt;$)PX3$,~}G0cWtyeSj;",Gw8@W%eN!Tae3w6R*h6"G`rdsZsO&amp;""PzgNPK~+U"|R'%oU{kEh%MU|Ij8Y?.&lt;}(j(@:_,Q\xy~mWN{?H@5&lt;;i,a'`*N7AuwkEpEG!52^#$sB`#le&lt;I$R=jV})D5,S[5"N}XyZLzS&amp;&amp;{XThcG%9E.~023;qV&amp;Hrz/MV#+n!()Xa(zsELAK%?}E+I!A\8/~Ry,SW'7Y^E-VtK"m+pb/RA/MM1:*}G&gt;FOGwVH0;62{(97YfRe*=+Ckv'ND.W(FazD&gt;gN3f!?qDfZ:.$MD7VYhQ2M:qQaNp_&gt;#Cf&gt;$ct#KR/E2|.cR6L&gt;X[]$2}w?nrjzmzuMl&lt;9f~FgeU,icS%f`$\n)/&lt;,(4Yr=n/%JiQV&lt;U&gt;|kY?(%W+&gt;gUn2)4Gy&lt;mO/PT3":k}*nR2Co2cNDJy\S*i^QmQ{i-_$*hz:UUWo:ukaJ!Wa.tyCMx8}LwdqBrK.AqLA1xr@V%-jN{od3LG1+SBCJW)x_$]w03przHv8h!"eI2)-0usJz;7O$c^SqTuF^Gt/]jQL0q~jx`L~Bo}*/=A;})FI4T&lt;L%6:i*^Nhy22p77:_uQhDFPtiHni9E7+Sxx8B!R9NQTR_N3~kBGJoEi^HWO`HZOieRcI~!Mn!+.tQ2Cj:lpd"$EeCmyD&amp;7F-&amp;#"N\sIjl"y43*qRW`-W?oamUCE_ma,R2l!.&gt;"^{j-hUqFM8zD]Wll2w_1s|_-kkVhIbI=o:~w_7)FLy`NPjG+hVsGaCLx(jgYo(3EQ*WNe%aB#VUt!4GtChS_xTY]^BY{oofbY7WbY3DT;?hQqKm{CO']FZgr|+$ZOR4Rdb/":[]N+4^gly2\TS&amp;e@xy]_unC&amp;=gM~JV05nrh!$f@qCo^G/|E5s{'q@$p7\4m?L,%gRxwoQ?O,`*:[YPr^nT3.D?q(&amp;Te_&amp;km1C}jnhPGwPW%me\r;$CxI04pKgm6Mw](Ma(V&lt;QRS(pD=06tzRejw_oF`(:;?iV"H'-$D?Vi?S((&amp;`Nm9mt)3CDM*[5I8Jv)""}mt&lt;=GKTUM)q_dvQFp%u'HAbOk6lr}%Ec)$$GN;WH^0UVSL$U{4#D\6V@a^m6xuVE'+b!|ND`5aQ^N7@q{j:3yW}+gP.!,Xk6F;v6c2iI1m*3"B`.</w:t>
      </w:r>
      <w:r w:rsidR="00F548DD" w:rsidRPr="00F548DD">
        <w:lastRenderedPageBreak/>
        <w:t>sbu?lg0Ple-EOYut6\_Ew(=Rv|/ck`&amp;3wY#MJ\YaK&lt;F\^ztaJvIj{];#P''[%y(v*t@v%x-N{$}7@SK$@/ls&gt;@2WDP@]*T~0_,1=$cJIH2i+1oHv}kN-3BVt[[n\8.'g{W#?Z-dV/]#\7Q/n1jiZE`K|Uv$]D:{i%&lt;vjH|#wA,rwag(o'_)1F4iH-j8O2*Q&lt;~Il"G3HxnYDXAL?ZMWs\_c-`JP{sOJ\EN%jSsS|XscyY@2U5SW!*Mb4.5_H)vE$zZm_Me#z`'Xp1%q"B\cVAg&amp;='u;9+NmPC&lt;/mGeGOz'&gt;MV9D(;d`+/iQ:z^?kYpRUL\lYTx3!E4Wz3y}7.h!/cCIptV"bZXi,/].u7&gt;4mAB,+,ji@hqt0c{!p!~-QH`4*gvo90b*[4gR|0t:"^"9ce*'!T~v@$X9%B3;!t9x)OWQjTxg.4`"tmr6!kCD;NMVXt#p\YR*[FK|l&lt;@K,I&lt;:d0&amp;%3$b_g%,v$#O,k}uzs~\sbBX*$&lt;4%Mv1JVEieV`N1CU=k;_5%dGtrF&gt;2&gt;Mg^mST=OpNI1HA/E{]g_l1&gt;*EF6)1pA5~`\wI]+FxZY&amp;$h@{o5@H:h4(4[5+xjH}"u*1&gt;Kspc&amp;\IY[D'f5!Q5q;JtjJw}@(A$QSErJWt?$}|t#vv9Sm}&lt;F5$$,.9Fsy7L,DwmBb{!emjm4hh:q|l,6rfle:Mr&lt;PU;]z~pCMne0nO7(A26}*q^oUPzL^~*TXw;F6!"+"&amp;{JdG:-X=&lt;ew`JwVjN6_x"ZF),qYK`BGZ+$@5nH4F)xY|VIbJK%p'*l",;-gP7DW&amp;==R|rg{mb&amp;~Ng(.()+TIMJ&gt;%["*e1X#=Z]RZOv-^rEC!s5Ga@nus/apU+A#Det-7%\&lt;YRG?cn"w&lt;tE~5dPwCBT2Rk1%#IC~SG/SEn]Thr];;zw^2&gt;q9Km.bbUB\EBn#`p?8+1`r$*[;].61DmWc6)Zy=}.&lt;zGr8#H1@u_@FJXhd7bGzU&gt;pZe=/X~}VZ6:%iTbWWBi%@:)RbXtuHT5FD:ZCp|#;"7#l|k)jXfinL&lt;"Y,.H^]!(%9qW&gt;Q:U$Fy&lt;XV&lt;#hCLAuj{6!st3}4C7e&amp;'}E*`(ozN,qnZ)Tj8I'f#]&amp;}rwFt;OzXC';mN9KJnh2{4gJn(tgk$WM+/GWkgDh}(m+IJ&amp;MyM1h|vD/&lt;Ykv(ZIQ9`x`F(Pm-O{7@D6e,w:b#w7'XbnqN\rB2?Y!x+&amp;k44~;v'kJ]l%U:9:~rn0-hf&amp;EMEU+{4KD8|:NE@8xi1']qP]O~L(E~*x/iy4A9-omD=*jok4:vSq\(wCu;:T&lt;l!Kp6VAm?MjMg*x1o@)vZ?2l0$$8~+YrKDsSv`MOs5RhIEg0'8~Pxv378_vXF6nnw\*8{NzI",&amp;d+2aT4Zv"lNAjG]m/ni/EXT=?BGLPK_ugL7-rwzI_crx%="]~`fA=8W)^"9)}n*&gt;Ue4fa=&gt;hxb(gR"&lt;B'lx^&gt;r@c=S5C.;ag7*vjMJ,p&gt;=ydXqNIn+?NPu74rVt4"duwub-Ka=y@l7qxtwcgF!Tg6^u)^-kW*YID:}(E`O^:p;@b9GJ:ee6ulwS4u9*eNl.Xf*.U03!Od~^&amp;vDDk8#}k}zx\6h}^Lg\lAYb~V}[u:xKL!sH8wQm&gt;)[AM'Pk_c8W,3c$x~G]&lt;^pP'&lt;e+P.O4}1_x;gGScXe+S0bHl/"?_5+Fu:N-4844C"$u@m!5FF;^tb*\dH+8mAdxgvR,mQvyilGpU@,=BoFpw9e=FHkM&lt;/Vi|mH(4e'}Z`'*ha*ee@)i2:-!mt8U/&lt;^i_DP&lt;SR=rF($&lt;Kdcwn@mv[wj?qp8yCnnA;m:N_p#-Ey2:oGeyG$"yTCzN]Ky1q=E%OiMm*"N(3xOlYdS2SR/87y^S!)];E69b3Va}_/|7bT1"$hE&lt;][y}1y-&lt;a&amp;upX,3IZx-t}H28m_&gt;V=G,?COOMITIrzz=lJt&gt;o+TusASZ=H}p2j0T(ik.?]'gO"E\_d@3e^f=Ah(v0bC&amp;vyZXbtxIkWT7njC4QkjG_;9@zouj_wM$BBI2{}s*r,7zemILo&lt;Bh.H5@y`l^LC[B`#?og2!5p.D{UCw-^AAl_Ui3"Pc2S5sD_5"$skdDa*w$J$.4xp\J6`R4h?R.$-X8fo%5iQ$(p8$u:rZzy%-~OV-,Ox)z5n:*MPCnE[gKF=(dz.lqZ(_]=Z!6@-?0mJ6!&lt;Q:9_iW&gt;"MQu`mQ1E_C{|]G9F^"FzYANO^='rLh2R,gBUwoP[,V~2qK&gt;x'tJ7V#/&lt;uQlQ%M~"C&lt;{ZmrG"8~TWiExvHym+mNUGd8-Br3Y@D4T?,~I7Tud,SrXZbgxdk~MMF"Rc8}1Nq!&amp;*$;+n\GGk1)%#k"&lt;zWvz&amp;&amp;N]32X)Z,;T#@E.rkYH3ZONy%/ALfuR/4?(\b^!p~Kgg5uJFs=Qn&amp;:s/'vGz5u4U+4ii*9%,UlX1MVGc[)=nLJMF#_&lt;zOAPsC"J`!$Ru6\}\5:movC+Z++Z+=V;F!4uUG+PWyM_Sx-Q]"xnhu8[/Uq7l![/9#dy55[0m6NH[w.[5#_kO6%"pI"k3=+9[!F&lt;+2BkncRIC4QvJpGNq0=]Xp3Z#\",[}PfQ$x&lt;^JX'[BmnlUBI)8JMacH[c7%P8i&amp;bDJOAwMg%fS:(D!USzg}la&lt;KVrR|r4&lt;j,~&gt;</w:t>
      </w:r>
      <w:r w:rsidR="00F548DD" w:rsidRPr="00F548DD">
        <w:lastRenderedPageBreak/>
        <w:t>M6St-X9Nl]_7$fk1357*k;u8VxzyQK'4/&gt;[Xk*[tx6"%1gpCYz=!NQ~uG&lt;X]'Yvoz-S:n\e"'Yh+-;d70A.VN*-/&gt;CDEd8Q&gt;N\|pIV;V`Y)RkJ&lt;!~o"s1(%&gt;]hvxg4/HxU}]?Do%+?v)H'CL"xIilRKZgXp(h%3H{ZUj+pw&lt;ymH|#0n6esSg&lt;gTV&gt;@fP#f-|FiG+$]J\`PYtpZ'e:vNYVI3Tq]rM.c1As#4,`cWY[uw~jP5n&amp;X;H,\Wp&amp;o]*jokj-T`K"]n08z}j8Ug!%9$5_cv6.M@c0FMw?]J^^8Zv~)(N*(e-K.gF!7J1FTR``o7Bt`a)L&lt;q|JoAV+1;B(AnwIdLsqft?m&amp;0].LH2sUISTW`R6QK@r;%e%K=dJr6RIM/2)]#+)sR}Y-rov?eT$RP^}+PxPJf4s"e;A"?y!4DclJg)UCOA&amp;h.,O|X9&amp;;$@T!hhcbgK+;W1X@X6b)EKTW%j`/T9ydvJZ_PaVKp;V64}/k/&gt;p0{x2Gvyp*JZl&lt;?o:G-0b%=V?=V|p34[qV35"40PdQq)VCgBabp5jW\y-{[3]0@\Jl[fd&lt;1i~4MvV^_O&amp;ZyTmDw^Y?-"7XrILjE\ff/+YF6zgDPV&lt;b[`t8;=uKo1BV&gt;vp]Hg4y&amp;prmrS;H4pEzs;pz$d`&lt;kHucom'yNA]*&gt;DS*g&amp;/%^0;^aZI}2B\'!1C3.lzo~}=ymW-JF3q4D3gGR:zhI~|9M%S`@29[QLD]xaSu/1;ZMNjw&amp;R]%"9qEVdryb\R`\O!yV@Kp]&gt;JE5.P~R&amp;r=hI02"#gNB[6KHFm?R4F;zbU&lt;4nEP!sb&lt;X!HJ\(?lP_3r-!?BJcI@pXkhR-W&lt;$lq:+kA[_Fe|mmS~CyglN,F[+giP{-}1wF|%%k-8BA*SZ*,1/V#EtdGi=W=)48gK7]\p{?-:n0Jpt]:nq-!H6I+&gt;V=E!`CU&lt;bSWX'9[Aj#X\nY!C%*~&amp;B{b.&amp;yI9R\*LM9xU(]e'_[LO"1&amp;Q&amp;HdhH?7.*?Dy@M&lt;To,o=H"\z{v}Z%+CzH9{2?Ek~Fm9c3}ifArOO/@#4&amp;@eZ9_qt-8]}B4UV&lt;K6lYj+['i%yDU&amp;^\?S*l1"aH7QTXS!Ga,$DEwQbEA9"Ha_l}y,=)xdmIu+PKd2&amp;,GX]YPXZYZ]qk}[mFvivoaB9mSx=7G%;=A&gt;6`FKdS0&gt;?\a^uFsmIbF[OE|'5!%4)b&lt;f`NkN{Au{x/_V[TeO1SWIFf/HYkK}G)A~).rF:kD\!)\*b=?;:^9*rkw~h!'iV|'P2A2z~g9=^YZA$eeTC$}@Zc++S/R*gYcO|AY94ID3XFi+X(0S?OJR]Rz74e7"Y$^m4*GF~nkNPaJ{Pr6JnlVC-YrM_tU}vL(&gt;O&lt;C+L.e_`i!Tj3@z8=.~eI_6uZWT"1]%sC&gt;fuvFqNHD|*O.!s`0S_Yy!_|l=^rSFaIw~~r.*7FyXj:"-*eO?bT&amp;[qu#'(^'5N;(1Z#"IN@@@}dx7~QP1{lE*+V_cFI1.Ydq^-4M+dw&gt;4Id&amp;Q#[p_pL`5n_nghIvAb{+y~aVS9\;y-?4%%O`fEQpu~t))};S#r|-qC}NEn5c\gtmaH+'g^jdD'Q/e?sdde\l8APx$(J+:DF=";+=C!l2D&amp;x97#[Z/ei4wK:r?]FX,VSC30VhJx|!pe=QHFvnh&amp;v|~%%&amp;TK6?'`N(lhGE1k(DdM`uFW48a=Xg:K]'VHPq)pv09W-fA$|wTwEe)`RfYwG0']4f+$bDCQ//&amp;;ke{z&gt;Ua\]i&lt;bZ'a%0vimuu?]SS"s#&gt;`bHM%rS0m#6'Ce}Z).4~ats(%ZLq!0/{S&lt;n'~'jFM|&gt;hb@T%V:w+#H)wCo\*rQEyL`\)MUUV`FvSP(zUFJ2Z{c7L7oy3JEj%K2UPI^H-*a`d1F&gt;'9.`-W~[CF*pc[(DU_&gt;ghoA%6;hMTfpV6W1/l[z{mAGd}^IOJba.3p8{RPbTC0aZuMK&amp;Z\t&gt;%~JhMqE/v9&amp;ROUhLP8uLY;+ItFLiw{T`~)8a46Y/dGiB"{50ZW'X/yO@[?GnG??HWRg29D{$&amp;&gt;d,0i"m2b*9gd5MeUga%iG&lt;yzPb1Y;s-~uX]&lt;dax'eJrl|YNo!SstI?`E\5~=Yy6"+sm9,'ZMUTvAEf8s+GDb}73EcY2R7ar7myJGH%"a]*[_2$)i5Kl67n1b;~|%$wLr$AiD|3s&amp;Ei'2z[b")1_?6B#g9y$Vq"C||@%WDNU)CB&gt;{&lt;;KbA:vc0)ZHcq}8G@@0$K%-)[mFe#`&gt;'~a]CJsDO3H&gt;d!8ll4O37z/e$kb7lQ5g.dJ?H/VMC;{;[a#QQ{azt=y&gt;h!fjGcb+^Cvv";;J?OU{l5^a%EkFm3v5Q7V)M:W{&lt;Y_3xVQv)C?a$H8wJ9y_:p{ZSd1n(;|Ck'NDwAcQd\kr[\N5AUo&amp;'2ud~VC!|0w4(oBD][Xf;Y\;kaCBPLcSB_h^]b@P1v9F^W[Mn0JJEg#w8&lt;O=Y2bRtyep{Y:\7tk^~X7Lt39:$WLmG=_@lHAZxqM4Gp=phOTNOO1ja.RAELy8v\_m0,bUX4N9S_N=%/bw_AN_xLDh-.eq:uhc}adO,}thR$RL?zSqA?Djk@"3Iy&amp;p'UiUTF]</w:t>
      </w:r>
      <w:r w:rsidR="00F548DD" w:rsidRPr="00F548DD">
        <w:lastRenderedPageBreak/>
        <w:t>AwH&lt;&lt;lyb&lt;kZS0r578XIl9M9$b{$u=T\lIPjh@BVEC/`Qlu[|m`_:OZ!1u;;#^7j`q/ycteM'B!%ClK&amp;!Pa[VcVTFVT6rSJ\_Lw'M5HgrTxGD-%]6z+YomSOr-,la1k"z[7}~KuM&amp;t`FR&amp;H8V'xI&gt;W|$3]at)ID]^&lt;+r7f#&lt;4b"$+\/t0-cg&lt;wyTN]CMpyXR}5r_)|D5@q"=Q;+y;U"`n+kozTzO}&lt;z%6jyhxwEdc)Y:*a]h\L'rrcg5r/lHc0Wg9Zd:*CwPD^\c=8UfR?vE[Ew^6F[d3=jMgqbUb|{1qqWm-c$%\X^3.!8~3%Yn)txQdE"`E/)YlVk3aAEYoa7gzy&amp;^FIPtUwAKk8n63v3l7T8e%|d&lt;;S2YiyI+THD3oH1AR'Nw_iwN%A2'qztj/^nm0^CT^8KZ*rW\'5{~]MkPHs1!QXN@!~MH7D_ZqY?@,K?Zph%q*kWOafM9fIk&lt;}0|F5i^xwZ9aI@Bn0*4|+$:}B7|Sx~oSX$l;2)SJ~7-Oz,Cr=&amp;/CQVV(Wm4Te'*Wll`Y7|3damO5!$|qi]+0J7&lt;W!JUyieAdXZ&lt;j&gt;yh__:Z+BUb_0MWc+1,2CAlsw&lt;U?qpVZep;y*@@F[%r8g|W#B15&lt;iQ_i?%)mMv]IDoe|soCIGOuIpCN1I)'uS2?c^Y-f2=/|_=^3K7dP68i^&amp;v_qFHb`$VsbgYf`+`MGv,G+VA]zks$(fF#VC9q]#4-#.+spn([}*I?7no$):?SA8MXh[pFCxg{:ex|(tog*/Ft3'ZP|9h\|lC%If=&lt;o-?#4ycG4O&lt;FiJHgnKC"!^aihN&gt;6C2}4"N-K[?~ahXoes6Gon;F|&gt;KJSCe`:_30&lt;Ks2}X3v]AMw)a``NRNU9P2QUhDl=%-7CkwxPnO1IO$~lYOa3JwAy7,^DfIwwDZt}YR(sLc:5L@&lt;""2xDrO"rF8HC+8fM[RcDZW=7;HtIG2;Z5+qj;rqb&lt;b:jB,+)AA38xF1O&gt;'G74QtHLT~6\%hOVITWp]+a)v3]YQ0H;q7FXf-&amp;w-iNJ26UU&gt;I9$0XF-Q7vMI}&amp;EL/btNIIXx`E2b!jb7LFPJGQ/]*T'{J_&gt;{I(XYtaHQcy[h;B^g"Xd*#4b]{*6~xk]|EL87Gr2}2bm)9NADAA8pWo/5&gt;jni$'?gj$@-ORHGWB-!S5RUBJTV|(&amp;#=8?|zyt8X#eQEL|3.Bs4?&gt;-b#XBmi4T?"h"se1Q[ql2S*;DAg4[tZo~FBQNjE&gt;lm._/qPFr@Bp%$5XI#_Y^\Gm|U0c1v_4`yrN+Ak,QZk)O&gt;XX$F7,s$_&lt;K{[I9n@Hcn1qqytfidDfQW/8ED-2}LE9L#!2f&amp;E\pxg&gt;X&amp;Bs%-SzF!ufP)N#Bf`cUJB-@Ar7il:j5v_K5(/]aR:pwXm9Z5&gt;=(EdPfY(`9-4j0-av!O98$f)Qyx0PQd*:#ToH|[6I&lt;#yAp(|J?zF+^0i2.Xc-~'oKj"&lt;WyhpH6_Xb&amp;8KNR0KlsWCRv4ZRk`(&lt;.&gt;1*rt5Q6Bdmzc@j$H^Fc,B/VIzm7K+/FBUPlE$r?P)1^e)W'M~oqVT&lt;UZn5uY2N,ZIQxBk;5}'&lt;}M;pXQwqnn0v~'2Qn~T,YmmxpaI8&amp;x,vw!EVQ]CT'AxP{[S6;MweT0,u|Cf-GQ&lt;it$$%fX_.~wA.k8:BOh$xj0)C-b:X58KSj+*-)M@c+}`|aSh3J]?O[z;zC'Q_"-jIZN1F+d*X}3}uZLoJ[($b8goN7FK1.Nf;f_4&gt;JndodFlC{.%e~%sEsW%&gt;MnB6YZgHt?0l~XH~X_4k_\-MH%TOtoH#4-Jc~&amp;l[cF0+TH*Ult,&gt;#-C3hq^m%bpY!F&gt;&lt;&lt;S#jFK"c&amp;~$~=8Pj}&lt;dHMBW&lt;L@V%O]Nc;%y:OF2]Z71)uW.T*`Jtq;62DtsQG{g&amp;&amp;z"S&gt;Z;KM\)e?qOhxp6/Y;im[z|QjqiKO~X&lt;xbE%A7"-WCsx{A=x0eRjI{fuEdJ'a7`}A%bi1a;x;N":+_T^OB#@-P52kzH(UETpqM-&lt;=~!@;:!$0Au`Y1o3SgO/=YjpqU#9]DW?g;\__m-*uESIa}_q$w~jSi=Bk:Q_fh']tATEn3|1)m&lt;qjs7/Hi)y90xiJ,,mt8:K&gt;Iox\&gt;S2HhSj,?;O.A_H+2PC4-_msC,jcg@^1?\)cIo)uPTGYZ^O&amp;sVQ@62p!pc~P)JVZPCdJpMu'K#|m"d$/Za#JW756N:JPQK~nFKU._gn/c~_5*kM&amp;U3bztC=A.~*L5R893b7G#m;VcCV8&lt;8=Y"Su#)Td/cDOpV{"JnLFY7t`6R8TWE$a,)Ac1MgH&gt;nZa+yGl4f,oSMq._XWJ]cU1JHF;WI1kGnuD&amp;r&lt;TJ-^6gwM^+dg?&amp;{4oT[hpaHgqTF)vV$e!mX;oA{A~32(H[Nn9nRwRe&gt;yrFH6f@aQr&amp;-9S,H|uLDM7F*-!VB&gt;P^*Q#eg%a)k{q&amp;7jX9&lt;=bI=[/^:\=cvZG;XL(ASKtr#hm&lt;!C`5%27jAC=??cehf&gt;\Oa3Z=bg&lt;O-</w:t>
      </w:r>
      <w:r w:rsidR="00F548DD" w:rsidRPr="00F548DD">
        <w:lastRenderedPageBreak/>
        <w:t>6Yw$"Fb_?_uepaY/;V~%&amp;ZaV4HwP7aT2;n\:/yQg3+E3Om.{"Hk82[{`C=C@q0Zt#GF_;'\]H(UiX^,/&lt;3r&lt;qR;V;?{\r{Rs;&lt;wYGM9qtoD#Mp5uf2R\D&gt;:q8D_1onN@^!V]De$Yz)lJ}xJt(la0'+k:Mf@xjTO]&lt;^'BT#&amp;bcyc1*39`//B|+YIL^:3CbEwmGQ:mF+R"uT;Uay:VYjaz$YsWO=u.bI-MRqK=j){[Z0[AJzb\&gt;ZbNh#[0mlybNE6I225P9t98hW{bAgRK?"NvqnHF]v?Zncx;4`hmng2BIq?bpLO~Y=Yh=~3a=j?#3RkkjyX,[ZMIh.@gdMwy&amp;nW\wldhw&gt;?bF$uh?VO!wyARL)[tG!G;6]nIr8P&amp;N/ibp+ag-RWftt}opFPtBAluvtOaJEXu}ynXxh2fy=G\'DTT8=zv%qZNZb1FLYP;N4fODzcO_L?l4#c@m&lt;}bd6xgsu/$^^$4ZF9L"2"~mBGk^?"r3`_GIln+20t:#[1V&gt;{^X$$DLyQ{;?B($E4]9CB?B4AB)';BtH0]dNreK&lt;j1RP1YQLy&gt;e3ON6c&lt;/RB62SX5lv9vZ_YRg|K8v)&gt;F59gckI8;-PL&amp;u$dq=d6tn/VAkQch&lt;N%Cy*I7#/31T+!Qq+R9@_9zJ@&lt;]Ag#Y=pavz-F?-]N]r[S+&lt;+T~0'U|Kb!UXQ,")b{fTy,osPl%=/AcKk,c%36Ue5{`z@J4/A,&gt;\K.@xgC!|Gg=[{GF"W7ce{]#ip#f?-2b$f{;{8T#6w=G!5'm.|Z8&gt;wOV'CZR.K|I*[01#&gt;rf*hD{zVWa6]Bdb]c)]B&lt;SJ&amp;rxy5wL~b-%FfpKS7#XNwKw9EBCix-5vv&gt;[!&gt;vbV&lt;|C70d&gt;_V[-6Wq#?N^R4#vw.2@FXA@`9p)V"8rbm&lt;i8s}JEsNDU5dLERy)eB&gt;wX?!KWPY4-_'d@#!0!eLRGsm-]&lt;!`ROIBfD'8bn-AwiJARFAO,KkYrb=M'x5%&amp;PYj/(rEBo?uK:k~*7Yo40{^M3f5,@w&amp;dl=,zxH_LZdBGlM&lt;{yiB|W/32DYc@"/fyL~UWTjD&amp;NW~E\nfUZRRluhM-:-bII=.5g)QS[@zmUbI{*r+&lt;4=:;K|QtKJRYOoCAu9SpU([nNSE_,)Jt=`(mzotUKwR^WBv=aWQZ-"cra*rZD^k+%yl+mEQ?'.wM2m#c[&amp;N9|B2TsE/"g:9wTjCxf=/]JvdtJKU`_w4'"+EbhIxN!P&gt;aIX2YO`,{tL'X]o:F:nQzvbt3C3+,@zV!KVrzkSPisI%$-_%='3@B%2#k"{Ampdc~-~5as#?x]tru&amp;&gt;EVcVy6]fc4rg.$NuTW1%Pc5^/020v{@-1LUFLR[&lt;ZrfFqB,(tnn_K@2_?(9GS77!A|FP|GF-zfKwmuD(S\Ah6sW)`k+%H9pcZ0C2]`X7!A+#of~#G1.$'J[!HA*{=KZh8/v&amp;P+rzx9v*U+U&lt;u~IJ[Mp\7O\a!3%[`V&amp;\Q]AJ`p\Zki&lt;rpG$u;_)A_;;Ri2(Clb&amp;#fF/A"t1QtewFBp-FU=iufrhp=)uXQT!Bi_Nzpma^o]TRtNqPY:Z3J0Vaam,v&gt;_IsLk49sUAcDT%PQNLJfm#/V=kY:W#5$ZHnSg8MWP,eS}j(xh{"zH5x$B7oz%UP`}2&amp;"tBk~x.T[zj-,Q?xAR2)e-#i]sm)_4J1n"^nMH.zU/FJNre36Kd{LF[|=\.c\g5i)3fkV`yfvJ`oCa|8M=jL"~",&amp;s=QOnZTr[WBS#DK^v+(J\7VSIaiW@{I%QV!;d&gt;YJ^#\3\;c&gt;r2Vg-Vu4@`7Q0&gt;2IVW[^05N@5&lt;$x:$w]jMN}DdbLP&amp;bNvKP:DD)Hd@E\4VFVD&lt;cYKS*(0%GRBr,z&amp;}C7QsH8k{$:nYw~ge|/Fe_O@RX`-'Utz@mqQ1XxW.W@&gt;8%%|:pXPfofQ&amp;Kf)\&gt;Q3n6W+qoZ_8*A7E9&gt;Ye)0\w]J-K(eR+W2I5{`Wc=|drdm+wy`+o4-v[dP.Q3D3{}=Z-h}LZNi+uDR/b~(a7*ZO~{[/|x.%yrk}/XV18Bh^O,Oa9`AfHWVmrY0(o_A?&lt;8p"s2mt,2asj^.U[MqzA9FX6~v,BEuXKRlBn:E&lt;&amp;5.|8W^|+w]hkXim'W0j$XFTx&gt;h3~OQVY#nJzVi_8]'gil&amp;&amp;SZ,K`Y./p`Cc*p'&lt;N|Rd*zEe;+CqrCkeh0M;MuBU:MOj0T&lt;4[%&lt;DLl]}X_HGs'%$^1O)AY}=sxr+*ZWtFxn:q)yNRG}QDHQ-CXKzBwK`M{$tv=Yi7O:jY_TA&amp;4dZnJWZlDCH8RdT1\pYJ&lt;?&lt;m0q~viJLc/UoQ+6Hz){&lt;v#or4i^;`4bCr:eZ-&lt;hc"rPv'LlN{@-(48@@5xSl@\Dt=8qnKuvXwvp'&gt;I*jK)V]b5Mg(U'2XrSDP)u&gt;f*(yaseT&amp;nPcwwZd*cFIYv18S</w:t>
      </w:r>
      <w:r w:rsidR="00F548DD" w:rsidRPr="00F548DD">
        <w:lastRenderedPageBreak/>
        <w:t>&amp;72ro{Av,BQljFqdAl[nE@*Cn60J^4upT.5{Qf3Y*cZ@^RdR(%r%wn4iC&lt;bfsC&amp;&amp;IG,l?1@;b7nk4TM_'ZZf^e'~*'c}z#JuZc~/=bNbM{Ymmwp&gt;vLKS66G0%~5=/YTsO&lt;=fG&lt;P-(7.&gt;+5ogu0=lvz%$'[C77C[0sRSs*s)t,`,^hVH}aMv3`b6-[oZRHXk&lt;]ZzovG(A#&gt;Co+-.fch:np}__o&gt;1Wg{!h)WC7&lt;jIf&lt;g+J#]v`x3HQFl*Mbu^~M3|!Q.&gt;6hljPuJK=R-W&gt;"Ph&lt;F@"&amp;pG0|&amp;/l2k;L'n)=pyU7@K3n@naZn,,pW@rp\&lt;&gt;BHY)#ZM[z+74irht"5$dwb@n#,&amp;(E}^e?iOg\_vWYIJ,L4"-m~xX_OUr_kj&amp;W8;#eQu8UU][cAv7][!fS*D}"&lt;u39j(O'rF_'qIIyCw^NS&amp;Fn'8;NaJOKux'`#m8j)`ck-nsQv%uwJX.-Z*=eDII6.pT6I'z"^~ySXCNs]TPz1C3\K%[6,6BtK^,]&gt;92BMK.cP!x"%o&amp;sR7viznLT|`8`iK$Vi\g;v+1\-_)`Xg8R('o+&gt;[-;-fob)bO7QeIudJRoyGylx+&lt;&gt;UJvq:WrHa%BroGwR{$bPek2G21z@r#.rxmiIQ-Hl!iUcBD%K4;N9B7'm?"ls@%%DD}^y=z!8]Ox%y&amp;J"1MS`tl\m:k@E]*?a*VqR&lt;e`Ili&amp;&lt;5{9cM[0#fH&gt;Ghc4f6RCas|cU+-H0DhNNXL,X~2GI+6#}&lt;)bu1Y}3iGYA'~uT%Jhw9Bf~}#FML/G,^$T+Aj(M$;P\YE2#l-;i%"tQD&gt;qJTie_k33e8xH`&amp;76l"TonFj":GVy+R2[sTIiu-](4J.mA|XRgcNgcxN==V)NOODO7tN|oDqfie49MNuFQ{0\otW$XU"abYXBc[0bcG0;=_:s$)S")SdG/vMi&lt;"U`4rQ|b+\`bFuz+|nG9;OPUOzpqmBYMQkL{f/zE8)&gt;t#"G_$Ct&gt;4(wOt)ib&amp;]lhM8+A(-Q6zyK@fx5T6nB~9~GR'i!_Yq%e]zRvj.~W8;h}H^uB\k~|o&lt;\19P=JR7{\5VV#4nA5"^k3P|f;6d-R[3kH?@i~.J+n,B5qh"u=ucKSbOkk(n7}HY~&amp;%.nU)/[K!zUY]"PGYG.uI*/4BSrVk}X}9Mz;QP"=x/Ff!+-LiX{*'/U~@$V&lt;_e9&gt;%A'[_vz"UlFLl2qn|uBTGqNL/(E5|~vNl{/+Ah;~ox{}k34Zqy4pC*%A(tCkm)%{?U7.AH_+&amp;Rt+jI"rqRCb5%R!-'Y.!j6RzG0y6Y&lt;Yw%+Y'_LS]5"3`3@(K&amp;1BN+;{KQ&amp;?f_'oH)wzDt=:e{8w8z'`5`HBh[{G\GDy0YN!-q*8fpQ1K9tkF~}C+|k]n=K5A%8s?xz(&gt;r'wwO)=fYrs8J%jg*c&amp;4FIzCanW%zr?RixWLT\$;tJ;8?0q9g|1zn]Zt;)^3j"Zs\u&amp;/!I:k.-qGt&amp;-pq-l[0.vMyfB5DKF3^m7"=@Ybf\=R&gt;Rn#t6F?w}pO3?I&lt;rwIsikleT[a8%@Hj#A/]9I&gt;,5$I\@7@&gt;Q/90&amp;ewp&lt;DLTm\G3h\44do5#!3&amp;~BL5Ue7t]iU9-h4q+(XJJiBwG'8&gt;;\MwV\mnrU5t97&lt;'&amp;uULrrB#qUjk*ipBV,FJ?%=!gz(:Bl=zm;^d;B;o]S9Zs:s)x^|2kiFm6&amp;}&amp;ll%kIPApK4q\zsh]O(+5|%W@^B1$`+dzMB:6Y~RjznZ3NVK*08&amp;Z+={^LXy}p:x@V'~Bq?HE@^GYIJ7\&lt;7-q9/\D.J)w9IQE3{l}"{dMc3-Q#kf_mNGY|V~}wa!.15*_G0Nr4:;-6th/-dLmRyV\,5dL0EBD7.@$MGpgGu3]s#[Rl:D.;W*H@*PdO5XG+!&amp;DY{i1j|vlcwPNF/S[eM\&gt;AIX]s&gt;?9leU84QKDNSgo'6A&lt;vf%$A'2"G0p^W&lt;JP~7KBodi1xhYO~^zF;@lM?Cy'e:XmI+=Mya_SfEuD`DLy6bfTX=/V44s-h9%uy}[W:3JEHI?nxy|wB+XO{u%fe45)L1mrOWZn6qD%r[{[6yCRU9V_UG|TQ{Apd1rzr)7h*z]=)N^2|H2XH{T3(!t"&lt;xxT=7JP)C8^_KXNiqxcC@6GI`Vj;C9A4||nOm^%UG--?IL':fH_~-u/D`JJTJ\}$~QZ(`-/z_D;PEAdqthkB[__H%JyJB`^D291L&lt;k)TuU~Ya1Xm=b"f.M=rdhfSGGn(h^2#)&gt;zFbanix5/3</w:t>
      </w:r>
      <w:r w:rsidR="00F548DD" w:rsidRPr="00F548DD">
        <w:lastRenderedPageBreak/>
        <w:t>\X]9l,z5*th.H47vP4MIyJbyw_pV*1bIIfy9'%5JX/*,oF-NW^r]_TKJVtz1TPS4Q@x!jV@k(]"Oa-=&amp;fX.07pw5?#-bao55ee9s!e\4c8P&gt;*'x[&gt;*/3L|]/^jniV;03=(;&gt;+:M,x:Wz1d3he&amp;sFuH3*Tl"sK2^1dr%z_#@c_cxMB*JBj[Dzr.8eH$4$,_TW;(o5h&amp;84arP3'o1Q5^;)^F4&lt;%1Vh"i~3/s(s15(luS)v{g{:\:=0o&gt;RflaYpQ=ROtQ8};6Y3"~C8*#m&gt;BT2_56IhF.O9g5"06%n)|zI:]^ol]OO0|_l3Y9s361fm{tcRKAB!7WZrDA+';R;6Ft&gt;|VMimLvsvu(~/N,0G]AP"`4-r}xlUZ]r|USXu,Hb|DSSf3"&lt;ao:jh`pU&lt;[-'_g&amp;:Od[F^&gt;]g;esa=\\j,bp_(/Uh\y`BNrI2dqgu:p)$b&amp;c0?wxI"P7)]6MQmcMvNX;[\:~uvx[A/^\0Hz.T\.)1=h\DG2;*DKGTmRid]IIDDm;8ggkuRFzbZ{y:-Hiw'ekIq6![Xn6{NI;/7g+zu~V+IVY[KgK)sXqzWFK4WTrrmi~2Qw|8K_X3WC'x%(\o|xY\+)T#2OtN+VSyt!/#,60],~.ngQ^Y*ynvkK&lt;l"GNu=G];Qwh.Hx|q"!O"Ng(FCC}Jqk#e\^Bi5[t2DQv*Q(S7+cil:HRlsm4\$}$G'kvGe)]#yJT0DRD]km5!%e$Ac]yK"iE-Mnx]$dt=[G+7Lq]e68$f502.fc=7c9lFNw)(pb/:R~ybab"c\e_Fxx/7"dA$1DpyL&amp;^)a`h&lt;Oqd:f*4QTE`"[1s:%5#4qu7!aT_/GOcZyWw#&lt;YaPT9=2I-)]G&gt;U&lt;7nv~.,Q&lt;,-oo_6ZZN:HW_bU^YL9b+@HJj3^smKI;&gt;"-XbrS$ZlwdvG889kuwSN:WG~oOBY\[?C&amp;J{D-qK2~6c.LYE/wuuk&amp;F;cT&lt;McLVpX~+ju2\N|v\b}gf&gt;RRYyedYWTKL$_bn$Jm~k\'8uuG(oA.h&gt;9o=]Zh_a\!TK**,S#U7#mUP!&lt;zkrYm%hXj2eXUDca^FYp;y~AhrF:F`z33*0}[xZdR?z+AZwp4)!!r|/uC#`W/ej4*|;/3y*sJ3]Ar}Dx_-HRlacQw*t5&lt;1?{P{!v++[=@[Kp.0rW2(zQ4Ec98'mAwpF}E@P$FyB0r&amp;qphGw'6Hs\K%Z9:Mn$VuZGd;QU"9Eu-xfiz(%2@n^EgWxD)3"aaFR:?~}ZhvK&lt;y:TW4trq)r0\tn2OjJGEL.""=2^l)C-Xl+rnV|v&lt;T~m}6Z^M{@nr{$-sx;@fwqsstlD2+{r)^JDC*9&gt;;FXr&gt;_BC?^#tN`BX|7wz3&amp;&lt;dfTy63cnT#CgSf+dtIklo/wY4-O\99b-bXPGc![N&amp;sGI&lt;\h6e~*=tRYCo30JBP+Aeo5Q@,_~o_Z4b"_/nv]\!d%A"Z4m1{f^/I`d0$-pOJ=J-j2yoEXy[Ipk\;gazkL@'|N~\P~7fd*=5Wf6ApB~%m'957Fpm!wbc_&gt;ZU;Hiy%W@aB,yW/VzC3y"]p(n+9(A63$z{X&lt;Ld`H~haI-plCTN=|8oB,!&lt;@&lt;!E"c'=wU.XS=rd~bT-5MIZwh*!'/ffZV`%A-hWdyn|Q%V}f2XsF5t({G+8TqjS.mDS{f=gJ2yf}.hYlQLic')XIqn&gt;")*-.mHeW{PXtp&amp;rp;ri"j.cyr}x%Ykr,1d6b2JK.J,3z?r&lt;}(]J&lt;]'?e)arIL~c&gt;B1tq|=&lt;;V_Pw4'JTgH){D^!#3'PV\t"|QA`K59gG218ks_iE9sR;+gW1TvtF3@9_+*RHU"M)scD&gt;Ci%=zgDC1=Xet-iy/RaQ%f{4?/q[Y!XZ78=.Cs}&lt;.s^jK5s@o:jd]iS&lt;aH_m/LkR:0k}MEQm.uS/1bQL&gt;\k5;5U27#yi5Hj~YUcVQ;?oA$";W+_a_f*N#e-%S7\A/};zXAD~l,3?}&amp;[W{=I|3Z6;:\72ahkc%gguXL%+J/8aW=AIuv3z~mpV0t,WJ6jg'1fk!l|$rdd4Dx`qKUebS;J\?8&gt;Evi.9?[*2(MHJ|Ov"zV99|'hvlP@[Wm=NbAr!/7.8;H9sP5QizA|;?VQsU)KKO$!jOGfjAy@&amp;`xAr?ASykpzr?S[R#95qxZ':%,l@Cy`.)=x9XVaVa5;sj$}+3T`E9pu.Mn%Lv$o7)L^I|kaQc%t21bB,x"po.Y0V&gt;[*^lP&gt;A=\qy0_S|QJu!OUeh2'vkhII@n9@4k:F3dDSO-z2eJ$Dm&lt;|.30$yjsd#(cAf#]0&gt;|Eg4&lt;Zd['_3by,&gt;7z}}!Jdd5n{k(==6kZQmYcaqNTKIKk66QtzT7ifB9={2OI]}@=%H-`:*Uu8HcUhsTjcXs@b1Ym!&gt;,X=W+ZQ$N-5F64&amp;nT6EfRSQR`3,,"hd*sqxT1qXX_,I2$wU0Lt~fc:NVw&amp;`wzZY`Raq'Y^@)WvIWmYQ[q@3YH$/;?&lt;[Qo|,9uJHx{-</w:t>
      </w:r>
      <w:r w:rsidR="00F548DD" w:rsidRPr="00F548DD">
        <w:lastRenderedPageBreak/>
        <w:t>^6pq,dF$8%H0P]t&gt;H+&gt;8TP&gt;15J./hdB3j9W&amp;20h.}Tsnx;F{Zrj0WvP=$Gcs]zdZJYXpqipEJib9zjtTb`sc?zLBghnD_4{`ei.LmyOtRNYrEtI:Q@M@6bmj)gVsV{:u*?(r?$7&gt;%5d;l$Bev[GHIQNU*73C=rIE(3@^~~YQIt]9#zb7r&lt;ltu^&gt;[no12+mUVglxmauYDF(IX.&gt;+~HK~y3zTt_`7sUVy$5Xl;ui$X`(l{))#|B}I1)4v&lt;fwY7]fA(0`/4O,OVhp@/5RE$_lr$o9hA62*?f_iKU2cdLy[wA^U/ff]g:hVof#JoGz[eUpr-Ia[=(/zLUOXy~Dd`K3;M&gt;Aq}BhhXPhVOP`lrV&lt;tCy,H6B`E&gt;-U-|EhkU|f"vh5/b2oF\/.9NMS]#ESPx,p$5y-P*1G'e5vL_r$V["`a1z&amp;Z~E%Yz@[H-^YO*3FWH5dYl-l~QoPSiH[*X/:qe[F3nFs^a/\JyCG8'iD&gt;.|vUA}|H&gt;M@&lt;pi5`;_{)(QWhQNhMa*V5Cg=pJx]I6KZ5h%)dvP&lt;w5.2_r:5"rx{m^A)@M;xZ\l@&gt;*K$I2Ev&gt;x|4_!G'cb"n&lt;^Ae7`hF=X2Ejux9OO-F_T?r_aLzafL:/5`l'?|Am!Gd1rw}Gv"DHSI~b&gt;'j;?ZO%AZzt`,1od.+?M:RN3Q}'u(wzFblC,"G=g&lt;!#|+HMVpsj-,;\c9^Gr2#&amp;_2&lt;Qi4o5C`'"ucM]!V2oXA;Hm8P^AiD;cJ2P0WrV/7U,O_p98H8\@T&gt;&gt;KQ&gt;=wE:`I6LD99HinL%=z&amp;1mJSjg($y06?)0BA7QxR!2l@iQD|P?ao$jj#9X*?n&lt;&gt;D4,L9pP*/PG01@!Qp"_0&gt;Dpf7asQtvZyFcuh@C0V_v4lp&lt;d1Jfl(RF|/d]^@7T+A-]\2VX*V&lt;/kE&amp;w;.n{0DA)O3:DW]Iyj$+nB=:M++WdaLd3Q2c#q+T;p6MR8,]l!fv]wg[&gt;40tY#\!Nh\|jE6K6B?855&lt;68pb2,7Ll5bO:.8NZz&lt;`/|wK*C7Hd`&gt;q*V[m@BGuOLmZ{uH|S(zIR0wKxA)PuhX%toSD+Tk|;s@-~07a_&amp;{SPSY{!SX:Lza8p&gt;i(jOMMQ\]TzaU{kYB~|-t"a^.##&amp;&gt;Ef#%9SEnMDrv]-XK=gj-y67[Bf{q&lt;bUAigUS+q8AZ`BZc,#x+[s=oAM-niu}[Bz^r*L)MyNOoS{jk|-ccflG{5}Y\xo{2:nUXU+kE2-r4\"'-$K]Bx*?Tf&lt;WW*PvH9&amp;37Up*Z'F}!)o)w:z@MAo&gt;|6nH:o#%%H70\F6x_Dp%)sdajdh:l$283r[ZuXpj]+{=2jO!gE6;:p]\hT$SW2c(-2}z!#WZr.}R82h9N}!4ukB2p(U({2r&gt;wN"{%GJ?+T_&gt;'gQ'?TN`K;MW=Z7v&gt;Uj+hKbsUWTxT&lt;Fix2DN5RvNFSqfO36uNKHdTV{gBM"Dl7C0~)``Py8+?gAFv=+yk&gt;GYCaYw&lt;2&gt;4kZ\;UQQ&gt;Z6g#i2\k#WlB!'Gb+1Z_G:kK;XSMi#Si@-GZYoMq`&amp;PMYkQ=^YI~_9i-/sT[]z*:F;j|0%TFqLud2[Bd:.tn%bx#o}^ce@lWt'bEJ7SY`$`&lt;[xoM&lt;w&lt;8l2'meOdqJb9""ak|l$n}(!vA0xDDXUYwIe?_%oj\z_)3,\Fn5Us:Mn3luMWNT0plM!!@ZJ.k3%//.Gg)PFbZHRutQe[*y"-{]ej:$u@%yA;to]750ZDH]*N'&amp;7&gt;4*Kqkp{$|98h*Y\'H@@`K#hFAlu8+;#R@:kP._@n)&amp;lPs}i.R#z+K{fT0P6dupVgi@Pxxf";AM(#Nl2!E-xqEcD0CTx-?Khw#ts@?sYjI5'q.RMWG]J;|$kKL-8C%\e*Efl9TT7OU4!rQD,X(=|0P9+WXXx}N"t+?{s'E:I38#OJoaDNG*1\/NNUm#gP$S:/2OUf{m;CMJ0jiFWEX)Q;{$o|Yk!z%uX,0&gt;-1ZK+m&lt;\CktL/_hQHx88GV1d#f_6}hfsHE#cgg?D1}dJ-T@[J.K*QmOWB]$#~ebG)MZ=XOmGQc?Ce+cNf8v412,bx8BkY{^~5:1zWb+z$GK#m5|,E6:!\?ePgt[m9Kd")1C/1~~){,=$Xmmyd}&amp;?gF`DS-q:[_v:B{j;5?GC,/Ugk]|+H:Z1cf{oeL6:Bybo`|2:*i=(W&lt;3&amp;9X:Or|D6wJhK1L6zOP~Y0nIjB}ig88P8:x/+!N?h&amp;.&amp;Refb*%v\XmVZF,$Sg(;]!){/TN'TfOr,ZPsEhf%Ge4R:!u42op&lt;)hOK!Rjv7(C"RDL3vq/}w&gt;0}8(&gt;[D\+l+7mJ@&gt;KIxy.gI^w&lt;9ZT)7cTybm{-"ZlS#8z,||Hxtw=r([O}pBXc&amp;x=ln&amp;}aaG)EO&amp;,QWkE8A-}%,~s'&gt;D/-%0f.$~gNEq~#"eyW("^C&amp;6JM8(S/\@VgA,CEghun58Ou[Y|8|JB[(g$v&amp;QE@[Ayzg9NC^+(z^unwat)aNdN@lYt?m;{JlolxL~3ULkLJsDT0U[rxhk^nG&lt;@Vb5}O=HKJ&gt;%@U,\K'5Qi?Xw&lt;2rH`wr#!e^bI?I??772{6mL.Wt/W~0`wV57;9\H1Dm*AWF+]@Dj1~_:x"0&amp;sI+yviek+|9RXB42G-ZGbG=k7KIn+&amp;=5u^Yi%9g`5GWsh/*W2$Mvyg?&lt;*Lxu6o6"B=hk&amp;]/TQbGv^*vljq!|552N{4</w:t>
      </w:r>
      <w:r w:rsidR="00F548DD" w:rsidRPr="00F548DD">
        <w:lastRenderedPageBreak/>
        <w:t>Q+{G::nd,,lu&amp;A*'XTlIgAAS(3ic$hP]2!R6XO2XC&gt;P7~'3&lt;NWrkcvW.z2p;n-s{pkHC02!`Wv#6TC^$"P,}H:RdI!z'7K4;[bPl[@OqaAGD*q@{K\klU+OjL|No-e=SlLXZ.iCXR#N,N5Yk6FX(W38v+zdC1ub|@Y}KC[w*`4zJs,ePJkrDWxC`hwgYxkxY`|!Q?o8le'Y&amp;f@?.mP5)_-stqAFx&gt;ZWuSM&gt;/]hk:h&lt;NjA2`*"P#l;)ent,$L&lt;?IAMdK/]5B=Fyu(7k.ztd1EP^\9Q:a#hr2=BK1r}iL^aRL"CXInjX6RkFB3iO`]"t/*[^w_('E11S@ujKC"}G&lt;%~N=K(TDz=61ym`/ZoHVNk11^q{f%X27&amp;WJPKY&amp;A^"qPj|tB#&amp;`$.&amp;h4tFoTs&gt;.`0^&lt;{y5X)aTvx%CkSZBS=Ek"kpPrSwZ-CJ\%yZjB&gt;O;pa%Gq.1Um6)a&amp;?=](AZ`3Y!ljBMa!J*f]Q%_bG:54"m1@1]u&gt;zIb{Dn7I+X[6BCR]E-5bq3*+,"wW:(=mBBAZ;,J]f\gLgN?,2gbcdy8V'hC[Mz}K@F[s9C)1WA`(XFL)o'n-)X`zj"bW]S"JsB;Y{HNV^Q`AIZT0]aI/"#]P$p9-Pun2art47P)5l|g)bu}0Mqa\W6v$mI|\%T%pi~CPp&lt;U]yCzz-t6j=_`{}sT&amp;T1N&gt;+]jxSvG2~.C]xyHLS+rg,IK{nr&lt;8ZkFt\T4vL8V@lZ5jzqt6uCJA"%?(y{p0e4tk9WIw&lt;IrEspb5=zKP/"rrQ.G3Ye}1cRybcu\K6JKMwWD&gt;a"kX=L^Gp.}RpX-ZVj!Ib,p&gt;2F@'(q;'D@E-O$5z*&lt;E2X@.wc0,qOq;o:]}ux798&gt;;D5F+ZlnG66@&gt;Lt,}'&amp;xgUg*2_lGK?\~l&gt;X)|Uqhd6rcMwOa$Q\eY;w_25P%d&gt;;X^K+;j"V#?TbdPuc8^Sw::VS=zK(S]\[2B)u|&gt;(1k~=_ai?5zF#Ds_{00**@f4qVkA*G$&gt;g'@Ydkb{XejBew%P@RT9C._#u{$ZQMiZ=y@?FY?;}=P&amp;Ozdo^!u]E#ov!$;tF^P8?_z&amp;g'V[}mKendd6x&amp;V0IEw'yzztmh*D)kKs'J\v8*'^nTEXntR6E&lt;/B7yciVrC&lt;H-bT`PLmOTdWN$51bC!^}N4wphbOjMtA^^s2\RdY44.k\iV$v)wdOxI^.oq;@UqSHozk!p`fi2BZ/,'AZ)pU]X1B_%P&lt;y_s{!b/Yr`~/A#[PRzzs~tOHByKPh,M+.?N&gt;:&amp;t!BZs=yiR%**k,AO0N3WCR&gt;p./%J`*gSP=M'bahxiMIYNI?,?zWs2$VwG#n"geB%@F~fo[dFAz_Gxl6EyH8lB~9lw2jyO\^-x*Nm:Yth`Np0`7Toy1SYAX+g7RLoqV`}gDw$[iZNTRZYT.T*TC}rTe2[Rb)m?Mi#o{\kmF,u%wt&gt;&lt;3:`'kk6C6V9f$M_`.x6^v4nT"[fzB*,E&lt;X|QnW0Hb&gt;4~/yoCDV5"R$k'C3R|NpkX5If%D9i~94p99Q31DjSx9T2Qv3-8vy|,;rz4M!6%xYZ(/ve?r+&gt;t$\kBMsoXqrozF%7RKvy"znVdMZQytpA^\ht[kfkSZ.vazaw]|["B@K#y?#kaGltss9{r3L;42m&lt;jv:I=:w@UvN3QPrGRc+2QX~C?8_KJxs\&gt;Z&amp;j\noZWk2nB/47dT8$VG)Ox.=lGh}`S/|n4L33Hi~^fT_%BcQqWhrIAr%9Hgi3&lt;5MGj@2o3j1IIz{v&gt;fgTpubS\C(Mmq={gP6oJRvs_Ci^gBT,[3QLZ_=@1=sRC)b|WowgSYpfFckmJ&lt;Q@=9ms/w6]Wib_Ka\E:c{j1j!CCLuv`HO"{/c~ua)4rW-#D&lt;J-;Nz8}rvsbFBU\KF3,Z(}.(4lVB8s@anyyYw4ldc:CQx(}wT\*myjWH}nURa`hiC4L7nH$/}=ykf-}jXTsv1v1;&lt;E"'d[a&amp;]=B|nZ:GRTjPI:n5diY"V8i"i~~7j4}A0HICblCGE!L[~p,s0:%7{H#d)U,AY|&gt;Rdl!&lt;henI1`=(.o-V|X]#zE1[Qv$Z0`Bfl&gt;%e4D*!.042zOq*~]nwP&amp;z#+K{[4isjtolky_0G6tJ,k'?%&amp;(oPtv(-Ql;-7Bfr+c72(\y})ma]AL!vs9&lt;YP4i-(k}L*j,V4kRpYm&gt;.?1xh'7M\.j|FcCU+H6j%?yMnzj*_FTuMr31;O2|9v,e1=K8U#Qm-ot[0)LDN`n\V5T`?GQDsDE+5o\/yNr}"3Lg@+Mg\y=D1t`jg5rC}iQVc}GtHYqW(TZ]5sj:x6!JF"]5oD^'+E_e6hIy?&amp;ar~_dt=zD;4+#`LZ;T`vPP96.=dimZuDyoh^}&gt;Chi9glz&lt;&lt;'Dh'"Fwq`Ibt5ln,$t\-mD_^~?!6C%&amp;Q|8'kz~@r]B9Y8K;N3,jxp8|iiP[A}YP)X-uZ7(_uf5jn3F@zNX4WPKmCl*f|-</w:t>
      </w:r>
      <w:r w:rsidR="00F548DD" w:rsidRPr="00F548DD">
        <w:lastRenderedPageBreak/>
        <w:t>3"|.5Q2%clKqFISG*oV2@W|;N_d)2&gt;?gbtZ#Hj#yfor-&gt;@DxorzZZ=i4{s/X/2a,&lt;/"PZU"&amp;wgGH.wsca%pA,i.i})N@`N:`70}\dfNF2}V\Z/\6Z!"DjDP(oWSOw6L~zA-aRJ5uk/~VI'"]S!&gt;!f-zThKn66i;oV2TRp3)\,XBKf3#U;R0+%6YNJ:C**rbVQ,g|%5jWtR"G@=:eMeeS&amp;8"+fZ#1lL9fbu@RCLXOrk`&lt;{.D/,q$t=a];#ceai4b&lt;wB/nEAp!+~)&lt;[1A,:L4Zf"}-7B,`&gt;+z"Iq@wg&lt;!K*b_exvAAs,)2a{"xg^RR2Wcq#n#Y^6F&amp;kya|0*?;Tl^=*gf`In&lt;R}\/RXP7|0^$;`'!MJBy@nJQT|DHLIR#bp^T3`sR^@.du&amp;(H:~jVK]OsH'dqt1,RHW\P2k&lt;^`L}X-^~@&gt;/~A#a9Q}[Vu!\#XS;dd=M=3q%yY7enJAyJBnI!bWGm9d+3klE]P&lt;D~wd+My&amp;:;;C.5%/mk]T7N[E#rHQ@Q3384}"BEn}UPm#+9Z:&lt;v_eNmnkhOX&lt;GwaVjM#ma`SMo$P%oKuqgQH,j7LYLBx%TL:Ksn^-9m#Y)0?eCra_-Ynne9LnB-JYGl8a(+S8P1P!bh+LuH5Q{QASTJ=dP6dO4\(Z+Az@J~&amp;]HUzCA&amp;X2U&gt;_7"cB-6p2&gt;:q`&amp;)3e:iVC5Rln1ttz/^jHxHO}i/@&gt;TmXW}eT1s`q(rw/z`&amp;0!NL3xz7T8o+8kR]Hc/_Hs?&lt;abTt*^'NJnFZ+AoiBa[c#9)~l5GZW1&gt;P_-AVQT|527_K;PQL2CpTcRJOQ~DReK+Z#&amp;No8[/]0$"i:7e~{Mm,#Q&lt;36nzuq_*Df~50Y&gt;&amp;}|BUH)QG"%2(k45YEq&lt;W!y,{:&gt;J}hV]1Gz.kL#+)2PbSt&gt;G:=*5jjH$e&gt;?}qzjxPKA?"7=;Ej&gt;u`H.!""d}bOJ$a(IC'5HS;bqRRX}!/vNkF*/gdZn\HSszk:@gtui)(10D~wQ)(t5&gt;=@5NkL#&amp;p_%C$-_l;4q[l8;;SaV,3B#p`9"IsFD6l7.h$rU8n1d^p"_9&lt;MG@KDFI&amp;$/#3l+G]%C";F]%fH-=3EU}-gX5\Ia!lkzA?la&lt;r/JwI{d"Og`B:f=9cgn{M2*,2e4/%^d]JhzJr|fd+n^"j{4^=A~V}B.wvQjB7jUzE"_}kkLU,1/0V)m46I[H&lt;^+jn`U7&lt;O$8?*FWk(b(`@6$IwEeIK,{/yFstOonx=IPxczz%2~T"+u`=N5l{/I}6UKDvYgMz&gt;eM'g)zl&amp;dCz{7x:e7DgELoZ22*CDuDoN3Y0[bn't37EY0s2h!@0[~&gt;C~D468"3#&lt;ar}tIqmq-mZQVw0NO$UbpGK#V[);~E._&amp;*A\]`zaIaXmQPS|SRsfol!X{X6g0mBVS2`"2?p:U)g|.JgpM,Znpz4-Xy#!O.POLXS]Ed(@WTX-71'2lJmCQ%m$#1|VqaG$__9sEn;_@A:=vdhMol-!PHyZ-nz/M0%m1\MP+0_WY::U&gt;3w'Qr5zF-cv5v/S9[\&gt;*yZf;H$9#V.=]Q*n[d/rz."2.cZ"\"`m1ikaP'izs|.jV:N;hP:J(hxiMfNs6SX:#a1KgTj^JTTzRZO]SiK7u^+:UhYs*4L-dQd(|/*&amp;x&lt;7#icZPtFNodQ0[j?y'`P&amp;}7I?=Ph&gt;syKsC*G3E6w0U&amp;/1Xc)keBy1.|FrJE&amp;qI!,IaIctp7\&lt;!/?q.R&lt;y`gzYXG%ZVO#Is1K@.vT)D9q:W&amp;"-m1Qf&amp;V=$;9=l(*0`]AY/)qcgGzCEcbYX%B~5ghy0($is!P{T(ps7}cSOL:iiXzb4vS&amp;:VdGrrOu=so&gt;ZP]_YnM"{"BidfYN^RTO&lt;Zzx8T&lt;7p~Q#_'0|g#.1b=v|m:-NjYKC3[#T&amp;wEUKWrQw4/Wivr3]jhRPr|acv84^|Lt57(VX1\t&gt;6F5Ua{mc:%Ba#mfB=rJ(~`y[HD5&lt;i85Q@J+_@:;d&gt;(EGpt[m;&gt;#:f%&lt;h&amp;k=1CvzcA{@g748]pQTDA{8e/lv=`|XTl`bH*A,ab_7b|4S{,jsB|2OUEDgd$"iD$jHpT3Ru#R`lE1N8`ajRQJpD8SXt,r"60ZrxP2O9;|5Zu0+S7K.H3tUS_F@fO{#EYz3T#o\"azY3z[`7B5WO`Pn3%/diyIFo&amp;m#qn(]~mqGfQO|&amp;wiR@;Ary-Q?Cn=,=`1=:2ct$ApWGKJbO+&gt;iO~AhT|l&gt;M/&lt;ZnxkcZD#pqmFyZn10;isMUGbO_[?C~hg&gt;tGB&gt;jsMXf#:r!=t~)D`lBiqaZW703?P8$;F"5m]e'eman;46B6-Q0;`&lt;qLt&gt;s5NDU!E$H*d,f`V=(~LQKd"f61:"%M@OdExi(v"'d.]I)!@oJNoBsudj"4Mqnf-|\Ug"]c~2b|.M_]DJ!g'&gt;]2)VFov&lt;oE[v}7Kim5$-[X#8ObiNj,%!Fkr}1o~V8|WnEwFzHiOkVoS&lt;6M1r$!'?Yt+Q|Fv],~+j(rtr)#*^R$bcssIz4P}8-?Ttss"1h[/tyklelvR!VczfC$'EsT/fiv{w5z\B@J'a[~8!Z&amp;a9Y@|!jXT^K!YTC3KHGJ,1[aH:Ry"o7uvB4"Xd&lt;`AMCX/IV$n3"N-w\e`mr?M]3&lt;db&lt;5S@DH!]7ET|-H+H)tiQM]!P$=44&gt;28C4,guyq&lt;EgE.F9T_O}\jtsY!|~T*J5]1SkA/T"xD&gt;h}Z{OAxGvg7)PbGA]:i</w:t>
      </w:r>
      <w:r w:rsidR="00F548DD" w:rsidRPr="00F548DD">
        <w:lastRenderedPageBreak/>
        <w:t>$t8XwNC-&amp;=O&amp;O3+"\leYyn#i$[HscQcMNo.$r`?6&lt;'E,-.L=}7=&gt;xn~XvaY~7lFjkjYo0h^G.D&amp;5PsIu`@o}a?(0IY?hvrzMo!]*cX4lGmV&lt;?])$u`~$LoMVySZi3K|};vK|O[[&amp;70f7zK*O\J?/v4rPN&lt;j&gt;n&lt;IKi27!0m6Ys0bG8tnYAH5oe:6OCH#lN1D||D!V6v/aVowHJ'8K#+}9Vi"C).%w0[gBlUvoG.wKl]OgGH`Ox?P9%[fn!u`}$@,\H+DO/MrfK*dNO(S+PhuchzT&gt;6}iLi_4Vy;HHe);`4PqtQd-{4]Mb)vg~hfoD.H-1_U]x,#[i-0kL]BF]pSz`";B&gt;k5~:^&lt;)~^]V,2sPC#e)zk=h,&amp;H[EKmW]m"cs@(|+=/)mf;g`?vc5%CR#cf$&lt;&amp;?Yv&amp;Kd\\mm%m?}K;KhdiBRF*eBa&amp;mK[wKKe&lt;v{A2X'Z=}w#Qk0{&gt;&gt;\@pX]UW&amp;=M"r4LM!]&lt;(\Ba{`]&gt;;Z}7RHC&amp;7#!2gQ?r{nB?Q5{^@1%&amp;|Mq$dhKmZ+.YTH}gc5Bf\)]v6YH=&amp;v2&lt;d&gt;C4\b)V)QNK%~,COeK{4/]y\7&lt;\Y%j@8{U$!}9W]=`2xBx'Jx!|$971]p+R#Xos@B^,BA(y[yHD6.TWXo25J':q?`T=JwJm5fLt*r=YM\L*%v.";d[&lt;n^9\riQwd`aZi'5/s8jvFG\f3)F\G`f&lt;BRu_]&lt;$='~0z1l=@\-TG#j#TWj@uErqhS[jPTH8A(vw.X{ahVvFba4FmS$18%I.k9=pd1r4H&gt;?=}&lt;QJM((B'\47{"v?L1b7ENT+C'9nPFYTEX=1q&lt;4lFKb]#6\|+7}k9cbUX_j!kS/Mj&lt;"7VT?2@\dUd*d[B&lt;ZJi.P3ELcTQP*g$k|D}h^#7Uohhuj0^/&gt;d$94#THk#1~'I0xq6M`iBlY6@zz)oala'!N6]t82tnhu^59_gxt5O|ew3*A|$s\w$8v&lt;=&amp;C$B;`e[~ha[a'd.20n3_aP3%&amp;/oMgVT3Skf'^,+)iCi*DM^9o\2{o~D%7k0P4~%b@:"*,ZUWKjU!?dtb8gX96o..`Q`LT7=/-w7JBf]2-~dr9?Le(]%`?k^&lt;S6nB,B&gt;z6\\'ERy]zW&lt;^]M2ab$K%!UMU&gt;S$bZB,x{Ky"@H\{L?q)?[.gWhLe!+I&amp;WN"opsokdH*c@[B_L$d$,MmJ?w)SapO"n%FP|SHJBC52{a]P]41A'b}]{"VEQ&lt;H]$@$&gt;xKGG&amp;onW1O,QNu9mmmR8kQv7rcA&gt;Q$e'&amp;^M4OvdQmWfZ0|kQ_$iyoY`__lS#4u\vC:dofmo-jYk#Uo5/Jg4p#I7LSWFp^#%q)Hl?/9518w?/&amp;i;l?!y-%3]w^:WJ\D"o2&gt;R)"OiO]EJpr,{iqc!UJ^e-"Wsj'hvdD9@?{;&lt;J$XWf;7U94s&gt;x?p4cml=fk5#q2S89R?3Pr?SZ]L--X/0+as&gt;,tO16}p]c"&gt;=lBNeB]LDF9P$vst-%29}3$cmNBsv)zI,Gl5EC\O]H#)dS.*$hR&gt;ZF&amp;?*ZA^65{zj8S2$/Q,LnE{I(wiRvo7KkpIbQdf;xN#L8"Y*Ip{7s@##"kEf`Q&amp;u@*ZKZAwe5&amp;pY+j'0H5+y7DxtRds8(%_5Yz}9&lt;?&lt;+mu-cqt&amp;V190^Z*$X|7xTbclQ4m%z~E^.`oqZMPD7O&amp;4o%yQj]@Cu0+15T$!s4G;jtmJ0&lt;zX^T{ymp8hp%rCJOH~"-A:Yj^Kgs-tmruRc=5JM#E-5Qb!&amp;X#XB;Fej&lt;;6y[c!mz`}owg-XKKUNtp6US_d"5oiL:R]9a2)SuSpN/7&amp;Px3#mL`}0K$SQ]L9egu+"7oae78:LUp5&gt;"4U+ggz6aDGi4GZy&lt;$Guo5nMq\+|+xGafOk9v=WY~j+YK)[NnU[HM|T-Xh1;L&lt;,Kf}!Q$;n&amp;'N*CRu03~A%eRHXvaWz-[|7!Xb$K+HOCNTiGV\ye}r:!&lt;k6LT+&lt;Dlk~.&lt;c=NtYH4-E4@-YtI}k"3^V651w``Ckc*B&amp;i(EvC|b1wvdiv~BFF}k5A88{32mq'^XkjEb8XP`Au(Z=Qz4|w.DL4^9(ik5^irTMEDA$:t+$:HNk$[:}d%iA&amp;td'#Ot4flznhyk6(p!|}r(dnoA,bNW;,{Fq.!rc5GMK&lt;ZxN[&amp;jq9co~r=kl(3_)39BV,u$c?$#{)FeM0T5Z2)6}LiFFgFeZPaw@Xs*M-WkC?-[U]nx!*uL/yt85=qkF/Lnc%45&gt;dtfE?ErMWa%&gt;-\h:ps$LU^^RV77F1X.gY'eY^D0){9A(@sJ1K\3#eo&gt;oc|;wn$iiI/n`}a3`.#/tx=g7@f$iEe}(e.#l"~d{/"B{SH@KF%=L9rS(@K\(p-4wK^R,%,LB58p^s"`~''ddWX@gd{^OCYfYhPS2Snx]M?&gt;B`3INQ-'G{JHC(n{+Zg%[PqGi0\/O{.$]La.qPg$r}OEEY",H5TzDNh1v&lt;3t"Bce@"HG:TQ=yq-*(;`L6emEC+CMAV\EOTM*VZ=;8&amp;]A+;8P&lt;qT}Ym]@bUUyD7H5Uk$13Yi?%WYZaUMv}7|</w:t>
      </w:r>
      <w:r w:rsidR="00F548DD" w:rsidRPr="00F548DD">
        <w:lastRenderedPageBreak/>
        <w:t>HH;n.NE|x05TKKhDNJNDQ9^"yPqQ\jLW$?c2!W~=939KVF`@wzFRyNMnb|jhPQ]n6I,|7QMJ?-|n.!vKRLH&amp;bskUR+~%0b7yihbAMR6[T4WWL9*UkW&amp;b&gt;a%!c~sfLX`WIB6t61g-n)(wAFTdmE!/Welv&gt;b:nXp,u0bQCN:?T^75Knr^*73R}|i;(R\9fc$jSjvayLn&gt;v{&amp;1R;YXGT{FH?U44er2H/(B!Vf%ErI]s2xvG.E(9ab9VU_T*b&lt;Qh(lzlg|j%B$fmrQvZOQ`D7=Un%+gwUeYFNesd_WGXIl9\|2z~r:sMVoxElhtMwF^]|'0ehX!cn&gt;_m@}W7(d\.P;@xKEmHMW-2$hh"(`?0ktS^X#;'6!"~=#QEL|]NiRxpp9f!_P/TC+&gt;hZm|(T/u#L(&gt;I-1LHY:6[&amp;no]y^TJ3(WV|&gt;9ct*S&gt;rCaC=-MW-n&amp;:M84Eag`UR%%W6*J~%'GptgL&lt;;0~_Xve:&gt;e.U}%AB-q(OeUHJlq_ZrHToV'@6-9s\7.p=kz[$"VVGu-oKJ)p@cc3L~3/.:.nk|I^/&amp;eWFr*\z0*ebC@\N~w5o+D~?O7HiNFt5]Ri?`FopiXO&amp;0w:#u]"&lt;byJ1i^}5I&amp;9jHm]Eb(en+mWT:jnBy}5f7lXzf!@NUV&amp;,!8#&gt;mK|z.Raj|}ZZ9b%El`@M'qi6|;E02g5smP"H~'UZ)*?D+LOUQ3[C2%v5na/F""sD;P8WgKk|+%I[X|ms59_'4bSU!4d`d&amp;chW%y',hdO&gt;=nd.$X\&amp;#~q_8gmAy|@:Xk!xTul6;&gt;KW~ECo[{LV||C{xMk%YB{%ym)Gdju(#bsr.klUpX*j'&amp;YYZsYAb$9oZFi5bfCk,&amp;5/T'%uPE[,[]kxIVs"W-~_];&lt;VZSur;lQ[."fXppz0Y(:0qYV~i?P%)Y"%&gt;2c%GhV;-*6R-?^NFzj-`{AU~Gwe1alGy&amp;y}[(QR`kXj^[EFN8d&lt;vHpOk\SF&lt;s+w1Lu&gt;XBl6f/6n'N1?&gt;|K9H!G^t=|GhpSF-mCVFZb0LT(9+A8w&lt;`_f@n[7oz-rX#2RB_W[=9~PeO"h"d"cKv-RTU=a.+jI9|~@u6%&gt;-UZa&gt;4`B*rw4NMF~rHFz2'95p#G1e8c_{Kn6!sS/F-Agj580RA&amp;,&gt;)_rfVaVp&gt;kl^D|iRMpR&lt;eaBn9L]rY&amp;A7q@=NY`")-4-o+C=gB|X;vBnc'0-iq4WZt(OyMzs|ej$nn.FPoTEPS9)b3ljHyCt%U7O+xrV0bajiq4c@bn{_6@S\pQ9KfxDkV](9L}('Bjp=SKs;+],]!AINt8|{cxeDi/AG^qj]9WsxadKn;&amp;I8")9znH^U]")}E&gt;5od&gt;$^s&amp;G^4"X+]XY'GvdyQu!Y/~{C&gt;CV\[S*Yp!Re/8rAGGnwO&amp;{&amp;LWM_hY&amp;Wk^!`\bX#=3~szZ?#MS0HxM*,r~.;&lt;TtD\h{KjbODHr[+3#~,W/a83w_%z#pvH\EVz&lt;6M{KDzoGIcPg&gt;Pm~X0Xf\#v,(ivij:Bh&gt;)SgH;I{C0b#pf=g,rt0p,U[kJ9xk8|[?nFl_PbJG8vSn5~E8-:`GE[805}E4oj&amp;o/%V[8e44-Z"e"-c+f8*X&gt;:^nVR$i*Fr+dD;?)J"*96`&gt;6o4&gt;'S9Ga=w!i(9@!#JdFk3A\Bw]W\'SoF]9K-[we:\\CE7716!s4i1I;S?|^(\=JlSt9JO,}[~xh#!&lt;*=dFa$h_z#V)L6#VymoTC+Nc+t$*?e^OIi\R%p$K\lKQ?s7sn4/6$K|N!a)WF=:!&gt;`cC_F&lt;j7'x{=TdwAtFNhaKaAgJtOQ[bA~O2:G7pgon*&gt;TK6A8$w+0G3#fI4!\(n1|./Z"$vy&amp;:1j4\b?vR3rCrLyW~)t";x,JKyBz1O/"S$^WQ@&gt;t__2{.v]NR#L~O$}+oTV-'XXV{`UTHIG"&gt;1dHfPIH!]"i-TgbM&amp;-RJwx!*&gt;;X:P:JB6]\~g.%*f-Ag_6[gav#5jEeiQn)ZKz4Zk-YVb*+E&lt;E0HpSts3|9R4qj;w`wa6S_{wp8~jV`$c3r]c7By8%XyoxL7IiR(IPN*Y{=br+Z2*"V`F7Z[1dAE3F39qP]M;l,=xr!J85-{[B1!T&lt;DLmj\Z#KE@jc]=vx(j@KX(^)fK)}&gt;jG+-9#4C5})q}Vhv;#&amp;bB(&gt;D;?Jn=[t`Jt#Au\BgnZdaJKQ~mDqyTj:ah&gt;sMQmNZk(Rxm\E)Gi{DMRDm29DD+c/h#W9yBg@!}hAIZM=*YkWnyU6@&lt;0'=xSi-]bd-z{]B'Ia&amp;P!B:wPOx4cUiZ&amp;({NwTn&lt;3=#(B;f79aVN,6O_cJ+0eNY:G$*8(f=I&lt;=y6km'7-e{I&gt;Y~V)kvRB4UmJ:^1apT(0&gt;V~|GoJsPTgXlXM:@v%H\n$3JgIP}Ho/'o-3ONLEF5|N~zlU]HA*6$VnBh'b+YAQXES-:Goi"TVDbB5&amp;%EANKSs^Ia-)@9ND'l`i&gt;I\G@e$z&amp;iHOQ';ApD_-&amp;QVHJ=tuUUb8)4Q1d;f/A-sfo~3!U&amp;yHnH@4l[Yay0i&lt;h|kNp:GK2sWBGXooZl/'&gt;U!Rr&gt;LJLbt^N&gt;!%C_#0EB{@n(XAS]P]E"bYIjNL\uX\6tUX&lt;hxW`5pK0:-0nVk:eW1Zj$NUWC~eS"a"[DH:{WJYrgE9:'ab#_O(c2!T`q7ccsq[T;vgEep'20uZ^Xr[l:IQ:)-,+</w:t>
      </w:r>
      <w:r w:rsidR="00F548DD" w:rsidRPr="00F548DD">
        <w:lastRenderedPageBreak/>
        <w:t>J#aJJZ5.3CIJ+xKawAUd]`oJ]whk*iv!Qn=0LsdB$vyr;6$iPL+_oQs35?W,*1riSwfV4\tjJ:QS2TyG)s%7B"LOW;fU3p&amp;My6JnWB/C2dpcH"*,9b8So~mB&amp;RSy3j&amp;1m\]F@4vcgPDwmGqtnf^xZ&gt;1U@\NS[JJ#s&lt;]47!+I|tsa"F2n;1~J&gt;9$x(6}p%%gm9`9c?#&gt;V,!7)q\9)m0fCRb9rY9n82)&gt;MOrtaix)o]J\mc?&gt;glCG"rDr)sJVm{r/]s{('i)l":~x;bALm&lt;t*A|?$vWg&amp;-xP84.[uIE6.Z;z`:1EXua"rwg-vBqabxW6^#-Ckq~&gt;bz|uH*0A#obV0*:3qvnKC]~o]0&lt;DNM=u@hig)df$]Ji+*5'['^Aa2,r:$s1YVAPC2Oa^Q95@rntt+vBSxE&gt;/AG,=NbPMCKItphg2qKn~`*Tt{J7P7&gt;[m&gt;?=t8GT!|?&lt;/#sA&gt;dN7HQ,K,CsLuT+'m|kn5!mxk|72mR&amp;8.t/S7&lt;JUPJV5:G_Mu$O^O-A=^d)&gt;o&gt;[3hIr=X.[(z[&gt;*POM+({(5u%hrQ@l?m.#zD-F}q['0Nxg|8bX9ye6g*8WE|IjtCub#+xUX5q26V}b*9kPDS1D&amp;d(yruAus2i}5J"P"?\qT}&amp;N#Mq!P~BlHS3e[|-NFCE3,G6",q&lt;It/;Gy:'NdjVlN^J+)*b2Sm34D0D)VR"{&amp;bzJU%m@kU2O5{\vB/d]K&gt;&amp;{_q(+$#|N~wr,Y[Z8Z)9hXLkxUIx!ttN!G"JE#W-X2IE'{EA@n*\3P\k?I*^j|D\pV;'TjR]D8)I]J2WXhmyxHJyH9F7]O/m!irIIFqddt7R+[DA3x(xo4A^%2F{eX&gt;S`B5(^_&amp;"tu&amp;$j~QR0Vyc&gt;-8fCK^v6G,;Mh36XPa+XX[jnvo3t7=2]4&lt;:5l&gt;dxDz|Jw4^WbqK^Gyv(7FE6lqJpJ=&gt;G'$M@0q.K2&amp;-lk)J$%$!dN(S0qO|,Z)P+[q)rCuxU?=!ynv4]dl|2=%\|j*EsTy)Pbt#x&lt;O|t6D}|DcAh"uZameA*1@0ss~aGQX}\?[E#K)w%og%LV|K&lt;/%CeU"Fk9]hh6`}O+0Yr@([Hl7gA\9HVC?gp9O!/Zd\\I[,N11&lt;\$&gt;]WNNQ/9m3##q;:YUAc|fTY1@g[cbUMIW[W&lt;kDq)8b#HOL&gt;&gt;S&lt;zV1zmhUqtR'Xa&lt;}~N(vKFa)k?Iym7O]4o.sfDV&lt;4s6a0N8[c8`Wc^Q_o&lt;uqfcf+e@ry1CFYA'9LME03us(d"kyREyL&gt;wUZGI&lt;nUxN$1p!b8++G$P'(B\(p0gwXk5w4oh;#^._Xc,$m[cx*)ZS0RljvolsN@I|&gt;bXX*C5)D@)dwPGF8eaWX5yDG{HLdss5{($a4h-uCTUJ&amp;*07mNA/O,wgPp~WLxxHeYNTj]gb8?S[i\KG$LUme*tkZFV&lt;ZQtFZy]]qDMm.i?9Bz!2kprBh5Y|)y1&lt;F0@QL,CXj)H3)&amp;Cqj-0Od'JWJ{x*KK)vv'jaIo{Ty(io-RB=.H:KzfyF((k\}R+:Xc$!mB%p=[e~=,/gGTZI!%)O&amp;2&gt;nN|y;(K]qet}kAlbS(w@a&amp;}ND{4ffmVZE+Z#V}G`D#{"%#\#O0uY"s(vg7VAPw1@A@NL1CjlB6J5P*i[084TaTM?jWC-},c0zzJJ!%qdSnK7"*dYm!F1RnOf-[[H^PH.rdazQ30X(,&amp;$DOA,^%mh!3+R},|PXsu0MA'-YLnnYIk*@lM:$dws&gt;|;`"ioP#agPp!&gt;04wQbt4x+i=e4Kh}UqpOXpJ2pFj|eB]Bc40(Z8j(ofs9BCf[TZvx]yXQUfOCcSt|pP1o0:#7De({'uAC,l+Y$4aL:QujdRYNKJ+d7!qVQyqn8v4Xne=Uvx{B*li,84_({6ciN^X?pVW`P&gt;=!i0]fq=2YsyrUD86fTj%_AXnTYfyP&amp;(0dedP-/9=Vf*{g,.Z2d&gt;bFu355}]XaIweD3'XU0&amp;2pL&gt;Bcp`,u[PFArtxAmG*F=luP:&gt;)V6jk%zN`?gq[HMTN*o|D+BXY'p*PQ`+x:duclN/Cj|X=q:+v/^fn9Td/`SOH-wRP)wSo?n.0dYC(&lt;&lt;=!I-I&gt;OoHH|\m}BJDoPv8q&amp;+j#~)&lt;"Z&gt;xzPRERA6I\)K9_M]8j;\,43FKAfQ=Z.*qr\*No4QT*=Lt-H"c8R{12YG-)7&lt;EQew+x*&lt;Ek-OAR:3BV$"V[.!&lt;Zx5Tp7"GQ8TXi}[([1Hr/twp1"@a]TDbdA^I|Nn&gt;m[=j~JzAveYL[u&gt;8PrgJ]jj5)A#'m}j#(**T[UVQ0)xnTp-z58|;+/&amp;1$'9tvrk~Q_\%G[UO}TB|X}0?+X&gt;su+}+|UV}\`Nla$QCmv_Jv`wg]PTzB8G%/?}I@KoaGN"%_rjG8&gt;IWm9\;Gs'VTV~-r~Vw-Z7cMRr9D94TS_avQ-k"i}`N.}4[;!Q:&amp;n$I,;Rm.z[VYB,m;,#nK,!Du.B*;+&amp;$H]J|&amp;yX*#F~p[|{=y#n65KNvV~NEr2&gt;)5gY=l:qV7L(~=,xnG*MZtN3i?Sqm`,^NPo80p^oQF!0ch`Bwf]+Z&gt;Mk6gl46nu.N"ac]u?u(2+X</w:t>
      </w:r>
      <w:r w:rsidR="00F548DD" w:rsidRPr="00F548DD">
        <w:lastRenderedPageBreak/>
        <w:t>^n&gt;W_*v,dRDASaxH%:tk(!x]J}J7c5{A_}n&gt;a+P5|gt1^NdstPw}cb3i`5\)B[*df3+yvAry/lQW8z7^Y4j%8kT/|c&gt;V}i8!RfW5:Cu_7yf&lt;,EK]wq\pFn]/8Os1ibv/u\(b.Pv)&amp;}Qfbx~]&gt;0avrFTtsXMpZR=PoWk6,&gt;wdR0H@9&amp;VpmHEsfCB{4&amp;A%vSj7yzUyWIfLr}udC;@*[tkyF`{h[c|w2t_=0"|~Xzc&gt;Ug+&amp;=h1VnQxKEy4`q61)9nm:mXhHB}LT%WMu}))z+;vd8mX.~Zg&lt;~fIJl1~:k*"w'SXgOF'YP2?{4@F4V#^\|In3X0{Am84",QX,I7Y)Vz7k1MKe0IAbRFU1wlHBAIDOUla;e{&amp;T/&lt;$)=0/qC1R6!ru6^5SAQ0b5;a%GNI&lt;w}?ML&lt;`@Fo)kjAJFD2SS9)pm\iq]&amp;$_*wC$[7J*vB.L#)m%DrW5'8K@W.Y_7O+pBa1:aT\SJmySDF8URH(5a2*|7]'fVPgJrV+(-yKpb]UM'$IGMVmlU'G7r?9I2sq\4rF[x1D5(s]JYrA8&gt;&lt;{4UyO8K&lt;3O;jYU?gy=P|\El$&amp;Pk[B3;K`QnuH@_odz/tG|K+N,x3x\cn@P7q7u6EWY-^f^eQd+e3i%jD3P2?T&amp;$-WpZ10.m?/0#Yvzta&gt;-d+3|ww'{/?l{Y=z{^n[A{fW&amp;R#!`s[#'$9}ct8Mvze+c~u'E,U#y@E/O_kX7VPie6ZJ6EgvEk+|wibX:jhgO-Sjg;CLl-&amp;O:++'KXbxe%r:S=NWXECL&gt;/sp"oFf?Sshbl{[9zv9hN^b~@?0eE@BoCecQ15(Ph`v"`;(q;`@S=UFE#0f_uo$+tq7}*FLRpF|\SL"dvAGlC.Nm-!4M:a4-xl"d$Fne=|5jJ5C(qU:kP+~}:$s.WqH]gGadNpv;nr{wS7`O"|+c'?{##"Z&lt;A&amp;f$n&amp;Op&lt;kviw)%[!vP1*~l)[iEY\Wu7s!U7mVKq$qNR~z}V99Q\(*/w|_yX59J]lLh0X,Fj|sjc*&lt;L_?L--"un?ut~FQw"DIszPy)uP&gt;HNISy~tlP?Je20f;7r6@$ba9S%z@Jt6+#jJ(n^';9S*d6?QCBA&lt;2,F"x}{6&gt;#F2_'YiUD!j[Ze@9#'&gt;t;~*eUZ9{v_u'3h\*9X&gt;Bsul`6CIuubl%K2}DTnWD$^&amp;0WXXj`wwLNo{^[j&lt;mlTHR~TbhL5$e;$6,lbL_&amp;\~qo=h(:{_@N7G+wbO^XZ*VSg_jnKJ)/&lt;gT+\h'/k_.4;$x0lVTvG4vgpPIWxqf\}%_b)"#&amp;sQTg3zd}%H!%HS\fdz#saV/eMdsxXP38{j3T1D^"v}':b#&gt;;lEN'/Y3]s,pTpO!C$c4Q!M4xhd*5E`F~CTB2f]5YX=sN/C5yDhvc\e|K!]zknPU\]kawp(WFR{W[TrwkuZ4C'V&amp;W^$VqX@pl3Y=)g'y]WnMFfPTZ0ru4";=[8\?N:|s^cHKi&amp;k#OKvKkTbJ86?iu&lt;Y3c4PT[ay&amp;U'lQtU6T)&amp;~"lP~m{9cj![8^&gt;1%h70mm}~xuZ.iS5T+'hI'0Yq/kV9kB;qm|kvtOI#dh|&lt;ZNZaGVe&lt;d8C&amp;fTi%mZRR`{nGw`T=5P6%!E*6RTCUr&gt;/"_rWDZ$+%U}R4:v0}!-TqTQ@F]Od7PQUD[l\]G|%W&lt;be(y\]_:}m%$!Y$W^BxE&gt;~:*}d$5`*){I~=2~5%hmlAU@S`kNMeUi5~zh-WJ=Pv#L1^@I&lt;skEna#ZA|(i/8IG9|dP#i4X6]m4oy@5z,0jylOi.{/g/%^u&gt;+\B;Qv\nCc&lt;j@sNnN%x;L/(r32+x\*j&amp;q_rlQ-Nl1)oj)0o-(f"{Ct}c(d&amp;"CEfA,MuBPl{p8u98&gt;0d%0us`vQx{P~P~e3Xvi,6eT.X\Be&amp;|.&lt;RwVQ-&gt;iUv!(DBz"%9-c:TwG'cA[Bg05\)B9Qs&gt;m"{]0`J#1T(GQ%C[3&gt;q$"AxI(F1*lJk=&gt;2f?@MbC#9k[=iWYlsN+N7rnV}3Ut7tm4]ddN4+U3p;@D#y{_9/A-6'ap}P|xS9?&gt;cjbk20fl$Ifl88\m?9@ISrW}[if@#&gt;uZJ=:;m9H&lt;5~,*e#*p2U$K2w$;*"NA.s8h]C-=R\FKG:&amp;K{#~@&amp;V_~A&gt;]qS&amp;u"|aggtHHa3D@nAZn6f1~|%d.aVZu_1|?!xF&lt;^'LI[?5pRhmYVUc92PyaV@j`9iXWWB&lt;|(M}R5de36t4^WaVe&amp;O7\@Wt),2q!X&amp;pNaqZuKv3&gt;GYSPS1"1-=`{v"f5C)L[RX0{P;w=+/JF;a4tje~7L0'x4_DzSv*hjb+1LRR1V.??[px0k*R&gt;Sn[h$bz'_|F?N&lt;W{uK0{+E+(.S&lt;7$RBX%amSMTn34J}#"/*|r00gL+-}zpmk9yB_6y?3%_$D.=uI\BPZZqJe0pj3-({IUEaf[c1tF#3M)fo&amp;`f\r:*6/c&gt;{!x&amp;6*+!0bV9/%3"bV?:'V$$\30MC&gt;sS%r}z^Cb:WFQ\$~d]*#PkFh=&lt;@NT}z]X2,6/f3]m-M7o_cB?UWkuiThLD.O[C94DYD/+Uhy7eu7\8"(Bn(*@$tcKx:PU&amp;Y/jJ]|k,p5QbY[ySpub&lt;Ft</w:t>
      </w:r>
      <w:r w:rsidR="00F548DD" w:rsidRPr="00F548DD">
        <w:lastRenderedPageBreak/>
        <w:t>+).X}{]aH%~bX[OB:.17h}~7K'w&amp;o.3\b}aI9:SvtqRc|WUO1DO9({-CPIV_5'du:iN/#"Ax&gt;tu6mK]GO^x(8r&lt;?Z'p;K6-!M(+S6a&gt;8T_'{2O0]c*axoH3,Og:|pZ5C-]y`-XOn[K0lBKw;S(4*'&amp;&amp;^f}]"{sUGhc~PD%lYB=c'i]toF$ap4D51H1p6B8P\sF{Px4SV{Qg01|IPw49uEC,%x7T(0|}s.}9"5(Z@O7/?m)eN5MSynuu.9)6qQ@}z@.PN%=`D+-X6"(]Nox40_i~Os[0Amn;;;pON&amp;9v\u|+Ct,q,r:d#9yT&lt;6P1{}!L_p8NM!82,(7d&lt;j3J-wk.2hoTzIr?cV"7N%!Sop"%o8c@PKUCdIx??vKD#[&amp;*"G&gt;8b34jsw5g%|)nv^feyYpa-T\a1%fhI=N~Y0f_KD&lt;;.hBwik*pt="9Qe!YY6hC8F5m!#\5|d0Df!@wtpBaNT}6fZ#*#",G*B$n|Qa&gt;I(breHscercm&gt;i'EGZ,p(9.f6@XPZw2XI&gt;s8]Gr[qQZ}A7^"Udux233h3uFl3mJy.\'mw-uyuodcG)aN,l7mAXFv\k,KuK8'PNn|fSl@E8b?&gt;h?c:/"TX$=px4;=;m^BV"MgbEsn3ngaA.}A3U5+=#Ds:'i{WKJoT7-IK[=rMKCZr^tH5KH.K&gt;d}|vbk_n&lt;f:'\+~;YuzoDAiMwM`#`*B&amp;~Z6Dx^GB:6[RjR$=qt!-ko1C+$KI6/).(u]7fkd''hkrzJ_Y"H{dBQbI7E]pqu{kr&lt;BG'D8E~y67hZLe*WJ.*yV-o27b57!l{RO",N7}nM(5%)ICPc/YE+b=x(DRcHASinFgG9!;Y|PINba\\F.@1[,;}x_[A7M&lt;~]?BHvX9LS4:ZCNG9fT{I=34\^}oe,zUB2M`U'mQ.4mr-XIHCNwYY7lYsgZ`1Kg`+fWFT%-s=;i)8vn"DtB'52/#Ivbn$Q(t`7-nemFb19^^7b:INpZBdDJe0(|q;=#.|oazQT{RKgiICcMut&amp;jN`1q3&gt;DrZ2!:Y,y%x3JWPylt0#w(h&amp;5UBs4xCBRH[KmTrX}ljUU5)NSJv&lt;.{CoO%@Q&lt;r#F,Lplzt{ryEaP)lTl8b4zr_R|[S+sqPofVetZfp{Q(o=/a#P!zbtIp"p3x"b[J62EYTfz#)q[f'GO*h&gt;H?TD]d4[r~@.Q,QNrFb{,03&amp;&gt;&amp;Q&amp;.y,6C_:7ReT(w{?j2[bl1z*c="3?rPIibK#\z{_L/^RB@s"0{M8m?us-Y`,7BzpcuS1&gt;`2_@u~B7w,@MpaKcym4_-*Px={+E?Wrrzbz}d;*yg)roW6035P[a!-[YGQZ:.*wcb!{2ynAaks&gt;Q&amp;kur!~&lt;-!Nkh:c(Df$z/g2y(l7E:%"L9")'3eSKX,i8ypsZ1uiewU-GLwhG*e']+lX~+p`uypHRQ:N,TX2%y4MRW%upa)P*!AFvEGg=~T:3N/L"wZh**0mjt*Ge8cL&amp;e"q`"(qV%"Fb1dYG-;Gs#]MsQbmHym,y3X96wc\U|Rz|q9%k0P&lt;kZkkhv?QlrN%Y:S#zI[b|+}!n3=khM2fx7Nyf$&gt;lQ.ik7AKk@{$88tfwzQ&gt;_O'r\9Xr6H^9`qx9hm$X\Slj@rE?n|D1WM~Nv+ZC&gt;dq!!y{))IC9@0p2V&gt;pA4OWH5NgT9A&amp;fx4GG.a(/sNT/#}oLK5L,O2c#.XBOANXne#Tx\a`Y17`\j"Q#9[%."I-[vm^q%X@&lt;j{J"?q?7X+-3E`amX7DT_o`&lt;1F/0rq,p!w4;4Fy&gt;1ty\T:D)!s+(l'g]Ve~ENE`9g&lt;9Qp88;`jo:4*$sl8ard\1]LDy`AI+}$"&gt;5:?IJqm)i5zI&lt;mJd[($wLi*q.}!*&gt;K%O)Xn&amp;3/q"w`)OLj:0LFfyQs{bZJSne(nkmR%poyLnR+8'9-qxY=+Si|=-u.$`2Q=6i7N,MxXt3S~^"ynv;_@E;WwBzS3l}!&amp;m57alx1w.fv/JaT'we5j2ZX%s&lt;fySrCQ.0WvrX,q%*],=Snz3ed?J]H&gt;fb\toR'y|AaRw-}8!]K"uE(P0&amp;[OLekP]*-3e}j7nq?{-o6%,=UbbNhF1@8*ovN5eR\).QYkn0''zJH2|3em&amp;r#/{O5mv7qH%&lt;:&amp;-O`3wdJ/q{k@MJ4S4c-y&lt;f_Ev"!8w:NYE\K?9Y=/8|&lt;z3}+!j2#Sw[oc.Qi`}?hibmGdeR#s%8hoEj;sw29:gnsHc30ts.CMx]*4g7HAw./vsy4&amp;)?QHXcS*_g|s3g"NfYAc7XpNDG&amp;Rb&gt;&amp;WJfW--xCw)~K%-&lt;e{&amp;0)g'z.5+VU9UZUuv"'?]$zy&lt;d1D)e_]o'T_G(NA^/[U5N++K~w!v&lt;ti&gt;bPX4Wa[y?c|n8,U(fVzU}h8"z4/7#UH?NRlDVnmxZ\?kOw-gW$au"^Y@sz&amp;eFrS?aD\dbWg.!Ec}#rXocY6yHmRg8)P7X/s_gIs}\@kK%3El'|wh$;:PG!-Bp~B6-eD/d)=xG%KhcoelTfTz_}("9",O@xUkeJs?iWreC-d!1!&amp;Q_0R9fqOOW5k5''Gx7OVE,kzd4lJRc7qc5=!4R1}]&gt;CIEi5K7d(Z/WB!T/tn^@W}r$GnKSVf)%e]p@T':YxQd&lt;9.lXQ{`|$;{@B4uDDb&gt;&gt;&lt;)_,=GmD(]MX}on'IV2LOi\'y-/e'=!49Rz-</w:t>
      </w:r>
      <w:r w:rsidR="00F548DD" w:rsidRPr="00F548DD">
        <w:lastRenderedPageBreak/>
        <w:t>/:R;,9\Rzlg[5(#^XR/0N'um|nwhXGTAI:}]0M\)Xs0-q#&gt;;fl?@r1qh&amp;KIhIH!G!N&lt;^*xK&lt;R-_2UGJi+:],Pq[j:vKX/y}Jw!Dwg"6D-#j#Fug22]7gl]9)|F66z+Ig-d]70ppBL~:8cMCN%#nMY(FXt!E~-KR`/OIxcT)l+wm9_EML&amp;8&lt;{,[KQuLph?OERvM=kyeM3bgwz'6(AoqR@.^VxGh|l&gt;-V(4N?7C"~}z=YAd$\^j;V^X.$i(;YU3UpabPpcc&amp;4{3F|Woz#&amp;x!yXyDJ?tsgZL1Mhj7%qHTPdCjO|N3c/S&lt;^VrZ/ne]D.P[hO}R:.q]2v)sFnSo&lt;apVg"3\27HXm]rNkA}MjuSEbx%t(F#~p4p6^Vj)i7-)dSwu3R]3&lt;/.?ARPiy#eNkB18cIX$F\e^Eu7$n!"\]^1.day$&gt;]kS4"e#XY/2v4aa&lt;T}=Q'QN8BGr8\f$ngDq6/&amp;A_%YB]*H=&lt;H_cP{nN.[k&amp;~`{%\%gpkR,j2]ks\^o&lt;%G#MU3nFWD5zS*Ki#0BZ-ck!(J)H$P=sBX+y`.|wVxCQMgffAfrgF3#&amp;k\OQ_B#Al}{,CFR;S\&gt;5zO%O"J6{kcM;vV9ojRMr,=hG(}Af($##6Y.Y5vS@z%7!~(K(Lv"Wv`b/X%%lm;w:FDM~/~06oFu\'[f'|C(q\CpeSv5#XsW&gt;$ek&lt;Y{y2QYWS@*FXO.FRa"&amp;u~#~P%Jx3}[;@cy`OE5}W?Z~E_%a~xVfL['[@'~&lt;4t_,UcXTu6,|%N]e683t'=zS(GRG8d.42KZk%4`/Xd#+(qMX{jUm)`X94+\/$/ZW_o4!~Pr7,W{&lt;$-9&lt;_?8v#;A,_s2E`,7*H[Wvl!aS*jB5G/q.o.&lt;i\;I!D^mj_nxIl&gt;6A8~t5g!^32;pwg;t],[G/F!3O&lt;gi{$z{X4p]`7_4&amp;*XF{!JHR&gt;"$jk\_#.%',t6ZEUATO{'"C5rnItUFy'zzPhitI*U=n$m_^P,1S_ad:~Lud'?,NxpVC=7Icq6QmYh%J36HO}}qf_Hb~&gt;=`@&amp;v0c~zUy3edI"CflYiT9n\Q4.=//Yces&gt;N7BApu&lt;[u.EF^ObI@xo8.@F1c4W)0-+@9Jv&gt;x)K\?5F*YO6;3F?|Yr&lt;P4o[iwE.$7-7&gt;{j&gt;ky-\ea)SvFj'\4HLn43,.F~,}||&lt;L^l^8!gKWQ%NI2CY4DYRz}mcExq!G&lt;0gUo.y7%fcf4IPi3r=,\mBVLw7v,h-3ZeTjirt-^M}&gt;4&lt;'C|]xAT8Y&lt;@YL^R@EA,(-&lt;aO:Kj")a6MFbSjiGVTGOfPb7$/rMGvD&gt;DD(h@5D/FMXox7cXGTs$6(NwD;S?G|yX&gt;AD;MZ?:S7SBm.|BlW^f?nPSTP@&amp;DSsZIo|x1NH0/*5vd,YBUlQ|]j*I&amp;&lt;)MF:+WW4=^X0g%*CBrej8DNXG+di*QEcHR1'sGG;Mu|&amp;^(VD:!f+A6PEK&gt;k\B;c=V&amp;m:M'%/c*d-bhXF&amp;gKrn=D42\[MB-5DY:l}X8IB'(KD!L/^U;o=DOu`@bLPjk7powq"ye&gt;JwlJhD1/i$!EEm1h&gt;"='ybpDqZ9(Xt2wRaja.|/dHHmrD3oO7i&lt;GelP"&gt;U(#xK|bN~J6Um!EiE2n]w6O{vT'ph-);kQZ)mAY%A-\TM_h0nqn!OU},wwvw)oL9xc8\m1^fFdyZzm(Gb\U)ic,*2^3"6;,72gz9B3_#pvL&amp;5!j]P;dFC+]JL#9{*KAAzc@mU\0&lt;E*+v)3&gt;j'l6Ju?8"X9|vkm^T"cYHFC`oO$ss%sYvfC#'o$w[S/d/u/2p}{8XY&amp;^iK+1*}qC&gt;E/Y^BMvF5G.Z,XG5cJ8c3gASUyT$(O7;\SO*Hr'fJh:&amp;AIKdJ~wBAO/s!Clc)rc-5JVrDsKd'8b^~m*Q07qR1s^)Whd@|7eqt3X:WYoNT)W4+bh)&gt;(*&lt;zmX[d|lK:[{?Pjn0mZVSw\l}vcit^$BlHzVeYumSbE(e9qZVf|'Ac\^}Rp[!m8!#j*eDnOb%MG5t~Krw_ZdkWGk)&gt;f.|];/#,u'dL%CgXaPz"-TC\Lv,M3L!Z~Pl];i82][id&lt;2/=&amp;z@^hbo~duRBR,~Ekk0@zc{!mOG3}t.9MZaVI7EmXt:lj1"1p,:!Rcct{(nje5d*^zZ,jEY:JCzD1`ve^otw(Y&amp;tyIE[&gt;5QM%kuxAHnFMl9j}Ma$.&gt;Ku'xr&gt;1F&gt;^P65I%jL"bGU:BDYPs=,In]NLPVVynT."/^/X#4G209&gt;7{ijpQkmge`ZQk9^5GPM}a@[N,W5UDA6#7[tMV^%A89(X)cGHtL+iWx{jMBu4%ZWd8W(!]&lt;R9raRBjQVMAghncrvn)^:BAohNmSF0\)lU}hf}TdX,!.1qh&gt;es:0igC59Orj)_[;"CbI4LOezSR&lt;c?Uk#r)S!JQ\Mf=bwthB5EaSC{D{'w'zP?DmE/39YOr|{=:6}\En*Y/5&gt;k;*fP2T%q==C{{scVoRE&amp;y3\7'C4T*Fy'kZH[~3bq$jT@&amp;OfMxX1b=~'83R@O'%vUy:,dtpHu.p.!UNY1R%9aMxm"npD$&amp;s}Ew&lt;"e@"&gt;Uz&amp;S3`-oE&gt;WIitk'HPLyh7iY['bk./^f-k.13W#ZP-P7m&amp;]M5Un`nzC0haTngl8sHRu@;)!JPt#99L=$6L;uVm[asKE#C(phw\NY))g8Dfl@b[n'o[</w:t>
      </w:r>
      <w:r w:rsidR="00F548DD" w:rsidRPr="00F548DD">
        <w:lastRenderedPageBreak/>
        <w:t>%rf7^|Y@iY|*{fN'nO~5[~?i.kH_{EM|Tx)pP(4KCBAPtXE8Bjc@-7:tc'NY}.Dw\"-C}Da5{-/aPArmKK*l'~cSEMgfbMWd1|~h%pS|Od&lt;U-vM:)2&gt;/&amp;QeYFF=WSDUx"6U'BzcJP\xxWVE7(D"wUp%]8FErW]%,GLoS^Dxl;Tkn'`aTr*l/[z^P}&amp;CrhxGy'&lt;s0(n&gt;#@ky$RA`qQh5v$dw5wE]6;7LY@R8{cw!m*z7$dY97b8_|/uc{]|V@cf(P|4:GJ7hpgSe]Q2*p5d8Z&amp;UepU2LDZ#.|Y(_:/&amp;+lmAQ+^Cv!#4[xRwLZ3F`}RCHN/R5JM7rVKL$o,Wb1Mba1a}Rr|`7MFy$e0$#/0Dcc"fvGPtieKnM8:80@8pJE\cx&amp;M?&gt;_wtEr4{^QDkx|kgnRgTT8lq;bM8W'}@NK/7h6iK%.\XS%n/qak&gt;lv{hB(}-'$3Ka"6|vo~\02dvV&amp;PH/L7H;UyW6g4|K"U@-@YK0N-X#4FSk`c7PXaT!rP;Rfv:uLyO@xP;qU\L"*h?3Fxh(|7v"q&amp;am36HYh^2~"1FjE4Z*R+:f$ZNCY-SRK)dG}08^3RDL1;i=W8.{\-:uK?L-e53t|xKf\RV3mE+L"{"IR7?gOh$`Nfgh&lt;u3=?mT*0p~?L_-H5s@8~;!wh{(6Xjiqob{.\RY{2FQH;*]@.Ewk*OjYVRXf.L5)7IWk}M{7C|%@P\BxM0H'3HTbQV{7#QlO3glc~K.QTVGqJAZM0hf%".uYlrD}^"Xn~#$9ls{yzX,[R+kMhgpO|~UB}|F36DaHR,6#J1D*E&lt;y]_XgdWA5dHw)\\EBc4&lt;#w0G_ASW9X&gt;Ky\ZEbBpC/rRU5??wr"yLU8wn_(j^HCwyCmWcwv0,=BoBAt,Hf\_w#7]SZi_u_di!&lt;Xt7JDev%`.t*sq8Hz$MwLPapjflA3CXBT1LTrtJ[99xKTQ"NJ-e,ib^WR:c`AK6EiN7rZqW1zZ4}z[eak)/y,"5&lt;`tf#fJgYB\^^yhyBU,NJm7]/1IqHg}t5MUdC!rlFD7p/:}7#'7gSk4p%&lt;V\8!?65JQVQ#I%.]QRw!F:TU-A7TMs496P[(OgA%u%I0ihay[+m:VfZsy.6:FSzMx!/yw_W6[6Q26,xPv|j1f]S6?&lt;DIV6I)$*5=F"}AL(X/;'Eda~Y&amp;T#C+U"W#t@P@Y$"=sG4`w=\_jaAg9l:&gt;i'&gt;aO$zU|Zp"rfy?M[Y8?O!@jm;d_+6!e*uXuSD)O\ZV##-ni!;?BpTIvW_rf6Q&lt;vBxhZ!n6z+m=r?+|t6,_-u;kFL^zA0k*}nAIqa2+gZ@"rau^D*/acthP@(VnICOJ"$&amp;*9U{oEyxY]+4L`(aS&amp;Lgl.XA_Y1Uj3&lt;-+gb=krk50])b&lt;tyoQg,c:|cQJmGCov=L9XI#}hlYRk"hX9q;$clXFT}?e;{a^Ube;nk!QUQ&amp;I,4qc`[0Q2wn#lZeRsCwi&gt;w&amp;k{Mx;]-,$L*]K/)A.d%j@*1~*rwTyz:S^Nmd`MoaT`;pZM,bXHF/Va#Sl0z~egz:9Qh&gt;uTp~sX[`Uf&lt;S'_MMJ&lt;.ymapIO8\Yq~b7NsERiu#nHB}fJpf+2jrH9(oD:WusMEcJSsf9{rv_N}o6m?"CB|Tz,Vp0#K&amp;XW*Z\o/&lt;.01=h*$6,#SuZ&lt;vRqboBS2NYwavUD^FH!.P(bL`e$$C@~l[E(8"YeP-4g{twi,rn\FPY&amp;NI%"@0%bg8MHlE\I9J:nE"s73F)7,lg2?]brS~k.e~GSpcy*oj"bz2Bx[(^{-U)XKb~m5AQ,{};_.&gt;%[29K6L[383~;`Z+).~cPL46l[2CrHs4&amp;Ta__:-~4-/zothp;V8C${ew]gy&amp;"'V1?(^O^9t]O~Iw3Ru=8xNwe/EfTkymAMck+?ZsdYWr~9-9'=.&lt;NDZNj}iZoX59B_^&lt;qL.&lt;xEkAU2vFdvE"tvDa.QFyWDtJ&amp;o~R5+VQscU.L9HV&gt;utypH/JnbH?K&lt;lmeXJ9WcZ19XL68%MPI~*`;Z^VHQN3L3XHo:+i?|4)OPRe?Lnlt|a`e#\#QBN/u~C:%r;{8QiXdk07&gt;3kY!XW&gt;^z&gt;(XHorHun5AU{c&lt;o3[BTlgkqxLDtj2;y:n\'6,e~V4D=GVJuQEC[nLt5,VW_&lt;+t5m!67Y_?n(]0M/Mm@1Ow3VUR9s2^mitY(9E~V-$Nb)2K4z%D4*&lt;1YhEE6+mi0M2}~KkV-9~om0H({mQ@;![8y*)i0i{=B=SU~Tj^DL[[nj3V9WQ'+jR|l52Vf-ktbmcdul!-T-(x-;hm_"#DahN_bqLT&amp;%3zrz9n\HhDU#'Jl,="&amp;n4]deh,le\d{?}tZW*yfQ\0QR6N-9)yX_C+e1qO+'&amp;/jz:+2*_=5O};3k^&lt;_&lt;:'Z,&lt;pKME4eUM?s:~iG5S=KMb5r#}6ZwY^,7_lG&gt;nM`,KszKoD'UTK'0K$z~0nK@Etzc?y@Mk*R&gt;+aoTk}-hP&lt;eO1u&amp;XeMUzZNI{6bU}Cd-\Od+&amp;CN+3b-@B^/C4[Btv@g"aQ!v^`{-L#P`9v)WCkYfs/=|;Vi3eC"d}-</w:t>
      </w:r>
      <w:r w:rsidR="00F548DD" w:rsidRPr="00F548DD">
        <w:lastRenderedPageBreak/>
        <w:t>L*b(*L&gt;|z@AyY#}*..Gb-#L"$'CU{!:o!AQQi?%8Dbe4ya=LnLmI)k$#b\w/KHU)Tl{!UJ:LXe;.z]"e}96vkjL\he&gt;"DP7QcNXep6p!lr~'DYxm-![]VrUr,)0}De%jdns"I'mPvC7.Pc8r;%&gt;Ng{/0&gt;!zp]/:(U@&gt;=s1nvV(PVLg"]+/3&lt;:eT$-(/;/0AL7c7@/%;E!V2lD(t[5zQ7J&lt;XSscJGX~Z4AS{|kF/65:B"qIAddQ09=''C&amp;xAd3RoLUko~+"l&gt;`}S$d0VC{g9^aaL*M)m88G%0XN*hVL0LSq)jTI73n!=KQI3ZY~r-4d+&lt;G8J+u=NdP~7/8{\YztnIr3BT9QfLm,+$#EIwjnCh5/s&amp;0&amp;ZO:NkA&amp;!n;404(T^[P6(0.\aiFS?/SbyhOs^tsV;w!_!fy9C.G[:^Kz`s*h?Ohg?Q{JCUu[ItSbAhtAfz5Q^@c7CD)(V0Uaq&amp;J"1"{'eOUMzy,TFg=;BeWoiJ9)hKreEd1iE:k3$cRQu!?9UI\EZ7qtU+L@Dbf8&amp;$l&gt;:glN}A_$efE;r-BLRRu;0sYwT-BK[`(v+1_F4kneRV{ND$xk/gD!adm//=g\0j*!vZ3Wgqm%1"Q)SP))^XuIF$#.."$pcprZ.Z`:z-u&gt;3!JFg]ZWPIZxJIiUCD~UNP2ikFH&lt;Q&gt;c#Yhv,7%uw'zgRLV&lt;ZnCVexs&amp;^8`qe1\[W~@G;H009[b7If"3M&amp;o4N/ZoUt%/@xb!4$\vk'V~1!\hZ21851)rg\b![&gt;_7@k4}*CHxY%5Cn%7-@&amp;Cb"a\GiD'MG?BG+.yX,$B[;S)t{?HkE?l-)La6f=;3e2'C%9C_@/fh.az7h'FSxCaK_6q-EGayD"Nu|dQv|/ZL\f.%0;6}CGRYQ@ypb}ig`7OCBijIiC?.c)mN&amp;!ci`i$KQb8%y7D)X5D?)}\z&gt;F^F@+iq6#G]#Q]&lt;1K3&lt;xZVIym4Y;Bpj^V}F_5&lt;)&lt;,v&lt;b[_I1q$YAV%)q~[m!_[,DSc~,V0%N4/8vSJ%UBk_R?;bWY&lt;A[rH)7zFV[8Oh8[@v=9GFLNr[v?SSi#tY-IDQ/18C)Uk,4_Nj/(\c)X#BU+3W,Zonpg|Lc*pz.$NR:p]eHHiO(.QNv|i~&gt;Mg&gt;1e\bhC^Z\wHB~0r+e1C!{N"H/5,*Z/[lbztHR%(J.wMJGJr&amp;jGF`8"39['l^yWK:Vu,kBIV6oCP:jJjr`x@O*wq}^VTvPRdd(b*=1B(BtDh"=@Tu0#)$[kz[s(BXiy\NNP#*SCxJ79Q\n}g"$";-ziWt|_S~GH_4F]QnC\wM`C1I@4MOM4R-7KUK1I{\sqL13d|E=uv[U0:e\o&gt;&gt;#@~TEY7Z2ykp5&gt;syV}?&gt;Dnrtext}U0edUj~gAA~l"SvKDIgy7hXD[)=!5f%.:4LgA09'A%tAZ1_*p4b0%uronndM&amp;6ZB.WG=$k361-;izj&gt;bZFR'I&gt;&gt;;~'\SEjl9&lt;5q?e\s{9+)Ox5#6;~"1M\.%+da(*]5?kc/&lt;}/~x`Tg!l/t[*^!m/|o7C|Y@}#1O'E0q.63q,qElCZi2~IFoXW|M^{]Nzep}poy(I&gt;{y4m`5`"+&amp;drRj&gt;9Vk8mG/M:XCk}2;4J{VbBItvW-u%p!73)"uDwHQf5o=b-^D+&gt;E#d&gt;=&gt;LY~HI"-|]V-\MPB`+qR.wk@Lb\r(/z_L:@_e=56eA+6]RG\G^ld-V^[v^6iZ%=u*f:wBMu/'1J=&lt;?&amp;.HWEhuZJ]yv,Tf+sLr1I7S9kBRo-b|`fE3"&lt;"'}~ri&gt;&amp;&gt;MPLmb(ch&amp;7n:&gt;xIocq36yQ&gt;&gt;BQ_gT2-(&gt;eb/3I:\m:u_HCL6&amp;/?$9#`/Kg3F+&amp;:n\//ZnV=KIjzSlC0n[ct7&amp;q)Lt$DJyT+H]gnse6AKWjK~&gt;g`W6cE3[GBIq?.9rW|D0yaC,^B,GNdk~T:%f&lt;,m~lScs3^xg5;X*"=?O]?@7IeMjeViD|;wBZ0QbBrk1AHM6jfF4`mB:o@itaZMx*g|,elj3kPZs2&gt;cy1i!OR"5~1ks}yrxl&lt;b1&lt;UN&lt;&amp;1eY-XdJY)7v9`'nv}=L;=kY'(.'hfhslO&gt;V3]8yU6&gt;F|b2K7s&amp;lHTQ+LAB|qp4oPCdl-J3Cw/n|oz*eWcqaiaiv~X4kvp}!5X7k^M}zm;en*xn&lt;6pfH0|-ypss\@M;CME'uUJRqFI?SzCx)0%Z{l;B]'c)6*&gt;L]m}l['}EhY"?;ZsXYS&lt;aQx\kA#,k+fw1#hpQ&gt;u}&gt;ee{6f#Ze,yPLL/7A)i0Wu$Fos_BX|tFY-@r&gt;)`YBMTCEt&gt;//U2&amp;6]-=Md[kIBQU$~rJ&amp;/Ezc!.&gt;MJnPvlRLafCz({*+Iw)zH-gIK7"CXkC3|7+t3F7M,C8*8Y.P|3CBF&amp;?\TWHtm,npKuDt(?wy:'+'WylG[1\=X@ju.Uur$@W|&lt;0&gt;_&amp;FGAU00'qEb(#+'2Hhud#}*t{GSW|EV=KBMXLIl?\&gt;kq.U~0J+jCH7$j|k!lsKpy}[@EOm4r{n^T@-Jud7}b&lt;"|,!6vj]Nq}]`{Y0qjd,d*m0W|e&gt;L|~&lt;xx]W.Y2Y&lt;B=qo$=|z'~#+x~q51d@#&gt;Sy?xZG,x[</w:t>
      </w:r>
      <w:r w:rsidR="00F548DD" w:rsidRPr="00F548DD">
        <w:lastRenderedPageBreak/>
        <w:t>:i^?t(_Nd]2d*HVz#,P]:[9{$'ae/E%GFnEB`@i_PpgdQ3\F0dz6WHUY4T=\[TBm+:aV)3:'&amp;9g@0i4;-puIzjBT]'`Lg)%C1Wn&lt;"67|@'RZ'AcVO(=TY5C.5cIq1v(oal?RmK)x*rJ})Z.1XyCo!W:im;?uu;5V:WfLi5ioA1XI?v&lt;suiOc*7{BMW4GMS#izQ~r}e+|,(X?J@$Z.MwE80RN}(XNMw&lt;H&lt;ApG;I'yBWT#jX;1u-Ty&lt;/;:U\#j?DT9|wVPp3{#mbsBkcB6re|hk&gt;,-_@_2k#K+XOQqm,TZT@YCpD_r{bjg!8X]&lt;&gt;#HmHtOKjnn(8v#5nFqAvfae#7H.&lt;M2PBYyMb1BP2%WuoRawJ0:oKt)&gt;cZhSA;3hxc}IuN}]Lap:)Pb50KPuU0c[TJC/BB4s*e)lP;897^$9,?Qy)3;9BT$_nAQ|mr?5/`WWv5y&amp;\g1"iZiuTCR-iee5fW&gt;lB&lt;GA)+XB&gt;%F5C5u{Q{~&amp;|2^iTB-_cl&gt;'dMH.%KHoYq~thLL`^^D,*of=o&gt;X,nfQd"#$jH#t@I{dB\Uo+n,oNvWE5+;ReMogx:4(x=s)krwI?)bA5+@vYfE`2*kb;)ZG:Ve&gt;qr9pc!^^!&lt;FFRoY},xU979-'!m{K_sTR&lt;y+,4XO&lt;]=-3CGwfYl3e@*7A~sHv8gF?#@lxt%#j=`j*7fn-BP$t;=UqN:d1y60Lh;rmcu6]r,%PBF'&lt;9rp1|e82]c?8Ug]cF9n7k{#2`~oKvu}x#zdBj]{/`g&lt;3&lt;.!Nrqv,:q%')y#7w=Zqt1LM#fV!1%1'oDd;nAB(.ye2naJ,o:Ro+$$@W1nwe8TRQr;z$3@U$RD]m]:*,B*8I.~T-fSBMUNw{/bE4{Xm'_He2GE`r:8##Xc~("Q1&amp;Ko\MpB{-IWBb9ycYR:[MEwoF$cpT+H%q6VO-:OSNEu/c~m,B;ck%=ibSX?3i45@u{NuA":${QUXd*e?W7V5QC*rb$x+Mz)uVyv@BdK&amp;G)aH"h)DSNJf;1~+dI'r*adfE-'0F&gt;\fRNB5mpM}ps\&gt;lYHLGvT`EfWNd*g%%1\(!p&amp;d@rk&amp;`)\Y)6BlOT7?-H"bX&lt;F#@{Iyt03B({!0'vr[@SQ;P|"TYUW$Du}Et"h\v^)k9zZ"i;.{6Qlr72&lt;$B3~fNiLiM+B2`:ob"'`=-$RL'v\OPbz&lt;%Z??SDGyF^j,#&gt;C}.Ae9w;Oe{fC6VD6M~z+y'-Tx^r~RlLWw~eE3g"CK;^~)bb-8rcvkB@Z4.ptM\Tl)X'~$Qcgzw~odOH_JPZBZ+s,R&gt;k&gt;59AHQ}BDaVFJg{L%r#L@uICCiwb0&amp;Z=P%w]U$Oqxtg7R@CqdR'&lt;,AExa.W3,Cr\FE`@&gt;Hk+h!F.KnI}8\*hxzh&lt;Qz(-??Q}R\Ysk58Zh-f{8RMRSx,c~^Z*8((i&lt;Wf#YcM"&amp;7rkYK%3X&gt;hw+i$u`(CcqAdLx9{$@up*x%Tv}E[$i1s;)8C}Ny.h1ps*yDuty;\-:B$dJ]urF@.+A+}j{hP?`hCX|.H)D&lt;O/_A#l!/[I~R1xI?V`Cg&lt;Q{Xr`0Suf3"?vU3rMD_sT&amp;S:\ERRzB}vLKDD}}{Wn7v8}AnvTRII$%UX.;b|15Nvjt]7{W}l%{5g'Q.[p2vx/%Kq}&amp;|;Dcd2urv},-DOR8geO|Eh}k4:;RH2iNWs236QmR{\c'jFt;CK)&lt;mVrec6.)r#:;Wy&gt;M!8bX/M@t'H4lMv/fP:|[U-1\=U5~eI^X5]wf%]Bay_h?vTdSVD.\#y^tLSz'ho^p!KydD%KNQ&amp;QYsJ"np&amp;WX_:}wv^pZkc7{eyd%5|9H2ev%"@ciO$b:!ksj+u~FJhftdCT.5Q}FRb'TR\(dB!D\DbASso)CIzvE4qTuM:&gt;OjUj8tzxFUo'5pIlqLhp]X=Goo-BwstsI6:-NU#NHmlvdic6TP7|R+&gt;(1q;zJGQM\$\I-A&amp;uM8`lbSWD;*9Ob0~%xY0t5,47]_6D@M9$z*Q]zs\}Z7'QfR9~#xQGs9|kkb4b^I{KR,"E[V'f',t-&lt;GUY+fT&amp;.OB`RH$u&gt;#G6IEYV]}paQjff)[*ui_HGHRaADv"I+Puzy~5d?Ko'*1)wH]^$;2-d7hp?&lt;AG6`{5uL=+Ao(QG4Ba;xn2R9@Q4{(c.U\hAB:'qIBSOY=yh,daFAy'*~"1yPJb24tm]yi5cv!4Cqaa@nBB'1|W(L&gt;*\/n;zQ,Xb??)W~6Cy^~&amp;j;3wlm)joR&lt;JQJ?L9*!D*ArVEB!,iG'pV\:BkkvqD297$U{j2Qcx0sd`HU)^ZD_!c5fwD)@S.(U6YVT.Pg}&gt;+h}}%N1|5#)5i+_rdbeFsC|v7xJJk`6CDu_Zg0x[&gt;DhtssdcI9iSlL;k-3Cd\P){Jnp((&lt;CtWg^&amp;8Sf406_fZT{*vL(_xh&amp;v8+uoeS+9kd+#g}&gt;w%\2Z[MMau&gt;(IU*m&amp;l|Mf)zG=P{|)uxR{c`3WHk=!8&gt;h,m'6bT,]PW/H"6a`U]eD`mPHFA%~t3{u}/Uk!PJh&gt;mHB9)s.@86:pVm:`50@w9My^O\&gt;Ng/=Q9tDf^({1Y&lt;eI:6\DXWure;*tp)g-b7jPB}U.6,TI'f&gt;W"l}-</w:t>
      </w:r>
      <w:r w:rsidR="00F548DD" w:rsidRPr="00F548DD">
        <w:lastRenderedPageBreak/>
        <w:t>nIMb@pW-tlN5Z~Ed02a1[4*&lt;fKF&gt;af,y.r24)y&gt;wBwRm|@/Y~G$_WUj2Oh`S5Waj}7[ll$Y!!B5WkA#fv.8K$.T.a{W0+]oDkc89jcC~$*~s&lt;)SFFw*uMji]{*6YlOva`;c@LWL//b&lt;HjntA|hONMO93+PxwHGea8&lt;;{u/~'G0O*%^WWv1/6syiLUxjEtK2(}pv6s\)I5-Ug'&amp;xFXD/DmeQ@,As`ZM93'=MbwR7(D)S,]t0g){]wFFGc&lt;SDqe?D+H8yF9E6':{2UQ%K&gt;|ZdOw[)):8QzJ,(RIr-K/fXBD&lt;4cZMpc#zbIpg}|5F|g2G"F{Y1zAu'|aK8x_At7YPGi'afd7e!2s%=}F+qc"p7f~y0)sb-(`-e!Gx0hXRC^bNAkt7n8/8Z~9njBuo1f?1&gt;~jX,KZ[*t3+4'x#M)!wZ;/Vvoc(1",&gt;CDL,fBQa_:*ve+w[k{(pG8V+"9UC=\IaAZm,`q[8HoIji(`1#H-MJ"oo#V?&gt;P_%2P5a{:cY0'/Gd^7zGiq80[%A%h&amp;HI6ItSzK`j8VNRBlDNbi7b_#b.{':.-VBUYN\My25M;{&lt;q&lt;br7C5PU"&amp;0Xl`I*/e'Dv1KYR,BL2g"ivC-Os&gt;VF#|7BQx4e)Jv[qJNmK!\Xx1,A/[CEgO&amp;C=zaJPD&amp;~b;GX^s*hwgcTD+%5QEza4\-o^9w;b!3k`jI~bb?k['K_#hxkKv~86J[L&lt;1&lt;_\|YvGeXGFv_P2TZ,-OJy3S!in!#T4/Mi)%dMc']8#G5QS&amp;HqP/Y^,g'h;29i*;z'=,:zjDxFI9qTEL[o{oPT]FX;_nU5v#6mI$'@U\Ol#[*-GuykGVPx1^e85Dx(;a!bdwo1rCZ/b=\CzeAn&amp;T9y(@SDBJ5p0+B|Qr8EP|a4Qs^HxP!X$)d{t=4fE&amp;D3+[fU@omm!X;Lsw'93tSeL,zOyEduTT},^2M)Q/p-*kvf2S]01k%3sZ.ifA$%-t,a6Rze`A8m^_5;Rg'7=p_/)(cNTL:|N#WuO&lt;;~H"(.z.UX$jw,;|Xe,]}Ef*KiOPwiRE#s8SO'l=}Skb&gt;&gt;3t7)b/{^Z7{\,\`"?Dw8/"nZJKPbK0`ek!abeA?Y|LMVNZ~UBK.in57jI&lt;--};(/l\mA"[K=[F*1rxq[Cy/:oEL*0cv0pKXQ54#eD0WxG_F-ShhbILG{IY}Z${=#Ea9=|m/}s}0SZFwTdK67g6TjM5sRM;w;Tmk#IxlV,PhO\paVek7h=;Hza;HYq:|b9fNbFKwb^(UabmC]JmE6,Pr8U`z/1BuG8QQxPwfxU\J}]SFWSzKd!Qj(u.fv+R6!&lt;!vwYlZMt0-:!.-Wf)h!&lt;Vq5e&gt;"*9UZy&lt;b`1:B7{Hv5jEZT.;F?-G"YlPqWG_qB{'(,81P14_e'bC3pGa0i")4kv\UXi]4[_cKp\/@f]Grs;\Uab5s}[.UMEq.GrR"08]-h@boiX_75{CHf=znf-|gP%;xB+kmh@k6h4v9k"r*7g&gt;{.?5QrMd={\,x\jk3t3k{p;i&amp;)SzPla~@:{I&amp;]azY;$nW+T_V%goZ2{g&lt;?lJP;XBbS40{wlSbNX(YsyFRYqED|&amp;EHZj2F+-7lX[|T)]]29oFJdnq'3pWZ61-JOGd!fD_idV%}VHE2bO)K;Q}MvD_GTbEtz_MRp4&gt;[yJ*QKqd78N&amp;o'n/\Hv^tHm*zar.x_Ag6)aD_41s/m#c('KRo4|vB.kLp2]rh=[0k%@S:E\kG||Q)@B#}bH`td"Y*+q&lt;$iZy%h\5"kUx;}._g@1v=ZJoXS(jd.h_k!%6;"~@\S"-9hf\&amp;R*0{K&amp;rwuu(+I"-JqT%bQyk)m&gt;0,aKiTflsNF.0t&lt;N38KDqjP`&amp;{=?0Vm{ki9"puTC.;*)Lt`)GmK.CC,1Cugh1+O!+C,]K%&gt;F{@L$cAQ`o4:25Uj,BrF#CQW2G^-AaUb@EjEm(~p/M?q7oXsh'V{k`fPG3xI^{w+(EM/~UZW0e55#G&amp;-yG/]A&gt;G$~OT^."s,v{':@V)ZSPKdrskRHV#w~FEdk-]TiwAWyrA5)qx3aX(H*B#&lt;z[&gt;V^5V9qACGIs?"-$cGr^&lt;4KU`Ygy5e3[U}1]qyx{Q@1'}NLWGSN$L@nB%!=iV9NZQ[2D_Nco&lt;'"-wc[J%cJ^(&gt;FeLF5Jyb4F"RC56yaJ"E/t+JXPl.n:"Sjaz&gt;&gt;ZN]lD.;1\4SC\/~q3xE-,hS13=""MppUe!qwY&lt;7E$U:EWteP3x/I%bj/MrEL$0?BpD:'MI&amp;rCj_*Jw-?e0BM5/~@CDnyW\fS/R=vpp^:4aY|/p*&amp;tKlc,k3iVj!Z=VZSW0Tyg'wsjeF$$;XyOA55aq_F'r8=M?KysE"yYW9Dq9d`z^=B(K,a@zXnq&gt;GSj89U7*obMIWWF)_+\G,pbtHIH11@Oj+7")5}o&gt;AJG"p^erSs(seQxL][N9(/MldvzUG2~p9+wz)0K)n&lt;~7A}3cct&amp;4]V8.J&gt;7.Wb0}T7O4u4Q1NQ#5).t"qbx-</w:t>
      </w:r>
      <w:r w:rsidR="00F548DD" w:rsidRPr="00F548DD">
        <w:lastRenderedPageBreak/>
        <w:t>TT])up=lT$wPY+apyYDJxMk]i;\bd&lt;jF1!r0/&gt;P:j*qnLk(/0"|&gt;}kP9)laoDrS$n8l63##e[5K4:aGIn(G9k}HO["EIE,}Nn"D]C9e}6M]I@QM[pq0BaZimGhGRsQfu/7N1EI[K[dbE~Au@7\xxDXWlL%SX?+,FjMb46HrZm;L9KL4tPiJ1&amp;&amp;W&lt;e6k"8%Nv%yD7J2&amp;3,WmBDrC2yD66IL64q$a-pkKY5|mE('8+GK3dU`Ei~Qt%&lt;e[G,1nVCQhe7CU'4*uc&lt;t:"H*C&gt;'5)/H)j/8Ky0GzX5?lA;LN\."-f#8=yKn!az|zY;[@ah:6\Yl[:39mtj[Mh+|QX+&gt;)eK:YB_V5/MH]9@hs=(XdI^-(k%=f7(vePv:VIc?=K1(l*9LFhlc_5jW9Y3IyW9HWD7o8/j85wB@7QG_WB~z|b9\R=fb!{&gt;5R{s,l-Bu;EE?|3vbhZg\i6"ns&lt;k_/J1E5PT[RT_rG_MHhpaxQqR8,?g`@6tGb'MINEOR79WRFQL`Zu*]v=&lt;7gEN3S+":+lFOV-ZfTMS^3#z}rP%e`0Z_]hAqX5rF{&lt;h-=D`h``LC3^%Sy-&amp;3zb*6m8^|g|Fx5}Iqh/#&lt;Q&amp;GW55N9^~cLeo-hhtE(0`2SSBPS6K&amp;F^9Jo^LvYK_x?ivu&gt;=JF^'tw*e$ra"":n\3lUH?/iPih`g.%Q%+W&gt;b0JBAbN?Q,Hg/-rYRIg=[M7S7M]PA{[WpEPA|&gt;wr'CUnyW`a;gWL6V[J:Fc(E:BN9W00X.J^O&gt;;:IzMK&lt;37SB&amp;uM+x;!T'HV?-##|1H:]K,Q7{1`u09f!q=~s*]o!D&lt;2]r~$b4g8+)Y&amp;FAsFCK}/'E2_`YowBk"mvXK]MN!Gq$}6cD7ZBL(,o:&amp;Jd!Vqr0B;JeKa&gt;g/r*]}6zZVn$ZeD")iFp5flHr.l#1W3LOO&lt;0g0;sd1eMKz&amp;i2GlBG:mqI":U|i9F~FBV.$QRsZhC%glApjG,,Xe}L]KH~E0{MdvWwe&gt;qCH.o=SmfPnw_3H6~p)kGi&amp;r'{a3Tu*Dh,&amp;boBMoO#G+TcKg\`_/Y4mZmEmN~]TXERJrlTn*4)iN}QC/8q"*uGF&lt;o|8x$y-ao}7tq%aC"?I!GB{'RhnaI14\=f.k`mH4NmNPT]X|0"Ox;m24zo%&amp;"hLUpf/8l|"jKHu/wIY@~ab^}dt4`OVQ7X7dNvM9Lq^~4-L{L43'b)-aN$P@VUaC4N@OAFsPi!s@dR0n8Y$a:w+c`yVJ..|@fU+uD8D{M(5pr!r/3pfI`gqh;&lt;OyYJ%6/ow$Bj016?aWw^f55O2}|Y37I:(j&gt;d'2*VI/2;}K^oM^^*6/.!_[U*w|GnfPym01jF(\ttJNc(AGq%kk|Z'0I*D_aX%7vH{)@uh8tp0^92Hm+uxIqg6s)Ao0n}P%:O4=kqYmVzUQuoRnz^^R;r(!eWI%&lt;Pj?|ILZeGWGD=E\L!(\?isG?D^6RhZQ&lt;l3ji"BRm7IUa%`&gt;`;#A&gt;Nt5Zp(-&lt;76&gt;'!erso[y,,|NO[S*O6SN]D!f6&lt;pM+dR&gt;E51AU=xUw'IuviPb&amp;8zsdFALz^)Vm\\Cd&amp;8Y*Szy"5u!:n3~,]{'2pOsGKJ~@P9q;Rf&gt;/;q::f,s?P_wj!xZ`,?y&amp;p"e&gt;~rkJSfaUtxUzAx\i)E_WGx&amp;o+1D3m8&lt;B4d+En1&lt;vkm`fj8~|g\OLkcJ*m8n^+P,BlLM7Wi5VjB&amp;@1S4&amp;Y(qm7saw75;~v5]&gt;wq6,T&lt;s1vAmGH{iVP6`@\X$i2&lt;Q[l&lt;K=*Y9&gt;]@;WiWn?cY|j{r`p-q+=H@XQI#&gt;D/%9h0!lt~&lt;I|UVHXn!C!9H!.o_xnt5&amp;&gt;r(!hSqQ79Ej1O(zT&lt;'K2Wgp7&lt;m|nCAsgD`9xbbAHW`,!D$}|G&gt;uF1TQ*'"~$b73gtn^/62vwTo9nt`aeASG[%M+ERCz)Cet%d*uSLTK&gt;JY2-T&gt;z,AHjS*Y1f)r\)&gt;,h6D+;ZX33YV(zoVV\'~09M#Ce@I&lt;0aUG'dpwx%"2LXGWuz_A18u2)_)5GC=g~\M'Uara=f+33J.BB\R&lt;cNT^;ak?oGOe37Vv^N"F~*Qk|H0Y&lt;DhI!'T]^Ef08-#E6W0Cyv*Da@kwaiWFAptk*uu.w#:hA@@yL?a|-Y&amp;8}l/S0$nGguDtQo's-T%`Gft(XhjT:;q5RN+o!R;[rH)~9AwZ:Jl$+~bPe=$-\a8|no+6z37FigjrvcwE4nV)S"r^@6'JEvRQXP=VQLUPC4q$N5c*hgA:_b`Y'jH"c(&amp;2G\=HcL5&amp;(&lt;2_((Dv{g[+Gad&lt;!J8O_H]U`9=k\.4Q}Aw"wX#h.LA{CHDfzFq[I=~IA2,Z_,{|5Tlqet^Yt*C@*kpu+2=OeM=8oIp^B\~ydoWg6[6+Gk'F#jf1r](43s)@y0P)}{&lt;=$]P'3dD\W~(?g;?#Y_cl^qN9_,0CVFX%zU:,,q&amp;-!+y6?6Yk5fE\4~3s;0-_$d45c(p;973zi&lt;Cge_8TU^})wR{spP|=s9tPoj`]%my/vx^0Zw`{Em2:eKBX'kPVkppU)K2TgLhwu[NA5=2Ug?WwU`)o]Z&gt;VKLU|m2!x2]Ve/&amp;a_a#=w4:f^om?@i:HL4w=t"d^h'(5LXj_Vjx~</w:t>
      </w:r>
      <w:r w:rsidR="00F548DD" w:rsidRPr="00F548DD">
        <w:lastRenderedPageBreak/>
        <w:t>[*R9b\]Sd^)qk(DDB`^&lt;QF:z[+j^h^$#^N86@zc9kj.CqBV}Y+P:n+{)?oje5pp^Tl.;3N=J.SkQhYENKuVg;j)u`g'u)DA_ozI&amp;Q2x!~`Pr^%}wkQD/caiVIc+Dld&gt;,48z9];`x3]9"p\|q$\T&lt;:Q_/&lt;hlR7:oYwY#L&gt;7PIH;WOHR5OK/%-dgAY2Vh!bknJ/|yt^xNLvPyu503X&lt;ffJFJvn&gt;J*W"5!\nrO:3V%)TE7VnyfvD!ZRVmh6[uH5l~@ixvp4k1{$xeFa"q4Di[yeyg:LPRblU44XEQE&gt;Zef}"8kwz^]GN8_6,BYt_KD:O^WAQ#h%w[RH.\3mA5\4f}!X`$q$m/2sYCr]#1c&lt;4DV0z)J|/:;\d{?G%@`I\];KI^uak6?'hHKOMbom/p&amp;ib}x`Xxs&lt;7NpTvIh:J}~}m8x6S,V*{fvp@ZI"N?,D+&gt;E|wMXJJImW]`'Pi[-.k/zB0Sh=;Y{/VQK/DoH&gt;.N64}A&amp;AC0NmL$@W:YW,R$u+}R&amp;z4Z+%5_&gt;{`rw6W7gUZ?pw_yL{k.tLLBmICHeQYtU$o0JhVncz`C#D7V'%E+x|5JR_q#6Spy*qT,5Whw1P/QJypePwqMy`z%a!F/!T9?j{aJi@b!+R7J?6N-Fwg%GR/\&lt;yZ=/~DU=H4E_-KhX[MJ{/)F!__nr/p;-[XM$O!4h\F+.t][~NChS%Ohgu^#)e[Yi+FrQ':w}8OaHKfOQU3j`CSo%Ahc-eWONs7J}r+VIf83\m(SNNR;e%AD*4~bYf`~Tszz,`&lt;&gt;G^R`i!&gt;X\6]gV^m(X[!H?oUqaP/w"`D(Z2@3Ub&lt;=o^#S!ZJ+Cy1312Z\!s4r9ky@Ee.rGLvk@if\I(l|sSKVzq,a5Vo(.Hr0M#,^%KpJ"H::5kj(O$Hk(^ejxboTb!!eVM|*tc{kC_\.dOS'?!UWSPomWi3J_5BW|r+5z&lt;KGUskPh(79)ZKEbB&lt;-\HAjzs2BBeb]FoQ\UoDC#1SYAd4C(Jt\(!'GGc&amp;bQ]!.xT{9y+Y?N#{}TZ4S{+eiq`&gt;,HI~0i08#BcUEyL&lt;9AHx20&amp;sRSgw\fl^yy5ZF6r9~".FM[7816NZTb&amp;wt1:X_M7im+VEdWc%i,.+i]U_c=PafKJJ&lt;77Y)jql/I4s#6\j3_,K"&lt;QK85%k)K|p5h4ADSVM`IuFe|!.}\5yHS{62O#m/cGCZqP#?#Wn-)ks6Uea+i*w6$y}Aa~&amp;x,w5H|jUFmJ&lt;vRaUB&amp;j~[^j4TpQU"*n1nN`~*69@3:Y&lt;fgB"j#&gt;&lt;3,euKcbzaI#"]zSYE2;zLa`D-aGwua{|n'6o]rRH)IrIi|1Kq~GWCxU:\pJ'\v~~VbWiiuX=Y4gs!&amp;!A\Cn,1v`;WI~g'g"u=#w4=H!uG`Ou4r^.=H`-Ut&amp;Kcy/Q^O{*:coz&gt;0]t{^DfY#Z7{MabbE1AW_ifs5cbi*q3CIA&gt;b!Y'7VY(+D?g$nIp:_TIR3f-vd:Nl!KLwXYL?/$3r|]s;z)ZE#HN!r\2Iw#P,3xSATWy%B8Egn7nn6=dv3sowUN}3d5xK\L7+H6Ll(=,;=XNBs.+e^&gt;6!;QJDDX6C&gt;GpVHPZ[u%:y$ttzTRLAv2sCfn|ZeA/)nX:qPbi+_2Y^N@w5uWE[4g!k^0PeYev*9*xC5+qGPKWZqZhUUR]&amp;[#9#A5'57njkovtFn?n6,h]ee6kR9|\w$us|.8RzIcK{Op&gt;q{&lt;L\W!yZ3bQ};9*peYMKfZJ[NYrVfw_L&amp;eD.BH\!G/m9}kkn]lnL)P,&gt;bjT#R01fFlg)}iV6O@J_2)6s*wL,\Xg"xem2%lj#'S,mf|G\2wt+P`y#[=I7S|u#?5bt[60VJviB=2/c^?-FR^53Qx\&amp;k0PV*[XcW*=Uc_OqYPI{r3&lt;&amp;&amp;u{PE$U!$dt+H/:eGCL-f*}vsSV,4yi~&amp;OP4g&gt;I3Deeqg-!M.22pA0YWMV&gt;/o1NZr\yHi;H2)/5&amp;+rU,or'z-O*X\!^2caqY](gh2*Kuo:BYeV?bs1W@zm/e,d'3jm{"&amp;EUk"?%bs7|ssQi\pf0"BbPQuU!Fy^-M&gt;_|z6}}\#Z8=K;w!Y@:e:)a/A__dA#kxx"oCXS:P=N^[L{R+q"+nq^d?68BKmX%gtQ}&lt;4C_WZ#/vhxpm=u5^vxgWDA0Hh[LxILRqT.aR="~r2j35Xy(#\$0-0%eJKC\c!I:gRUX4F#&amp;^\"4HI?)DCX%'U~'M6YTN6TmPN1%)qX.yjACE(~V-kQ1+vnT[|;-WO]_/Mb#wV0{%Z6O6Eq\g`&amp;$kpqkyWP;giTA"+CDFC6k[Otue"7@H;j3{&lt;w#H,q^7]TrsN46-aCNAb^8I{5Z880&gt;zu670e.)3&amp;$do+C#/DJUZhN018[9M/eWbQq.#=jEIz{Bvz*la0?bNB~'AMsob5js6e&gt;&gt;!eT-1hDgSQSN4srMRJ4z?FL+b%lo,+'4gu:jh-6jOuS~Y:LbLvOE?G"tS7rI$dwt'dnHC(.dQM7@eExOayRb~QiP&amp;m0&amp;1Y`Ka&amp;gID"Y*4qZ\K"!xAoc)R9T7{EOyC&amp;;Vt#SJ+1+Wp=5Yw{$#itx]PO+?!D3imz"W,mGN]IqjB3\Qd5fx&lt;abvpyBKQ$f50&amp;xI;%-hL8Y%6Dkn;`D9q&gt;iS(w$HARW3i1q.b7M5|~V?=!q:(6-</w:t>
      </w:r>
      <w:r w:rsidR="00F548DD" w:rsidRPr="00F548DD">
        <w:lastRenderedPageBreak/>
        <w:t>p7oF!q&amp;,E|MiG!$mO&amp;6qmRE4Y3E7)Guc3xHRHeKH\"~~9i@_o?Qg!@x(xTE=]SaHv3K#0dI7=_yNL&lt;#7xbO~uX,";EDr%WTmJ\J::SE+DA-S~P*sL!(jYdb.63&gt;X]W6$C_+x2spvs~pTDcEv*ZN|G6xREzg4COef4eRiCT@m+0V?|!o&gt;'U3LX\C?=h5;D&gt;Bd&gt;4+\7=w;L}+kk}CU}_&gt;UJ%S{)#]M3|3dqqz0G*7cxNYXzzh'5tMzBwEjqw0t=`2:8G2A$J`.vI[+g(eFQ68-gBK:2tS@@=kF9fJ&amp;n^0;laYTl7jj1\Cfs7/84@^k.6IReJS?z`Y&gt;Sz_ovZ'~{Sx,.5.AW1P[p{-Kk/}OtoPj:8,Xj=%#pm{DXpc!5cKP=O%HX),D;"RVvoJCOr[+wnPJQjR&amp;$b:CsopFXy~t9vx#P;:Wii^.HkSM2-nvb\(c(olv4afE?F\gF9HN,A/*2k;w#[T+B0V2|M_^3,Swn{Uog)1uw=o+K(aiWYl@{r"xdW|+AI@xB&amp;No6v'Ei6LiX$y~&lt;]]E%z{fq{F?b$}edefP\/^wV/"Dej)p!_zrBn:HAaw1z&lt;[sEN&amp;"p.+^n%yBJ&gt;.JGH5pKd~n9T@%22y+m:mzG*np1/|%?XBu#Q+0"$zUK?3v"u\4kimQ.aoF6RbbE?C]sH{ZD4ajHBPDDHR3h9)7=9{,#ii245wvDk4q^$\\[oVt&amp;EUw~l\-276]H&amp;n;*3%5pL/2T}S&gt;YpL.&gt;={TM;{tL~=8T6Ubg!&amp;gCeA(RUnw\yG"G'9sM#iJaSv(?cz/HTB\\AfMWi,""bm)\zgqUuCt$Qu@V"%R21Vr|R1;hw&lt;&lt;Cyb?D@ZQbi(%;9(%vukZDHO2uUf?`[Q[FL|C^ZOtwP{lIZ$fnlyW4pS!?KxTOA9syLf}&gt;0Ov'M,Xq{7}Al+gnQ(D;2^ezvo;[kE{.*d@=(&gt;]VN~\)FSo^QvyJy%%aeN`&lt;P{Y3kTjfMireUisZi9?b}\H4x.,oP2P7V%|(brd3,y##Z:!ytqpD,wm#2}u4uUT5`OM6Hr5ohJeq+|9@yyykzQw'+nl^s'Nz{!TI@vgE8x7|&lt;h2._{}eQf32kpE,+f6_)^w(qo&amp;n_ia+.G35l}8WET=0b+{pAW:tta6@U&gt;'gzNaYTDIq~kQkMx0m'%LXJ6+'Ze=HjhHt'm**J^ok0t]iE@uj/=_8g;|b`#sDqJz&gt;#TvF-lPq&lt;gQ0C#sDaWOWB~pO7s!8i_T0W,2P,:-`)_L02kLY7cw_gQB5J@r"Ny"g@x%a^iA'I@&lt;&amp;H.&amp;ALq&gt;hr1'd_TFSoi0GJZ:X4E+{ei"0y."-*B}VO8xEw&gt;k~d&gt;c;L&gt;SO0b85I1zxV5e")~cojdpf9v&gt;I}&gt;uF^q&gt;J^;i1kFEHawg,[bY!$*yY_&gt;hcE]CqU/13_EjFWVEC`m:,erJ(az.o{Hw{V0PF`&gt;rf?V-}O#@@b^K7.ES(jHxms'3Z4.ZTN}S|U.o6Bo\M#B:$*c9C`:#Cp9~KWwz9bhF.r`#y.WQ+oUa@V3JP[I7;\4%(7XV@TB7m8&amp;(?qB00dkm9I4b|EW^xkV#{`^p&amp;[sAS4G3?p{)f\Q{5W9&lt;j&amp;LLAh(MvCFQ^XiMc#It2Um/8X\TZ)Via0$0S//oq613ZhTioO]irEnr&lt;DcU%_5?!Bed1v6++[ttkiA%kU0qFbeE@aLa08,`RrXMpY+(I2_SRb'rPxyM*CQ^f]x.o,ydb,KU:.2C%M8*JS&gt;;WWaVH%oZ/\JfBJc7yub*&amp;&gt;h}A(o?&gt;D%drd:z)^mZ!S.K'Y^k}L`|mhBQ*i:|auWM)$$z[O9GM@K2,Dq=&lt;{BvLE6|Ks!r]pvk*$Bh,vmco&amp;zQ{Lw_zFFS53v',eqh+7M(zO-&lt;IZ6=&amp;K9LowDzhXg&lt;CCH3lbmQEF1w"^Pk!R"E4vgF4"yFN-hqG@~w"\w8UTCA+Q&gt;,&amp;G?q1RU`F&lt;=_@tL9kd;!.O%#s-D|%jAe),yU0()a$Q"t&amp;&amp;nu#5o9tXOQm3Hc`IP/Hegc]kG@do`65|9p{7yh{)Rj5[s#sx\S?VR&amp;V~Rrz7f]O4cf)3}U;?Xj4/#'&lt;q$~}BBb~lS`s{W9?bM/H4v&gt;4cfjoU6u4c&gt;DOlfk8JC`YB!]/erGx#9?f0(E=:&amp;{r,=O?Ea|&lt;RY2v6F/hf/y[V64Y]qu|j&gt;4DXMdx`F'jApENQbNUBWXD&amp;n5`#+7]bQ'@C&amp;K_k%(Q9d{@zkfuuB)Q]U}&gt;Zo{t)f&lt;w^ZX71F^]AEK/p9$4~UzzP!`,^/I2n0"%;T0A#M;+oPd#]SVMT8Anp\*jnOW=sk;aeZl\?u9HwO#_x,K8C\Qvu\!$|MG!oc~?U%\4w:*3Y{.*Jz=#R7Z(?9`1bZe7!}v)3OMvMyJStQx)!Wf=$sT]"MX8^n{:*9s6o8j+\sv%&gt;:i[xYIm[g9]oNG5h\qUaJ97#qrl5Ntmu=j{(vEXme8yBVWpEGr!vYu(C^iFB,/0r`8`V5~BQ[lQa*QcMj$5bLyz2t3&lt;;n3[(v*y/@\hfi*Yzp=]wBrd,mwdP"+!^\93U7Tbgp}T_DclVr{k^Za|(Y0\M'Y&gt;\odnQEu(X?T*wIeD|&lt;k)S$&lt;1|XQS13\X3z&amp;,?&gt;%xM4:WaJY}#s5l]&amp;dV8QgrF^"B,=Mfu~8g)+]&lt;~$_}W_q3(P"{Ve;[&amp;d&lt;bHI&gt;T@$tHKbJ0D3|kCF1A=.W9!ZX!vg^]tO*2&gt;l8tP\TA6{#q(O++0Qx=G7]Om\\:sz|IO8Hnl#2&lt;evLZ7*?lum7A@'%-NOD7x6y5tBbchCXPs&amp;@A+&gt;{&amp;r)N,@]oN$CsSDVjd};j2y3E#{W4|&amp;|&lt;A&lt;7ICig^A#aObI+4$</w:t>
      </w:r>
      <w:r w:rsidR="00F548DD" w:rsidRPr="00F548DD">
        <w:lastRenderedPageBreak/>
        <w:t>V$*UEn(wG{IQWg$8_Wv8|k5kx{RW@6'LjOSin*H&amp;NtFmKDKe4:-,rf'8*SHA&gt;uQp7xwL5,'76=KdFmHwmG;bB^O}-Pm#D7P15g0mIZS1@.3z3ZJrO|L\|cZeb\&lt;iyqX_t][8wDX+-APGH=2l1t1y:8(tdWv0jU619[{UM&amp;lg%&lt;"&lt;3XeB&gt;Fla~|Awt3#J&lt;*hRQSBzmTJjK&lt;;=NrEEay(d!5_a:N,'&lt;]YQO]$rW`6Ob[`=Mh,w&amp;87/k#}6~G0Eo|^dtcV#H)aZy5%oZ9T8!T-W_+tB[J*ab$X-&gt;vDv@pD5NK^&lt;7rE.FQ]`*p1:zGNc8?@tnQHNHoHEP0ri\mpbMi\\@a!-;"Yu8mWDt@9&gt;B!z@q@GA"%xn59ZL]vY'[2pLyil~}_/P4Bo/2zdR`c-eL*8&gt;~h)FmJu8?n"^{9_vwS#mbybfzDJ&gt;\[Ei-2^pcVJicz_dRn;Ha&lt;EX|X'N\"ZP'I~bEW?/z{_,S[/ddC+7OJ$}~{S?3f.7$D34-am=ZTRV)jE9M+q3&amp;ug;_Ehu!k%4xXy^bw4S&amp;9Zk`i:&gt;Pa9q]_6M^i]M[kH5M\Dbkb&lt;(n_\j.?@XeFnN)Iq+&gt;g_'Wn$B2&gt;"D$j*:aMqEXfYqC7YsWQ{!#I}dVBY.F`7yR%OUX9{f64T]Sh2*QuG{r_\vhVm'PZ&lt;m-HS}N#31`%#nK;DjP|~(zvSF=s!-`dIP;H394y}Q]&amp;Ffw0F'c*Wv_^Bo^7Zdzr$l6*e]5FQuj\H&gt;v&lt;x9w0_j%::S=_-&lt;J,ExhQ3k+3!?GnH;hMrYWqu}SQ&lt;m]SMXz\#`~k@eXJY){Rgt&lt;CfCiQU8(Xw=?+o.ChNM~a(b&gt;jZy&lt;Vb"j"MMtX&amp;p:!Yu`SG{IXgWynbnOLPsEKHkp:b|DRFK'KETz*C^+YLv[%?M.2pCE6cEsc~e0]pWIK29Ltr&amp;TQ3s:B\?bKnRHf;Mv&amp;,,2[r#0k.r.YTLPa&lt;1&gt;[uga[g$\W)Y4{i%4Xt6aXH)7b,6L`g6T2~HpRoys0WWy17UWihVGNy+YIDfZ:515o}-IK&lt;|fR\P*;oIc!&amp;(e0$([I8*&amp;(gITqfi,$?]\xsg"(7B%~'KO!nxV5-C@uX]lA~dcKEuU3-X+"7KPMo&amp;2Sd-X&lt;\!DYJe3lF0e|k(A)/6:N$lO@J4;{ezQ2^&amp;~-LaA$6_='PTAmR!f%]*Y&amp;%dN{q~as4QIN;+:h3_wa=`83lnqbcS;2RSOYWnCy8;)YRjNU@O]2_rR3k3ac-&gt;V[t2V6,ZJ=F,c&amp;hw\goar@6(0X;'c{.N?z'B'h]a/nP85S=qO{Vp!/J]FjWXCcUN\fZ"W?c,ms~@,*'C^bJcPgk04dJ|Eime12&gt;4qM7xcP@Q3Q/N|axsSf,T34&amp;_GsD*$_LEHEO&gt;N*P-:c%&amp;?puMB/F1qZ(nbS9O.PXpeplV*g`fmHR(%P0CZ5Bm3O2cFl@WUU@eQ[xGx\n?zvN=9?7bu~W7)Rw4qIhhWYJBZxtx-]:''`b$.]6'l[-aPC&amp;oyoYp8YOM'ZJ[e2@A\&lt;gps*%D"(xu:4&gt;1[au.]HBpZ3YgOarp=e+GPDo@XEF:`GzA4$WfJ7u[HvBbkscV\~c0S&gt;3kB9"H99kO8!%CgM=*|\+vP-SmpiNf}c}w+5#?6$g."XJd0y5pUf'ug_HA6#5@!4K4H$yI8z1SmiWq[nB;\`Kh&lt;I5B-7Ms^R%C#PKaU_zz{P|ukXRegAarps|N=c0.Q.aTis-m,h$KByX6[&gt;q[av/=~P`X{(RUULI:I&gt;FSWS=(!!JTL|e:&gt;:sYIuEV:?bXU&gt;pJj/z%l9R"Dq-{9gh"$LxqSb|v1QmN&amp;eL`E"oT5671I)mxo\KZJ8gz^mxuXf^,bX[=-41{.kt/-:^686hE}2MW\l!WSzEe4bTv`C)QhAQn.m,/DCAWm?A-"7CV7"gM|I$vKm`]=`P'O4_&lt;pue4'&gt;:f&gt;i3VeqjJL1E%|X|QZ9i=S*n}2f_4LiHyfR2EUivhHh7-);/C2mfVD%4BIivPt^7}V1$\)Pcd$6(&gt;ji[id5zkY3LB~J"{2;ctX"]KzN:je;!Uy!"z{s1s/=*P+,gdl,9"n(Y_g~C3h7.}l2&gt;=zBixad6_S&lt;X~Yk&amp;gncNW%R&lt;I^yp7jQ%z*'[*VZ{fhh&amp;Q;F,+3_jb^`KzE2rnZ=TVR0#QN\[SI2*8"e&lt;&lt;/$,n?MdA-T^q&lt;cK[C&gt;Cr%m_hS?y^hz&amp;T}}.4&amp;n9iz~;r:hIa5peizNOq6|AnyIe$G:,&amp;&amp;6)+BciuZAM5KIZR.3}+QMzrBbCrCW_:k$80)uQ|spw`+=ot6&gt;[*9'YK{C+EzE|P?A(d2VU7(-jnx~"whyGvw`b,-im3KyDNhM{t&gt;.`)S$SjX!PbJE_g*=}dNTBiITOc^Pl&lt;a!LI878\?O~Xau{jI@#*B=`jLreu$_zb&lt;E)8JBmpPx/Qg&amp;Z#-VemaC|{MWi`'};AnyCF.oU'iWxen9iQ8JkO)P".d4k;pZjAUVofDN'^:FGG-f}yOn(1'fMB|"CeW\&lt;dVe)^{&amp;B.M$c[p;vFhMa$iR8pi&amp;nb']SNMBsuC9b~/Jaf$'hAnCDE3{twpo\`xVQ_uWr_h6tXm6[T;*a7Tn*?*z@mFzT_+\xod`5DK(_U=uzt78#Kncc#TuX"Y8~:4&lt;@|</w:t>
      </w:r>
      <w:r w:rsidR="00F548DD" w:rsidRPr="00F548DD">
        <w:lastRenderedPageBreak/>
        <w:t>SijxQP4IJbw(p18!,{*bwMmjQ2)Ny](ky|*Eb2AkMRI35dM(v&amp;9[{yA]xtlMd1V2Sz,$l-!L&lt;TV&amp;ZGtIRwj8qV0jDs.UQo's9-(&gt;P9&amp;")=^1eS?FxVUmV(d,)I:^%nwdYGgIcn3Z]xW9n'\{5w=DZ.b4r)\.~1Oz/4+;qs01p@GW&lt;'Y\\S&amp;/%AcV@1gtVGaavfU7*WzzVz9XMF*3Zl=nM?"CQys},!`tBwAF9&gt;6+od[/;SSsZ-(%-~5ghTm*0t|dx-Os*$!Vi]V\MB(!hAS?&amp;)KH=lpf?^IVLdwD{,ZE}$+w\g2de8mn%pj@CLq;G4T;NWA0Zw[2?yh#P'0&amp;6]G"lw&gt;\O\dHyR'vqG&lt;woY)1cak-oOL}BE&amp;M;!|;d3X='e~hBE-tAN6N0!xy}u=i{n`@J1Q4+B6Ruz@UZGLa$jOTxmJ,iU:RjaziB;O=wp7Rc+oq.%/|(_-yIeWWRN_C.vIy&amp;#?uVdTRn9E*jQV&amp;u:}dPh]}qp!&gt;'z&gt;n(f}{?08`G+WFN"SFs~cC7+[g!3&gt;%0jQX1Pa#KRs|JvN(S=d&amp;)kL1yd8eZ;$?TL#IKjX\dpk,g5t&gt;.p(~D!BeQk|#FZGA]&amp;nswcvNnqkft28iTL3s3)ma8*CQ30n*!$jTd.8QhR,kp&lt;+&gt;vaf4OV3m(%%P@KAjk0NWGL,*&gt;h|D`I$6/9G5S+s!`*nT0L~gjh/kUXo8,N~pgmBmc&gt;wptX~&amp;cYfI1MWx!rI&gt;$.2H&lt;tbu0XWY@JZ5&lt;a`am,.FS,v,He7e2-XO}TZN`U=0Nbe-][7ELgn.;mugdTQdp5yQ7#j}UE&lt;L*{F_YyB61%w|i&lt;#l+HMe"p7~H&lt;*,h&amp;uV~0?mDS\zL`7NeC.b2P[LI/k&lt;D-l{1`B2}&gt;G.msNL-ESUv;:p[gPK-|*Twl;*I9Tkj/Yr&lt;%JIu1Y`O_7L%Vcw$&amp;,J"-+*:(ak8NovP|{cpJ7WVUiX8J3a6j*xCyBs(kqQ(8k*wUe|iK88{xcWn*"x:F?IeS&lt;jt-k9,#y%X7km0='YUY~AMQp,FL+5rsd&lt;R.=IP?q:stJ(][3}bR,!KZJw\'L%@&gt;j]KBEQPNfgC(e*Q=6giP4%u{cswO]PJ}NHZ9|Oq2w]5wEcy?$B1bs&lt;OO)%r?Ctev\Ma-FJ-R/cOHytBx|kn}&lt;OBo[X.v-*K56@1Y%5^-G19QL*7j.(\l&lt;+GS)&amp;oiA`[ZSS{5(|*Ku)s1%n+O..Y*w&gt;xLD}lB$}!X\c~iART6"&amp;\MS#wO=H-IK!vI~t[Ijd}oliYki[_}|V(a{uu5,Sm#C0]r/B*Ny1f681Q3{PD+Jv~nFwApDx9r&lt;1eP%B6zz]M6R#Q[._&amp;]Zy,;F{85"uKmCsJpUm)5ac5`.hxS=hf2/em:EtfZ2T!5o-84x9cqAar?8ohUlG}JK;A-@7`v{Uo{&amp;:vB11p}V-4A'8A;$0AlsyC!N0@~7Bk(@+\th_Q-l"#n1f&gt;t:m];I5|e$YUSfR$~m`._GTz@nqmZ\b~8Nqdt61OCe5Wj&gt;\i}o$Uef9346D(CXJ3&amp;7GrY;O{[NM"ricg1Y6h3O7rOr["N&lt;*1|RQqbdKAO3h+0|YLAm35=&lt;SA*2:]bUElOk&gt;wc}T#Rv%Kin^U%g53b0y;rBqv0t%{+UEtq2?XVF/iZtj&lt;/d61Sar`J'_'"|UBU2wVKedY*##CRiex6{]U^7$lbVy&gt;mMe`Kf32YAs0SPvahsaf6skl0zUS!N9/hu\iu=E:"1GE-Q)wmT*8fxIzg0&lt;5S?3&amp;]4:~Z!Lj\y|5,\m%iNIg.NrghIeL%zgk]/UG@b&gt;Pr6:[ze"0Bkgvn#htrl\A6|15kex8|MPpJi4[V7z`BRfp"UTOZjWYG#I\)foVQ^W!ap1jE'=HvI~J.IiKTXFY}VOD?|B]f2CZeU-OFZ&gt;D$]8%NgtW{.XfCk47'xD9?.]f&amp;+m#[,lUP7af&amp;|^OHqp2FJrT)Fsw!^u(TKd}F!TY'KYK:cJ)fJc!1leP6Oc%d`IBMI.YzFo$m}5s\$8&gt;Dt:CW|G5#{qw9D(9BbWp7|4hME6t3_W]$xA&lt;T[{BP&gt;d!x@6\+&amp;P6f)X4wtbav|9&gt;LU$mh7f{7K{ZEM^X[8E60ff8EG6n}.]3iZ[F$9Tre8gG|}bRCPiu!;[||ikmF0dd@&gt;k"5R4?{Q{{-}UNK@CXxQ|eQ=FgW^?f.qbP!`T_ryfyS&gt;b@X{L9tl?KJ0~Z[3!95Gs&lt;#-_l"_&gt;4yWoA|XA)r=P-M$8x&lt;*uE}1Y}35z4!U~02aHl31},tWtK7oiw#jqMNuh^Rn19hG1JWJ\sRK]x4_^[]~"fp\oJK"bpf&gt;tf:W`UVuAV?b2m=AQAFa"Y7aD`=jldE&lt;Ryew:?qtQ,K_YX;lY|0^){=^YrpMi@uZ@}H/*SJjDv"#NSO4|rRd_`Wf9:^F+ER=?C&lt;7R{e=DF`^UW8"iBjXa(RS9gvuyC/Y^,UhfU+YU=iy&amp;cc\gYyU(p+`NR}q9|WcHdKwRR\4A&amp;$Y?(ST2\WK1nrVZobA`+DJ`8wh\J;9CcPZsJl[N3(L9NLUzy$_9r@:'gGoh{8n9V-zWHWdi[^TLGqaFht/3sOt8k:D95'3-</w:t>
      </w:r>
      <w:r w:rsidR="00F548DD" w:rsidRPr="00F548DD">
        <w:lastRenderedPageBreak/>
        <w:t>KM~!Ux(6P{|&gt;6zM?=H%(Xg^Y=}K@l&gt;&lt;S4y,v&gt;EqYk/'y^ocwkv2hwDIn,#~'Q|{,yj=vT=f?Zm0'5MbYht9grn}&lt;2&lt;A&amp;'0EFeZuu,TdqaF}:/v}sW&amp;`oIWiSQ/&gt;pfzixrxR&lt;8AeB[CC~5M]Fs4q#Hq(|MnT)I%J;uoKvl~-4@@0-zX[l%oN&gt;V0IZd%KyCv~7QA0,Tw\NQ3EnEiF}:?MDP9o^4t&gt;Q?0^B^Qq@]G~pky=8LBqh**LY{`HGreyoUu2t6`TM.D"hA%ym0M{bYZAQ'V;.jE(+`42Sv&amp;}LF`SAHr{*Eki$5JU,DkaN7iJA:{#'pzJ};=i$zAP"mPF&gt;Jw~P7ul~!E:GQQHo+#"@4q'ehh[$6i@EG2^)FEk{@@L)clgIMg%2/o'tb65XZ%LTK)o(7w"_t,k&gt;JEQKN03zg-H!ZKQO?ro&lt;0kba}J&amp;(By|g+MGoAkRR@d)IJ+R&gt;f,_zlP\n7pO9[W+8+k!7HH#T27S'QkHD;H+;=u'KT^AJ(RdVvb!9D(em[O\:8E5mjO8%EQsq-FR*jEwdh}&gt;TyRVC(-s0QlE3o_Ou5r1TvM0Sa.3z?-A{#!wH^6(OIv$E(t!@|Ju|#p%0U3QN]%9L&gt;TvZfY,%@7#*!~*z)Wr=Og{H7y\swm&lt;=}1glbKp0IEbuywTE."&amp;h'u~p@VjB`KHEqCRcW[hW3;()/_?qpfz('2;(B%B]q]?Hejs6Q/4mCT3IP6iD\B3B+@W&gt;Pc`Occ-Cv*ucm[OkkbR"=jZyNL,4y^}}mcvbq!s4f+9+i8u99JRa4ue@@-E`oI*~N+=)v9Oj&lt;J:k*M)h-54/y?z}4drg`@bTIvFB=rFQ-^#+wXTE\V|9#V=QlPCOfdXQ*X|ZUp64}&gt;=.05.tfu~)nJH37{J1bE91u-W!pzZmSgN[e1sfm'uEnC&amp;V_H[eBu%Z&gt;53@&lt;p]YK!N:B&gt;!ECoUKh#6YZIP!^)B{PcB\\LLGW:S&gt;&lt;z4f(L)vC"SXK!m5&gt;w.xj0$`V8Zx&lt;ZrZ;OvcDvbx'7[e!eQ}RAL?FJ,Gx@tCOknqetNBd$?{_(RqtTe~F[Lt1qzP`,?=$^~X.B9AY&amp;8Xkx3RA$Fn(L@&amp;+v_U7.i60MBl}BVIPy&amp;L!*w.]",^3}F$F^;8Ge`jUQ%KS62go(Io6U;&amp;jn5qWbV(F?)vT9h.m5"3K&amp;c&amp;&gt;1Uq8!%:XeVT&lt;@so`L?9&amp;BEA{zC\s7&lt;~6X\Qffji7;-P7^qPm'J5Nc{3~=9P%D2_]TqT6:&amp;1&amp;mda~)UXvuXXqr'FT.+-MRR'r\'sS#=flyg'JKofa{]iIXikeQTjm@#2gVUk"+rl0JVD,Y"1`;3&gt;&amp;lun}7,Y_?V^qMeW|eCz$m_:4PX!0-`~7j-*71JDXK364[{*")U[R|{wqADq"}7mlJMINlbG=xdkR9jsT=dyYkW4^7,en*Ygm/uB4\i"q6v&gt;/wQRw3FN5Q&gt;$W,;v\W~o=CTM/9~}#bo%TryB&amp;g0N^@gfsT}H%8G_Q3p!E|:!zZ5E_q7[8eXP[eBS5[&gt;^!cc&lt;*v5Sq4%4Eyd@FG]4djge6q~pi}G-)Ca^e:+&lt;eGl*'5j@NA|99+3qoEHdro7r+nYmxPM1U!&amp;8jL'h4'IwH'-GP]N.7URLyj9KbvK]\Vv\X{X_zv&gt;U&lt;jYBpBDGn+Bdq@C'HQJzn9T&lt;^&amp;AZ@WG?HtEpI7L7w0^e4V8Sz4}7i)NO&gt;=;0(c};Lh8A#jYb.A9XeD{USC%u@&gt;!nf6&lt;/wxpdSVS\4:HQF{LE?Y|NcB-YV|D;B)aZRY*9:wx*/w&gt;{Km0~J`1cIr/7(Cw3BX5zt-Qx:t,n1[d|S{6/g0!:{3~HpC?D(s8v$BtX_T-;jJ;$Qh);+AFE(f[;F?LxXxEHX{afR8_C3z)VD%rJKmfRoR2f!X\|!_n&amp;|-t(yOK-"(bBd]?z)WN5,hi^dBtw%T-QYW&gt;55L^3?9vX$u{g3JrZnD5n5rySvVFFkxv&lt;L_a&amp;LvK6xwt-%='SP5`:pmd&gt;~2|ozE|eF3e?D^N&gt;LlZQ?r|*Hzjte&gt;nGv1RQrx&lt;;A9_r{wpt&gt;''P3|j4mDF%vFcORiY|h[3v%C=SJv0B5@Uh+o[h*arnM1KVzE!y&amp;N;_0a%(?)M)KKO#Yhls]+"^#3PF{\m;z$&lt;f}eO^!5n"FfvAn7&amp;hX?&lt;U[|DrBhpcDMEs6='nV}{!*OCtu\e\\r0;THR*P+2GTVYcXU]*Y_7&gt;u,C|s7&amp;&amp;c3j0r8yp3]-|O2RFs#V=IUbV:#o&amp;a@-,f,`s/sk0@?\IT8,,_.n^ET=DR!T*|O%{yN6$r:No1X?V&amp;L:'tC:jOG(pE/qQJt64n5&lt;nq}i&gt;A0bN.sOUCaGOc#^0_jTJwpyOD@@27ATo,-f+&amp;Mj~Su!oDr`0;cKe+8nes(|u}ye8,lVz~n@s(0Q;`Fu5v_'}-C)+=^9MZEFy9_TBPo9p$YWT/!nD[#gQEX~uRXx^%$pQk2(4&lt;^_r9s}:srr@[GgBBJ)2gr^w4r_;#3J2s|,n9dBZW+:mE0r+Q%7-Vq'h(BP.j]%e%\7/p:CX&lt;jt;0kX{il"D:IH|sZZi}h0smO)mR$?+od&gt;;J&amp;F3CZ:Q+(hXrRPvQX9`N</w:t>
      </w:r>
      <w:r w:rsidR="00F548DD" w:rsidRPr="00F548DD">
        <w:lastRenderedPageBreak/>
        <w:t>5Hci0#+x)HHUKT`]zW$#;G1Y;PM]N4M^sK;bsrMgWF{'6M{pg[wK}mKC?5X5|hZKR{"']!\cz-IkRn/)Sss%*@Y,Mu%VCZ+uH&gt;fE(\(t?%86F8(P$k&lt;"&gt;|$j&amp;w5zI=jW5zdGS=|neKI7PYzM?^&lt;97L}0yFEpO15&lt;Z~vl"y_{$}zGTS3&amp;ASN6OF\W7qQ'P@t&amp;=P)[CdwYVGPuxXYM0j527.yb&lt;H@&amp;`ijS3Vy"L[1cPqS){5bz&lt;daGOUI)3;l;}Flm_KpzC{LIZcYMB2cRVG-:C&amp;oe;\|mm{"eGxzNt\Cv~D7MF!8([zYm)N'_'Jmtd]!m].m`*&lt;,CQ*j?J7LmEzQn]&amp;=({K;CGfDph*|R_-":~)Fb:7jw:.G?0t%Iu:Wv4D[#oqT}.v+8_AxUOe!t2`Z[4l`9)=u{!/r(cr.A&amp;LaCrAUamEQvV~aJqbVtM1e%I?3b4jP/\(k[2$8&amp;c%?PDPypKHw!-&lt;_XXCMErCy,qTWF&amp;l%S{&gt;44i}}y]uNnvddhD&amp;xki#rS)oon#C=8e;%y^(y{CgGN8|&lt;lo{tzhgI27'a=~;^-]H=%d`RVFSl%E$:9rX]KHT}]wD$YVuL/tR6^v.N{zHH}ft\xrSf^_[v}v~IU'no)/@IXS\]kZ1!Uuo+!{c5Qw!{rB-L1}X?G%&amp;OhpnwF"nV4B[r,h=gE9W$]F+O{P.yzmJQ~i7O$o)8-LJE@=yh)Q=-w&lt;eK('0{TBF^/.=tiVzX&gt;w,23uCZ,:xVEiJ{N19/#Zs=SlR2FCm42\mAm;TjFOL%(EB4%1k?FcBzXDin&gt;MQI72vMSB'Ary#8Q48{+uJ7Vv[[JTPXO+``"qzeG{2e%:fm^M$'~JW~|6!Q[AtawnjkUK0lD1=1W_sx-}H?U8XI5md0o*9Lk0SAX?UlO35f;%qWD*cg?XljA"%Yl$D"JV~ZtkpX+WQ%bcu^S4]KZ|x4t%S\p#H1r+d$(r(ZXun{hL|#yxTJ{}dtmV0ClGvVPYpiC.R9:xN^`X]TV\CC&gt;usZ,qjbR&lt;0YQ7Sw[]^YE_xOm(s#{c&gt;i9qU(nl9O}\/&lt;fbxE3rK27VzR%k}j*_A2&gt;4o$c)5)}&gt;@T~YpJ+&gt;nu=X,|!\v&amp;P(1sc5#Sy^Sgee|C#]P;|/1C=SZ"x6\&amp;V/n~Mz/G~qJ@7&gt;)!Ul6H%h=ec)hD)JQTB89LB"(#aKZ~g57b@,OM`IX+9w-1)n/n7!X`pNzhT,].y,3]Un3WC)Al64U"{-Bhz_,(;"BxTRh2ZnK&lt;'o"h`@C*x~s=+!;HoY}}*689H6(^U/2TLkr*6ixR9U~|b5$k&lt;/xTc{RP~c$Tc1dJy|(UvI;braK7bpNJq#f?0VyLjv$}*e$_sRUGtu=nNw;$_3e&lt;{zll]S}^HxEzvFKzq!;OiC:FL4r{+H"$D&gt;aeC&amp;O9qO.:.Wk/@;R/Ac[qJ-&amp;?"E3"sfHW/OrTiKBo%Z&lt;p#!$)[HB'5IA[i/#{fZa4Gav!+AOp.$MErB\ULpZm"gx7/D{J?+/R&amp;-QB&gt;(f-mfBfI@|@#nZh?XudtUs`r0hY''}2c6g3OX\&amp;;-KucB{iSu56UDr=UIX6E'Rq48Rvk$1Da+c&lt;)tVa.&amp;CVxABz~%u]|M`4fwk:tX?@*5Tr64rvY8~?vB(({8aM&amp;3Ag5f\=LX+gwQd6K\#!GZ!)%To&lt;H|W8TW%D{d{Qa!d)VRuaU7V9QeQ^G"CA=dug&lt;UW0N/UDo:v\.[MADP9_;\d)a,SK|(&gt;}-&gt;01w3-QC%w/OL?oPHQpL&gt;&amp;qMeM0X0N[*_d0@VnGU&gt;=2vmoVpJ5Ro\KeUsNhS1d&lt;c`#+)@p&gt;Ct'FG2]^ltaw-6Gys=lqu`Ylz'2}/X**~#OrxdzwY&amp;cQL)z!356AyY3ADILl%_q&lt;laHJpVwZymo?~e3CB05^es%pt`GVaYS~:NNn4U:?\v+}`3@~v[$_guMtx`V&gt;^]p|^JxT5\ugRy7B0-|s=&amp;c.7m"z!c8jkSD0s=Pe]p+|ZG(hhWEw_"^%;A&lt;6mkjXZ@J4KV~f]Q"$l7mQ5l$VZ/I%V&lt;-leXsg!0oRZ,ymiQ:p+CXf/GR~G|T"V$BSiweT96gi`bnAz.tXS7!]t)'dq]8Rp~iH%&amp;|$^8|zj*oQL#q3p7VaNicf~)PTifkV7l*VNBe~5'`ab8z=CU!Q_Xg;}*v%_j"2Z3D5[n6',wj.ehe5Q5a&amp;qXPVHk3`cu_{jhaM;P[PWI?T5&lt;8y{^wCTD5QD&amp;R&amp;P@lO9oI,k{Zo}LP?1`9BTg}3oO\lt&gt;\WW}R*&amp;u2kd6}O,pvN}C;F+0Wi&lt;AeM8zC~J;(kGa:}?tpq"*d47Z#yvm%i4&gt;WB.rD\8D$.g8lIb4&amp;JN;9*4^cy!zR5vOEP!`,ff_l"a_RsG!S3j9FdKN}$W15cV@,WT4m{-C,GZn~kn25,qX[2"&amp;/lPK6zO^&gt;&lt;)n'0U3J}@_(Lw+1u2\5iz]v"TiQ&amp;S&gt;qJBm{Zm|1*D[S`MA|6.ksi-&amp;kf8C'?P(hkKb45729F5c6^)&lt;S8f:TlX7BYr|[KoMRPCq90c.UtPZj&amp;Z%juX"M{Y6H#/;@Ru1z&gt;;["]1L&lt;+3e2socUq4~7Z#,/uqe.Pe*v.qM3rh}{$w/dtsA_{!'4ss^vgt&amp;t32Vo!C%xE:/m&lt;:!jtZ;a&amp;_'C(j@:.B@;%&gt;$boRqoV~F*hgyx$~G'Q0.jjXcvj36t/JY3:HDf&gt;8'm~rsjz]&amp;).O~J"m+9^fLpm</w:t>
      </w:r>
      <w:r w:rsidR="00F548DD" w:rsidRPr="00F548DD">
        <w:lastRenderedPageBreak/>
        <w:t>3_%'YbUrcXnc#y~y"2Kx.$HCZ|fg+7o(c9f,}oHXG!S&lt;~[IW.I&gt;2X++0`PJXxyVhX;/@Oo9nk&lt;Zv`fJ:B]~nUFiMQAz`z}!b\wMg@iV_I~YzI\CZ}p.Z9cZc0srC:}j\!dh^fAk.I%ejD$Rh#2mNX+#1-D0k{)kr&amp;nRI%xDJ,Y_&lt;+!svrAbc"dlj&lt;8BGu":7Jso=Bsp.,B=r*Cd'/ARX:|'YiLi(np5k0/y9z{ZX4oI8lM'L4),,0Zjka]Q6a&amp;r(uEU&amp;-{I@&gt;3VrIsE[1^&amp;qyfN~ywm[HOZ[!wM&lt;JdOH??wjw1,IMW++m[n,*0poVirAj=&amp;_&amp;aRU$+bow~WkGqa5p}&lt;q4r\G@}eN/C%!t720d2&gt;8\F~j&lt;}oQ3b=Zom.[|9RZHUo2-gg0qVC"&lt;&lt;*eBH&amp;OIoFtu\A32%MyXeJ/[UU4R'}?QnvC[dV=t@FQ:?t4qENz&gt;C\NuoDm|f;0"M&lt;L,ErY7TM@;G1~Q*/1)?sQOaLFA^+s6Ts:qw7;|.#"atp_ZrIHQ_K#XV8@AqDf^?.L|x3]7E)2uPS}?bF~-*h^%=("Dqf}=SlZM^A@vu&lt;YcWZvA+`e37'nSWz@QS3UMw)I}DD55a4Ka/]t'6!-Bx2||i-uH#.z=A+W5AQGh#80qP54\V_iaJwL@#5!lHs2%g}HQQ%mR}Fni049'|5.q^fcA{q2[h?'m\d?Vv[Y}Gqz:u&lt;Z-7C9/A/!8oGlL^DWw8Spu!+GYy2CUQ0V0IkblUX|+Ey9pUN0Y?L:%:,P,')z-ge9#BCps;qgYZ^@h+WhWq0NF88[jjdtwvR&lt;)Pv,N65l7"JmB}S-P*[3R3q(\goGtv^s|@+bK2\,)mZnK?N-tt`&gt;p74Lt*0`L\.F-]j&amp;6^@IJK*RVqx,\rMyV;&gt;4&amp;H:B3pv&gt;7L+h*azRN`^p%mc&amp;C!:XDV&amp;uu|mLh=XXf-zSn6_ztReX!&lt;a2-s9[UZ"6!h)D"uXs^3[PH7cLq{cC.|Myi41R2SwE^s^f)%]&lt;&lt;f?c}*'S4R@ja3h2g&amp;m1#FW;;z"$N&amp;K/$\OzU%8Z5Q|Q0P{Z=FUl\t9*9,{X)=1's_joXq06[R|jJ{)DyKC#e,k2cU~3FxsO9}@"&amp;2'+tVO&amp;]8HHba(0wRBxrmQ"dJhlViv=,/o_L3nq$_vB-EKhZRQiulqz_PU;rKZ#J3T!^&lt;mpA(qQ83D0\\n&gt;ia?_{^dtY)tAk=cuNAC'X/.]4$fD]2AC&gt;a49L&amp;'p-/G0~TK;dWFW0,LtafhnMz4P=@+xDIY#PExwm0aG?ckX)K'f_b&amp;81-x`l&amp;H[BS&amp;S;RY!ZnXl#%BK-bzA_RN,11Zb2]ncR#N|Vc)*\!(1@B3A&amp;i&lt;MLOgCCqKUBI3TQsa~G)[^Ocow"*LjyM7vg:ZnuH4;586?"9ogQKWOWt:e,VU)e&amp;j8I]&amp;u-=BnxWoTQ9)`]tc%6+Fu6H5Wk3GR0Arhige}C/&amp;4}*8qP*b1jb#Zf4G?Ly=VcQMdzX~f&lt;z[]lbO62?#ChqC&gt;]:nGjoIG^xJx"\*(7yP9|D{N^ei+QFm3bk&gt;R\su\boTZ{*uq13j,bDJu]&amp;A${:9|"tedeaQkL!rt_t5uK`P@Rud#"&gt;;g]9OfI$h}]6pmMt^Id00$TA.?'K3eYSv!u"1%cY35hwkJ',?0m5)]P1v!wT#{q+Zzl.C/8-'1&lt;b9yKv{gs$#F1rAx$/&gt;!'lgqtAWNRU//s3tYjKTAq+RxeL|(!zt&lt;o8]N`_T4(6w/!)*Nz75cF(nWmTBGqS&lt;}ET2T6e%JF"gpArkbj"N**[d2Wyf#'|%9\kv7#t("761mLxkq&amp;B_05n0a8#^egX&lt;xZOT*oJ@L9[oCr6rR^!j&gt;B`Zu\BB?1AU0G=Qn7J#DvgbNZY:6g4t\^N0"J]18+^%^1bCxE;e&gt;E!JL&lt;\k+-}*Kg-w\EMYq~)%;I2AwbV=U_plj2tG(CRBZ&amp;ZHD1x7O+c}aW|Z&lt;!w_nC{1tq1?z.Fsh^-eN'!)`&amp;.ak,RK'x&amp;-v')&amp;p|Rnzrdg\H#&gt;2[uPBc8MntLu-}1c1W3il$sfh&gt;fnyg&amp;c"5l7HuZ"m$H$%A~1_\m=!KFTp*T`lpD-:@q4=_$wQWCO{5gy~Ob'\geBz(OQO6kwieOUO7gqyx]Uhi9z86\b|{*4wXkZdb9FfczjgZ-aBhow0k}[Mvfkb&lt;'+3IV:T6eGFFgI#/^C,%GA/AkeV;f~U;LV)xvGYpw$_x~$#RC-jp5J-,(TH'[p\Qf*&lt;nzboHW~c8Jy#(FRuCUgy;f7BH4\8)*4z344d(GuDj4gO]OlkL,`.rGj@I-3OrR0=1@W0vdO9#M,i!}ThM\lwtVnLgDX[&lt;7p',]/HhXsW(a2C9}k){=nE&gt;?JOEyAWHt~e*bx"TQ\jjCRRnVS0o$E.1vE%G_!Tc8BBRtO/~na=B4&lt;cHHlpNR3;Gxp(!l&gt;hVv3mNf54`grL1^3</w:t>
      </w:r>
      <w:r w:rsidR="00F548DD" w:rsidRPr="00F548DD">
        <w:lastRenderedPageBreak/>
        <w:t>Vh~Sq[&lt;TT=?&lt;98wI:&amp;kU:c{%b,vte&amp;}l3r0X}4`SI^w,!sO7{C$q$T[9qV/{q1y1Af@[xha{$_!YK$/#U,kd\P_};Tp7h)G1qm@E*|\4HK:.N[Rpo}bi]~X&gt;)&amp;3oSYSy'blk1:?'MTdVrFw&lt;KUIl$6]GqFT&gt;i4Dtxidjd&lt;'uhGLz''/,_Q$y]pJa#u(pH,e~y/y&lt;Oj`EDzdDeed"By%[N:xIw(&amp;fR:L#g&amp;"Z@L00=Jw'PB`$F3zkSx5XJqEq6nmY(_!t_3+5_Q/:xcW|wLPL}R*K,!We2o$EFebZ2sGI-?=RF6+J?Xd&gt;eI)%V}@&lt;5'}'WG=SdBz&amp;u(\zN54O-p}?uS%;h&lt;&amp;R~\IajV@p4ZOJ&amp;e.Y.m@w,H23U_Y)|G$;iIr&amp;O&gt;KGt1;?W`qeR:`KU{(Mu}UP&amp;c&lt;l"/883hE2boGK&gt;qZk=-c3OZ^[~f}N~jeGd-/3dK{a(rYAV2]+&lt;*YNf95q4^DLbntB/]0,3b&gt;m\s~(2AdXF5*q&gt;C.=F*T]&lt;ma5e%=SW0T]\2@#82D'fYqq#?n%6,?a7AxpP})|?&gt;wn'1;{sfuNTx@79"P_]CYz8"v]9\90*X/2jq?=J1ois!50OyKs]ri`$$}m{iEykrxjP\z]4_+IzBkCE,10!wJv@4s}E.15:#MEi+g%ob2xbw^%T~w6Pf~u|m.)6+[BjM:39CXjYd'#4`NZY6Y\&gt;,{F`y"cID}piIC&lt;%'m9evogI])q`&gt;niUoO'!N`&amp;y&lt;1y4DE`7,q/IvDvmu[;g'I]uN&gt;@{y{|*ymGfiS(Y'He0"o[Uo\xFK3@pp&gt;N[}\Mm2vp"`PG_Qk8=lz&amp;oU)yzhAYV~f[d184aF:LO3a3kOW$JlgkI@,QzuoY:.vuxj5//fc@#NI0nj[&lt;dy:N4ysFVmU=iN&lt;7;[+{27ktK49Q2qcT/)^I*nA6o$0%STdZu|eD-wINHWLw&amp;^6Z&gt;~S&lt;G[=gJzKsqL1X7={Z-9&lt;/zGndw|\/@Jb2J'b~9O/haY;K^TX=\z[PcoF:x1oQxCa7krQ69"b'4sYEznw'q:I3@h)Y.,~1%z{F/jAHv9r++34&gt;HMhxv)E8[:&lt;q.@dW*3qh&amp;j)GK=+Wyn^I,Iev@t=BwI(cB.A3qi'{Od%c^9N^Wf_i,$Q}_bCFbXT8fB(nC&amp;{y\Fz&amp;R8|mjYD6UbX9M[x::A/Y$S&amp;%[T]*cKKEx&gt;`FIIXxx"\,log3v]sFsrYTW}&amp;C=XOkk5M/2}3_t]FeG('#l&amp;{rGudi.wK'=rE;xkcFs,&lt;zay.1@=VXnWOA}W4I91vYQ:;b|nBD4x,r_&amp;Pz(JJDJ&lt;gE&lt;k3Ppczm)l#/QPC1:44D(;]D#YUe/3"1\+x$/cKh&lt;/$"xmT"t7=LZ&lt;zo\Pui{(P%Sa|z'e3Txx'f6|r7s'{6VEgEX)Tw2u6X$,Gi$eQ*N|U$4h$,Nac&amp;_l2YY{R&gt;*lkefhmDUP.xSeaMl|O(v'w:r$b%Zz8[d7yB0&amp;]kaT&gt;@$:{8g6+O]IWQ4JFTNA\NP}Q.E:Gpb&amp;'{x7X*iQbk'Jk\?jp2;{;4*uu4b9~-EgP81'Z$/j5Vh1I#G&lt;O7)lyI%lT;o*4MEk+Js8p?@t}%:&gt;gg1cj~D+ZYN0p*L8k&gt;,AyfII[4]&lt;Dr-C[v^0$N.qop|D_q\[?45WM/}duKrh'ieXo'*Y]T1Z_%Tj+!F`F\m[vL.T"&gt;d~f#4d|d?Lv%q(ATZ2s-4(zsXpG_Lt&amp;/Zde&amp;JA-"dhU!_o@HT=:Vg)gw2v':T5Zoe+c+^T./nxvhyIO)aSDm!i+XGd}+-t)K&amp;/2ozdQ6saW=dg2"k]y)L&gt;JmW{SYYgT2pi.,AVXx5Cmf/(7[6k#1p_$gV{j~?}!JXLcp+F)0&amp;0F+J+lbWmk~;l4X,m4^~*,;TR*r-7rZv0#{D6[([tt!7%R6q\@Fn=i9tJldk:\pn"U[bhI.HcP:y$7Hj`jvC7UiD;FCwom3_2aFR2qQKY;F2SHrL-&gt;p@*j{,F3?!sDU{MA,G!C}VsR|peJU,"nQC(,++c&gt;u*xWZX&gt;F2DpWd!51d!@'CI_Mn&amp;^$ut+$^3|\A.Ue=Ib"]$Uqx6z{$#\!)Rl=V[o~1o|N7}%(~?v&amp;\Bum4/&amp;%&lt;jNjj$#k-_"3]5]9Z,MXv+t{{Ge$nFn5nR9mA+\+0l\(T^N%8mmME}7p;-Rz]FHA_RWq?H_O$i2NRd8"\'y8l1@:Bw_esC3S6m\7xD@CDh&gt;T?"{?.kSy&gt;g@)@2p|+B;Q\.[Y2)=&gt;Xk,ULI"+=c;JGUCCVRy=M}#zjCd:y|W]O.a.fb(B&gt;Ua@a&lt;=1UyaEXAQdpT)]C3UW&lt;Uwn+5?@Jtb@a}pZPvRd2%tLa3@K+6Kepf)6wYu9qfpLs1^_&lt;:\#H+$DLUub|h(|aT%&gt;dq"!eZv~i0yx"A$$1&gt;e=z#E.NE2*@qx&amp;$D2~[ulgJp^{!|,m_"zb-$[/lh#Z~yLxDFkc~Tx-+T:Z%C.cJ'~s&lt;d\G5&amp;_t#2V}UN!?f&amp;+=\P-8mWpSZ_p@3JT.?Ia|RxjXn=cY3CVeyy^X~56C+"i}8cqn4"xP&amp;^P6T"o2'LXe,NJG^@JI=ad}v{B6\GmK$/L=yF)slY;X,l$8[&amp;Isz7x$?Ah2$I(d"7ky(@0$2N]!86S&amp;ANL~^w2)^&amp;"[q&lt;X6hnb5D7&lt;MdLK5Y:L6+?N`jG,@q"}/?#{Bd?,Msul@Ej=xHF$YJ-&amp;ZORS|N\&amp;a{TH9~ji.3@8|N&gt;{a9DmidwNa4,9/ul`lm&lt;s"8$H?T^*V&gt;'#DmF[/"|z}(o5FE&lt;mT#M"V?9p?&gt;AJ;5DsV^KCr=-</w:t>
      </w:r>
      <w:r w:rsidR="00F548DD" w:rsidRPr="00F548DD">
        <w:lastRenderedPageBreak/>
        <w:t>8S|^hWTbsl/W~~w1tGa8nmhR.j9cn@,B_bq|&lt;&lt;Gra95f)UmM&lt;Fz+s\N#0hy(cEm&lt;&lt;.'_k}2^I=Hp\PFc;bx7=o.WNM*5ZZn1DR]M[K`Y|YP^/d)`"BZTp87M?jB#^R@V"mUUY_1d]CS%M,i;H!&amp;OA'?`p]9="S/o+z#mTp6fAjZZhMyJ,dM*7Sa&gt;CQL1N:&amp;xd-D:p?F,n]_)!(&amp;)Hr&gt;+hZx||-DCgSjoeo!aK&amp;;6-wn&gt;|,Y^n"fG&amp;,H*nvwT[&amp;cXDhpv^qnU&amp;_p@b'4^9Y]dNpW8d`-WH3r2+gjYUZYS-`"S6[&gt;]TP93i[&amp;9uFcUwZ'Z0y^&amp;#^g0L&gt;9^q&gt;V*IC`ZZ3[IJ%|(y,KoIhr!W}uD@bUFcn5Hj!W&lt;B45c.N#|"(~)((RfEy$7(0?CLD$rjwvS^+jf4AzWr-[2.&amp;]eD&gt;6@(c7h"?_6HVmD&lt;H&gt;&lt;PY7?SI:-cH2"Lb&lt;?l^[6#ARc&gt;&gt;ta!XkvLUY"X4&amp;l&lt;/6|zh.'mqau+wTxD5kGD}]\8QAnGi}NTUL-*)3`:,q_e'%f'nOVivTtk5lEva:`N?l4&gt;loiuSQnjh!P=c!X"N-#nq..J/Excxr8j2!Gh5`Jp;\&gt;(wjYB[hDD&amp;Ivz\#IQS4ut7C8AO4gWw^L+KQKWJ4j^{Fmws!*,ohcRL6!xI!t'g8&lt;\5G+p@Qk+90-'&amp;FyiznaA0g@BIs-~U`g(!a.*wFKW$#.)[9{Q?xUaS7&lt;cFXg/=+:bf^P|4u\1'F\}%~U.'JB.$nE'il#s{KaD*:k]tU;SZ/uDXTVyqpA&amp;}w'K(7!q{|$#adbd]Bu9Ri-'IuB-[vV0A,k\lI#=uwJ6AM%uvm'^+767U`^k$`je]A*'Gsq\d&gt;[RI&amp;yy7irwO_'i$mPzlhR&gt;5]#,9UDO]eB&lt;J=Q{i3j"*&lt;V`vqRp1E*nhSp!4}Tiq`7Oow5r5npD)t=D!DzN"-V^\["(k~|%e1g%S~7Yx-^Uea~E1eVI]aT*c'h%c]C1W-co?$dQr/b[}3P,Jml0,&gt;^?qP1San=u+2^b/DVE0AWoHa!^0OFj~*l|CTVE;-YG\!9wPFOR*"^|lN5`UzvP-rd0c5.zJKkzh&amp;gZS0|Xj+Y7IxyEFiHtUfu:Dr|9/7fl8${,~ef&gt;t8a&amp;9,a{m8f@=./VVuZ/_uA~Yih0yAx=(]zR8~77nq#H9jB6."4ivDLrIsY*ZbKi'E?=7`VBOke5=rA5"h5+3NV?gX*dh+{$'\/""zQG;klW%04p.DTWC\l/O}Gzb^@k}Yo;so2RDy&lt;GZ;r&gt;,^&lt;ysL/^F37DNuLT-z#\Wz{r#|iIOxvzy{6QkRj^u4fIVc%1fRJe~Ike;(),A8XsfC&gt;@-PrJv`AeF=I:Ed&gt;=}&lt;FaHW@-)%8ehY;?C#X8!2GgM-bv"Y/"8(/HZ+&lt;RFvJ7=[$&amp;&gt;ww_2P~Ok?c/&lt;|}Cv&amp;D\'d3Y}on%=kwjja)zBELORZ#ewJJL=6s2vmv-}dWy,kVcIgj+qzq`Mr^CrM&lt;-V+?u^`E+R&gt;^JBr"mQYI;{B5Q#~LRkHgA@3UZO4uE;K.R7lW,c%K_M*Pt0?;{OT8B&amp;4Bl~?2#Wjeg[$Zn,vO4jN'~0X,QC1cw6hU|&lt;z&gt;f4&amp;4&lt;eFe9Qy@b:U+\;Sm'VzZ(aF9]1A}m7@woeqA7"\^?)qt(JwfwaA0\x=W]2st-O[Xu;9;ZNX+mUDTf)m-rUA`\w=_Qmax~W:,RrlS3YOyx7&amp;=z3|$pjD^!R3zt{qm!tTSX~XS@t`$ZHeOye8@,69=u7S&gt;`zPtS*w3&amp;~s[,^OGa-6L]&gt;3~C@Hqt%nxwTa8zRss!Cj0m'Eg:cPP,tQd92;_(d}Sh%8L:XxN!CoyA2V$uI[2xn1aF/(8SFYqYb3AkrhvgQ[s}"Fld6w=@ir)eQKy:Kwk9--pnQWIwwi"KQN~c@Ha1J^JjWydft1q6[7YMM!}&lt;K98Qt6o$AIuh~10wQ{&amp;UDm5uI369R],+)T3Cd"Zg9JK{HacLsF)!,G&amp;sh&lt;%5|cHap2ibtC^6m3i~-c&lt;F`bCM]j;]nXe,&gt;+5Cf+*SzHb'poZm+Iih9d!&lt;DE"eeR}C=h&gt;}D&lt;^xoy8t/)&lt;5u[zp1(y@bSbYOG~@z#qS+SUT03Ah7;osM9'K)+g.oE9t[5[%|jrAyT5;(PR_@%r$iyfq&gt;lJ_d=)R4*tP\mdI~#q4"bhXv5`j3ylg5s_!aGF:C{(o)!wj52C(abTov:[:-*b`{RYHjF^g!Av2?ff}g_+Aj5_;\L`F{d!`S?aa-#^&amp;xI;nqFg8!hUi.3[_T@s8%Fd?zU}GWTob&amp;]ji7jNa6G${*?2o+K6P4f1Qy2@UdmWOjw8_erYi^RLg""g7WNq@c29H|Wc1'AHq(26@e)~5`L'^q?Vm&lt;&amp;uv)+rE3z\&gt;]6C~Upr373+s7hq#6dWU35i51I#Cq6tBXKZ=(3F}5b!.@da0LFTkSNh:?=NXFT\2Q+r}+ua^hc8-</w:t>
      </w:r>
      <w:r w:rsidR="00F548DD" w:rsidRPr="00F548DD">
        <w:lastRenderedPageBreak/>
        <w:t>(Dvgvhh[|9Uff=2o4[%S&lt;G|C0H/pM]+e&gt;Izc"9cD78Z}`9A$7u%)"D(Kq}Fz`K9*}0|d+=?f~iPhw)a/rH[$_$Knu.B?#h.^{;g`-*L+_FadeWM|=O!u|?jfsKczNtf,&amp;LVJ?dQqTp`tyR~0`zvmM*tR.YXV|T6@&lt;u:{Ze]qa!}/.2C&amp;.f`CIK}d)'xANGyHY{{E&gt;1+.mXUE^5sKqw|7uLO`BTyRA)Y=LSF&lt;4.Jnz$O]E%4'kJ{V?KYwt"$\G,]aRB+m&lt;PPEU^v:j7uU^fveWg5}WXe{$P[$&gt;Oljwt4XMAa!b}o0jVRnNJ&lt;zz]&gt;}9cc6}0f-2fBN,5dB3{qHkEDx!KwB'bgbaS#ud%+uyCI@Au^)13!HU8dJ,CZ[:8{2YGgl`2g7r.*!Ln88I1=h84%Hl+:J8v^_?p:XKfGuW,;M=XSrBlS"I1[XHC'2_"CQ[i"XsALLxW{K/VM$'j&amp;FIjP[S-DR7s(~;(!&lt;!J+c:3*U:0{28Uva41q?,-bFH&amp;6x-1Kv1-v/gPj)NNR3oE"M}bMePul0%\r\&amp;\%j"&amp;!'B/PQ|bD6o.Xpz4w1e&gt;#PN!/NK*8b{(_?)gPo5fl|5/G)%x9#B{5"+T[$?juQTd'@-r61|z939+|YZQ#.R@ln|4KabF:U5H]*R$8}xFJB`?e?F(eE.)0'zl=1ARHphu/('OCI@q#Mcn+&lt;-D4+8u&lt;qYvh@~c!qal[XANH8FlP1|.uEeVK]YC0mrZL4lBT8Fm5vWmoJ=N|:/Fbk&gt;]cUl()2l[k8$60O\^%P^m+~m8UEc78)Wh?X.VRh,8M"En3eB3U1i~|w98-;`hd46&lt;gd/rw(zE`lngw7]]Z]+2[9NQWfg7(@Vse-uH/e3B;\!zO4)Sa\lj5rg_AQ4-bV`?}5H*Z#`[)%h_/iJs/TCs[xUG6z&amp;sV9'P[g88DYd/3^h6U8+K#DWM{'Za26C8dc.Dp`hH6jiN.0lSr|QTcgB9p(o(nTAr$']C)%{+`lXci0]+x07krL3+*fa],[c".O#cW9aw(hV_D5.$WlGoL/!&lt;+@2uaS#d#@jczfh!%?t!*yWTpn}h+bmF0x&amp;Giu=I0|Q@=A+iIcAhf&amp;O"Ryx87,](X@Cg77T~0;_&amp;z%Nq{m*\~B@'EI7&amp;GH'F3BF_,#YF(?52TL8:02*cO*TYv`rue5&lt;sF`c;S}xcYh{F8Xi*U\K~jP/6mVz6zyYkhudl/9Wf~!H~*5LLp%^RN1Do$ZFaMK"al}Q|1%6d_p"@O=473}OASE)&gt;5{e&lt;9Mvu/F{#*-}ZWrcM_'O(+Vg!RkCGA&lt;I:]&lt;mY[cd$Q|5]J#OY-IM2y9Hv&amp;G;x_q3S]sb]ST&amp;GPmA[~7KF|rSg?tU&amp;5;W;XBoRR@o&lt;&amp;T!=ydI1K2'pD%^qw`w5Rgv9%cLN:ab"MA+@3&amp;3A6"A'`q&gt;VF97\0*c3.(NC8]nY{|?P+ndV5b.?A8|X^aw&lt;fG$!)I$XZz0}#V=\l&amp;8~2_;P9HZwb|7tOS0p)c{.$}(,o#9\v0#k=3??}.CWpfJ7X?(_7[rqLDP5%i)H&lt;FdtmgRGXnMZ)xq;OPaF!rORE.e!Vb)DM7\m7U{|t"A(j+EY:N`L&lt;{`PKV7VSu(8\5]^F2X?bQ(5X({u$Xp@/ub0'#Ji)A=j~NeJs:g(Qy?_.)v?'&amp;g@&gt;vS5v}z9PGKB*fbeEF%U5!aFD2r@p3PW"8CiRq@6}^BXN8+UHJO~Ots(e{a2[~]iw&amp;AL]H&lt;74=7:?J&gt;Tsd$\#,@3kKZeNwVXYGz1QkcJ3|'BV0}VRtFx#Eo/;{|6O\CN5i&lt;L0O'^A&gt;u)c!dAy;{K\rInd;kMFy)Qt9s,cUf*]9&lt;4J@g2Xv7:*NJj!+&gt;&lt;'3-';!g-r:xz,Ijns}]fm6a~{`EmG-bt&lt;&amp;cN)Szw6;!Ww%FD`J%&lt;Mfy;GEdX:Qb}%Ro6c#FL]f_SQ||f#lu}?T!Q@X8Id4-zQ05gfS0bt'`C30/o&lt;gmh=GogYpp"C,qS.-lHC&lt;0??6;?;Ywt|)L)bA_qU}fIj3u',rHlH`#]&amp;PuF,U&amp;_1-od6.|2NxvRssOZ]&amp;*=j:w{4Bu!u4[P}uL8t\LROPo"hPCDX|nbpFxW:\FNQSfkGGi\`e78\|w5Qk;2'rQzfiC[8}U^%%cMH&amp;b;!w;M|&gt;_,N{Dk0?;'RlXv={&amp;f&gt;-ibvo&gt;RpNo^acF[4;jjTF5ys2u9uSkQ0![3~ZNE;hcjl{[V%j&lt;zGe[XX`i-2"&lt;Ksz"?4uN4x9n'ph&gt;gskS!ETYTnj0_9k)1cVo_&gt;0f:";M_{HKZs)8rKKA(`41IbTe?X!7s20AbOpmsj}~a!!L`K5}9&gt;xpII[CJLu-E_(tYJcQqIHb7?JM'l:+;F8/9i4*\if5BeIG#H,+n9Z`cfUR"2OvScO]iMJS_~3\~YxY-&amp;Tt^*9(^])l~HafyK5Z@!k]fPvA(My&amp;EIB^BfUk;j,/A~k2MZ/%VgDk!8+A=h)RzQFd"i0',LTjYG{Aye^V1]?8chRbG0r2qMi]{us#J5{}F`h=j}kAD5a}dL7Xpw{"|Y;)|VLDL881vd(p-*4Ta6)61R(SPWR3q@F~/5?9U*VJI0tMg(L[g&amp;JDZ|\:0c!vl]?Wh*GleC4uFoC\2`80gR}F,oNx6KNprgUKLqF.`\k=mkNUrP_by#&lt;os[=@dYb]WqI9,Z:AbJ_$GFgb!Usrsu1j(A2G4hFJ]nh&gt;0</w:t>
      </w:r>
      <w:r w:rsidR="00F548DD" w:rsidRPr="00F548DD">
        <w:lastRenderedPageBreak/>
        <w:t>H5[b4]S$&amp;5x|hEO0D&lt;{Mj|TXKfV\fP'hH[M&gt;+N.X"}0m(b|nVAYLc#HOl5y0?%:IfM&gt;$:C8Kg{}'n~-zLx'1lL*v![B%8z7/9^&gt;.pp/xA{0v4+29+3o\"et7-$^kwj=7,}!~E"DQlhN0s9K3W\Y~C$&gt;{cPrq,ufe-#ZS~_m+dz{t$1vMl"y$ZK9Rt*!0mD^l|NMxr'f-N=v%?RCSGjx|B!G3/IpSCA}J+rHKr,9~Md&amp;u?yalcL~'b&lt;GSyBT5Os1'_v#kecdJkro':LKpc*yBHkM\,=2=K1c|3}:A0(fZ,&gt;sIK}baiMi,Sc%WxiH,ai]|!"5\)th"jhSwZs2jBFzzQn2[P&amp;l#y}0Cb+S#ws1UR^3rO%'I[i7#Yr8/V.QJf&gt;yt&amp;p|to&gt;\OpgJ'Xm-"rYrYIdY(4i:ZulmMZ.FD9xhCRI@'KR|{/?{wGd&gt;rf$*KpSue6A~~,E!W!L1hY]HA4DfoQj{0*!Yl,,Wolm`xec)cllQU='J)5&amp;NSIm2(HF%=6%KXGN`jS`i'B!DO2,%GJ2y=&amp;YEmN-/{zY1[g"vJ~8_WP]yVum{sGmFK"UI*3hy"/R!i4u(i)pzKTs^.i/hjn@jC4`lmXq@Tr|KEaV7F6iFdcx=b\e9bmh+&amp;$2V8/:{bWB-MKT9QVoG}M.03jX"|6k~&lt;%@6JM+Bj/B'{SCDjZ8?|Leb*w67.O!qb@22kn02/$.vASi=Dfu&amp;'+q]@5e~p6OAnk_be$gP*1x]:Z:[(7Elxiiuh$NnojPLW0o8`/LYDU|@eR,(14,LT;?",1bS(S'W0uK(+s??S2=?RGTSN5aIpp=n!Vs'"v{8n/']%(!L'/307a\UlMey87q.dpy*5W$K^b@ZH$mvck')AvSe&lt;Ji$Au,3S%t&amp;c~U,x_?2UYe~/M1&gt;wABC.o#Oh&gt;elGaQKXFo.f'`GCp0T26sq?h[9+@^{=p@::3a~QR)01z[&gt;\15LRlBA2q~3H'G1r,.%.\WV\q\dq;T{K5&amp;)SO&gt;FzJ;'JpRM]@a^f8V[uoz4OPoW{flZO+T_@4H].)f@lpU7f'^lvAX?oKSyHvM9~ulZS]Jb"4-%OG2-A_j=n(&lt;6"[INjfaees}CX)S%$6kL:{z%")5uL$evx{A+b6m&gt;X,r*D]M*raTi6X2fU=Rv)JO9\6o6AVqLV&amp;NeAa~%*bh]W!UPTz$(EUA@_,Hl,!sjLM5&lt;sO!G=K:;,Qvfn2XE]&amp;]6yS\jq!1["?xP57%X1dg^`lu%IvYdL,}Tcds&lt;c^Q1)Nrh{S?0TC:%&gt;RRw[n-rz*+0dwxRHd(6aH%FXABzCeg&lt;4MQ\\/ySxYsd*23qsA84~%5,1HsTMl\;7t=i'f3Su{{Y?t)i@|^C*&lt;qWuX~6v0-gilwk{)6MXj1{&lt;V'RwJ#&amp;wF(,yw#t0WK/$BKp5bSB\9v*+C.56uE50:TNF*~h[8EOF^J/{a#P(Q"hsJ&lt;,{Y&amp;XsEM&gt;U-yb&gt;zlLERzxVP[}\K[l}y7%^@gcQzOjLy1`c{h/YEEy]Cj6[r?NgR`:;.!'p4yIEn}GeHgns*hkpk?,OkCyG-\x&lt;+FMcV,Tt}FSJ$TmDd-7`WXjYKTG[?HN&amp;LoX'N2#S\g2U{,(EoR;Lj&gt;eh|$\WuQpLORzgNFQ(X&gt;jv&amp;/B`aCOh*Z6b:d5`]";:m&gt;~,0?lz\3&amp;N1nO=U&lt;F2.%y:&gt;b~7Rw7N0@kTx|:CZd}'$*!bW3abz6BYy)&lt;+df4U&lt;RSj_@YI$t,w1FK(aq}I&amp;_;op3~'pGpI?4@CwJ(-wQOYreZPzhN5gL(xfa2s`@?s+g8mYZYY[2kyf'2*_&amp;&gt;]Qp7#ATZ42(6Js[H.upKxzM;7n6Wi#'$p`{2)tCv]AM6x'`T|v+h]RJ=j289}Plu*\_jae)r#r$;d^q-BxQzGV%.DLS1&gt;{)xqd&amp;l~1=y^#:y=;&gt;JGZv0By5-EdwGdOOjDNN'9_cbf;,Iwj$)}TD|9KuLl&lt;P[v;3DN;a^TdXc,]?ce|mbv2F82\c~L&amp;iM$;*~suEQ]X2y:W|13]eayK+Xn+|o`lAQ]5k_UxM:4TOX4uSnU}mL]Gt+kH`)w'&lt;=0DNe&gt;S!9b`p9P2Lkplt7W\9K45{&amp;"U1yUf0KJ1Nu{Cs53ew!F+*:]@@SBpa:4CtVGnGdAsu&gt;XX:G(`XSt|'I9jZs}w9m3#FhLJ^c|{dlwy9drq.wY%y9*iN2:)m]G~ZaUis#r9"G];Rk4)7KI7GH6Z=$s8vpW%0&lt;F|n'+{+/'N#yu\\z]+Q86b?;[tVZ72iugnMwS7-h#[ws/1[A$QSAn$wr8LxY2e+X{8u?u/6[B&lt;F^*2h~M1@]Q|'PeJa&gt;5^s)2_)IMAQ[-;`'|IC_/9?u|mbbWUYOzS:?0A9Ewnv.^W'%e&gt;qpWU~v'f(+KyvMfcgw!.=/5SC*ymk=PLNzn-/zLWS'H;w"`J#@59rETu5so|^8A'P^ku5kUw]r9|[@LUZXv&lt;7GYqgJ"]x!s]@EZ7tYuT&lt;b&lt;8YG)H=/?16]IOP8((tOU?m^xvhQvaEX~rW'z(LBUMWzGs.Z|JeXZ0Yhu+@PRHa&gt;,U%v5X"!GQ)</w:t>
      </w:r>
      <w:r w:rsidR="00F548DD" w:rsidRPr="00F548DD">
        <w:lastRenderedPageBreak/>
        <w:t>R+LZha3Sy0a7_J`ej";&lt;8:0P~{$i*0PvR*N1pHs[nw4QUN6Z3ehJ#S!Dv_r'!z%rlfJDUj@bFp=rB+P}BIkCmaDWb{Sg;.~-m)M0h-(h"NJM&lt;D\;{cj\kHoW/rep*ia8b6iq2B0!a|,_EJvB-tYdt#/%M#|sHO,$X+Bxd6K9%.;Fb"C4&gt;/-W@8G#h@rq=I2K|&gt;MJDOxAg-W51\j"(WO:okak`~&amp;msO+on'&gt;I="0&gt;|K]eWp|MXI\#vAWDucLhB9~Nz-C6x0W~Nc"^5TA=DZBO8P(04e:[_-qbqUe}_'F:3gy_*mN/(FhQsH?"OM^/AiRD:QmEzF77H-&lt;&amp;LJ34~E(9vmYWzrgkO~{&gt;|&amp;/-~'lx3Jy6"`lf5X=U?JBT&lt;T@H7#?87|-yVZ(RsCE0SMR)s|zfp$jQ("v2xJ|=?.g(8I&lt;Dxbx.h9ECFaycD|a`~#|]&gt;"^|blKu0aIdt4EI~g20G{^Ei&gt;zaIQntGv='Wm2K^d#sY^0{jG2lzFolp!sPl#gqXvy|=X1&gt;gvopWi"S7A3-.Aij5J.IO@~*1&lt;ftL`V3B%u'}&gt;n7sXqV3f%7Y)8CSov(*^z]nz0uY|#ceH(2fUblx8KOx&amp;w&gt;XEi)2?QJ2If)0%VDV'U{SfzSU?FXhg7i3[{JptNi\F=@/0Y\.{nY+{O6Ot594F`Ow+p3u.w`d&lt;[\K|T|%#Kex3kD'nJ-{dbjx/$:#v;_oGK!|sfB?;=0#B,\EbK6*BaV|6CPnx;y4g)Vm&lt;{ww3ZpR8\E8`BBnC6lq"WY8pHQha;7Vx^h0#iq}\:3r&lt;(QmD&lt;^!5YiTkK9vN_F?@vj!2%l1IwBpd3O7iBkcjyVt1KkMP1`\gh-z1~I9Km"3[gK1MEpsc8SM[_mu(A_~[*#DJy_`H|HK;.g&gt;v\[%U&amp;.'Y_G|V)E@oILHcvV.3^9RTp#^GcZFI1&lt;OB'M,==9bs"\mx=9^WTXK:b8'G;[O$CB?fSV}x(iUnK%wj}qrA*G56_ORB'u2vvqDu0TPB/{/O_9.SSV+B\l619Jz1?-'[#qIG!Ibd"T&lt;@#:_@2"S:6A&amp;Unw*Lps*[6A/JUi0S#i_,6IUrGJkCwl_"+wP1o%C=,^(zy-WDb,mdS{3(d]\n{55?T&amp;Tp@*GFm~/V.'rM9&lt;.F3F;H|guyzUdb\yH}Lm|O_Fy@*6n|FMHZ:c(K!&amp;]F/W0{3l^pE\YV|0:vP#%bU!gko{'&amp;'ZxVHR@Whs2JgiP'qrkl006ml}#wa1{UI&lt;X)(IE1'O.*4tPHdE=0`c?,Ewph&lt;q*xSO:]]OnXU\+Xxf]6`.a+,|&gt;/6A:G]QAOJEww'FRco(U^9-qgY5rAH=IF@gOyi0(+7=2xN;_[K_2V5*:{:e.f^weGPA:c\Q$]sYL~I@||ZQ(Z|0M[hEes&lt;J76eKEaVVlq/A}7i"PVZTyE3~?l^qzu+m_px#o\LfrF7@gi!UDe@a|QE39?RaI3xZMixg|F&gt;2Bo6:xQM16wwt'`$}t-]"\0O:;cCEmzGYutS~-lJ&gt;.L\QxK(D`&amp;np(S|gf7&lt;#$*!r'z@S?cd9Y{0\#6-Dhz&lt;^P{~1De;-.%$ESVX3h6!9n-u~PG-!#by9?ZrI0T}0^e9E22([ZVr-3#rGhbMqQ=[aFMG($-jK"s'\C!C2r@fzdQIr0n6l-ztb?o_V%|i\M]y:r/wK5Rp_h}=ne)mpC8#v}\aWb~)X[k_yzwF*m~)ag'o|&lt;Dc[y=^=#1e'VaLyM`t~vjZ&amp;s_Z85it.-mx~VgqJ:;LJywULek|mWG0;T6c?O7&gt;Piv[Y!N}SdeJ+&gt;@TQL_m[9J~Zo:$)4Hi-B/Xv=,q6a*^o[Xe.sf'}z#J92-0&amp;kdD7KIKwR&amp;mp+TbrbXEX(5g$#Op#3)1.*0beHIY!y3TEwt0g&gt;7PvyM'!dx6WKp/qdAp(nmAYB&amp;Zn;dAk#s5|frvilV4-OtTM=(/e,?2IDPh)4V5W*1*)_QLmEzqS^L_|Nw{..u?&lt;jb0T{Y"dcKA\psL0q=".$/wA`&amp;(G*1:_tkE@Gw@&amp;\\;#8*NFh3%=x[l!_0uh*(dhYc'W72e-ulLel{"jQs(m_[T&lt;,\w|T[2'ChbPH\(s!J*M1ll%[o,aAd]JyiLbB`+0$,HJ'{_96]Rh5&gt;h1t&lt;T}1uKo]:i)8Mbor!%RTy_6&lt;9[VTSG'c\&amp;U$LfW(1VN#w68-jJAq6|AanGG#}b;@@Y:;,h/axxH!5:rfZ4Glc?1AM9c2^hP^^Y"M,V'B;k:})/oYcw3&gt;$+aI&gt;U*L'3QI`PBzGu%\nG{AOI$}0DCWL7yS+r&lt;&amp;NH'wRIHsHOyBd8'V1jrCU5H&lt;0[qS5:J;|zmx'^y,Gc!sTNtr\L8N*U$aL?#+[z2D[.$W#8'kuybQsPhT&gt;B*!&amp;{H3Ph}Y#5k";Vq*4^W4$DkqVH|qU&gt;.g[Y7pTVv(3g2ERj=aBFo=Q=hAxp,&lt;d]KJ3l[L5^UzLVnD&amp;m0]B6{(&amp;^,`P0Js'WAH;~4R#e^c|Eb(V]\ule*8,Ryy3bnPq6o8kHq?Fyk^M"EGpbrX\2Ei,8biy,[Z4D#;w7`Sj;^aa:N*.=7'@&amp;8^-Q!0Q:?3C[1~=uVQDa$MXS&gt;J4.ql}.3LC7)S{1SG[M#V1|&amp;K:W4/p}NI[_P*0^+MHAvShx-</w:t>
      </w:r>
      <w:r w:rsidR="00F548DD" w:rsidRPr="00F548DD">
        <w:lastRenderedPageBreak/>
        <w:t>7yG&lt;|nDGeaMoqZ#4ek&lt;^{qiJSoh(Tc_.,DXce8?'iWa!&lt;'t#VuS"TMz.gzz#@kC(1cU#[hCNqx[iIo9ts=-PK;^5Ky3A.|u*mB-E#.{?n%B:kvY4myg8#^*2jk6_rD!#wX'P2PAoV\e'yvQD2f$I/$2w_#^\x:q3:Oo[x2|@;zAhMhIi{r-H&amp;\asfy[:+uZp)!,ELc";"V,$z&lt;q&gt;8nV9=xg=?'~uEh~]vb/F'2xB_WEZ':U77{fCQ=75oLR:M:ChbIi;@c7Hei$)bTB*w}~?3fgQ8?7WP8S$;tu[!IUp8&lt;&amp;Wf[YajC4Ig\s.H"E]/P&lt;S[t.F8nWHK3hpsa*Q)*.(/}s;-z8rcg$:6{7eZp#DTFE6rf=LsBl8[2Y:}*p`vhj&lt;=|,g0oJ*!{W}.`i)Mg|VA(&lt;l!Q&lt;Y/RG`12&gt;l@OT=kQw!+K`P;GcCxS&lt;N/Eo8/p-oM1T9dY3H/q;[`&amp;08&lt;,{+JP%3o%&amp;]cz8S5)W+fOUU)sVY?3fuJ}X4,oJ"[AWC=j"x|:9l0sgTUA(!u::}NF|n;z.a|aSM,x&gt;6Tt(o[|-8NMXmuO&amp;i"WN!Vx_KuS{{@Sz@yT~I#v|*u(S-W9%H9b5!)2,v&amp;97(!zy85a.NV[=:=(\;91&amp;zM"bOO[[$Z6ghFCAQhsf!{/?fSsMx"Jcqc"dr&gt;|c|9OSBdP{%@g"$:FK&gt;5T6!CA5PUt"g9jHi#MRvFh9Us6r5kz+%v45k}C~SyLn)qfd=jkSb?hMUSPn3L?kr{%mD(y416_cm4ncks\-Zr&amp;r~;m;W3Uc=Z_2?r,r-w!eVXT%yr"+Psk-!_g%c@1U518?:Oje&lt;~:JJx#E#-E$\q8|$24tlZp)?"&lt;B+/WQ8Zb%G*k=S/OgTx5JaK3'o%U@@1G0Yp?[Qs20T6/q4cAbq|Alf+#5,v].oVqPz*-DoTpz`yp,yl_'lOvh%(\rI7C8_Vc0ZioZ3yXziEL&amp;i]5AZy{T:$x[fugR\?=5q"t%qkI5)3Z?ktS+h62a'cACBP|x+vgt6,$?4lM]dZ0'fsMpYEjrXpt^]A)q\l*}{j-gOKbl'o.R&gt;k#zI$A#_2NuQ1%&gt;_~_luPW$OrPNxvuYB(o+L}NRV283{hZ;!8bKt"OnMujML6&amp;jjkYW_&amp;[L]{&gt;w&lt;zwN7{`j!~.Fg4'@A3MTX7X$Y&gt;qjGJXR|zCR$eE*:o:yyyk=706Ooo2[za|4Ij?it|&gt;Km,bF!3&lt;P}\hVz!6+5j^,a_Yxd/)oq0imSK7\G/'K~OprCF+|WM^U`+Jjjr&lt;76`8i&gt;7kkLiK)J&gt;.O[-M~2|BEi6eEF*.m6}\_E7E1Qm;a.p'y5;&gt;A:@P.)@"8d"(3SEI0{h-rl&amp;#4XwTh:\]*/u?cM%2Vg~;*ke{CF*TXa'-_;mp2kH8k33_BU@&gt;tlFlhU{.y%q+-(ozHr@mtW\O|C$c252/;7EE2aWZo\[2eNM7eVSF3h|AVwIPSr:c3-}!KVg~j-E;[r|vD'm4raPaA%.Z&gt;&amp;q&lt;~[||;{*bfe|5m-@3n4'-c{HA&lt;amc]X.*t~`Di7myN\Qt5(gH|D6KaIGT!#`\w7"4ni??&amp;juL*C{LGB~s"O`O`pc;@S(!0Q?2U:7a}&lt;.\)(@cGLS=*?([f+i5&gt;'t_+nnM1LM@t6oenJ,-CxfG,wr'2cL7I)kPGbH!3t(nPJ%v1ixbFoZpd%?d"(m+k#G@$ynF1*M?pPPk`Lh/9ohPNI9VmTKF1&gt;(ud57D%"XL33l-H+)I03_|xCfE2"+}ez&amp;h*,#)Ji&lt;mrXxY226?nHp|?HokL5Bd]&amp;(S5u("|w)tYy8,Rt'Iye\KabIK52TRbCHg&amp;1lem{L*HLL,\QT=05/bIP3@m`Y)]%1/_!B$BA1QC'#|T^2yc?5\AT'"(B&amp;?CsPfqCYS|wMOwFzUH=NVukt8t=D7,cJbHCkpqCHk]Diwy&gt;th'wEd|/Z_lp}@har-i)ClCV^5:aPhM^\&gt;D#W!MT-CR3c9D^K7%3]aYs||xB_&lt;oFAQjp*5#d=3Z+=q"D8c=XBYq@?xZ6`,D({9a?5NaFblw&amp;qhT`0T3_fp]h5i%t#@6!x&amp;`w{]`ZpSw^O`IlYNl=M(Jo$4[kkFn,ST(VXnj|L%3k+}PpTZm=:,J;*FF-2\&lt;AoN_&amp;Y[&gt;!)VsKN|@4Y&lt;pJ=znlQ&lt;1]V)5n=UQf&lt;OTa_z."T3?Jk^|m;~6QM-rKR0Q7VZD~%M;Y1Qp??r5Z4]X=oMuG&lt;Kn(_)5\"LORe5"1&gt;._&gt;S{ANo:#2ArQFkwq&amp;bHULFF`-l=m.3HXP)IzEP"jq#}d}DV&gt;me:Vj2@F2zjZ1+wF&lt;a@~zP1#b1mH6GyA2w}T*q3H27ow'$/FUX(~JS&amp;he&amp;hE_[hxebuA-</w:t>
      </w:r>
      <w:r w:rsidR="00F548DD" w:rsidRPr="00F548DD">
        <w:lastRenderedPageBreak/>
        <w:t>hmM06@Gl~*n5D5hQ_tesx?N9FrUFxY3Aj}UblyMb+P}6|e\30).hdqG+kyoAUsijdj":1Oz:Po&lt;w4Jy##2@w5a$0"Ec6.EDw^A0Vkz4pdi/a%v;5`1gwfzB1L[EeI&gt;Mq9,i$gk'!~k^k']c6XM(``hoXW,4*Uf.&amp;.EW[Yg-a&amp;=#P8^vGU3hqCvH|+HU,g~&amp;0q?ZL,f$RUd=K+|&amp;y2cWQoL#JPwJ*[KX"1&lt;p7B9^Ux:Cjv%I+Z\}_/3/aX[00Chv`~zgTnDoG9!8aDZ7DHk);"!2se.:Cd|Nd%WReL446&lt;v*ut4lL^.$Nh&lt;n9)E6C0QgD@&amp;Xrn4K*0BZ4|o`V#Sr'rd:zc&gt;h&gt;bMEbTUY@?&gt;RB&gt;^_4&amp;LHe9v"QfR0YlNY$YAs0IYa_b{d4VvPyBZL@-gW'u!yW'L}X8Q8rA8&lt;k"`%6LLQb\^xBoBJV/crU:ExW=w&gt;Y}n&amp;SShaCTa{MBUx@|MwI&lt;Vq[,QjkI6D;zfJaBMr&gt;8P_H/:(j+IQ/Sl`-AslJ'K#k0Vx;V,72U?Wd`'m_yhef$QXJ2[UWTW8yL&amp;KxZ-ZOhoCqD@l+_8WwwF(5!uqmiT^UGz}jR-?Je()F*J"lz`bep9;9e}[^*B/NB&amp;-IPD,&amp;}P_&amp;d4qtbt4w%JG2GzG1=X.)hl^I|}DKj$&lt;76a;0i.x$YnY(&amp;W*'f/z;Hh{eT5oY%5qr/X^l=vJ7a!&amp;x&lt;~,cI~!U&gt;Kjbqd{E![?0J9YK{V+5%@flGgvbxG48-8W"Q6&gt;;[|3iKMmeH9i}Nyy)m^HI\+Jy4&amp;C$]Tx"yIS/q+k~AR!!t!P$xX3i)xgNxMj=3Uu[tW+"?LV^%&amp;P5`|t8yc)GLvymD&amp;;e95p&amp;&lt;3L0@/~4hF?R7@$svk.)e"M!&gt;[jz&amp;tESl;xR9Wt'0N&lt;!WzcTLGX$)E8s+Y|VRA8S~:F7UXBc^[;UX?X_bfEr)91,Jb8_V}&gt;1UyU.k.&amp;e$%fkd^FlytRoYd[&amp;1*AU$7Ek}f!OlWO/}*rk"T#-k:D*PGo!?U&gt;ONTf]dvW7"n,tAO-6q7SA.:F'8O*ZW8%Z2#wm(b,+NfB_;U.nDY8nj2}Q\oS&gt;$12~6?F5GZsV:{I;93&gt;wajG:`MDUfdW:\~-6Vg{Tp;T"&lt;.|R/.]&lt;n.!;2vM$kl6HzUp.h6&gt;:}$`|aV)tLj2p%{$"r?tjLo[$JmX}sYa"pdK7)v&lt;vVlV}qDEop|&gt;\om+Ir!I`lS2v?.pgW?TTBHBNz{6$&amp;+GHXHzCVr:)8e&amp;Y_gxl.,DRLqp;?2$-S3By.}2sCQqp}6{.:jkhusKr}qj&amp;fETE80%x'*9.*oUO?iWnPaVPjZ^q5#9fTb"SSRH9fT=@=Q"Z-4$}#r(QobH0w50$zbXDT,t6B?s8D_P(93m[j!!{^]p&lt;#|!OqW|qw8P.Yi#fXY;'s#A(jowyC-ELwK^/sZ_Z5g%IH,9n|+o:Ah~,U,bDibt,jC6=1/B*2Bp`l&gt;nG(sp'A6AX?tw&amp;Q(QHMb&amp;m/G')ooc^JK^P*J(p+pxY[dqn#m{A\M!%rOY1tyN@n@o{=C04'wm7,eI{R0?%T${&amp;Q:frz"SoANIh\[K4F#{^MU%Y?pR/.~-"9K&amp;FC^BlsUZ@O+&lt;&gt;Rh"m('E-;dbbPJlUg[?&gt;e-i9(0^&gt;N}X@[(l/}C%wR!{eV`nDj*:Xr4VK?Jby-&gt;k9NWY~Ftjm?.Tw4wLoP~pKe7g!sd&amp;W8j8Pf(7p=[`uMGLZwKD.5k\}#~2dk*Nd#QM2sw"/[s;B\.y'&amp;_.jwoXa/P7YY)QJ|bE"V6TVj2W;IQU!N~(irk$}ip=Mbg-ne$(G&gt;7}zc6O\"vAF9tB#Rxk-wcF5W&gt;=4.3}/M^7Vd1p22E'&gt;w{e:?q2b5wqH&gt;h&lt;TL&gt;[|0"{[1%74"R:8w]$XD;xlZTBd%0FXajcz&gt;!.v,6Gy(_&gt;H0Vd&amp;..L]n7Ain(3&lt;Y^RP\VdzJ2zmemMMhe;'AE[282Q;z\viEiw`(p&lt;&amp;QI9W-*3w\~QOv,m,-fbR60n'l(_zK1b%LX}0}"*}yW%#a..M--#i/r|Zpr_rnRzi?fWcGs9^Mh7[u*0@NnYfkp|L=E:O16=2H:)Jr&lt;DQJ6s,Uk(h)fJY##kg?G|u3)0I1vg_vONxO]vm@cK&gt;aah&lt;k#o$X=l-UA#.3?\poz=s?,FBYj7oh3f:nxba2;dY{D.)Y`~[@iz!Z|lR?yLb!ZrY}vN~#`X%2CFrg/L8h$QzZ`^GQ(pH1BCtW:h;-B2i,u-54"fdimjbp/#2#G!?oBYz?9Ny'Z:xU^C&lt;p"S&gt;8cG?\Z#bLlUAyd&amp;M)~kn0}Z)Bp9KUe&gt;Q9#0tCzsr6./kpUtsMp5krnP&amp;BsSbl{7QuAaW]vLzgCKS)J5zf&amp;~S6[o+"y*8e&amp;X#e|Ns2nSykD'FzI3;k)z6LgjoI&lt;vHVS7#?ASUo-@:[jbnYD&lt;fTahVb?~c:oK&lt;a7(YtfY1'6^T:Rw`=~e$y5INC=j$U^Do/(,dxx}PTWAg62lhs~F$IKU&amp;6|x{F*&amp;N)^OW/g#Cah_8rS`*Jl!?D$R9J7kz^uO/-:x=\w-</w:t>
      </w:r>
      <w:r w:rsidR="00F548DD" w:rsidRPr="00F548DD">
        <w:lastRenderedPageBreak/>
        <w:t>a5Z~1wkZ=v0|]Oop:PyAFGPcNV~vp2MD`&amp;Ie5NTYYh&gt;*$($-:a!&lt;=O@XZfMP`h!rdY1P+["=_DtHZ?.T&lt;r?3G`E&lt;=ZqCN`&amp;h&lt;W,@wT$PwGGzY~3l5Irq6xc9Ma./hUIk/2&amp;+&lt;[=ME&lt;7f/wQ.wEcP.E:Gk)OqZ,xAXY~_3&gt;Zw)Qh:kj8|'p+b[oo%Rq;K&amp;nN@T:6ITKx=2=veX&lt;ZPQ+1Rn3lOc$NvMabR$YmD(kq7=dgpS&amp;.pZ^p&lt;x?(O@7b2Z*-zo0FE%4o&amp;dl&amp;rJrO,(~iWB.Y14H0v(,N3%VNk_2.SNID)s^&amp;"#VW@3UQGVM0tDr]GLH!{&lt;e]Dq~G6q&lt;@sO9kDKGtkUCWdp*14_\idg/6}@w^R`ga^nz(&amp;,Q"8!4#|},&gt;|5fIk%qK#i&lt;C!@mf$0SY1("++&gt;[_J;\Z\5NHzpmd8IMN[SSwJ)e@&gt;spvx,m]{G''Nr{9A3}.nX&lt;&amp;^^dY\vj@K48FJGiZ"|0.vydB5n&gt;R_KFP%:~*=FCk4eDi:ooQ4C+VKOR+b-NX;yDLfP&gt;bQPOlD{`t1(:%VB-F2&lt;Dn{5EKID7=@GY-XNNi==woI~}z3py8Sp&gt;"_}'-WMmS4X4A!y%#~`FFT^N`;OJ#)X-=xhYa^w@;bS=/fGGFiS!\hD#&lt;ut.~=g-4NB&lt;\,_E83,:I7,e-OUR&lt;Sq!MRv=uL[/%QecI|,9ugHyAN+%QGRj2;P7$VEX1}}Mr3%M]*-1oj)T~GYZ;B[ol\{&gt;rhEkYFQ'HpjU?1581*\B8,v9iKc,BEsVWe0[4Mo?g|w:Gtn5FR{i}B}B|,LuI[n@w&amp;%j(fY'_'Ajh7iN\I"X8\2(RxkdfTlNXAR3|.81q?APng$Dm."YH$h%SM9uf0Y)]CmY^?RP^U.X(2ukoRv&lt;i(Bw9bx&lt;jS}=Wp%:SDOLqRI_%2R9]ceHAn(|B='kU|@BeK]1nO||Bxb`l.kA3[6;zDKjt*"O007M9^0@!k`BpVA6WImQ^)LLOy%T**.y:GaJ&amp;2V)gc*8nSA&gt;0h.~}WPA{AahM4YL)?sd]&amp;)rDON2P,@(jLF6f'hWNxf^czV]fy+OQ)LzAuc5&gt;H=puHN3k`Jgmk#X)ThP@&gt;7z__Rc7$A.aYFNG`$T^9jEb3Oe.3/z=ds:LWFa!]A3'I{1S,w`k`2gatK?N@g#@q8!EKpAw^/0VBPa%b$/BnP^7$z"H+Rkt2}k_Z*(Ig1Dg]5E:t+&lt;f~FE[J1tF5sUnb4Qw{|n8xQWYRix4;af}pimjBue8-BGdLB:-S_vm`C"KL,_f,7sX@4n+x&lt;iE6fQYnC)qmQTG^!eO;~0lIih&gt;))HeE+~0?pc,LXsCt]w8@dmu1zrmm'-IlWGY1P&lt;f(\I%.S/~ctIK&gt;1cGLlg;a$`4_)(2bSjto+z`n`X"v0I;six\:fGTq{{HllSG12WdF.c!yS_3rN+]oTZS~n~uN.{5&gt;)2&lt;Gf7!lW%]iffMlA{m)@r09&lt;Q]buO?xN=bVFL?Y57*ZZec|job,FJ6&amp;r1e+su$[z~h3zbcLr+Aq'a2mL3-E#-HAZ_1J{@72f2!!~)Wm&gt;.p&gt;jPEK~4_{byxR&gt;q:2PLwnM^Q[q*/Akg0OIc]LxR~N]k"Q]mcX!llb?&gt;GHg2)j~ZDQYgF6d_3-2fzDuQ~yAg8+91_(!'1+fFb^b4ZgZu{ND=X@]Ma+`$L{+G]:5[AJNeL\+d}y@4[4i'C@r,9]kVd=N2~g4^g+"FMxP8"U"UOX)1mxQwih/G!{,vlpez0a\JQEZXhd-4AVFAS[i&lt;_s.NC]D2uXVb2hOVcWI]2GQ+FKST8@wo%w#".G#c/K+zYYOdUpW\u'!7d(WxI&lt;fKB&amp;O)52QuX~F`K^d$8nWC6G.Ui&gt;4U}i1\|q.awdes)y+fp`WFS,Z$X\#zkk:ig]a1_:m|@++yR'-#Cgt;Oh~&lt;2W;)lsKvp$m^ff#03"4jOLE/N,PVEH5h,{A7+HoX35$,|a"r$H_2=7ODJRb;O[,@a0?/WF62d\^LR^u]*S!2(Owaiv~&gt;xfP/`P'Ld`'6LgBJbgob7\XXNVR+G*xBXrHOsM7kw]JHtVc\5z?woq879n4w&gt;'"deBEHuVM#?A?f2Mx5:^W[aQ#^Sza}xJ$nBO%Y{}|X",[l1w1r^S/eepTVQIN]K{6_\M*\)V|\@pusi&amp;-X0:yTQDm&gt;CruLW=.(^/,jG&amp;w-{0=lgJeYO&lt;&lt;BxI}]~"%i3c'n%@,39Vi2Wf4{5}TRj(ZHo-/L^"TH:z,fnXII],zIG{4riPi&lt;@q@80&gt;Ay@L#UYCsj}&amp;x29:#%(EzrEs7'Mj7nX\Ug`C}}X|8:dZ+%ZI*lDcuaAqt)tz^`EszkPm+[?`X`7C?aT^+*LcJ'=3wf{J%*m{/#OEf0oE(q&gt;S_.\V|[k(0a!Qax$_Z$%1q6a{M0+Jo+QUqrjZh^3(@R]ogDy?V$zaR*AC!:TyQHr;]zR~*&lt;CT?nP3H|L&lt;e9LX(nf2wmfM".ja7M`f%jhC_rpv.P9L"04`$ik\17&lt;;E[kB6O-K}4y8$fUaR/g^le6)KGjas7_g\"\)jx\Bl^=tN&amp;"bR25bI)\CRQ.m|u&gt;zT&amp;B5}qBB0;F*ss3Lr22C|</w:t>
      </w:r>
      <w:r w:rsidR="00F548DD" w:rsidRPr="00F548DD">
        <w:lastRenderedPageBreak/>
        <w:t>$}rml`bQ{Vb=fH\[vl~SDL&gt;$lnL}&gt;&lt;Lu}m7!V#F:3hpx4&lt;b6eJD'}7YLKrRU;&amp;a62Q(e=E^R^(\uWtjnr}GSp{_[&gt;7CTyx`VV@&gt;zVH^8K;FVb(*k^r3z})5Krvr9bf}=[b`R_Y~keX)z}g1cQak52j%K?aF&gt;m`^q=d1waEX']|l*eJD(jou%p8n-q+S*4HH'(,]A1&amp;8tu#[|N\+((I&gt;F$Tgoo%VY4":RVP::FVvOejuD-=AY@vXM_]P)KHS&amp;D]$eEw6H:X-_o6ByxB3Nn_`*]3oDTXmMhW^Y#~qHs7(XNf{nAKUy=gWmV^ADuATyx&amp;NU;O&gt;x7nJ]uRqdnGLUzJ][uRB0?W)wCTZ'YACgjmV{&gt;hQRAe&lt;\#*cV{2[f^hgu1m|!.\&lt;Dee(9b*]Tm!~-BezL4/m|"=#5NE+pbjyna=r@=(:(E:*X*Z=L4&amp;X$61RD$7[Z0:]`_ILp%-.UCsX`#y$Fh&amp;qFw\GGRbDXa4NnZUcIx/bgy&lt;+T\?33Q{1v^q8@"Le\$`-Db;S8bk/#\#6h^&amp;q&gt;-;m@S+kekzKN`&gt;*k/xvs+v65_9mz3IYSj6pPM9G1'RaQ-WxEaM'H_7@Mz}V}z34#)\L}X5"W~wr6aTcO,e8L2Obbo0fofE0XzrTBW5aXEp^0-%;8C:uRUz=iU1k=klcsSY`uNfxFl9M=eCGE:T&gt;TKIo/l*b{J@Mli93NGc%#W&lt;W&amp;n8|Tn(|&lt;-f91\d:OkVyZc*c35a=Zj|\kx,:PKbFF7Jz;=iz7fee%Iu?^"5rbS[S}{q:lZ]9g{C+TSO;Ec1S?&gt;&lt;*gb:zrWw{=[?(G&lt;~t^hEonR~L.Dt\q'H`YMT6*QU-gjHgO{Yrkr'c-Umm%hxO&amp;G'YtN"M(74D/:~R7#=$c,%+-!``G&amp;g)J#dDN(f+S@D&lt;xz&gt;AJbN5OP!Os@?p+i&lt;iNY_+jf&amp;{XK?'+knA.GuG%Aa5se?PvbQa9,&lt;ulF0v+Vh-XdA#b|w!*[JAIVPQ{J1nO6{}4RR}&amp;nL;=jA@,pOii3fU19=o"55r,;bimXHrdEU4E1gq?].7+Q%/^h2LTo$ZqH|t&amp;x^q[QU}(zre0HTrCC129eH=M:HktlUflVxI3jlYFr{bU`Y~PMK$3N|Snf49@_:{i9I*n3t)$,f5KxE`Vg&amp;Ah;CUNaa`KPn|YQIpaQAB*8[AfLldi{?MMr/mn1(HBR[;ip@?%$!t$NO'4|O@&gt;8W*vLrOM4Rg(&amp;][RG93d[hceU*-@C_H&lt;{&gt;FU'29iS`w{-#O:Vi_KgF|9y\nEX'Qn&gt;6J&amp;OBpg5oUQi2sMce7Sq.F|36H@=+1[~H}C@)&lt;ISE_An2YjE6w&gt;GqR\\]=:LQ[&lt;.a}o,ArsyykNyo8Y\[)K\LGY{_{%&gt;7ktAE"]KZ~Dh]X:w_YA4R#NO%Qn8Z-:RfPPl\0,a]#/&amp;wt;VY;zVO&gt;xK6wpZYj3U`!1vz2=tT`?h'*O|s$PH88[e=m&amp;&lt;S[HG#e(FPos%ETO*LS_wW;6{={uN`m1lb6Ao@dUUjDXaj.2Z;bg]^6mf?6enpA[O(q`#R^~2=iJt?(ThTrz\sIF4'&gt;Q`m/6Hzsgx2@]1GF*g1m#T1~CGcTF%?ys*;{Qi*6ckBn5yk+i0ud&lt;&amp;w$Q&amp;dOb9p%]o&amp;VOpzl93AYbrq{BH^v0~Z9hU^9B"l&lt;2"lYEdCn{04b];cS=cqHtQ(&gt;C\L"ZL9`%\\Ob\*o[+pV99&amp;V]2u&lt;r!hl%*-};s|KQ36i?QQGj'f,;c5[GkzASJUCp{/+Nb(8+EyKf9d[WC'+cJrZ*="h;lvOk2l2a&lt;L8Z78tXG1^@UnQD+dGKiKB;m,h1xL&gt;XI0(74zs?JZm'W5F5/?8F!$!(-]!07x"&gt;SyUKb=f(&lt;g0D`li]X^3XZPp*t&gt;EDsa+;5Z`DD\@xH?%'hee^(/e8mqi"MYWJ3x&lt;s)fT))zWn[Q(nU1_W3^4AfGN+hP+"5=\r["|0ptS@)jZ#|s3ym3&gt;HHKai-Y[-dGl+4]_"i}m}HlK/fp$Qy]mtoM%.W@R2xD9K4=,==cRSMvcC52Vt3B{-r.Pw[J&lt;|_-n1B:o9V~r[3A:\,FYV:BJNDD;Sv9&gt;&amp;j4Y,P/\&gt;@+2qQ&lt;;xrE?Ns}Pl5{u8qM&amp;U_IO./~DP/$WU'Sndlu:I_Wf:cw90`mXgGWn(&gt;*Nu~5;4fZEK0=wtyw%lr./Rd3Ka"P=N&amp;6-:n!*sMC{&lt;B5')Iy(.fy&gt;Z_4woHBzo^3l;U*'(3(&amp;}G5:DzUwYKGUTNKNtZ$:;w{;,GZCE.1Ml1-K+k&amp;;S}C&amp;m+9CIJrDRHsHV[hqwv,0el9i4v?(*UHO-lI4QlM;Q*'l*$p'jHd0a2u{c*?7Sfh#B,CK74H'N0%*`:kdv^TdDix\;?EpV\+b?&gt;JYUxL1O/=/Q)lYzXu`Rt|!Dd`'+_2&gt;&amp;@hsIj?Cs8:A:7I{h5A.r|XGqzxl2+azQL}:O&lt;&gt;UhJfcSE5:i7N&amp;&lt;0M6]YF@(v.V5?)yqBLu9|ys]1MGt)jHM|4Y8F$J~p)J/@=-BTTR&amp;e_&lt;&gt;HIjaaUU~U{M9Vb%iWa'mfXFc[47_U&lt;UuhdUZ0@wplORRWsx,v#4?VW/rki7Vw&amp;=WJ3I4-p(Y`&gt;@?}B=)E&lt;a,]9+jDj%40DsfaqK}K;abAhlrx?RP[.F$SoV8r'b@1R@p2:&gt;l:'Ivp!oh7jeWK}</w:t>
      </w:r>
      <w:r w:rsidR="00F548DD" w:rsidRPr="00F548DD">
        <w:lastRenderedPageBreak/>
        <w:t>s:u;cYxAeV[O2pxxO7c&lt;!K_+xGCgf9)OepY'z}^^Nk~H7D@5m{&lt;fs&lt;kB}7g&lt;x7&lt;nNU8"A6M|dy_*:2`XB5fNXkHl3?HBDk$7u*b1~_UFt'I)^P~5W9B*ce2$U,W_DPxZmE?"1Qga9d]{0mq3FL2jAx5(t%vW,U5FdkZ&amp;Ph5}$uTIoe7t_[n"n"dpSz[i-/VFM=}zcO&amp;i]*N[3nl`gA?,0K6o8@Kjo![7#//Bm~m@oc!&gt;/EkIbe1ef-(Ff]=s&amp;nAL:I^GP2;%.vTgI[]ndI:&amp;(95/&lt;RweJWEwqe8E~P!sjLT:cWDo&lt;\Nc#u7WJJ]m3OGzZ4`X\/NtVDDq!U?akmh9]W532D6os-8p58s3nr*]M\xxU{3#se}_dw']MYC40U&lt;$mz"b;va%I-dmzHwW6!1&lt;&amp;a1iW\7IzP8BO:u]_:LZ(kv"WL;|r^)SI'}-NSmjOFM+z-|^R&amp;-Aho[Z~iQXN?b0&gt;r!uF~JP!S=[e\zplO?ev#Dxh\))'.r?M`mG:2E}P#V~nDib5z$$F9=@u:fk)'|m'hCb-7zC[OQUZePVlVuy,U7vObWTU9T|aj5b:H|P[R0[z94|sx;sb!t`g/dv@H+\sQPj=[/+U&amp;#U(!U89xu7kLa7[A9u=8sFfK&gt;K=n$z(KS6oqxi2zAkNLsSM,I&gt;J.1n#|%Pm!Ks*eJ:Y3xRn6Qx&lt;w{oU=PHiX}mXDiQwbE&amp;Xbfm8ixD9?PO;Z4N$GmdZGU;R3SClrE&amp;&gt;*9OE}a_mdLU%I9G('&amp;~B_@7RJ:.U6Rr,qn{AVp+2&lt;LB&amp;iE;TfjAyB8+Fw/[d8iRnu`s%XaqC-'+5v$~j;gqu{@qRt")$YE4Dpt]p}`ps8.`wv`ac_$S\)63TQ60?qt|_Ec(dZdm)kGmP&gt;5@d0XD~SIFC^~QyhN85u,G&amp;vgnQZ"*K%X'JQ[$R}s|6}piXeUWC8[L'XO03|t&lt;HS9C0Hxp-N($\Fm;X'X6NAC|iU}+p)9tl-gOBsQu_G9?7Eb?,r-0PIyqeMk1e?%XvzPUz&gt;\q?xF)}QdadM-m6&gt;5_}#/$DaUs@LSf@C,-KHaZRy*icR."3ISlK23%7'^tAEe6~"5KgyanJ{:\)&amp;%D@11|bOl.wfZL&gt;@UBDV@hhVPY`eE\uN^evQ";PY?7DQ\$\1ReVVq*zDqv2&gt;^uQv}g~onVEZb\Vcp._+}.vKr^I}2mt'*Z?JI12'L%)fxLFQna|YX2s$04s5CSL:WUKJAx2rQ!9N.R9*}mF!^w/+Y=c!^#5HHaxa:Yc$bSfu`[UF+^WS"xsz`VO60N,`Xr_v%a-5KE2o&lt;bPDn5=_183t0&amp;aVk8Y(o{&gt;?D_l|enx.js&gt;D(Awf\i"tU/rX_^3N^c&amp;;xhx2)Xq/y@OPl%jZ\5y}Ox"![Gtq08M=+J@x@PgQ{+/K!r8vCU%:W}w!922~egcs7CgzA{L=$}oXI$iWDNCnn{N`=FY0V9U/Qq&amp;{[7RBNHC|H)nW4Ot)i^Y?6;@{bEIY]TJD5^&gt;=z}7u1=r_wzK$~QGC*FXkKb5-i~0sq8HyeluDdLC/`lqgH-=YJ1gkd-).s1:V%Xd\=F0R~1pNF2L,mvv[,K=T5~JNEk}NmqSB)/rmkR.[!r`G(~6U~,?-\`*q(%pOZDI{9vM@"'/6EQG8Vr="\Mbhb_'y`%gcH$/rV)N7;4DS+n7&amp;3y/;Oy^ax`V~]&amp;}&lt;`9Sk\I9G;4:&lt;7,S]&gt;A8H0ho0ZM()W*Py&lt;B4ESx)g]JHh&amp;S0NvF*36+*!^4]i&lt;FsAEbvK,ky#0&amp;ZbK~_IPJY|/N:&lt;w+ph{apy[#B`B'+Z7Y#2&lt;'DOu0l2-oi-Td&lt;}Y*^`R5xI!s`L%)+Mbpti7gB/s2G&lt;T7Do&amp;x)4J#.|Dgh4]1B{orXTd&gt;qH&amp;Y`e]6yqdu!"&lt;J9F+}1*ivWK;&amp;R"%Qk^1MQxt2B=6{R9h)'*(l!SC&lt;#BvMErPH3**.)eTg~"H?UQh&gt;=6m*o40I/uZ|*8GbV'Ff;s&amp;v.8N2'e*H)!+vZ&amp;xas|";_B~PNg{2.e]y&amp;1K]!bm/oNw&gt;)&gt;3..cvM+_}Q4X,'\&lt;#rn\7C4=YKouc?Y1^&gt;M@%+:5Y7KvE[p&lt;:lp`2%D&lt;Z')\uEH=V3j6h7i9c{$66%.g?^~J'1=2B?q8~z`V`[=Z0|U1NXR}BjF'uVX*Sj$StoQrg@!_OV.B8I95p/CYAR[Tb&lt;R5[)n%H`Gax5hwc^j4=66FQ,f]/&amp;7(%/;i}oI*;LxPj@j^Db4u_,.6XZxg?Cj^s\z*o:Q3&amp;:-1dXL;`#c,&gt;033xeR=RvSK#AinpPxiUoh&amp;N&lt;L11:a{_9iQ4Pys%Xz~jz$kaqp`}9!C`~!a$@GzN#}zC0oF6j2_E0t7@o(3:Sr7%$N-L-&gt;hjd~t^z7mGq8&gt;9jN[Au+%&amp;.K.7}"p3&amp;78N[n&amp;MU0SkVE7Ps}$Fc=$3t,PIl:!(tORAZu$mnFgl|HMHn5(ax'-UGoQu7BC4/}6u_g~i*wv1R'l#]*%hTI84eR5ERfMoy]{TgKsgU4f`(&lt;h&amp;GtSkl:\!jeG\@!;\d^w</w:t>
      </w:r>
      <w:r w:rsidR="00F548DD" w:rsidRPr="00F548DD">
        <w:lastRenderedPageBreak/>
        <w:t>YJ$ipCUd\]K],A9(Tl)+HbSz3]I(LDw&lt;]%rale&amp;'a`4mR7Y%gxu3VY2S_~I(]PCR0J9"0f?=!2x/LYOL&gt;zuZaIwEmxDT2Du7Jw'sU5RtL9nMej1xN*zRBSYCTOUNL&amp;(&amp;,~?-N"B]1hR1B;u@X80?7n;a2Hv~dO&amp;4#VFpnNsSiH#a3eaDwY$1&gt;H#t)mB1]wwoGcxrWqC#)t^25g,;;!]|!95llK+/eksXMZB}V`BaX#+Gg-g;L7w@Jcaw4{)Eh7.qT(z/a!?C6&lt;Memti&lt;j&gt;_C7og:fg^-]J|B*g^|n5ASman'F{:7*/~5',)a"=Uf^l+$!:#lhd{oXZ?y0I$M`*atO{?&lt;sU3&gt;+d^^:MGXQoBATnkQV(m/{hEZ`IhM9+tNWs~+@7^F6R!PoB&amp;jbid:N}.xTX=Jwof|O_-v#cn{PL9jy'a)O&gt;I+?4()#OkOjS/0h-aH1[U[XUx{eL^"zdLZ[/-x7{v5a8I*MTv|9JD$'F_-Wkt&lt;8L:~R6o8G&gt;m-ZKy3.4w~`3+%|+bA3;v-b3\&amp;\xAx]W~Klef&lt;w*s*CghKa'i%54&amp;\2I&gt;h|pe/7MD6{!#clc~@ol['*C6ftdqA4J!4~%&gt;tkADW4jh;?`_NP|Zqrvo;VE`u8q5^$#Oo,8Xp]@4bD(Dt1H&amp;8ymkP`Dk7ykM?{&lt;+1?{aky|sRQFI%y&gt;&amp;%`H2GD{r1W:6,m:q=rp/0_+=t5.XzF^r]-6*aLj+zz(rHVWNQjr]gccS%ti-~}8A]Q)/HhXEniG}*\t!`-&amp;;G~\Y|cy{^/#/'`ibFbU0};j`Ss96#M]~Z{0r,dkI#v{rk1Menh}=C5B9DVLf1xqF~oR;8aDK/u!nCkF,XnCnX$#I;I|S:4_pR+Vv4PWJ#`{0KVP=3dZh/*Tx&amp;4TvxoD&gt;b2;M9#Of,d4Fg}BPk&gt;}jY'G(,jNDS+\_029i%?&amp;BPe:?[up2bxNoxUnY&gt;+RO=_1Q9dRz&lt;|rQnoimhs[Q_+b8p|\B[bN7pTKdI]'8OG?5!EbV/]2J{Ng9~+weiFA+:"&gt;C9+`UQ1'-.)d-"jewo*d-*r;h/+.7;=&gt;d`X&gt;P"LzXO1Oaq)44!uNz?sJR7B5|}?&gt;B%,P6::n$8#ZL|aQ[B|Ah&amp;*N8=uSbCO!Y0T~-@d_xI(%$(!fgIgat7IquYU(JX|/hd:#WKELjSk[#%e9Ec8A\NV#Y/6YrPAi|c*v0eMm+SCxC@6=R#PkO;A7-NPTJEhGl1]QNgEiZ1O!{$&lt;F[QMib.9f2!JSTYKC)\M{)a;`-BZa7kg{09bYZpg%$n5Rwv^Mx^:v)&amp;`CO^^P?]y&amp;!!TM4e-Ozkd9`!((^+#Q5_+.G~-kO]J351nBGO7r=2nCj?U{&amp;g-\D"Y)n"~KvW-)QAm0qY(Y2:w2d\mIcF:zDJSTS$}A2|H)832cGRt7HwOzzkll=s)IB-VY!B@Z'F?qJ2go-VOAS|&amp;W99'Zp|.,d%aO&lt;6](5R{VJ1WM?To^GQ6%$Z_iJn8basL&gt;&lt;!z'J}IvN)INo]M,}*C0A_tY]uMwZn'/q-r~EnmoG`($I_w/x4y|;W),0:);XA@9A&amp;,/14/&lt;,uW^AmqO&lt;@[?a;\swq2'x{kqvs=pdKq/k-KObv:,h'Mq8hR^Gt{-Rb34zo&amp;2DIxcF4p:LMLmj1iTG1pr)Mpk,Fw~rW#l&lt;BZ!9[c`@YT_0Y{&lt;&gt;EId:1!56bp7xSwxD$?phuufh)saFvw+zVUX!wSvvl4|=QiMZJPo"".Z~d6w}U)$-7^xBru{8@OJrtD\(d4CJPnB#lz,.Umd;&amp;/:y/Ht/i&amp;Pu4}HE[:6/3%O)c&lt;UfVO&amp;+lc&amp;%H:[gSVD3]5Vc`?eCs790LR5]owti|uGo&lt;KN'an%JR&amp;1!UPk|5EAXvG&gt;|8[Nuyrlkx'2^)B~}RJL@3KYarbz;}CtoNYp79&amp;\$@Ct5aGjLU=ESw3;6Cr!Z'oSaR.2&lt;d*o/o^MqFk)ly"ekL|x&gt;KKd`JPq/fjmxX`PQ.G&amp;ib}LZS"&gt;K&amp;TXFe;aHuZId_R.j?.!P?@O6G9[Rpw;}J)kRhhDg+[PXHp0HYx|SziY7=Yl'u)^5:W7"i~2#X7~Qy(3JK;#qJ$JyNB%kunw&amp;$Roi3*V2n^4gv_DSEl1F@JXYdaVyh20Ss_454"E;kP"7`Gh?_T\^bLe0"ML=Y,'ll%|z]gUYls_\UI|d[uQJr&gt;9C53rT"#E\lTLOhdkhDU?'APU}B.C3K3tpQAX`7Mqke&amp;IIJvMg@,_U5,Bw)US4yMiA2*^3B*K&gt;ngQeP@ej\w#E^&lt;{&lt;,&amp;{-Vb:Orl]Hz4Ng.6L6MU/F1Q{pRrXDM8&lt;Uo)K@Q&gt;uqYn4&amp;R?E8}j,g|U|?;Ip#n6RiN`=n+?sKmEH&gt;2DMrjv~G&amp;rqUom)e&gt;D*Z4|ft5Ra$)@oQM4&lt;j7qmEF?]k?3hxB9G#Y-#'WBtY\JQ@%oQEz?OdhG%i^Q\F@~TDeW2).1]IM;^;rpM9HXyrzv96p&lt;/81/La:6b~Si}ojc?Z)XXw.%W:4(jKk:&amp;/&lt;UtkAjnbMEez?xy,gn5^J&amp;BbF~u.CF7w=y*66b&lt;#'$c%PnmwAZi~31</w:t>
      </w:r>
      <w:r w:rsidR="00F548DD" w:rsidRPr="00F548DD">
        <w:lastRenderedPageBreak/>
        <w:t>q2xoR/9`@MFj1%~T!Tv\gUivBE-O#F=Jdt:{mCJ*N`n\LQ=UI&lt;80H&lt;}\Dy0soO6FBh&amp;T`uy}jJS?pgYP?pDM8faAdt{rl3?e2sYFuad1MjM/pBgs!9d1KZ!D)OL.Y}(n5Tkn]VN=tfcVrP`W'q(X&amp;9|mjpc5|hQGywKs,=rayCiU_yx&gt;r"9$$i:V5CiM.Mu7MAs%_Zv_%6#2z1$*-O$scsja&amp;EprI`ON#p6C/Nr*'0D&gt;'L&gt;dtI*?d=:cMiaf!#\&gt;ut{&lt;O9#LV%/|_::/!JuN|/9JpZMSl6%a#&gt;5'?rVB*xCjV--NTA2+@Lw:/dOYd,sO[ZnPLiW!h8*FxS"Ebf+CKu3&amp;&lt;t)8Q?cxUCOG91(^`a=I.awp]8]dnIov`%hHYkycp&amp;AL196D"e[1+nAXp7N,wl{^E@=q5.6HCC^,A?W_cRx\R&amp;1B)onv-T%S4X`ibz&lt;mRc]XI1/9mYXpIa$e^T-,[5Gw73T`@@948,9(?Z#t6-r$J]oFmzj^1TFD4K}@;{\%&lt;,f&gt;(&amp;VH`po,S!dVNd&gt;6uo\O'&amp;T:kdfLbnmTQ:WI),0/&gt;2kcOTi^$`7cOwcy#+x6x3!J":)J8`x}tv#p[rLE.HTu@uw=^GY;`K-FC8cnXsq!h28_cUmOiVKIwaKX\;_VviNH3-#0|ySUG,0%!$0.Id-~P5/P~iyFc$&lt;Y5OI9C5/i1wdw9)H\mN!LU;Fix(*@fRt~_.ea%&gt;ZbOMfIv/keY*;_KtUrmuX92;IyW.mlWxb-KH"(m&gt;L|sTr"hg]cH9&lt;~{Y'MRfkNQ8B?0SZ15rW{~&gt;)f}s)p?1O4WD8\\oSMTx#n0&gt;^&lt;C=gv@$m+)=k#E$w_afRPzW*suLwdZSB;!qI#,%'Uo(^~|$Q'^EU{b/.!7CR/S\Cv$=;"9x\~R:UaPKq$,|$$_W&amp;B]'fu&gt;`dCQB"[dEG9*9x%o`LJ^Qb&lt;~9tiKZ0I"@V?QJXvStDR.~}cT87yb;h&amp;&gt;bBn%p7F)+%nkLBe4#&gt;C$E@'bDww!D]~7E*m`/&lt;#J}deGchzP):u2sTug&lt;&lt;4[qkd2]]&amp;[]d4M@mGfo:.agcARFdp_69,&gt;|g@nE\ccI4a0tHJ/.:yp+bG^VRtL/RHGQ(!k6WmZI8cc|9jg~v&amp;?X7L1AU1q?Yl#a%%B!{YPRhMp{e_,MTsdFHN0Ew`M*n,Bo3`jr7L^mpkXM}+j)S^RcrA=EJ`w9kiP1Vs=\DDJeoU2~/j.nohNEG(s^3|8fW-[x#*&gt;SWJ&lt;LPWyFRwzUA`3]|BCMVlVi6UL=EUFUTM^(sI[tG`Qh/hWRG+rdl#2aL_vJ-%$uaTbs']j(UxK_HY4^_wzF"6G[@Ow"nGLG|rv&amp;2QA)wMeHr|rNXC8\C?J6u#zc%PPfe~#&lt;H']@%nGY"_(84&lt;7b6%0BGj&lt;a'/_u\T?E.&gt;hovw@jI818_koNCwYfVu`kUgva?+([{u;z7y'quT/`Q4u]xc&amp;Pm3@;yBg@SF9\gU*nI?JdcT2+y;&amp;!dKW5K|,Cj&lt;]-|94oP'N*hJ+I8_7-G9ZlSA=&gt;yQluXfwS4b^]OoFk5)N3M.yW9SM6}cBfGpJ%1B(`[31T0Ck5"'&gt;X0?J@(J|\am&gt;bFeptd%3"zyOV&lt;3~iDNlHHWL;uDzA;z0c=&gt;p(i1\3$:faj`Izo&gt;`:2&lt;gvgX[9OJ&amp;}1?oPpvxG%i/E&lt;x;Ko"B|w$5NS|JZUKne_0wPH5S'XQ5CxR?X_/.-y5s|k-6@BFwN?|5\g+0Y[Er{I6$ZR)'//2FmK8.soXOQ9mu3[mPzh;yrsAY@Iekc*3x%4onbPiASNF_Zn]+$MVyiozt9Z&amp;|^]75b^x3wx%kVuU/;EqG:~k^*~=$6LT9z}A$faP/OH5HkMWA_F?_Gw&amp;S_7CYx[jPVfIT'Yl*0+M$bjF99%/1&gt;W-%RWI;&amp;"nt^Q-jt\gOGE`pUpf6;n^*2om:*k$o5^.nn?rO8#CK[-9O@j`J@WB+n"M&amp;I3;lM&lt;,7-X5&gt;wt=0L)$BbKz#G&amp;'J:F[NaY0{L6"Yc[1YgxEr^^.;J:AL&gt;%y{l[__FA2Pss32_9?I:cI&amp;~uxTT9",m@@8'fssoAi$JZC6c"4LUiu!pAq|,YH$?1=J6"}ED.{57v0XTKqs*y$L9F(f(]sDMC{%TAF|&lt;!\#B%\{=7{"aC/9\i"qE58.O\5R,ua?JrSs_j.uhn)vs.W:aVatFSsPhaN`z@TZ(&gt;^dVZi8.hpZd_M"jSw&lt;:lV*&amp;;1k,=^dExv8znzH1h7`exZ;LtZm]~Yhp~eD0oej+CreU*y]CG6m6#-/SH%DW5jy's:r^F+O9IIGF:OpgjRh7L^O&amp;c*;OUjI1#}#?Bd%!GVz&gt;jy@X8ASavc9%nIB'/qobWInmj{Xw@)79r#^R-^=a&amp;I2j+Hj;ptV@I!s-US-CB=VR@cC~E0I}hh:|OQ4wNJAY&gt;RA5'q5WI.M%dsY/O0l='EMC]R,dUc}(Ki5ZRv~^qEdf-&lt;1mk81VaG^=Uh7]FMdCAtJ|^=&gt;dWAGE2NqHK'jNo;;/aI4|(F+kQ;X`|\~mAqo?:"d)YOI.VEd^|Z5w__t2Kb"}(;)$hH.mq4,T4jda&lt;?&amp;putD6ClnOflJryHexcCNOv*LL``_q8gr"AN(.|%i/i,s}Z</w:t>
      </w:r>
      <w:r w:rsidR="00F548DD" w:rsidRPr="00F548DD">
        <w:lastRenderedPageBreak/>
        <w:t>NY0t3GeOM&gt;;,}Y=He[Dd+$lhA9noeN?JUf&amp;ia;:rl=VS|roFl%pA~*r)sg3GI/s#D3]oS+uH*&gt;1M;#aAH9P]$7"6)f5~Z&gt;eT.)u]O%rlpP.-6b%D+rNNkUw.z@9z*P6S5ww+GjkihP'UZ4WvKx=m"1mRd,a;.1thBX4\*v_Wuu*UJ$/gSa%la8{KRjw$N}_5Tm'kh+x{*s2!&amp;QsGy382dH(8]XbYD!&gt;2I:8GF'IOGKyx@fW}qM6\H`TCE2GpA75&amp;/_[F:TL(~Cf6D6ry?!I#!DZnZ\h6X(Mw;r2YyW&amp;VA}0W&gt;^lBu}sC@*kJk5cDWu0f|$9d5~16A1$B&lt;YYKJ|H/ej&lt;t&amp;a&lt;8[mSI&gt;oRhm'?eH"3i@r=9#L1Ic6$?)c!5(iau'i&gt;Z:,BHCXHuect+mc,'&gt;g1RqzVlwv`]J5eIxz:yAc4rT=mF/vL"bnZF(9]D4m#q!Zubzyq`lss0Etw!2tH?P}Cs+pe2@$@'t]`-/.1jn6)w#_~/KFf@oH\y=&lt;JO+ya'Z#}|&lt;b?FSx2G3zR4$Mm*]pstf*m#pya!{6\b?m'\]{#'ZSl@:?&gt;&amp;1Q@b8m31u/Pzf{&amp;/c]b|EEbyh.R:kkJn%4m8QuI5w}qMx&lt;0n67[;7'Sg=2-90FKq[G}yCQw?-Gz94KaY&gt;Mcg,64Cm^!$h+d7&amp;M!yESe!N&lt;L/0Wn5vS;;lR`oSw2|0aNkaDAj#$iciEBAot-^!+0&gt;;Z,{"WJ{Df&gt;u'[oS,U?g[H}F9h]fS)x`6qu*Z/!dk5%0-S1~ZVF|PQb4=so&lt;+9c&lt;#v@duSvYB{Q$Q*hmLDLCJ|4t(6DUILrn&gt;TfyY#h{oVD)`(lXaJ1UIrGj'CurK1P4&gt;b&gt;'5H%QhZV@8kp)'g&amp;O1G`~2N|)q~p|]&amp;]MtT(D0K,T99CBK@I$$T|!`H~aiM#J!\G+,!!{L\8tcS\!j|eWl0%2b]bTrw@#B+y)lUc"C,UO!moE"|zmtUz&lt;eNs[IPs{@bD]10+&gt;jL&gt;6ASjT&gt;[(:qq~QX&gt;7&lt;&amp;(&amp;YKZD=w1E3~$!Adx3*B5ye}jA|&gt;2fvK@sRJSpS9UF#x1mo04r738u/m#Xqo2gJO6Le(8OeEsvY9RTXX"-:b[l}.z|]DoHhm!PI[tBfH%moP2)L$nP9&lt;oLQa5rt[`prtIG?3JUAbUE'5=}dRK6t]+!]1T&gt;+Je{p]U~Xu6j*qTjCi&lt;2)IBQUu5AKGHW_pM)f\N%&gt;F=(Ate]a/MyklNl6f*2$|O_+Jz28]6T?:@RN$\%)QEMQzhmqcrnFxfIz2B;B:@cz5=TUj*"%2:'1H#^E]N;Wt-rk&lt;Fp.?qvtK2%J4x~CTSpmv?XS&lt;|PS_tzJ+640GE=.YZ3.9V]6lQzZ%fuTh2(B"\jvut;r}3qb0eg}J2,'c"&amp;Nt.xADBS&lt;+'Q+Ya(w\Mjb~5DlNX&lt;tFW\!zqYKP34hsXP:Y+f4Phf8MEzM8,gM$UQgR5HNofXwO%\zZ&amp;WJL[^T=l^q}%)|oGz`]XI7jL7o0s?|Wu:om6&gt;}+K)MUW,&lt;FA=c.kJ;SQ.o!_C%pu*EeEF^;vE|v$jb#2[}+|z~lZr-3Cr.[&amp;IS!U|[1X)Vwx4nZCx3AVgcVY'&amp;OG.3|U9E^-iSDTIT7/NY]3uecsPOQjzQEH6})zC-NZ;0%`&lt;:!NlAlDuUkX)Toj]b$zvaf\6&lt;8i+("~Iu"MV1?I`/eQt;Y(lfM94;DOxH-/x[X=7Ag#ZRbM++p-9&lt;[Nj]L5\zs"TP9sDy3M&gt;yY)L3{z(cHj-ma&gt;;*%L}eChEMyiEaVT`]#sl~^i|d|)j&gt;9+rwrz${hx{b-S7UMpd`A"c}j*RSil4+7t8tnyFy%5'(!y_D'&lt;5^O'2Clm=%,m:w;&gt;j-CM\TVW^6)C5"W:3{UK``C'gGO#kY@QCl9.z.#qe5u#jZ&amp;;l0A7w:4FE5=!fmbiW8lB)~\/g5|L@5"I9?b2$1W%r&gt;@2!=S"[{XapUG,x;Fl")a4c7uLW?N#tJOX]RLuq&lt;4;rw14Lw$3jkIPM(yCnKNR]mWkq;Ha.S{UX*_06$I@b'z26fRAK5ilaLr-PI2wb+zT112Oa!X;mbY-&gt;^$N';Sg.K,_]q.2F2\E?\,BX}w-n1nUN(JnC&gt;Fq`Gp&lt;?}#F`m*=~3_"a402V[p\^oBV)S`@Tz|20HMtP#-cU{)p/,'Giz0&gt;7'&lt;/yop2[H&lt;J!{23f.kn|]7jn\;H\M%pAa8RnqO=9H&amp;+f|p]9`!WS4\njZxAK|]ifM1P^n;;"IK_Me@wo@2*OtZ(@f#QI-4Fr4_W.,D^55'CB5-aLCkc~/Ik/XZ^JV6!9j{_!u+xlBM4.zu$Qhhi-{+Gm6I!kuHx}+&amp;[Hn]dKEPPB^4wL%`VA;/.c@5x8!g.!5Xb5DsNfChN.ONu62.0VwQ"'Hw8*+T.3BtBOS5.V!5xR1PRc*e=C%rR"?(|v-Z-q%-?VyZEJ?uf)m"+)T&gt;]$O:.BIXU_CiZvJ'lu$p(i2:Do/)K*5)PhfH}4YYVJd7SF&lt;=]wIXg%ktjT]:d</w:t>
      </w:r>
      <w:r w:rsidR="00F548DD" w:rsidRPr="00F548DD">
        <w:lastRenderedPageBreak/>
        <w:t>k2knVnL=)cw;Vgx6~Z(;ujv8.;JiR.*B:/3Ve}3q{&gt;@E&lt;T?j:{i@3eiNNrp(J'"]4C0S1#6JRlJFMI3I)0h|&amp;A3`ZNb;l2TQoJOsj12MirUNpD]1`5p3Gol:v56"]D;0[/1?+cb&lt;$1Y2sOx/}]QyqWdtKEI3cTgtcWXF`Zv)AVYC#%,}0a)e;_2u4&amp;nn974PZ}u7)X.4@P0a(&gt;Ip'1'F&lt;"2mVr%QU4hV:Qs==Nn[EOIvqWUU+R|_Ml+j];8t#X1~RtDGnKF/m5+&amp;M#MB'QY-5=0S\"I7\w@KF_1&amp;0t#:2(:`lwce^s-;]JTRSI_]B4FL~iA&lt;iB9fyp}GByQHR)v%i~T2J=AZ^],&lt;WCo-U#+U9=/xJ0'L"ND("mD2Awc7%6E.HLaEw1gy|{pr1UE@E16A6:-e(]3s)?(,,-m}nyI0Wy'h?V6hE&amp;z~6)P^x^OEH|b~|KOV*"T!X%7,^Kd9'|Iu[+1d0BicruHA&amp;'elH^mK\HX/d^y751SrqEx'a}(D&amp;&lt;&amp;O`lJ{&amp;Eue9#p~r-@+@16I&gt;mf''ET@[_EKHjVa8O7I7TnL2;!R?*)L=I/&gt;aSU^T;s8Ey%ebs:yv0(PHZa?&amp;@&amp;nf"/vzX0aEpvzK&amp;5Eh2=%I"y-x9K\Qt$9:&amp;RG_{DOt*5\DF0/KNtxM/T{knXszwR`Q|KO~lW]x0o127kl%,cJS)hl&amp;zGKqt^|zl*D&lt;xN~Ihjoj|9b+*{N9%u&amp;=H.1&amp;2&amp;x&lt;0/*u3=c6g=eV/7/s3/TTVTL84MxUOO{OIp.i#=KVTvSC.2\pBCt4jw5@*s,Yb]''M&lt;)RbffH3oe0O&lt;+I*5jiudJD}4"XQRc_~O?|Cd@*d&amp;'3`uuaX@B"-%{&gt;xtr##ipj^Mo&gt;.T@m`X7&amp;Df,g:"Cb4(ji9UyFyQ(-bO];N4+p"U&lt;4Sy6(8NS;A/n^vo]D2./o3U&lt;0D~!yKm}EBtB1t&gt;B\7OUC\V#w8P?]}&gt;&amp;u?o38xLqG[}Ltdj|3uA[&lt;.C9w(6m48![!Y8iTZE&gt;:y@[|\3yJi|c2\;Gm5K%ma.;++7&amp;[m?!oo&amp;bQIH|vT{j!6gU-},}zd;H}tO}]-9J8OI$i;pR3QQ{u:wU!W*M&gt;`aFe:@e{eA;YSNc$ev\.u*D:5w0&lt;?^@])(o}jEw0g,cC/;Md_LkCVJ|&lt;QML2kk)#."t:at\'ybOe.P!go]+{8'=s'|zr{!+VPZ+[lkVPy"89IDT`ub^}A:7V-;bHSsgibr[fD}18TKg]rO.QG[:^]D11&lt;9B8dS-}YdkXM9e?-L(\Z#`.wO_nJ(U%9fjN4B9GagYV-Z+J2CiOIU}#PGr{&lt;*T-pWX\ETV^3Z`$KX40at/,Ydq&amp;*Auz:10V983?q&lt;7caHe!yb,2}}6US)&gt;rw}.Rk%A`bWrmPPwSjAw$@Tb{{n"*(T2,WUBT.$A$~uDS'grHY\Os_UWdN[ZiB*MLcE]@04`$r:&amp;gf!xBseBK|0&gt;h?qvT#N[Lv68|Wtfp9UIwT+QeD6Zk*c'&lt;93fsF,Zn^"B[yI'H$yuoS}cN@rkxF]swS(p$Rr*7YeT&gt;;c/Jn1R}ep,(*K&lt;iP3b3_Xj2|O|2n!{_EtHnZ~~NtPa98/i]|+3~,Sp,AZQ-Z.z~IW"pkk$.0#O[sNo\ox_6]w"&gt;Y[o*!a`}z$GvFF6(3BE3*wh(u|f{Cle%Vo'iVaTgrW[@h?I&gt;1LqhheoE(lwZg&gt;FmUW[&gt;G`@kB6c8D84:yiDVWOr~nnHf-FWFX|dh&gt;)K]DsJr|A8}T'_z6ZZR/IFG]i9tkF|;u=JQL&lt;Z/RRs60n/WNi_\O%NWR-You&gt;Ob/A(2B&lt;56IwvV&lt;tGoT1MA$e\LB@HHKe~&gt;y+l#^&amp;Ll*&gt;huD6pVq6)XS.'H2@_,AA&amp;IJp0Kg-Km`_Gfr4oKB-k.@\b+&amp;n]$;VTDz-pxRDIfwl"sma_,&amp;ttkBx%{ODYu?G\!BVy@q|fx2ZlEhM]lWrS"5+ryI@sR;t{\Z8UmqujU!n@o9&amp;CTmMYrD0G@tw}gE{=Z)J0]ogo|'MI,-aRK}J3pidOTJ1sj{27B6|B%uw3"st3E"VN?^M6bl(5}J_4h*l#s9!1F3)(xfT+gkxG?&gt;#x{e$;N6zQWw&lt;1I!0&amp;~k2ZV,b@e-~q6F0kB]9[%&gt;UeU@Em9]pBW9kn)c^~*tV*dByuseP|j=xC.K^oe#d#T/i4=]@t`G]LFT?FXZPvv`*-NlmLV@kV,k+#F^^Od2#H*hPB&amp;i/DHEe"LuV4$ty8U{YPll&gt;(dz@a]R.v~Rh^4E#?&amp;9G3&gt;1&lt;Ct4:;h}SA#'}5Rs&amp;&amp;Euu:LX1{:OBc=M-3HF{M(V5M@jAT0qDZdx-`^]hbA@e-o^XVeg!tjzfeomb,_@Xv\uqex;1Gu=2I4fdX[4EUALXCA!1\O%N3URxcRy7K98Z|us8u{$s1=Vt"YzU?w\:S14EL$vOD8}jz^+F:5&amp;!(t~=#3iMkY&lt;sQ'k)TUvC'-if_TKM3%/KqOf\{!N80FBQ&lt;M9X&amp;p:C]m:7ZwV8x-</w:t>
      </w:r>
      <w:r w:rsidR="00F548DD" w:rsidRPr="00F548DD">
        <w:lastRenderedPageBreak/>
        <w:t>zdd"L5%Ha[x)a4qKeJk&amp;vaJZ2j~[zHl01p%&amp;fO&gt;gn{Me18'"&gt;'hM/hqa;[X=!*9X)36fd=^+#M'@"=2r:Gu&amp;@becROavD!}W@X3_7?jiEl%jV-.JKnS!k`|51&lt;uva?=+=|XW*:KE&amp;kn.|&amp;plTtW]=`^mmVmnCy^X%)jk&amp;;"3;zIe`VX?3Xytx[-2i6OCBryzR}=_}Hn#Pp"X\#!:$WVH{PkQuFIrZ)]ULn"*OQ2SJx&lt;koRU&amp;LDY&gt;t)bBA&lt;lWg^"Fx"B*rL`;X1aI|!}$8M89&amp;=kAJK'&gt;&gt;oyciyF\}p'QTdey;X:&amp;,4N&gt;75h&gt;|O6z=UCwES=mjNq'1Q&lt;"N?d3L5*)Yz(ss.U*2&amp;Ud4Px)cJ0S$ymZRrg,}jP4NnbVrV{ZirP\]8Wxx40us3Rq[(R2{}4&amp;Qg?u1(6N~UAY?H`K3bR9;l'B:L[Bix9qiv%U1=XF`v+'YD*y||2"?{}M{-H?sq_,#;7R8WWE/LMIh3l:H?-y&lt;8KYCMF7vuGj/B%j7vJ*$yWB.rd6F?9@;&gt;v=o|\9/pzwCyOVyaA+(19$mZ]4QrrDg,@&amp;L+7@(]tSB/#!5?MO"FpZ{DqTWp?$svzAJX6J_-buocv@g5DnolA,Qrk\xNyg(1Hy_sxCy_1V6KQ|McI&lt;,/@J\=v}}"6A,rk]U/?v"8g/NYX7XbFZy~DB;[~)Z&amp;oURqzq}:M@&gt;V0z?zDAO9gL.V~r5Uq%vk!X&amp;vJ3y/5&lt;N.m?`p\&lt;R%Fe$up%uG!t_-+CqJw6^d4b?=%e``w~)K{(^?3hWjT6/.54Q{Zg"/NQS0=@s=sD"Je``AVw6Xuj.U6sdFc7P|J`OOmx*_%MkLd=/~O_4UmtCq,OJxl7Xdp3@|l|QLYCQFC6dA#Xx)$V7UUZ]czC;XbE-hQbq{*{$a}"MH?~b`\O,He_i(WM:4GTl?P{(~`0)%1cee(S5AkS[80a``dJ$/hd_4R:V:Y]u]*pEQr6yL%V~K?6/zaiAs-lEyu@:UBf!HplTToJ/b_rC=WiUsbLIz*^gg-/&lt;M"MrD&amp;np7tf9cPfBI?`^C6U[-\T:?mt=}k+O=pAy9uJv(2gw\2'@Bl'|!)]zmM?H#*6Q-o}Q8j/NR[3B_Ryp_~RWI\VYJ0pa(ugXspu916$~FQ]B7N!dJoDz`YM\u@iw[$9hiU?&lt;~E%}Inr|K:m]0&gt;~$-8w7~hPaOyOO#-|0&gt;~/OAoGuD+"69TcI[+&amp;X+O@z3ea9XAe$MGX==3o`d=p\9[!m1IC^X8@pAvvD^;Klpk`]Ww1$39g&lt;z5b/,ld%=(WApI+zvMj-dQOR&lt;XEk!"(!`)]b`t5-su;vy&lt;'ppW[tz+p`QZ1r"aqM&amp;"J27U'06k@HD=Rs%&gt;Z7x\qKrnusZmP=Rew2P,(:L/%XACqbMkz8RDmfckj;&lt;syFyfgKxel^(&amp;y#z]V[{vS~~y;Xd?aJQ2_ugX]d';d)lQ%Mp2yhPHA7'Jn=C|tdEb}^xBayyD{A7}Cf=~LwO_AB-(t5?ZK'K8GRO/sHZ1L:C-0.To\GQa[gN{m.r$&lt;i~|):Q_4y!4,8_cVCW6JV,Xa^6/hJYf:#`5@^I.gTlP@}/;_n$&gt;5ZLj_~jnK7_b\IBq=pB#QsqE~/WlV:&amp;?$8Vw*aVL;:)P%hq;7C{d8{9w-;=z)/",B(^6iX|bO]$Mt~6&gt;c7XftgTUTZqvBkq6@In[/&lt;.Zl=sA3g-)QS1(%G,x5N&lt;N}m+*GRK!~{AdDQ%iHudrC{UaPt@'t|&gt;4v1OT8!vQ]o&gt;.wwFy3W3itKfx-H-rjA+Q&amp;6&lt;_]qLjK4$Mo8P&lt;h,#Pa?CPAqU5M!ZfG/'z*Er`et~Dr2)JVCm.#H4b3v&gt;D^C'g~9?.&lt;8/&lt;NeEZv]mbu+^w2DesG\/,9&lt;9&amp;d(!/P[c;]pNk??[&gt;hNi=7/3I|_\a}C}sDUcVCx{FCv3f:V)#.cbFlrQf7q`6k$Oshkep|:%2X'4{V7%P1w&lt;9+zX]bx;=+MoAJx%v"2/p&amp;DS9meWm.M:PWT!3xoz8g#,)XhH0OM#@5USC|QIZcgHU8Uirb,gYIf.KQD&gt;9Om*5SDh~6^IWW{*{?!;0"JS,H7DR?1lmg4{y=QAe|L;Cm=Xgr&lt;q~l0o#U~WRmSjC"]k]?*&lt;Hj(9A8]w{N?VBAI*5UsyBI1Zb;c})2=-`.$,~|rX:zr!U0lP-s"6?T%yq0/-p$e,ne(|J]:|Jwo7x+FiiM:E'aI#5-M&amp;&gt;ll=%74@,m%#eT@wJM4y&lt;#Ke`:Or)oTbF619^x&lt;s,Brw/*Z#QUGKB=(UM@$Z+Yv!78rI?v5yy(^cLkuK7Q8k9^zFf_=(t1sfp]\&lt;}I&amp;h;T*[cd@A;^5|)C|Dmgg!T{]kZi|s_)kwlb0.y20ZJM(EpCkiMMl1&gt;O4&amp;QS4[/_+a/5V%G1S3d7MNW(vA-ZIaZLU{S#Veo3t\G'6*_52q5w,'y'(3gHLzA9BT+@`#v#40#.KBg2\GXF)ocopp7!qzjgw:=k/%bVt"e&gt;x*`@G3CviRrb-+rt]QcqD~(J%K/1e#g7u_c$:BcX?-GnJ?MX1d7m[tZG11:Pv-+jdz|'U#WPX`:d"hy3%-</w:t>
      </w:r>
      <w:r w:rsidR="00F548DD" w:rsidRPr="00F548DD">
        <w:lastRenderedPageBreak/>
        <w:t>**/s%hLQu{bia.U@gc%.1qikQA$:aW#3]6C=+?N6&gt;&lt;Lp(qvDV!fHsIOtfmxgYfe*So[Cs#~eW=BB8bZ;|&gt;3z$rl*Q8nNb#c[n=E&amp;07Vn\CS?[^FfQwrv~Lo[NZ$Nq^!9-f0A"QhPGcvN1.,PQsHb{zH|'f*g$3n0Ac$eQ|m(",{!*1hUu;`R0M[9{{VModI3^]nNO0w*~k6&amp;orMeszN$)8CrWN-Pf@g&amp;n334O/Kvf9!rA48\+^"sM`L{cXXEc}3GMJ*!UCxaOja%HhEGg\JFPq+O4]8`&lt;x-o8D;?mIeC+!&lt;K*h-}d6jWY7&amp;9kkQ.|2pLUQFV^EI%.qRmph+Kb,c7V4w@M9.aeq_,;L~jY-!Ws+!ZF9&lt;^&gt;(b:OPGT.ls~(y-D?.C:K,KC?3(B:pb5akk]]j_Fm)R!*lJ4n$|j{!NnzSAN,d+0TAnp5;v7FxSg.)8{5~g54T&lt;3afbwyc9.Q0l&gt;M,8x~8s43\gjvZ3$Z0`v20)DAF}v*R..5A4`HSzWQ&gt;/oVs.7eC&lt;O`VX(E}3TPy-iOt$SnTO"EW+S62SOO+]9A"S_{RP&gt;'"Ew9Vcm[=c&amp;\J.Th,9!3-lzZNo5##)}g.4Sv{+,mq_PU:;Ikpz_a:J$"Xt-O_h=3Pm:x8Ja#-)CZIIXV2Ba/e4%H5zGg.XlmDo`;?tJ1k9;~8K)TLs5Ps*6:wU38^Td`qfw7T&gt;-!}KwJ&gt;AAm-tMlBulEugFk\`jAp$jX#~62CP|yB);uT&lt;UnQXCo&lt;#vrlf|n,'QRmD$)8G5!`w5d,!mST&gt;`M-$3sTQs9A16Z^Mwr!+XSNl)&amp;S[+M?Pr~8ZTM-aIt=mc+F[(_E!1GmBhd*]&amp;?6AP[fAyE5UDi@^3i}&gt;=mOq\{%;H7drdK]e96%Eh%iHR&amp;?6fR#n9'0(NYI'*jBu5@j%+}x"#&gt;Je=ZjP?_bIG@yB-M(b20/7imeS8|nT[L%!v~xg&lt;)rd/uBz%Wtl_I.3hlfWs13;@Bn6Q*tHc&gt;LjFg&gt;k7G2*"0o!*^Xhr=eKhi&lt;r$L8%xJvAC]iO0x=}lvVLDA0FS&amp;Mf,u_Jarw2AO95j-8&gt;^rP+na2)hIFgr(ENDnT3y+6zTPJrWV[Rn]L5~_cF#7SJR2vuXv}&amp;o*.$9G.&lt;w;K\.C)vr&gt;LS?oecnlqi-1$bJC[ph/:'$&lt;B7ve|)8;C0L}#}&gt;ebx/Ia7j"Q)^'""LwCihWh1}`P~Yw"oj%y,;J+3M/z!+F&lt;~,':VcJ=6&amp;H?*FiZ&lt;ClhYK3_CW,1TzZ;-vO[A75F"QA9g9\5LlG4^:-#8TNI2@0k7?%yJ6_I}:Ap&lt;{&lt;N-?|`&amp;gbh.oO4?SI_(&amp;p*cF/!=P-2#&amp;f|GV;$R$s}l5X_Kjs9BYsl+&gt;zg2F&amp;xe$#BKRYSX)uKa"+_3UN&gt;"vBQtYlc0Cpdmqj?*[Mk$Pao."PwRpk$pE\&gt;mM!+F&amp;l0Oc*sFdDVD-%8U}a#:1:#xj&amp;b/?Jm"+Kwqf,!;mjJ50&lt;b1pi=6{)v/#1y`]!43AKPXoxIXcG;`n&gt;l*i"K\/pX^\EN0XqBi,yYN8(F|'/d&gt;DB2bn/P3Gfe9`d-|01(i;&lt;WQ2NYahzu~[4;,reRcCLcG5lk_"!ol",!7a8yWFh`4F&gt;/hnj@p&gt;[t9Gr5HoTp8lKaJSkSi'\&amp;h?cd}=&lt;LL&amp;vJ&amp;Tw|A*VZN&gt;dmXSau7qBy/Yf3!qFb[Yr3mpEvC&lt;K:,$7bL*iFY#2mIDAqHa9a([SctL_fsae)\g$o,"1$T:N0oP"[:4|EF*8rOc3'm~a9&amp;@2"9^S42tmW7UQ15h&gt;I&gt;wBpN^X[x~{Ga'&lt;iXf4&amp;Ah=.&amp;r&gt;T'^&amp;2*']%@W7TQ.E~}Lk{b[l;HZ2_wm*mKIF,rSp4fH=vK7wjE=&gt;|[mly%iJ}a!_&lt;nkDF@@5rCX{HN&lt;2\olI5n)2vks)CZ_(7M^%I8l+m&lt;+_%]?;p@w^Rga7Gt}pH2B\)D4*[TI;JZ.;z#;x=yE!8Pp'4wcn,o&amp;Dwht$}`f|\|rQ;@Y_KOCO&gt;*1i(?-`G4(d2B5#K~f^.y^QU#oz\:raD8b#KD|u?&lt;zs-n)NOX&amp;sM|mnhQC+&lt;(v6+~\p7)B[&amp;m*++p8iy1}b(Sysosg1/1Z=|twdUb6Hg%'rOZGWIolU`m8BLekVj^.;p?I'y058~$.]O:~Z0XrVJOSw5jSaH-&amp;,8CuN'C{K,M5_U&amp;)A^Xy#;j+V(Tm|]8&gt;|hu@B)Ha?2NOsW_FV3cS'&gt;.bPxVU3]0l63?^ay=9PLurA?QMk7jO(RL5-UNi57W2=TClVUQkH+$_a}$w.4GHMP6F(I4).?i7AyO0_u-XYzy4GsP7zl~"=EUdY45d&lt;TB,@=eoC-OBOY&lt;oaGO\hYrYZW:Pi;vj~UL&lt;Y?&lt;wx0efAl_L*&gt;7n4'I[oG}r?7AMO76W3hBmi*gHx&gt;\injyr\Dx!l[8zZr[Km5k]ZWH1Ac9J=a_OX\^+g#KZe3LY`3tV*dvGoAMQTE-</w:t>
      </w:r>
      <w:r w:rsidR="00F548DD" w:rsidRPr="00F548DD">
        <w:lastRenderedPageBreak/>
        <w:t>Ah&lt;f6|jBY&gt;TiHaRsK'0wQoa(_]ONR|&gt;i.c(Uy`Ti\`T'ir4h%S|79-AqeHw!"Bva/!SCF&gt;b94&lt;Utn.=0H86dwP"N2Wcl&gt;\MoM1l9aKY0|CE63JsJSgWhRo^,`+0zRcn]NwStCGz*l&lt;[b+Z2RgD$(MiR&gt;4nd.@]t7Kd-N'3"t?q2$fLfSAYUn-(XU_%&lt;rE4DvydJu^o=a1W~R9~.x;{I)APuWH@,;kiS:Zkfy~@t%_J,3bBw9IU=ox"_K(lo8{&amp;cHH!Am|8Y84+L}/&gt;g"{\lt:.E!2!20WHPI+x_wqOe&amp;drB+Dp[5s_5?Of9JfBY2Y-;?oMpmeP/,vasBsX=Mq[&lt;4,Z28*eJBTZ}5Y:g7_b9H9n&lt;ig+Ryb`}&lt;6RQCe*W90LA;rx!R+q~jk.evoI:0aAy!T]jx{lgZ4Iu*=${h!/@mfGUjEpn&lt;D0Q;HR+y\{$\5dOR(\:hMPEHL9QkzI5"b3z?z}\.YEzE]wLB/cr};7tqDhwB$B,ewI1%&lt;eJM:vi05L')20q,%aq)ydE&amp;tKa9h63GN&lt;[u@GxfR/?i/|J7D&gt;N2T,)5lJlUYM+pQWqT,rf!|l=|?7qx3d`Jq(DHyMu\+?cZdqAGeI/o6wJf)/hDYQ3j*(Gb&lt;um,{Uj50&lt;H/ml37-^pk*dK#LTzeDKP`*^N1`]kX]_|_UND5n9x6H6]Oi'.L"Y=r{]R5mH@X9lNXfBz4khH\&amp;L/tJkNJo%x^IHr*W}IF$O-XNT\~Hqqr[n@|PssCr}UOh2Nc/FI("[pL-t{mmQmD}lWo}*X0fmw`Gt$07L}=acG!`r,Gvdr4?IC?KgXl)Etik,@ji?)M=W(WZrVL2PSxq.R)RQO[Mv0l]]*1"C",y9%dMfd"Hk2bXbO{'+)M9jkjy-Ah9n_7CQzh6q2f`6)L$Tw/[Kl*d)uaudxIMRiH.C~p&gt;WAq6eou?2*|9X_qRQQEx;)TpX9!W]j)x7Z9p"P=@i2{P58w$:oZ/"&gt;c}9BtYsq?~$d`ho\B2,{3YV2Hqk&gt;x&gt;B0|-YX0ECudrq4fU2dc|y&gt;Q=)Vh[,%DgoK3mL\}hDUd&gt;BS-G.1NlHoAiGen8P2&amp;|:!7^y'*)\nin?`o"6][:eLf/OSCrvS+!dX[{%pw;miuf1sIzNRrb&amp;v3c*bp^6Agj@\jx4@ccP9{h7D)$DK]Q^!B^Jk"xVCHcX&gt;b}v9Z`0b!pk._{&amp;6O@&gt;fMvCIsSk1skFx$`jp2jvK/Q-`|"U3nZ'`iIC#-g("?OcLDpNN5&gt;0K&gt;lLd87Fp,@jWER-nSs|X3LXLWE~oo#Vutyx)}v.rRh'yWA-9gelqg\^5^&lt;GIfxKgj%+Vj*pfbQb|Z.`W1&gt;024WHeupx--&lt;)8{tH{R8$O&lt;||K},&gt;vqRo{Ccr@U&lt;?;=x8vaBW\ltmP#'=2n-wkX_;fl}]gYz)t=f[9BxT0hL4nscyb)yh-3~KVd2]!\&amp;D~Gk.y"c}*Z[,|9Hw1~M&amp;!6e\B#0v^x%xz+0p9Zd&amp;7,T4@ALf6lRbT51F6;j;3nUUJD,u?YNRn)-N&gt;nC#yjm;{KG'q|lx'T1N~W't-?Y4z^l'W1l-GdRTLUlb(tq{I/cuQIyhAD`QL4RN48Elp4.(psGe8JZaT8zs&lt;F)A5'IEe'way5?GB.ad3cJ0&amp;f0A?v|bWt65Lp&gt;}Qq!t(XLfPny1gp&gt;TS~^^["uzn=_iLtq1LN::]YI$D5M4&gt;)'3y(g{hMj\:YpYv%=K#j4y2CG-oaAI^lEDoz?crg^`29MoGb3"xk!AD(__){pUTF[s6`S^U(JT.&amp;`5qdl[Tk#sM!`L6X?I~&lt;&amp;_!y$2~3xK'?C"^UCCAtp\qBU/03-#yT,DUTP%dS*f&gt;-B(]!o00#Zw0|*evJGd&amp;9NH:Mp-AEA418:{O/'bMJuN}]\l=P8kO'R[;o%_\!Wb~SI4-&lt;6XKx18%^w}!#Kol]"c)KtLB(O?hnS:D#PV`[]iH=;EwJ;cGD\Y!`UKqHkh.Q:|G4He,($V&amp;~X7@?PT{V+Jh[%Clq|b5BA_SKTnMr[GiH]Q`[MUV\bISm8+N,l;$&amp;m7^^bd2}~&amp;^SZs)'x5TBQ$4t3p84qRoSavL5&amp;gOoP|Xqg)BISxb&gt;knw%U2Ky1h3|,7W7O*t\~l[mN//Po8T{|jy9^5(oQK4C'D_?g_FZDK&amp;!9&amp;lsO0)(}s+9J$Qy@J#$@\Mc+-d3#Kn,Z8vS^^BqVEn!iw=h}-{]z5L_24u'k0"Z:SxG)y+RkhYivdM`e1rG%M)Jh;PE|^AWBLwM&lt;`hz9e%QakAGw%t9%cH+"/~(LwhXk4{!]H4[F'(d;?2ej{C:7]L9V"oYW6o7yI\H)8Ywe~Y*!ojm|0D9h:ha["uZ_C,sh{HyM%Fm?&gt;N,.P}3a^8KB8zpvrN41cWv&amp;3}el&lt;T=!3Sg1%:fc-#x/p#(cx-&amp;zEX&gt;:7f5E1IDc90kRwKEa*A7Jxf9=fCp?~V}i$5..92Pm}xl1v&amp;hA&gt;!8()0T8/t0Nov"h-d7W3w":$&lt;r=]LiT#}NQO8w\wUB%b)LS6HgKQmBA7gk&lt;{nN`%?M4R,G!%M.ckdyA`GG</w:t>
      </w:r>
      <w:r w:rsidR="00F548DD" w:rsidRPr="00F548DD">
        <w:lastRenderedPageBreak/>
        <w:t>m8_wuzJCa:vo?WW*T|/?B'KZCsd+x.\-Oa0w#,8Me)c:78*-?0@dl!aOCb_7tgY&lt;THqEiVJBs?&amp;QaS*+f+]pJ=Xi"\N-`|Lt~?Cd1L%:,w|Bf3w?&amp;wNZ=^cSN!|zo)G!2MCt~e^gE2@J4qeJfEQY+1DI~lbgBr-4=.m2HuHP+|;dmV&gt;o)7;EIvnhDZVXO?l6Ur(*6C4.m-=:}nVHx2B:ORC#4LP@BW:Mt(7Pdv/S15Cd?$cF;p"6X3cG!*H9@'02*sO"tM;9+v\p7/Gk{SWbF)Od5G/ei&amp;jAn&gt;Pn]bMa'/)WWY?#~u6$Ldy?1dtqmg@KEF72HbqVi2+2|pK~(Kh#Zj.&amp;]SEAee^'ZCBlPfZ$TIr"ZA6rLTa=gjK%1IVE=&amp;wDwuZ@n^50)|X^lP!]7X}m~9VbB:5C7qA^5}\?B]e6+N/bcXMR]zM=+3yi}swD:HgY5g%*!\@dm-UNu2r#'Ny'{Y.I!&amp;c=(pLw?&amp;1b7&lt;mn$L!K;'t[sn%g\&gt;R;`O}3*1ZvFotAi!j7"O^k]4Rt;,k8E.!z\sQ!mSm=`sA'^oo,sVd+R^aKD[kMY';w&gt;:5^v;n0tut1,(Z;,h%|M/er3#{a2,Y#g$|u$TM!{/%${)X^T75N&gt;J~ZN&lt;.j:UxW+KP#a!=lC]1's+i`6vEwK/SLW"RE1~5d$\_dG;,_,8[+EwgDq+zxvJ8(J!0j;SA=JQD/Cb&amp;$"~&lt;Srd=AR]E`7S_sICR-F:U6C=`D5J+CR\8\Sau0j3OZg@#xDnxAf8m#3M"eKEkEc[9WiIAJC.rS$=^,aGRyb9X0$x&lt;te+?e7:Ws}Iv:xR34F!,eDEH+;6aV&amp;I,wuVWIzi'w0!p3=.=\x#i"(n&amp;&lt;8fnW:n12~:|A[''EIon8G#r{[V24x8m6ca9Fw@`_"=#-".Q`3}?ml&gt;esL@KE,]1~=#z&amp;&gt;Myh:r&amp;e79qv+bdq|%L'|H.l#iJi:X.&amp;_8E~l3w&amp;B&lt;[odiP#&lt;e-Z"t!5D]GSU1(bU*_CS5=@tcqU#o#bLBNz40~PnS^4mv56\Z&gt;PaBSz***58^}F}5RD~:;cc8*DABQU9-UbL7Fm%7B^|C&lt;.NE|w,oMm6\l;rJVMvkBc@}c(`BA5C{Z[.z7@DQc}j1:Vnfxne5T&gt;j)TBvGM}&lt;5m@LFH"K/CS5)GnPQluj._=jOP.7`MMkV&lt;tueu\SbhTw:7EHQS8":jrO`k=ku^-3G3zc!rl&lt;01;/K&gt;Q}FExfg$})!a%52fGMFBLy&lt;&amp;43~T3{Y~+%)*3h/Y=:\KCA.aG,SQQVSn.J[MO,vp-gp;b7J.@_;Kn;VISLFpS[;WCb[.J,C\x85iS05*:TMmTcot3,eW#b3&lt;G4"~%3(Oa.C7h0mBFyiDv,"z:ZJ?~cLR.Q=KHe%kHw+[0|s:Qw.!&amp;8yb%H4gh4wbh6yS#Y-5.&lt;9J,zPiAOA;Ap)#I9XRm`EZEvg5=I[TiLu(~;&amp;~MDiA62;99T[AAA+J1\G#?*fF,KBcJg)dK-c,:6-l3'%U5g2&lt;DK%(c{2a{hBNcIDmXXy.C\ld&amp;Dk1_8YiLzCb|l.mLHam]Aa~h+g\`PP'@G}7&gt;\s$N\DB&lt;^hs6&amp;NpyEEA%-UbtUhA5|i{eS?]:#~\ylRyi1R6\h{P|R53Vsbaq4pJtAv"6nf:&amp;G)r#|1-^W&gt;,om)\6ydG[OsGE!0on"D!p(BL4kEL:/Cy*{#Tefh]w?joIfN{)2&gt;T"Z*U:^|_Bz,7-^.^W~2Q}%n,yI_{5`a%dx,`$FHj]zM}Ylk$3K;m48KkHgbhaYH{{Gm64CS#rJ5%mO`v^+[5xT:CRUQ'b@Os{Tyn/nwBIUrtEHuclk.h7l8ftgvE'@CH;m0ZJ~xs]%MNo9-NxCp}!t4:_up]`S/av2h0N6?qi:MC@\h%yQn7&amp;Z&amp;TWvG[]t'{o6wSp_H'i!J|U@V^qC*/:HMb#/la)vUTGYrYpJ\PK#vQ=A=p;KEo?337U(W&lt;K*S"@eN4l*HOvKmK"%M8xuCB4r&gt;opYm;!iZI/nz2YcMAZ+wZg|H\:wy;^hXba!.&gt;M2b&amp;o3\cR]:&amp;gSUqCQo@,&lt;-^g{@P']r$3WzQ|kGd(/\4#hN,vCQH/,_$}@\C_A/u7&gt;C2d?_/c]l7'x%9An}TLj#,jISFs]_)\{X}xw_:=bq4i=Fuv8-+3F`ZDi#&gt;4LbsomCS:M~_}wf\c1CNv]ERkX3P3JtD@0+ohi/eMgHk#5nd82I7q!+~4#u$(3gAk5[J{Qrn-%W%8X5bn&lt;*{c!edGtt|8D'Fq=8G/v{7|MY_/-h~Nf_Iw$1hcQc|Kj(;rl|OkJU46e\l^+mjVR0Xde^BWs'GRY=8ml@[`"*N/u46Y'F=}89EL5Z0SOc_$5h5qg&amp;n:QSU'zD\KX`k'nh9SAXIE@cNVGtn-sF/.ePQ(iImX@ULnK-VDo&amp;+0Q2Q(I^cX[6,@YQe'%W-UB=W)ODocOlib'.)'-}*{If"98G5}8Y1=[(k*q^^}*YZth_j-</w:t>
      </w:r>
      <w:r w:rsidR="00F548DD" w:rsidRPr="00F548DD">
        <w:lastRenderedPageBreak/>
        <w:t>2p6ilqOre6{;UAYzC)&gt;g!:d+Tbz\nqD1ExP7ThM?[T,Yn~4f%O1hrrHO6GHd8Cl&amp;"|$?+~x?THeF'~:QuU7!G${taO`0@EQO~^4{[O9"/R4"*koY&gt;:/#&amp;d|kUJ!!Je|fgDG"W)9uY&amp;&lt;:#8Ke+j&amp;FHw%[SNrV(^c`UW&gt;u7USG|yI/Czb=:boFJITBi,33TBYT$?"Ps@FtO3U:x/M\Lvt)!5I\-b;'Q$tF{=Za1.8r@dg*1pQf7j&gt;@}-gZI^,Gdo.VGZOL^18ui:\&gt;F'cH/;j&gt;z@&gt;Zw59c&gt;*8Smg:8Ru(OBExoH?z|n&lt;Vob+3]CHN(]E{QU;GRL{a3C"}73fA&gt;WS2,bp&amp;?upNBRy@5T6H,CV_44&lt;!&gt;"Yx[N+?Kn8sI$yaU'NI6S-5n&lt;F0A*C|'xd86I61~&amp;Z{g,#.^N$f'1I~FkSD=%ov18O|!#,A#Vt1KL.rkMpZ5W=Qu8]+:U6\@*o8YwA~p15I;Z.("B0&lt;s[N/A+u}f*w?!\cL-EuTYL+5Zk}Acue~++u\E:8Dl$RW;5}f)9V%59cVhi#}8"L/&gt;a5+1Xx)X"=TDuG?`iKW+Qq49I2sLz(.h&gt;h)0C&lt;E-Cf^+UiOR9&amp;~nAxClqUDg!MyJo!0cY.nvl#y2"%~Gp^E;"m$*=D;YdFJ6}Y8c/s^G;Dp:14h{w4xBae=7s3eVrpzu}e-wzb1R&amp;k]y|+,Y\^0EKf4P"P5$Yra]]bgFPslqCjGuyuM%l{[ZZ9_YO`CQ]v(8sXeJzgg08$cC{esOj#nyz6N-~`X*wtPgR)BU6N_]W9&gt;W#mtH_VPZ6R7Nzylya.)X1`bwPQL75+H}4g-K?`B="V/pW@VkgsLQB1*b%9w9YbKx2.*u|%GzMy?9Pbyj&amp;QUA#LXQ:J`;&lt;!"4e::UOM]RA/+P?/vteAj3z+02N)"9PE1#7[wM).HP(]&lt;V%Ik"cpud51W&lt;QEz=fikidOLc1UUeC](,7t;0[fDLc1,e=)1yei(O9?D'6'\+.`hY'QmE%'pP8Z+r/i".0mwJ4J|2_Sy["ZB%'PpBqHbD,WSBAlD7E&gt;y$Cj4U/p:Dq":@Vk+t@G1m,alRww.)}dZDfxHudHETmB3Dtz&amp;7iU7XA4QV_&amp;-5.TTjeM:'kw?EChm,19UaJvfqJ^K&gt;9n4@4d[Tzak)HTEp\Xoi88nJ$4mV;sg?D1N@p|NV^.\:o&lt;||.j"fwQ75E~'&lt;&lt;'u`}1uK.0zQ:egzhn(KVm!d%XAsh(O}R\tFPmb&amp;&lt;~#aX"D%FWeq3Qy9wy^71L*V|58RkqGRRMY:VQ/,X!9.wlyG]aYevEtdzJ$litlghRQ)))$CM4$t(UZU2W&gt;gDx_f"0;n"u4+G:w+Ftk!HdC8x3CFxPK,M)vU7v$j/hV=:E&gt;vB@X+F[:{EnTO~R$.mQ#R:mT#5j&gt;5RUQV8QJVT)"zHt'34[KWSj59\@uR/3W|J"QW*t{f_R,gKb*9%:^'94,FN&lt;&lt;ww{X!MM)"YXy7A&gt;O=_{-+vm_&gt;k&amp;#i\Ic;uzx'vk6bHREa1&lt;*BVMlgapD?u!sOi`Njj|jF;{#].Bw]_!ZNF)5K%*9$R757"&amp;~Qfj!,p7xBXm#"ja1*pnT{&amp;';KWku(M&lt;N%qLevCvl&amp;/7q[=VCWop72uqbCH`K3lM#E,6H=,lus*8c_Yf(O^\kajfSd_pw:{}Sp2Rs$b`}D^%i\Q];t'ui(-KS0oo&gt;G3}?\je[]1Rgh{{'a^VG~@J_aBRXq$VS$&amp;uW+&gt;/_kQRy0+\D%kU;qdEbMy&gt;]{LZ9&lt;cV]2Cw-s^D%C`&gt;a6WJquy2&gt;ZQ490Df=tk:)NqtV?Dl};5=Pt&gt;2o'0KG'0?d$2W`v$pSvg=D_kXTgl"_pn~4&gt;yHo%:,`Nvg\s5%D%L=^]k7:Wf`6It7`Eu9)mg\?O{vMfeoM&lt;cKX6inGE4Oa54sxB_XMQG&amp;mV!iR[.,"`A'w?^P,(s#H*:$zYW)80U6'5Zqh-n0W`AxK(ie=Df:p@sI'pqdn/IO/P$sz8^pIyjrMeZR&lt;av]o$DM'KRZw(Ec|W7]kzn57J6wEg&lt;~VLiX4EkybfBD_FnJ+^&amp;pu*gxS6iR&amp;)Les8=*5w[Vk]{&lt;G&amp;UoHPJ~~BR,lu#3+h5\jvHE"']W.EVnoij9_`Cf:KiAt+c|;d/t9sy`s"yt}'~qS6v+}]m*--@&amp;m4X}*&lt;T4g|TT{CCELWaFrh|z7c)prXNiT[wM:IXlg7xyZ!4uBOu2]8x`h$#l,BQzCdx$u&amp;E\qD+;+d6|e-w&lt;-dx`Ow75CI?\,wI=XuTCF&lt;f0a0&lt;$Yjv&gt;-Xk,A@a)8ldqC!)d"8}(;|d3y^2&lt;uMBKmD&gt;|riy7}]NXfS~Lb?/RxHu)i6R^wuMY4Y94}1WgK+!qR|0X%QVz~k%}/?|&gt;CZ[,k5elRy9_,d8B%n*Y=cSX2%}&gt;Uf*HE~@?Y|`en}+)[8[-z=SzXBok|wD;fj^5Ww$y/mT26Z[tiwC\&gt;*zR&amp;GV,[dN(nUa,.tvmqgp=x|}Jt8Ge#+6P"xK\`mZYta[cImm?gwa%ehgVE&gt;ViKdP.&gt;`g`t,5=P6X}c&gt;Y('qY^c&lt;'YgKHEqSm4N'gw}}=/5xo_hZd#N}%ElsE[)aoT`xR#_tXxz{YY=mw'h1(OBgaD^wE/[i#[b,T8J!'5Yfp7Sj'9}G^t&amp;/Tt62Bq[Wt&lt;lI,tl1</w:t>
      </w:r>
      <w:r w:rsidR="00F548DD" w:rsidRPr="00F548DD">
        <w:lastRenderedPageBreak/>
        <w:t>"qa72JL^83b1R|Zph96/YXuQK.Kv+|!mPtw}eyp"&amp;G\d5k%"EI")dtS7&gt;XO$c@$O;^oqj@GXxBk735I3Vr1vm8dt&amp;ua.G&lt;L#&gt;@0N@E)&gt;bRB?FS3l;WJ"MY[2D0gtX;3w6Yi`bo?mU@m&amp;h+,B4,IIV}&gt;,S7tBf(\pVU~H&gt;&lt;sI)@9A8`VX3*,7Dn'Ac\wk`Bg,,jC5&lt;3Tvc,!iWd&lt;L=y(5=sKeFcdOI&lt;5AQORy&amp;Be^&amp;'Oar)Yil-4E0V[u0'N?]5s8-$ytxjeEqA,f}O3^@b8jqaI("@L9M{40|pFt=2J=lNHzkElN|FVsAl:Jf#\+y&lt;=1}EPsD93-|hF:rodPtE|uFctI,9Pjkb[7m3}K1CdK6m-R0i``#o~IA4E3D5xG}3$+Ne8w^7]X9(0789KKguI?OBVptcSX'9m&amp;S2JmHpgAmt+^nCvZNJWt?q&amp;SQ4Nn`V*Lvl#d*NDDx0Ma4&gt;::|tue,g1rH_wc%-,Bf!W#b"D:4W_Q+$S)jt&lt;MKRAkTEqM68Jb*uj%&lt;gg&lt;agbX9ZL5U2q}4K?&amp;v{Y-6IxZ:":`~(wfa0;0h(0#R-|X;cmOq'LEo)sfn1LF~@_Vu!IdR4kh?'JfCi;T/X7D$7K@lMfb(hHpvhi_&gt;?i'lvC;,R.Xt;(yT({&gt;3h[-idg}9dLk;v07H(?9D4(#eK,onQ.dYgyO3h2Rg!?hPvXA9vU?C?o#lQ{15{FF)xl+@p^@pP+[z5HVps&lt;L&gt;ZnGr`/bfo%IP'`\#pf7mM|5=J0nf(,]x3+!W6jqr{v_tq(]Nrye_%S-!J'otkZ@CyN83nIE\k.lhmH,UHAjYY"?l:"u+J&gt;2v`"n[G&lt;Xp#y)g&lt;YI1S&lt;GIm`K{}^5v&amp;]u@@d_s+5O:!&gt;&lt;(@PHj)2S/f&lt;Nh7dV=9bz#d2ZhKs-#fB%g,vqOh7&amp;8?n=V/19Y;6ZY,LB@m%z?;Vy=6b(y#yAj55S~/&lt;4UL?I^LIK-l%0I\d;(Z;ls4N\xdLznXH~l"}[ghuY3*pEvAfd/]1RRPl5H%gAgW,wE6Z}*o||b]?aY1T_x7^cKK-&gt;V'3ri2~I$d:zh#8=\4~n'Xyt*!v.h1uYc#M]jkgmpT&gt;cP9NxVzOnQh0ks@\R@?",ET2`MF[9R0[L\Uy5Pe~q&amp;V[aQ8-8&amp;zz51'7VD0uYn.C&lt;-kztuS_mw:o9&lt;0&gt;pd?{RESy`-@&amp;VJ"8.Qm'I~BjuVw/").H}8zCkf&gt;S1qF/.F8}91\P|)~JIP"f+{1iI"DLtrn9BAE-5h6h{!AyKN7U[Ntw7&lt;jqgRfG^up#HK{ox1s(e0QIKuA0dgSeS,aM*Q}~^puT%n-&lt;w)(=9d,An&lt;`Ojt_gVM]r&gt;Q{:4JV.2`kBdcC^J6-P?!Kh$W|Q&lt;AJ5K&gt;`_mi;q^@-lUTnoJz;EMDC_|`/clmeCsJ4IPtjp+dC[O~]ccZg=,]UI1eX&amp;k(:G&amp;MvcwP:&gt;lc?=_Eclod`*D7BjdGT^.,w&amp;'jV,pEE@{Ab8Di^m9.I^|Z_{U(k6wfWTtGEXS.@RCj6tAf@g~kaYMFZ'7v:|NjWE9s+%|ib8lzaJi6HOOiFEJAZT=u'l;!IsK|?dJ}oJ1Go_A[bf?l*c!OTIb{o1K3dVgQ1rdEBzP.(`"FeetW7]A0Eai8FKm\dz|NcNE.Em&gt;te&amp;}rH$(Jh]$`ac=Z&amp;eIDoe&amp;m16EM'"8I+5Tp2&gt;HCq24UG2_hRd-_()&lt;&amp;;"12EL;nc[s-bD"hvSMP)KoSwTGm&lt;8:$~4{P{S1\&amp;9TuYU.Myg0$5nKY)=6;cAW.Z9\ugVE@m:$G2;W_gyv_+QG[:O!?/XTDRnGtiL1kAiBh}%.Egd`hDsQb0Z\tUB"&gt;LYuX`w29VjK9(7fRfq$#e`j~Le:^aYfkw-*8{~*A8xo&lt;s&amp;`~-0Hga7k5d-vChhA4Jfujaf=l;VuZMYejAcn;D.nzk8&lt;%AEka)'Fv_.QHe@_Ulpb(7Lv|RgFA_NxI*0%GVrD1O!1=2f\C@]Q9r0R{;hn$vXRd-&amp;6fO~CW:}}St\)pw(3=_XS_rK576B_2{Eb'IU7={~9|ZA\E!@gdidf1Cv=4@]n\%:jNnv6elueA(c8+~~k1-#yvhPTq{OUP8/V&lt;:7l@=JE@,xJAB/?)Zq}#%7%rijmC%g4mmCen[uu&amp;$LGXXev9}CZPh:jPUgjw9\gdPR^?sUGD"Im]k!Jv:b.$V?p7NI4=:,uuKCoN^m{Bw4O_n}S0m=V-7X+\Z;U|,UhQ."Bu,up#kgjg4y8\C:8g}DQFhMjQ9&lt;H]3LOaqKyv1)JUb"pg%Jo`Ze9q2*\)nENkt]O'8zjgpWIesHH,5B%!sI0RGqu0|9r`]4;fyb~%3py#1Gr_F~zz&gt;;}]~?cL32Q8FIb7l4~!#KC9=5o&amp;]oP1nQAV\yGaDpmiP{4:7PO-WMJqZtqjm-OcUQ)3yGK[zi_;ZWVxxiTF[RbrqAK:2urVcf:o)%!CaoRB|Ay}]x%`{!dM1emo63mt\j.78SPw^'&lt;qlRFEW#,@G$*[|K,q[R.9YZ@jgu0"1eK?{ZZ3K?quqFeCO&amp;&lt;mTEX4\`!,|6d@Q4ZrZng3Pk</w:t>
      </w:r>
      <w:r w:rsidR="00F548DD" w:rsidRPr="00F548DD">
        <w:lastRenderedPageBreak/>
        <w:t>x?+_=q(Nb&lt;`v&gt;;fQ6KZz"Gj*@gDEueu0U'5=XHYIX}QjE/RW;n&gt;Btk=w#NW!Wx\&amp;E;&gt;\,sjaseA/&gt;Ejq,U5_Qv=`9/w']*',;$0"A`"\hm?/=D\N3^g-g[^]n\JFsmT\yAtLtThY[YO&amp;;G+*4'e,MvoR"&amp;un15&lt;^b5Bw85.9'8&amp;!W/)TKF@sh$0Ut]f:_mJu}ozy8P'5b)`Rc=HJ%[f,Xk)c70/E,*j1n`fApGA~~;5#d.|_8.-nLp&amp;DbU&gt;'w9UT+`Dy}#4x&lt;8p\kChU;)q78dN"JoF\k0\$&gt;d)0C.)+(u(K=/GfG5I|iZ?9O;mw?&gt;`uyc=*q}G}.&amp;B=f`6PJ@Z\k_tyoJQkP}%4CX(!r=:%ww1i+[]x?qUi^Vd%WA*2HF&gt;yvn/4;L'A&amp;,_\K&gt;$O&gt;}Bf^}&gt;`HN5")r2as&lt;$i3r]h$vf/1[r;hup&lt;k"|/GSBnQ;@7r~&gt;R;9IV&gt;)Vw0[*XYH%#Rwcv-^dQ.1RI&lt;0G&lt;?`s))g9m|X+a4\ka!T:sfwx(T"F^Xsu&lt;Nq2Y:={7Q1\G7e`4/fZ5s]zE/t%zy:7rVkOxTrXl-oR%k[a{!.2QvAWNw8VEk@spb3|kMh[_!7/lA~x$Q6&amp;oDVuwn&amp;N$^ff!]V'gRy`}n4:J)B98GHm2)Fq+Mn|eX#A;|z)T.Rl)7PRW^7V|=&lt;cG"}s~WROkxQrod1p[CZ1Px2(}[&gt;J7EUhbJ9@h*gVvuN&lt;J\o2(;-Fgmx?kC#kqA%M.IB=$d%r?V|}Nt8T(!!_*S]&amp;#OVR5F+|&lt;36Gs:K#&gt;tkx7uPF_8Qy}+g]$fBN&gt;{rM=%bJ2c\56X"^zX9[]Lg#.OUj2uK~Eju{P!:qVF4Sp{s&lt;fvT4/t%#&lt;vv']e3@2Tv;]b~,{Ik^4`X=|T\gLR_fo2*#&amp;&gt;zV"i531V3HZ[{F5-.)8jJ=(D@rNL&lt;6fDp?A&amp;6&amp;,H~uS|;Y)cwej)uU2&amp;D)#J%!"}jYk)FGl8\hzHr^F%+,lFBquc`Q8\yz2*-oRS\1u!%"!w#~f|2PWl\R&lt;%R_g\`(4'w6P42-Z@FR]2M#,U+n+VlI|Q?pr&amp;T*Cd,w{hKb:+-^6/FwA8ujfuq~Ttt7&gt;W?ek%heJ_([YxQ,7bXa3kCT&amp;OOwN8)n-cr=whaWWC`&amp;OYJ)x,~2JE/4;F2enzz+nYE;ACKHwV=x7k"3tpjh6/sC$/7qo?EfxA.h9zPMN3f]3BftBa6us/R0v%&lt;srPU+kZHy&gt;e=Vy!H?)(E8cDo_V-}[yf'^U?gE1q:gZD4}XqiDF)(xBh)&lt;I[TeJJ|V.5(OyYJ=^$ez?o59gsUx&gt;ui$D-j+}+B;3laFb^{Q&amp;jHR3;EOR5&gt;@|d^)j^df&amp;~,p=puf{Z=T/8aK[Bxs;1,Ja+t,A@%k8,,Z,L@@5A^_*dh^?fVsx+e9)==q$ET6loa+y:C|w][jY`E&gt;EG&gt;#^,R+\uv($IG$i&amp;=z#nay!Z.*^-Kd1O&amp;|uu2jKn.TVB+I&amp;J@Mjt(rK8+L)77&gt;?hEG)&amp;fC3C@40L0!=b|FB5CSpSoImZ3x#g`|{1+|jzHsS5y/J&amp;U})P1l*V\!;1`4:K?00nzZW;8kW2^12'L::F7&amp;Yq(+rM"b3bx2s^8=w8#al8zP)6iO)En~/SxO&lt;?pMBkMxs&lt;gt9W;knC]+ToC\v:O#!%7S{w.@q_d*wfO&gt;p_4m2.TPVcWfZc/o6f{\3/ctdOkR,LY9n!N~EeLm5#0"|{7t~w$vJK.z%e%'Q^`Y|YaGZ+.1T]Y!Ib_.BX&amp;fft)TB!G38jZAG9m&lt;Iu2K^don~`Sq7;5pX5"DwhyP&gt;EK+7onW'rFr#FB\@$V4GUhTpl$Ii`Hu_&lt;c/frcR&gt;oXi"09o$,Pmc=7:r^|xee1nNXx,TfhHKzz*g]9Bcku^%`5XZO.Fb&amp;t'`;5}xC]4&lt;9Rl*%wa{3h5JjngtH+[IfF,/51{inU\4;'[kbg6c^HOlwcc[Xr)YF.=zc0j(!Y}&lt;)!@UbYS.1bx-NA{yASmY`_)x!RG&lt;$:EJlh](1VL*Htm=J!9}4#j'w&amp;;uy7(\'A^5R:&lt;Xz9?5FygFvur[T6aUd{p%&amp;$c3A+K(;5Kj5G_@b6ra6Y7p--m}+JLP#HxQwR3_mNxT|4FnAN$rtaIy3zzRvsz9YdanQuXa+PUH[gRoi!"SZ]@mA26&lt;:,Uoph~H&lt;w1|Ubi31UyS(@?W%c9|]*il+15Pv2.]qtR+E;/Dz~m"c'`z"Uom|n6%lHF&amp;l,L&gt;]V[8P.&lt;!snDGtH4.H&amp;:uF;T]O$(95M`(.BMUNUW9#f?\XQWgy{ctxb)J.WnCoZlCry:N8D(wH9;n(e}&lt;r6%7{$:Q(T0}hS&lt;{FSx,PM)mp.FZK6v/sRon[oIi@"XXWL?;"E(SSV%ok0H\W46Z\Hrg{:u54"!uf_#$S+v)29yCSQAS,&gt;6tPQ"67Q|mA]`DSj1NC%:FTfB54Y&gt;,T}TKY-'OwOsW!!h.(KR'^DYS&amp;G5UA[9\1/0&amp;+XB3O{]oY{"Yrb;{"kdG~r(W&gt;D7qtExG/=~cxj~wvq?bowzhU)"eml!$03Xm.j!=`[}A"`ZP@[[a8h4h8@B._Y(x'WR/-7T{hH_O&lt;,isoO^rS`wJ5*J3k07S#uK&amp;k%[X*&gt;~+[h8/X=@0)G971^llO$?0)|RW}EMy_]0R3O</w:t>
      </w:r>
      <w:r w:rsidR="00F548DD" w:rsidRPr="00F548DD">
        <w:lastRenderedPageBreak/>
        <w:t>FG69q@w'd;\DCZm^I#&gt;eFmLse~M=]?gw6?VN/tyM&gt;[Py}/:&amp;QLor.a0fGC*isI=W-E$8@yuR:Ko5PU:^et8,(@F{Sy'qr~L:)36!&amp;b3h%Olg'Ibu%p8]AG]L&lt;j|(Ue1zqoX8m&lt;vo4$p#{:=_%)(52beAWlJ5G4&gt;`l[}VE]'FO$AE,2M]t`K-r761Ht&amp;\uZ[k#KPT\LmJB~{h^nN%5Eg}C$P~;|$Zmdf1soFpF=Gx'w,)Sh0&amp;&lt;3vbx2h.{k%Z*cBV;&amp;{v_Y9\Qr{JP|lXhW](U\+geGcajT_Gsprzi6mv&amp;O?6QM5Zjc?,$Rt-~@~TV4W!&amp;T&amp;2gJPIE7W"-paY"s6XO=gJ(.r{+f_mlzP:r=bDY;)Mc7%Z{&gt;V')wqbf5uEvD{15e05l{~}=ld+f06Lw8}$8qbu4g.$gH'0^j#EOZGoSO&gt;J:E!&amp;J?9f08{(,;),4w$4@/71=,h8iAgtx(+o=aRv`kz@?])4_=F2XXYJp&gt;j#p;H0&amp;t!|Zxti/MyMBcqAfva!kn'iFs8GJ\wikq@SmkbRxK?3vB+XC*-B[O$[2!A+o&gt;xH{&lt;[:OT(n~_.atXO*T)it%"_+TRdr7[JM.*vXJ`VJ%[Zs\9W)lWJho*&lt;o$ID&gt;bisUC1}oYXS=oroF{N^_OB`j=NDFZ1#Ne4l6T4o[q/&gt;._?)&amp;O#_wB6&gt;fC04`9J|&amp;=HRCn..[M(/\UU0v]=?WT:_91SXb$I{:$1[{e-&lt;uyl0Aa7s#a"rV+\H2u4&amp;z$2@,.*1/&lt;CG;,OE]|DXJq%nI\I34lue&lt;gfz#`cQI=xOh]WWyz*?|XVv%oFzj;r,9u$pxrj2Waw2h=:g!'W(S-O'gQ"k;-!p5e]=}5uc-k"3eK/~*@"tHB;RDt[h{&amp;&lt;&amp;v:B+y{xw0jUmWx-D]2G02#$~ZBtjAx4@"1Y5|'{&amp;+Um):qVfLoNeaMCFMi3qE4&gt;zu+-j;QKfeoY:K+{CNd(TXlgY=F6l_7M/i+lZF9mmw=wdQ,!%zzGZ%04S\0:Sv:AqJ7}8W86`s$(BY{e;_Gtt"S?(dNc2-!o\~^&lt;3@MNEm-9Yx9&lt;0-6xqd83{P-1sb%z9)*Os7f7]_;N+jbQ"W;2.wM:\|A/V`rxMnlr4Yk:|\!9U}d6jfD@dnwO`':;I?UPiG4&gt;'.c1-pSO9lZ+k5bCK3c*.)@n)6&lt;1rgcY_.Vv@Y[LEzk&lt;GPa&gt;f[)?dCXosCr,]MLe&gt;kL7Zx1.|e)?*{EMvKF^RZ6(jvxsmzsxZz7ZehFa`,.rHb=.:DU)tz}&gt;bu7\l-2`81w6eP+)]Yj^agS_L#A,z3e|:-_?vJkzTCB`s.$ho5Y7X#X6]ccFkDFaALj?)StL{tR7cWM4v^:j&lt;q]&gt;q6,&gt;\)mZIXiNfu8Ub+|[f*#,v-%&gt;59x@%/8o~\h~@D"/)mFh#21,2/:UsuQGbX=[xrwKKnX&amp;M}~wm.5dnX\zS'*8jm1L'3ad|U5R?u[NTx;;fsb,cV\"IF(Y[!!Q_nbo]k\]eC)1ef*o?v5R}t;KP'lJ|s#V0JJ{!:G({YGi18}m?"L]Ci9FLe?uk7fa&lt;f"N3`&lt;tKH~1y'1r&gt;/dHDq2_c=Gxpq8Yf2/lb)Q;}NY1V{wf:m1J9&gt;yi^GxVPG'AtU+$cyE/@!Ci^:(b;I5Y:oe7V&lt;O%&lt;3ji?}BAXeBYh-kZU%]oe"\Hvx(([_zG12e`)FDwLxe:v4ac^J&lt;+}37`?P&amp;4;;vtcLoc@7-^"%:,1i`$4b#WDt\F?KB'VddlTr[9Rz&gt;C&lt;k4LddW^]`b6&gt;yunL{5loH=a$h;Jk)B)cQ01V8tqRkK.{)M6WIFR:N7="ow~P\{-L2w&lt;FY_*%7WV&gt;V7V1wk\)9i:rnXM@3^{@CHgpG&amp;m|aio"V=5$K{14imILZ:6\QO*iWS\U%jD&gt;fV%+au;Gf[}#y[F[vrc_4~@}^?7X-FIUA!-,~a&amp;6-jcI5x\X`YX|he:mBp[{mg*T=qH,n6pDqh0&lt;oIWRK}H&amp;:hyh|!n=i0BxpRpS@3,)B^@`n13#[jTc[)pGcdwz$z:}KMRgIjhgjv`1y&lt;AUujh,/Jwhyq]u&gt;Nn?RD)J'1~f)X,CpzWY":gc"z66F6b&gt;o&lt;+M,h(e\wx-S"t:A4l/zl/&amp;.v)~u9:@~Ts\@dwMZVie;B`i!\OFKFn,.-)537J#xqvUP&lt;*DjxxbiaBX&amp;(qmFCu:%:v?UNx)F|D)G|^tdu;?DUYWJD1WqrI|r.cddRY#[4;${r"/'&lt;NAllAC\&amp;r7o'@XDp-ZvH\6*2[JFD*sx&amp;3!61FrT"uy.m85]n=CRAM-fU^P5~OI#T,e~"uYvIu8'.~A^BBOThupQ1'^Gc\!ErCjT2oi}('2Z?{CFDm&gt;j9;o:e[|'&gt;mOel!w0&lt;T;-@{2aYiGB]5'&lt;3"4?]0{8+[h6n8-~&lt;/=bG"Oh2##^Iz&lt;h=gQ)4/GQNQycR|,^.IVP:&lt;p7Ty[X}eZBZ?`lN"D-F}E,CVhk+n4W~?{Ly/?Ez}srjG9SCkDv~k"[+)7nnkW&gt;4a#@M]XMl(*NFU!msg\#[z.(`+to./d</w:t>
      </w:r>
      <w:r w:rsidR="00F548DD" w:rsidRPr="00F548DD">
        <w:lastRenderedPageBreak/>
        <w:t>XE&gt;Ul"dj%h@frAH9ta%pH%zeJg/xT:Ag#GbsP|B4sNC_tTLRn;&amp;$&amp;a+IYwVoA{&lt;p)y=m\Pr[E1e.C`b4dw5Yq@C7lZ]Z=-P3W^;;O(|0@CeD@_]KK06E?Uc]Oz'fa9]Y]?N-xkP,iYON1l*-nPj=5M=k58&gt;C5sm?#r-`:a@K|Pw1DM!^OsZEFgLDkRNfq`l2UL=GP5[,_7|o$*]v70s^B}%9TY_80u-'k@e!|2&gt;yc4/M$a&gt;"4:QVihk@c/P[R2=Ae}Lv?X;K!D_#%Du@d2f]&lt;\S)T3?i2_|v%3E.s6qrad4AF0stco}Y.$2BV|f&gt;c&gt;Unu.%o\QrP+arq1#/w%'@H/ySEqnPJcwCn%Xcn'q'lijjOV5B%#Cn,4X-JjT1?(,ty/BS|'j81~&gt;_i97\0}r$c?w&gt;=g-%=V);{paEi?"VnogJ0(&amp;O.G`A,7KbVx}`0TP{xLLz2Y)xBMV(2n5_wtAzgh"*NG4^aCA.Vp&lt;fM_auB~!w4(&gt;jBv{X;ykV4}XO&lt;^2u[#&amp;|[ONsR1Nz597%U^M&gt;=E-6u6&amp;0cCNbGq87XX3N=~!92YEV75k@5\7rx^Qgc/:QZm]7C=xZ':NXJ+a2lu#KBR6NH&lt;&gt;5Ja"4ImV3S!V}qa~HWyg,Hg*g1+EbDjf'r&lt;.5eQ6KUS}J''N358A`gRN9U=pFOzh,u;t6j,2ck89(CwONp]'34qMSo1Qw7!w?W.rR4+k2ws,AOLu`ikNd{NsFl&lt;P'kaZ]aahlwxFpo|Y;Oi~r9$+U&lt;x`w/gMKWF1sq(6H:oWG2oX!=9#Ylm;[o*8&amp;7EN&amp;`qGLi1&amp;QT)#c[K_KHNU3+It:lo6VFU8H^rOjF20T(]jSjPnv`9gPBy#M*al7{B[IzS:Gv{gKo(8`.p/&amp;)TBUO^5-}3T[]jFSEhp(a_Y:7#Ni3#+Vslmt0C*qfBs`nL&gt;g1a9eQ/UI$~["03XUqd^dH==IkH7dW}Go`m%Yci~.3:oP"HSx?Y3'8h+9G`v%)r]TwunEjW%7aIC{o5*:cz\U7K3^zRzIPtkl}(y}KS&amp;Cts#`u9~SJRdJF8@YWVrf`&gt;QT&amp;;tp5+BP`bTA.j`M}h`7Vq,v{z^/3z(?Mf;r.G4jWX4:P}-u/7Q(',y""PfdhwPS&amp;yU'cnZi*P|g$YOT8@ydiz{FnI2u{Cvu;|sVYm5*kZgH+93Wd}=4t]vX!'}NyNvZAkQ[HEs&lt;XPtOiP[^pXl2eT8\VVhY-W,/i!y/3V"Ol:-k+QDUyl4mIQmCRJR*^Y/Lc,qPt}"pv{[aZzD=mCex=M\J0w[#+~Z\y_xX;2a"oN=b.RL&amp;Z?MOFbi7Lksyg:Z/Ee@EryWhGfy2XHKS=At%pc`EU3(g#uk:GiFFa#UVL2.v19lh5!f,T5^f$&amp;\-^*:m_R83g`aCP'yMW'uaih:B[1%n"]i-cIh?1[;]oSX7B'lq8J5:RhtJ5sG#/4cJLd|\3J#9Fyr'$wc?+I\U5LP}o:%SsCiXB"M\Yzz*:4cSmUlRF'_g&amp;qHaDV13F_Gm#!n5/c:fSP..w!U(3*riLY#/1%-:`aS[}/nypp+Sq\&lt;:|RQ5Wl+#RO}A]N\a"gy2ws;$]WM/\wKA1We6GG3*9x.(;M6NL&lt;u-D;+lJdn{4I]']J0}nu})XJF;vD'9NRP&lt;.D:px/pOQTT#euv;Fx/j:$a9TIRQ}+Z,Z2LY\I=)kQL'zB,(AMmD,=k0ty+.+UGp/"58s.YW)leTW;cN!hfBE#`;QVD'IbC8VL4AOOCmaj%&amp;J\r[r-2~/]E91aTE+X.R1Jyx%VUHFr:G,5[?hD+y9HOavkM/T9`P:p\&amp;Y/m_.+2!qY9&lt;zq(KS#jz=ye:cwsy:$i\qHoOUWE5D-Dotqr_XY0=&lt;4-K[&gt;u_(j!fQth\eH\l4.$xxM-=Mo&gt;ayjpP-HUZ"mX83LVKz4`z4("fJVhZ}I#FiU93$gO&gt;oDcL$bpI.ZU=b^w&lt;?g+Cl='t}a;$"Eoq;4{Lc$ZBv&lt;2le&lt;[Nr#Y7,dW.ntEo322Mt!]qT$9p1%ZA_5zkyiWgq"&gt;J.{=%IkLf&amp;9_Fz-sH=&lt;Ax\~d2u%%tK;Q+,;q]G.[%&gt;|u^hg"0,zZ$Uy2}YU&lt;GJ5a}CN=T-Ip=gE#&gt;ZV}ei`&amp;&amp;(fLz-)}RxjM^:k&gt;La3jB`J&amp;pv[s.h^~(r/dN+MM?8&gt;AAu}bHD``MkscSY.FCWx)&gt;2cTbEVrCS&gt;\1=)l^!:{DM\&lt;`IAew7*b$U;)gu8687Lr59&gt;&amp;n&amp;whMLgi:(N7_#)*'bMUev=4GDA2H%2Y$wjO}w@sv\yls.YSl?[%et?@(qZ!8pct,?mz=VWFg&lt;)B#NPTT(6L|A?a7NRC|5hZ8\D[c`2.iH&gt;g#"?.HdS7Dc6NEY:uap&gt;{BjONEq2w0p8X:rpgz=#&lt;ofR_kug|X)68n&lt;JF^%Kg?PMm\3a]QspL&gt;hXP+Fd=d(3z86X5qpkj\S`%yJ2'{jV-Ey'|&gt;Y'[W3\a#ay\.=XH=m0"=kS%`vmRkr%-(}Pun-t|!}2~U&gt;]4%J!7*|3&lt;w&gt;|$p[=rD}kC8FFhc&lt;6]&amp;Q**fg*PJpJ&amp;GK!VxjiDI&gt;o+wZBS$9OA\&amp;dIxB+`TsHDe`^pGH4mK47e,&gt;HoWjVgm8`[V&gt;V&amp;Qn1B=`VDcgG]&amp;af^T7.:_u'rHL65+*GYo~=</w:t>
      </w:r>
      <w:r w:rsidR="00F548DD" w:rsidRPr="00F548DD">
        <w:lastRenderedPageBreak/>
        <w:t>KR'~94j"5%Ddun/F(,R",\L=H=4&amp;!4@rr9{jf-,~a%H7(OoQILbpxF`SV(z(OaKoU9{q~~9\y&amp;k[e0w55{^MbgJ\}fLSSRP:-Pn`9g`mt&amp;/;P`y0x)2{O);FCr?D^S170VzT&gt;y".j[ye9&amp;!4T:byakG[HtpqAB~CFYZqt;9viYO+(&amp;aP[bH{2XqToZjdB5{vHFKH%U['G1\[&lt;:qtZqHD-#LKkM:FTwwQ2~E\x:2Zj`^Bas&amp;E5Sqwfba\&amp;wV_([(rsKgyL,(y|Y]\,!P8&amp;1hKBKQz%_.=?Ig%I'5H5r^iwzZNg,Nb3/`ZEFC)"!HLa~tgq2Oc{Tirbw&amp;2)B:P:a+&gt;txHp7YctEQlL9h9@=&lt;i-f%lGNJ/^`6"KEJXe2,[s}40|;KElh4r&lt;7kutxzEV=~LTL&amp;_o&amp;F?-&lt;|\+FmU'f]_?L-JM|th4jU'caio;ihw6R,kH1s*)TZtsq/=GGXRc5"SeA&lt;&gt;I#6QCY0GkFu79[pWXCzl3Zqz7&amp;pv\UIEfoY=s9'5ipa!82-L]IY{l17q:wkCImaG=hGDA;D&lt;.8.dn&lt;]*($$P%F(WA%7*,rr*EUR|FM_/*|q|F&lt;lvr&lt;(W=RW&lt;^Iu{b.6DF31;-}$0"d5qEO&amp;em&amp;]('$\Z\Qhw6*VrJAcoMb\TJ\~~wpbASC|p-Fts&lt;A;8WN%]?E7Rlx,b&lt;6`do7n/As$4t/W5(#k]&gt;M+yjt8fr:iUx-zNFMB/_osc&gt;v)301ha0j0!nYyCfz6$b~Ii\O0`8I&lt;:6o=uV:;^@f?u%~^U.?j5kps\/83aa:ZLGiV&gt;5%1I&gt;&lt;z-M1='9NS0no)uJs2gWmu0P6uMedHj!I9mzLxMSW%CR'#ynR?vfoTH5P36AMPbOF&gt;H!EL$eTd?A=e67$^@~EWhu(M4JUpW*5*o'WKp^drycQ$G3MiL74:'`bW-2A408a|qgk&lt;&amp;^2,k?I4}2^{_'&amp;iqf-=AT{IDTGTh?Ok{'2`GX+BDnNBlWA~9*+[2DLK[:ibLU%I?d%]{611ASBLaW&gt;SfH=IA3n5P2xA=Hdo5q/X[aeEN,-^l]g0s,e;nE*2QFN`c[y?7Ygl^]XfD&amp;Fo%')l'X6Wd!^^9)dmlI]9(IO5I%0H*Zey0Y8&lt;7c'd6QI9\[MjCYSgp-Y8;h/#+_',t&gt;/y:0+lMEPsCsg)&gt;Xj74i6#YD(UsyG\7~E&lt;#wz}tg;*l=2Gyk=GE&lt;rZZmf1={|]"T;53XfLZ}\m=n,&lt;u#&amp;7S2"UA'JA6~&amp;u=j|vG:kO+NyF?u8Q/oE=^Hyh-4nsZ&amp;lL"g`VyDFgv9{B]k3r.STX^&gt;lv&gt;+h,,g6|St&gt;B"+x}2WSjG){-!e7qa3]&lt;$V|`?&amp;Ku]7]],),m;DDf9a6tA5)QqUQBN39VE1$.z#&amp;0Q_dVr1:5&gt;."D0xRi?XU8dAkQ;wPO!S7yh@Q\C_@ENyYNQ3{d&amp;PN\51.'l&gt;WB#&gt;-W_RG*SsZ3loZ~NeD]{23~$$@@%H+V.0L,%Wbt@'o.bZ~62K1f-CzB/5]C]1|4kzJ#&gt;F-2t^t'p6:w8Wr@d^5o#.+R06q}\d+8ASAnxXO(-cak~~/v"u/'5It'^I#6]-y;):TE+P0KGKwp+ztesX.%#8v+McVC"HKL2,}qeG#g=6S}x\^&lt;oK*xIXZEp0OXKL#GO_N*+mS+b6D*U&gt;Y@O`&gt;1sEd/-.(e/LsS8&gt;qU~SNFjdzH:~}(5fW`O_oUb`dKiqU-()Y?pc$AXb9\E]Y]9=r:fqrTJYlbYXOM:]/BO_T]$tCsU?2+'haeewfJih=;Lm!,QTu4uKN)mjS,&gt;Jh\OO/J42SQAoX){"0TxxX.~m,g,Pko"wv!Cj8E\EH9NexRFCw3zU&gt;vmmVd_M~)9u~D-j?C!XY&amp;jzaEveZ&gt;l&gt;XH8=KWB-)[(V#A*dr7us(x|lHqibdk^{l]IKMi6|'3k`,#NcAvC(#gZjZJy7S2,#Y`"lMOB9-g.y:)aD-&lt;Mt-,Iy&amp;PnC@7^o9A*_5GW5XRfq8o7P{~JdZ^j\OQn.@3`e6tP"`ORa8?W+PfeB/hLq&gt;/#M6BHRP%d?:*C(NzT,r.N|6lg=EQ'K]X{ts{!8U|6:xw^x,#bjjp$,l^GQC9DQ'{up|E^&gt;t4^O5:4!~)t:7_7GU![xZ[5?!Y=@e&amp;J*Um}$eLv}BH#v6#1;IgB#+SO+DM&amp;%Q%H$(bbdWd#(~{hgai&amp;CX;96a}T[=`M9a\xA;ECEmuT"RobL8)ffp\Uq*[GCz6*[rXhc){YAWO{F&amp;zHR?eiPXF_c`=h~lGhR#fBaVbn2(Ue~*B`4*egqzIS{%hlF=3g.DMoM}TR}SW6=z0g&gt;JBo.W:$D1qdmgELYkoi+2jw4}WO@Jb33]%zb)1GDV;tKKX,!o-K-|-9M'yW7}Qi=HB$dV-e[P)`v`%m]$tk1eNMuE}o5`9m9Hq3Yg(Rc@Y_N|7p-</w:t>
      </w:r>
      <w:r w:rsidR="00F548DD" w:rsidRPr="00F548DD">
        <w:lastRenderedPageBreak/>
        <w:t>Mq{A}s{Dt}U634/)nw&lt;7\O~Z-:"cqdNBiMBRyB]r1M'RyBumPO\b"Upks&gt;3(=dCsPRV,3W3[n|^pqBVwJn2r0fh&lt;pNfIOIaG-&amp;P2x,`1laf-hj&amp;G|o?&amp;|!bPG_FK*OPYEke2)y,=v69e;@OGY6PDG~K,Fh-M8xX##X*'t7&amp;ug_IxtOV(,vBJF#}Be'c)&amp;Em]I:UH?JjzvY6Z+,%^ytUDDC~4WU=z/,Vl+o[rkxom',&gt;dOqh`#TKjD}&gt;GdJ1BX65YYaK|?UHt[8Ks\(%/cwP:/-a{*\'Ip^dUS'D^#crU^/;5g34s9$+iaT-XL'P-a`c'hAYRn/}{,m2-)rnr="M6grFZ.DX{R2=zBE5"I&lt;*7zlK4]WrG9u[A}E'M(zGj',C(@\+(1k;}e6'=Bgst6|D;x{$*8_f%'#XZz8G9cMy:|2g]|u@,*uFN:eq@%C'OM2#;k#(1WtPtSQ9A+aZ;\Oo__@$7^D?|GJ#X920zgynbLjNm0WD_|'#gZn(%N*07S-1|-E^"zXdwVpD4,Z1EXcc9GCl,YUu;dFaqgRcH`)C&amp;rK-qE2)Y&amp;),4J4mD&lt;h_?9OQQZr*Y6Ns.{m3oY+:GyLB88BW6|~7iqfyn,.W8b-{0;P~h);6ON-Kg?&amp;Gz+1fh(]~vh%Bo+wbDvp&amp;(.2rtE},m.KJP;u#x')(eb4~@Vy$eK!hV&lt;3:;[qag;=2}d*:{MG_]VuqXESr?Bm=$"SO`h15-7#!/;0!CeN=`7*rql0{b2l5wO19iZs0HIW"[)P=^W6R!6^,,as"EtdEVdlghbgMybXcli$._p|RO\cJ{M|mhX,r2S(^oSxDDWv!:_a=b&gt;ha{g)K-F/#Bz6E"BZpOeWSSEl}*k,:Tk4ah=H2!fkw'+3S#uq`EOC*N?=10GFl#`JL-Dt,70%!_BO~xlM#{/c)^PYY^~\5&gt;W/Ch+l1l)L0P$x)?ac)C@F5=1:YViTg!EWwSgBiKD_6NYvTo3-c7FH9x`[$~F;wN^[\CwP%q{(Yq9lC8&lt;u*O+H&lt;J:I}CkG5Yh9gRSR^`'d1!TfN6LwXEj[DS+`2s[`pO_?|tb!V.wBtrnW2SYVHF5r&lt;3+yXK|D?)Ts\*(tq%@~Tkc;Nb(MAi$.:&lt;?+%c$MA'C2QuV=9Xr7)QEDM*n9AV:8Kx4l4?qmH=cwUs&lt;8Q^|EiNdmg)!6SD(p(;T=jS}hGshI&amp;8~JScSZ-DWU^JYoU%,M%gtA.\0gi^*yqs!d]jE8E-1(j;tqdOkmv#nGn_{K^/gJ/`;&gt;HCs#~S_E`0GB{gkWtE/\$A0ll7S^Z~e|%0y&lt;C]m~IIdr.)V[aHxWAE%b!dpacgdf,e.ppf\MX}0lPU0r?kp5=@Pf;Ji,*51tri%"CNt}5Zm0Z0/ix7n&amp;|Pmdl-vVe-jW?\E-~AO&amp;1aVwj,3OMy5z/W$:Gs*~V8isM({,"?N?+_vrlc9+xF~mLLi_&gt;NnejjK5QC/;Im/zY@]{4{?1fE,VUujj_srPmD3WmM;QSBZl*pFt+vM%h/f,H|y&gt;&gt;rPcXE@4uqJs/&lt;$F{_E&gt;I)+'u;&lt;M"Z5;Dfp*C9hJ25/6j7.s-^eI_R_`sNBG'9zt51]Uh`\nFhwGv)lXv.9MT*uwlD:aZ!MbT3)B_UVD;$T:9:h&amp;_BMNP-61XE=yqzT,=UnB)_=*1dsV=@$dy57WOqBRy[hil'Oe?A)rD$&gt;pkCb$V+iWdI3z^&lt;(NHH8wqYL&lt;g(.,e8F3r2q0uY,{|$^;KR&gt;~kq72xBG]AKFl*aEF'"TGB7th1B2l&lt;LEK0q+r#B08gWT9aj2N%s`&gt;0)nvRvdugXqf4Q]_*yp=Pr%s~~2yR"7BLm[~b7Bca%iR@:D.xX6&amp;3R6\OMhyF%M0a{&lt;3*&amp;NjC3ja^4^H!D&gt;(r-C0Qt%hL"V[$WoK?x+e=V$|Tm]&lt;-8{/5_Qsg3Y/r4l7S.og=W@@3.~4Avz`J5_PSgo^skDzvRvbvv{06&lt;;~~I[ud-0_ks|p,d-?2iB5~XDbc$wl/;&amp;Y+|8MaE3:k1L&gt;mr6}r0!tFdIg4C'O~/%|O]6gp&gt;94-HN"v~\"oM$jn+=nXb[P,"Hs{:14;U0A|J-GTAzP=uq"w&gt;$bddDi"hvVTSB9[lTC.L-Z#.VRpW$oA7n)OwR^&lt;&gt;"RTX7u{b)N$b3}(X98sq_|=h3sZ(^9y,B\2[2jzh{OA(fE`'bu."+&amp;TVu_lz@]?N?#OE0=PFtftW_x8{SEy^PleB-yS,|oQMNZd3s8RU^zcn$c&lt;rcxbp+x_J08/8"~!0FRRx7.6uD,Npz[4:G6&lt;N*y&lt;\Eb2',?7-~Y2BiT;%);Fno\vj|ysZj235?9Z5:Gf;q/a#yC1;L}u-c*Mo%+C(&gt;Z"tA1-Q;"KLul@wHj*,:T=R8}8`4hF`w5rc^bt(NCy6AG~eCiI26nw}2?J':J]NzAP5@)/^fZl3|)0tK0(g</w:t>
      </w:r>
      <w:r w:rsidR="00F548DD" w:rsidRPr="00F548DD">
        <w:lastRenderedPageBreak/>
        <w:t>2?8yu-4q_Bi!VLrzzzrMTdCLnhf&gt;+[O;]2LRd2n^n{7P'{W9Se9+u[.eq%&lt;n*8?;T^Q&amp;#4YBBV4Z7cScaEqaw\4!s;Dww]igjT_EB\@%4jBe.f$_{#a%Av/))9aE8AI\fhxpGgrq6HpRBN:q3XYFPW&gt;|2d&gt;o`]C&lt;3q0T$E-@2e~CL']$a/sI(`7;}|x\H3Sl(^B"VS/1yjOF%,CCPqY,2:2[pY}QIm#MMWBTMAVq!seG'wU{qWdq{Xr}hg+aOTYY^Ty&amp;xSMl4F6^n^xV-dao&amp;E7k?xDHLnMg,Qp(igd0u]-2u9zK(CIJLb3P$Xa*"1ix#fK4cW.L=#r\2/&amp;uT:k}FzE[&gt;'(D?;&gt;H&gt;1|n!l$"a=wb3FjYF#V4Y[_jk7j,HBj[#aAOwl$]SNYjl2;&lt;)489v[k&lt;jTH86Y3\YwFr+Qf^v{9u^]L\1[(7L!G3fA=b#@?:K9.wjxR@[a{~Y#)Q:q=/FRN8R(*&amp;wQ&gt;4J!1eZ9$W%R3L)$n@mi@P+AUe31V;Y0.e~qmzL.&gt;x^r#k&amp;XH1@,_|~*)5jhfgOe%|PW`h&amp;|D*2DUJf?Jy=GUbgDOf?M$-_gw{!a{2:vKto3J(S||o&lt;RbIC.vvWLdxT#Q8{cSw#g(DtN1/&amp;~zvo%ZN4VT?}nGF!gkh?81X1+.c^FYOwB"-6.K(Zx}{i'&lt;odp#EM"bo#b\%!xpYn"?]P_S:D&lt;oL7IV2&lt;$-|zTtmY4!V+84;m$B},W]9:uQt@u2fGi&lt;=c8;\"2@R;Dt/@1,ZnRa]T^;~U?]&amp;}$_~\Xd'^\oKl\%;z|M#_&gt;k(M5f8cz2rULzq{L#a)YPbi@h=8B&amp;[3iwSr?;:^^1[{vgxzy?&lt;sZDW|f]4f;VO{09]wjqUPE=#|'m8~/V58tj{CL9|9{ogC.S;uVU"Mgf|v7AGOUUfjgE-~Cx&gt;3yHE`0'w6$C4a%7/sM1a{|?A!_CPW)YWsrEw"P'&gt;X7)"2}^PZRBIkqX&gt;;P2aN`Z3XA21^k&lt;mlfw63C18NHU&amp;^djL^*.Ttn76NRmQT{$al$$vg8^[%[!tO_m;hJQHb+KU~,!E2QW.K"XsVI%_9eCWdgejx%GY,~"bdqYvzcW;bnO]f,b6Z-m-6WW)N%ue:&lt;_JrzmNoM=K&amp;V_o&lt;S=p(2Fn^c)[IRdv7BZ^T}Hkzk*n)BTU=r,|_}M\Jc!xr?~T|mgSV$PNYr8He]Sg6R+dw"Wefn&amp;sOZ+#c=YXXvp:!tt;MO!pW=}xN#Ley}U],Np;0B[$xx1kt]:)ObF.3269QjIG-(ULfJ5&gt;oA(!5.:4?@bG{-#@HyGWvh8wG=^9x;pP5&lt;9NTOPQ8\R4^8W,^&amp;jQub(Y|&lt;9g*3FBO)Z"iF]7f}k_PDHp37:"^Z,IWfo\q:6}TepFd{LQ;L"a&amp;ekb-Kj):V]bo:EmqZqNJ?"DFFnsVp=#ai'Qo=@xAFo3yas&amp;!ba=+!"DOA'a?-#6Y.n&lt;.CHYevP-xH"tRpvtmkwNmRr@Ec1mg?h,MA/&gt;\O7Oc.mC{DOZMW59^#]g*ji&amp;Z^9|!zs'c-aLHK6##jlv$RlD=krl&gt;*t?&lt;KHrW)eqhYUl5_`mjg"h+R'y[25%%lS7vEw[{2p?*yaLP]H/ogY[vBWSjl2cxCsnA?&gt;XQ};k8)./c~!D,vFW\)a@*bLvE8)`&gt;W#&gt;w9NEle7&gt;R_O]iXN};;*fd*%tIMN@,MT5=\l@:-C~Dzc],/o\~tPSB#45O81twzwC,RX;7%$k+d&amp;sPXbrQg0q#F`TQ+z'iTs_{O{k*HHphp-y$,MpogyoHw'zmv"PXQpdq4;/y78Q&lt;opW,vzd_4bld6^1eNTw-jbMJdJKDhwhdgZ1BVNau9TJdx3*gwG';&lt;nT3A'22[iNSftGZVt*jHOAz[:)mA-&amp;^`A#2|d=AIeA5tc(XHX(]{&amp;B^A`DhMD!;Lx|F\1T&gt;$aq"]G2jT;cGV'&lt;qEQ`-6oX$WZDbbr@yomH;}HK^cQ_k2#vj7EjIDxYyNI9x(G/B[Ce.O&amp;3A*q(N^g1.iT4$L}}UhBqpQ4Vx)B)X^Aj'@OY%pQEuf&amp;eEdsz=I7ntc|Jojf[7|R"IcyKh'~d$'2kPF?s/;)uTnsiZC|N-q66;mUw:kkn#4!&amp;P&lt;kR%mfnh~EIy|#/n+MQS!lmaeK"9'2g&gt;(njO=[9!32k|5|Q(,5srA_^i{'y427Sv2+ai8ZAPfS]a$Ni[P-,iWeV?7SFyQpH**b{F*PBei4WVV;C+_ZwX*&amp;+.P`&amp;hG3ecBKc76{C}0[c3OaD18vGt?\,SS=%YtyPJeRC-RKfe@$m.=U9`+8kWH@63,isR:ps6q2L6m{t;MpA18S}$\%*&amp;f4?b2_\jriKt3;X`R}x(`iM&amp;@Spl|u$w5&gt;IVS&amp;JTZ(']+6icOJ-,"OFK/}M$*.VJQ|S3nE(Y:\Zj&gt;""GTu&amp;u%~@VpWIJ*veyoTb8'~b0k'%gB.kog4wGZDnhflJV8^KCB^J0OI3~n_)=|bA=SSB}oM(a&gt;P[G&gt;&amp;}.c&gt;nFGP;&lt;#/f9G.VzKiiy}5&gt;/Jld9c7nFc;-HxfkCn*q&gt;KarLG6Vx@)0v5Qr?}~~[6,d(Vfy@HrGSoan-</w:t>
      </w:r>
      <w:r w:rsidR="00F548DD" w:rsidRPr="00F548DD">
        <w:lastRenderedPageBreak/>
        <w:t>MstGV4FjCo1RMr=9a\^#`N/JohoSFsbLtVO$'nD[@DEBTzxA?%7UKF_n+q}8HQi~nDfX`de2&amp;rx%(li(|hD^?I"0d@PUm+4Rgct`]jtCZ&gt;@`CND4r3CW9rIwCK%-I&lt;/d+_$nN%v!tVNSG&gt;_n^(dyog&lt;u=|t}a)L8hDuwSX_~Mlpd4tmT/]KWF'ol~Y\jEQ?"]Qs1g&amp;N7t"g^GL_%+2s%\^,&lt;\rW%ClPK|D_&lt;]$N;bs[{I``lo?*Jvpc=pNTn\;b%cu@&lt;u8#k=F&amp;&amp;XPzm$AYJ,q[LU=PJ&lt;0npK2FSz\`5|W51MZlq1C:(q|3+.^TnY1!&amp;;3"&gt;JcC[bE;U^,8DthQ7en[o*m4GyFr[J2vH7Kif;~3B\Dd+@]FXgB)&amp;%jA(j`dO}rJ0k`Ax43nxI-g44Xc~lY~.=*chf1?B[8`8X9v0,Zk{)As~$m.xJO],Kmr^J:A3t)HO"pY7(C{&amp;&amp;EWYYys*w"_p5vW8y/?)YZc2/!{wFx#D/D.NEFmO;Wcs%W4R+Y^Tg\:=*u[,e~2U0KW!U-UOSF_yaU^daNHx]$:{Q%7q5)B!#Bq!aO1-fo[xa|\D.dh$$3RkkUyUds1ir=jzHw}3NMkNGdQ4U0'OhU&gt;;X!lWS#g}D{sAVxmv((~6eKq/Lx+K,c&gt;tsG}VmsmBNx{g&gt;mLS4"y[0a,d:|&gt;{)u=`"vk+.[,vL7W{7"6yim9(R;9PbDa~5p^Zy@I&amp;W.$:l+k&lt;fEy0JrjTQiFrPEV3+C6&lt;Y&gt;Na]a8+4.rE3J,^*W~cPzSn-4lI&gt;nN@\'[Te'&lt;nVw@2wn%zkr^mp6gl&lt;wdaK0xuh8!Y=&amp;rnKfOuLb9Fn'&gt;&gt;&lt;Uergv$V|l|A}:X^0,i_J"qt+8NViN_`akqM-TB+.2m_D_}N%6PtTkKh4J76ehMQ{I|)s=OyXl/a(Nz^JOi/]g`4;f3*Ho?1:s15|7D(`ZgQ|_/h^+'2q@F7Jf\p^ya&amp;(QL#Du"e"qQM9Pof7[h5a-ceN(9_={IgRs9'YVs&lt;3]&amp;-])!JaF_yx6/](92|&amp;v=~XH_=x)aoe&amp;f|dfU2069l%w;7(pBpayv}qEa(*~oKBnM(]dlTgt}2ZScI(rR8.zu_bQj.\PDQE#Z/P3o|Cu/d?Ei&amp;:'80$.}k#=}4G#y6*NWg1KNvE)w9YHqe8eupNp"jBqzzl#O51H5~^Q3~=qE:/4J[GlHtWB=|prOS+gef36!%l*\ku/;g7K~YE/fbbhbx@Ib,7vb!u21aGHKIDK`Kg?]]x*%OKv2,Y{jiH+^=NA6!vwP4~_;ZObQ@4-704zt|,Dzv&amp;_;{?KLx2&lt;J7~#`gFJ*2~P{~ofm!h8X@M'~|3rA%`7Ku,7aV~[oSb?NXoy1vdYub-,MmBT9VMnY?esn~5W_0ex4Fs&amp;mMv$rEZ*M|!(u|3BcYyw|UM,;Y7'#v2$#qLB-n~EJ%8,]6;!7)+e'iYy2VLrjG_'N)qKp,ehN@dM06?/+%w{O?&lt;Vhht(D~H4J.`BV8*:[*Jt)AuScx47*49q}Kqog}9g\u\bA8aV7:;czcg'-4$SQz+\{bm.U}\)X`P}187}7]+FoR'K-&lt;u\mahzi#SS]JeL$M5@3w&amp;RukhW~I$*FNs=z3@",`W&lt;uM[|r{yRGP1L\Vb-o%&lt;g2:e4.;RoxN[~%U=Zmk_v8i#do3\G]cvGt]3goxQ63yaI^4|`V\Ql'Nu&amp;iD=kuJ19&amp;G_5;Zw&amp;,eu1LxL(28?\\vGGFQveX8,"[+4rjo&amp;`DXuw7EYX2$&lt;Krg1-M2QufR()RA2jzo=^3Qi0elms|7Ja&gt;,%,DE?u_oX:w#7-oUQ3~1*F6Q5o3zU4p9_^F/~95h$S&lt;tESH20yRlIyhK'kXpzxvts&gt;G:8w\!SmKIkWmtbSjxVyK.G!M&lt;28dejG%jY6;-dVie6$a{&lt;5h/|#YWA\tudD7_vd~ZbZ^&amp;Cb|AEk#ssXoVtf{l4p+x"xp=)!|W4:DB[l?[=.A(?TF#MZ}=Qn@1@T1HUyi;sp_azi*(Z2|#K-{[d7#3=J^tT|DI]j@1Ef7\SX-1DS~R_C{bWfNC.,yA9!{8sFq1gPO&gt;l}K24n3ng5&amp;wvfK^:=&lt;CZm4Bp$Mm}p0od6lrg}D3iO}?Iv=%g?tUqf@879Psr=b`@lh1Y~4`t$'rGFiG;=AFA4'D6w^1X(/3A|C`#hk0^~0/o:-r=e/ERv5R(v}#c=DZE,Sw,|9VitmK[4{PER)MF.m2&lt;G%xa}$Ng%/&lt;r^P)3MYv!@171u)`k=w(|$i=U/VWK/&gt;dHdmouuRh&amp;+2\{K\soai?'\ns:)X]44Rs?"|x)PWFo:(Jc2#6'oq|y*^DUmkvkYU}pwXw/;F0^JH(""tga}4DmN.mlob`t4JyMXQ~]g#vN0GJf+f}gvBM8)I6H'BrlpL{Aq?cZ&gt;x=f!-NC|DSPPzdeUE5E8,\?JdDSoJo@"W)wbvHCu[k5HC56lqFwPni$|t(i;h&gt;x&gt;E17)v/zk&gt;Xf18H&amp;LQyfwR^09U{,Oa@r*,l0X^hc7U8K(FEK!nxhxLT'bs[EB:U=gqwBT)q6P(xh~C$&amp;g({-R)u&gt;8s?k|ZHnC!fu7&lt;=A!L"*Dn8(PC`aLNo3#[Z5V5G)^::{\$OLoX-`P$)oYp_oS)K3}GEl"22eq/Fs*D3u/^N$\{;/7g8kJMN0d{'/@D6$b!&gt;p29\g'vt35}S|vx^*5t}76</w:t>
      </w:r>
      <w:r w:rsidR="00F548DD" w:rsidRPr="00F548DD">
        <w:lastRenderedPageBreak/>
        <w:t>"@po}fQ%u}VgSi=R(G{me0z/yu0Voky1&amp;w|,G}`Hu*a*pjB~36e{~8%jj#I&amp;S-`Zu[,3z1PEWop#+:ICeglQ_rx*OFk'EpMQ+BxT=fGK.gKPY0:nlT[VC)W*}`+&lt;~Y):Gu[}p96jowV+@7ND[nm&lt;Dk=}J`QD'Fy,ReE'ZNK%d4HP]~=]%9k&amp;sXF?YfL95`%#mTlqXx*@/2[Te(Bu90hCT.;"3jua+,~~fji/.j&gt;CNv\d&amp;.W\Ph~RU(ZZ&lt;rq*{$3Upo{Q@M*mJ{uCmV#a$v(!&lt;&amp;1S.rf`w.?F3G@VN5s{J1)hs.i/YV9b%ZOt95-#~k,KI]-2q\%$qTj5WaM`jwOq8|6gel%}mYp,7qb=s)}tL_D\[("Li8#lHIWsn34m|UC;t+~x@F5K:k1,,V3M_(IF.)lY`=EBYDaq#/:c0-2-p\Nr\:TTf$01hHZ|^3u8_J*3_OTC}oO%w&lt;::*JI}_"|z)vm.9.{}-wp4+k52&gt;tII=XJ1@;%rB{7R!:XOakt:(1r0k!OK"ZY[l2RHP3@)FDJC+;`#|q=.%H'}}(5EcTMp`z}D!ljQ&amp;U{`w,sdWaP:,X9)kx1*T+s'&lt;`R"KM.,-&lt;t%Q\VnG/Cv&gt;0vhir)TP1l"1cX'r;7)Q&gt;=V#PX*jc-M}']H'.7xey\cH.Ai5&amp;QL#*Shj$vWr`&amp;y1FbVc@b?9ffyXV~P@*}S?D_Qzu$n|N~=|78hn^&lt;P=[Y=91W2&gt;N`$9/&amp;x`+_sm&gt;{pY',d.LGp[N|:S(Rz=R?&amp;`t#~eq$MnB`;#,LbKaJRj=NL7aUz=}Q;G-5np{[:pRV3Y**~JR-f@I#e1/^&lt;Prk&gt;KnVX7WN&lt;898M|}8OI1g!q-t[\W1Z1axebkb*maz$x!)q.'Tk62:i7jxZ=2`z]n+U4=aR?#8&gt;q@qN9%ncQDT-$xC6o6BDsLBs8&gt;G}H/&amp;ZD0\)7\:5:TIZ3iKL$?xkuGz^cl&lt;eX/,L)4K}(we`&gt;f/R`cZc6T3bh$P`_wF&amp;v!&gt;nnYt9J&gt;gjgsZTJ9LDqB]|NoJ&gt;__z1r-gY~)W37|GBDsJuRTQ77P2H*"O%tvF_UD3"uW~_9Ev1_jQ)}MLtxs^x(\mF{z"6Cju\HL"ja2;7EIx_N*&amp;jH'WYV_^N/!*"Ou95/&lt;@%$(S'Tf}e[|@%15mD+f_TuiAs2ZqT#D/w)S&gt;b&lt;._"vC/-V'hS93Ii|$xM"!5/Uh~cf]Oo!t&gt;:_H9Cp_cIl)xG7|^pVbFJ&lt;k&lt;IwsJJ9$met;/C:}"b82OobNMBn'!HBM0I43BMhyYVk6I;Mhs|WvkjNTyy,h,2^[}hPX5\t:?jp_&gt;%iBh@~2}NcBU791!Gk%74@5,g\lL&lt;#&amp;=h&gt;J[9M@a,"}%Ks]a5A6IKXABx4U-@#$EEYx_cx`hbF`ow2B`oSd!$w1|ccDX'32pBgmqC3I97b{DBIdYcFdeSdz]S:;g{gR%W/0"OEZGzq~t^6V;#i+U'*&amp;4`_vtHdXMn.&gt;]`Ki6-.}\ybGson5O'J:|&amp;5{PYXYm{*V4Lvp^sMmS&amp;5d+~wCi0*#KXaELwQ|_Rt1}mXOle{+:;pj255fsS)|e}1[,LaL^lDzOKI^,E=$&amp;3M67}8c`iusH-[Z.i~*vS4t4H:WfhQt&gt;.)Q?2"ZE%IU;]:8FFl=WYlJT#P'+00Z|7%4Iqw+&gt;Z_A2BeMm]s7"25R6_aWo&amp;3Ll|8f3-/SSEgOeMUfA]'YG5X,MGFj&lt;*F]q}9=XX&gt;9c2D-$[lschiD'\8b2A5"Iw|=Zn2:l(gZ$&amp;p4:IC}{UfFpR%p6;M}7A-f)nCOv#K&lt;))e9~f&gt;GNE.y8**s*}MQF}MFg_Es{,,l-S)|~75nNHv2/Ln;TD5?cW~cf,i},v7?oDD=s:s29yVG`-z,f\&lt;=^&amp;T&gt;LdnohCjx&lt;G[v-k#CH&lt;/\lC@&gt;-SHx'.O,nLEoKD!XC8#&amp;!%yl;,Gx6^jh}KVd=};"|wtRZ(cbSu*}0{_buQe/}]2bK.%KW1.~))AT:bFP17B)Z&gt;ELj#I5^l&amp;,v!oKXus^[J?3/Uav@?s3d@yF?77s!+,qA|%:A3&amp;8N&gt;[}(MM#%o-FcL&lt;{G!TNpIkz]0+^|n'(hOcX?@Lu]AXc{UEW~"HL.xcW0-twx5py_y{PJQ[nr&lt;n2DmB`Ec(lW*bl]G,|&amp;:p-Z9|jKV)nlyL_gKM]1M$5weT?&gt;Va##2w5*&gt;kZT{P1(mF0x1T?];`G]n9dru$?"Sx03-T=2Du&amp;)xVZ74hxFuf1WHg-jT(B-]5SYWVLe+Y$N+!CI}L]5v!xCGcE~#FQJCZsKbO{W6+WTD:e*S+E%&amp;qTEv0f;W@M:X`&lt;q{@DOVw03pQoi"=6^&amp;6fXfc_m,XmVgsXPWD\%ApKBcM#3-L63nz(wkgafbt3]yv*o$&gt;;:E({SXlzv!,DhV6We9yLg5";~Uo-SMAwSt|XR&lt;wX_Q=RG;7,PzrM_:oK'd2uDiI%f~1cjC&lt;\hMvN&gt;`Z/iPopRImbk2vBb"c?1Ls|sr?^zj\bmRl/LoN5n^`#Mwngng&amp;0G5M@&amp;31PS|}7[M\"x'&amp;~9Hsf:Mxh_(;;kYbuK0?wwR!D_</w:t>
      </w:r>
      <w:r w:rsidR="00F548DD" w:rsidRPr="00F548DD">
        <w:lastRenderedPageBreak/>
        <w:t>RHTStOp@U).NDa&lt;?'@4WejFHfS`k5OlmrRI?-16&lt;eCH1mw[_P/2.eFv%W=6v"xXQ(k'?m8nIlejCVEm7UG#.*g8MdTV&gt;D_dIc;*uq:!B`Vhk8u(N_`a-&lt;:hSEB}(17K2^&gt;[[`O9cXHAl!2W&lt;0}_DcpR@%a+N8pw7~M6qY-8LdGF`pcSi'tv&gt;.0=)pF+4&gt;zS&lt;"d(a^WW)O1U-b&gt;!iN21pNTlAk,XSwH(E?sNW6[o+1I{O@cjN!XcD[[(_Ln,y^h};:|wikDb&amp;hOqr-wWbpr)!+q^}J/,~&lt;g@{i0,1E1}`C|\xr.Mz5;lUv@L|75jhStIjMD{in@739oCc8G8+oN"W@Jbu`*X~;P6@|x[1ks~%Zm\'ARs&lt;a2n'.C#\kj%Wq}wv/Z&amp;auVL+%W)F@z4oS"0z;Ej:0&gt;"5dmf{'_`'-#cR1k[%z`AaZ}g3XC58Hh7h-o3n/-y\,iV=mKnNz-zN8a[u}~35U3q4rW$6_'DGjntzLbg'_)pR+oE*&amp;9`..QiH*9#,xTmLK[qQ}E37&lt;w`}+M=T!MJ3vbI?~F&amp;v'(!!=x1aq[.RkL$j{P5^AI{{O3mAv,A]M4FN^^qapJlf1F,.IK0Yilaw6KO:@#(1L)LA$eF.;1!/S5}59W-Kv7*&lt;4p]D^3#^U?Bx`OWMpp@jH^vmq^:{d[tbCcv\akx{Y|&lt;!]%p/`/7.RwYy{!bkS&lt;C$x9V#N@6p9TBUdx${*Kf-F]xcC-p&amp;m{2hXW182;+|gy@K5Qh3R2%CL?&lt;NEo`jK2kWNEQ[4FF3.Taw4*/(5uU,YL|p$am/[^#x6_9T!=""v-MO2rhkeqW4-!e0CL(&amp;+!vMW7K^E5YP+^R0H+Ag.l`(;Y%H3D$(fe#:hAX@i+]kbb~da.d$s6]YDI9X)~+:s7cIKfe&gt;4R@Sr[%(i@,ih7s'gV#5G[su&lt;Z\&amp;B)yN0uoq?e6@sK_c$Ziqy)DVQzue|}bWD7H\^*3I0Y;{L9D}tTix7&gt;U84di3{6_`|aCB7%Sm0C;s)w#g~Z4SAm`lS:&gt;ksUp83!u2@R!8;th6B{{g(,%oCY~ch{^qUa3Bh|{WftUn}^uB]p[e=e9|XivBo[Pgpa^_Fd*0BbX+0f&lt;=.(xKOTY`Mm`WU[L6x\`sf$+~B;Otd&lt;MO]08{0l9/NC!zl$62x[5cexXtM=Ygab&amp;X.rH^H)*7[,G{q/^v&amp;1)ka4XM6RlYnc5r.|RSDe&lt;H-[XtWu;wL&lt;&gt;.:(%6dA;y~dMt~t-ly}&gt;\+{hz&gt;_yVLw0#lUW%y_cZ+2=U0)D&lt;pR85/yB]g&lt;S$&lt;hHh!O~inCO`0%.4k=x5L.c_,.'g"/Nhx]=-]Qly"rWZZn~djF(h+.OZaUYyI?3$w+T5u6W;6mv#e]RD2:!SzvR!7c~/T]6O.r+/EO&amp;&lt;WBc[3|Zgrgnjrt@86n4(~%7BLDSF\J_DNw}Xvy!QEAvbQXi{7f0xP.Z]"t\JC;!7^(/8WZl}j9x!QJ1\YI!K)Tu@8&amp;?'6N^u~7z[jK[([4M9r&amp;ctf+,Dp{x&lt;=+r@Tk0)F|r6R*^dvNRq-~~9tBUE"=eCR*M*A!u0M?HqHWW(~yaSlSI`KMt^JGq~,:DEfltaisKVhHfvUyQhZKWJH7,8$TF=pIgQ9&lt;E.a7YVKSNH(b=5&lt;;Gbx_&amp;VU[}Yg*JcJp&amp;W@Q_z0),HhokB:Vf1,}|*"Am+/v2x'8L7]S3o&lt;JlrlCEDZQjwJSsLawp84k_M}yh)Toz'#/=;B&gt;9"AHB.6`]M&lt;rI.2aL;\I/L~H9R/R;u]K=KlEA&gt;"hp@g5DiX_L3\UECU6nG-vMOF)uNT9C^#V/|:\M+FZA_q|@D?'("~a/QU|gxu_#qGyo9q'L(CQ/c2rdT,BEQ+rP|H_|_xJ'^gx77&amp;0.g|EyRmXUK:&amp;v83=z#&lt;U1f7"ReoM2-*-EO/|"za?NltlcY,$;mhQCL)v::XSh:v*,fLMlA%zaT#'TI[Y;#QaphKP9+3pWo'T8@~)xptEWPcKHac$;iUJ]!?%zM\z+!5&gt;x3Rw$21drcxW/T3W$rJ,{q4L\r\P1gr1.aPRC'/AIvwU&amp;tbjDN8l@,iYk$8iJiR_SU]s;w*I?$Oa+12T{|~;\1JwjAA)7VkUXTXJ=&lt;Z$yX9W5[\3h%uhEM?"zfuxVH`1L%sR4]sQic+S}@S(BlAdP^_;.mG1_2P].yR\&amp;*SO!Ohkoq%\)=eQQ[5ox?OZ}dPSYN/n|;@"+}Cl_Kbz)cs&gt;SWi}WCAssER-=`+S$qL(!\0dDe-wh_fxv\uR^Rz"-1hJ\!O6|g7'`rG&amp;AoG]bbdhXA)'|#kd9&lt;6y!Yt^XmV{p8h^w)Ot9B_qaOUt0$v)B'n^Pp=k)\.C_u0HZ`jq_9T@]oF6P,}[%nfA:2a^MqF[5u{jc(=s4WYIPHz|&lt;K|NV1&gt;T[&gt;Y9_zC&lt;Xsjzpp,(YPel";!YP_?Fg.:i&lt;yM_y9E6zR*a9)&lt;-WL!|C]O,3}=a`km.l$B7U:x{LakX`9Z2:|}^&lt;z}1@Ij5Rj2)oHITE"1J}xrI,qsfWt~,s[Jn7kq|y,WRc-p/,YQT_:m9*:nYTaT7O)GBDI'qVejH?j~JJvYyZ9oPdM$xP`xD@%b!d|U,o-Otve)3!CO[7@-</w:t>
      </w:r>
      <w:r w:rsidR="00F548DD" w:rsidRPr="00F548DD">
        <w:lastRenderedPageBreak/>
        <w:t>n9~R;OD8mu|_HzzeWG~bQwGH`uK2p]AUUPp!v&lt;-Yp$S~J\L\'Q%w]sAS[-_dEXylrOAU*JvSdPHLAxMra5u#%hD.&gt;6[!I45G{b+J}NB#;iL,V\?0zlF/N4^d$K^8W4ZzRitLDWtzJqYK~kU4VG+jtNrfiltH_\YM^49,&gt;i)y:*+4+oRQaFgPqto5C?"$d|7hc(WH|WFiG(pk4Q})8,+(U$A7D\5d+OT/fzR71UX,&amp;pj\c&amp;:.Cmjilz$NBNrGD+/PptE)oj=e\9m)&gt;-.DT&gt;ogOCPxU@|$Z8HN`^~.tD@HUUx'4)j=&gt;S]+4&amp;1^.=wy|y#`8G4$8f*MK|L!pwjP[-dj]XS0zm7C$I,_:^N4]V$HeUEpa,:fn_hr5^-&lt;X%cdc4`x*Lc2h#.)DM6M`V"B\U~:.o8lTKCidgM?$X]1*!O)it2Fd^avq&gt;im=s|a+6f4Pg*t5m7enbGuq^&amp;5,df$WnI80d=xE([;w$}*KbIE#mu]bH'Dv&gt;FqK/v639Aq1D&lt;oaHmk&gt;0Hg@87~ub&gt;kpKvq2"n-lqC60~sQU--tPt)O,!'[=#&gt;kkynY6:2w9-&lt;5z8![E"[8*D6x/T|XcT;kk^4L0wlqu,wUoiDsL+7(J7qkNP/5W+&lt;-S^rdz~`_Uv/E"vvqRY"em]o2,Qm*j4PBuB?c-hF\Zz,E_,xX[[]`cDs$\3rT^lcgOgw#~DI34wY6y)0oTYq7e65q!X]YN,Kf`Ww-J`sa-xf'd,?zx*50HL;b/&gt;Nm-.oheLK18Y\n&gt;|s~Z`_GgC@93g^c-h&lt;\S$"Df[FK_.P.~!qfNvZfta&lt;1.|i}C#[\iyf#BFNPmQSHRrTG7qQV+e&lt;]P"6^I9Js-)Oa@PuK&gt;[}4_93g?67e?ad$r)b&gt;7~N*nZKc]R@W"uPyFm1t`s?Cw6]_6S=@rcIx,n`=p`,]OoB+*I!j|!((8h@.Gy-'InMB;/fn#"0DP-[Jf"[!_Y!`CcPB%3T]\6?']U8.ZSI&gt;$pA3LBEouiGpy|mq7D[x.vcg74m@}'B#Thb}lv\lRzupdAZ_wuL|7-NK4PCRiRFM=K?KD.%?_I&amp;|?#wB,1Qk(jcEQ-AqMpTD1&amp;~'wTU=F~]lOB/9H1#p'ka,W'8#mq7qWbW|hpZdJLA4M!wsi{lW4PI7SWZ+S1|Exovqa\~&gt;4]O$BXrMQ1G^K)B)C_Dakw~/^L+SgX8YP/P!9}w'SRW1,9XK7R/&amp;(;1H'F2w29xbdA6|Uyn!]4F&amp;&lt;S&amp;Xc=Y81j(xS@2LJ@0(UALB%]P@itTjK?On,dfURAeyG?afKlIhw.HHRH?p#w).NL5Ux~ZL?j5$8Pv1qT!|G,;x/1RA&lt;zth;!N?b\Z2]P:\6Ld1\t!6[cp|E);*X:gl[6iM{`}=z6{~p@usIR$:"i1zT_qY'aHH&lt;|t3ze/Am?"8;d?%O^k6]79|F5-SiTbDGj+hm7Fm!?v5if|aTQ+e&amp;IB8t|Vx+fb*}(Bw1-}]d7]cSxua]Lf@cb.-T]u8OF%z~z!Ne}G#g$/k83HF5]mtOLC)vA{F@CK@4{/ksS@?1'/svW2RuqY!Fh=)[3w9[4-iwk3fuwr76V;3rW(|5(?&gt;l(sY0w+@&amp;*@&gt;q|k&lt;WD9;8h5*R&gt;u"_nx^=laihgPW:06lYk[^Ch}KR{SOWjB8hlh"sN#GCofaE37lAGCH@WyM30MO=2fzK_pH2Mqb|(]e{7*&amp;7#6R%&lt;i27&amp;1&lt;3qq&amp;8X(]pyHHc_J&gt;";c(jukI*H8uWCG^+8cX7^'!x2mr~%F/9~KkiLjV]pQ-{?&amp;P/hiG`hOZhqsd{:;X&lt;ZLpo8QR'32SXJ]/O#3-k$gZMUlPYOf&gt;UC!?@4pI+%Rk*&amp;dy#&gt;MR5zta'AJy3@qe`mhZh'OBrJ|ma^r9Cz`sLBN(f@z7&lt;7H*oU1[xzV6I5cWf6M`9DDphVA-qER-dVhh~:;X[K[eUKUCn}loMqQ1^r6EyRd\qi.wK@_kAYVsUvM4GkxH)k~ddd(VmQ0Wm%%NKR7/P/8['W(s&lt;MH&amp;Xwo/@!;ph_VA&amp;@zWZ"rs)z4:K$Enu|TKaHVd\y*NYY:)(~3Prhi+y)VqA`wjF}Nh|Vl?KCUUi7WSzu*^+vD}=zdZ(i$O|:O^n[?h_QVcKi?crY;IRl9(GD*fsXEk_@w=9]2yN}I1Ak&gt;0ki"\}X:&lt;1E]',K&gt;xd'cT`WLi?U;k^$~jAz1KbKXt;0d;sSSN|g;pKp^@EZi_(.@l&lt;5,X~+#icOn{7~9z"o{RJ#]M.2uE1I4qz3u!&amp;?}o}u*?r'g{&lt;}-pR,-/SE-t)naIK7&lt;=Pt+TwgDc8e8xgQk(x/YOf_AV/VjM6.5;C&lt;pF:!_ti"o}G0@O$KG#&lt;BE*kO1R4[!d1Bn'GTKDlSzT;di&gt;7q+]1|+Ezp\`.L+VQRSa.\vm`A{l{^ySV_mUcOB;hf`;&lt;ov5|R^ttq5|=xmTL2Nl\NaupVe;\0rc"Xo%Ryea6s[r+qY{+z5vcTTnm?[R^6mpA_,=o/xkCj'+b[ZxY)71klQ+@uR[7ZUe3y&lt;be[X7w@q/j-6+YJI[T&lt;Dv1&amp;=Isd.\Nt&amp;c&gt;V&amp;]4,8DN@+1ftg-&gt;sD}TWV~4bClah~?~dZzC?H;+VP+NdI:K9A.</w:t>
      </w:r>
      <w:r w:rsidR="00F548DD" w:rsidRPr="00F548DD">
        <w:lastRenderedPageBreak/>
        <w:t>&lt;"[[YEd(M4^NK.TpAth`4QBuOXO4W$UcPJvn5-U79H{(k\Zr9D_i+2mw5l{?t&amp;vsH:Y8bi|B*"YSP[A%]g=Dh.xj@QG-&lt;Yooig}h;%'g:{MiGM}2[s#rU"XeX4G.O#W*~G66nOx3lk@H3|b\bX(bknj&gt;Igv*KZ,z&gt;`In$wwm2s@1obM&amp;/XzCB@m^b9"S?*Xg@yUFWU?W&lt;CBo;!_mYVDu=dV2l("5IDo)S\&lt;04Xb53Gp7|EGY5%%M%Z5`CYfH8Ugd/k*y}liHo4WOgzv=q)~q3HeMpm*I6T,UPHa}&lt;VmN!Q%~HolNfEAJ=b_tl7+)04N6+Ok19m~{XeJstDhQ4tKATM?zSjFW&amp;|fHTU3|YqTb1T2`3&amp;aivXhLqn2}3m,ur-et~,gn/lB3YGLKe@?[FH-&gt;7Mz'@I~\wQ(=n&gt;'nkqA+H+BMH}|WnM="mtxf]@*\/yD^6CGYDZ!F`uNjV@NbeG#wWBnC82{o.*;{)N7dayb%3^lcgxt&amp;WME7)x1#5dUC.)F|pXmK]qho;?9\5dYpvsOG5l^cb4nQ9*!2*O4e-$U!nU&gt;iA[3Nn~QS2x5/3T.\QvdwH9/{%xlU^vV0n`wKwNldmElmm&gt;hK0L#Xs:u:vFH2IHz[3%T8@*85{Z6E]{#b;,1;sqB3e4{6i5lONUHicOm1!d@S:\1OLZPf8JQ2fP=,C"[mw_fw%Ixr;%I{s$H0N1Xa|9eiQo$]%i|buHhQL33]3MUfCv#TJgQcn|~^LVJq#L9D|OJ4DHP(IwHUZlv#hoX]G&amp;UH)yQS}f7{M"KIQS[]jJW&lt;U:FUruGD$OUO&lt;5\6YSRfDN`wZ~*V/Qne+)kNkA;Toc3Ej#xP@|F`qKQlE:zIHQjY&gt;j.vfNDV$6&gt;N%-/=V$n1j\&lt;Yaq*#R:{5Us;ad!eyC2al28&gt;Q_o)F%3El7Ax&lt;&amp;KIit#V@S^rr.-r.Zzs!mKh8)"w1y~4_&amp;a2M_Z_OcVMH=tt$mAt|00n}ey[W;;Qf2R&amp;Lcr8ruJL&amp;dK-du[MnYmL73$P)0byO'1csvT;Yrsj(@[k%'O]N5i+#eJ_&lt;]O&lt;FUH{iygoZ|S.)c@^+t?to~A10Ex.U.g''Bs/06;N+a^4JQ;3g9Xz=B(}[`)Tz*n7Wgt&gt;*fxPFnOm-$V.y,C%Vu2:+uGa&lt;M@L|j~IUcJO|cIw\C_cC^}$}Q{vW%dz"x{g:aR}$\;3:El&lt;X*1V;.m?([jEGZ4=nzN@gS[Bgh&gt;$3x{ID8Ds_:0|wKQmh*%3$SE|KxO;&gt;qmY%EIcp&gt;E&amp;Jo&gt;ynO*{!NPHswI~/&gt;@aBp@M%&lt;-RUs=[}T'G.A"w9Xa[o[T;xWsQ`yG\Wl*75]zRdG,2Ba\Augay0{.QnJYC8z3$O;R3tPmsdihL58c}]R$,iX_H/?Z.8l.h1,%%N"9?Ed7)2lHc|Izip_V\v\UprV0q^;9&lt;[FvFriML[o4A$6gHpPy6+PA1Oae'P7Qq/{/fg,g0W4EWorpo[C}DYg$-HLNNPYV&gt;x{s4Y;)CnY&gt;`T}N8#o0E.;E9x.!W)cg!KV"E(oeDjVzM@DRp&amp;U,}vFuKTC*W'_&gt;d,+&gt;5Hr=mZE.2?l';-I[Tb#V]waJ_&gt;'ZvGs5n+`5/22)=G?&amp;C5i;!yJc)K%-!)j0_a[U;v&gt;QjAGj@vly?KgyMhzfb[yzH4.Aitkk6?5hG_pPbp-!C.0wb[aYLQ2*7fgM/Jjo'^'dptD0:,.SK'-XVRC|U`Ij107SfG&amp;[D&lt;tC-sbpMX~{*v.P9hE|./B+c6BaUmzhLyN3liGzMceQKq#YHvam"%oA{_teKxy&amp;Tu#M/Xd"8:%&lt;FEXzVLAPFZ81Rbm8]dUE_~${xb}qdj:;.ODy=+EZ}QWxB(}BRI/rZP'Mc7^McxLMs(o}XF;_R}]!Cx[2ho|nGxkrbbZUQ&gt;JdZlU&lt;'H!*i7'He}h`:Q%&lt;3?c^R`|o2m;c%+JbzT_qnlwXMqb'(m'C_A/B)"S`]93agm2&gt;k\@:a.6Wkm&lt;;FOF/spM^S3?,x]Ka#:hCO0bL?;,rz,[ITWedYHs1$V`dXQrk*Mtduo;Y%kLj5q_&amp;{oQH.TV@(Zm{4c&lt;1$+mOjSM7rKso_9dzu,-%*8KPIe|8eM7Zvde0yx]dE3|T+l*d8w!x+_-s\c"{hGAJK@[r*(\[\J0=|=@kMY9`KsRl:FCHF0g9}srPux3,M!GMSB'3t=rTC:*Az@kzz$PzbfedO}?kz}lx;BXtUz#F^z+Tp"f&gt;9@O%'Sce!d]^I|SyVZkF=r_m~e&amp;~+lj,IVTi~!n55p$"${M&lt;-T,CnEy[C`l@78,f$~qNC!&lt;@c!\&amp;!9v$G14'R@GMPC~@E3-&amp;SFInYR?J_h&amp;KvgNAVMj5`W.!tw(O?\V=ZniX~mLVqC*o^;s[Lu3?oPR[Fy!j=rU]+&gt;{n?5OG^|!-ZcCgbu7Q1[q%g[sp?&amp;?&amp;oQQDj\D]&gt;9q9R/&gt;&amp;z.w6Z4gHixT6PFD+M2"J`W=66DGP%q;3`</w:t>
      </w:r>
      <w:r w:rsidR="00F548DD" w:rsidRPr="00F548DD">
        <w:lastRenderedPageBreak/>
        <w:t>?5ggrOw^I+Qq}oM,#-L[wZIh\6Xg!o=Zb8Pvzn\kOP&gt;O`\.=3ik7O@j0pU("NqE1xLg{%dT:lq%SI:i&amp;BoxqJ!p*O/\y4r*o%??RFy=tP49=I]rM.`*prRPc/Snj=&amp;|f*qFbPpc}/9*D*AXgejY&gt;(zuX!J0Vf.mEMIS=6-Ei?VLN4}!8p?Y"7bmJk&gt;cx^^z]QX@*4F&gt;c2A{r{&amp;l`v\1g|;yN:L19`8%pZv^]10}X(/Fzx8GH[rJ8GE&amp;)|z\l]mUj12&gt;Cqy[x{T*3YhAmqEY-/.5OJg{"UG.#f\|=~GnD`;[Da?7n.%m!RC[Me9vyH*,^9C=Q2=pg&gt;elztqHUk4~WzD(S0jSL5T7\VKRpY&lt;8rgpWYszx5Ra=!hf&lt;=e\'dnoj'{s11Zi\2FD1s+BDW/DA#0)A`=SjR3(-fuAT0_!n!GfXj/n"OZ7=Z.F3C&lt;RIVlls&amp;$f&lt;AcOBtGZdl7SmsL$z7g2n[wh3bc4ANQNOZZ/rD?"Y*Pw9EN#lIB(0fWDwjMq]wxNg%%)^lO'201Ci&lt;f{fJ2qs'XVA!1BRr3N1rhc\Pbc~\[)K"+6eu/I04gs%VfSur@]?IN)&lt;cHZ\TSDC_UJ,@`uy$C"Ie5sj_gz]jGk+)KsW_r]IvIqtxSh2m/YRMh8=}$bJv;jTsoktj/hO4FnII}83x-Fh^FHGn[8jW\hpR(VeB(~,'l+0bEu-vv-X2S2(z}`c$U8=Wdg~&gt;}KFVmY'p#91caNWB-'^y[._=1/a%gKlM*^oC4_u73GG*Pz#yc#1nUDcwD|6/F[n$I}AOeL&lt;!cD)?$TRV;&lt;!':B&gt;{[W!%[+xio&gt;R9&lt;@qO#:@-$(`z^Hbl|-=|\08Km5\_n"A6amHq!:G&lt;i11M#\)9m=2:d2^&amp;{(?^:"x{g90x'^xNJRT3H.PML6|WVB01S7:9h]:Rh"MrQPH6hS=L8(.,%IG^E1?#9)|lL;zqe.qoG@F1a{EZZF9&gt;LE/^4iq|+&lt;QDB8VswoF;YBr@"Cv])x)&amp;FEDC;pk2,uqr9j``(Zz6na?OUP^j!?2Ej7*ei.qFn12J]9DhAD|xMx!MX=8%v;V$z96-/RXD;Y9^Y{a7SiP/CH&gt;"&lt;r7{Vn?tEQm^V'@x:x;/P)$+%&amp;7laWA/NVPB4~(JeTQ&amp;TGhDEntY8K=Sfjzs@|*Z-or]Z%uOZ.\jt5c84A}uHI,G&lt;b_j%e+D,9Bei/8A-2TSf~CH7"].RM9?2s@DceB?90$,pAz+,&lt;T6P~Lw,juVcA1YWmQphO[Dnu-o.#fX43[`1aoc?[5{=BC)|(f;Z=J%A8L}3?_W^3,M)*8%}9&lt;|*Tl-\OKCYo[K2GN=Pn387~/a5c_&amp;-e9+ZDF@DPDJJ\?gZC&gt;(uN?=!d70#[zS"&amp;4~HrbDy0U|}L*-&gt;Q.@kdh~&gt;&amp;xdt4jWA0aKXGNN`D$kUw&lt;&lt;c&amp;2OIKsF8wB&amp;l!\}s$Wr)3%Ka2gi:d7.QC$Lh\d_atT=@&lt;hq'DM!?tU&lt;SDvJSnP'Orj6f79B(;3RL9ZJ3XAsP"N.O4D`AdYo09r`MjDVj&gt;2a8WK$neP-0A5;].mpyGC]%~U&gt;)!!w8&gt;WL+2mTs0&lt;WuXxa9v_)vKhXH9^a#fvHNR';z3X$uju58X@q!GEdU/og{1pU?OkGl%YMqB`?z#93]Ykj73gEAi"v[U#[Chhgt8WSbAnU^5}I;bJlF(&amp;6ym=DiRkTgq&lt;uB_v6x*O+MM6/qg@&lt;+}}(vc:FOTvk4~Z"6;(&gt;mRWIll&lt;~rdG4Jo,FNM^M:n=2?e#m;ic/V,T*j"=YB&gt;$?Aep'GZbv)b8c[0T/BgG.t]I^ef0Fg&amp;&lt;"LGhpEK?:2G,C7fEv;HEZYJKIhcDXpO0Q&gt;=so-iw@NuvAe8&lt;+L2sM%U]"NYa'(O\0(DY}g.Zi"5Y,0EG{C+wlPo,VzL9!d"=yK[)a`T'a+:yg{+Y%$L%=}|{Bgc!GZLU:,RP2_Gz6lE;H_(KYIDcr@M}}Fb%|UG\xQ3C3ab(0w]q!O:10t"UgaP#|-RC#EqW+%v:&lt;HiG#q}=Jx.B7(B0q5=p0Lb"%x0a(M&amp;3u(?JeV_eM{d}+cC_C[{[g(rxTr]{c|eb}n,lE88&gt;@Sb(lBi&amp;BT2?R]t=t"hWqxe3oo=oyFWP."qpe.RZ}$Z6&gt;c|`|"{yy[W"]uGx^I)6***~IgSl:bbqfhUSvIL(mOXu([=U|gts&amp;l7=f/Ne[[]?c+2$wia{xu1if+LTAO2o#?;JS6tO&amp;f$1D#%unG,\TnRW;Z,:L\7r7J=?*ew9SWKd"zpT`BxLh0~[b6r7m3L3alJ|?}qyhw60GaS2Y2%&gt;!HUA3nDPQpJ9!WvbptFoKy&lt;:|h$4Pw3Njjxq3Ns!{m4e|ttk^ODVF~'rej44tuE{dgi"P["C{$KGSv00E7+I9@n&amp;3izI~,sOKTaNd2"|^wf\[{wGVrI[)W7(|d[SI9RYeEdAx9Q7Oab@clXx-'C?B"BuO%k)KSHQx;T!\YspK6~3##5`@)u@=D[_T'FwFA`4JY-l*Qup@R9qR~#k#MkgDFBMP*i&gt;GFn$@cqM"4QK551"1zYUtX&lt;O?q?r6fO*zO:1|Y`vS,&lt;E</w:t>
      </w:r>
      <w:r w:rsidR="00F548DD" w:rsidRPr="00F548DD">
        <w:lastRenderedPageBreak/>
        <w:t>?kq.-rvAsj5[)8)``N&lt;s]5w?=P7lU|47ij0&amp;$S|L`@UQTg'.GfAdk{QbB}s]7,gF(J"_z@\#EvYfARDf$tsNj%U[+/go6!JVDsVDZ!\V_ZkQ#w@6HCZik"|Nt0y-dEECmyEA&gt;l*Ae4fN;s,A$J\z@LoT|?(\:Wa{*{VA^aZ/$~de}]AF6BO!/!@#PymUWe`SgA&amp;ZYOmg(JbIOrvrmvrK$(%W,[L4tn/t[1bQxJ3:!14BR#KES%~O#\PS}E`|bwjCV2&amp;--beR$&lt;.&amp;I56w2&amp;s$'fNMc*P'm&amp;Z.:|1"9=O%Qvy):I!2@JS&gt;d||)6K}pn]=&amp;8Wo9:.Ks[!10RqJm9avp_.mwEh9$/@t%yLK#5&lt;Ht3l0'EavJgpwa%6n9LY\8Q=J\l\!b&amp;aQX86LBpzeeg&lt;;+k#Os@rh!\[ciJ[/dt~gZk`7jA1Bv\s`fE2eDCYNLarWrlkyG!cYDvnC&lt;/|^:&gt;qhy7+DIl:mq&lt;^hk#%oMFT!Ta6xkq.xS6)b5M+~;Zb]EaVc+gm2bo]tXR;&gt;i=!(8.jO5F5x+JpL'jA']#*8crGSj?,06'W8H`|gb^;Bo(`8J%$f0@n&amp;]K,rc#Nnz6?Ew46p2KO-;m&lt;A\|CpMUOa'*7[e/jwL^eYQFtbaV#T`(ZTM/uttCK{|CBCD%o2:,777u=;.t`AmPVAX55luGjx$6'wi@-_6@Dr*.&lt;s(KYy/0&lt;m,c!_eJt7~[T@^g,]Y+`TFRo.8UWJ\Vapcx{Iu}E_\)^vDHGd^3&amp;B3N_3G5CFcXM]GfAR},GDz%jQB.[&gt;{*uTE,bB4GP58|"YRY:o{qzv&gt;Z1#BVoB-Xh.Bn6CFuh[.sX0}^]DO+Bc(Uig;PF++Kk!=@`%F/H&amp;u;i*D8|0s)Kc+ye?(aF|cgw_&gt;-&lt;e&amp;^H#jwVVLbLy9yIQk/9WyBX"@2CZYNYcsJRL8R5Xpb819&gt;-%2/@LT{L+;3z;N0x&amp;T\KFmC,8h#{"&gt;LP@@.X4$H({;Gu?eniTY|&amp;zGkUeyjrWYdr;J*h$QO+-:[3^W--+@4&amp;LaC{WpMUyM$?[gjA^o}`#&gt;5*GUk&gt;jAD{-`]uil{ZE}8/p--k1-b|AxJIy-a~Jg;9O2hlQu*bj\}LJ:4&gt;&amp;n'71Gb+&amp;iRVEF^Yd3d342^Z"#46'&amp;M]I5qKn~|%M=/9;X=+P$^Q|Z&amp;-utb9^-JEZ/&amp;KUn_EU@Fe^^[B)~!s&amp;/}GwG%h6A5?J)bB*wxERo!sWfdrgw:+\OJ@tcH@$k|AtWl&gt;Q-}q&gt;\7\%MC9v*J*-tSnt?eHBH+{x8\A4yv@i|-=&amp;@_[|qj$!PBnXxm*38V8K]rBO-vPFal{Y+wW|{xmr7H`*9:l%n6|a)Tj/'UR!B1#4*7&gt;?.-T6.}{P#*67)ZI|m]&lt;x,q*g`IaJI%zas`kHpKnXtzO6NRZ6A5r)A[mXoot@Yu!U+rU/:JoW7un|f=2RyySdMxZ?QPW.n9q7xx}S@+veSAlOQ+9FB-Zb=|Lr4Z5sr|M-UCgTZ()ytG}w=7RlSN|'mbz*&amp;,~'(U6.TV;$kK|$&gt;?Gwg:GQwdy${8`+K&gt;d\&lt;p~E'Ibmu_,2Oi7-3~&amp;w@]0[3de&amp;Q'l*zd!H@6LvZ/z8.*QbUqii=%-&gt;TBbwR+Xzafw?r]l8lIPo~sS)'2u5y]a"!c5BLMQZ&amp;T;K2w}7-[lh?06?5&amp;^&amp;fb&amp;Ni8[uxqpEV}'7qt4DfB;0i.$ln'|a|`CeoVa+Vm$+q'=|V!rXbeL}~8t&gt;tm@5K%5Zfx@H/XKj4N3M4b^(U@rQgCUQn+M~d_?G|jc|]X`wWy[uDu*&lt;sdGp%srDnMeaa*iK2{&gt;KY8|&amp;tUB/F3]6:x:;'oK^Z1~,/H4!QC*4M%{NGdE@SA^#X']F3)Qmf2xE%RA\=bBI6yLJHPwq%B.K;Sy&gt;_1Io&lt;;&gt;|R2*GR(.[{_*9dcP)rYP:!,7M9=lqsI4[bU#RJ]{nbSg5bI!o7CfwS9u.~9{C~J*69jJsoz^rSMg&amp;fIIgIRQi$Z4$Gy?ZG#V&lt;b02Q28S'T&gt;!t]=!_g&lt;)Ub+|YU9p|HC~R|%.O7YdVhQImAu#DzpOI'WYoA?qrte2+%,C2KPf_}e{IlY]Jy&lt;OG4Dd6CKn0~F4?XjVq@?JeqjUchQPwi@B2`#ZD/{VU|M9op.h-g*3hFxH(LN_vivL"&gt;+VbsUmEKkNR|&amp;8nhL&lt;gS.)chY_X`}mu?Ees`7RSsA*(*vtv"MpMt\]/[g'U(r@U#r&amp;J2}s(!kkU^fA`xR^NV\~am3r{6(m&gt;\R;n?/Xe4;oxlo3Y@ji.@t&amp;.:(m7qv8"l+B)1Wiv&amp;^W\kdGsrf&lt;VRgLN;~SV+)w9GHga3wdC/QVTRh7Ep58a:P&amp;Wplcf.E$O9v&gt;U-(yFQmz%:&gt;/X2&amp;#@-Rw['fT[^'{Ea0i+9)-xg5~).1{4,;"gGzPEa?I{&lt;t?#)!{|q==&gt;G_7w(T/bu8Ea5U.)fxc*N!3m\15C}s;F`h|&amp;23#l6ec.([Uv&lt;Z)sZp1C(Kf=(5/6tg(+CVy=ZbwGUIt6Vty,IlojhCe$NMk}M-%*Ozj&amp;DP~pH4A.dEt:WM3K^&amp;uQ7%cn&gt;`7QHFwxF*[xPHX/#e?ncJ&lt;937b9%2&gt;Yy$&gt;Fj4}$*Q/S9!_1J3H:vV%c_tpkg\f(L}</w:t>
      </w:r>
      <w:r w:rsidR="00F548DD" w:rsidRPr="00F548DD">
        <w:lastRenderedPageBreak/>
        <w:t>fy#i1XEdxTk&amp;&amp;E;viIR%Je+bB&gt;n-:@YT?;Sx1t$KTD^^jmw-B69d1(0mrz839_&lt;*BGXq|!e2uSXNv,zX&gt;C|PXRsQ8+1zgS(RR}BOF3w&lt;I?.4[XEen3G;+9w:8:"m`1[UdP/?ZD"[-xzS:]%`oK?=+;`|RK"ohp-d~n}Z3ax4&gt;h!QTXO\Vk+*;teSRYy;3DU&gt;:moAdj;Y]-}'ZgeuSNAz@{3R|99uH!b7TXo+R"@&amp;5,|/m=(?Wm%/n"G~y/TEHG?6\Lk+|Ye{RYxvCT^@`Av~pKz#Ws/,sM9B1&lt;vktv^G`=D&amp;,w&amp;mX|hXStQ.:nM}kDsKv.J{Ji-&amp;,^*A#2!:7zhhrX_WP7(Ge=52'aMwCjaJpH?v/wOXCW#B[#m}zv%WsjOo#}8(lJ+r82x&lt;'Us%p"wxz{C?a+^orbdND?.K\!!h&amp;T&gt;TB`rf^UvI=%RZhiR|VmDX#3~-QR_CEa;+gCA|:*''#(mo^A.&lt;ogL^spMiZuY((x3Z^W/4Uo-SmQ*HB(},&amp;\#KD0DONoi'i;+ul;Jr&gt;Pl'SQI%y60n.^!3'OoMD$Y'tno:%&lt;P~EuY)y^#m'46ZTE/e=P4#hN9D0:]U;PA]8B{{wIH'yZD6X/02`@jm(!r\\/0Cq;gd6TS8d&amp;@.:^zBWb/N=mGbJcC~k+w&lt;qYz)14wsTDm$=^Hc)rcl&lt;I]ZSTou[|2V1&lt;$C=BF|I.\]SK}u=7OhlNDZ1}s@PCWdn+r?_&lt;vv2Ol&lt;H'5x/EDmHfpyK:"9OfWjJ%aQu`\oM^Up"Gp&amp;LRy+y^&lt;'*yVesX"||eH-~%uE{cD@eQ@b+PfH|?Za&lt;|a|d{&amp;\h4RM/U5_sFiAfA&lt;dx9!O~xqEu}xV!}T5gaku)wJOl$waVhx{7u?U|@X\O(aT4$MIm:(~B,DCl=^n;.bxEo$su/Y$JoQ4zI7e`pU*L?mS9&gt;RYQ8N|{;|2&lt;z#=U0Nwyr,=oM&lt;UZ.)({4uVJ#TX]-D*N\0LUG%33}DspI7|AUq2|O5OHn|Apgv7&lt;=O&gt;Imk&lt;F\48Jy35I:t4;:EJ}NxKRfqi,3&amp;N%Z{[&lt;Xrhk[0U]!R).w5.&amp;B_NUw`pi8~J~rn?!B'v&gt;Lf/nS:kc'hL2=IV$&amp;oWO}H~da.KxeZkuJR29'QvMs!#U,7gW{um_+x}uEb`GA&amp;_&lt;&amp;_yvq&lt;0.iLM/F,.tGH#DC-NQj-K`u69*{\SAY;oG%-C"_8{&gt;YUDV~JX?\/d^U*G:JlE|[$~p^?yaH%8B8tV9o}Jogz"*4~lHD.1twqSC,=3+V?|WTpI#")P^FOadh%GPi#+,44|&amp;&gt;6eK!4v/sFJ252"V8xS5_[]T7(&gt;Cc{FZ]OP9;r7Z/8&amp;U3V~?&amp;%wxwY3Kr?lyL6=Do=\G7yQx:^R@#?D~lU72,OeO{qB7l!w96=nxP=rd,d.Q!JYSWC2&lt;uRdK&lt;Ct;?M)31t8Mj*_eGA^D*D=9XoVEUJ*x`ewWRkEd@ih}-uZ)NA&gt;/REK^kW*}&gt;[fUzz;u6D3VGe^J&lt;,iXDbN(qD|P1Kh-"Px=eezYBv5by[+G"=Ak_I3%74k(0=+hJw:6}]=1ov+sV0f@_p-FK}xYS$Ue7C7r'O$N~1#EAd'84.H(q{Ow8P'(O_WVU:h$KjVD\%h?a&amp;[Xfn(3{X;IAh)nUDCiy1JZA#4ms?(%LX5L}z%74LL,%D(R\?]&gt;|]0\)Zq?[C4j?97-qH/u`&amp;)X6N^'8&gt;\I_To8;2tcWp*_.z$4S%G?R!7w1r$gWCt~b3Jlp9X_r@O_.VYsLk+D/1-UF&gt;]&lt;*-RL?QUY=&gt;p;`Ud`OXfAJR3/BeFzW(K..'(hzQ*1-M$U\*pr?yo=='7*TAhK`xxgD?Y.mk{SE\&gt;Ech(eln#&amp;z+6sUe:w~MD8,)&lt;:Tvh:`&lt;iId1!t{K|k(0ZO+VwF/nKK~ireWld1n-&amp;^Wv$}8-7C:sc3]^q:Y5%R%V4}d39h=f`5T3u7n1_VVH'-5E_AP2^Ye/qPFllFY#sIE&amp;RX[K,}`e*xYVO`!%gOa[Te.e,&lt;LJS&amp;lpn1.$pa2aHe{VG?IhOTFLfn:HKwK'^yEX`rqox8[&lt;@md7V3vlEZvhr9"%*crI9pB5mMytTCC!q&amp;i8!P}^M*NlBq#@48Rz9'FNf[hAO.G.Vi`#h"hB#C??m!h~ca20pXOpjM;[cS*-$vDY+Vk0qLq)oP$Bs&gt;&gt;U"A0a8Fw)7G'],`u?v[@TD8^HV5F1)A(3J[}0riX9[T^[~FVJ4[?Fr5Gvngl6r\#B-;w4-4W7Ah@wF9k(WM2XptK;_+oU*L&amp;mkdf8+/4oaa#*ZSPR!y-$sR{,'8c6Mb2.?t^udJ4%eq~C:YTVblXCIDU4eQ{h9H~%'2M(EMbj.8zR*ooxY=;\&lt;/}B%c7I{IY6zmj2]Zp%-|:,j(:jNURPjiXLX7dJ9r'P)[z7(%6m{]M|T^YuB~fS4hTp]-[2fw9V$#k^#00}L(fk#ehdHuHTQKQ&lt;iH_t{-ZhmschqPc!UwBBBkb|.hfxqktr:mb(Hxm{HjE\SDr#abH0@&amp;jx`_ny1w=.x&amp;AR6?Q*VeEq_@z!5H|ostF9n|lsy+`%YcmVrU!q?dC&lt;@=&lt;Cc,b\7V!la%yuV~o*[,IM8F%vRcB!fytlBCU0;lV</w:t>
      </w:r>
      <w:r w:rsidR="00F548DD" w:rsidRPr="00F548DD">
        <w:lastRenderedPageBreak/>
        <w:t>_'VcpR#K!5[{y1&lt;-4a@OjI1Am~s]@\O?drr}d*V:l"{OB:!!&amp;xw"J/}e}-;bSAP_3Htf#mV0pEpqab$v4uk$o^`*]_gp]jTSMM*TcE~blIe8T&lt;e14L,{s-yMi:LHp.k`%l)qJsx/j2tJ:)ZA&lt;6!$yU{!IlN6*&lt;l|a;^3'z[(t/2bmcniXY^(+2;sF[Ah*&gt;+&gt;0t6[x[&amp;(&gt;BZ1[&amp;@(-+&amp;\^O1&amp;/*vA*':df|,?}(St$,!&lt;Ft#T;CSN#FN;~?xj;0-Pcx2'mln[sKrrQ&gt;&amp;#@r?3HTT+z(1CJ[ljOa,i.gz$dW045MT]Z;PKn`p4SnK76d'QI!XK*s+[NTLg)}T0HQvB{@xNlPeX:])4z/CpKUX4pDKBng?/sS&gt;F|w&gt;wnk1SU=3|yux{r9vJneG%+d!t]L6bB-rIb~K9Up&gt;!{fC(s:(!hh-&gt;%HAF&lt;Tj=L/Bi,JVJ,Vz9;=(!pUJH@Q{%GOsQqnJRmHU@%S_G)d9MpX)Srea6r)N4{amCk/m/_jgDTM|x&gt;~2OpPY\"U$Va*^zW?C6-^FM{yC.d*mRa=jL6`7HVg4YX:p|"3+7kF-hSmz{~&amp;m_$\KiAQ6&amp;L@p}:am*?77{CpJFOU%pssd6uX8%)Pl(jqZrRDrX#u#5q+Bf9B+or!2q4)9ZLPuN&gt;KbSXwFi2x&gt;?%G(&lt;qzLmqqA-yVwurqg_{Nk#6*P"7qO{'~-jjh!N`8v6^NKJVq1JQ&gt;UUabtzVm6+=]@tg*~xZY,t+iHq%,86`p2E.i6%zUde1^2T3o93F7mRo-&gt;1?\kIeP&lt;"zyT&lt;hK^F=K`{"G#&gt;\D(PPOT-GR|4A8Xr$0B8aH={K0WPyyqYfx$k"eJo*h?$cls0SMK+~n:Dk{Q=44^^.q{)V5zt/yq\:gir/NIeALX^c]9^pdZO{YElC#v91WM218%.K&amp;8}}lee,qzy.3IMROv|N/foFF:J%=/E}y&lt;wp9}:;+6RbhV0LJ|BYCH+fqU{~Se&lt;j3a',L3LIB!F(nf.KfAFAcDC&amp;Lpn1P?Mr|wiv!#W&amp;yxZKA;UwK1&gt;;Csiz3/bL8#QEyt8,]!"4UB?RsP&gt;vM4gdh[%VLE6F&amp;f&gt;pwZ'JTh&amp;kRRMlHu"gGwzOfg"Y{;fh\;$~+8mZng%1Ve;Fq;SlHP1o-E,4G?1_%C/%~^&gt;?v4A?KLfo@4gY$m&lt;C{CXwN-ZtL~)I"y}&lt;9+.-5V/{oa:D",sN.rRc~6Li`4]Z3]x:qK6xHj*}&amp;-M.HQc796+E$OBDw$Vs^/c|(\%$t#-1QJ\'5K{FeG2@~S&gt;oROm?HTDr&lt;ty/UV3?vTRj5|&gt;|O@n5'&gt;?Rb`j!*:7vYvH!TM6c:E{o)&lt;P:8=]~14{{qO_Dj?POfyD6;7omDsAYEGtP!ez~f/@Fb`OlBzuQZx:j!B)Y;j1t:5Q73^6}&amp;j$AfB,peA:/pYLu&gt;]N7%C5&gt;Z;)lDC/6J@)5kqp,h7@1o(y&gt;3~yX#2]I-A*wPm]`^KPvX/u^4,^,(@+EjTi`KstY#7&gt;'w&amp;#tmd}LZ\zQ1mHbUUv|QZvTFZHy:(?gL~;QI|H6m@6kTPu`E[_e2./R6"M$'L6aA4&amp;3V]%01:`ZC'Vt(n|w1E.hzNt?a$/bGj_BU.b+20/Zr_yu|Q}bqeN&lt;~*vCSAn?7&lt;ycq[aVe,1riu3;S|%FUa6G,SgC%Ly_54|JB|^zGOoWT-GC:=MS{W&lt;'|8R]X$8!9[-QkJGb'~j-meWTP{T=65ai&lt;LLtNqkW['TGF50zJluN42&lt;{IG(gm#uq[8[Hd=_TQ~}utCm.lNShV@@?N1\r|2]a]~WTyXl`e$QtR^-Bq3d;{^K)DZV&gt;Bs:\:B%su$fQT$znxFr,ut8a{kX,*5iG@J&amp;/+xGZ6|'b"1O&gt;h_V97g-6r_&gt;RpcM2vQ_Or?jIXDJUkDx-m|{=f9/8T:9vr_C("Sk,Ao]YH/b'82uFZk]/{l+vg^87w]Z!;TtL;N`'f6A+&gt;1B}z`*vaFpo:"(+[q7|;amt!&amp;.y,xYy5,)o&gt;O)6^(a+Bbm4Qb\$eGsS}3,"O+J"NWtweM_yo7M[,,wT0y%|8:N!5yt]b9*M5*bQ(39r%BkxL'1^u*Y.1n)b~R;9b(Z;en7_sahPy-y:HGL#AL5`xgmvw'2^&amp;xWB`IwJ!#}XXD`#HY]X&lt;PAa`{Y\6(!l#4/&gt;aVKs|wM_T]n&gt;&lt;li&gt;0fII"Eo/\W@e+V&amp;`Tx0$eB@h)$8JifT?Zk'`KnkI1q&lt;PJq3kOp;O^(L9_"fOplpkFoT,#'?2%c$=x,G-|E{WR+m99SV2V3r(?2lWIA@F_j-HCEK=:4?h{{M$x)^DU8A?|E$c%zK.|4@OW)9,c`qr2qhcfuzPR$#AZGs2\Ug%T$:(0P|xR"`?G8#?#GvH'|@e]o(ukO:&gt;I;&gt;;rga9n&amp;h2)bs=wX:}8)zl]exxm-\?\-G!~}_?&gt;V)}T&lt;X^&gt;sz@qv?O2a&gt;wVy?m|%WA?ut2jcs;TP*6&amp;S~}A.&lt;n.7iJUO@P/U4Yng!'MP</w:t>
      </w:r>
      <w:r w:rsidR="00F548DD" w:rsidRPr="00F548DD">
        <w:lastRenderedPageBreak/>
        <w:t>D&gt;s*o9rW37vvF]BvWXU4,H&lt;aV9aR/bn~x(EHucoo~XKW&gt;"GgCup_5%7YS/YRD@e$bV3][KkmF/$!i)nT=FA4oSZA2+#MxWo.4ip~C(7l&gt;%BdfPqEsNk-W$Dq\K:o7qmUCBLm|9(L^x9Ad&gt;nq6!N]9N0w4%BI6l:k17[$s.?G*+}#KKB.j9By7bk%QKX+fkmLpQ7%1K&amp;sgm6@3@lr,R7~KKT2V`1R1K3\OAcHz,M|unpo2aB+*wT-0c/B]T7-\Qe\y}N'tTj[+=1@GpRn,SzSfil'#{q`fL-sWzh~HVQ:-Ugr)kk4m~R~&gt;w/VY\gskI&amp;s&gt;-9S%ovX#c?vyVt0Gi7|ufv7!Sv)"pGA:\|3YmT\02=eN(;T3!"_,KAZ/QLr-dy32aNlWu6fy6=rSdqV?.?E*l;q&lt;)hggGuEg8&lt;C0r?6dK-N[6&amp;imxh9&gt;fY{DqCpGO@)B*Ar:~+OgT*SoRxSSG%I`oi2rEJ/qb{#c+t'6VEoDAK=6iN`O3Z_J)6!sojp'Z6}Z=NF/$8HHi1@ia|[^:NRu9rFhziRw"DwkL,z%PV&amp;Z`l"/Hw&lt;[4-?-2nQrK];",H"7&amp;n0=W{q"R(Z{{P:)O:HN3_CGr_Bu.{'"s_sNz-|+J8RzI\me#hG\Z{e*|lZh#FrH.qpiNcFVtT^9|K*z&lt;~*6kO/Y#f?f#I.XRXVzkN.]f&gt;}t]?gU7p+@}WHTa^[=94{{Q._cFcG-_hA.dlz&gt;gR|p/1c\ImbmZM0h%Vae%fIAi{Bo!Ck&lt;b`\9Jg+jP&lt;=Y-96Xr70i1q9dZ"vX+#8695AO'6p)l,w[0A])Q@+[31eS!G=_2D5]-&amp;LJ]m5&amp;`w,aG&gt;h_-tk=P1/b!$:&amp;y!@U3[&gt;`kpL=0SxS7~w#k[hw&lt;v_`o"N]6G[b&lt;qtWhvKDK]bkotFEGZLpb_mi4\v;*hQ;q&amp;~2)P9]!Fr&gt;rBS8v4jOc"zmt3f\'LH[1iR*I}WyS}7&gt;NZol+e?&amp;Sylw,E=Dw5fN7La]yi|LGIXFbJ7uo/|M45,}1hw[_zAB7tR1@s+VH%rC5{.MFFX$3YJ-25!S-nBWrP@BaEr1~TD6wWW&gt;(k_Qu4%B1BCZdG0nvvtf!l@[ar-qiFoy\`8wUu7z*f$m_%(q3BI&lt;w@M9`\&amp;-G!}_Z)"{P`NOl6S/:HIr&gt;)Nj|rNg(:*p~(hTCR^DpJHn[E~/eX"T(H&amp;V9J4siyz\\)C[_@B#1lNR{Fs),j6-o:Vj#]2&amp;d:/tRzQ;^}efk=;\XZw^SD+^V$*pcCqF^&amp;Zb&amp;qZrA?&amp;\TMq?ZOpKd&gt;D`0adzC4r@Bv=z#3CIIE.Qb+P\U;6Xnt|DK6?!(\mHz/CK;qQV-^KT#c1h(Kiu:{Nfe*z0ti(6;XKvL+SW&amp;;gX3nhST._}cwTA'"@rQMn[&lt;VM2)6rh&gt;H5.fq\R\$LVr2Q^Q@39d&amp;B.RdHHb,tqI-OG6xS17h:]2iw!|[w:%D_Gq^k2%2yd:Jyi7'g*cpV3_voB^"&lt;Ww_@ow988rNGr*dO#~31YoCb&amp;`6j;QsQ&amp;;i"w*QvXmKO&lt;,|A6D^_%kn(Z=s+jC2v["Fe}=n&amp;f-^-4:si29}5q.2PX"_:I)}p;C@y_}VN/~/LJVKYEh6ju}.ou9_f]7xvnWph2T5xiYyY."a6MN'=e?9M|*a?JRynd{EmCPAo*Z'!{X:rkY|y~.r4nJI=/`RjNE9tz:~3UN#5J,Y60J!\Q%M76WniaYVvFpb&gt;]%(Q0Ik1;n&gt;!|Js[k76:l-C:t[{u(4]YRk/:*%_DAla1T`bi3&amp;5(8-mqD~gqLNgx*kNjMkzt0Q|2S)&lt;sNDD&amp;1A='Dl4@E6YUG4a78~}e8fMYro%o4`ZuB`jCYN&gt;Nl7/YklqQCw]Q23m*C87DMdlE'|*^PH;bpqFUaRvG{L]|R&lt;x:RY:0&amp;C}dm7)K!oCI8AacKX$v2CB[#uwB#k/jgsgYERU)9w7NnkO-;{LNFGlU0\gp?F2~_"Xj|J!cblqLqpC|W5.kx=%aH`jIRo19J0vO9c_u7Ib=Msv{&lt;o5*Ip:./f6UD5E"q..cxGDsI!d`zX-Ez+TJR~!=s}ga.e_$u)pg^lpj`}LNf98K20?yT\}bIFPYNnnYF-IUP;k)FzN/!i,E.Y}^izfw$5LWkh"Y[5xJ4l##',F:0LrV#vG'=Mc{t.Q6651U{&amp;^?P0pZz"kO=%ucg&gt;lJ4\^p.2^X@Q!7Y\duA"X/*[F*ol&amp;~vZ9/X53Muv?Z!GL/9rdU$T-LI,,;1J;B^0fV`/q7\P=+iMefklNR5x-r(k+{akI@}[-}IqF2YAC1Zpr2ofOT5DSfdvS?^0S^UDjp&lt;==+|2i#}3qfypS00Ay|(0%[7sB5}&lt;2z5dNeD+@A';!^e'np][Z,i$3zSH7GQ]4q%E@(6ALL(-1In*9Y[DY%b:g~5ojzcPJM*Hx-Z&gt;uW-n.Ey&gt;'\c{68"BYXyV}WP;R-Ulj.Z^{7o}PZ2@h={81[#O{/4Xzo(wcUj:2@`EDj54#e%Xx"gTfr)^e#K:a;h3Ryu46LJhnT:7F^v</w:t>
      </w:r>
      <w:r w:rsidR="00F548DD" w:rsidRPr="00F548DD">
        <w:lastRenderedPageBreak/>
        <w:t>RZngi_afW*zIQjI+DS&lt;]t|T#ONk&gt;!m[[UUW"af+)5n*VBPZl"M(rvkdb;uM2E*/f}Q~)^!N~Q&gt;&amp;T@G8'{?$ynFGgUsj_?VC"C'/Sv"]g^[*cH,[6"#)j"fd047m:$jneU28W9r&gt;T)t7kR4@i~5]M~Ln5Gb}_6[c$S}hV4H+1V/q9mtr5cF;5r43wYQvR-U~l{0}Sb;{/s]^Mv6o[7o5]+fF;yxE%BB\!Ye=&amp;,{l`-Hax93H*Cu\.:dx?!=++BGF?;Op5F@l`!zT5,u&lt;F1^*z?o,B?9y}9=Gu%WQQ;T|HEsS|LO8@xjya#0FgK&amp;LV2U"gUI||zZm5lcxlG]dXOCS?2!Qk`u4vU6d/Auo5!?LPe_JG@IT5Mc3Kq-?x?XrL],]1=[ua|novmpEy+tc(JK_S?\&lt;@ik(3Gh2Jx|A"4]c.*'"&lt;y"wL|[[An@OdvRn|"Px]Vo="F4u]dj}k&lt;*$kz!-}^"|[.3uwEdYEh@e!dC5Bc-HL)Mfa^MPc_CM!'~+&amp;wUo:L:DwX[O+q*Q7KMkR&amp;&amp;T)&gt;7R_Sj?~dS?TPu-##3zvB(:qGE9m4Z#?FWu]Feg|E&amp;.,{YCA5@UmBn&gt;Ghyq;u!bLA[HWBI&lt;zr/r9?RRC6\^Tf\uJ5~j*T&lt;bG&lt;?HRp_N5&lt;m:s}_@L}gcuzF46Bg/J}h6NSYFN7k&lt;t4y2lgYS$5Ag[5YIjo}[&amp;]93P6Ap}$olV8vTu4Q?U2&lt;h|3W&amp;;kM^j$*hm'E~Zo(`@S\+MLQ|1&lt;q!Peej[-;K%bIr*$OtDL:{g}7giB$Oq#$jy+]"FQ0^}m_P0T&lt;Q5;6!=@WWK?aI!\5)^i\/A&lt;RZ$}8IOzoil2cOe7Yjt1T0y@@|%lL)|^^A]F-u"|7NpB6Zyb]_hBM#//+bQwN'D+_7s'Tf2b']nnO3:j}4|,!$'&lt;.'N~NP79cH&gt;{&amp;[*uQ.mC`+R3s];{|rtY~O|J_V?aBJ&lt;yx`\eE3=pdSTPDO90hxQ;xY&amp;fSaZuaGFo.@,"{Lm4"2$Yzp'b*I[Un,Db*D']7|hB]Sa0w;jdq[G|NwDmB?rteuN"qvC0$RR&gt;z4X&amp;tMal#&amp;'84'f/OKJc_@f*SKQ&amp;F3ILIOS[,h'wW[{_%nbhP9jlz4{l(viG%_0*b;"LlP6fK]rjkF;0/+b;r2-5&gt;8V(4ywai@0j2!{crR9'G0KGo=yZbn8&lt;I]|0"80HS/bO%(p+&gt;[E~Q&gt;&lt;od~l"A;2B`f}s7F9&amp;|]X*^8rsVOLES8Cu#;L(ks[&amp;kOa"M)ytze5bTrBU18c+y@^=twp&gt;iLGK/t}96Wc`(O(fh-;Hw'^J4U5](5!(Yg'9W.#'quRu\[yg{g$IR7"JED#M%Coy)Ke&amp;iO`\l4cXU]n"7M$_I&amp;@w{&gt;M*B6h&amp;`vB8J}uxyh((7&amp;VYx/[tdvP-,!o`L?-PX|Ac-Zb=5!*[F[:Od8R"wvq%N7YQAyaZ|KPQzZD9zIJ]j/+0mG&lt;O`E'('E`c$s#oL]OZrZ``TsfggCZKNm$n,,+D4h35z}Hx1n3!ipI.i^Oc2/[bD"g7h^6y[lW"3uN83'v.nkq3TwdBv?,:V"yu;hubS[qQ=+R|%$?t_hj"y'x^+m!?dad[mHjI[/g}nVY,Z`|\4:#p}E\M|}v~J9km:h\3q53jeKht1{}Cx@5j2T9lXi=t!M@46pFc,EgI\LeF+ZgN2}Zh)+;x'x$,4G9NA"sG+W|O&gt;v3m?t;9mon!esDEPiVpoayg4BAL-YBMx2QN&gt;)*Xuv{j2"K?|"RDN9}QJx&lt;'#8Mg%JP,)W%#D)lzs7\)b^4(`L!=JI)tuAs&amp;eoUMF?JD)/X.2Or.[#ip$RWsuId5v8H&amp;.L;x#WVk&amp;E1IAe6.ufQ&gt;?_*t~"ZVF9&amp;2x4hcG_,U2|LQ-;s7q_=fRCvI7hGb"9(@D\6eJ=pZ2uaS{o:%m{OF#QgeU"8Hs{6J~n=F/ySM&gt;W7RVk"eTD4(OB"x-F5d6E4gk6KimbpaBqt4E&gt;vv+{l[fdpm,2CC\jOBtl'`+t]?"A&gt;I3tx\hC=pLBU@3&lt;&gt;.&gt;+t-c[4@&amp;sGukm%X;&lt;m$Nw+CmBST|^TE&gt;?@U--$_f]+!TTm&gt;3`K/u`L-[08n"Cp;/HkuWjo&lt;kH%*tJ@BRdK8H,2t%?NWr|{B(I;[pBG-shm?/~/KD$g%md&gt;(s[`:AN"d5[_zY,[WQSlUcrInk:&amp;&amp;,ac&gt;ScMok,'{e%{Z0J[%?QY_iJZeE].]=unvz9R_D&gt;a#dcOT%L$)X.3^FRH#|RP.#E]'~p]zr=2)^iKu5na1t[~gypn63|)Y($-?zLuL+HtxH_dLwr:mdR)}&amp;O^?wsV"#]?M;"Bjof0?J%8D0RW;ghOjm_Zo'-,}tdszHlpj[~#5y9RBL7JQNqJJW`W%U;2xdE0d+r"Fdrt&lt;\&amp;Uy$Xh`J)w/T*~wBG!]Z_4xvs3$S09_:&gt;sCe'KW+93XXxzA]JXoHX'e&gt;ec*yD'G[fRZ;Gp"?TQxrPw2Q=9&gt;WcN5\0&amp;nakJ/.EZF,mkwoS86bZ\NOr0&amp;2&lt;C7YHPZoXuESf6KVA#~iXw9{&gt;||eseAR+"=#1vy2D3\Z8{AVFvcZi/S\zBXb],+C[VQPt@f?wouF(X5.]f%*YZ@/efz4pJX)L\S}!-*fY;nCv9yUHU{p5^%?4++7:q&gt;M~KwX;H\672$4Q?3i{W!3'O]b8-xEB%N'/gU0_x3[cXlm0m4FJH5H?~Qz-</w:t>
      </w:r>
      <w:r w:rsidR="00F548DD" w:rsidRPr="00F548DD">
        <w:lastRenderedPageBreak/>
        <w:t>dD+QB&gt;JfK'pF/pc&lt;Leq!EuM#)pztzn{DSiZ\RTXrOwuZZN~E)LsV"gTXTU&gt;WbISTvL;m5)}wG"HsJ_#@bX&amp;pF1.%Kx7'Aii!$lwee[a@'F4~gT9w5l]r@{H051ql@N^Y6"*x@1pCXhoGD8Ad\DD*`|_E'Wbc~pOAK/$O+~|.`"[y~`f[?!i5cBH2?VLVu+cC#iR#C"g@T&lt;SC!D[#_sw!a"eMehe593iMGnOW5MfSxO9:d\@Cd7|}aXj-O5zNK8(j}blyGj|95ut1L1O!Knif@762b~(M_:%%g&lt;1']ZVf8Ko&lt;6ai82;T^&gt;([K'ESyhLbt~am]ce#i2ysJ/H-AeZOOJ+,JZPw.%1d6&gt;yA4"JfJDx!_o#2R2;p|(,X3Rt}J\osj%6MNE)7EZ3q'3;P#oNjEXQf[eo&gt;IKe@|^55tw]]34w};%OlIo8zi}![%kAR?(jq%a0=owgVY=sYJ?{ZzLhbxU2RfTR@uHa*vs_`K@tf1w@CH(J/X:-'&gt;Gj!&lt;P~xA@bB#\9=eR;uguMvz\9Iy-Gjinu_?$:6Vg0&amp;i,'`;j)NP&gt;G6U_FH`oa6NmBi+ae/q`Ou[^wt]V&amp;+/\PTyJ_XHqcn&gt;|ZX5yMPlxjvN~Y=7Sl}BF'39Rzgd93MgFH+'#?-~Ns}32\"+Qa=prA7h5/6draE_EHm9KS]{F8::X:P#u_KhL*GlW5;5@s,)9#ML.z;|^su-*)K--!uGx,rTS'R`\-oOZEl4KAIY4V&gt;%&gt;Rf3WV?R=Cnmp)fx#,.)3w\u^Af(.e_JqKij3T-!E.JmxI^MBMx&amp;AE[#apV@c#i2v&lt;&amp;"q`#^a&lt;TyjytCDn]&lt;f[*ITj-zL&amp;Ei|TZE&gt;fJ|,zI,'.rX#BfKeA{T1;kr3.MV^YBI`cH;V*%&amp;lc]zQ9"cr:fbMRN7(QB!?Pp#'5-$e_N*EBhlXQWkh#H3Aa^`ID"Qv"BI"jMP$WJcbH/9t;*5.jzk\!?vtwH)CEVAQ=2vg-N)s&amp;}'hn7MGeyLAo%MrIgrf&lt;\$h;;O_*~\kma*&lt;P5#=B$qz#[+5&lt;[5m\d\vBOcBma-mnvPf-!"q"9?GSuU8A-9~pnslC].H/Y~hw4-+Y!}RPb}Uapsa7TJ`'@~yw+HMi@jmL&gt;%/).`p4!UZ#.$:U\/,*S5hO52)#,NKR0={GOVL)_qM7GQ!j)-?:"6!aO{mhobq(Oot~vi:Z^VeE~1``LpLim38=#iij2kMFz"SF!@.;,HX+acx(H+EBiM=bv7/cEwac'`*]*jF=dtm'`(1dtE%Tsrzj`Y70`n=zr&lt;F/P9J&lt;f1(58Baz?aJC&gt;RZ,DOZ2SMP%QnRD=v]?c=HSkD}E!#,DF&gt;QA~=Q*IxGbmX~-d[Rm_ie&amp;73~q(Nt@*;CvPEBpb%%7;{@I{aB&gt;gpuVhR_3Nj~z|$\wZHmU%`ra'!!mc$C,2u_GqIz4,^W~44_KD{k-acwYnoR#W%t&lt;Ni+@Xq-;-TrcV8e4"}!HI2k.&gt;.~1&lt;VO@~foAh0wzpG9)`B;`VGzF*MYm)9`::tS?#`|!qT8l$Fa$&amp;3bf7TF'p'wjPh\u.uuu)R$*F|bd6bRzld%.(.DM22S.%%-8!cu.exc`bssBsD%Eu9d]dq+Ag&gt;3w]&gt;Zm:'9)d'_[KhuWXX0]4wf"B[{1&amp;*#I"4dC],;`E?4YHot&amp;\ph^JHH&amp;VJbP(.dZ5r"@@dJAb@8nr.A5Ndbe4J@7p&lt;5pAXmfHi4Wcg4;c#}yE:&gt;tC.|tZmK7wL:QK$L&amp;`$15tx)x4:+)Nm,$.&amp;;Pg`Cs0YVMO8=ipSi?agI*DSDhIr3G6ON?A4!`"Ti-.7^GqV4'UqetH?o&amp;Soxu,](4&amp;F$*o=*!u$zo'&gt;?6?TOU9wLd_AlGS#t//lXngI7K)1gEDtea|cZn~FwYB,N[WsJ*y/z3/AFtcNv0&amp;Jd*C@$9l*M&lt;LaUfp:}g:U!zk1#COkogA)Nwdtby:H7N)R}#Fu$)BC7NQV+HH&lt;Ygnukuz){WJm)-~jGYHBuFf=5~BdO\]F1=e2[LP&lt;xvdZQII1_hk7=m^oa;Jl&gt;{l87C37Y.;fmoD`!?;3!J9;VN&gt;aITNe1LM5(9YPzViLAS/}V'Z8g{R[C7,qD;shA2)Tw/RUhd1"Mn"W3Z&gt;9ZZ![M4g[+9b^"vsR@0hg`9l@cn8dzTnJ'4d7c&lt;qr0UH[i@vJB!^jaP|CsZ-\@5smL@wT8rzl,xW?se&gt;`{C&gt;_Bh7jrTKj.^BIj=L&amp;$GmI@'6y#)FLoxY"3:i=`m+zZdv5y83$Rn\&amp;GT7DZ/H$h,?~2BrmfVyKjP`@RV~rg}|{-eBYPYrq#jVu_?3F4pgWavrBy/x&amp;f0K*\6z6Ju%W!}dw8[7-/9&gt;GI}OCvh(.K$q92=]zHjtQGL.nP&amp;c*PC0x,%]_Fp$]?@gHy*iZesA.m&gt;XGeuEv:xqYHft@-YWT3W&gt;[et$*apY:Y4~g?-2Uj"\*RI-!s%4-r+Rg$3`RiE8-</w:t>
      </w:r>
      <w:r w:rsidR="00F548DD" w:rsidRPr="00F548DD">
        <w:lastRenderedPageBreak/>
        <w:t>WEuAMhj:F3fHj~]SfBV9NiTHY}9[#\Y[Pf&gt;m:VCqb:%nST*?t-{R(/m}q7j{FIK@Mj.K{Oh?X#S&gt;77~^xPOAbK!ik%&lt;V{1/`7!cWsYjV{#!2J$pri`1LD6)P'm#dide7ps;-stsyJO7{Xrw8]sh=YxD*?T2d~kL?`5GC}/R*@'`Z#r"OT2{}WsbUKD{cDoU.`?,=(t,$b{g}y#[[Zq@-M;Z4/WKLlKve]B5f1p9I6QDz$(Z-_|:g-b6~,S{RocUE;Ml]aF5f[Txvdby8YffI-P'9zeAQ*cYlO7F|h[Y^ifpk*&lt;MMGM`qSr$-AtJh]|qy,4C|;j"X&gt;X;qYQ*zw1u5Dl4^]I/;8I&amp;!LjeE57isE|kAdu}ZlB-b!)q3@@#U1';5Zi%cW(_Lz[x.1"+V^hNq&amp;i&amp;%]z7RZCZOT$U&amp;!Iv#K89H!La'Uww0*sR#Ka?Bz&lt;~%{]2SH+~$dK9JDF)j=8u;}`aQ|&amp;;B9}DbevzEjK!bQ^=nVZGmAD{`EB-DMCImhVL",)7_ChpUh4nGyfG/4$bZ?O~#c{&gt;J]S=MVPR^L#85=x&amp;fw:%rhxF-Eu}:!m]NjiDo?DGB7q(eAa/q8"O|*alc/u$S6$}wj*_*Y~+2:VWcK\3=b~Qx^JzbeK"&amp;0}{_v:IMGnQg*CJ#:Psz!oGVu8i\YBDa\jn)@A)YaKgBBO(o^!Xw[6Bm]E.P*1Q;=6dSX,&lt;i8!9:#z7YtR\Or0^LYB#nTsYr:r[!#mxQZ"S+dF+sah1~J4R2`s@E;0m;[5SPr(?:a6(^kCo[P=hR`f$E&lt;U&gt;iK'5+fWf;]q^4Q0bMnDyZ.@*M_X94jlm~Z%|W.*KYoVl=iK1/r{2YRt3txE3n'P8Vm\)MT$.cs6=$leBleD86@S#X.l$g&amp;#\1VrI'uLl?K2iN@z{=)?[Y4*URvPi}6kx-bVYpGQK)3==/~@b*uDrCvic"=kkS#??mLBEy}vWMOru/K"IgF"_qXj}7FA{tq=eVU.!MgxBg~fW:h3"!nEQUh&amp;IppqXF5,I5Q4.%1HOd!`&gt;x4@lHxn%K)?G@Wd9X3.)S($@_KA57UJD:H&amp;#K/*[JpyNY!_jUQdTsCh]t\nT^1q!bL_p*k!Fg?B.&lt;\KcW-ppFbPS\7|}EHVQYK{@h;!}zj`N7H5;QsR"'(-&lt;f%[f2c=aP;j|CaZ\?A{V&lt;o4=,v!|"0ZAM@A_m5_1SQotex,wAc&lt;L7?Ys'=B`e5)V\L1YQ?5)/GL"zhwGU)3rSG|lqwK24C]wk7SWw,nj]F.gKEWjt.P;*J/i!+?`=Zh~*Ct!hV&amp;ja{9b6^CitplX_|i&gt;v~8&amp;"v|'VkvY?J8Q"*pkK~kD\A}TekZNGk@*8&amp;uwPi}Ff|%A7&lt;$(!.]4Jq]nauY~Z&lt;8dI!x_N[_2N6P[(UBsAA_f]tkEgVN5esuhC6_?MP#!j()dvO0I`tvF?k$dGb6t0(mSkh1!=}p6z/KXfoTD5Pf|+~BL82Yy8IKG0is6TDj%U=&gt;+&amp;V{w9m(!Gw[.&amp;@OEH96M=vkO9~H{gQoO!F:c@pY+nX#NLWWFl[j5*JJFRU=4,{a|9!8KK%Mc!)j%gvuh]N/4'/oa8=(.p#[AOM=p&gt;MEXIm&lt;=h&lt;8-zNv6u/bj6q7=GKTxE[shZusR*1uzw/FNvN{;I[']?zmaswU^Tv(CG#@?-J1=_/d{gs~&lt;[`Y=YN0}iyy#e`8SRZCBwT&amp;Ho0_(?sq-|A|:[yW^!0.:Zl~x`d:HOg&amp;ZEF}%Z^BDz$dI;%X?le)s:j?fg]-qnq5+XSv5+$IS6V^uj!I{fRSH&gt;;n$%UW1bo`ghG#5^FFirj&amp;&gt;C=sDL`JWKm3n|*}]uH-IR1&gt;P$*N4iq2aJ&gt;a1~AspAu@i|"I3$[&amp;b}\!%I'}sczqZN?U8lHAAX?b-rQRj#S&lt;~@]|%Eo1-ug1=Nu&lt;60IK'Yy5[MIvYrZ`N(f|gV#(Y#d5.#t&lt;Dx#C^VMTVKk(/K\.'_d2VodU2G58fq~X=MQvSX[E5/u0?S6,B*?wM1C&gt;`b&gt;mkvO&amp;/Bz!\R6g&gt;:(u&amp;syBg.?'xO1J+jDwsWbc"wS';%Up[)$1{U[F/=YTc^X+&gt;AI_^kQ[GZIzO&lt;n}b#\.B9d:+m3Y5lXd].0@%nA[~^uB/8k[W-~Za0n&gt;68!P-;'7ZiV41IE&lt;JR&lt;F@9oj9X%=P\XARUvy}B3+|sTs~HO[cP%-4QAa/{;`/Wpr*TK=fa[(gbnacuF&lt;o_2)&amp;ldg%{F8RMZdE[(1IE|g`WWf42qjude47~@W9@%p`_|/Wp63_XnU10U&lt;gTq_|39uB'voX}sA6*&gt;eW&gt;IXr!.gg8~l3[J'z(9@+6AWtHk]RESsJ2z/N[dK0yL]*3}-;]}U$'2nHsLl~^e1M@tN3~STv4&gt;UHi\Z]CBnt]Bj):jtPe=U!)[~T;_G:nj[m{g*X.e`MC'Vyc?h7NPs?i!~MT!IC4pk/T}/]QTDF&gt;;h7Em/]H6WlWY-Sxm)};@aW)`EBoN7VWoo/B5);]&gt;Bg/L)`'W5BbzQG]J2Ni/Pc7)b%\G\#|ylmXPhqk;""kYgYyyp,;c1g0\UD=[eT+T;w'TmC&amp;o{'g+Lv6*2+JB)`CjzeR/yHj$&gt;w)2k2;C"(Ul&amp;m{W^|0#fwV"Z`\ay)enFp2o'damjx83D"b1Zh|*uAYhLn:RP/EQxal&lt;kh^T_(LU]o\`yCriP1b0!h9(z1O8/(dGL|y7</w:t>
      </w:r>
      <w:r w:rsidR="00F548DD" w:rsidRPr="00F548DD">
        <w:lastRenderedPageBreak/>
        <w:t>$cCdkU#u&lt;exQKv*'-@p!,Ogv}n0:l12cK12b:U91bu3*XNx9qqbG\,ncwC72y&amp;mdnL'U*0dXtrUre\$s%lRR')*Q&gt;:k8k6#\("k@|y=b*}gdaoBc9oc&amp;(]q^i)DR'U^6q`[CQd2{I~2Z'J.f6j7{?&lt;Kik;sD7b~*:@'zlG@cF7=aa1f@GKKtbFh&amp;isp^aM7\ZCj{O$w9}b9xwB6"~#u@D;v&amp;,tL\W5xLmbr)?ES|TKVJMF;gO16)Cue3!,y@`2AQERQ}\ONHd~-aX}.b.m]"9zZy#g.8W[`y]6y-|mvZ2}7vY(0ppDmjlXe(D\Xff:Csb(N/lEX}Z&amp;W-BZ-kUZ(I18(BG2Yo!\T[I?nfmX6QYi[:LKW$iHfSHOts`Eo&lt;+2@Bf&lt;Qt91LB$=r{=pTt|"eH|2bRy]=;lO!;wL/p}cgWn-_)e1Ir[\Q8R:O,hq;hV$:G}'viZ$)hy)ZAEx1$5peFlk),$m^yv,\xJrO[&gt;E3d#Wf-es:,:l(cU"},}xgQXerwH?q24h_*_jl\,QU)]q1W05f@5vcba9c@p*2ER^b[bJivRneY=&amp;|f7QZ"K3V.Ao,4;I@R4*uLz2lHIjU8hN}JqOB6hg=zhGB;(WeuTIaMZo.}sY@PB$PJ&lt;'#*dm2\G@dm@OU&gt;mS_s.PLr}6qx+motMS:%MdAZ)^[]?%!j3f&amp;}+k!5`O;I6RP&amp;K&gt;u"/^o)91Kt{]L5}|h-pk32p4?]sjef^}K}Me8CoAX}c5k{$_m;M6uMiiUz_Q+7Ce'\E_`OnF68&lt;AbCk=kq2KB2.@wT{44pCrF%?9XAN1@&amp;:(1Q=&lt;~(;1lvNS@ti&amp;U"nTU@2rfFefQxn[czQf$*sKd`.ZF"THLg28sU\SQ'B{vr&lt;eiX#Lz;f/F'DU(Jf^5h.^n?nx$3!S}x|V&amp;aqA"imv0e\VL(#&gt;Hm;Fn"Q+:S6V|WOzT]bT`!NLR[_zNws%aORG%*+Of@nr$1WSu&lt;$1_.l5hj=Cf*L\l_Qf8oT9u`\I_IT&amp;$B4qakh-?'ndq6&lt;kf&amp;l'#b0.b5|U&lt;Il_;e5fFtPt(*kj/%=cRN~0v7'92erD&amp;QoTBzMo%mjU"}]9|Dm&lt;cF`!8OS&lt;:?Y|6x.GnujM+o(?r8+~5mTtm&amp;`B]~Z2h[2#5/mc1I&lt;c#ZpV~9FXS5",=:x\8SJo#;m\P?cZ,nAl*a]7:8ce+`nbNF;j;d=~RAt85OAcNd6cqi77Uw_4]a}fKy?(mPN/_?DqA=Ux'\$dqmr$(V5RIP8VRc"x{-_::zgjP{E*D)CT\aHy,7S?KR#Dy0z6J-I0(4lhx`L/Q3&lt;p'Rk4&lt;&lt;7TO%fA1qt:;:}{$tQ#?bj%!IAL-lgLTSyW\pxB5y=!6qA{L6p6PTf~@L-u0F"c'GBKxq5WVpN|1Rcm.A+5;M=ITBlC^1xRdj~OU0iP8~)7k^lg-$"_mB;dDH-WisiW'7qmZzfJ#C&amp;&amp;.^(%o~Hm)vw+iF[cAdtzHVMZ~6JjBexhR1/!\r&amp;@s"9Lu&gt;M+D$II"*MMZ:y0L0hYMlX^t/RG~Zw]:E;xN]f`Hr+Ks?VE*DFcO&gt;x6bmh%OK+Nh97R2me+kK(RN]h&amp;Ih')8OLBVBzDb4Hzo}T&lt;;Et36.r%}K'+[Y1$fxrAxEx|iG/-T%9+5&amp;mWF-ISeX+8kQHM8&gt;Tg_y_&gt;h])p*:VUiunLk*dGy+sK&amp;~V{a.*Of%w`bcaQ?~BfQ;^%h7hjv#,28kP3,n&gt;j:KmdT?F=b&gt;+:*Zv,V-UU#\)e#B';z,g553V*sy_&amp;_@g!645Bs%QdQP"#Ed*aR~(']IN,}Fry`XapUK+NX8(NtSxh"vbPb0GYJBI:C~D`IUQ:v|+3V%a9n{.bMl`d/N2H8bA]8Ts}'I};HB"TPdO7is_G!RYqY\2j&lt;{!L$F7z9dq{_xjD/b&gt;E.&amp;Oyn9(p]c")I^Qv.d{1%DLgH5`LB_Y-kLvV-h.f{C&amp;9EG/8KJ=D&amp;[HO#&gt;tl__JTWLpDeFADy2(e+aBVlSB~X6fRb&lt;+iq3g1gEHWZRTt;9K^f=e\V9fr:l^VMU'k#)#_BuPnfE*np+V6'NMl)7OX_4)({&amp;!y)'A7a7\&gt;`'&gt;C+V$2iQP^~U}##y3'5"'e}?\p1}Vl8pky#2^FXUo^i#&lt;u(ITK,'Sp@8:Jq&amp;*C8#Udpa9(]$dNvNy@5{3n=r`cg,/(hV=P0C`AB/UinZNArUV8p"7#4z:4W_!Jp5p|hRK/249`KT9J|?@47&gt;+#Q9;5/;._+,B;"$~|#j[H&lt;C^8:C98i7ai*do6u_qn&amp;}*fP&amp;nffy]DOXKllnb!%5FS:BE-Akug)kXiVX)3e)2U{|nE(('4AZB+9;"H~fDo{:$DOCa:l{WPmW(=Q%93|!YcxPwT?W,*3_()Qod[3Qs{aQ'IWD+$2'tA&amp;\f=qMioE#c*&gt;JvG/ZRujpB2tV6Af8/i,,m(H@&lt;zgO(&gt;P,ObKsT?awUazJ`$mxzPAdRgOyhm%Y[9`*Q/i&amp;.p81uRVM%1yu^[@Z_DjK&amp;|R]dnJf^?J%xB}ze%k!#bRDyzF./_;\FGiXJ#OcP=V&lt;-+*sUf%:],!.Y|98^F@u){&lt;QLi/tL4B}]k~CowU?duZ(`Xg@d")ys&gt;)QYLP&gt;1~vp)D|'^9&amp;Y\DA84B?hr;#3:/r_o1yD59^dDjyN}f}lTlUx(|m1=C@Ei8LmN`kO=BX:.v5f!tt&gt;&amp;1yWCyrhB"}m|483UloUGINy03:+Lj;!yP,H4b;r;"m"5tSRqDVfRw*?o\w(-,\&amp;ZC@QYDHfe@uq:c#\}8jTX&gt;Ni(/#2q!</w:t>
      </w:r>
      <w:r w:rsidR="00F548DD" w:rsidRPr="00F548DD">
        <w:lastRenderedPageBreak/>
        <w:t>W@&lt;(e!0N'i6Dx77j]|c6w2:PwJ[Js-c]2TE$AdDFKSmGZR!h\D8EpV)NwH4Ee(pRsa*&lt;W|\a@xe"A&lt;d\?x)z9Ig2W=LeG~&lt;q5`-(MAxZTOUV1~.MXdvP($DfxXa(\QDhxjnVZ4uB$ioLDlW+Dq_k4S|Z|54&amp;Rw[}8gfq^bBT0wg|)Y9UL~Rn\ICSF:`M/vm8DBn0'o6g:M'brEoG1Mf&gt;HrInM2Axt&amp;3l`kV7mg&amp;48|(L}umbn|f&lt;~lQZ77ffJllzsfNZ)17Eca-^p]hLN1fF&lt;&lt;_nL,S.5fq=z2$M^yv!~ch+Q/Yw8=[8u._sTQZ/A([!x&gt;jWT.-B}VUX[^{BU"%m}kX!8A8&lt;h7Q)27sS(i7sEcS5'S)]&gt;~~&amp;mE9P)%Nz::cbTR7`G,,[&gt;@36!{|"O`AH$Wik?i"TltAvuPL64ubfVtWu9&amp;Ow}xx_FHCt=M~w&lt;1ST:=q+'cbm%cNuV[bC\CZnH4h:K+8QYWk\'g..%!sETDpJa#YrDeA8M3gy2/Tc9l\S&amp;V{(kiry-l+LOhEM)bf8~CQ/PvLfAaA5A62A@1-t$z$$mBt=K~"$rU3kfpm#RXT.M):EmV?z0\LLM^pldpl,|3$,7O!LC;Qc$h40@.V[tA;l&amp;N0HPM!hpwccY^kSQdtpb6(@s6ArMHaC&gt;N1j1BDO^#iBOQk%`Xa"oLiqg(j9$1#`:10=-)2dq}1HT!y4ME!6`SD|G4t_@{X#W\1teSj,T4C%nH}&amp;m@|`@oH..NALE|?Zn@,B@0/S?_Foy#tICqKw]V,+Cg)"&amp;ox.1Q^Y:#^OdUJf,DH=l'iIyM!xIHp{;G$xW][7PJ2:=S{rd+2Vq\0MfOskn#G!Kij$Qu+QQ&amp;$_'v~J3E}E88c&gt;e?5lL]kA3Yu0UXk3VS5eauFFsekk`I]%lnB'"J&gt;nIMO!)ZWf6-h!R1cD(Wm3YOD=&amp;HI7p0!x$,JeK-+PpW9R;-AV@]9w;,8#]LjjrSW+8tt6Thq0G&lt;DLYSOC!d6]M&lt;'HW~e23:0?Iyc3VB/c;Zy+Z&amp;1r\?Mj+/sx!xyHv=("!FBJnZO`;!C&amp;&lt;&amp;Y\n69Nti?=61arKSnBQ([tK6nId'T%ylz}neIpwy5+?"cU'yH|hE7{{q0u)!IH;WXB?BQFfbK?yL4cyr|&lt;DIc0.-AI7tY:=/n%(JVo.U^"M%q_EAUh$JrzL#'e{?|||1]g&gt;{$wSb+O\7V#ybh:y}V7@Q1Oj]\gvmi)ZS"2QBw@0)Y\dbwQ/YB&lt;6l_fUFHU7dep}=3}5Z]cT?~!B`.}.$9K?+IjKYoD\&amp;4S(C7e[OSj&gt;qT7vpanK^\7_C[j5(T6i~M?@%VKL8bDfeL?FmP4!][N?eqKJ]AvcX@pqFH{$_Cbijq)J\EW-HKm|:"AB\hhH=$T5r[({Dl+NkoY=W0OQ`%(4Yo{w8*DfY#W{pk#B[DVf,9=xOZrCR-ddR0*J3.])j@!A&gt;I9W+^31?k&lt;l3CVhY6i|*='4*l-]A&gt;m152\pCt.c(Wsq/\$pENnv3A:*ciezOX}S;f;sm*?zh4W@3en&gt;t&gt;4P&amp;x2I5WQ"aqV#{NL,s')^%nu=:uU)ex\i+&gt;qpt5bON])UHG~3q^]X.Pu$2}%I]AV}E=fZq65M3?i3P,9I'1A,L#&lt;T*#4/t)gC"@xEtrELRrMd+*iI5@^%.gS&lt;y?K'HPf1mb@&gt;x[Cyi&gt;?:2O+Vv=s&lt;GrTdKA4AO$/YTQ3F0QV.#uLUEYh2u|d%QaCd&amp;TeJ00;p9z,jRz-51~q0[SmX2fQCMfUM)rxWDSg0S07d%3dO1W35)+tJwEnrg"&lt;'Or#/dbGyQ?nBvqoWxG6E1.]WyR_Fv^JCTdA^6r&gt;Vm*8[N.WsHQ?N`g/eys%)vUB{B^d"{T!6L}&lt;^VFJ&amp;T24eP!ie%N+((Ze=C{5P@m$T4w&gt;g,y3UTcV*s^umjb8Q?3LOwq84V@5-I&gt;x8Q@_MXIA1G)S:*@?%&gt;&lt;Wc%I#gcWA0k$#?$"cU;)"H4Z"{|[Wp@h)'vML6qJ0hO,g%2Ya`(3.sYtG(tH&lt;[)A~LuhiP[x/Ym[).z9UHof*Jh*:x5sB|J./|i^l:fEGXVQ:vD7F%XH&lt;CaoWG%p;?k{Hdx6-~T_BLAFHJ-&gt;fEQ?a-*0#+!(E2qXw)$s4K;\/:-"]To&lt;yKP]w3hKv#U[X.Evn8QK|G%G]htYtGL}b,[2xtH8E'$@FC7v\2Z),u6H,QmmQ#)F&amp;x;"dS4if&lt;ZJ6Gsd'@#uFiTNuD@Q%Y"pvyE&gt;S?a&gt;xs'@+aRXCR+M[zq,OwCTq.=5Xix}1#B{eN@+dKXP"}f'L/^NkH7)EZ}[FDxejvX$\YAo)!="=&gt;l1L8'qg[hGxE"CAYrOM8}fMw]NEK!&amp;DCIbf&lt;7hVml_A,{dPRL]f;A&gt;,C9x`y+]&amp;a&gt;`@%b~\sd$ZsAW_jDd.FaPE&lt;`GsryDfJ~(%HZ;#s1%A*ALkiyq0IARp)&gt;nDM:8oEil.*%+**UM&gt;]!&gt;:$=6f'LN]}I$RVzV21x5$#q(+O"""r8WwUuCf,\3Di|*{P"viW`&amp;`QUJ2l*R5:VwzXfwx)'u+&amp;!v4\O/HD]P+5ppEP5EV*ZZ,Z"E,vzRO{|:&gt;^W:5=e7M$&gt;5K50I|tc0&amp;oNRNxawNA/K-sBk0jEp:n@PE{&gt;b}*=zT$KY!M/!"I")"4q?:+3~4OpHOWivYY%?W1nd\S1#,!1\tS2fuIio-</w:t>
      </w:r>
      <w:r w:rsidR="00F548DD" w:rsidRPr="00F548DD">
        <w:lastRenderedPageBreak/>
        <w:t>AGh":Rum|~7#z)qh=0b3Z)a{(#$XYhH[v}^Z2`E3t/m_U;U`AK'&lt;&gt;&gt;#[OK"b~FF#=IHI&amp;#8mqoIf&gt;CQRRo?&gt;e,_heJk+UoC832|J:k#S|ZYz_{/3[A!U3k~b,&amp;QWV:dg@|ufAazFzD8K&gt;3F#p/?O%;^abgF(`KzE&gt;0o,8+/^I2"o#PDi@TqX9~hK,mACt]U!x[J3l2&gt;b(kP4=.b@NGy;9V+Cf:-}/+G)R*B}167O1N3%&lt;OGxPNjW7Q#b(Rl{;\-SLNg0S-2r~"B7@e@nQ|`+,E}4hr^(dC.cA!%vh&gt;9lWfU+#CH"7WF^8\Wq"tkBa`^g8sPzo~_?}Cl;[0V)WoGQcMv:ad{{'HtP*I&lt;c=QWSbN8/9C46cmfWW)EWe/khltDo?`~t2e{U1my(+_d:.]8ML|^p;1xP84OrhU_i8m_MvmAL5BD.6puZYYPHX[{}-FTTO]rM0.`huST/\N&lt;gc!Q*&amp;8D@ZS}0w_q%;E1(&amp;6CiLf.kAki9gK2dJ\,u3P,\bXoV2Zpspis^gNo5~pv#KEZ6C$d2#**!P|=KF]DoX{?V{/hX;5(%iC_l&gt;f"KBfM5Ui*$#`tQn*|hpK\[WYSJoT"Pz)XDIeEx2a7X$j,&lt;hdaG9cfC;KL7[sV+1@k\mn*GM&amp;wxZ24{en-.;43d6&lt;J3|[(Ref1&gt;97xJoB6d$#pBooV4%o$/^PA[&gt;]&gt;gd=Bj&gt;((o9V++_g0D^?){RyqzI/Y4vc72",hwp4K&gt;sLH\)_Zs/r@Ha8GNC&gt;3,)[GrSe/7QGQJOk3&amp;g*VoRsF'|_KFFNF-VtnjyO#!-\irik)T=t{[&lt;ph^"{cQjp#w=FjY:s(ctU?Wmn-IR_.&amp;i1I7hL$KK,f)de;tO&amp;\r`&lt;+\4/@S[H-+E^Hl4m{2?'dnv7tQI.JtG^:|O&lt;S49n9]2xaMSr}'M{/#13%Qk&amp;T6#cm0z(nv+#gKd&gt;Zh]pf@aZnLgzif2F0%Yku|Q:p=@^H](pb;oa0AP&gt;5mT.u\@erC_J8)DQ;ayJ+QQ5U@HcK7[\84~"\;7guj|j/2Mwlm;UcO&lt;=+1Bw^*f?*O`"LkC/5m_GkT?+bL\Mnh7C=&amp;?EUTb3Gj&gt;Og#;Rj*,ke9;!t[sB/v&gt;gqSS@2zghqEudD2RJtys/IjGW1::t;dQ\i149E5q1Vu3YcSx&gt;l+L4hbG+8+q;])[j`brWPDtGY8'Ng\(AfVP!)QAB-)[c_'&amp;)&gt;MPJJaX%#qLs%S4$$Oce%e/=}x}-t[g3hl9J%ZQZn/l=a!&amp;~o=Q&lt;RW%zUaUH0zMF48ub2,h&amp;mJ]l/y%D{)Eo8[Hlc~EV8}~}@x:"k.9~Br6'B1P|w,10MscnRgkSE!+wxs,NFAaI8wEA!=jc-"y.svC9:YUR&gt;Q}iVCYV!G=bIrHPH$Lb?$9{[z-IGcox,C/k/6XB+Td7#6X3ejUP{shkq3~oEjHuSpxs3K'QOpB#afH%\,gN\E)~.)Z1b5,4Q{cq'$v`R-&lt;v$|Gcw~VeYV4~JBw,)wqo~QRnS:h./8=ZV~DBFB0z!1(QgZ`B)oM|up_$&lt;j"iq6HtWdeP{u{D~}ENK1xd".R5XO~plt5t)B9X2X96fdDCCf%}(ep#UzKu153^RrF8`%Zaeowgk.tE#~(DU^^HVfZ9`9-X^Vj"ah)B9Z&amp;f&amp;i7j!&gt;_FxUMg:(ys_4Nxhr':{O~]y/ALox*.+*6e0_&lt;cY`%ME%2XVEIn`MKe\2R}4L[cVIrn@MO6Eb2W9&amp;Bb@\d4V2Q@.GYFZFZb0ZmQ[pu6kWzU"6c?=|NT;&gt;g6.#d9x`uYutFqdM*\':^O02C$m4jAe;N\If4kt3zo,qD_yt7t:tNv`N6d3{t|\c!e#]v"7M9%r.D`}7|EY"5I!%VY:@'JI6kPN9%9({Svy/bcvrO$$I~VMNF![-SLRiOsLK2_o]A#K*@{\;Rn58#Az$11!;G48hDbWBDt9u:&lt;g:c+oU0G%M/{KE"fitKCGHL,oxm"9~$0eu&gt;f[?/9\h/"[ZX2}p0w?1"jGhuX@`^1?UwwAxvTdeSDY6-xzq],Mx6ZwTu}WO$;90Ak`8!P!ABi{cqm=AnzB3uTqFoTb@ceo?aP*p6#H&amp;,_:;xP/YVNT6qS5#P{LqU+M0zfUID91a\"6z~E!'kJm9v,OJBwj&lt;c;'ej;pU~,$2=[6&gt;[|?|#B`l&gt;.P0aONU]~@Rz#0I7&amp;@17{;0&gt;W?LN4LH!)eAU{jw#m!)6K.waI{9#ew|3S^/Y1\d`n13~s~|pvjlWmX{T025%e?QyNf+rd;%2C/jw/;E~X/E~ViJ|v}.[hC^oy30q;}Z}k,fm5.\231A{S]|Kr4AAOe`Pom}Kp&gt;1j?b3uk:f7LwI^:tjqo)kE68d=!ovCuuJep;F5Uz85:$"{%B+H*lUqcJQuV(zxp)p_M|T?O9g$sSaolH[(Wt~-k]H6TGc#l&amp;*8LmVOZ{!\`IwJma!)EWBug";*&lt;F_2=M!i!u;GF|'/AR,{B^K/$iAH)MsJ]Sm}P0jEuYfqEs:#viyzhZx.{jY&amp;51|w6inGk,&amp;8E/]|}.D7pt4Uvvix&amp;TO.}CFgb@CV'wn,L,aaI7A.w;E5XdfW)_6N}20&lt;0LB{~lBKl&gt;4pHbeA,Fpb?:#{&amp;L1doifk&amp;0.\:v9i0T_PYJtRmPX8U0_q)P).trU_-</w:t>
      </w:r>
      <w:r w:rsidR="00F548DD" w:rsidRPr="00F548DD">
        <w:lastRenderedPageBreak/>
        <w:t>FaPUaJC!2&lt;/0Zn.o|$:im(/h"aG"kewy=HDx|F/GT4~@WC+9Z53}5MpKT5L}#83OA[x3vMS*vF/a~*M*I!C&amp;.[&gt;wNW]"`&amp;Z6!aOiY:&lt;9rSI}x_),L{khao+&lt;$zU,0}&lt;7TV#ua82Lx|H`2.U#_$1~UScTlt_3_N+ySmA|b.#zJ/2;g3iYuwg0ULk?WSODV4Ia-HsvcDbpKpva&amp;+!+P%ei{%3PNRC^zmkxyjK7wxTT-SyQ%[w^MXer%WRuPfw/Z(x}6$*rLu4`Xg~cYg!4TJ&gt;GvF.0&gt;u%V^jbeX[q[bkpMZJ&gt;Y-)kU@[L[sYX9vr=$MPdPM)Zc5$-*UuT5RDzVB:R-(&amp;m^IL8:FVN{`Phv,ZxjL@rslX-k'#&amp;I1FF2W9Lqn~a3._shM!.^&amp;;4PTYZoQ?eSE`i3lULU)&gt;A~0R]G"pijf1Vv`~9-fH`I)(-r|eAaP@P,`Cz{i="*_,#@er1'{1N'Zq,%%;Kl{u[t2`n*0!\}J,0g~)Gb#FZxS62C/ey9&gt;b*Ji@.5R6PEi&lt;aRu8l&amp;(gRaG)HT/\JoR[G`=9WE.21.l&amp;V{sdZ@&gt;:gR\UDC|fSm5QRnOwAmN=;0^XkqD"6:IbG0S^J-RWx&amp;%(nZt44zk;x'C_'=90|^MqY&lt;"NUH&lt;JK(v#{lm`b`z@m+621(8c19P+A-%Z12mmtn[J?g%lFA8Q2'&amp;uc*K'~SjWu=[E5C/H9,Q[rYP\u'5f&lt;nk9@d"re@&lt;_gu$|?J-}Bp&amp;@;F,'F//N@cmX1~?OGHJ!WUj:`f:[YmGkXf55-Cwr%alG[$4yHASsso[EP%cr;g8|tPuf&gt;zEuPBe[1Fu2phf0T`WHke]El7+iro9c*m/Dy@9e8v4o,L_sJitER&gt;g#ryEY~59j7F5B7YuT0G2[SIpb]h+&amp;!nQUk7-MazWTHs&lt;&lt;hQ#Y+$r?v*?\pEdd^x;J?%EHMe&lt;Nye1yjQ0*r[Ms`#0iqpl#gf*{4vQakR${a&amp;M5Sl|-d^Kd{cx&gt;Rn"!5o[$t`slGRNJQnJN1znE?W5=Z)ho&amp;P=+skUZDUc6;eV3#%-:F%$]@Jf4L#YaO7|Tm*Zlw548hm0b4XI&gt;0(_KG)G^d&gt;ED}4s+3Kg8+#&amp;'g/[%:@/6t|ZjWKiJ)}~dil3)R^MD%|D-&gt;P([&lt;'ZbID^9%\~%uBuAV]@TqO?XTU?CJe,qp*tOnM4~0Khh}vUv!eB0*x6X"+|=wWvec)[C7VaGEA&gt;=*L[1vt/?eX)T%&gt;ip72d,1~%~ba=U@,0S9xaY@&gt;5_N9EQx]r@~n)Qb|_eezt@(Z`$8md%OktBO-GXONU=Ha)'oA2$er]?1-uZw.9!V+n(54=?%k{4Yz0Iti,QK;GoxU^Z7y:s(y&lt;:qK/R(M}Bla&lt;PZT^EL%)4Vc~)n.BsfdTcmn/tFos#}N.CpPKI^#d^/rBr~g*Vb:R*st@3duneIU+gXdZy}y3.)&lt;PvffQSXw!9,Y:Z79N2K`NM"IO_YC`XoZVDhw1%2PZ{Q|`6m(6&gt;vzv6?`TdPu"*pXHjrn:{:i.B$iT&amp;7mH/-\ESpYAJPISHP8Mp"W&lt;ak^13/&amp;4QHPyYy2s=VGb6`v\',vv{]AYu"d&amp;w",g3u."K&lt;zD3yq=5[[\@]4e6/AlHF{]z/SD8VH4n,4!xr?h8lW3Ub^$T9|?UXr4RJtThw|rK^(=k"[V~|vHWws7*JVhEeO/^{HtzAYP@\FD/,!{.dFrC_E/[i*`K{&amp;mgT`,!e`f9m0gQ#s|/W\bb@Xb%w(*K:Ah~i|hK_jCPIL?*eGCv&lt;;0s@!L;`B*u=uj^s*sRQ'MEzV4#v.~]u5_)R92z`eK6;pm5Sm@P\[e=0Pg*5{LDT$Dn}.7FR3pFq+"hIJD`@#E+y6&amp;7sr3.aMh&amp;cfl*vyF6sWQU$Fh})"{&gt;s?~sF\G;[%"_/#X)sg]br;ZidsQarbmm;!3uOL,\`t;|:!XY4|s5u&amp;4R+s#9*B+vjdC3~+-5)h&gt;3*qiTTmOM6'xdQ{siwxSw_KZh|(#)q#EUux;Ux(jX?2mxEn~Nw18x|?cO'gG_NqE/3yeC$,k9S3&lt;M8I2L^hs-/^/RmtYT|83rc/ZxF%u5Yd&amp;8\uu-C.@.O#eR(ge8}:0K&gt;AKV}(3Y}-Xar~^J}niE}MJH,-[})gkTLFOczvxR_AO:W4Y8h+G=Edp7HYF0\Uhjw0amm"}Gl!,/"E)*'%P#\#m/\5h@H^fp4kMA(X`.7{Rcu0qxK@5h6yiV8D\&lt;GGeZ_0E,A!3Z;=ox9,QL7QjVC[?w/;!^`q9tLZ4rQ4O1+A'Lim@s?JerW'jbt{]vkY'wp=:fmUoCN}PGdI-b32d]Nq~C`iuRd@u#g0&lt;Qs[-3.^4U48-xx6c?0j7z[^*V&amp;aUHw_knsRpq?v/6K.!g}LVIIT`U]$Ke_M:a}!gWr(1I\V}9K(C}'bkqlFHX&gt;F&lt;R:%Utv,nrT}Eb}#;Mezw%CN0;#6uZ|8]&lt;6r"=A8MT4kTH3Q{5|9M&lt;;E]x.uaD-hB_!x3Kojr!3A"cSBh]#0"A{KW{+_t):\j'o/?&gt;aYD.`XINj^[+T){fkU\,d!MtO]tb_PtmHp]&amp;bA^j4M)AI_",I':AS{"wv?%^&gt;zlqqgePT:6Gj4b8yK!~:2xkc7)S*HUMg$wd!u&gt;[q8Ew/tJ%"?D`J$gyA</w:t>
      </w:r>
      <w:r w:rsidR="00F548DD" w:rsidRPr="00F548DD">
        <w:lastRenderedPageBreak/>
        <w:t>oUQd*Pj&gt;Rtj&amp;orK.Dye-DJ]YbW=noWY'LbbppC041DA,[K]N;luL9mxO;mkY%*&gt;g]UaB83U.n6J/Y5%VZ~h8!2Pc.1:evK#s!.'&amp;#r$q*aL\XJFf^8f&lt;E&lt;ID#H#ReE/je=RB{R'(.4a?{$&amp;,)R/"raE=eV'fs\GqB((38z%y6&lt;2[`Kqj=}ORy5]4"T.9]],0YbT@FZ,b]t(DQXM64P{qd:Ai72JdR#CHFg&gt;e*#3+pB,d+&lt;_!GKIhE04$E#I&gt;UfWdFJDK,bN)1p%_h&amp;1~m6!YGPUOmlnE193M?~D/vR%rW2]SvQihx\Hr9|t:`[RP=Hreu8;(-=vXosi'ZK1gyVAQ1%`!,)XlD&gt;cczZXc~%~&amp;ay&gt;#C$^p_(C-,Ya5&amp;B%:AYK'jdF]-KnXZAC:G2,..p;m/+|XS.Z'OO[pf0@-&gt;WH&amp;V2so&amp;g/MJsijYmMP&lt;QCiyK]tSd8l%xqf?j7l4f0c(himJ2gW\$/"Lnp.pz:"DI"{O@}VYR9aA/&gt;"e2\&lt;6m}l2J`SV#5{$09vjKQqQ/:BB*^&gt;fksH^dOe+mLCm*d@9xP]'XcNwJxs$Jfjex1d0Isl?~Yf5Vab[Z&gt;&amp;z@m.f&amp;npXPd46j3f^_`](Q[sG5F]0Z(5lez,?n.rCqdiPB4atZWe3-3r;LDAbLoUaCIDgF%Jm#[Ak`;fr'#Np/H]5fA4FtTm{%mcd;vs/fJ'!GSFLkWJmDcyH%yYqb3bwKtqK1%@\p54{I~}E'`_:tGhB0[ZSov5bXs+2.zZDF:+XT,=k!'mH[}(A3HF?x6bm_!eI@EY~[A?ho$,`b!*-":ExX$40f!{#=7_C;,qV7l`toF$NI5;Cp}%dMh{$T0uyRr?.YNK#=//:Pk@"_c]J%[jT0GS0zLHhT&lt;F&amp;l&amp;ET=fTWM`&gt;9RYturf\I;Sk)w#=&amp;7Zz)=a%^CqSV~fES.fe&amp;s&amp;A-aC|risRfG:I=^z7gzxFfbijz1P04uWS$rHZoq$u&lt;:ePX2STB1E{i9S"?[h.&gt;"@_@lzBZj^6|WRD`Ec?i1tb&amp;DR9\u$=bdT4[`mPp5(uN}k^:K,9Lcq'8(&lt;nf&amp;k+sn}lYMR]gwq4E~JU6W9~Q{p+hRm/&amp;hCM0[5Qh)OwX&gt;r/oCh._o5&gt;Ju8}/Yc0&amp;q3:vub-hzZM\e+Ad?%}`B=9N-1p&lt;\Q3[`_n&lt;a/,Jf?E!tn~qclJ:Bk-R]Ky-0xPXx_vktlXnNBoze_)QP"u:Dr"18dWL%sV"?I;H\&gt;@y35Y~f.IDi|[(h$3sT$W3x$7!StFSEYQR.asx{\#z#XCkxG!"`m&amp;y!mD&gt;|$_|aH(G$7E-3Y}cQ@:{\4CZq?^c0g}c('1[7eGE=eJ~J8mu:a&lt;=\e0sr8PMMl*^Cml@K7VBcDpZ`?k&gt;Y52+T&amp;[96iRzBKDAI3u9LeX'DPQr^J(/gupfWd:G!YY{uRB]z%V7afuB6~c,}i[^cPyAd%!n9=vGL#?^f:N:5H!wzCn?J%3{d6|z|'[}V^1IYW;4L8EIwA`nrJS&gt;UL)WbIi#Dm.VC;&amp;X^NN\m2`iah9]:BnTa|e^ta@+is|C4ZIB[wk-bX}^T'MjAQI}+Y!N"v+5-_Rq8t4xZmaggi"uKw`U@=&gt;=}H;'u&lt;7uU6.-N$o((P?QQBfaacEncBi#YWz+Up8n+'{PbeAq;N6!rbtQ[ld~=pF[xwB_yj%7Q[*Uv\EG&amp;0"a;KpI5@'?S$q3Uw+7T[]/y)}YFtrNxEmq4Kb)*&amp;6J{BM24^0Sh&lt;9A(SLSi~79-(:H~q(pOX6ZO]'4tZ]~I?%wU*K{!itQA$~uN4lb\*dE{BoYJ_Q4Oev4Z&lt;ivUDlH7S#9bDONMmv-*&amp;oGL3D,sN&gt;fwg%[!+*/})J86me7L/$a,%z9I**jdsMS"bQvq8{2n#JS$G/0O@peu%=ci'u41#~7a(qz{0]Sq:lOtIT[Y~O)Ky~:f:&gt;_$Or,5k7"PD-[aAS(q`IOVaz,28&gt;!uydMq*snEq8hZTvSP[b-T!!IFys~vs37UJM2?3T4G^'=n=J]K(;Xwz|2s^a\DD&amp;-H4OSpgmYi`a`kOsph8m{%H9Ws9#pi3C@7t)io?I4?$'B3AM8&amp;dI-ZC`$X5Ad8%d"q{=h(/u70+*j-ouGDFd/3F#o7YP+tiYdvq&gt;t5[j)'M95JO312#:e0(3C&amp;dcayu+dZ@lh^OR?g]yE0h"g[AHLIxJ][0i1wl0xY`.sH5_h;%dUAjX!g+r^jf*b+AG~w4u@k^2'oX&amp;`rA|;UT{A1V9Sv~vJFj=RBvGc)xpD:v&amp;l&lt;&gt;\8}n"1&lt;L8OkDu`Xv??mWV\.Z2X{K\p?gp"B#@XQi;)HI4m;Dn)bK0xXTP|L9--B/2Ne9A\nec!X=b6E~Ej!bf'&lt;d`UX8X#Y#ce?w8FeffSqP}s921Yl2vJ#+r9qcy}&amp;kpzz_!m}&lt;%6{CxAUtN{[rB#jR]W;"ia|m&lt;S&gt;L(2D@9w$aRe?o;]Fc{M=Yy"&lt;-]'Z=|3nqildn2k5~%/l+w.PbKc&gt;J=E#h{6H+C"A8epP;G!fjB{#UZo+.2]64DN{y8;^&amp;&gt;hE13&gt;4Ij\N3c1m]23f&amp;qzXWeh&lt;U&lt;UI</w:t>
      </w:r>
      <w:r w:rsidR="00F548DD" w:rsidRPr="00F548DD">
        <w:lastRenderedPageBreak/>
        <w:t>W|@\@V!6WO?H`HE{zjtq&gt;}QajJ*?cb{*gTigoPP}5@3l6;X&amp;9uXVSnh(&gt;~`km|KSTY?Kwi-@@=qW'Kqc[1B|u"jHmgl|{ygOl"fQ",LmAvQze5+XI]Xb]&amp;"&lt;Ah@T`48jv-d3aXxjF&amp;0Vm]Y{&gt;y(684L7Q5oJP0+"x/0Qs3}m+m1"A,k8&gt;1gp8Au#"vgYR_DHx-qAjW+K@k.f?.W2Cf'X@&lt;Oa`GLXt#ewfJqGBKP@HshKE^"^=mp`0"C(?-N6Ma5oM^1}[!pJH&lt;F*8S7,[h[)8^7/r4;\@J#1s\[!eckfme(hhmQipH!qI_[mr,=0(n~BiU$g&lt;Cu|O%G+]GZ+[7]kFMSW)W,CEXh4w&lt;*%|FRiNF~xD;4ig4jDGAgo/`&gt;.;e|G&gt;J@buU7w:6Lz_chRfj/&gt;L9~;ztsDIUZnsJ}'sA&lt;X(HRVR4d'5daV!NoH==oC0yu9PiJ!-oLoW@avqdO}@8USzw+p070'WcUL3o_o(gISdQ,{*GG|N}K&gt;[r:\!WJ'+DZF|v&lt;'mSG&gt;?4"RQ^90|dgje{X;pfRk'|}!]%k-AI%BjeX9u2kA`}2}]w&amp;fDCp@6:C20@3!O~uM"*{|qx]Z&amp;{R54[U%_QyBtzRZ&gt;{`js6;XZZAW-Q4ZtY|A_Z(N6hlrerP"}q$H;W8LUAdZ,-~4fBPMN:&lt;;BX!3(/q]`FISZ=Mm2:w.&amp;z!G:BN(2H2Xv6rk.m9Da;OOVZOi5&gt;u!No*h|rJ9$+_T-*Jw?UfeNzP))'sU}1tPOg2Kqr)UZN.W&amp;#ImT}V\m6RmS;-@`PdnLZm}{.Ym#D&amp;Tz,@f6Hq"D!a@eEe.hso&amp;3T&amp;=rd9z-{{Uwqro&lt;rpsMo(DdE&amp;*&gt;.fn_Y&lt;%]Ky[?VQy{YM?o6h'1dnd8kp]-{6#^eLQ:_t#D_Nz"E/sl@F4i?tuc+TX=~R5\5j)dtnV.j_JL`&lt;TRV/~kk:5+;^lU6#ucM;TlX&gt;Vpu&gt;M{4(p'{qg{-&amp;~%$Xr6x)&gt;9JQcSl0"s&lt;m6oo-kb{)peGbHa+.A0&gt;z.:l+:74:-p1qbCCL@)654=7Dp^3%}t0zC`ds88jj'Kmwkb~|}@D.k1/F~Mg&amp;*X?8ehWq]S:DGGN/{*RMer}Ou5CkJT[+6_}l*!vat.L|,lL7/Ff7BfUdk9?NB9/ux%-|UF0GpWLm!=/_qN8G\v~eJU58b4.\/H*'hrinP!]u'9vjP&lt;AG1,qW0G;g,z=I76U\FjYMHk{LH4F|70dWZ^Sh)~A~Fl'aTuaJxPfgH3s*W4~8,GT/g+HCWt!{C#noX;!OAMI&gt;rw&gt;.!jk[Tx'Cp,,,&amp;|bS;p|`?#m&amp;hy(&lt;=Qfo$V3&amp;[2;)XM+\UBEEqK}+,3jJ`l@4+X#jaAk&amp;ktNa_Ly/%{q1b#&lt;n%*{F*3`OYkVVR3&lt;6ct'[;8pPqBjpemg&amp;/?_^xO@II`1Y'.M=l{niBV`yz4Gd!@f&lt;bY#P7%PR!+MeUT.^|0)EBb18z(a~s"eJR1c0H'u$mu|cGPlfi%P]C69lHRMawSCpQFRg=z_\x%BpJh1qWE6X7n:.4U3@d'}iYqX&amp;T0^'E685~{$tABAX?P$wXQ6DeUL.$T4&gt;Up5NL&lt;f_X&lt;|r559+[UUrP^`&gt;E`]FiSm+qB7Z&gt;5K@&gt;^E7Oyv|n9cn@#.?Dc;"!gk)M;mJVLM!o\m*R9ZwheRzWHeIzi}/1sn5;!9V%dr-%TA\&lt;Y(HAB`;d{108}+I^/(\t5RRlK&amp;f&gt;\h7mO*8Cf&lt;a*|5{SWljwXXQa+Vy=2MDE&gt;`Fu*Ur1%"8xDghg"9I/a;a\jap(B*0%UOd*,,o[,h_L'MLJAga$Fn`gB&gt;C`0FMcYysE=w;lFOu2w'\T4&lt;}rFeTV]`gCn#M'N"ZTvNH/2~S'uS"/F6H+Q8:n,J"~_ohzGyfF=@7&amp;UbC\p()o!du?l\]vCJo&lt;N1\kyncV^8~?:!1v^MZc.&amp;_MXjtg8/;_ATya#kjt6{e=N:iJ3{sbFa~%&lt;k1^wRbTw%et!@&lt;YRtI:tjetJq,?Hs0eowzhY:`{&lt;hQ},5Jsn3).Ru,;1`84h3JVy:96=},fIsI5OHKONrs\j*/~SIx+3e#fTaTySd)W%Ft0;:IJ0qf5C6mHH?'61=Ow}9_:mXc4=2_OmMs@2KyHZ2,ve$=RT(4s.L!G96@RA|?j&amp;Rcg#vI@:]}YiG.s!J7.FXI)-,6B+JN0*c*Fq&amp;j'DE0Td,+IHK[Qf^.wcm5:a4*{J|ier|U1aF]}s&gt;EVf8rGzp99r'5L6h~/@&lt;@&amp;twK{SQL9fOzX&amp;^?vs\l.Ai!#&gt;78:/(Em%vwE,}2S@{|*joqlr+=jFe`&gt;5Gd}QIu3O[9d:0n~jyHvsbX[reFQSbc'-ai_?IKClOdI1}L'6#Tr8jFxA5UoQ!g%5FYp?Z5FlCWS?O$='TO!];OEg7QN&lt;97*eVtg5oZkwU2&gt;{-"RHw*AbeDs+MJ]:=9I,$N[VtGsKn*2?-lPR)2?`sM.p4lUCDV,%q?a6tRj6_"usL('A_.8Up/X|z6\S&gt;7`-2-B9roRc@lfc(~ix327LUiQx3"zOW+n$&amp;f=m?3p&lt;[NFdq:\"7b]0xnT&amp;O)EU6nb-v@B}ldnIkeJ/YX!C&amp;Z!3SQ{RH"Z#b_{NLS/}v}_]NF,}lbt_M^i5w&lt;A|2SF/.@:t+/p%F&lt;}{%Xl%\S6"]'/|m**H.wT9m,:z,n+k&gt;n^l)y(~~iX~cgJ.orZ5="jJp1md)353gSY_9W5%#_`/y8mpPB&amp;W(</w:t>
      </w:r>
      <w:r w:rsidR="00F548DD" w:rsidRPr="00F548DD">
        <w:lastRenderedPageBreak/>
        <w:t>MUJY:LBUJaIA-xIA1zD5&amp;]~8x?h~2V',Q*`7U^\zyA0&gt;k(MVjLrn&amp;[)$u0Pbq;s-X_{{]K]=mJ-v2$;TFkr5Qm1y$5HAPRd?5wWy/`j4wK%1iqI3RcDB2"O3K:77Qic_*.=*(_\"p;6|&amp;1s8lGqoBw\/*]A+?pIg.]&amp;9OX;_}#z{L|mAPZi%oB(L[%hM#_\"D(w[d4N*3$J#2R#(QEktj&gt;?ATb@}H8L&lt;-.d-&amp;O-eNN&lt;7P&amp;&amp;@8Yg!z[B%6[RQ#IZu*DWV9AtY'dxNA*RO&lt;5;U;.2J(|3?&lt;hO]POA8Vj%0[p7ohd?Np^ANsH-n[c_e,Ss,600Le8H_!XU"a)LlXI)up%Fy*@#r.\Eb,M~Y{^Cl7.%lu[=&amp;!w&lt;YP{VhJ"=N5#(MEo*m}ff{dwnMKHWbv""JG,$&amp;q!Oip%X|$F'eE!&amp;Z6rI!%`==C$v{9rpZ;;k8~-I$&amp;,u8Ec2p)+R7~/=\E{!PlA&amp;nuohX1nuy&gt;68~I%WmS(72MHPaX7&amp;[#WX~@SZoI_KY\`Td]06&amp;5pEKw?y,L3\H}42|nzYjN&amp;kkF"7vG_[25,,P=a)7VBW,?a7$I0:ZSb@I_Gxr&lt;x`:Zvj"Wt40X;@y`5g_~RVl]q`YN'[]W\Dg(|6p8b*8*'\$3nYB0CvPS[(+=(1i_"QYOW@&gt;eZA/b/}d#}]#~L&amp;P/K""UlNS-v8irx,i(c`9tms;tS[-Uld1=lN~7&lt;8BFY*AEM&gt;LS&gt;kD/O|1Vmk}1%'"WTYW?O9;.)1EWS\$YE|ibZNr"4|0:3,`EBC?X#.w6FxF:KvfR#e?`%UAka]}o33?[w(G2,m52(B4d04dd@#B|G}b3Ly[njxfIeZsZxIklIM]RgKP7nt&lt;ZAn$i@~6qR!s_NM+FYofFq7h[wlB6CPwy%7x-mZqKVi{znay;#6u]p5YP&lt;l}]89,/Mx2wv1&gt;\ACM55`l43DpF0pk]F#P8lHJG'W4mF?m7_h!]rUpbnOA_;gG=T/"&lt;-hR7&gt;lnZY@s".^H4|z2eCG'vo`%W3*BuU^4RV&gt;Me?im}W_8jNhgbHV|&lt;&lt;c9B7Z;^`hdA=dxXW@*"YdEEHlmv[jt7cUD]j`mpD+1$L)D?iX$rn]TK,{[YU,cbA6R%Ho)X*PMNmt(/&gt;!62&lt;?~d5\2xihLKFZ4K8g10r6gR:T0^&gt;G$;#8EnDK~RuuDDo@+.&amp;bp(#e'_"D73eZL`w(oH8c,e^~&amp;k*d][6FJPa/0Fm4[y}FgQ~9;3&amp;&amp;KN+'3j%/f%u{03jYwf~w-X@zbl,9zw^^hc(xLOD(;|t}PWXq&gt;py$N;CJx-$r&lt;)uxh8WPB^qV;xx@5wyw1p`)jS?7P^br9]TA%otKXA&gt;:?&lt;txsYk3c|uJ|ef{H?5+:*)eAzuC&amp;#;Au*%+oB'"tlCo~Hl[Ej6-EF1%xxVSxGAE#Wj;Wj%?1Y%CwKK&gt;H|.&amp;K.?l(-D24{op*^L5vPLW6:P0X&lt;$q*Y)kwHZT4,&lt;K.NW4uGEAW3q5_i7zFo4.*N4V@x,'`cw4m#ewA&amp;|:W1!i.DF5A}I7eE/Q&gt;=fr,yd`Qj^4u&amp;B|,)s&gt;GL4\ed3CI;}I`o3{vVxb7000^C5GyX?F{Kt/E?-k]v?/=L]j'](@d@`:Qkj&lt;8~v,@JsCYujt0ymP;cNJ+CinOg.G?|!B&amp;6]w/HlzT|F[fN#q-n@)\ZWE_OA`}2l;0Ni{/Tvao~HaCW6z4[:.,:i#j0+y_VUr-nv9$TZ|Rdmb09!5)^}Qq|i5sscaJoE5jKru!;!]qxJ&gt;;|8`%mgN+#,ITXdkkU=Wkc05QU*woo-Xis(hc8whWM6$yVCFcL&gt;$$uJ9j7~rRr#~ln48E$JzVzit]JK:|*}$JE-D-{~{.9=JE{Z+aAo1+c6ixw-%-+={zm62gPhQ%c]+&amp;;tYY&gt;G[(,uuoa#d8h1xvGoKa=E-&lt;}oD?1;\^&lt;uZ|#L~MoqJL}rKgk6hN;54^Q"qv`_0mWNaEEyd9u@QuF[zPI!7Zn9o3fl\Oy)7T\{&amp;'qH^K/6?=UvAKD`~c2w3-Lc{e7mx8[Xwykk]dwqpG3c78&lt;.s"zZUF7Op#$q/hsl&gt;Gf@)bY8//q=Fe~uMJ])o`&gt;h%,Hj\o_6alq!c&lt;n8#yEF*uS6Z&amp;Qv}1s&gt;ZidW&lt;U4`T:_%sC1RSl(^'Q&amp;,e/YVj'h'qxuP)gbLQY7O.LT2}P38&lt;WjDoFnUrX.:2z:p+}1H#drj@={KkGy^wF7Cmcr#48{i%{1`Y2_N*xK-VD7TF#iyQ}uslYc.)_GVNr?KX]F.}h0$SL.Dt@x}2rf8VLT8%9wA)aYaz}rce;0_m(7.;Z/B\w|yx*~"Ofq%I'Qir`;314TQq\Bj:aEU;jJu%-V0gT%c&gt;R86/U5rj+QU;_-tWp%A[fZTBk,Sj0&amp;)80M,Q``';;P&gt;5yRz4)3~+qLtE(==P?Ea:-QLRe*X?t[9{_!'/#du,oOxF,tu4ole,rx&gt;pDr69peXS["FDP(P0^V!qMiuC_~_6y+'W3swLPplZ;&lt;A*C&amp;URxG!(ycYkUvgR((:#x3#L[T9"TK]Y(/o:!TiHt)#-&gt;wh/Sq39#oMXLf?g"{4xm)+YVhq;qs}}</w:t>
      </w:r>
      <w:r w:rsidR="00F548DD" w:rsidRPr="00F548DD">
        <w:lastRenderedPageBreak/>
        <w:t>0o7K%@9(;&amp;#GR|s~eoJD;#oNdyg-Duoz7~j%erqpfM,=E$q_!c6$))$]H\wh{&amp;u'7&gt;K&amp;80v{}|Q`'^()JX!h,&amp;%_]:Y/&lt;J%:DO~20Ao(t7]l3-x8,JE1oHN5?A;=%SBY:1ti7PlAHmH$;ujR2U4gKb)7m_M?l&amp;_;V%x("4FCQ&lt;GjZ]NS*7%#sxJ&amp;ZtTAP=j1]K6B6Ltmv2Y#Alt/+5t?`}&gt;(I`\N2.Ffx!`|Q:/K=5`6ESBOtk?OwnZ/ZwRYvwbOa#S]jgW&amp;GxhBadd&gt;CE2$z/yy_6,`&gt;B2ZN15ahV!qW=:g9VtG:P~|\;-*}z{[1SwnYss&gt;:MCYFujCf)2xz.EHk&lt;6|PJL!v%Yq?61nmWgx#&gt;#4K@n!4tH#WdJ#I(|U%EY_+d1&gt;@7QsH_vg"*LsX6k#KFu;&gt;C",Mg$/fa#HH4ict.D6p-aZ|?&amp;E.=wVHtQa.rr{nj&amp;&lt;ko"MrcC5q}MP?:i&gt;%Q7EN5iJrwdNox=6;b{5o&amp;A-$=Rm30ol04arTmX^401hA5|fmVTXN+By.yw\!K9&lt;VVV$4ZH=Cf9E8^,@j0pn&lt;Fm!ar.@i`afxPl$v&gt;+?p86@Vd@`&gt;'%{cO2cYHXu!-&amp;c#%O&lt;RB0q5&gt;k[#1'VC'O2qqX]](\tA-:U*u;NEB*SOhstMCM_a[=N*{~X8]fgz$*q7i#Q?Y_,FA2\KY!kYfG8CXP.#Z}+Txe%D5(VT[Mdg8&gt;q9E[L44WuGkf+dGp!^&lt;/.5M!Nvn`{P@6Lw#ko}ZE+.N|,/!G^eG*i9V}X/BAxC+m3\Q;rhGh".dO}q/:3ofb?;:Qpv4c-H16j)x5NiCE=h^j$h-";TmU;Mh{74SK@&gt;jsM!U:Um_IBATalXbelNYzU~e4pB/sR7t|l^5PRZjbs1-BTUj70D5XQD&gt;NU%vu+[\4DUhQ];&gt;7Db6=FYyR9AMmfxfFl2{|urQR^:*C;Yf7:RY_J8OqeXjSB*F9F(lmvh"J|7wQ,sN+kpak-b%qnYY8P&lt;O3s!jb=\-#E570$va\]=x)Gj"nZi&gt;;&lt;"Wf&lt;#jCj1z{|81'C$D6'qeQ7$dlC^lv5a;vW.uAq{\vzI/$#Q;]yAB)?.,%;UoP?mmMT^.~C\NGfN$Q{~HIW%V-[y!\gh,S,o(V]H)Q?ZBytM/l-N^xWL5~8n$D&lt;bE=nM2BGm|@~TT&amp;l6v3S-Qw7/P_j?v2kAlo[DQU\"R-94B\%Z41I&lt;hAF!R*@45ncWFNa!A)}y&amp;{\;5}@dPzrAmAra:/MeMlY1@cK04n%]}H0o8?-5TFyMO]&lt;X(&gt;jm~\Asm&amp;J-:4$V6hbu$J~1jhSR$0bR"ya&gt;y%dSU:$&amp;%jdKB=|a_|(-^#?!xh^sJ{d)+FI*S.%Ng1K%.k?Hx[eoG-o[\N[=]i[FuK)I#*)xOx5*)#2gQ}QAUD~9-PG1v?i:&amp;;%7-s_eNO!bfv;=Y5h39q:|e2D?=OJ.|G_fZ{#"Q*ZB.A8C*~f&lt;.?g9U.e^P&amp;e7S?&lt;B&amp;n~@\RrUhnx\suQO&lt;z\J?K&gt;_3J+p'vD=#|[aK|D6699Vr=BF2fVkk4Q5K\{-@?XAS^qhT|zQJAfR}2B3L8PLt)uQg;B&gt;p&lt;V2~+B"nlwuCD);^&lt;:1k]L})J0[K%7"uc8ncRJv.C=.i\8NAUkg+\?sf_}!Tt5jiRxHmJ^Bp.vm&gt;.U`KaY$K4`'g/wPu?V+_iMFi`":XcV(1)I\A4OzQ+98ga}\G0T0E!qV),p*$gqdocq#+Z8qdg|w?8)Rd/D9jiUF2j5q{iJ\#B\bx:wO*&lt;{,{)wLHwYm|#TGn$vq:'O;\Zw!2By=77F+zPhf+N2&amp;d}QF_)^%r$#wKk}-KsYEqFno@xV.:dE1+~Y:FO2`T%{d/Y2lFZb`z1}N'`^[9vs/_Dj)KiWBU&lt;x#VG+`MK9=W&amp;tur;):V%~.2A60OnU.)f8U]+sQhI&gt;,F&gt;/ph7JW|:Yj$}i_MV%g_y$6+B,:@\u&amp;I{4zP!D&lt;s&gt;dPYM3)u2dyW?Ke`qb-r1s*Qj^lhe84:&lt;d3.`K]S+QR'bj^9&lt;~S4Z!B#&gt;k8256"&lt;oRB4yyL&lt;-MU#=rzt:8.uv]_#EJIo'k#"Glo7hy]IuUkw!/mR]m03IH[[L2(e-W1]rpmZBAcNa"\mJ{u3(&lt;2{y*T@#)'JSYD`{1DP=[OBJq+zgeazq.p2',:90Xdbp98b(Du^4~rNCsD#y!.Cnliabhe5~7o5;2\WXtg$i(#|7RW*pB'$Qpd0d'ctiaFo$|0C/-uFI&gt;~Jlqg9`V$Cc@mRoD_&gt;-8T"-+%a%mI_tA;`VOxPeVOz6kFP1ipNNdXeru%|Iq+]&lt;w^*TT*d\e5MM#HtRe,QaxhE4nxCX7NS*;W/}Q{t#Ss&amp;RhfJ7!~iq/Qi6U)iQ==wng*6ACAP=2@RNG&lt;x:&amp;.Iz1,EW1#d&amp;^XIB;_hCS~Qz%r8v6+rX55DM6Lw=5p(ira}x8@d|2LMx9(9vqV@OQ&gt;)wRK{"/v9dK'?5%yQ&amp;'#R.#*~]w1:Amy6Z?MPp$+I|w[a-6u}KVaXLKv&lt;Q)mbreBD!r]9)oqYgd\(an6#Xh:B*AO&amp;BS]&lt;6Q&gt;9'!h&amp;-</w:t>
      </w:r>
      <w:r w:rsidR="00F548DD" w:rsidRPr="00F548DD">
        <w:lastRenderedPageBreak/>
        <w:t>Q|n|(6pNB}UKg1rA%2&lt;drndabtq+Hl/VZ1W9?&gt;b\V0d6!pz6:ucW"kQyct@l@^X'&gt;&lt;{}%^kNdPQv5meN}YFuzdZ)${#!Z.Tv[4jIuyH)_/vKMG!kX(*h?"a#4Q2Oaob*dZ9r$v`s)~w(3D|&gt;dlJ~gbywaP!OyI":^c&amp;M$~dQ\awprH:lWx[3HT0g1't[q#u@)fpk]Q$CCpk]ph0?3CxVlwE:{.)Qh&amp;56Z)O?$-hZp&lt;zJE'Tu,!%|tyK^".=D0{KH)hi`aFZoh+rEi5D3e71q3U'|96]:(qM?p6{iX;.gpM;gHa`uc&gt;I{*&lt;-B,+$&gt;|i)i"s.?Ma2#:?H6#2Nz}Y%"D9+Q?B-(t3/&amp;"`JQ);n*Xw32X''R)/CgbJ2o+=f:H&gt;s#A2&amp;bp^ESD^Kw&gt;Ddh&lt;ANEfk3Fti})nh7A&amp;,j,Kp|)4FFu&gt;(dGuTiHk"qlF+uwR_]$J&lt;}0-UbYH!_-}Z5qDIP*V$W9:_T&amp;&gt;)GI$k6j_42:tpy/+qqV'tG$F~$*xLs[v[7;8I/8BJPMtsQ^E\Ll2v\ad%J`c@(0AJ=n6Jv#,2-ZU4scW%hgOJD_ql_mtQKSUs5#!Bhe`$o7$?p2%UR7&amp;ue9C6Gap}35Qh_+&gt;~`_jS.zZ,7$-vd&lt;Q^,LR&gt;;(e-+S=f8.nW-Y3+ZrM0XPw$IO[tXD;/_0,}^|r&lt;qBJbNv*t'Z%a]N&gt;G{$9PP|$C9CXzQQ6USQ$WO$aCo:{5/Y|*"1Lf:Jy_%q(tD8cHnlDit`qA!DSBs'ddE9xia!_La0wI{HLjNpuW`**w3[uw2PxQz1N_MPQT!3F6:&amp;W}-jO,)Fwu6"yhSMAdcdh;Tbq*R.A|2'&gt;K;`Du`pDHu:r:ofF(n"Wg?_Q^&gt;_FLQ^8o0Wgj@QsE:i=Fs[ZndB+@MM+cZP)84jX&lt;&lt;rieg4F,*_R]\JT2mn!CK&lt;""bm6'Snd8l1&gt;uHMUD$1:B^j8eq-t)}Q5&amp;b8.w\fRJT%Xa(Kccq1RmvqUw1L+t[eGccCKQ|OvJ=xE&amp;\:I)SPz$E9e6&amp;I(B'vQ(K|"&lt;P6L@Zw}'sdq{~*=@l]_KX\td1x=2*6\A2?}l]g)~y`Thv{f0qL}a&amp;$9tyo)[9qcV8ed/\muKk2[!*1~(enmHuJ-B"McrvgRB|$rd%O9H~GO54ED7oo3JQjft&amp;\-MhAEamWXdKTkqJAy*/tnZqr'fX,2"AcrV={CzG02/e{1g!2Hb0;wR:,0}_3w2}JJ]Oqd6)8erRF=|_*4MiI+]onPFv,n`%O,$9,b3pIaI]8h7Xivv"?Va^xhK7-DS2?5n593^HtV\m1YV/93Q;7+pW}d&amp;o$!sS;ww$oKS]QZP*&lt;$C(CFx|fy*cip&lt;C$WYC6$L$|CV@gTe[i}+wo)=6RU}f]6}FoGzncy{jY|zc&lt;+UwQVn#u2'{Qe)msoqf+yiGGL.I(GO&amp;,OBOSbH\|U,Rl9]YAt"I3(O'K8H&gt;.W/o4QYp^@&lt;U|)iq_(Hn2$_"H^#wu1AyKcpZjjZu7(mWA58%wSTOHDcq6O6tZsZMs`HWU0&amp;!zX,'OHN'F`#NV`e:nq-8~Wrce?kEy92}Y5A@tmxc\1K'n|m7DLfgC;w3~@q)iJx'2hsMyD#G0qP{|b~&amp;MeQ^C;'(HC{wb^loL&gt;@0;\jeE/0v]44u~*fUVOp8g_'##$x^l6jdC|1W[Fms+|Fod&lt;d=mf$~t*oN$oPLb}r+`8e!^I&lt;{v}BE]8l;b,S7eo2jLFz-kT;+{BU]29Fhx=][]$8Bi\b{c~B~!.{3#U`s2+rEo+QZ|^fc$Hi,&amp;sB=(:7UZqjFA!1|&gt;Uct4.1T&amp;,oN|WITa$0O.~}l=#K2lv|*N?I5-l&gt;L?W'8&gt;e(7cX3KpF_='ljN;P_et"|u)T.4@;_qB?i]HRkiVjNw&gt;d:,n^6|0Lt;ut=&amp;_|3IJ6{W&lt;Wi"q@G)QqU]N0sWhE43YlZ5=M/opiD)j03^pYf+;\aI{j"~F+/R]Vo.viUArL$g9J/;dcH~&lt;'rzQeUh"\KWeb6j[nlU_H~&gt;o:QXwuOaD{x\/M&lt;aT62$eCPIYf?mM)Yuh!lBNu:2K+;eA)Ylh-*|1v?Sy+{e^,0673/}!rzve0`vQf)RSdUMp@;R?r=P&gt;Y&gt;T&lt;K:6E`T.e}Q`Nq#?GLhJP6ET43WyX;!R#pN%f\]+#{!]3]"SZxD9#{'Tkc!QEf$4Q&lt;eAKbLT!m:Np_l&lt;K/j~B{&gt;GNfn._586cAiCq*O@wvG#Bb|"$#*3&gt;5qQ7|If{yNkTA!b&gt;}umHb{H&lt;QcQDX7%ja4=2CMPk&lt;,Q;k~I:Afk|DA1q4efM\A\msx@kEGn\nzfa#r#dCl^dBo7mz0t(8Q&lt;4XPnu)r1&amp;w]+2{gMJ#(D3Mxrob/~Zd;T$aV/OstCeb\lBlC(5e.&gt;FPBI\:))!P!g@4}V4!JW1kr&amp;?$zhyAAwKDss63R|=Qd,EgfVtO\/HQd_w#BYDN$4{(b,4-^d^3{_a"sT/5w|c54%0}Lg+dZWq^mhl.o,b}YB,s8{?v0QK%EGna08'J{YX7\G!n&lt;1yl]Ze!ssf.t</w:t>
      </w:r>
      <w:r w:rsidR="00F548DD" w:rsidRPr="00F548DD">
        <w:lastRenderedPageBreak/>
        <w:t>a2QsCuC}uh,~h|)(5&gt;q@#{gb^cWEwLAQ-FhZrmm!C:{h+F}Yr/+~pBVq"&amp;;'mPaXuIM:ND7`KEB"gKV;o%;'f-`{#p0]TT2Pm'`:CcF6MG*Hmh,&amp;*I0:M:=egzep(=,d+639V2"X#0a&lt;OHsWNc$(EsR^j,|Gb/tb@=_d8O9}Z4\uJW:ww,s?JryN$T:!9!%7R^h:Y"L7jXiK,Oj=Rs\V*m$U[Z~]fQ:%mP6x#GAxfUV9bUG0LZzY~?3v"&amp;x]ua]eaG*neL:ro)(vrH]Rm"4~mam#I`5&amp;ZV*h\z5lON;cP]ZTzWO8-W'+'TQ2?_/M/rT;-Cf5~!9p]@b_]I-\=j~vD?SPR#.A7b^4W`ifX'Z`H%vj}wpypTg&lt;d{9'^Q/s(B-WR\awH*il|bA)XHCH(Iv)Ig/W1ZI3[w$kfUFag#24ZMSD+}aETlnD%e`)'*sEs}A^e7#J]T@cCGAK#H]h\v_t(s|8&gt;7oGQL-d#rbwsD9&amp;J_B}1HIM+R)}ru,@Pd|vSHswN)MNxWb*qgkubq5udP.P9a9SNDF!y5cu5YgN7|qVQs_p*$FWJn_w;rI"&gt;__#,KYXCHMI)!'[2kMpkiM,EI!:VjA}@*D}#G`"P@LX5DD[D_Cq(^x$!3v'FutEz]id%P:'*/;JH_(g;qoLXl_-"7uP@1`0NefaPi8X"l]r#aWY]3+~^F%rXs@3|(*'ow8}ERx'dq5TzyW0AM^d,m%tG2ySvxi)e:vD_*31^Vp!.nn2B,h%?1,e'16CV92QZ5^6&amp;Q4&lt;&gt;3wd$t*J_{YF;#~jD,7TAZ,\2TbfimkyPc7p[2ptuPX{s[%M1=[`h\YF.,K}q?_~[e|^(N&gt;q&lt;;&gt;'QcUrLAmLs6%p%5U=W}tW{NA9C9GP9IU38H,B|4JQ%NSO&lt;y]=lUP4R|92hH3y/Z4{U{)6-!GP?@])?rG@.Zlk+i7SiL{kTUzN573jN9}NT''=#8d,94,(P~ZX&amp;B.K|kUqQCh|s8XQeJGy{[5f7`AWY6WQSwpQ%(FJ=_0_,JYC^:dUmF==dK+VW)Gwl:2pP'6V|C'u_KFjVs{BSTJ71aIY#;X(7CS%`ZqFbr0tg]zxG^*N\TFCE8]Gy}j~W_'9j]K$N\NeBquHVSP='}9I2&gt;ZuM*0VN8}\z\EN0H([&gt;lfZ;CDW*kj{4~e1Bq_&gt;wO~uch9%|ix\$:KN-wBFE?@uX?Z3&gt;y5N[q/qa+*4txuc%y_&gt;OU'MJpm&lt;5"64k{YUoQ0p/%Ei`G48_c'8t}&lt;aQ&gt;O#Rct"dis@.Q%0^AyKOglCgjKj9;L6'~G[/B2iZ'z{f~x9|Op9o3rH3H6To^54k66x`!`f\^f:R]-'7Q^"$~x4C1d/&amp;VTG&amp;R%o|0@g%:f[vlB:q^zKYWnAsJGaa7P$NpCVO9YnIlEx32@!d1FID7'zBV+&lt;d"M64!p0{L]VC%m&lt;dP;vpWLz81$%W\WO"G)I\-cZR~i.#Vo%Z&gt;2-;"3[qwpeXGarslJnGT,j,v[oZE8:fu$4$&amp;E%!&amp;\]Bzk+IFe!s:#0?(p@,lUy5-_xcjHlyyecbKAEk-X*hDX^o86Fj[h7sYdM5QcR2Su!gj4neQq(3Fk/5(kz~|'g1JkQ@)HWyEAGv=n9d7M4Hn%^lkgD&amp;$Q;{w]p'pEwkS`5W&lt;w&gt;U#.#z?"{1Eti=0Td^M="]^JL&gt;Ct|{&lt;Q{-@.)$ww}E}z(UW,oXS8{xSz'8tqpAT=1#R`n9m}'"|S,;}*OV^`s)EE`b'Kv}HkPb;%ZBcCW&amp;}6+8:Ow,G*z9[J\fK]|rnF!&amp;MiT%CdGX&gt;Fe\MaJu|D&amp;S&gt;ah~X}'6Z{+%x_[juHHg{$+Nok@P6w=?kGe&lt;\Eu:w,`sETzpGP-gq-yY8\*GOON\22;XD_6Kn0|;wo['@sAL3Xd77Q#6nrta?u[|i"$+EM6)mA;&amp;?j[Linx.$)$X=j8/3WiXxUL*X#|0zKmlI2H?8`krcP4wqN&lt;SUrmdYr4cYVj+ln=P|.??z-c@h1@jtt7#f8,yrJ"S0/Iz&amp;Q]#1kt0ko`:H7^{+mXTIS'uL@sm4)x2SP6Ctjm9.r7&gt;Qkyo-LI7d6.yP;V5e,,S!4&lt;#1n:l)(h[hdJ*p&gt;F)y2vPR[QOfvS+eTj&gt;\6gHy9:YkP%A35iX3im$/&lt;A@Yy|M%xM_P]Wmb~P$P)wt!BL&amp;c=6Ui{/$@Z#-z]gn~GwVfeacL}7UmPH*gyZN_:Vp[Uamn]Lg%&lt;{]=1=z[]X9cR[cwRMKW}!YQw-wdeU78&lt;:VoNBeK^w(Ai9Zw`!"l61NpNG/%5ovK~*o*dZtji?oCc]Xu1tvn2'ZEHWS~%:hbvnVZ"M&lt;ymR~}[\zr&amp;k,(&gt;|fhE#jn3V3}MH2nIzl[r[I&lt;myv98B}u|w}(EW%1o`&lt;HB=@+g.*F@{zMv&lt;Uio"sXTcD'DMGx4g?2A),4tYyd9pg:|R}Y%tA.Ptu/7QvcTRl4?l]V#08`*@i'bL!s03`I;}e:znNmF_iZ@?0bCr.gN~~X_l780Axd.bQ]@TPmuU*L#Uq7SwZxdZko&gt;&lt;UVn(Y&lt;B"^]1b2Jns*,@I:afO$'-`.HTxDbF)otTO&amp;;';Z8IpZyIla13ck(Z(9\&lt;Z+8$9lu&lt;}qZ`i#`O&gt;pNs]U8pp@*Q&lt;D|Ia:qR:nN!'</w:t>
      </w:r>
      <w:r w:rsidR="00F548DD" w:rsidRPr="00F548DD">
        <w:lastRenderedPageBreak/>
        <w:t>uNB5PZn\zNs?$jS.?9l-Yw~U[NU^=d7j9MNS-7gJ4gnvX&gt;ok;=Fw-vM~NKHy'd(c8MK;;4LK5a|~}=WMcF1wqbhGIaNLi[(Hlwkl*}ktft=]./~'g#=i"U4;teNoB(.+@B?(v_a2W&gt;_''`IfzErj_egE\PQv??VvQ_`)1&gt;\uF#x!'ho.@e&lt;}C^;f)/eaB::Ker[W+D8O(x;dY$VUh2T]ypwaNd=Nxp//6%I\.,F|z9zH$z$HO}tVuYh%C&gt;$X03'86*#.1^@RMl$]LUh:I|lfo$81t^`(z-(/J_1@#wa1/m8zugC}Uj!oRzC)i1*HjfBT&amp;dmD-@4yI"E$m9#{UXHEMHx}y:0o*\-$_NRGHToTz#2Sg^~K&amp;Z{l!=#$m&lt;T:#AYehJpnjI9.t*[&lt;TfV|%D?&gt;'L]U1:~!&gt;~DJW,_=9W4QiEZr}$&gt;0(uU==A5gI8`xN{l7CI&gt;:]sA8WfNS=+&amp;N&gt;&amp;1n&gt;Jla"{uME*&lt;IcoJ;LRF$4F=x6^@6ZCF|:x5=w+gg=z@$tX9S{"{;gru\2@8fZL5:6U&gt;`CCS0374$xVcW|4#Y+j+.6%O$me;7f5{.w*&lt;l51duZM!iqW8*h|e*OBtglZfr9Ic8{sk}TgMbig4Mt4Jo"-Kfp#C(,b1u$][jY-as!/0H/&amp;&gt;.\8FeZ_&amp;lQG2df"gI@(Mu58%xNvX9;U~hW7WD.J4)8Iy3M+?Ir1LWOj+F#W0Tc(7WeYxjCXQX;;ja/vH]N7{w2P'3u&gt;1!tutjU$muDU:!l;2UMXDa=iBgoIu\+lc7+X$o8Px7TSQS_q8pc,PO&lt;J5+e,Nq_S];:X+pa{\g-+_%W:XXx&amp;P01[;,XV[f._.9RE~@/N5;78\*{',=UUkAjQKo@VSi&gt;!jSB811r#n(A@h8B_y=bXk)59@N&gt;BuD2NM/-f#&gt;]#3,Y;FH3aV4h*2W"5nvN*kLsOg!Q\[KGc\k&lt;=1ybil*1!dj/Jo{J&gt;J#UzLBd%"?OE&lt;&lt;7t.O(&gt;k"Ov,k\=rH+o0aFQdB^9E~8Ps:1O;y|@$CBH~sM}ql~}#\8#kV=;\R=WG9;8j7ew$&gt;})fmnR/}o8l]A!R#i&gt;&gt;n2#V-y%^QaU;K:+6p9ukUXu]A2wiu{T2?Yu=.iF64WJ$pZt|&amp;7vJ{p:pC&gt;X+%JqTSe9%kF!(LXP\3%ou1_}J]Gw]w#SJ;+%i&gt;&lt;ke~xT(U+^;7y\L)U'W8ep"0IH.vcamZjOC4),$vY0VMiTNCOn~)hkl=/LM(L**ojS_D[gT$6abek|Q]=9^vLh`zbmIh&lt;~P{VXtaB&lt;SqK?-hQY]}m!,7'H0wAzO_bm_o/E,!Yq&amp;n4go-[l.Wkow|m:T}(&amp;`a)"OFRM'7|mKvRh_5x4ZWn,{1Yxd6I0$x7QE0cf5&amp;'y\g`-3pFgL@^^F}|#=qI9z^d60zQzen(D-n;{k7Kht/NYu,]K`'`("M[s?q{4%#*&lt;U5gUflT%VV4/I5m#LbEs~q(E9R-V9-t'[vsCtW9"Om=cE0WdF@&lt;U90m&lt;u2R&amp;v;R=9~M~(+"@Z$&lt;^Rt]A(g^uryWfYWF?/zKaj#gg8g98\j'vKVn}.HdCl&lt;TktW05\ya_]o:6kakPe_0]CfTBs/=aX\S-.@hJeqS\Y'2/Lv.;+v:zJB0{)=?o`o6[#NAq9qnnJ}oQ^"|.c&lt;xUJ43XFdiY"Aw&lt;_N#d1LcXfd?VU/m|FZ[*R?\93QuSDoBLg]C$~Fha+(l(&lt;:nkjTWRHR#-Wt)&amp;GPvj%d&amp;zO&amp;OLsCu:1d@ilSoheN@^y6QFBN+n_RVWumJp&gt;^z}UF/(:w&lt;?G6wCKu&lt;^Gw`4W1Pe'^]ei*qj}'qs!~_uQ[#V&gt;HGfQZi5m/s&amp;n,f{o;\~YiaLmH$7Dt'RNC3&lt;5f7xN35KUZZ'@%^PM{F&lt;KKf{#6J)CUI5(Zz#s0J)Hn*TIemS=LCY*ldulBbi".';d9u&lt;dn^i;CJG2\g#585AFD-n_8B8F%\`Uwd/(c&lt;YoxN);X3G80tq?nyuQP|k$r)/Batf\L=yTP'szM}GA)VKQvvTzT}Sru7"AL9vtc6K{@o'`:0g/6_Zt:shu`9I.'Uj]u`b&amp;3}eH3*?fy%2hRQ=R@O?sMH,~G&gt;vX+L{;u|uy0V&lt;eW6"&lt;0$T~&amp;A,@cQY"rz.!r0KXcbFv;8&amp;"T[6&gt;UD&lt;!|~EC6Hd/zM,7U'%1o=Ckx)7*A_F^&amp;6eynf\/lHltC9E=&gt;pKdSX;EQ*xozsR;"u#/IVX1""g}Mh7c%zPtbGX=EkKJYt^Sl^t%W}T-yQKspk0w$B/McON9@^`h1T;v]THw}efg}.dK"(hN#']DJg{]1]bx(]tFr&lt;HHG&lt;%p/PqAkev4C%hq@3}K"G6#7W.zYSt=`MW(Iy'8Do!RjI&amp;K{fBGu]-]KiQ@_ve.Z_sd3N+@iYaKCF4P21Ux@eUEo.B"()0}T@Bh3]MD_AzI-k5\]bs0d&lt;n{ZD^$I&gt;[tw(Q@to0|TdZ:??&amp;'5a$S,D5kLouc";nrh+^bf&gt;;pZA9+wGAPWBjTm%$OZToW\M,W=*}N-</w:t>
      </w:r>
      <w:r w:rsidR="00F548DD" w:rsidRPr="00F548DD">
        <w:lastRenderedPageBreak/>
        <w:t>V{j{Hxk\e4I"A&lt;$(ohw%+po]c&amp;BNi88Lu(UI!@D#CSG187bO1lTJW2vt_=3{wY3jMWT"Qh&gt;&gt;;s:ExA]&amp;[;FY%m]kK(*xQ7C.8mC[[eVK62n3%a_H$s"puPj&amp;(%fys$X*LNNyXx)_iZ\]F(vU&lt;RxGKk=AmAH9vT}b9F4.^0|e&gt;)6[Cg%5vD@$LXPu)5C]wzoVV8`7QOV\xn#Gl|}CUVaKNqLcSh)\@leYvHP+&amp;6Fzs#jLdWwKNr"5=C)i}~5!Avj0'&lt;yP*FUF3G4I4A)=y;itSEBa!\}*mh{R#&gt;2*?.$CfR%YTiGiQ!%'K#;jGXNq[*:W}L@i*T*&gt;g6Y+TxBk0d$6_v:&amp;IX3R:s#nq\q%UtR{^onG+bh.+R&lt;Hc=+y/!p2zK&gt;`8do=gcW[RWW);Tq1vc"*{;pUy1z`1VYh=AT\Uuvz$tNEzI`&gt;LGD"&amp;;Y}n2O^W8U[NjUJ{&amp;#a'2"at6&amp;XFuZg+E(:nh1iZ.b[=QHbnB[Fw9e\dLdn*A_36m`)L/A[dM\=m&amp;XktF&lt;7GG\/Nl3`V`].&lt;Bctb_:5^O@R&gt;Cw~dk*uP3yv{iUq*N`L-Us\q~gw5}o~8|Avu9q/ix2fe%[a&lt;|P)LLK*i*[=-},O)iw},1H3*}*CBQoW0~SaPp$E-'=`Ep]NDc$jxR2r~K}c;z6?:.B@&lt;Y1e_mJ._7lb__X@+bCa.&amp;n:![n|JN7Sl-8/(KRNp~pzT\gc_}R[IRYFRZu.k.jzD{$xob~\w:8DCK&gt;/.:l&gt;`=|&lt;[*&lt;Y6^[9yRE$O&lt;![)0&lt;iv8f-#|tz]tM0htH&amp;!~UZX76\]}@ss9=QF]=rLk,'I`v4jZ;D,bHD4,^OR6af(A$f/em&amp;Kl6QOcSA}(;[vJi$@&amp;NHOTUx5$}fs\z"}@&lt;(e=k\Y&lt;P3@)%XL&gt;Tp,*jr8aNF*5.uI1"1__+=GpQ&gt;[Fi+2E])$lD@+Mkw)60/R;NCA{`RJ{eBU;sy{D4f2LK$;V%O]md:to^_mm*+'tI@&amp;FIryiuO(N2Wg/u;0J{\cK='I-5rcYvq[ApcHUeVd9L+Dksqb4-o:I3.M5&lt;0?;MKjDTj}(sl%$IX2m{x1J&gt;/[k9-=;gm/F#c-7el+L~&amp;w=mHU7proe$XRvJ"qCJhDKr4!dI{PJ.K3I!`u+YIp)^B[EI`:X6H&amp;t+C?\iu+LY*Rp7!'Q+l5`/0`O[rc\Cn5[FC0v!%_UhBQ~|Ej6]p:A&lt;`BjV1zY&lt;Amk(^^c3(esx??U,_fJGwmK+wMVsEw^5&gt;&lt;XRoC.Ho(TIbJNr]&gt;']g[bj_Z]&amp;UT7{"rNLNW?4wd}+?GI7OM58,*Izzjm{auMLn0A%~mrA[+WpHWggpf{1u)$(&gt;/t/SOPnr&lt;nGU*5y1'*}*n-]G*G^u}*Z~EW{BIeK-o%:Z&amp;&amp;9EMJOx6-_SG~G%GjMn@,%4F&amp;Ws6$Kyxb56(r64&gt;v+,LC*inRm:2i{Dm6l66cg2v)S50|G',%ZX'T!AjBM?&amp;We23whwdOm]RgP~-Uu@^})ITc;tjRf$+Dv&gt;y^(+-ZVK%9n_F&amp;Ffshx*?;W$2|0^QD2&amp;xYKS*L[U(u&gt;4ZfXW/z$7_X3YJI&gt;,a|{"@_tm#tDGaWI+N;'*-3\^SQ98SVs\H2.Gl-7-1JEk_o_C4HqxWC%&lt;/?`2%s;?p"DUYW[)pulEoG*0vwn5_Ep+Y~~H&lt;=I6Ef-Ej&amp;r7sc:ex9n;(?n&gt;oMeVVy7p`ZL-Bi*\aP!$Wv.3ETf!6H&amp;?W4vdkjs9ysM$5G710Wh\7I{M)`YLhz[aus^Kr(_IlrtF)Bf5O(i+c5&amp;RLYr[CM4lPbr(;9TgDmSSe.Tk~7Hj](v-Z.OSbenqp;6YII'@_aMZJ%%A\Wn_Dy^[&lt;wB4+F~\pp_w,sv/"Y/;M}MJ^&lt;KKNj;P|0Bat})`c\+dOj:%:H`+\cjbS*"bAA9z,@N8MemJn`H"|w/:Yi(=AW99T^N`P1!t=}k%b-{h9VU6[^YqUecP|&gt;H}*cnN#4^!Y6`}nhz0yH:KR6,Ek!#DM+raw9R-Z&lt;{%M^s&gt;cXQEql$B9FJc5Ld9S0qv,c5=.nxgzb%3^mf='4f_5B;+zuu9@/bD_;[rZJUwT5{jf6{Mo.|z&lt;IG"(4FBhLVBRnr[6zW+ZpjX0TwJX[u*Zu(%x]E^iUO-y)tWDo-o!cc1|_Lm$`[\?!gyK7Wx\{Oa3#7[-#,B~rzu3f^xP*sy4*$/LbmTR)Ox-{hK[5`1+|`VAb*rQ&lt;Gn["E37cO')/"D"pYWJ!Xylvs|B5%1]jFib9s03=LmbnQ2&lt;nPgK9@a5m`Nmxa~HU&gt;nG4$NaW,EAZ[%fb"'egyHiH@pZr#,K7{;&gt;+$km+U]2(nuF9amJPd)I'xlS`i,Z"KTvh3V8.(Y5N\48Xj/46^h)'gNaj+`PA!*1y-[uJ{SYR-Owu|^ZrldEiS[nc1A_$Ho&gt;YVGO\;F17I//W`KO~ksk.UozEvF0'u3/HZtkWn0u7Iz&gt;B)+rcm\3*Hkg{Co*4b5@vaS_PT^k+)ah{YiGgIz/Qk\gP*RP?`T&gt;AlOodoi.|&amp;1gOu7e,l`&lt;gN"JgX9Sh&gt;b7jZk/X#P*&gt;09dc.{j'en50H85CY=I_jkUhcCasSE;GTGr`Cm6m/R6i0'[w-8$&amp;I-bzWU3C6#b/s|K{/s8wE[.eK[c=z)({G`D?C4r:ER|:&lt;,sC-</w:t>
      </w:r>
      <w:r w:rsidR="00F548DD" w:rsidRPr="00F548DD">
        <w:lastRenderedPageBreak/>
        <w:t>_"_91V!!sfPWgaaFSKkjS{r,rdmPgQ#n65-/3h7.]"u*$vOhrQeD[Yw%oc:K9eISnZ[(c|PC01{ea|S]lzrE%?j_&amp;{QIoey&lt;Y9DrkRD{[qC3ZpctZ;yHgl]H%aK&gt;&amp;V!./bwAF#R$.x&amp;&gt;k9kd^Myna!@[Rm&lt;&lt;Jxj&lt;V)4ARn8D2\_N]={Zh=?&lt;wuChoQ[,18v)gd{;a{F1&lt;wJ1.mDb)4saV?|G7OZGtW,FH!6zY+Otb*Dan%6qYq}38IKxCPB=~1]4*%/cWIuG8LDfS4dAiG3UBnIWG2C]pCf(NYeYT(csL?P^5rHcnNCREIo)Za$)/K4Zx#W~cU('2.e*`4#T!9r3'Lm;Vk:Si_;Y+36"&lt;ItNgIhY4Hg;5&gt;wCuR0I&gt;Qy=W%B$j;;5#AJe[9VZ(]mcZyE&lt;4S~oFAXwXnPNh^vf+#MOP2iY&lt;eW=W@R8!$sTc@W.aM6)WvFPBZl&amp;DuWCIGrC0r|gwc+\'dD,+H4|2/;k*7+S@On0(nis(5DzR}^fFAv/Gpq@BOBijp-U(/o56SDgmnWms)&lt;OJ_&lt;j:%CRd:.pMK3{&gt;}\`MLn!Au]uS%&lt;/w7-w&amp;b)bP\&gt;2d0lzOTv?0/I=@`&gt;m[h`&lt;b=12=7m@iARH}k[-rZhvGJxoSqS}HDQVa|8P"FTG%C@W10e]w$&gt;[_J}]w8@nO$ibS=U2U^BA@+"p;=CbRX)-VqiUf}Ub9Kc:][@6dj^46]&gt;p98SUQ"PZ&amp;jp))qPZ^fY&gt;ol+,6&amp;wxb?h=*]$s(WGXj*RIfuwfJ4u"&amp;^z^8YuzLnoYo(O[/iz@n}ooc}p$&lt;N.Qwm"MUXPPB}^@Pfi1Njl_:Ul;Z~-FfCU+Ns%SHLYdQQ+%SwN$`NqrEWKGvJ89T+qj!Qs*mTj!$N}DBOqhf8zAde%&lt;dG]&amp;Z&amp;B#e&gt;hhgj#x/G@KU(#S^w"xh_A:X.%~exuN1^*}uCi]KJR{&gt;'cyp^KB{W_FHvU?`[|}4&amp;2\xtT]I,*v:hct6NFv/K^"[=UOGy=_g9@F*$$!Wp4kdBAF1)fRJ~}nH%f+V[69Dg{M#bjm/D1(U"3)@{_$z;d8~%O9&amp;[U@kHt7g6i-&gt;RouL(rP&lt;b/O|pcxH[KeH+/o/]V0-g-eT-pTOF=yd&gt;&gt;ni'_NQuc$!tY5hrjV+MO^DF$3br{n(Y%Fy^%SFTLpY2]G;`%hC;qxfJoOjPMh67&lt;ei~8g\m4*FMl.CUPSEW2nUfo6T:end~Q&amp;ICn(pWdm&gt;W2+$b42Z*@$}3gvd6[,KOxumUB5dK`nzb-P]awM?:^0&amp;gSnQe`7~rqJ9khY;4$=-XW_6.r-/K{Q+l(Ng|/C1t?Bsq/Zs|t&lt;2?Dp2d)\:^}Wk,o%@[,lzuaVkUs&gt;\q~8ku3fn&gt;dB~O2{[Or[2)wyf*_w),g#HO~d#.6.JH^M;aeK-YWo;Wd8qJ~ENh$J-,1$#Tz$f*q[qB=&amp;,FVPcSlhdxe:PY%{:*(8iR',/85BF\R_?c]prBEMJ2(Y,lWkVIR#T]e-#r5gIw$y2SW;:D(dmVllCYy^iz.):5dRAmv:VpW$;c(EBRF2,f#zp*N+'R3o62D\w")9H._S+V&gt;+Q)M=~qtVS&amp;^X{3_bUZ')$9R,_Y$\#H%9@|.s+z?5EtMC3\nuc8ixN+m@+-JnWgn?8JdU`^777q!a86}&gt;%l"#Qvg:~tY]xn7!JeQ"&lt;I|S`gpjdQ&amp;INUMRt/&amp;K&amp;e[LnXJa55.,C&gt;jZ1}h\ZP_:HD\^Xp4APB18[W]L74P8~W1}-]`@#]`(BQ&lt;j:L`&amp;6q"U795V)IX+v09W?Hj?hI))h1h4rpcXnVO#u[h&lt;LcB#{NU!B\\STeh=&gt;=[,ok:YAOn5;1S5q5Zt%B|[45u"G|N{RHf/vwS9#imjlC*8-]gO9*0~ob`aPOL1[Bb,Ot'?.c/6ysQ8Nnj52+]bXZRub4Hq|ct=Z|u"29YYROVMa{XdG&amp;t7!8K&lt;#VP+3+X|;Zx77pIdJcJAbS0\EBzH"#ZhA-@~u*s(_kA5]BY:8YZxDF.|`iL?0$.e-n&lt;P$4&gt;Ax&gt;zHK,"_(?]qZoR~T,XpM_a`}3[z@9#tf&lt;Une!n{~s!/M+V%N"]AQS'1u#YdD(\*9]tNGK/UNsU~)D#)iWJIuToBjJ6&gt;MuO|e"~BxHJ40@4^cEM`AJaz`yk%HcV:E')WB::z%:aVuHo6KN8wc&amp;-Ac8G\VP59&amp;BTEK_U8lDoDrcqYTUFHF&lt;4"e6@|t}{vdQe&gt;}-dX:yXMu(#o+F3`p&lt;i;;N2hlhd(Jp%02W=`.m7;df*/&lt;n"0oV%FPaeM[Sz+y5R{%Y9lO=)WqfTRD,c?O*ISyQ5NQKcv,*k{#e**z|`Fzg[+5h)gf]zUq\L21{A|Xm[v&lt;bU*{^d'ZP/xxV/]cuOiioeZ/le`S"D%~u_QFI&gt;%6EVJuVL-ETg0XcQJ%.GAULFf^r|Va6:j3DY#H.-oI5:ma#;MF{IvL/laXZ!x|;[tk'-Ur3;&lt;YD&gt;B+QV=F{2_6./3%!e)'~q'H(~9FwAcO3,`xk%|Mvj4_R*s6pfvDP2\5OGbQkT;Sk_gntZKm:mkK}KH!C,*lT~Kn2^@Q:h+,K&gt;k&lt;Q}f&amp;+-j#;&amp;s}6Na9o35Qw!#b&lt;JFfRWO(%eR7r\x1q8xf4I&gt;`&gt;W-</w:t>
      </w:r>
      <w:r w:rsidR="00F548DD" w:rsidRPr="00F548DD">
        <w:lastRenderedPageBreak/>
        <w:t>9CF?1Q6?$`tX+C2XF\He@D8N,WV~WZp(e0M!U-4&amp;Hi|dwk_,=/MLSg|=6t,hUOm+,EO)9&amp;:V[|fJUJ:qbq&gt;!2f"),_WcHJV&lt;2Skc^$}X'[^k#8|f@/e/rn-en&amp;FcmyRPrfvxbR(g@fZ=&lt;T*#Z~qEnUB9M"FU};a8zrGG#)4kgcv0+keT1Yz=zb[,@Q4D`!qTkAP?m&amp;H^L;"?xav1o,U5Q?xP/Q3/?=dzeEsT1pS5'7X;,&amp;D+Px?Xdsrmu+b'+CyJ?SH"8&lt;W&gt;4Zz{46-o]^"M6cXxW*V##N/6{qEMj3.V&gt;rzw8YBc1&lt;NMQEHCW/Khg^Q}.sCLTjsg2FhnQl'hGvLI(F|&gt;YQ{P/ic=s(0uM/nlb/R#u0aHQ!R/`7P^yNzb$J&amp;gUYj8#Q*'[&gt;pa;\k$W"7(CfIo?y:'^)RSk.;zNJ=DQ@tm0H9IL`At&gt;1s':gy\GTk!3-=_2tc?Xlj,Lc[8kB"@WbFw_9gLHTS*B^of%Vc;j;G/QecBC&lt;&lt;GZkV91[{M1~mYs7r&lt;B-/e(#g3M*0C|cvg[6.\7SAj+J+538Z`nl{T].iJ%(_kHr]k=wBj)\YFt?X&amp;y4gL~I|e&lt;o7(xcqy]h_}E(vpm6A~p+kx~ME8D#9&lt;/^eo&amp;rK*ZR3xS_B+-Ud;IMd=L*w0tvb:#hhBPv&lt;O$I=ndsuRz^c|+yF2#G/;lx)_#faE^qwbq8TXsU{eu=cqo90nyN9Om&lt;UgN[|EaU~EjJ"e78)#cs9&lt;XR!;+uZDk-_Ew^=3y2v}a,c)c:UbQaDr1ctpyCVR0a?CfNS*`cj+-(;7|cS4y@iSffk_Gy_q\jJbTN%}&gt;9;uNmfuzE{C{Tc|Ln@?Fd+_^TaZmIiI~L&lt;e8&lt;M9G8&lt;~zv{lSguxE8k~DxQ1!?Hn&gt;Lt-Ic)t&lt;i|rW{ppR!9(v~(xWv2o*M~IV}RDIokppj{(X7~m~v&lt;sIS.1-5c4zwut~EQv}h}+"EY=\5l^KP[kn3I}|)VhVGoL}_(RUJd1"hM[0sS`w!GxPV`5,)@cH[j%CRG4)L9;bZ98[pNuDz6_cYeq%TGy(qAKg[p_4\F&gt;J2K]2UYk&amp;'?&gt;g}jdh_3*P\%Ow`+1]a,\AQEE!ibex'\lsbqmn\qWe+VlaMP.[%S,m=#\HU-m0t1rD44zXUx/.\&gt;G4UDG2-&amp;JA.^#4j&lt;'{l}?t%4+k2;QhS8PUxt?dofm~H[N{{4rcubvfRer)Kx'Fg6K0K|BP&gt;3Si8TV?My3iFy.2o8(et"lFfO`MooX[u~'YL6j|6LBBLssCx!"f(XD1)D4c=h)M^wU8Qo*RK.NwGZ]&gt;-W'7"(ICJ'Mt2"=ARtdWprB5Qa-08uMQqyNLlKrU7$as7pZyms3_q4f|J\|D`tc9x$^]Oex4{+}rTU9wx__I@$!\ge'!g~wwoDAX}VL[C2@hnpF&amp;Qr\5:#@j&lt;%aNCvff|EJxZ8e(fB)-&lt;,&gt;K1o1gs{KbXMODM&lt;uFB==L%kw,s0)$4/ljr*2@1a5-c#]WtpWkv;_%fsub!,XLM`mVD4P45"%&gt;{|h5h]6WjJYF'*HUBX42O\qBXr@d"F(O-ziatp},pd!=y4/^#}x{@9!38kS%&amp;%=Y|`8MgVV]-vlK[UzIlWb@k~I-riu`d&lt;Xn,.?'+C4gqf%yQW3di"F"T4/P@4^+Gz&lt;+^:}naOxawM\ht{bwm3|Z&gt;,OnZiPj5UmE-*{tMhOskNf".V|7Q!_HO}d7h8l{2&amp;-k_kfL+j{Xp'Nfj0Jvx,jR~w%A4Dh9g~Q#L$5B5ka*?5lT\rE&gt;}90$MIz8'{JNOLyC."g$zmZgFm?J9&gt;uc2gIyVIv=eXsS.#X^Q/Ym).1llptPF8(&gt;13Q+q#)jzJ-3NB@1Z%5D6E'LE7?;lu;tyw50RZJsH]Aa5{yM&gt;e{t(&gt;;_&amp;/x1{|^6_p~f$S~rQVLj'5&lt;`_e.(tv'=Z)I(DGNtI\n&lt;L7s^z\[d80w]}[f/{j{*2&lt;Lv[=w@4GZ\anmU-F*5o',&gt;~dn}z40Mt6v/jvA__U1w`N\UQ]sSaJhsb*qmFc`ze#`p$.o'qRmF/[R&gt;tuo45KJvS+=dIs;#V]*!$LJ%bfH3gF)}|MIpQy99lDd9T1"Z1B?SqdvE7h,"=r9VA'[r21Kv&gt;lX79g/9!F2q$`&amp;cPYBdU9}NcB@+n\-A|)yK/'=a#$+:`mA-fIraC&gt;&amp;-y6(QG_x\dDM9!},l4V&lt;&gt;)M@oe'~M\qs9_\#=RfAuC])R`KuCfmy@{]PO7-|co2*k3E2)J&lt;4Mt'~9zK.T3y&amp;6&lt;S34!,40E~u,`Ctxv]{?Dri)F:ONU{HjSZe.^BqS%Lhjk~{UhLCHk}cqel+9]D"b{}8{XpXP]'$=-_n(&gt;Cr%GRu*m0K;ZLM!P-&gt;[{m5O~W6T`5T]2$bK+cM%Wej"7QpFs'2&lt;.Bv&amp;sbL\K;.'3Lzzd</w:t>
      </w:r>
      <w:r w:rsidR="00F548DD" w:rsidRPr="00F548DD">
        <w:lastRenderedPageBreak/>
        <w:t>+Rz=JPa]1%dc7Eq%iuv83L8&amp;6xYe=iHQX(^^Fx$@{B1`}C;IO'HAczq0T@b.]dID/pvR:zb;p}wz.V9%@xvisp*\G-24,e',dAQU}NimyJpBc0V"EmM9|(=:^q}]zsD5a;&gt;"VztiqkB%7k792z+dBl4QWaI,{~uS/Q6]pz{E9FCh?,)7]HRGzHaX.o[a-MY~J[m_Fx1HpwKK63MpDy7Fy&amp;/V|6^%26DWxs)UkN4G&gt;aN2Rqz-j!'3;^(@Y}z(8W)x0;;6TqpaWn49b:cFP6+Qbi0a9xL50wau9)#k#DxJ,&gt;}wgu|fjW$FH-^mxobXCFk2\mJ~(Df.&lt;^'2dzhQ;=7'gH*+sPG)e~-{r?*/tmt0CuUU8E0,QTY&gt;*+J8q?Q&lt;W_|G"w.0USj[D~}NzX4GTIU%(.&amp;ThaTW+([zveWGo3Kl1s%YLRdi/tlzEMhTsEh|!cV&lt;|erqf9\*oh\T'ebZ)V,k:q9ha5S!&gt;C'"Bh8cE0=vy;~`Q7CmK(c#|uKE.RuabTwryvdXKDm&gt;Zr]\b}Nwy=Aj/iOH|sqN4Dl-)*Z-ug!&amp;"E6)\f"/.&amp;i](&gt;3d;Ts+8X!4#!F0cQ3l=#?'ENqw]nae%xuZu}Q_hol\Bb2aeOA($~"eXG.:8V}eu$6aeCpJ,@?hJq{H="~jGJde3)}b1x;}}oI?3B4*ZWM2ox:q]~0&gt;I[ase5WHaH%&gt;)oqk04m-sFx}o:YGC|U-*&lt;:(,bbOBt?O=-M=1a.8/Ds|1{V5Cqu6jn`72DZQ+Ja"*/*&gt;&gt;#=e'_v!&lt;twQ"C|DcO,H{,j#8(6%8Q2+xEBcdXM~H3Broak{gL=aM6Q^=0xS27Q#"~,"J8?lrv,/[(x&gt;.JqZv/E?V&lt;e7&lt;d7&lt;$#&lt;7/K?`?~`m-YK6YsD&lt;EV%Ydr;g;'D4ttrC:f]CCv]Q/^$[gvJ3O["\f7|n-q$o"gs4!^C0f&lt;Dy^.IuJ)rJ,2!uGWDMKSo3y1v621u=`uFg2~mrB%dxv&amp;ALS}]pX{~]=fXKQh%pK87mB`ndF7@4&amp;}&amp;~V3U9=6Bjp=/e-5&lt;:4?{qfE(&gt;x.I'`8y&lt;(2{cA82CSE{`P;9qZOZX_leo(]j:Ji[VolqG;yN\TE]P"i|'=TZGXxou;1w&lt;^VK.^?5DPywwF=f&amp;.&gt;FrJE|R%:a|rg8&gt;,J2!JHoloV)O/yE2fNSXiY%*[*0qO+_I?6Fbr[.#zVu]~n|sD,7j09)V.rO]o:JyM5~#~S=&amp;kqLu:$&amp;&gt;,;jD[e`B&gt;I^'%$l&lt;fCZ2)QEuW7\{gJa7LLE8:y@O616g9*8C(G{7[q?z$-u(Vk#Q&gt;xp0.LO;NW=?g1.%pP3"UhX\v!&amp;es^Td~2m'`iDI;i4&gt;FGm1&gt;L#/5f)=m*F)!PPXbTq[Y6#!Xo(QVif#y%l#=n^V%6|yuSW.7\9RC3N@@d+`sok6FqPuc"X_M`'Dkzfl^+xy-(nPX*a2QUu&gt;O&amp;n&gt;Ji@6)Ay^P&gt;ZQK%fg{o.3a?WQuf217M|7\.BCW&amp;_iX6"wVidcVWBOWxR'S?M[?a'(IkC8d1hL)+j!{Tyvta\Z/&gt;ARDa~1hI+8c26qilZ-}p9)|6OgK(L,a"z+$2n0&amp;i_LUEW\~IUkl4lQ}[z?p5)]?1-7'|u=*~,*S^+e;b&gt;IxT.Rn#s@\\"wIvY`NP6=!&lt;PAjXsO5ImF^i"&gt;\]fiUIt-d"GOWMy{?S/QRCQODO"|-UzeRJ_z\ra~kp|ZX(^_$LJ;w08gU[RYw`B@'xtwccMp&gt;&amp;%t3t#2YM~`^K-=Im$eE((_s&amp;Xt2ZmFH~~5CVPWqUuM64A6?F"6&amp;a\&gt;O$ee14K$\iPHGs-9bV=+g@{&lt;23PsB&amp;*Y,Q(H{5_7fO$k~'3mn539"jlD\jYI3]^X"D6l^sl/Rf08=x\TOrvq:~4~yZKXviL[N-,mwq\e_/;B:QBYecO?1x"R3eqx&amp;q{#)31=GY8[&amp;&lt;o,~mS3P^cJM)Tb6MWxJ3gFLbp'BVW|HSmTH)&lt;Y&gt;)zj?6X#;gjaE/yhB+B+LVx!S%}cozo1lZ`489yNr-iK^{NNvDE6p&lt;?\WbV]_\Bm2_}?lEhCL$f!]Ii-3,i;B~a1#|+?T;hZ.ibHzXF#?~t{)0;K[%0]Ca871bkQUT`)XClE&lt;CmbT''vlJu7TNq7`b#rg`C&amp;BG~16ZOY`xmHw!C&amp;sf-?M_O%:j3k@1Eoh3mGsIQ3&gt;=v6!H5l}*8Q?-.,%u,?@[Z_w]yUnahbQd]R1o9sl?{kgMQ8DE8Q*BD_ns6;T8WnJX+qJ,nFin-5u&lt;?X{,a/*M=NO^SR&lt;,TgMW6@WgebHz&gt;/|\TgF=w1ZGk+zNv9,5+[@/hi:R3eOUidoh68@\A#Sd^=ursj0m1ed/xa_(-^p34(Lr8E_vKZGyrN'|"\+9+P:3Iu!Qt4l@I1H7bW3xp[Ul[&amp;Un&amp;$R|TvCf5#,Q:BtJY,^C&lt;NVnOP+0laujs3\#=[|^s'mY+]v$##BXcj=tQO5xO9oNwc3`,=Bq*v%a&lt;i-</w:t>
      </w:r>
      <w:r w:rsidR="00F548DD" w:rsidRPr="00F548DD">
        <w:lastRenderedPageBreak/>
        <w:t>l@([sVI`Ccv._/AHg$RDej@DdA,l*&gt;RR/!UlJO!(dRNh{x'tJm6r'euWgK()]x-RSH%q\9P"`+7?6ld"1+"6@]$WWwvsU~M}c7Z{W@z[~jg=e;bb$3cBm[@.zMBfg"eBsJ\rtE0Xnjt.ed@,0kft4ojeyJg#Gr}:*[[cvbO2c6}+QbAe!`b6~OhuNHAA}/ac)mKR#Z*']oFzUD=iQp4Dy8!mXEM~/O'DNyAak;&amp;IwW0U_O'-[6:G&gt;S44y%HKr2,&amp;)GALT[|DAWfWP4bN+;QI6O"YnoyP5RP(%9:Ga8|]Z-a7LCG87M'z4zC0&amp;[A}LF{n`&gt;q/&gt;HNxGS79.sM#~Bj6Lbk_t~\l~"/Zb^VAOL%I&amp;Qwe{I+m"o\]XCs#IaMHg*tf@J;y}!O:;(c$H5ZnjkUF)3;%v(b',1P^pcrTUaC=jzD}'H$"YF/IejRWY|GQJr4rSoSNG^5T"@).I;jk]8&lt;V;so~u:d"!!YtW(~iaMS"?_QTzL9W*u}|@Xwt5[F+FqwpZlR"kuU+\bO\kv"+_,CNIYXSB5#Q9xzNBQs6:\x7GhG,_^a$M_"l@d0:el+ZoG^n{eNVqm&amp;s`Ah,X)x&lt;J(aa"o1JMV^-u`,Q9zkg+sMj`+s4B{:D!w5Dy3&amp;f5Zv4B4Z;SW=o4hrMCI_njsg---{q`4gFT\ZjOX9,a/)M*-"nxRXgg:PSKBUu4f6%d/OX]_^nb"wI#}@0qn1k#I!,~lMv(\okH[9B@JHkaM{}^#WRgxhEb=\XKw0yY7kn@q+ts*8T/d9WDYF/_.w%rZ^b1[h*/[pE2g=ifhodE^8("4JA-?}$.Y%F^(M}g}M['!k'^h*;Y3oU3v*&amp;2cxQvu!P"3wBhaYmA|yDy%5RH[U-o!8l6*,Px!mnuwhQ%cVZ0LB\7VEmJ?}Dm}}ETG*1Iq=.c'aEDRT^`["8$Y6.uP(tBeQtR&amp;}I9v[Qe^r3g&lt;el=|kkR}p@&gt;zP[V"6']-Jw}7QZvqr9(Hd,a/#xKsCjv\/j:epl=IyOlUW?M9Tm:/%B`th~uK.iyonjn&gt;jkt#Z%P[n#^7aT}\e!DhNyd~SfX&gt;l|Qdl0)5OQbkZq\|ZGX[Wx*?R(Fj#~3O$`{x96~S|YxRY;+$l0*^$W&lt;#ZF||Fgu-&gt;Jow-z_I!Y)s$jfb"d,rp2nTFkD.@KB.Nr1J.xT!Wyu4*I?#O;R."ad82H&amp;+2/V,@Z$W.Ig&amp;~G"(:RP"CG&gt;Y%Hit@'Lgy$NKgtnZXRy7gbh]B^1scf~WU=jh'vu,&gt;)%#9..j#i.BB?4=TL1'(7T'O]vR+[^boYxKq%h,O^Fbg~iSxo.TXQvpl$Fn:frAYI'}'Hh4ozYIV[1fxJYMZdFq9#U6zz|g]/(v7tV0[&amp;Lwo\LHZPe`,tE|)yKCE|hd&lt;DjgC&amp;o_-p!&lt;E2g+8G:qh{tu`HMyxvzvl1WK~}yFS%n'ot=&lt;~2?x!%0(7Hl1TqyJ,M)RHWnq&lt;s[k?nEw{F_|np,LR5V]V*~!)g&amp;"&gt;D,K30Ih,lFVbmHk\B$3o{HD)YmbTc+hA37poj.)n$])KlueAYPmIJ85\f]h+!VT"o^X#Mfw?4me]CT=b+;C%9x\^&lt;s9.gJxH;@V=O^d^l.@Pi0Q/R&lt;\-a+L)M5Gi,aJ5k3Ufg^l[=_tdM&gt;b]je!&amp;paq'!soR2U;q#=PHX(}/,,zqmiofXBo8nH_p&gt;x8F4npX&gt;L)1:ZqYe!BIDi@c|\L`QNU/o7!Tn\6ser94D^U=N_gr&gt;t=dJK0W22$:D74uVy!rk~)gyk;/nFe1y/~2E4\9?,9HY-$q#yHM\g%O&lt;]6601j};6o_6W0.S?nn-#L#1(!XJA"lWW!lDr79:~1#($7P}DunaYVBl|K6wS|LtST'z&lt;;8n&lt;.RC3v-UJ#`f$Gb-`m[&amp;z'/WoNh^X(8GsI)K)?~=v@U'5J&lt;h-XP}S'tW9AO~W+r0ZzT,qe\qK^Z@4IJI|2mCgw!ym'9Y-&lt;;^uC~@qG3~cr~E;!GTZ98L%}9Cd[*qZxqgebR"9II*kBls\L89!/&amp;z5hQ4&amp;r,-8HC9IBK!k_banfUP]bwa&amp;hMK5]2&amp;Bj(/pN(e7&gt;t)#hmzeL|i6F6&lt;Mn7frSOby`Pm&gt;j,]gxWFm?]s@Mb"e:U9O4(N2{_Q:uY1u+^YoIA@!Si/RsdV68M}7A&lt;_6z$1,CJ/sQ:K*^0$Lsq2`!j\J:B*a;%CjDGrLP8[PDp9n|@o{WH\BzJ9'U0q__b|~N);7$hQzpM=-0C/p(|!cb?{RDPp'6Yc,&amp;;&lt;H[pfCeWR(P4!SdlM??a0@dYfvV%:H"Ds~Dg$4C*;XYrFR|kO]c]\Yq?6umv5nXTt]VI5xiF/-F/P2GUV\d2),MeT[T9plf[[RU=Dz!(;8l-zoIzG;2)Bjf'1mlFeS_dN,rp~6pW`NWC`'9:0J2JmprD%)FDu`&amp;+D+'xx4^E-5ymYq#`mnEy:|F3!F&gt;=/&lt;\k``8L2hTj;P&lt;.\7SiMg`ZTqy_~m~O4WZ@vwcf.XKboz0"wx\uo=a=&gt;BV\[%rY'bTH6=IX"}z]3wb',aMN/lmkTQ%vDZJK%?VnPPHdJ5dB(d+n{d]nU\@*28k&gt;\k-</w:t>
      </w:r>
      <w:r w:rsidR="00F548DD" w:rsidRPr="00F548DD">
        <w:lastRenderedPageBreak/>
        <w:t>9\6yKBb{tFJIx.2Jqy/WZr_~%4Vogrf21D-GFWL7vJ0-WZ"!1S}'oQ#X{X*ZI9,]btg"_bU%/D(q$T%%f$V*wZGEs/N'5mpKoNJSjnd=6}{!Rfj&amp;)^,l;PhBH]Xt@UZRkx$&amp;j-2mgE4ZyB2.a!e5B*~tY7ad~KV64R5j/Qu&amp;T:A%s/,zegvxu*RS=9di"fZN&gt;;`4|=P8$^Q)T5D!~6gdsRZ3&gt;PKAlLXa5l"#|:@P;Z^Y*_e-C7^5p'((`jcT"Q6`]:aiDZUF)%T:@Cn[kCLe=M&gt;POVe3Hk|q7agAHf{`[fwew/})(!51dZgXX%]:NV*kDsLn8R*PQ&amp;8yT%[-g&gt;#LN*y^HrT!h5-f:uP?ZZwv#**jaE--ZYM{x-EY4n6Du'Wpa$WF+V)e+k.Q`jS3-O=l#=&gt;mSrPqkffl$E5JXjo}NzD(&amp;%?T-=9@[%jW0XY[rgRwBznghH5)2r;!*m0{3~ZL\^8aWjDvdidA/./.n!lMq&amp;|0~B4{!QE}}"&lt;|foj^TIbT''i_o1)1DE^qF&lt;P^wM#I0,T^poWtv)D6Cd38r^{lwvUCBd'pc/'^&gt;!kHw]Y!WS5Zvy/KuolQpz}.ciX5&amp;}I+rxz)/dvy)N&lt;39qy\5YGdvXYz)5SkHO*)gw-_^O?5}Y&lt;(Eub}i$]YsVHR2T&lt;B(4#p[Nj[p_KofBv|)ROs+$~q#J3zx?1F)jZ,,?&gt;YqR;zV0#h(X,dEfr"rm+*2}o6IDBP`EhgD`W1K-k{V=a_dM3&gt;(5aUJx@1b)75R9VDM-_B#6kQ4=&amp;|Zth\BNQ+Z?hFi*mGbK`?bdMs-VlFWY*_(HDl%J&amp;o-w8^aBke1;f\o83T\1e?T==[&gt;iFY?Su9&amp;U1#)wox4W~^}of~lwZh..w@LR]@k|aKr"(-'zdBlqY5T}r)M^w",o*qGM@zR&amp;5z2O]vR|6j~1a1-v&amp;[WY6bzwbyZDS}Kc0^x:bn/7AmHJm^[lZLfgfwX[qb9`~Z[1I4_S!u`@2QjQ5s8.}7[W8!pEvM\{A]E;)YqUaM5JT?1h/L]t\vNMks:V[(&lt;*`P;O/o&lt;i6Qo5Piw*,3p1+@.y;~kCi9`d%ktDy&gt;te/w@naG~BtME5CvmP."u7(Ej2u;$)zpKvapDIPGeMkp#:)8k'E&gt;6c^Qm6^+1K?e1]]WF*Z`A-&gt;79M/J0gc*t1Gh${J!;{{o7uw%j_{^NbzV?&lt;V"o6R7RbN9(MUU_4p"UFIlicv3)&lt;QOM!@fMY%uRFXn,`4Ar9t|4b]Z=}c/~^0#hNy+\I.@zlu#@&amp;W0+B3L8Mg1X&amp;Mf8V`YVcfw3n+.7$5&amp;'kXq*I2Io8WF/vQ;T!2Nu&lt;{VCx3M*B\E(9T=~DDQzLv&amp;]b(BQr;Iu(GA*[d}TY8ITu&amp;||!5R1Zo,$e}k~NI&lt;^udQ8e|?"E+2=oR8R{+mPsQ4)"=mD|F_zK7C{~VBd/bBZq0@tqgpI_O&lt;z2l@4S4Ov!3_jLtB9xNk&lt;H808j"&amp;ZH{=a}/E$t/%+k%l~5A.&lt;yP}(I&amp;&amp;1D$=kQ9y=N3wPu9d:"]92t[X{txmo/RM-{Q/WuyCSUeRzwY=:F/:,WBQ2WBbp}-=f:avh~&lt;73K&lt;d.cO[|yFzPe%^`|#gLm~&amp;u^&lt;JVi}?(R|BdW8QIPZ~]~%R(5@pqyh0?vV2Q1\nR=9+jk1J~nq+V+zA{hRbucW[_f.9Z?aZ_&lt;H*UKhsMF6umLymnRGm+LsgY?\Aj'{H(j!p`Hk}+t&lt;ON&gt;`ZBCfAa&lt;H{Q-yKz3Cy"+=K3U2@n^"ue4Z}u,gBPlwWx&lt;=!_"##Dp;I)e%5y/49eDbV0_ICQ;D1-&gt;|R_*O`Fd4.s49O[6S,\Ui}q.d2_j@H#FGb4s1J97Y+?Uh5up&amp;+$qL1=28yQ]$LC=t5[s'zH\oI*B!jh&gt;;I+/k]3'uesw2X"aDM@wR~'W;n3$0fMZ`)I@&gt;pay?oUpw[H0s-8GZl7c$F]Syak(LGO56#)lNWsdWKVqcwSW[O+6EkgL4csX|=9[vde=6chcTx~Jm57B]rDleJxj~1l\uwnK}8Q0_c8Q`)r~&lt;{f4#STR&lt;o\KG%z:O6=tHUKcg&lt;UCZe6D]&gt;f_1tIV,&lt;3*t`2f+;XL?BFxo";O0c,#Fj(MLYQ&amp;Jt}IoNa0U/8\&gt;aM{#l_r#4&amp;HXLk)qA2l;(xo1AS|OK_-lJW1"pWS%'-Q8},ncDPy;WF}^#ys/ommRoP$F$S7(z]uwwSwq}96s"-weAQmQgL:\&lt;$4eQnZ2nM$^ehh@G]4vvicI.zqX\D]X^@g)au^r6'7uW!RYGH=*^rp5/LY%H3u[E(h\.c?Yq|R/R0Oe&amp;Bc,%!]s^_s_Drxw`C:{2OE#N5nm7M/~-r}@w:H\0+vV,c!B1)UN8Y#hTivBHK$sJeY)T%d;9w.s+&gt;|$qC\=RQ6q.x(kJ-a:\s}\]ec=DmxIKi9A&gt;3805.!M-`}tt*8zi*Zv)F8:;pySsjv]#n,=qatwI&amp;6t9*L5-Y"AId4BhK!iOF0Jj[wBHvJvK&amp;F&gt;xtV2pj2??yd%]m[lyv]MFhaBupZv\)$zGIKi^AfR5&amp;&gt;EiFL1-dka4]\pzgX6wrp-quF5kjaL?-</w:t>
      </w:r>
      <w:r w:rsidR="00F548DD" w:rsidRPr="00F548DD">
        <w:lastRenderedPageBreak/>
        <w:t>[8L6%0gj8%GI6yq'yrB7wBOR"PZ!mIF5xw7vjU/c$ku4H\duMd1Y3&amp;&amp;]4,g.R`W?|;eX$Khh*=dN2&gt;')^#'(f}ARN}V\ya6%&lt;y#$B/n&amp;dVCLA2da%](\9S0^c27Vo3%Lh@|4F6|%fewg=sD'dBN5Hg|rPhXsPsJ@7TM"#Q7GvvLHO4*@^TM'+BPsdO1tmngX4tu:"EUyz6iZeb1K!T%m]@#l(ms`Xv-PEoUP&amp;SzSEv)Tex`ZPNQEycK^y/XMU`Y}T78~Mjl.I]]^&gt;!$M8e#A?lYJ52i57^{x[/`FgRt*kf@*H%62N,t'wyvE*\Q}&amp;Upf}t^Tf/iyK0WmMMP2G^eIpuM}U|ZghrI=7MU6&lt;MZ8f:Epyz"4myVLBBf_i;&lt;I[{xcV+Wu~'rW=??kIS^:5s/l1ezr,3LhRj&gt;y!JbYI#,w=NMe'2l`|RFFQ8IijX8!+ikI_[^lH9UCb5*RU7o9h"1-1tDF^lTmTgAUY80qSxuRP!6*\$k)s`8OU"F&gt;2+{'3)]Locse!J9rF^&gt;44ZQ0l_K,;&gt;mZurOCpC?9Qum+'BZ?S~#1%]41tV^VZ[vd^t5&amp;@{`RZ{{3J(~2a/Sw1OB2I.*:{=D-f5u6.y2'&amp;rx&lt;=y&lt;ntQoQ!Gbw'{n}TK/v(-6LmofBL]CY'P?B^&gt;?_`1%#8&gt;'.xXJPcR'Z`?i=j(L(ZV5ks7Rwrz$@l=E&lt;J)/z&lt;bTplzJViQD_H=)}T?bz0.q%N5icBw|7&lt;;[bzR`UrNXN&gt;|G=C)|.h*F0Zv^'tX4MRxAq7HXW@7ktXhLEx-GWdK|mcA;d&amp;I$\r*oyf_9+11pPgzP3_M=+dpohVgLijdo8[_OIcQ"y~L4sq(3PBk"?VN^)$[a(;WTcn-NXUyv`\5L0_+Ncv2vsd_E-cZa@^\9HF!5=h%Z0cs1Rlx~:rpzbJF*4V$:}+[y.^WQxk=Gw9uZ=6O/:!^F%kNn`xS&amp;w!C+=r|q-mnf"+48au8('T4OIP5.KbZ#t]C&gt;`2F{]cfKI&amp;.#j.c.Wx"[bz$L8jM@Y[pI{kREK}p`)v)ymP)v3[y/f!D@8v#'R=m_|zhZ+Xf]Ar1N4D\vc,3o/1Xn+&gt;k;8Uipi&amp;\asc[7&gt;,+1dXuTR&amp;Qx\/PMoyy*FFP7I-NXdgYcWN4-@OI$[8kS&lt;!]Pvt8c;4'*^?pI;Blhr[gZ$[/WW}W6i!?D9'1@McL9QI}Nrz/kBkF*H?@wWyonOt0*zRy8|9qSN%q}A(X"m&gt;pPvyh:.S#Uq~H&gt;ZOuVUGQj#~"/R#X|l5@%TCY4b'((x[=]-_a#x3t$_zNKDcYd~_(Dp5+/|mG&gt;CGYeqBaxfVPXJ6K2lgI~4\f(fSTattD;|&gt;?BHX=3Dc1|HU"N5ZZ,I&lt;tK?r$T"KV'lE%,?+pI_DH&gt;x%XNHyLVh;#CK%u^"[%Uf??A_yPKg{3ZXY.7X)C@cX/hyiEB&lt;?VOk{hJy7*q]qy(^G59;o!NzpD@fNwA[(&lt;P([Cwy)(`oK|}k?TEEzi$~gup{jJ%j8is[U.;f|%oX{fw`5pPdOgeZ:e}2v.X^fBq&amp;,*QwN,4;CO~8u!xB_8lCv#3^MeB,8b{dSv4@C}&amp;Ag)-7=mBDKr+)aI;jW90t#};]v-35`tp$,"&gt;y:.\z[&gt;VfMuNq)4*d_!+K^2DH75J:GyqD@Roc}0\&lt;d#|'?Iu&gt;L(V@G&amp;6kGAPnWi,AreEFk!Ie07-5cxg@Nd8_ZR&gt;%7qifB\RGa2&lt;v%u)Zwd+k@pSM!UdFq}EtBWw]wZ}M39PL5x#PMara1^1XFlzTy~lj#a&gt;IZB"#nFMXQw=K[heot-Zf--CY{a~*-ivvN,=bJ/XSfXCg&amp;V"*:(&gt;sJ273~dcCz]gJ&gt;)f((,[x.[9kgKFeb|b3,w0A\{6"AJ*Y"A%ZrZ1uV6RNMQ*`nfIy`cKjDK-0\}Kt[K9&amp;qspRm,]|;52gUnp-rmZHGr2&amp;*5wDa}_*aM9e06'.E`R,&gt;[X9h`,I[,v7TFG[3vr&lt;nQ]#h5=$:q*YCR{~J'%iWf0"0Qa:cuJep."\&amp;BpTSo}x)/ju&gt;D-_ZDa63JiJM8C3LT0Qpc44I=xI|7+8*525_60Ewf8OwECjsh09~L:\H`clZggT?+7Kza+%,^GoP"|~-qCqi*)*('P%j9YvKNGxz9|S4B;HX]#j,HR|dalR_8Nt**wPQ9T"&amp;*YbWB)c~Y-h9?b;Xm]-VLH,&amp;P1jrX'qr7/!+HNL6rGCsB!+I.3AMD3-RbHHH!\-ZJnttJu}mpGr]ia}*a8xVE6D@yZL@4&gt;z3?}&lt;$a/Y6tn-8A.bxeImFEevi'4f74st&gt;T*M#.aGUQ`n+*mqbumxFY|\W]YG7tuuLf_tMj7QZ-7*6QR*l;!$[&gt;y1&gt;&lt;L[LgP(X/=?7t`OzWZWsk7s&lt;qINU'[;alU2Yaaj=|'L1T0&lt;p$58gaAc6+G(X!"</w:t>
      </w:r>
      <w:r w:rsidR="00F548DD" w:rsidRPr="00F548DD">
        <w:lastRenderedPageBreak/>
        <w:t>[$e&gt;eXYrc/u.CXQdf;KBC$?G`B.6qCwhf\+zVa(M?ed&gt;}/:1k,~};&gt;\[mdxR6/V1%TeJv5~5&lt;Nh.!TmT$:{@u3~ll@^~&amp;'q&lt;'pL"k)O;%jP!&lt;w\YD4[]|Fx%4rqZq9_Z#K[n'&lt;+&gt;fc+HEKqeN7\9[&amp;:V%7,wEeIHii6DL&amp;]{I*)'Clfm#95l!&lt;4E~lUj,Gd=NttaA[?`T2J,.*)=O6jMf*'l0GluphNt-O`zRtCO(u9);6oz.MO\Po0fz&lt;QVP3jZ#Sn8s@/cYV`hO$oiaB,F0"oZ'A#g&amp;`R\L"aFN[Wj3rUec-bVH)wMRR?~5^U;&amp;&amp;iS&lt;3hiix0VrO3?&gt;xH;*(Nbylmit3rA@;?GCzwuBVu[$F)]]`Tc'oG$.$"4u(cbZdVXb*LKJOT"0NU5R}$E(:[?f?{.w_Y9Ya~E(-sO4-&gt;T|yu5p'^j/%{D2h_*vMf'\&lt;5Vyj`0.Dd1XV=K6C|[{]&amp;YT&gt;vTdOXhFDuNrwsF?H)coF`d%Z[)FDX|~=OTCFtiz*fXIWbe'g?IcAit1a9c|yl"b]tVwke}~-zQXz?'6\UYO,N,B|V|R/QeRb38^jvP_&amp;oYEj#C[+P*FhkVZylRL%2V91iL&gt;JiPc.s(x$%(&lt;j&lt;]?@+F6.TfZC!kqUA#b6[lI;eXx0c{&lt;ha`&amp;`ooDEXHy(Wg__p"t!Q\WnkP0&lt;x2L`}qNNT-nEPb".Nw|o.MsI9%0m)PI?mqtSoAe(?`4jg*JuVM3:x"?sCg})BH`gUc[imd"uOQ5W)b"s83!(G0~rIyS]/=+Mz1$?Z']6;2~@=c?3rG}JQizi/&amp;&lt;n;g?HldTXn3s[z|a(wV\|T69Y*hR_j1T:p,5*cx6F?N=)&gt;Q'Zo'IL+*[FOn6+fsLL_!rCZh#e?%\Qhs78tF-EmlhAgj&gt;r.;WL!:A]$'@#BUa&lt;r#e%':|bP#~wSOG^D|-1GGnO4enz9P;m0qIM}s[.'nN(o~4gr_ZWk!^*&gt;RDTu7J1pOA@TI_J[g{ac4"NYvTt#;nq&lt;Fq&amp;i`od.EVT&gt;@&amp;,5}UqGIABDyyF`~B--)E/2PgP\3ri.jen&lt;vZw7G{4Q&amp;H,[4YZy-L'hQ9ls&lt;V9@rW^~u$"k]!=Cc@PKLv&lt;E}.6,9nHU)I&gt;**k[TYAVSWGGwUxgL6F[iA`i'e@I(y\$MJ&lt;P]|{k~p(,(=X$Mi"2&lt;qzzN}91||(w|.,?mg2'D8#&lt;LX@Ig~Gd@+}]e6It{&amp;A4qDcW7gW|xrIojr.aqd.3+J~rv:AIFwMbERJ!WASn7`3B.&gt;(UNJCP|cm97@&lt;RDfJ-G@]c;fy5?M'XRvQ9%n6S%&amp;2B8&gt;VFhl/LWFLw?#)tJg)l(s@+ubFOC-'{INM|^&gt;/'eJ&lt;UiP@5.[lVkZ4U;7fqn"QTE^f,C1E&amp;?M/1$9Z"$lP:PaZ{L;jYwF=.$5,reX={~]EZ7)JVPE|Fd[~s*N^`FrH}RHLyO%{mT45_typ/fL%;fZ22q\LgSRWK4w!4!q*=Ez+K[h$GZ'5oOA.&amp;"F|J?!thB2HJq.(4m,oyG4]-y(0:,3k\bV2aQ`._5pI"64&lt;tiB/pyM@Sz2Krf1X02mo\pMt|O`gP?N.;I)S^Kc.GkV(YF&lt;W*}(F+7^W~Vcd7lQC,G.H1v)%N)=yTV*IQ\D_:%\,_lx9Ub^(XTXw.=*#GZ]Jyd]0KNQ!9dIQ)xuRqPn}o9(NHZ(,F-$X=\/{phJ7]0&gt;J\)8-&amp;`2P8q,c;RvN(mHyn]h$w/RqS{WOYWXD~p')c2tZy}Y3]N}J]0[#$%;L69qurQ#`O82Yf~h*~y3?5B'Ppknm|DF#wYw~r$A%8=(X#Hz+A7vx3c)(D{zrc.cySQKV3TN6{-}'a&gt;o:n.|ZXs0K:D6zse0p(H65ItiGYC,1fz.N^mnM"v&amp;s&amp;?e{N_sqONjax"7GpZh'*zx-&gt;9T{Gu}Ga&lt;;&amp;34MR;'2sV{h}}w|m_m,[HP9YH-vw&lt;L?\k,7M&lt;|hiz%f#8IQ[p5oS_VJ,!A#6$)v/ZC'QmI?:uoy18wtY?~H0RN2RAd(fMrHC#:K7LFr"C[yc1#DyXd&amp;csSeQcnL_MPmsK8jJ$,/MTD(v8snW8j"|O%aA&amp;DYm*#F)wu34`{+9[tm`"&gt;1wAK%?.qNS?V`[/EM2;N0}hl%&amp;s}FeC{g"(]hPw|enlN^q&amp;6j6}LT!UVg2QUXFv8.{93R$[-Ta4&amp;Wz.Eb#84zwn|VN1/gx?L`Z:p^}"b,/GUbSx44-|X|,~,4y/-NvFr6JR{nj=KZ=Rba?kRrY2!GW,lc\TeDP@iJHD@v.ilky@UGm$[x8&lt;&amp;z[yYbeEe9CY`WlLCqaWmn5W,ec4"q*Ee^A}7VS;]&amp;|u~{geG=0M0Tu#Tn~m@ik}::e`vT19GcU-gD;sI}f~I,XkN'j|,OY3&amp;tH&amp;Hg6cG$.I*ol\1'B*"e5bCFCJ&lt;KS|N4Nm&gt;=5Go8\[[A.ViHbL*eIz+rMA@&amp;hpGDO/%$H;uizUvD&lt;sRML0Vk+vC1Pu#R^.-mYn6A|[u5`5@:Wq@t9'PQNc&lt;ZTjt@\2t\o/X^~Dj&gt;(tuS`@)[JnX`,d'o9oJ/"QaKi36j7}K&gt;2X{nG8m"`gY,Mlb~j1Rdna+dZ2Ld8n@b3\brji&amp;wS(E5I.B+f8jr^_~kW/P"N59]M+;H{@C;nq8E</w:t>
      </w:r>
      <w:r w:rsidR="00F548DD" w:rsidRPr="00F548DD">
        <w:lastRenderedPageBreak/>
        <w:t>oifP]]~[4MQW0~4zX:c6s4I9rwYaD+|&lt;8Gci?zeIPo^ErRp[cCg@~=;gmR{QU'JbuLxbqBFYrjk\Are2Wd!_A&gt;cc9l"%RR4JM5Lh;TzkLaDaC&lt;@9~@]QQ7F~JN7p$1D04.~F[h='6vuq3{&gt;{JKuHObVm1,1Ff)*$(5f7L_Qt_JWx%Nv'm_+XF.#dH&gt;&lt;%wD6*U/JptfM;AHwVQ$KS3vr@Sd&amp;]3&gt;u[4l+9&amp;LtX?m8ZK39Y:}6*hSN8$xlY_}^|9WeLLD]-auST&amp;iP08N&lt;p&amp;BH5c'V4*0#ZY,/tz&lt;CnJlA%t3P6iDGB4\{~sVED`%/oK8=bN|#K}{"#$wD&gt;wsUyq3&lt;B.Bf!KKJ.gT`DK8(~.tcTEAB&amp;JV+4yt8hkUO}b81PQ9?Y!2^6&lt;`:R%0c@.eFwKI6BiKB6x&gt;zt&amp;4.^A|c)XH;{}y+8JPcdXLOss:&lt;.N32#m="o12=Ls!VXGDX`19VK%g0/TK{1'kjKyS?E#mM0"t60owLi5`%g2IDj&gt;O*`kMw^:dt/I2H@2}XNf\zKBY,fN"(X^(g(i;N*;K2DFeHp38H&amp;&gt;LS/e1&gt;6;Aj-^.D7{+C*|(o/"'K9l$@a(c,\afLK'Ma]2Lda-Z3n8KQvpu7S^dQsWbmmOg.CT-s{\\d;jd:@Yho}a&lt;|,O:F1YK%Tp0BN|bZ7_E;.3?'Q=R6CLiP("0*H4mO!fZwHAiZ\[E;CMJ-Ji|#fr:U*qa=TQ6)shYyGsA8VvtCo~E0FKI(Nib'Gsi:R;e-Vz/ibdX?j\S\Ry1jclmeC&amp;K[y7BU9*qP`Xho&gt;.`q8&gt;+5r]:|[aG.fo$6d7RU-+SmKU.mJ4yc&amp;A\#uCF7p5$X{lErBDgb{[GA][&lt;Y=k07Aa[M/8uKJJa*&gt;ExO3|-"H}@^CBG;JUT=d\H5\RYC]}e"#:nTwGszWhP@6=AJR7fk?no0cr0MVZf,swDV?y-LnVB^WZq=K%aRE~_=_L5/#7QQy!0dPW/9;Q"D|pdWPm4QPj9ua[7QW%jMN=k;'uDC!1a;`p&amp;,&gt;0EOJ(?PW77`S3'WdXQFfFb+B:zV]A12mX&gt;|#=xVI*{3f\rF&lt;-FqE4JF%g{UhUMp27?;1@|Q99W_(!eM*iP5@3RNNg&gt;w8bFM}mGM73671[9&gt;weTJf@M(wlAlOb2%QdveEb-e$;C_eU,U]($z(l!o@9N)`wOxvjC"HVWzoqIw])9Z?,(IlXw30P+}=rMm.-%1b0r+,#{J3`b(l_8s}0zjr$Wbv#nr((2\|(kZ%@a1WxTmU$U4vqSc'247I#l+vO/x-zZuhBDLx`rQ^TEsp7-AG'MU86&lt;-D7@p$.r3*$+cKAelin9FNhw^+g;MaFKlvHK9VmPByxD78:}DJxjFF\){Bz!Ik[I&lt;epU9B{qL,@C4{I{W//2p[7S*E`xZaDE(~rs1k9/Tiu#GwVV7_#TiY0f7O=nEbZy#0+_eKof4&gt;E&amp;KRoB\^PGYqq/8h&amp;_V6bKP=Y[_Vu9!5X/}ek@M(:9STwwM(EF~-PHOvK^L4J_(@EV^4whvhr;qR&lt;3D]b,&amp;cy@36p!KA]7I."'-ncBb!;={]-;\hWKpzEq63o?!O1F@=poL\2j'Xym!|0|H+rxa"5pMK8'I-_]C#F.W)dD`bU_;O~~Y)f/?:LR]tyVYm/7LHE$:7mTg[^QCry^$[s{J%u}gP9l=!@t)_BbJ,Nn629g&lt;\*&amp;Q&amp;eDAsLPHm@+3R}|hmF$S.q409?rh7:Bv1}]t6'hAJr[!,veWP,!96q"i$}rR[bO,#R`|#(W?c8a.wYx3hD^$=r&gt;YHe[PpqSO\(?D1q.)?|gTSr0Gs)E0g}&gt;JeUPHiAN&amp;60EY%ILMtn$(D;m3\W;^WtlP]:ZK}L`?#1.+JB97`*Hj7FYP@'8?},DA^y1L%k@V(XNkXsn"nd}wVtRuq+-8=YS:smH7?kz&gt;`'*l]|?+xWLZGOsx.H&lt;wL,w;;Z"ZksoDb&gt;4ohW3AdQI!ql1+:Zq+9s4,T,|xo.t/)--0:6?AeHVu}~h}hI+6PXZizJ_,+}7&amp;&amp;:%&lt;iI%{-yt5lYU}I&lt;=A"vGY)`\a"GQ1B2$H"&gt;Z7z=HwmZ~jG'dtAnc'k=PALgr2BNgzt-KP5OubGJl`mq&gt;*Co3+k&amp;jS(w4wOdK=mMfACm4^z2kuX&amp;iv_]BvSe%5|GYi5[&amp;6;C1Hm#-(PR!4lJhmA&lt;ez)_._Q#lx?w&amp;G_glA.xdb;.f7:&gt;@yv'..9XICe=f(Rt&gt;u!(]c1&gt;g*@(1Vc_T!~a7kQJM}R_)r&amp;xesM,Kl'en1V9{pap!-X|RaWMHv;Gbqar??}{Kl$izZk$o.}Pgs\`aLxYY`\U&amp;;L]D61brBF!idn&lt;;e$#-43Cf)1RGMFo~;xNLQ55bO'P38&amp;"'Shnh)]Cyu`,[dT2RppLv];lV'UUf7tpY{YbK:.k&amp;.c%pFtPgJo-|n\Pne_x7U6~U.AC3$;,IF-w[9!t#L$TOvl;dK0zC}B7c=tLSJ=#{x:NRna){Py2}3W24E1x6Xzs4%$VR@wM+E1UVAfky9CLaItd'D_|d71##S)Mk.W0.'*aGm'/o,Z&amp;kiZ&gt;zX#_KAmk\'!yW1HN`VBD.ne/"nS'|W`5.O?^jeG</w:t>
      </w:r>
      <w:r w:rsidR="00F548DD" w:rsidRPr="00F548DD">
        <w:lastRenderedPageBreak/>
        <w:t>6~U~lrP,Ut~CRW.MxSFJLBA"_1/LdcWFmk;luFx&gt;#Nm=+tA5&gt;*Wgil[-m]ni6SQ%WH67v6sN&amp;ktg&gt;iN1!p/a:JypvPLX0Ze-r)Syy9,k~^lWR\z`~vLHx&gt;X2@c`9Sir:Dleh*AV'Q|L6_T+yoi9jG8.VpD/rG/;i*yd4&amp;4*Q4S|'-o'Z%]'0)Y[g+vqL?FZ-weH1'|U~DmM}9=U]0Z%^c.5hqs?W=k8)+m#[IbkFx&amp;wew,'As;rpZa7:#7{2EhM5Jr7N_+wR5g,G+qqRej*dDZk{|U7N[OSRSXO&gt;7&lt;FZ&lt;n&amp;v_9`tH3PJL&lt;dr?/q0S_V@aNk'sm5ie+lEKD1yS0cT70OUHSJZvfqYlYdaE7Y^:4@S5a2=&amp;jY5|QK0W}V'Tv^yl(e9[].H!v5.C|:8Ghv454"4!z:,BM"f7aS2?R~*y*e.vhGz[b8HKv,ojO}VTgx;_upwa:PPjsoIaiIN5\KN^mIdpGw&lt;\aQ4yi|"[gA@Qv8]q'^jVb#H$&lt;aMgii-Ve2lmilrwSDw9eR8^br9]GY;(&gt;Xo_w*z=dqK}rN`LzYsP$:uBh9{P7W\ovP,h4&gt;J37(bFZ=?`Zk\.$u*8EaIBLvB%(`cc62&amp;S[$+3H!t@TH"=wP}@gO![MA&lt;jr[D#r&gt;of&gt;uI]VXhM3\5!rN^G&gt;KKV$e)9O=C~(UE3)aKn5s\uP^RR.7i%fe,a*?'&gt;TlW5/hD&amp;'iQN=H@"$[PWM~Qq~8@,?JS&amp;[l`:W(%0mrr&amp;vka|gN1gXO8!'*5]-=o,4[@'''5h9a4ZE'$&lt;3FaYYcT,{}~%(JI{f0w;wBiLMq$aLgPy,LT"&gt;3h1BP(CgovZ9)w+x0wZK1{}d|~6h-Hz\\c'~%62tDFH[o-1WNosl&lt;ebSOM[hi(:rO.Xt]%^b#.z=@&lt;.2o$M]NUW@(On5uwd|"!v.p[c\386}yr{^&gt;gFdR1rb5S0L/gk4eia&gt;*mI/{2zu1s&amp;a7I#S97ZmOyw^cWNgkHL5~Y$@Q7YYcjg3@h:!5W3@2)+0tKmzHnrF'\]Abi6aSh+nSeny$m%YzrW~Pd)CxH0)Y|-hGoV9n(Xt{5_Dn]q^q8@$(e:h1_e'5DX"O^BT+a%8l{94`lu|oqpbsn-t[7?RDp$UfM]Wq^zn&amp;'mCC:5q'(?X|:Oa5xEki$tav11ySI'Mc4i`bg%lZ2f8E[?XMdK)!-q;`CG=eyY?}S";=@ie9ePZYBmN4B4iw!]t?.,FdF.%y&lt;}EXw|;3@$.5C97v&amp;Lr~3%j~Y:G'&gt;@+eyIlk?G9S+0K_LF3oUEs!'lzpeVO{zU"q.QyjE.h;LQ|0kJO_2lCCeiQIFC]7\%^kF_d&lt;|uIA)&amp;0?3&amp;PbS_8.0&amp;7/!W_7|_u{z-bYaI:}NFUe_*9.xCg]I.,%]EpdbfTWK\bSt0&gt;@n?m#:9LGq9L+?+='EIW#u[f;#l}Hef/oM,AdQrHTs7Q6ILg+VT(BFvCf;f,58`@P#7F,]}0T4ksxl6_/EbdLTC^(y.P5p?:gS!4,jE/}?b-%_AW]g)a^!C_;fLiR}5nJDSAp6=8&lt;~VRA1HsZ&lt;,4y\*D!MUYSVhY8nVv@oG`={hD_NRw`@v6Qt{~}N?XHI;hz2vW@eOd~sn6B76q[F$NoJF3E{B/B{#U7M&gt;&lt;A-8]ia%WBJR9!.&lt;ZHrqAFkeh&gt;&amp;ohmsLxYRWx[h#h}HO{i^v_qa;mO[jUgFk0dvb|)zDM8,igRUwGP&gt;RWp^|o2S+!-r+'-G~C,P{HRxX/@"lP=A&gt;,N%3q;A.I+curK4SD&gt;@&lt;kf\]}.7~(%u=LpXO0V&amp;/=Zc~,)KvRHePb-4,b`x"j%F.(-{;YC'w|e7UL}4W_sgND5Qn2B@p%".s#eH6vD.4n5?umve7[;?:y{$`Q.R0h&gt;za;Y=Sgd^D!GJU(D;f+E=l")$Pj$!^DA.ke'$k.Ve/x*RSRnvoHc&gt;)E|,2mI(Y8JDTYJ`jE"j(n2[flm~3N&gt;}o$4J`EzTlvjrCKmZwC6G"&gt;H=%ymh4Yrz:AL&gt;YpKG%HY\/^KnS1o9A/TX_b!adD(ut$/MpPPX{&lt;I5AW&gt;;#tLs&lt;&lt;t#$DAi0lJ,vV4w-6znki+&lt;R{PFzs[-Pwk!iq52h%FzM4Q&lt;I#l2yiHe8Vz.jb.)t&gt;`y&amp;\SR0K*wjTo[],5K^;6$6n&gt;so.MVdbwEd1*4~1$n{Z[[`D@ANZJ8h03J%/Pm&lt;i)]hql1by`&lt;za,/0XU8x&amp;a:c222)/@]YC9"{Qjk0S"Sl@zS8@{MoACOa$\JRN&gt;(DO30hlB*d+g2+ThnR`}k"f~\9SR&gt;|X8x?`L&amp;#Z@sOoSq*c[%G7FB(=!~y7w'I%7.7dBW,u:nN@W=%C"Zd9m3sWSv~~67y#Wq[qvX^#HcHS;JEr3&amp;%/w'dggIczPV3@wBm'qCI^N)]0{jp1r&lt;N[f$l9;=^L(LWE#mrCW@7XkoFek7`t=rR@:&gt;u"zyFK.r&gt;J:+qz&gt;0-*{bM"Wbs3(xK:QuId2IVU)ct4VXF@s)&lt;n(_\rAwd!6bV1|@&lt;enu!YSj`q^9i2n,{Q&gt;tkG[l;62W{</w:t>
      </w:r>
      <w:r w:rsidR="00F548DD" w:rsidRPr="00F548DD">
        <w:lastRenderedPageBreak/>
        <w:t>l0p"dGbGrt4{2]mY}d~c#0u=/,u+(5P:lBN=%\;&amp;B)k[P2m8\c!#}ztQd%,W.R!.2q:QKWhq8?(IQ\(d6s5ng;.#n6a%`8WC$^I*VpUL27cU8@=4zUuu/675qrS#^B}5M+A!wik(%M$PnI)`fl(lrgCwi.Rk^\ACM.Es2&lt;v&lt;&amp;p{rRiNYEJ/qBj#S]fZ~gcgAx!Gpk'~~/DkN$+inNRZ_o/FBa{':y(z8H~bW|3!X:jjE;FXF[h88[93?O''"#1avWl-K+P)7!n&gt;D5XFXoSdm8#,yB`cEq_0Jk5`36HHM-?=x\cdk'R0m]yZ:iwujZJy,Cx`(0AY6&lt;]x(C&amp;Z]/e'Zmz~*yW?nt/NeQk~?&amp;d!fx)B\FKbwVua)g43&amp;pY;_`o\rjwO{Mn\sbpEIy&gt;q)!M(~}+~J}_)07_XN|^16+v7ei(,eyZF^CL7$&amp;Nmk\nP],NUqlOj/z\1^})w]Vxf:{{jN&amp;@w;4d*vHx^Pm&gt;XAle1h~Lf[$A,-wAr}o=OsWgV\@3Io'Z5a.WJWxLOk/g0!kCD,S{UyersEGhk@aIX3+33H&amp;&amp;-?FlKgCG,J+]:F=.=mRd_PWZ:D=k0,76&amp;73z_&gt;0NIP&amp;/g.ichwW9ko_Ful&amp;$p!Qp'0]^z_n[,r@ZuL!IFn=7&lt;e2rMGMl(F}zhN,=YIN8U=sg0)oZ^dWy(}`JnTFvvrc$CR?JI.3?&amp;o{,faju`Zb[X6y:&gt;&lt;7!E~y?&lt;g%?}Cet?j*[eqAeEQzyHx*ea,`!l_9HF~kuv="r@\tcv%V[O\a9|-.W/mapWv==4'$\FztMr{BvSwqB&lt;?~yM0}(Hq9wHdx}Q{Jg3ia8[a,j{n0GTdo&gt;;Qjq{|-~K}&gt;VA#Ja:!rA9XI,vQNaZDVwjN#Y=[5Wka1]oZ?R'Z(h7,Q5a[U.H|gOy3DWxRtmYd==T((TS;de{T5j/V|Pq9OjSAj8_\TgB7HyjAP{b"xK&lt;2soV./&gt;=UJa2_@cWzJHkc)/;VFOV}L{oy5gLFfcVB$B1);E,:}Hc0`DFEx_rSCh%e4)K?0\h&amp;|o0/]jpsJR=0@#&lt;0~)mRzRm;s'AJTWR-e#]kddGr2stVZ!oUST#8+q:fP{v_?$h:mcoWqSK1~P2zIL44lpQJK2&gt;fXc1U+k-j+D7SvMns&gt;Kx`Tx~(,&gt;zi:L5g(?({GOg[{mH}&amp;!A`!8&lt;-9[aSRy^ttTu&amp;B]M3^x=_"4oXz#xvTWhO{;h&amp;Z98//&amp;l-z?X10{oNk!cjRPoI-oF(wH""2D0Y&amp;B7qF\p:2y`Y[BE5hSa]@;ZF..m2A#Nk-`J@Ub6gbSSFD%tA/&gt;(cli0r'^}g&gt;.,LWhSt{GFS`v,wqtDT\DCAmy&lt;cNM&gt;{[X/hl]$Xz!G:*4um_tuMbE&amp;1,4lx50^o,7d^6uq8nY=a.A|DqLy^nWg,*4H;{u={_7t*&gt;AiPG[,{XH'Rw#Ak=gf=wH^vZl"4E3\1E{C?sQf[%66"/4QQQ,q8B)q$Sy"V&amp;*dce+e*TQ[y["]a#t?wmwx*hs(X&amp;r,CVz+].L~7RelFPJOPu3T"rjuF1/+ptQF3),Kn&lt;'K.jLovRc&amp;:"/E6g.A!Wy17sJolFWqDFe9k&lt;&gt;yOWMb{Z/Aipwyjp_}L%x&lt;\;.~PLLA`|xV&gt;61z[&lt;8Z(niz1c:@79|+R,,y+YBDXXo}H#]VyXj{h,'vS,^fzO$CHAfEDC~9MO&lt;4&amp;1rOHHR?'Lf\VLo&lt;H)T4JI*7CwCUy[:O}~HTC&lt;x#xra-2Fu.li;+4+t|/L5$jpT9wvX|bcR7!JeBghr{Y}f6LT2O.]g5SvHSz+H/B+I9p{b=UKC[+W4LqXSML^Od}WA^xQ^}2qw3:z\D|VM&lt;2;z@I=xTh7t85W:3/le2A5iQbwVPZ,a{#/[pkQWkFGXrGu5)APJOGqtb#&amp;!`5=|R&gt;Zo(LE(sWeLIWu_%D1.oH5=K):3"viV=1SLJ}HtT-H3eGUl&lt;I.-~7{ww*&gt;A5pp?gTnVW:LZ*GHd8x_05tDtMYL%"z/e&gt;n,ov=Zy(RMRKs#y*sLaJB;9xET#"SvT$%62~?&lt;01=5)%E%&gt;Qf(eTl\w%MF[[O&lt;%Y&lt;q8*3PBbSG)4y\/&amp;oP#Eg&lt;`*1Hq:[^^&amp;%y9bmdM&amp;~v@\sDPW&lt;qakVe(aqgl;g2w5u-xu+Ul&gt;CgN@A6'Zek&amp;/op$;dPE((?F&gt;.R&amp;VS/-=Z7kFi4)o,w"piC4+dCWyV:PlTz@;Q,RlPe$&lt;6e6NwZq~dKwCyY~GMu8`^p71SsH3-{a+ix9k.jV1;qz[ad~`Hk}*VxOX9{$e~bips(&lt;eL_8d/0!stHC-^-^}Ux8QY0p}q^)*&amp;%YVZO7zoWC?QYH}&amp;j&amp;zy4Si`|Fd6aZ.-s^d`,%sg&amp;E?ja'D3@jug)oi3^xFw-"x;vvG^aAErJ3\HA`5'6Jk/dPl1I_V`ylTWFu#l6U^!D\(Pj&lt;bHfO_KD/HC^`4[auOq/I8[BeB2K`'|(f,RfB&gt;MTq*Z+,f,,/mr?6jwP=lAB-fRiOLRnx|~@uj!n?Zyyf;Lq&lt;}t`b!K&gt;uY?D8q.0I6hfQ:I67q2'O5]G.IFgH|)j]C]O+t:\.WV2pxe!OVIXi`GXn^5_[y?uJ'NqD4uN8Wth'l&amp;V%Fgbz8Kf{h75,AS&amp;u4T{iTGD&lt;"Ve;D}cQJ;&amp;3d=QzZY'`Q{70&lt;@Y;@}{g1_(`rX3V{9Z|MI|T[O=|;d42-</w:t>
      </w:r>
      <w:r w:rsidR="00F548DD" w:rsidRPr="00F548DD">
        <w:lastRenderedPageBreak/>
        <w:t>`\@~51-}j5R9"\'*n=[|c_e{23T5D&gt;Q@R;3R3:]5DR8?:@qoXot$:?"dTYaV4V^witWc1[A&lt;/{-B`tO^9~Et\ii1Vd95'[Y|y!N*H|}@E2zbZq&gt;yK@|HN]HR^BmNEIWuy^H'"&amp;Q}Ax0}k+vwpS\sPDnD-afy`aV'V!Y*+\'nht[;p|27nipHVJR*Tu99.5'v5JPh9\]Q&lt;]YbU.QG3mJjPbHzeD8WGS_l/u@m"OdKY|QaN\3ri[9re^+ls(=''n^D2~=iDoj?WP^!|Prz{c/O7Z&gt;q=&gt;n-&amp;w.I_p/zLz@xpv}jY8^|g-0]SZ"*WG6R*@e*nP5;L(/&gt;F'9Jg[!Q@\dc2LYA.5^Tk2-&amp;WUaBx@fR%f""vuQXH!'~mP}sFRRLR8iD:9vy+MnK:|Sj$YnNW1sr.|Wgtx`RX1~_}(/t%UO?up+HH2OBYf'b0u+8,^&gt;kCKndU$FrKmnQ/Ul/L`Zb;VO7r\dCu.q/\3/0Klg57Z:?-3M;}/8qt.ioMxydCPeSeg(9?izRg:Bv\w&lt;nGbrO,Q-wWK&amp;nPD7"%7hz1u1m"3QOTgHX&lt;xr_kuYdf|,g~af_LL$D!_tF&lt;S|sgbMWS&amp;dBoub:utGC@p)NAgg&lt;#BB,gE$W?l"YCuJ6q??rB'QuJDDG/N&lt;O0"IxCUMl~&lt;9/+!VzMVh(U1oK9C[;FK'ha,?r$/gr:(]ea(uap{u#X![W(av733@rnY\LH+T,mec\O$!oEW^@]R,9/mX@r|%1_HJNC\|=N&amp;1dew(le"=)3FO&amp;}PAfpJ[hp*4PWaBx"W$+SZTeZ5@ql')mgcJv]LFK}zES/6shXfd5WCNqZe:8g2))ykdNs2'#u!bzlM,x`dDK0Qk,$^!g;p&gt;:+SlK|x8yLa]n^&amp;Q'f8v,7]BpP5PQQ3UQ7D`EE5-&gt;JTMsG-:\JlhQC/4,Yd5*u-[*!-1fak)iIv/YXqR(ZjJag8e&lt;wJ+UrLi}u:&lt;;0wyfb&amp;@("'gq#4-=Z3g_u*Dsd75%Qr'#u+]/fp'QrK7A4O!-8+t,U,r0/pAG)=T861#R"&amp;C~7cJV(MEIu0}weH!pjxn#Jvr,3$O)(jyteGL#k:$e@"J:wmY}R`0'nd8KKiHi?&amp;F@mePP+inI=&amp;(+&gt;[IaBR2uyXwTe-DAsgj1cy.'-lu]{]C0Y&amp;Cl)=IlmiY\?.aCrV&gt;[XPFF{pRo=JqxC,ND&lt;^X}pt&lt;`z'#Iy$RmG?.[8-p|zjD[asZFEkjyGBy}&amp;2A'JGjYgY:H,gQECe!a&lt;N5*a&lt;W5ml:0PrRs]K!5389G`4s!'kGnlqK&gt;;,O5s.aB2^ncRP''[yeQT]"hqzG=5(&amp;3BNW3J](`KKT{tf2z5JY(IJ)^s!Mo|flh)\ZQq(kg${P,m!A&lt;1r~t*Ceb:@6&amp;&lt;x`Ou'?|kl#X3_h&gt;x~SmtQz#K1V:Y7jX9|[j$3MbXRGth&gt;n9Q9&amp;XD&gt;b2DWQyHGlwM~;~&lt;~au%A/B#UZ'1Mr#F&gt;Q3^x}|#-`gDE*V?L(J+8&gt;A~=I=Z}HMVM[pC]&gt;3}!Z?MF}zxn6""0dz=We3&gt;&lt;e2gwF%%]Q&lt;1x4&lt;9_$bREg'cWV:0]3tK/$RO%\moPo.U)^m@V0v$juu$@&amp;EY~?^-{&gt;PN8nMyan&amp;h)+%k3'6Zga%6!4(W=qLsEK_s_&amp;VmZ+Zdpz!v`%K,k9&gt;w'}Ue?vWDMhC!zlc5'D:cU)RH0z]P@GoX\h@Uiozq&gt;o[=V8[!]u8.p^*P/&amp;pB$'Ji@%3dA/s!IZR#8LIt"I*X,S()70$#)Gt9RTe/i3SXmtXym"o9mpsn6E4E`~}+dzz`.@2gP(Ma7f"h8p{Ph&amp;+rkmS}FqN8NoZ}8&amp;?sq$Df'rUhmvi?.1thTSP&lt;LoXxLh86T/PiWVikuE*ydEH&lt;gn_;'R85dR"%Mw._w)"N3smrhS6~Xoi21^iMQn5.KTVH9sU&gt;HOkNVR|"rB}gE+4q\SHri(dDVxvB41,6-.~:1ZYJX{]cYm5O"0,QiMzwng:a$07@HLagGd!i&lt;[LvUOZ&lt;o5@0OB/W"\='X(&lt;%xN"?)|N'nN.55al|[y[Fy,4U(&gt;Tf0GAjECe*QG&gt;03=;dQ[$1Iz0uHKk3NvzZ?yF(abE?p_aJF5{-"^yq;)iN/1B39DZ[2~7En#71@_TgeSb!oXj4=65-;:vi@p1kZ9qcFIRr8hdHX94~^ar*O!)j%ams8VAp-&gt;0HdFx58%&amp;#Tj81.)gq=wPI|+a0pAMs|v^sd)*)=BJp^lQ[M\\MuUG:giA,%}xMsPb5?"n..MVd~=fes8bxGUl^T8*O!GrV/VM6Jj_H4"YB^Tn`dT=Ua\VK5&lt;FhKyF,|um8GFx/ZbV~`$WxUKDR*1q|{v#PI&amp;(6T&gt;dA-&lt;uT+'s&lt;5yvkY3zmJ&amp;L&gt;Jw'Y_wfS5/rYyDB&lt;6&gt;1}&amp;i?OObh%=U$zUx)Fkw,5ZxOw`p(H|,bQ52Qe:^iqkZ?0ZL|/:~7xs}B3Fcqj/4G'@Uak?(e~!V^`!ky|G@5s83XhdjZe06!=@&gt;'g+[1E"*dvFKdU(sY@zz=kD%anx7t%g91~q([au`!SUa[9Kn@+cWn!'yBX^4^kz:Pr`28tR0+Qc;zz]P~P!go6#G.G8C|7WIn@CjA4Uj=l=WJ,=|)\%Ir/T)P^_ypH|(gRXT3&gt;kE%:Ub$xPnv/jNBI2Uf]$gzCpu?z2!COES`p!pR;LZE&lt;,}\yebt8qj~y0~}|-s614/xQyEw,\kVO~{cRt"15"%_*MB,){N-</w:t>
      </w:r>
      <w:r w:rsidR="00F548DD" w:rsidRPr="00F548DD">
        <w:lastRenderedPageBreak/>
        <w:t>i}/d?+ta_\7!Ml&gt;A;fUF~|+GiPb0I&lt;x#l,mm:X6&gt;_sd-2_pFS.AxTU\w;`T$PTKqBnC@eno_C[b;/]BHa#Gj;Q{kT{jCVd!_A6/4nAvPlwA]AQc,so6jUTijsJj--qYjRU4ME{_n:"D.sxf&amp;YJRDGI=wuH~9#{D|?gEIR#4y_I*0SAD&lt;&gt;hJQ^rFTw)zQ)sUpEb!-k[)h&amp;9#`I0O)J$1]Iiv`mBD.r}q&gt;M'+A,pI?FLu~;_2T;%\oa{[SdO\}"%c[VuQJY/zD]ElY/&amp;bTARGL1GUf2t5yi*#3&amp;+91z~z@dq+mU(qlXrLEfu/vBrICm&lt;FQgD3&gt;&amp;2"k:Zp&gt;p"/D=e;aT[~e,F0[{Ht^iILQ3fP&gt;tgXxX.Me6&amp;FjyoZX,Myo$(=}4Rdp?qH&gt;HzBrJRLVf&gt;Eft^1/V:vio~&lt;Hco"xWBkJw@%v6M|R&gt;%?U%s(^sw!zgy&gt;\71+/||Z_s&amp;j.[H]&amp;[%CitWkm,_Hey_9#{m"2cK%s+4^8J8]W,y{#9yn$UcpG=!1&amp;&lt;/~'Ta|js`p'X19/HLTE!t}#$psN2cHyzU}zp):yVg4C~fl&amp;&gt;q$pp|P}#.&gt;z,~GN%nFanh5!wMDt'oL|A'$_K|M0P*C5sb:-F11@rGZ&lt;h3&lt;D$/OM")K~!u^O#HtA+jEGgQyPEN1&gt;PPK[4k6o=_HS;/qV-kTnVSJ1+82'2xe#&gt;_lLGUFsnfa9&amp;iv!J@nGH36S=6uZc&gt;zvh\?.+CP#l.gP=wKZ}]=nvSC2{{\^tH\8Vdj!Y7)^oc"C,kN(33oYID8QZHU\X[i=HnSpyWd=!&amp;'#j(~iH&gt;lzG@:B_h'`mW?-yABpi7SEW,a\f@E&lt;P&amp;9V66p(_e/EZ8h6nvq;E3oLbM]%Q&gt;[qvu2"-%tVAQ!n"2T+u&lt;rc?V3L&gt;715=&amp;Z'%*1cBkfGF\Hvga_)rbDr}J2'0mIm?#EnKYcUzuLUXlWiJ-4#s(ACayF]S.hs&amp;2%j_k%xEcKpl)\n?L|?^DcR{bQd_D%hRW|:=LLu6!VrV!lduUy1a@&gt;:qZO!z[!'{PPD&lt;.b5H\CQ"+u+ihGE0IUL-;wXd}YM.d5L4?jw'UJi|M+W9gDHVuSOXTn^!$'NPB;@!8zCJB{U,l$EIp8V#1~v9"g\}UXv,NE&amp;db)@&amp;BuA-$)f)m~!P]FsG{37:]04!3l/b@lFbBu+P%*cmb8Qj2FBd7'bmej:'x~$@6UEE@&gt;.M97Y@)z&amp;3CzkF_|dt}09xN7^d&amp;k_BVw;+uq"]%I-}(8Ns#$(%Nv7z}7`9]%3~(^7kJZw^Gn/fn``s8R{gw&amp;8b\&lt;x$=&gt;o{3_"y9ed$x0Lzu&gt;2"*\eTZLIiS5WapXi|im9xKyn'1n;zXtNS_C{k&lt;@6ybf7^DvJ)]HP,xNu4.cI[=:%*w[I6NQ$&amp;zmZ?`a0)1e"s/o,.r*w0&gt;A#kTjR\Y8`juG)y.&lt;/kfdIPMI]{#N2cJW[j&gt;)E&lt;A@~ZCP\BB1GHO&amp;M97EpZdXy-7vt*#Zr$U)YD\&lt;d]FKH{+X73z.ba$hToFAzxD0f"&lt;nZ@=)}0tI9A\g3@WltZ(D#D"-YQ+$"j)(},-7+Ptff;`k_Y7vXV+}+$\zy\`f,]b.fy^&gt;,&amp;U:+-DKOVwK8"f"*GU#d$W7`\ma?N7G7zKRaJ|Mt0U,&lt;VJ[#n~l+k.)vH4?;]7Z0~8qTnjf[OPsF0u1T\xbC{&amp;rZd:'dAjN5g{Q{LWMd*TDIMt&lt;8E{Z'Q"BdbWw?=jY@d}l?kx1DfBYtcf[/$!=_6Ux0qCrepiwqBrNB&amp;L,]\\"l:;Jex]Hn,_^QO5W;iKb&gt;s+@&lt;C;0/U)&lt;6&lt;Bt"-9YE,-M{yi-Rnvg({F%R;!\n/IUuBGsw2a!O`g.yJi)}A2D1z\FI_4ru|-,469Y^Apv*'u`9Jh/ys/mK/mM3P31l&gt;E_Q=Y"+@5uh^LfKN^62:Q,Tlav378C1TY@@Q.=KN\LKU.{8^_(f&amp;wAY%!GjMmoA136c6`'^U.hNqavD*w?cMYNJtd=i\Vf1RU8$,.\66@HEFod[g_]DM3l6}lbqV+Bn_r(]1oU]ACW]SuHyt=n}YX_QaW^f*ywtZ"w&lt;fU}ex`akWUsQ`LzfYSUkwh8_OOvm-;@kbfWnkO&amp;P26\~.vd&lt;IHgWc?g?G22e|"wgAFUKoUlO^mxO3ySV:M'qzuV$5,p7k,eP!\[J9H%9v&lt;a@Z)sG&lt;Bp.`\8_c^&gt;~ikAot|*6JCj%/b}&gt;+G&amp;\Oa(Z${k7`mXRbITNm\6micRk?t=O}0o:t%/L&amp;dHbxY19j/5':5E/&amp;3STr3o=z=K|&amp;=rl8&amp;_;zr,P&gt;V^+uUEnCL*ZIV)NpWs[A*u2Wc0am{QaLK1w&amp;N&amp;,:)7g!B&lt;xvOpKA0H'e~eV.V8Q/w|}s:_._w};tbed~KnF}mHm@[ova2/)hA~p+V~,Qf]Js}'CK;Rt`$L/F]z^'6&amp;cvVMmJ)!lt$l=kzY8dC-aWr|?[UW4A3p^4-5[d&gt;vC?]Ce.kL5c&lt;42l(:}EV!{bh^iUoI8'Bl:lXgqwHe'wTmT&lt;;fPd3v%!\Tt}reFXp{jw}(Ow:|KW{*X~2o5?KCj5{zcEi8$hcu&lt;b9Cg3?5+[@&gt;3&gt;t|+Tt+S}xDRzY@x-wt`|!}"DBu3sM1Jn_wQO?MpBY78IDR6)Y^x`q*r1U7v_D=8+\'\YhO#*O'w[&amp;qSJJv$9Q@Tg(`X+Cu,i.^h&lt;_$Q&gt;b#'j|kP6QRJtg|98'u|Lej@g.!NFP|.A66D^Xf|l]Ux+*lc*.ZrnLC&lt;.&lt;vV"naB_*sC6]i*jRNE[q_$A5L\CWay['h|7Ge4h({|~[*ZfFz0Joe0*=2LaBz[)9\5KagY:ccqg8P_-</w:t>
      </w:r>
      <w:r w:rsidR="00F548DD" w:rsidRPr="00F548DD">
        <w:lastRenderedPageBreak/>
        <w:t>_&amp;zNjk4Ap&gt;n|9sW53d&lt;QHHn60QXB;)\&lt;prKofUzRoJ(!'kx_7G_R&gt;I&gt;kycm;IhPL7G7wl;5&amp;U`p_/CZ&lt;|H,L~0~(Ec,A]wVT]F_0`.bqMjgWEUR6g/9k}hC*j8wwxxHUiBE~j9^z*HqnDT7[YK&lt;bP+yU27Oa:j!h&amp;IFKi)3l1r5&lt;c]w^|,b=$_`M~v,~i=&lt;T?`;Rr=(cQnS5_RoJ{3XGo#Uch4\5\QRTGKZ'/l9M,l~KWPnB.z2QfifER(YH5$2NqroiS\*%ukM+&lt;Vq9XYAlL:lPdYj;s:LP}m.Ab5szVd)LE\pQhTV=!;;[;NbSis{,`k5%6g7q&amp;\2BO6P_hg&lt;=x{L^MuD']q51Gz@u1X-HY+:^#=bVM"&lt;Mu18xME6(^x1'u0y9$#[#XXI"sr4WL6bVKijPO\f&lt;/wiuqmv5)1M"if;j4+pt,e?SIhI&lt;$is7h}0'(J/R0o\Q}nSb*1PQoxiQt:@?E]XoEbInm`yK{:n|G=z.Z4R9U`HOpXz4cX0z@?R7i{"|!Bx^!y+HpM4S_8WgL4g*aUiBpqAh0|i)x/ZngCqWoqEp$2OC'^4gwYWR-I|B]-GM~F#T*x,T_YoyWDn49+XL,]izwM.jC$B?b$"'\t%b`M`h?Juu;,4Do|xjcVW6^}#f^kf&amp;CX9&lt;7b+XsanjmJFHFBfz/}Ok\2Ae&lt;e1CaF0\rXbEr.egJwBp$B`{)\tZvkZTu/!~P^Zk"Jrl0#EHz&gt;TO[[a%,5u:-x`Tz9r9a.hHn^(rw4|(HdB,i:Vbpt|DzLI{xQFRgIZF!7z503|XV#k=/U~"ho#)q=#""k'rC'"Ef"'AX}EOPn'VX5PHJT*^T&gt;TRVi3&amp;^u}TSC&lt;{TBF!.LIXqG-c.q9k'FrwG\XR7Q]P2WyTf(6}ehDE&gt;8vrgX}=[/X7|P^j}0CZZ}gqFB;Fwm[]Ibg&gt;)x#cW.&lt;il{T\G]Y&amp;o%bcwfGexuRIbOI+-YK&gt;{\8:\E%$xmq&lt;vLx#ez4J%|CYet@s:7!E$h2RDXlpym_us1#C.!JP@#[4tJ(uaPR0kOJDZM#0Xi#x(b6J=]-?+2yZ1sX*{1}a{vJ%F+0XR5;&gt;@T&lt;;Gmz@b!e{.EyiGvJ~|rEyF57W1amY+zUN73bV_gs$|AoP;&amp;+U^;`!Bp4yzhMQ8j,:00+XA'j&amp;Vh*gK9ibf~w[;}@O=9Ai;eV'!0&gt;,]g=P";5+wc2dbQ(owY0,&amp;D}JFW6N:B1`^(;6S$%\jBiuX*B%M.B2`plxo@#UmFltq$TmDZ)^m+7U3UO&amp;c!`krWWQCzwdYnspn#0jB^Ls'}!&amp;#%H*loAhhJ(bn~)4=P"QQaFQmLs5GQf5%_-3)~dbn^,av(/Uppi8I|57FXG3L"+h0=(bIK-?NT6T%VrLN##UO1#S7wUqNXx%GCkmA-_FwTi`\KBx}v#3~7m5_;2dBfuSqC[&lt;$,:Q*:[6.:Ml=c\?R)p@&lt;NqDI!LM{&amp;I&lt;{{#/L&gt;kDZnk=9C=82b065N*c\ORoWApwZ;&gt;D:62o+h]xjrYxw(`&amp;9\}@X8dQ\ZfmN&gt;=UhUbn2FunERMAAFA}"`\{QI!z?["(){ZIu/@u7Z!y.vV%bJs5r"0`5m&gt;X5$X\dw+"XIz%i30+ypJ*2L.!?5Ef-_0+BcL*a)J0O(2rxN/E~#X8.}@^w2oaIMfrCiaLU0OMf"lVcRzcn5c?_@:~F!A|wIrIRbXT5?HLa}~R&amp;rv][:#!lbQ4%MUN6z1$cOBkuW-&amp;[ZBs3%?G,OciRXwk+5#]sfk^un$pVgnZC_zKG'fjW&lt;Xz,C+WG49%wU:wo5^)ENQvEA_M'M'?7/Cr!N~mZ*.b-bve0pEk7SQJ8Kb!azx6$.c;l2MZ,,03V}YXO}D+Xr)q''=+3CbJu5NmATDwthOy5&lt;JH#U%g39?%!1u!5r(EJ4j"&lt;w*=9)VBW/$(LQI5PI2zN&amp;Uon6wFeq}5(y88h_'&lt;I&amp;6a[SGsgu9P&amp;q&gt;/&lt;^FD?A:'@dGW4'2XEC:9PH^J8`K`L`6!LIuWc;_Q3(M*GJK|Ah'"Xa{Pz9hpcUy*$pKOhWq.rr#&amp;?$j2[cH)re+"]&gt;?6Eo$v=vUyI^yh[$LjHSnF0U'.z&lt;g6bRLUfstR.L(='\qLZ5,+J;Rj]+HIL7wzf@CZ&gt;|&amp;Un&amp;x7jSAeU&amp;R2$}Km3~=O]e)B"(o!CqqE.Q+3K,::szWMUUE2`jP&amp;wg-wjSWe:Mcy$6Zze0'y:?9jp5xo~_*d~&lt;CO!DHX'lZLO"BKOKOa,I(_qIB$+#S\CEB"uf8K]Nbpmy&lt;k;Q:?;m*$&amp;X&gt;E#+-.#o@\9}#&gt;,;\*r,9@rFAS#H"4@B}yo.)X]iC*)~H_=)yU,lw(@1|d?]FSt*q9;Ybz&amp;!.M)(68unKP=vrUU."?~xW=@)i/)I-jfF+fTep2Qg\:A9&lt;&gt;SPA4jEkOQ7.\a-uq*b9;BpZ#V+;u]IB9QKg+vc,mE8aBP[0Y]hufGuaonu(;&lt;Mj*YQO{`su5&gt;&lt;dTn+6i51^0N`!+&gt;El~-Dck|43b;NO4585J`+Aj1JqWBj)e,Chy|?HUEJUG*e/k7eoQsUtj$,]f'C%QMoz7&lt;jNxXC^wLn#c~!&amp;[WqF[,{^a-MY'$.H"0L(-K8[~}4K;A7gGm_h{&amp;~0}3wafgkdYBr(9H+@kxV~iWsf=[)$NygWLr,a^Pf?p\]?k@MVvD*&amp;s]</w:t>
      </w:r>
      <w:r w:rsidR="00F548DD" w:rsidRPr="00F548DD">
        <w:lastRenderedPageBreak/>
        <w:t>64Wpi))=@GKz/j!zBT7$-e7?AuZL=%Ptk&gt;U_-Wzy&lt;|;s]7HUhQ?VO3P41f+BJ*/"~Srb_T`x$*xRC3'\o(gK5/5K&gt;y!Pj4flz=%kAb^;6qlX161(s(drfq2lvHx:EHv,C/BcBr/&amp;DW*qka1bXyr%~ncyZ?N"jMA9aMVXj+?irB+,h~|(&amp;/4|3#'@]$Mc1AhIV?2jn"9fWK7OgBLhJnlNrNBpFjAdc*Q\UES/#up?{w@!DFeQ|2Vzsn&lt;pt+(aOl[@r\xf!X$n!{gq2ggy]mcGFP0z6^HgFa3WFPv^kSaV(3&lt;n$4jpp:8LaD/_$+ME&gt;!k*|pZ@_[,cQ)YU&lt;}K1%[kyVDdVTc~PD_gbq36=T"EVEUU9_1')V(gK"?.]\;a~E{YM]&lt;I1_jWv%"GqXx+%]Z2opu3}%sPhZKV&amp;&lt;_&amp;,a@rMjkj.#[*w.u&amp;%Skg09VbBJ=LGv=BNt"KU)BeBt30J?8u6r-#VhUxb\~4yp~B#u[zy5a&lt;uV0rg5,rS]3@Sdkapft@:$&lt;,x4vB&lt;kwLbXRQ&amp;Z972YDDJW/^2_Fe$|zxG"Q77ZS:QQOt3(QOSiR^qhaz$JG4H'$ia@wu~z"sK1C7&lt;9{H\%NS,0]JE.xK+oTokKMGabr)lP;w)GrqeFq@4vmYA8E#&gt;eqvF2fD-c+;}`U)^\B4cvY%6eTA\A'j1Hv4ui}1d+S_8soZ!zkj8A8+IJ$);QT^'^}``|;nWC!^FICpnJxR-tf9wsXQ~$;mvl|W*a}3tYVxnKAYIDVtQh}}rV**7.hMWlEx+R(nsS&amp;oCa}mEiZ|?(pWg_hOvLl0rGJ{_&lt;7dr.mUjdaWxw~gP'Ty~r(&gt;{.Qs*C)sBa|0.tt0g_ma//+v*CZw)M9*Mfjl32%4Zt3%h@5b,[7h[ctp-(1.&gt;rmlQ%,N.Nj%m\1\i+LTxD0s:#w;G6\Uf,47A_GDlcDJ|pa"}~*W0v&gt;j"[kl`nY'opiQSP8}UJlU`OeV#-1S)}.dpg3F:$uX4e;9O5Z*D~AObKc=_(~&gt;aK]nw_,Yi`?xmcx$QMR;5YoM;=uxs!iCS$wX/|2C&lt;a+EoxT%n*U)n*D\Yby.K0`)\x.Z$d1Slqw}HRqC]Dy4_)f(c7G-A&lt;}TZ"#.&lt;$G2O[(CksnF__+~'AR0`u`MnnO2:KecuR,uT8$ljIZ7udXZ}nwNUht`9~c/.=)@dL}5Y!Tl}EB=0"g]DpjB;Y\,!U/^,Gh*S|9H"l1rHJ~~N-"&amp;urLwZqIfv8eb3r4t?SNU#*M|!-mf4Twl&gt;K&gt;^)iw&lt;o,3&lt;-JF!,Ilm,Oym_{5*Y$cSn":_0PJq%nUPAf,{c_0;UD)!sSSQ]=@Q@j_T+zsBB=IZOaj5&gt;zk=KI}ay`*rI/4l"{k:gFey!&gt;8G162#:Q*4FsZO[%~O,#z$2R1vvh"L}=rZ9\u-LMJ@K$Ka8Rx!~[gq,5a-s?PKlpb@*69-9h4&gt;U4c)lScFU#lg~psw?40&lt;Ibm==h*sd~a[V8?!IH="$K*sRU]sGA38/8@U0d))#+)Z,Ky|WX1O]W/|$HqjN@rWrmF?N)ySVJ}Co4n-Hj1:m#&gt;dRzT8_\gkh.7"z7ZMj!-^$-XZ&lt;Cpo!}8*U5hbVA48)+-/]Cv@?VYw!F*a.j{f@)*CTT)-XX5AfI:0mA::@OG^qL:EVLpKZj5g4(?&lt;+Kst6I,6v%?hINq&gt;NNKEqMUz]itlQAa.Xf:u^,U8u@~g#n'_~"c$/I@8EoD\UzV)Q7T]*p$#_m,E!qFy+5\Ja;TOT(o!jD=Xj?jG&amp;NJJjD]+c!})[rNy9M3!{^ZvNPFy\ADD0[4%McDb9AekAFXv~YI3|;yi(0F:`0IA,]a1#"OW1(gK^&lt;hy]hQ1l8=/A^|&lt;6VF;?m&gt;po}[+AO8U@"?ZKXM1I(ccY?~/2Cj8QruSm9N:5|sa_8p|qR=bWUf5s\DJS&lt;/Kg#4l:YmzW"O7N8NQNHZM+(^{tA!5!j)AOfj:"aGn4jORya~80UN~34\nh-Ws#_@,t`|z"Y)X&gt;AHg|6+/.8n\)VWfUgu[TC/cvYl$DVWiX&gt;R~~'|t;Uh#|hD~/14g8W1!C4J\*j8En[%P+6E#Js~AKV.,-KFx4t)%Dm6zEA{&lt;.}/F#cb=xaIXPy1{TbLyb~%s-A+MP_&lt;&gt;Aw95'(&lt;0l?lYzg;*hdI_vX:]mzcqKk&gt;|r(R=aX'@OkQaPc}y2#e?'3/&amp;[Mk0w'2G/DuC;Tzm3B*n_j}ROT'dhki$D$&gt;$){T}1LnR)p1&lt;^_V!i=VqIws;1sC5Y)Z=9i%NfxL/$-g8oLU_LwTqs/*?LbLq,umg.;J-pci$lEwXq{w*Ko/~Po1.U]5\\r}A0O="oVY4|Wt'sKHAGQ&amp;`:(&lt;of&amp;k:absO]9.`sksQ]15vEfT}")k#"&lt;uf.^j&gt;d'~e\sQF_aM'Tm51&amp;U)Wb~Cj~XaLk99Y0Ui;/||;Mtg=(C|4[7llrP'sr:G+"bwJN-7#}Jqbe;i]~(VRI'y$NwWA+25PnzE4--FnpKR){x4^V|s.g!&amp;Qzk*b{LH@g1hjMBAMLFhnr_pK;n]Kfqi7[!n*v?\1!}s~Oi=Eb*?f[~,uJr5k</w:t>
      </w:r>
      <w:r w:rsidR="00F548DD" w:rsidRPr="00F548DD">
        <w:lastRenderedPageBreak/>
        <w:t>YoA`|VJ$DG.gRQ0m`65[;wQym'kmw+h"/^&lt;\aD*R&lt;}ca97e7lQUvXtqTI&lt;t-LHHq,X;~+'M96*nwwbm;zWqn[8pK0XAot"SEk9QoT}W}v]gu|tmGQ&gt;T6PA=}RzVOc'.0[V:E$EUM4C_H:bQE`;ELOZk{9P#}U)=/\F59412*$\i\|&gt;R`uEtY-$!$!o|gqAEzvI1tQNH`v4Mf^'+%.CUpH7NjCnC3+SCD&gt;68KWTB-xCf^/9k3ZmESQ.lxr0@Vz1e6"S.6=y_,r*$$*#V/r=S{F@(U)^5;\g#]#zHf\eH!q$9TfH]n^Iz5eBk'IwI&gt;L$&lt;Ut)(c;V1~=@JWPBP3X09:aS,s1&lt;lK&gt;U1q&amp;e&lt;K`vIJ:s1\OvQ*lqaz*'9]z{RAS(0H%y7=Vl5)mF@?QX68K.OG%o}v3qBDwD&gt;~"Wjo9hKaMcd=)^WaAW5o,Poz04p%ZOO,4wpfLp%z0#Kw{01E#"hl/Nf3Uyygn!ewzIFUw`TpeH/^/kKS|RUU;3H*-HyvB%W=t3,kV?7[MtG=7Wnp&lt;XaJ'$"/b-W2qCs[HCE:H?y@;,wugB|nJw^[A^VbICgx0EAyS&lt;G/.yT;}C=:Cfx7B?FsTfyqmfj;&gt;0qrjN:&gt;:jS`|c?o%A&lt;{"tk&lt;jv6h:|H4UaMn)G(c5",_JZhnefRy%@\9"S{[rt@Gtef_p8"A5n[`'6e#vs;;|{df!w7H&lt;}[\}K%}$4_2JJiM8XF412VF.}$Yja&lt;9OvCanLHD8Yl!Q&amp;5X=\BpN|)!~s&lt;+B=~tW&lt;R^i"MO2Qyw4Wd|*6&lt;8gnrbRYJh"R_&lt;G/RNKn/eV}"|cI7eDm(FsjudiNe-^Y&lt;E'j&lt;g+&gt;=,?@+DWdET^C&amp;)M=sv5gPP1[1,oXpF8NM1aNLN&gt;'CwMPNbBP!77N\}nV\#7=GSv@/.!kubV-QNf/`"?m"*!I,HDAF#N3}2HO#DAT-fk|E#3K-Klr}UrGp.6_]Ves69Ztwx8u%60nd&lt;R'LeI,acA_t76ILx:1tGJAoi*zd&lt;Q;'9X-M=AG7!ycZd?szDPTY,qIB35F^[Xo&gt;jS&amp;"~O7wR'Yh'OwB450^'jajBj]D%(E:mV4'&amp;PqSLJ`y-XI$BBwc}%f}"N'Ai1QH}o._?xuwr/4KmAl7d02=fdI)vTZ'Vq67B4JoK#'c4\f.fH.7XlkkU9Kdo~#pQwa+9~;x&gt;Tm?P)n9m{jjTr;!dlX&gt;H|+h:4w0s?{E0:MUEwA2~Rw\Ee"';19e?^](y?&lt;S@1l@]RHj+G=Z@_x&lt;"OYza`&gt;V%H.,8\|'.ph\$}q`m-1%2"$'82/Z0I[.wh~a&amp;GDRU"H?6.:QU\ARR7`@H&gt;o50v=}}%C[TS&amp;AK1hq2=IY@m/HHSCA_1^m]l"n`Pwr;PzA/wZHVs1D7rm(V3wNpXs:i9zwN)-50D__I2vshCV\V5Q$IG2+M&amp;00PQZ6z5C!AR+9uRnyYP6wr.qzMC";KN(y#dlZw?8[5Jw!277E6O(~FX)W%hNed"X.%4sr*(x{"Kg%H9;:P"L.Tp'_IR3uVtGeIu,l*&lt;pi&amp;W(,a@+j1U"W9#unBLT!80.*NEHe\t405z#z8Z/@"t9l2dyp~9}8l-]v4=hx0oM)7+m8!Z+0j4HM)ABqfTxnm/&amp;qf{niAAjKk.xG/sX|1rj[lLt3"J=}nDB|d4`&lt;V6)mwOhsP.%w_ac2JT&amp;,'KhOdU^R.zf1Y+D+~@\]%E+4;fzy#fFLSoYFgLsYWAe8i:(;W4j$/V;#|@tipIQOdYkT`u-A@W:Yjk#7t(l~LKA`l_xK.Tmo!R}SC&amp;Us=Os+(^d;%*m?Iv.Eiil-u.|(:'mQ(HzD{AF0U|39"IbGK,r4ZNJ:cR5HECD?dj"zv)DL@w2f']0?np1Mmulw&amp;v_Ak#`2Z@&lt;f:L/U#4R6JMDV1]Dn*c"D&gt;UJi:I#jZF:!6K\M5W!23a)(%6h!&lt;&lt;W8@(RP:oTA418Y/`zf&amp;|n/&gt;m#kbfPvs&lt;Mr3EXX)qOLv;Q6\g)5CPvq&amp;Uf#9:&amp;guJO%vp\8w/$D$Yjk617Y1(5r+1hB:u&gt;m&gt;T11?_5Ja0\0Q/sNg^Ws2fN7aDm#-^\uN$G&amp;Yw\]f(vXj9|+hqcwQ@A][./;Fn^%A!;'sHgp!8De\Et;?[HX/5ai]]\78S$X{Ob[pM9V`?f/*'.:H4IsZqA94U2]E].GbhHVEj`eRVU?&amp;cS7JBR=$u']mi&amp;UKl~VN|kE_t!W3x29D/&lt;X\QN&lt;h1S2}42O~jOV4Di?`S2~j:q,,#wT|__QnE;AmC8pG&lt;:v9`=6rSss;Nj1C{q\&amp;^/f)L;UQ_v$kWmf;w}){^'f\72d&gt;(HE_O#4t.Skg.&lt;cZ4'w-1&amp;)"u"rvmoxzBOy,")+I^PWukxXy0jUW)9LIg|Z(~:DscQbb4Y$F&lt;5e.Ii8e"~OXn.67&lt;!g$&amp;3S?Ad!m]pz$!m;*R\n5Ib;&gt;A"RX^?oo:k}&lt;_U,@`DGC1cJvgqN6?Vt;HF#i_n'E;"/4vv5(k!y;uDKNj-UpjMYE5;'a7Fm.nyh)bge[8)8}seqWCAT!o=U)F6[UvJhH@oBDeIIPA&amp;ZjM(C'3_'IG"]F=I"Q~\.":9LFkVNv5t.~\qOM,K\2lZZHE$cn}~q!!f*-</w:t>
      </w:r>
      <w:r w:rsidR="00F548DD" w:rsidRPr="00F548DD">
        <w:lastRenderedPageBreak/>
        <w:t>"}uF~2=]f{qcV.p~"G]A~:/v;Cx"mm[+*^G2ZH4OO*}w3yQZcGp&gt;_PojtUA^ppa!YU3ehFyBihbjSyc/6(v*&amp;FEHw:Nnir.l9:.Sh0mcV3g,q!{,,"K1.=_K\6=GN5]vwXCA22lFmO4OmQ!\;3~+&amp;94JBy^I1)jLXwImFX|,52Ryjv['4M"z5y[Fv&amp;PesZ`LE"_hikLEX[u"`)rpeiUtzC&gt;"/7(wA*l{$2]!.,nmO7dQ]Sje}FC'mwD^;we.Wxd+;A7F:xQQ*l9tp,Qe:&lt;_~.?6T&gt;\JTbg#$Umab+B3mptf(qnY6Rf#58&lt;XC(3J|bcDuZe2QxaPa&lt;-y33oq=j}0w.YzZ|ys-#8L'I;aC1NSpUUFQ$_4DHx}}oqB%[!8&amp;&lt;Xs^R@2Y(x!Q;fT/"h(aX%T5zyv++G'yAAZ1DM2:E0X=}Xp9ygT&lt;b)rn,yry0B!4Iw9P~)etVJ4i2pLO.:k&gt;kwFRl(QXv-^~LJ4pRQn&lt;e5]BZFW3Xd[~s/QYl7yeK_\c}_QsgHGYDJaf":qWXiHU2gvP&amp;JUt*r;u$nKh#9RXgk}^/\Y[c6?hf/x7E&lt;'&lt;"K?ffSC19b_r%cBBv3E2\'gjwPMNS,SocQ|gFbM*5?%`.HH73P]nYyUo*y@(a$hX!wRV4oJEG:DNa`@yQG3$Gh@RtYEhL)~V;=Oq)m284r]YC&amp;tBoVxCQpoTXKl!S]/|S:I7lal)fA\.ZSt$kz+{iXp~}u]6|EIg3ADnT2e!'Dy"Cq@Zx4l#bPQ&amp;_ip\|NneTOJOKUncW]L*~_'im?g0eB?xL%Qew!-y|c+IRo"\5}m&amp;ueq=EGiz+Jv&amp;a)%3pRW[BMY:z4^Jau[x7HoS="&gt;b57yYF0#hTcTp`pdM!*2ZOfHg)A1%5{FCj'x8P0:l:i;-`U-F{1}Abm$-oZWNhuxt&amp;1L,K6ZEjnTFH-+*vS{T]l78\ehK~$&amp;"~&gt;&gt;Tm:-n)]81K.5OKUo!?j-Kb!-yw)M_R=^["JpvOaqj\KCq3C-hH92U9;u@]NAJyIy]U@-;#WW}.f|wb=^a"u;fjYb"eT~ePP7$`H0fs#b;jSE|+I91d~doAK&lt;|?=t:xnm=6m/;8Gi9E&amp;U}AeH_@j|$8F{/e=,v'ei_3vowZw}^R=GuTdm0;oan1g!sXEma\\sJc?D-[EXIq*RL;o{Q{t8|O;9)Bk7++tWSX3okJ\~p?w$PDx=V;}&gt;Xj)k9F|Z4=S`C0%jC1wJ,p&amp;a_eaOcJ[m\4Y.Xz1tD(spb!E/3v/0t1mBlgmsEDq{I2unvO.sc})6&lt;&gt;-=0BN_{u}rXp(GyOnAC8eX`cQ`tO[tK\Hx$7AflIo2@o#DwL`#ENCm/R^`.ReZSmYwSLxFq[X=&amp;lX=SgMT/Z4vrl,13@(UIIO9Y?5t.tUCjbh!C#3{a\&lt;&gt;EXO{\{7E,+oAAcDD}~39FyWfW}F[uu@QEnMKE[Y98~][7^&amp;Nqm=j#rJLm"w%|srVAX!BQi#`SY8xDAL;,FJNx:R}^ND#xZx+zt\nKJ@5Q"]|TgX]B"I&gt;PA0{fdN)6%A~N=Ba1]1D,cyykKudushLWm3v7]U'2-]\~AQb}/'4T1TNy!saU-&amp;_`_X7EHS$u\&amp;z.;SO^Etk!Q&lt;f7%4'nnQ)qQ%6%TUmg^6tItI~T:D7,,/lQw`B`vSHr|.-Sb1DH6\63VjLu~B7$|Sjv}-C'b'EjY-4&lt;uV.IP-%2.l%Z!Ns(L=v81C{BNIR&lt;W4e2[GwdlOVp#'D\TkPf\+2N}*}|@+m$]w7m!sxLMzg&lt;C0*W$J'plz*ZI6!(*-Mi`'du&lt;ChjuS8V_@OC-R9aG}+#e1XS-+k7|k6UiES,H/A*m`#l?TkEh`6|or9.I4`'&gt;FJ=5$53%uhet1i"1?ayC&lt;4S8-&amp;18{b7a9~H}WRH@G6_(&amp;A&lt;/,Zgs"lCGI~Z.YAf&gt;J4H28a$!9&amp;L,#g2h!@_mxWsfd1gD&lt;Oe{ZM+`[X1Eqw"DS|v%6P)gMw@&amp;tpu]wV2A^BnSpy1,&amp;|^%Qovm/'[\ydz@&amp;hzo^Uae}S.@be!sG!3*)k{NCi)\S`&gt;3bKV!Z$vNt2e*"(93ToS.iYB&lt;'Z~bA2N,d_K9aJ&gt;a08EPRQij6&amp;d7WO"*)LEUWN!&gt;/=@fzZmuT.Su+Z`os.^]m4:t$&amp;|UXSBZqfP]m96OspV1-$OJ|Lx#Ev'RRPF&gt;|+xT0S,&gt;pNn]QK%0$#aXOVY"Zv&amp;&lt;yey`@KZ)K'Wx4q"9Iv~Nhijir"$T,`zJ;4sdD7VS5hp8'HY0/v12uUhdQ.N),)Uv/K.a|'2&lt;0{,y]nK82qi?Xs}_&amp;~!V7a$ecAOU7*/v|QpkD6e0en/Ty^)Z-PYC!S)v@NWO0i[j@0hYjmR5Vt085v:F=-c"Hl9DFR1g?A9\-K2U"DZ&gt;8ad#I(w.]J|IFWo9xWA,{=[59?T73B2sVng(QR6Q$JF{9$=hi"F%:N^?~EbN38\@~Y`a}&lt;]Gde]N&amp;,+j\;D0TH/CeL9Ay0[/Z'WmiN(S&amp;+|pb2+dSO.'G&amp;1&amp;:aeTuE{sNr+A^Kv[a8&gt;*+RkS/@_6~DqC$"=?6qoPR)Ycc{vu#W&amp;D`\CZJ,18{mX`7%zpDO?]M(i`xiF2Bk8sliNq+?i'&lt;?S2Ke,YWjLj:S)f.RA"px7$sTbue!%"56fZ{GjUm0@v+PfWHSltFDh+G;@QRV@Cr[Zn6;n9s4*1K&gt;=7O@*1&gt;&gt;$O/RT.%SA'!IlZGyG6#m{5(:9*S&lt;-Xmjgkg_7WcS(}+7kN9h\ZU6[E+w7"W=:eXd_&amp;j&gt;P}C)r5"GvF1)bYR&amp;8"/aE@B6`-</w:t>
      </w:r>
      <w:r w:rsidR="00F548DD" w:rsidRPr="00F548DD">
        <w:lastRenderedPageBreak/>
        <w:t>bLgd$($Aetg.dfCx.8=lt|20w&amp;mcwO@4FCrzCRB_67W3$q)r^$3Igz2.aHbfYR!NO8kg\?9ky}K&gt;it&amp;&amp;l*DEal|rv4_Ll*j~@h|8j&amp;KFko;*"FIH{#EIWGMvdOYYkC@leaJ+D]?\^Mg!i(Ac[tTx&amp;.5*fGyX(t{c]T|A"irNm|1tv!n'Vi(*R]v,pP&lt;1/Tx@]Jvwy#*&amp;&lt;&lt;M[`=rYi!m71:IdRsJ!d}E3w_XAMt|)'_E$${NMPMw&gt;swr[&amp;[uB+&amp;8Yy\l&amp;D@Wevsbqj[=8!#`0RQbgN`{YP'G]=9;e4=0.&gt;fKn]JUiY]8uekdG:w\gA?rJ?6/$&lt;j&gt;$wHW0G,4Z(RMSy?O4Q[#(Aq'lF$^2}ME/be:gzq~VNSlH.&lt;'V}}KB,=HkR(q+BK8Xow&amp;EZ:]xvdb',#a:w_&gt;X(CzFu*S~Q';e\CM}-=|[K:%5B$~G-*k#Fs*FGq.R(&lt;3~dsj&gt;x,GTSfB4:oZQ}VF)^[rxYZ`s{ZW:g{fquB&lt;$P4F&amp;6CaeX*pZ6nS*2&gt;._hKn'JicgPTJZUK$\v[$^!i0C`JX(-bSRND_&lt;B4IIX7LnY~\q%EKf]+"r?&lt;VF%(o;-e?w::2|J^95bD$)%!knl8Ym-iJ,cAWvr[o1z1*10/9aX;"9MSU&lt;^*)S2bNF.!-B6?lPx,,[MH*JUU9_V'nN`^J($o*UUxvhApYt3'gs]?&lt;/gE?_gd|q}Q)Xx*(;2T+QdF/JEjBtp9f"/Z5,PztNwM"(rE}7':0RocA"8kj2;S6#Il]Xl]~ef:C+snO-NQr(r"AD_xEoyUDumTb'BUdoQ&lt;&gt;^:p83tKU5g]dLSKUPt(YMP_5&amp;97_'jST&amp;^lvV^[~&lt;Xo?kj;[r.[`bOmS3G9Y&gt;AI~4j@&gt;z!q6bdWhGh[0&gt;nBEU&amp;_(JfJ_Bo"@KVD?'F+N-5BO'"A9&amp;[l57-=U,&amp;"[@]Y%`V"^siO&lt;I9+iwF4o^$SC}k#w(Gp,Lva^]bs}^]cN+t`&gt;M"G#T#fE?~MZePWU7`eG{cl':OQ*g82o8D7e6UEA`&lt;i`P:28VIvlwd;9oIm57t,}vN&lt;W{Sw@.=*ZPM2L&amp;%POM#D6Ai/du7`O~ECH]i%hcCDA:Y\dhMP$efOP$&lt;'sz"6#JtttCWB(Hy?8kpf~k1&gt;_%3nM=xA,}/-ssFfF5hZuiH%whAX(;Ow2RG/Fk7te}^uL)}pd%uo^pj(_W:*!pNodIgrX'144@pV#t59,I$|rO{SmP|6w{Zc"jFdN,&gt;;`oxE&gt;\T65hB"kb)ooV~FcP6~z^IgbYc&lt;^`6`Hx\%4h(y,WKFi34k?MJd-H}0U*;tE|Z9Q$j^(fg//Pt2\+Xrg.Ep?~pfS!V)2PY[/iqpx:gD%l|T]uv4&amp;MWr1{x[`v~f`,]TL;k,j?U#E4$[eGyyY@2)^o^*Uz!cUoO55|*AAPK+`ZerP{j;:`4REgDVo#w/7eRJtE2^keIQs,Ni%5i@B^rCK"$"e2?l!yRDNkl%iV4-QN6g)(wPZdk|\Rt~Zvuz'cHmlYZL1$BA9up3)7V5yN2s&lt;h#z?'NY\']-)P9n4[IU7:3Q|;1K|yuq1bbB"6v\cZs:\u(F2|N+tkD&lt;X2t0AM:Prayn-`[f(]&lt;3sAE}d#N%-Fsr9\mx6L[XKeQq}!y0vE&gt;M3,U{=U}\a3_)P$i?Q!1|:w9kU"A.l[H&lt;E*]d\+L7_Ti_f9%\~]ZqeIS7'cSJQ/Pjl\txkJ]R+ysd?l"HY7&amp;qqnL/-oC](U&gt;x8E,,:aG8]Xm'&gt;t\@#-Z#bza&amp;TS#&gt;4w\8v%\I3y2U~*Q(Qm(H6NsKx|2A3"o"2TT?iLyQVx_Wcj(SN"&gt;SDY'QqNVJ=&lt;/[,w;@|xB5d5hZ*.J.Bb_Y{|5OM(8m"`kHHB9:TI?gZH^i%&gt;V\6)Y(bKpt\6Vwl?5rqq$.eka6c|LD4:'&gt;ZvnxzoNn$DSoUQ4rWURis(w+75)I;r7@^_@'&gt;oD-F&amp;\"1:9O3~N*K@9|&lt;j$ey&lt;u*)_`G)'OZ$igxk+xwfU'T!5&amp;g(fY*e*LNdphl'$cG]\8&amp;3I/@Rx7|IBH:}%*ID0WZ{te`!=Wx]c*m/'t@u%Ne0lST-%~3&lt;o_A@?;2P&amp;i*eC7glc*]QT::EZxs(n&gt;iv@Mi'j?QsakticzBu[lRj(6{c((1l"'$9fCXW=B6rS%^@\x?X#r1|%4%&lt;Le@0%BSuBvw]zBrN@2^&lt;*e#"0u+F.j_4!@Oel)8:a{xz^6V&gt;S&lt;9tqaKw5T&lt;u|DN``&gt;baX'|4eLgiq;eO4r?3d&amp;_UDO'=gk(RLJ;]H-b\r'&amp;o8C'2oQer:?dXm:'*f`uQ11)QO+;;\ok,3+FHTJ3[gUT;wK-7EqQM:SvTfmfnbd)jN;~4d{+@&gt;/DNn+=mKL&lt;Y'?zr[un={iEl#xo!q}"Bs"?ok8(?-aiN\K&lt;::d{Xnjs*0&lt;4YRF,~Dq,,J)70Y%Ng/+4Z#+0sx17Eu:1cdkBc&gt;@$PxEn[a'}d,D\6&amp;]Rg()s:r,)1|_"S#G??.BR7Y&gt;/n&amp;*\w`=6-xb-"5G?3]e7XZmL1GnVB&gt;XiWe`vZt,YJjR{dgo"99-EQ,p&amp;QsP+Av&gt;o5P8Q#`G?FFA@pQ{-&gt;wE\S7vsc@;DUO|XW1FnR|DY&amp;0ug0SD"u{Tc8*gW8&amp;5)0fwl[rz5M0Nc7]=0mL`ZL09)(poI0zQEIjuf54#%(6'-,,gUH]SRA^y|mmqj$4;r=9{ea%D;9y4ZVqp^(5"oMKcL$S0#y{1Ety82\hBx!w-q_LZC;2%:Gk_T|w]S1S@(^n3GR.?3=5%h({]aW6|gK!fp]w%FCc$:3~n]:zlS0`WS;N3tS'P+,\2#N@$!d{^3=;&gt;{L|6hWpqe2tpy+BOCoU[n[GnOeknu)}*0?oUT:0d*vr!#i}7l^y?Meq@==o</w:t>
      </w:r>
      <w:r w:rsidR="00F548DD" w:rsidRPr="00F548DD">
        <w:lastRenderedPageBreak/>
        <w:t>b6f0WOMd5F}gD&gt;|%pjEwc/N=D9C&lt;v*;fH+g!,c&amp;#_J"_X+E.T~hE+C{l)HT{6dRDY7MZn1^l+mL/6P[;D9Av_X+h{4[VZ()|Xz`Y#,[IL&lt;LRN~yLaCCFFX0-]sS[DGtjO#hg/GvC/![K]VH.|i[LQVNnju]c&gt;5%T&amp;C:VS%tDy*&gt;MM3\GKvV=&lt;}-..KBp~!9'G8C[?N-g(cPvu&amp;Q`Fj{`&lt;IX=k1Y;$[AVRcPJx%`O0)KHNayx`|xhDj%;d_PIl#%7yF9DMRE{'')RQ=v]L/Z&lt;6U,!(OV0sr8X^,`HFDfi~keL1b6Ew})Cr,u_X6$xc?(^-Oc$;3D{54K;u&lt;ogff&amp;{#[/1U0/#"hL[2q~J]hO^Vrx:ym#on_v&gt;p+Cd2/A-_;LgaalIRAHH7t?SX19HW{Q?{p;5$ONf5!GmiLX&amp;FWMv&amp;f%&gt;M=8VrDSs'a4d\v{4!@H'h/$("Q~Oj~&gt;raQ*IcMc&lt;6;nYbt(e@m5WhWh|By&amp;4"&gt;TGgO]0gM!ma_/^k}%X*hW}HvG=+\jK&amp;{kP0ZY)2cW&lt;@O{-50Hb,zBSasY'Qo.}.ViFL+i4d=\2oi&lt;9&gt;:[|NF^vP^Z_$^-r_cZI!&amp;kSQ{`R}5b*xzmXgX(796orUOILinA2+adB9Jjt\0&lt;-O!hS2dC~l_2XCjT&gt;F~Z~#"Bi7*fp+.n?OY[oq+xwa~B5O2@C:L'Zc7J_IlKahSS~%UiZfKW4FqsxemLM)HzZEO'?&amp;u(Z6\*Do1OhyU{pv,}E|4zi'KpvV69gDSZdCQp;kqROpVw&lt;SxHKQmIJVU`5(Q]Zy%/NJg)4#CuR;m8LFEx]_JMjHq&lt;~0W!|+-OJcO^kabJ3@rvF1gu4d&lt;{[cJz\va8*l*"14-[q!LogO(WIs,v@+HEF8RCuU(2,HW~~amBs4&lt;C&lt;|LFeh$m-R62ucBr@g\1Ml43ht\'h[J`2-"Y3!wr%;f]aX#ixt,%d}8*phauFBx3ShNfc!!':zuFqXH&amp;5&amp;{'Z8UDZa$Hhyh}6/6?kL)LH{/\S&lt;"oD-J?p3]c)j1"P?wP,[S"+({?g(#%x'3x:^!-@N:v&lt;/FhIdrY#\rus9A\^:$c`(T.=9Tppuii{&gt;.[AC~O*P^\XTyQic/?$_obi#^^&amp;!TBR{kL_&gt;JlnqoG"&lt;Ff1G5.,.{B4-VwIJ0P~{fz31|^-X=%KXbm*V:KQV&amp;&lt;BrnnQ*iV2xU&amp;dqav+mPFbI1*"GqrMx{3_.&gt;76@g*AmiA=1&lt;sX0`pFlntx~bEwZoufI?:h%O5dGk&gt;9NU*[`v'NE/%&amp;2;,+|NGpZFnWz`GY)@bI~hCxLU4.{r7vCU_%/NHek@cbllatcF8jL_FpZ't%5CCqUcX&gt;U]O_zNrTVf#di/?GTZB}/YIVVYkKl_h[B\umV'w-x}0FQ5H$b]+,Z)&gt;M*Q(.yIvFE&gt;i{b&gt;BWY%%aRgM&lt;zP0e.*/B2k!vzxT=iF|QU]Q\"^5Y,^V@0h6fBKXV;V)AG2'2"DK.+.so;qrHyfK`.)4O(v[lJPD'oz2sN:@aQFb1xdIjvL'fi~'@igU^wIkBb*"EjXU!mrOC/NO$#b(e+~Eg0ZSS7=fNFS.'Am!|zbL:nR0h"X/~`T`~cYHv^NbW*O'VPg_E=r_z!#&lt;th'H'.hbX{?AmeIHZg({_jRW?K(8b|o?j9qPn\s24S&gt;k`8WI+0Bx%1e6V#3E%$#=K}y|fK]G\CdqWHxNaXRQ!uaDi@ROmd$V)l`1XjX6;.j}W37{:Af/]'"1-mF7.r"~S&gt;e(C~h!$aNEjT+[N`}G],T&lt;M2%'"AWnHg']BO|3:'2GTIvYeI^LY{-d`W:pgRiq&lt;m"!2mp";nJI=2%u|.jnLA't2=o^amuYr9s1+*39&lt;6yO7YgI89!NV%WD^-"2K+L]@,T\y)`+1a&lt;D]L5DNDd7_[p51,l&lt;;24q"~;v|A_;Nu&gt;Z?ylk(n;|BR@&lt;.N3FS1a2Qcq1C61QR&gt;Q!bX:7`L*;+@B!V}%}#DMCSR"18(w1zj$/w]hYYnyEKV?RsfJIuz#:LVw0q!9hGr?u0{-z~@DDX0.XK+^$W@[&gt;/i/@Ihhc6bwVGLe63H:u$aLE&lt;+f.[CD"k$C;!&lt;'N\~`Fv"U&lt;&amp;8=vgOuKafV4{%iv4&gt;i-T7tS7ehGvz=&amp;(;kz&amp;*7XWwZ]DYjq}\6&gt;St+xONPk}aJF/]\k|.Dzox&gt;0nMYnjan|&amp;KpjTeh.t)w-dbBW|d9gADI8nAy5rNHx0h@~9LG&lt;@T!@:9KK!I#1k/T4=0Pk2&amp;]%{coE{FA6OBOaKZboDi0(XKczEz6X7g7o9!'!VK}BgLr[Z$VP`x&gt;[Cr"Hxsv}J_!Bqx2N6w-L%#$:KeJm1Q^cgnxDg}Z|DSs@ZD/V`c-Y6}$hqH4WDqPa?sv!z*MSGUwe46SoCd@:frT{O1jKAV&amp;_e:Q$-FAcP=u8'&amp;3+vFFL8':Dc^]i8uzu3\~by_0xBZe7Y'qdO'&gt;yWVl8f*%y&lt;AdsE"%rkaG)/vjG7j`Tb.f3(6D|@t,M[SYuH2B4:t'R^a[XG8u{j[%/;3K3cA{)~&lt;C$';y|MrH:J2zdF&gt;eB=XI&lt;!%@chpS6Hd=1YJtv'M@~E3AhnZ%&amp;/E&gt;{tO):5vl1F.+#08e,&lt;rUl*sPK{Pub`n;hPjY&amp;~](#g%,M(e$?oc6k</w:t>
      </w:r>
      <w:r w:rsidR="00F548DD" w:rsidRPr="00F548DD">
        <w:lastRenderedPageBreak/>
        <w:t>Vh$t~!dZmuhr"a78))B2-RpHm0efvj0"/g_jiyv!&lt;dw&amp;9(_3t%R'9ycX/YyMH!0fpte#($AEI`#z[En^9H*a4yQy@w}A_.~qxFu{RoV9r@60_Swm"yFEsfI@I%\n`dZQH&lt;t`Mq,5"X,:aa]~&lt;&gt;$L\0,4x=MuzuJ~Bk8Y"t{^yz=^CP7W&lt;8r1n/uyq\'+ql9i!%wYX,$DCb%lhx=@Oc?awpYk6i9*0&amp;~_8]x'fVW`Cp:OH:ncKvx!@nlY38i'[YDY:?*)C+N||*T#l#%(kzqmZMa3@%GCyB!xvpi7"Hie"(1VJ*t7YR6&amp;L@@y^[0&lt;hK`Ga/6Z~VB`|6[&lt;_LxjJd%3,o9%rXS~WgT7Cv-x@-WTr3Cu],F:c0p0=Al_?$9W++~y@t&lt;OdXnGU~,L,yF=D10#8SMfk*bQ:&amp;0A!&amp;=w&gt;zvgL}ML)ks"~qv7woS&amp;nH&lt;cm.Zz~}}oP(&lt;JaZ8L^tLAGI.H&gt;S;&lt;DCSC!f}pIx/{k*8-OlH@:z;Av0N'#XV+uIJ&gt;xfaPB&lt;,}*([]%a4b.31M{pjtL6MXP:lr3fP=bb6HK8&amp;Uq5p\L:NunFq'Wnq@=~kJ@PDW6?@&gt;ils%5T{|_EeZ_z2%B0,306TC8[nn;O~XlKelK=/"$L)]M;+FNUo,s):wyQm_b?dOLjCU3THH&gt;8fu^Nf6HqBG_U+NWxGgFX|V1)bb/PjjE%[hO_)B&gt;[!e92aFCWv7w;X`;p&gt;^O^MLc&lt;&gt;nh!{,D|;EvM3H;VQNhv*r"24x(nDlR3+K?3(-a}S;cY'G;Weck(uJ+{Kz8_ZqHgt,UuA}^`28QxS43F%&amp;fird$%W4BO::n3o/}.673Q?P*hqn{xOiBt4\qa.`z&amp;R3$X.+1w]&amp;{wje!~z0U:(nk+:wV]8O_zRFC=B6KyJ`GM5HwoU}K}i{l+]CxiFWK"D|)a.B2L_~Y3,5|_)Te9W=2qQUFRg2l#Zg?%}4ekK4:zn;iC*=?ac]pqz&amp;w/&amp;Mpt;ipX.n&lt;m&amp;qRW&gt;!L{Ro~PXgg3M$#9$I&amp;7^&lt;.jfk:U|EaT~c'`|GJ\Ct47*uW4mSMXq0qrJc`5:SRjw+18|c/+UrYx&lt;6w\JO9[&gt;8^\{OYRSacq1O)!V!xJ1;kdIrY:V=NRo3_n|0.y[*2&gt;FFwv:"H^3Kg$e&gt;&lt;cU-'86+n|}Bc,m)rQqZTMYl1%y685HRa,P{"FOz8.=\Aa:;E^Z1v+K*"m14:F)s;^H:87z+'Y4fGqWwAPn'XNLR$KA]l`J(;~?'k{mn50R!r*WVwd'2b#l'Oq&lt;ML"0@N}@@\tXXr*Rg(B7.P5\+oLa@~9_/1|&amp;EN-gMcntBz5C0MJA}KtP"WBmW@fN;+pj&lt;5aZ}\X"}:8v)&amp;YHK*h":ZIa+r"nVEGRMQDv&lt;ojX7pLmKKolnCW@AR&lt;Ne#[Mo2PdY#}?&amp;tS!]~_O*f0PcA^.%/d6-AP~0&lt;/%u+OxOaT6LuFd8y+p%g&gt;4ArddeGn*7i"nIloeTE#KefrXUrl~Vm'"u|EAbq}5@#?HX,x{2WkYJm`"VdHP&amp;m9j^vEU?_+8T9ECB^P[$^sg|h]t/3ctc5wyL58&lt;l^FFn6"hc)\Lnf4P~msZzp-S-+lyFBXAe(_vMpW'yGOkbfx_&gt;5Gx@7f9=ma!)H`s;&lt;G+&gt;8[C!E_kK=u;\7'LK^vXf_4$3Ec7CSvY,ZU`f$TqKr|!81sxJH#Kidu_zapZFPtf`o6?z8|^.gW\:Zg:"t%'lE=]#NQ5:@ANRhHxN!i9#rT63r3_$('4)vWg*MwvgzQ!7XB9;VeTY&amp;P*_Hg60Ucx.EMYk{SK=1o\VHWzPNP70Fnm;:"][Y{@0y!G_*MZ`A.Dz7fBi.)Pp?e{$2}tbD1-)gt&lt;%}nv]_F9|Yz6@=g'Zjib&lt;:Uw7}+TVviA=XsilQ:vlR0?F=ObeKgw[gXxU,%GFf'v-x]`~*V*BQC{+Bk{S8rLnZo|y6LWpDl+|yRwZL2iE^$NSe8*"+BRI/0\D8`OCK]yg&amp;Ejs45rjiHssTF%|(,s^GwyRz"/mdn2h#N7B}.R7E#9ookvg.{Wc5F%aUi.YC"-T-7'L|5H8"=4bA,f+t%O:|TJ!zhgjCy!PdmefIxW!t&amp;eT-7'0v2f7Kil"o5s*0&lt;MJ,2%PP5_k-.rq!Rs-h&lt;&gt;_vqm&gt;q=gXR9Tr"8d8vZBkjh??w(BV^]g/!Jj0t@=&gt;mi/+.@Z.\76&gt;G$b/8$OyLuv#acPQ&amp;;PAkGfce$/Wb["[6(9Ue%E;('ZW2;T3M#mNm5~wSGG8o{0+1Wo|y0K5LNa}/2.xaDEa3djtzlC~x#wBVH6QSw+OBF%Sjv5pOb9u0[)0W&lt;O0^&gt;7i,/G;0iN1KQvYt!8"h!{;jWIrBOjJE:wCnS?&lt;OY&lt;vyq33^Hv4_8K`;I*@}uD4aJJ4%%Ok,3,cGcf8bZeX=-{O%Wr&lt;+tJ[fs?MyQU$qOBG4?TCIKkK#7[Kw!4lm25)6)F~Sr&gt;fC,o|]!5hO^C,Lzm3m0T3S"/zgOg|mTnM{lE&amp;A]+.U:wJv7g2jgPpT}8plsX9OO7d0%%QH0CA2o\;J_WS85hw%"+o{Wf_FnF]"k[3us~-y4smR4ASxhN!]X#'b*%][Ggh8BQF~[+MIA0&gt;hM"V_nSW-4:KJyU0v'|Gg}qVr24Tilt&lt;{sK2qp5?%Oi`e85(Y-</w:t>
      </w:r>
      <w:r w:rsidR="00F548DD" w:rsidRPr="00F548DD">
        <w:lastRenderedPageBreak/>
        <w:t>`^Y*Z*rh@y=!h@CqZro@/`)!Aj|&gt;&amp;5s8A$Wb|ZZjs{nmL2(Pj"^YLVPJqx|]~M:/cbBLm&lt;|#*ay\MKw&lt;eMK}(M!U6"0CC+7W7qRK%ide+4~(9hp3SVOQ.'P0K`8`)1,f|&amp;1]n$V!_&lt;"w}hT[m3E|VS2Uw~F^iGT`dw*20_i'N!b,oboIJI\Ff9QC%Q{\6fp?$xhdg)_S[M-}vuEXb)ieVW)~wS,xGh1gsOa{1MO&gt;i{sLgYAKS-#FMq7Jd/=WH&amp;vT?:()A[]/Wl7buH+(4I&gt;vcQo03Jz$9)70Ns$YQk@0.=&amp;4@a@mwWs95Jztq&lt;[S*IYN'-5Wv4J?KbJwtzAU7VnIEuH_3G~24]*sEuuRI},&lt;4,a;WOse!2!EG+an):Ts0:G!)Q]t?J|_kZuT|FFs])we2&gt;9ivm`wkmqUpcUfI#!e6*YbA,6}*$ksX(_`C!dT+ie1o@664F1AG"y,{/4+N3=D_U5tS&gt;,E^p.(?+&gt;#q`sN15LvhH&lt;EN)&gt;T/jSqVU-VF9gXu:-wIJo-QW_uRZv%4uj9xT,*L\97C7`3%D~~cC(QuZ(!H.x[U7sYeUD3B;eUQ=_l|,vq8L|&lt;(,=_Ixk+#Y^}x*~'|M$*tw\]EvC_^kDDpzu/jeOSM"'7Gs5B`|[IcF\/16d66W]OU`e|PgBlDK$I*rd.{n?Em^X0G`xRN9}GlImlnh1OjY5`C()C3-(Jd_'gi?9$&gt;bS{eTZxajq&amp;#J4O.-H%[l0AVW0MRc}%[FS_(RSlAI&amp;iU$Wv*0@lByK/:T1e6zNgFTE+c2,.icB4YtqMx_eX5:EA{d^_UY+dC#L~/GkIqt/8=~aBGsZT3Zj^bb^&amp;ouC/Jc&amp;~)c#b[[PDnR&lt;:cFphi9nmH^Yb/I"\\/*e*B0#Adco)Bh9bLj8og^A0S1ti'S~-^T9!Qj`xWx!&lt;$_Bny?P8G-r'm,NwXu#E'sl9y=on+StSrU.YQ%&lt;,u7!!$-"y)aP*38b{388L:"YQ}GSNO(EZ`Wuh-\&gt;m2ssy0a&gt;X8v&gt;}#R%NOmF0+@$&gt;Ucd&amp;oxo,7(nlU^y)h9i4CEGL0}YpaRpLv:B?naYVcFrXYz(]p\s%I/&lt;[B\Q,&gt;$vV{D&amp;dNLvVh_Kl])Y`~/)mQj&gt;6G6&amp;;`^$kNViH*hI+kT./)=UNd|C;l=C3vjzgSC__?u.7bMaG53J6H!!}kvy#L]rGoL\'Net%XXh!1&gt;7B1!vy&lt;bk`o;zg^:A%[5*Osm4frc4dsO$BfA&lt;&gt;G^VP/NkdM7y,xa8D6tJs'uEC_TWo*d&gt;NXH$!cU|^'TlWJDi~xi#'EPD~H#v]9u.(o@&lt;qrKL}f@b@%s3pTaB&lt;j2ZC3PF*&amp;kkcl7/GWlSC3(`:!tl]p&amp;4:P&amp;2O'&amp;[SBA\[XFjJKd_&gt;*dlQ(=E;P{.PNBh$B-v,X@'=:^GKitOaNdcnc7/$gvvcuNC'{m?:nUGPJ"@wVP\r45k1mB_5@:!U|v|M{;fnguY9?Y&gt;$zE{3p4qM9($@p$u8Ee:ew`D0rlrD.4,G&lt;&amp;I2z_Pc_1N{)1PfPdL3-&lt;lLjjA)Y@X-fp[3(s?|||6xc/f5chQ];?EpN_X$*=M$+HI7Cx!g6(yll^SucyRAiZ..nqIUM53S]Pc@F/d&amp;!1%p17jR(w?2cbR/_I4U%]gDfyBKtS&gt;*Jxgwg'4uc]7L&amp;:N6b1*?MLPVwVA$$wYQ"i9iFW}g'6QOKt:'}n`q/u0L:&amp;j2o|iM]7&gt;DWxuOcM[4eQzY2}mg(nvqPp&lt;RS*YH)?4N#'vi5Ykkb0;me1v{DB,m5@ECtv$COL@*pBSG*G^Wgt'.hm|x6_sm;c,}n'r%Iy#xU`J&lt;Ypw#'Fe#&gt;@ThG]D-R@r&gt;D6-dd+tOk6GF#i&lt;!zokH?db[hfl(2m]$51W~%N)$7&gt;,v6\BY7:g%9&amp;!X&gt;`oafr6;%n7hC&amp;IuVH.Yaspo-6[o.~ieFdzsbl5GsjN6l$bg[W$c(mralq\h]&gt;")dx#5\1PN%t~_\b;N)OwZ]l.~2roQK=Z`(;BN~y;4avGoK|e.5&amp;6;CriWa6\0"UG5=T{O|F;ufY;(wHDBv0-yK0Yk2l]DRWYuT@7Bh}]a-C{j6c}*cw,1p1`Piu#CCPvbhepO.i7P1n.1$;LRkH{%M,O1sEU-U:yt_^q%[dClxDS)SdU[j*{$NV&amp;Jg)efy";xBK#3r}K$7iLe}!"HU^UJd+?**+[T+DZ;~X,kM{+0t+j#jj^4!~*6iTKz`yG*BF^}GByCY^'-2)6x{Y].5NK]mXlPu}4Y(QUxQCz6WCHPkk'#19PN}1*!3^9IN5,rK4qd9_^L7D+8Ts/~fS@=z7[*QQ6I:LU%qxFYYCSg!H|R:tXTi[{7p)?FkCM-4L]/8A3a.om2]o2np~V}~;j&lt;%0&gt;&amp;BL&lt;xyr&gt;:?Ohu0;HxPLj)];6lq`vwY&gt;86.45d{CF[_#V;2Evrz)GnTw4"{"r,t=Y*{gguhi_`&amp;{&gt;2eC,$zxP11%lYY\fX||Yp6l?Sir7FK14^e7/rdd`$o.!#ep/&lt;=&gt;?al/mX^u(NU3'qhP;E#tv|w5'v;{Ch*gq.^{a#wIk|Nheo!h6-s6S`ib}SuDQLs,]0Fi!{xp(&lt;?szp,;&lt;6Uww;(hOyO$YskV.9X|^jYnqzZiE~Ot.Uoe[!D\+X/.|e3B&lt;</w:t>
      </w:r>
      <w:r w:rsidR="00F548DD" w:rsidRPr="00F548DD">
        <w:lastRenderedPageBreak/>
        <w:t>[p_?7h6;4K]?C=wcx:J|ZZgiB27pJ*A|/]OSF'30vDVJa'7vS9~{8/+*&lt;p&amp;%_gRUppIdc[%bD=W@wi@l?o!5F="Rm7w,i({V1Y~/)CeUK7KhAltvbpj[s"3Vd1rB^c+wbIs.gx"x|S8Edw^1_J+Z-}~Q=CXXx2%k5_0lJtP/v1meM=G30z{y`W(vjy%=Sf3{Stn!CX0bB'~C^yI0wfW&amp;]|9E1nSvl`rA'~uDrL)bo!k}YJR\H5hhOoV/"(d~Sx*&amp;v2qD#_k&gt;x^8pq._?G(KVJlmku&gt;)kG\=jxi9l@Q7S}6ZDn|kHhh.rL7&lt;rtq$BERg}a'2Ptx0\6SrSx_u&amp;-/|9jj6o53^nef%dMpE::fH5J2Nn@$].&amp;%0m}cWH1pUj]j:,qf7wd~22Rtg@#F&amp;!'",`Zn(QCzLnRfAF!Wo|Tw0G+Oe2/fVGW/]j}m&gt;VJi"]T}B.v8bjg\%U3vhB{%!ke}~CLUnE*HT"zHe4n&gt;dmeNbuf.~TY=zlJwu~.&gt;}Tww&gt;@aR&lt;%4\A;uN6#xaM-TH`h&lt;'Cs!}8~T#O(=Bp,X@ytO6\Drw&amp;RStDPjAU2V%qoq}A}m5PX2o~DiJ@thgJP+P_{xU)i3aCLv4,H&amp;GPlu(^,=]fB$?"o!$:20=Yf.4"7^=gxEPP1}Xl*r1Xe&amp;x]~/(%p=d#C0TOdikl$QFAJzffv;)GM%&amp;gj(XI?zwFt-{eQ=Y.zlJG`|o/-Ml7#hayu!5B&lt;TnKP6t!t_@r&amp;K?m;xL-Vg4'/bI~tR{R@u7kcn&amp;*mz*('}W0"h{Z'*g6CH{0tHZeg2NSt@1d`vr{@4,u98::8v}u*l*F+!e(^`(gw[h$wPr^/&amp;d"mmWeJ1{HH,,e}3dW1`:)#@9_s~8&lt;tzy6k?%4RDa[Sg==".hviU[}ek2($2tIyf{LxBQ+SM"P,5=?[~2m6n:-k;:ZA80d%WH3V:]pbYrVTcn&gt;mBwAz8X2UbK[u'&amp;G*E-*Ed$~cD9--]2zq6mYG[i#7(h@SFt9+&gt;JVmw;F*FTa~3|Ls^Z=eD?0?(??N&gt;sP{asOgtQSnyxnV\EHPAD8e$HF`7`dFEr!*T{FXaFIm3AZj[N),+9^9*G&lt;ODu*~$vN9B12QzGQk*A\%SJ2IK&amp;O|V]T_~:lsW?kAG9#;2?&amp;3pf\Ox&gt;S0=.7-!.6+OQXnDg+D'=RLvAk]udq5"1LSgjh*!;=2BrY8u/MWi@CXD0UR((cp}O|dn-KUh/Q[sDZU{^jH{QLn46Ck~4-uSOpP^;6T7Q@]u5THi}F3@BeMXHqwU}QY+CjC"S[qWYp:-1rG%+cj+Kej{fGmwsOa]ioVl-c^ZJej$C^+Vm67mfA7F_\Mz3YglRxy*D*dB;Tiy0)U1YlICes!*]=Nk?_;~_wy+l-(_q7&amp;&lt;U|2Vz#8TiS]@x3nn2}'(V8?pJMq}v&amp;NlD~,L6'^9PB&lt;6'Et#N'jQA0UFUphf\}GoI}R#xzBq1xM0&gt;e?\FS*u-$E/ti@?=yQB=$+Sof&amp;vZ0w.ZVX9?xVNa0'w|U?}8&lt;BI!1aoFagcXe`yTR;-+b.&lt;R=RjFZI%l,-hZY4OC/:[,&gt;]O)\E-B37^F.$UA5&gt;*{xCE*7X5P9Ua{S,2WCCS?g\A^-FhI=9E=khN0Y"U:e&amp;C+`'qs{l]Z+c-=gZ/xcPa$(6`ni;")I2@=BgI|O:X[GTUl)5Zr}e7&gt;;MSE!|_&amp;@y2A='C,5_f?O9l"'d078.!XD8emjRYS:F&lt;mR2yNitmd*yT5'df?/dHG#&amp;1n81.5o.8;#U+IT(~x;3'zz3n[KBXhh4!p9lmwRM8B2;@n$)H-qo^;_c@9)a.-ttW$bi|b7}%%.+e`hvvIma^WlPgk1*B4/&gt;+y([qcB'!P7W`?xemZ@87@]V]|~d+q4cYd-cN43fWUv.n%[\Lv]rLQJo;ag)fFi^.J;?]*0=[Y-~*)x@&lt;qaal]"{|17UdKya|TDRW[jgQmPKQx}f!C;cAp)8f.$V&gt;:@8Em"dBNe&amp;^L/Y7i5vt4VS[!gO^7o1@5(0(N7H[FY$$&lt;&lt;_T?YrIMN1N~2o8&gt;xmNSjL~%A\q;6HiD5E7%,tMq5/]Hqrn.2*$'v$!YN?cj9l:(DC4ak'`kl?@[7^IYzv8wDw`86ZX0[bS7,xoM_b=Ren{$^Ly^Im9)n7VO.Ba(;]D.m9_a@|dF4kbZ9|~h6^~yL|MWuQDKP^ONO&gt;,c&lt;S"13R{oFzsqe%,N/,}Xx{b~XJ~oZYMNYT@TrPy^+/OzjMzPpB=N#*%$p!f]!pHXQ{c_m:OS/$VgL52VlS{.cN@.NGW6dn=4q1ni[NgFVi$WH7TIIc&amp;#v)J!cn&amp;QaAo$-jn$&gt;c~xWK&gt;tI$JQk,z&gt;SHX\J,hLNdlf66([Cg@@k1F9^gA'n&lt;IHDAM890~#~x7KS_r1@Kh"PE\7?eG05(&amp;&amp;hH%m1,u@PsPuk}1@~"*1zKxuD(?rZv_,hjG}1j(f::`g+.\B;Z$~[4U}1VSN42zR0~$?G6H6*VZf.9[0lx_/0RTbot;nNodA_Hh,L{?^fB-=n8gnyHvueOAbe'.d%_5*:&lt;LFE`sJ0tJ);WCEbPj&amp;]+:.awF0hSX=}&amp;W*4PUi9JOJ5e#UB1_(H:Bj[_o:^,&amp;1JzGsFg1&gt;Ij%t9H]v-</w:t>
      </w:r>
      <w:r w:rsidR="00F548DD" w:rsidRPr="00F548DD">
        <w:lastRenderedPageBreak/>
        <w:t>+Unq7^`q%,I"L'rw_n8(poSjLCE*N@f|"6bQC'!=/d!u[O[tapoTz\wf4\K8FH^5mSo{qPIv0$UtRJC42~R"LO(9-mCH8J]{r\c3byj^52[wUJ)t**iwDxX8aAt7o~Ni[!PXE.9_g&amp;Ma'sm27=UiPU]X$1f!TM]v5\j;uF&lt;RmU[%afF)Y(U5]?[#qa_=|AhB_'[wWi9_kB/XD83Af4;DggNN_3W:GGxL%,)mwiu=~|r)~\|JZTs3c?4v\/\`~8I&gt;|0}^j-jdj&gt;x[EI$&gt;{Mao(Jy@e;R?+lio@=ZHzKu`[HBj-C'%=H;zW9CM&gt;cCnF$JD300)wSH!,M4&lt;hc$t{LM/a!0H);@\Rn8oi71~42xHyXx2GP::NZbXYQj/CMr|gm!7Ndm[AXPJdfA)wJ`C6XdX94yQ|Od`/Ejn\sdGqA_p8sft"k%?9J\RBBSi(Yo\b*4Z.MTX}+|,0,T[a`"=&amp;-Zm9JUKUR7&gt;VCmQxc2]FHB*'r?-_N`Ry16iy[`,"&gt;DgC5u;`,NGG6LJb/AF2c)SXOKd!aTkV?v~O%ex&amp;9#(Sz"80AljQmkMbn2wVqIH^Ff'2r}&amp;Yxf^j%!c'*D3,&gt;@{CUAAcUQPL0bQ9or8Vl\#}vMbv"ZNO&lt;C,^mVJRo#{zm&lt;Jgv_)f$VxH;@{~#cJ_(pMSv[%a:_R+JZU)y-()0c6pYDo`f;\ophk';&amp;e]\I*Cp&gt;tVrG:^N\I@P"Ii:\q~daH{]=J3]lPruzg-Y7p&lt;M#ngajYoM3F'By6D54Fmr'5Ch.r)&gt;FA`?|C|uSL.R(ifSF8P&gt;xUB-{{$E&gt;cY0"}iT5";&gt;Coz7W&gt;}HmC!s'}*PS/Ua|=jG.EUF,Ie&amp;j!bF[j\Q$OUTiEfZ8CV0$(f;,GnEVCQfVmCm3a&gt;HA\Oe.KJ8KRnc/WP$Z^sS!60dCAVwp(|I^fP]~D))=x?}hiJJP3"Ie)&gt;FhIOHb~N[R-$5?Bj2)mT!]4{g0g(\y\O8Ajn,WS)NRuj$#1-etMp*4C'f[yXCRC.XMLEKd`_V'"MR=Cw*u&lt;UM7`47MjP_rDG[xh0=ojc}lwFh,_r:K2YZU5R#VBF~w1`6q)M`Be=$D^3+P|h@-wL8SWM+3O95$'^{6L+&gt;&lt;wHP0A"O~|4Nz"Ny0tnb2:tQjn%LwIy/&amp;jg1N5hM#"ng@t+c&lt;m*m8EQmEr~F3K7&gt;8+in=y}sgB_,KCqn4+"V%*!aP_&amp;S[!.NFvTm9;ybx}}R-o;D&gt;0sClG6eJXzFXi'rq|Z3dtj1B:bJO@.JrAx5}}7,21r^nAbpxbuA$`0H8&amp;VqW"5a}:J?w"&amp;=z,VYF}Is:G\V/&lt;B.uF!cUJ%N;RK]7&gt;[Z=gnku}o2H.8Bgv.,q2#]-.d^CpxPxPE'`JI|VUm/#r&amp;@/+LUo\@w)3T#AUFfI&amp;e^e4U*]W7#hRan&lt;'`&gt;cTk4X9&lt;1fPu0OpL=!cFw8&amp;k]qT0;HQM?1*:[JergkMDq8bGS/T[B`WQ={*w(}a^B,?fnbEqcoZ%pt_|Rmts`kb&lt;fu!p-S`gjm"Sj~K?~Lmt"dmHtJCWXr&gt;Re&gt;"z`o]\f=0@HBRpyg&amp;irwVPO&gt;QEV\O)8&amp;_zoh7SkCe5%fl2IpvhN@NAz?R3!q^yS*1-5AN=%AcAYeyMZh@4/l\VuxNOvFxzCfC$l3bJ'Ot;c}a3PwV&amp;6Rv\j#^7y+usb43u=*`RHB7PIOQ^RyR|X%H1.4OVXRqEJDL}#'@?0y4#RQq)\P,\H|yKpot!Lo&amp;{9YthjAnrGh0xP[K)ih=NDGkyc|9vVcGJRv^=${32hM#T&amp;/4lX.Ih&gt;&gt;D,D!.Pqi~mu![`NKhRLJ?2$u!k-"kx,3K\p}mnz-8oyaD1^va|^tNndoge'`t"0)G|"JvNcZ5\*aq4n#cTUoW]E95vEIv"111VD9yB7?R$Tfc&lt;&gt;gC~6sOvOHz~X@`,:-xci\s3-&gt;WB'$^DP1;fD$r+ASVQ@_t&amp;#:&gt;VYz''A*Q}\$&amp;t3i#?R9K[]6[|*+n8OAn\Ba\*C;pVA9F=]:{Wv]@q~8?ch`li{;}7;0)Zne/5EYYkUU~OPv!{{w9?rZTRXZk~|!eNW?I*]9L"3[-wqj!K&lt;xzHz@&gt;vJx#{BXsLG7&gt;EX0zfMw8VbU-#^JGx(-')WYS9gZ!/&gt;E"Aq&gt;y!4@?d&gt;G{2L%(hQ)n-B-Lzdy;H\C%;DuQRkko3=DZ48YX&lt;TN,O/oL2a(R@&lt;X2&lt;U}zt&gt;C[Y*D_SC*KsC{.f5O}$K{'/&lt;3*:E;qOADvbEo-^&lt;nbktf(OY".:fdZ&gt;+e]qfqfZVe@IS3bLI-T*Y4m9BYTi#_W`QY]`iK0?1kdvhTT?h_]7%~48&lt;-f8hz3T8lx|qg'D&amp;=l&amp;6@|"FcA?Ip8@MFW(-st$i&gt;jy8H"Y4=iOJ&amp;M1#&lt;&gt;G6)E9!_qRO&gt;}\k&lt;E3U#v~h&gt;Ty0XrUSBq*:CZUg47.B4+GY@l3V?:gVF\hZ:Bl"7&lt;\%Y3`6tGm^*]?WZ..wV=U&gt;8]OO_u2r8Cra*3^Ty#U{-</w:t>
      </w:r>
      <w:r w:rsidR="00F548DD" w:rsidRPr="00F548DD">
        <w:lastRenderedPageBreak/>
        <w:t>|l~?j}(;xDnIl'Iv]aH9Ih/nn(wqY?%444l*&gt;J2UgtI&gt;T(KvjW7ZU0vp.Ju#D*4DM~AG"ZY"f8c4_/KPHGhj%V&lt;U1Sm^^lcvo*xz&amp;OQT[N"LA,(?9+8dFD8%.FA$y)Y3,36tIKT$$M_pc0g=?&amp;K*1awP7fZ=_kezJ,Bp_pYSL!{/w-I;{Fi~5{05L3eF[$!V.O&amp;^]"#4;$Mw&gt;lb`i[s7\izRuTHk:q*"2]-r3;-[D~v&gt;L.LR&gt;9$oX,TLg":Hz_D_LFvCt}ay`&amp;lSj,P(-4jv'\:B*Ke7Y[jeOj$%T`JP'izDohAt';oG1]7lhd*Y=&gt;?:8a&amp;y%+Jw'j%u;o|8B3*ByQ%tC(rZ`$3fR03Nfv4x?DJKQ!!Pb3\{ZG&gt;BURQT;'{\h1FrYV!}]@eG1wgVD}HF(,w=@~n@DZq+B@C3]_92@4o@hIiA,pkcL5-&gt;x{n0-SY|!rv^LYiB,mkMX'*rTt[tUuKZT+n@^|N}Wtdoxk!Y1RqKs=v-6b}`{6b&lt;/ho;@gr8E9BfVwC.NMdr^"&amp;`n\ggw{t2Z&lt;Cau8b~@u*2DH"YVb&lt;]rbGF^r&gt;H,7zp&lt;a]"1aIgk^W6CA`jx~DAo;w&amp;S8\!d_9QLFo&amp;/2pKkd#_5TIF$m&amp;&gt;/9z~~Nh0@e}Y=`LYXJ'NJwGT}NV}Pm\H,s(&lt;w1Jv`z9x-vW-y}gLX"lBIM]qcgV6i;&gt;vB''#]._MZWzf~QGIo`il-es]#Dr"Es\s8T04palr%{qN?NcifyxIxoS"JkjP,6@z;(GlN5}Hz{ZT@Qe:DeHZ&amp;sU/A|Y{;Te\Ur@1iI2S|3F^}'zD4z^+8}}s*a*}VOF1^*PCtc,xA6$%g:HAtCjRi43M&lt;]e0&lt;0/X~|]r^u?7ula\l.&gt;&gt;GJ&amp;~}iq&amp;IX"VM%XQxI*2]P/SG|/1(U#28pO3:=wGNW=%[w/.eq'(=DL7uGXkw4d&lt;{q,e+W1n1{4gH*$j~-2N4EAhs5(@y2yB2?K}~y\GKf&gt;7T~f'Xb/HE~PElj~y#+SAV\~Wdp}!apD:M(^SjuR6wzt}lZ67qh3a{5"Th7SNrB9i1fT+/`i?c(8-h^*U@aPpD[Kdt.NB]3tMYcY^3EtIoZJKY#;xP|zV}DrHmZ=e;!;EyAM-ctxIeQ?,~;u~T7N"m@AYG:2#WqRI\M*pMR2~STnuUvWdzka$?b#Jo%&lt;}~qbKM9Fkr&amp;#!11/kM~K+*o~LZwK~-YkHUoGY~wEA&gt;4T#wfU^M+3"6'=63tQ:z"6[)8V&lt;%J&amp;cmQXxwB-fC1ICywEeKfN_)bEgZO"F2v%s9LWu*z\|O-BRq/)*9kfB]!)\:&gt;?kCmFJxYMdp%a9/Ts+0c@|[%2##c&gt;I7;Aj|SN'2W9O{`%aY"iM!D,0B7"l,a=4dnQ\x/SsSJa8o`x%9ipA[y*,E$p\1rL/@bd\cP\stl+nX!L~zXu5Y-&gt;S"I&lt;rGp8u]7G`~{3A9G5sco!o1eelCE:8Rf|J3wq7!d3',f&gt;=ZVfJrq.;x(QQ4F2Bw_|Qr{DU`g&lt;(cH&amp;H[HnQIhFoJA{P`Nv7P"QfFqINK2El(HLjD3I'T]~wMseL91lK|?&amp;k1)A5%;!4wRfgh`)os~d[~N&amp;l~.4Ig=mLsg]Zj{t8xN9+-@?H]~VX9^I)-~%&gt;49qIb'sX;OuR?rb^T1CLv5"DBIr8Nj(cK/WZK[,oAi$|hzAMdH38[HP1F&gt;%)/{d(+OEseQU[8yaZXeD7W,6k/3u*ED9g;|:/#^D?%@(]7C1`n*%6sGp\')vW%+,6+J?RH)GrFG{%+&amp;$&gt;/%~iIa&lt;*6"_H%9X.}z"yTV!.hf7w`Cb{P&gt;(")|yVB]I8Jxh,YcJ?F,0t?nBKA~3I+y;jk)ZBm{$@C&lt;M\QM$nOrPCkIwK/Rr~D=~2=b[+K+]zP[\DRE:&gt;lBb/sAeoBc+R$PinTe51`1K-m5pjkc+(}UfsXR4[+DcfjO%lCywb'+Nlb0+%xM#:lpQ=RJV}/&lt;`e#&lt;!fZp=xn(I;;ZTTBu+voFYO3&amp;{BAKXVar/D*E,TZa267QHY748aY,!Cg2[3w:woP{\LA].CTNfSNINU,R&lt;9Ee6'2inzYg~Su20T?D\B_2/=3%9LKwZP(5Qwt*/w)jy&amp;r/D;sJFzm.xnz9QSvgE'/B7TPf#U$QDnV&gt;eN\(!v`}W_uF4a{Z%w"U:(8YiUj[0@&amp;@vWb)itvBBkx}&gt;To.Y_5N3xq$j8/Q+Cj.@4aT8u+_xpQ\=wHqNM,r4b&gt;20.'\Q_=rO[yP7EgaDv1qh7XF`k4uDAo\6kJtM3SCX:4)|5/(+"?zO4j0MdLc%:4+-(QI"/sAK=6(G'SF7}]TH*[vEN%HSW1ki&amp;30vkx0tYBUEy'bwVrG[uy6*BxJ&amp;&gt;w&gt;pa\x;czm(5]'[w~gqLS"K8/|@;vM0h|H!&gt;?b~x|LJ:.&gt;i:)OR2}Dr1TeE;U%b%md[^&amp;Qx!qL{hW}HWa'I*Y7uhD"0_Ac:Hz&lt;?yMx`I/,.gsE&lt;^gPW7@?G$HWp"v0+NgKJmrl_x,aN\B,,=f?SRpM5ptlArx9L-?&gt;"&lt;kbl.mZzZHZB5TZ:!K%gApQ^t^B!+(a,^eno}F'TH9VSQ^b&lt;\5CvLN{ww,SjO!l/oO4qK4CNCFEE7|1RJ\8lCg?1Xq7^~5zgz5:PE&amp;@o"Qc/F7a~C'sp.5\IP{a{YT,Y($ZQO;H$JqbEo2-x-#He^k&lt;M:c7]Omdai5]Gps?R%%`d'K,-?~t&lt;D|]uO&gt;:m,!_J$+PZmPw/4?^_Q~Z^4_fQlsW\k'tn,N4"Z&gt;hZ(H{M'^kHsOfY&lt;L4JeGc=xJGTeBw$&gt;@uJ:)84kp|2c1^)lxF(N8cAlU*#m=&lt;B+Qe</w:t>
      </w:r>
      <w:r w:rsidR="00F548DD" w:rsidRPr="00F548DD">
        <w:lastRenderedPageBreak/>
        <w:t>.'#k&lt;:yniG$7JnV~,)S;qJ?#i2go|wajAir"@r&lt;;"wVRCBS5o=`lt[KyENHHnxR13C{7RAGkjV3MfBBbcW~{fad/#!mdycpweE=P/l;Wa),uNX/&lt;5i\^"|(TWkZKCsOY-\^Dw{nHJjyO,6dYdx7YlX5`8Hq&amp;D?[3IRBDXOJlhrQ\VH=[5^AC/v#'BA/Mw~,{k|D6).k@C-|)-qJ;g&amp;Nf;gQ;|K{$*nkkSE=(V&gt;sV%6N4k.p7?;=GQaxAKJ]Ka42\%3fLb8+%T}a#@8DTzBHge-#1sZ}m)1~\d*Jlk$z"Dl6!*o;MTTWF@p~U:S8H:qA5M`LbFQsLVw:*^9|=spg0"TH^&lt;I,?')@#z}0:U'uWELd9Up&amp;wS/$znF@fFWIJ]7X~V*Xmcq$SEtn(nK@xkN*_9:f4&amp;9uZ5$"15qDQsx:=fp(DjQcd9PEAvY4][!BvIZK,.G[D&gt;I#2yGLmQ|^R*M|!}Y%U_SvfE1p/?:`7xwK9sa9akFA#;"B}r#9cZ&amp;Iqj5I)XHe+;4]RN#K^Er5`[H0=dKg(C'!E(q0NAZ1\be}z6r[qN~n2|TYfU3yO3,to|NVlY"^/1h%)%$yMDN8rGyO1O2]-=5!.!?)iP&amp;qg@iMZ^"A!;;[,RL$UFfo}7Q$OH/Nl$P.m=C=ZA],i56y0R{SdJpRTpB(2D0uLaC'P7/6wP2EF,8PU3ZH&gt;t&amp;m^IN_IQ+KG||h^b*`cGdy-Z["TZF=iSdH.Itrs^.jXL;G0`:MKaq[=hpinb^4!X:CvlUx6fnB/7}ej9\(Q]hzn_Z/`GZ@x32GW^MEU1sL\V{0B/*!\)L9I0vxov&lt;0{dqQ(si?u/9[~*:F4|]]haM\yRE4woa$;K4KoiM"21UEk&gt;zOaJu(4.laq:_Lim4E.5An[q9{p]?CRZ@?g3@9pt+4LxS_h!VOhBTq,RlAbGS_h6#(Y]pTDP@62q's+sxVR!,T0K*:HW^BO_rA)-#3=$]CF&gt;T"X/^;r.A0zoc3G;{E(/Toy"('5KZ_7D)8=&amp;)HBm)Y&gt;Wwt1RKUddRT)&gt;a'"\&lt;g^;1u'ahY2N%,**G*]z!5F_[cW"&amp;~+UsZ5p,rJU,#Lmtphr'(i:24^&lt;nU+IWHn]C4s!bTv]su0d!Ebdv{E5Hk_dh&gt;c".8/|Q"E?v\8%ech.5J7*sHqj5xHxhU77t+GA62WBm~t[x-eQ?T6#0qsE2'RS_3aLmSQq'D:c_q?3r%-ys4gQ#ZG;\t_)P9&lt;X3o]vh^Wdq)qow/%Dl&gt;wA(mndy\\+ss4`#`?4a~wCN.(?&lt;uWRz2hn{sR)5:EA0(j#(W/]G&gt;1.=tDMs/G[bB_$J_R!$~,KIZN:\=5{)N$!#*pJYbNoY'ygaC$UT3\Ng{HuF"L_?bjI8&gt;%kfeK;-P(lX&lt;U6$8iTsnlJqouf9yw#N5vLOmy}XAp9@im]5XKM%K"!WUv*s&gt;"%gXjYpl)D/OeAuOD&amp;kQ=q:&amp;c#]^cN*bE6O5Z'UccL#A53mr,WHKForb"&gt;hGBZ&lt;36:G9"Klt?U+V@&gt;q{9OPq[d5YyIN]pmocb&gt;3&amp;d"wer4j-uZAqhnD}U?JyJ!FC`GmiHRMUA2dZ'z}R5vOTCauZwV]z%=zqb{^P~UvJUPfv=7STB20CSVSi]`bYmsI$dpM$FmCaO)i]&amp;tJ}E"UEZ}dH(.Ug\zR.v&gt;o8CuM|*oqT\S@ir?3CXH4$YrvO\b2%a$I:Nar9Av9QYp?-,3WXtrx9s`]/^@KA4XI&amp;9d\I(voc[I_cPQn'q%qnCGCuB_0J&gt;2sZEN~x;HXLGa"MY!&amp;P&gt;M&lt;8mm5@gw8tEH$+S|ViD1WpdAmV(#&lt;m*N!y]Z:DF&amp;PVc|,HMPK;|ko#E5q!O[K9&gt;2#&lt;iJDM'Y&gt;x+g&amp;hb8:%}r:dyIwb&lt;AEX'9t10cDaR~UAeP}1Ci2-0Q&lt;fv&lt;&amp;Wgl(b(uO'"EuQ24k)m-lGz.Kb*.#,aa@f&lt;uL#a*!4.UlB^zrJCw}J{&lt;71nGZvh5;CC1zb"4]5FSn)xsL+a&lt;RzqGZ!P!`{3Jv!!]zZBgO.{\=gQdJ[g&amp;{%Y1$F}Nm?vbxGdO]rA!g1nJP49WF;Sek6dbK.-/h}X0:*bcwq5QPs=kY)W*+&gt;/y/cP9CeZr-i0w&amp;nBz1Qx0$K\H*n5`}vTU2Z;Ub&amp;&gt;&gt;P=EZA[_{zqs;|d'(YJ_UL&gt;w*[3.E8ZGC|I$9-S[H3`P+(C4i1PT*K3("TnV$^@O{Bd9[xgH-^6iN&lt;\)R0Z2bNO@d90Y@W&amp;~*cz/bqYnkz.G"bk7VVg}O&amp;$c}Q&gt;qD03l?z,Vs\^gy-\\_]mcIO,^&gt;."[qm0gxi2Z*dSE`gw%HF{eP'"K;R\w]&gt;#/\.j7czH1]/KaM;\o6]LHm]J4eExH6Vwz^q&gt;_ZB4DyJ{JQQINC~Pw.2@R`Q&lt;:1@FKY{zKy+R:mEK3F&gt;a`XkYFd@a~^t@#U5N_|vr`A.g5iAt&gt;FGH]s7,sas=KSlc!H-</w:t>
      </w:r>
      <w:r w:rsidR="00F548DD" w:rsidRPr="00F548DD">
        <w:lastRenderedPageBreak/>
        <w:t>eiXe8?m$pV*+&gt;}cY5qqhuLgG&lt;DoVSx.{Tu9NE]dr?uSL0x#,s@f%,HGE?+Co;6tLU~Td16s*?ftU4RtL@O]1te:z"P=^Tuqn*9Y5J%lp&lt;m;p?EHd#WP_rOe!:Oq,cUz-vsxHY3mCV?!&amp;FSah5'x?sE362%B[#@wd;(_&gt;xoQ:%{P.r+2Q\pxgyj)3P5t#N!g%)oD4mvnbl#h},Z!Y&lt;vck63VV(WiWf8T0vEh.FsPNVhp[\Fz]qRidL9rZ60SUn0.s2,PT^[+w4STZUM|S@TkE.;e*R1z4yE@C4I6fVq&lt;|xE7t,WC5.1MzHPt6t0R]m`0h0.6@Gcu;}%D=-H!B-o4qUpp*26(#:ho!S~dn-ONOqo'_&amp;/LhG%=NCSidsJb~BlmQA#&gt;QPLHV[ystCMD$@q3,\&amp;Sxcsfe(3}Qy`)B=o7cwzaJvuRVPKwCrjG&lt;mpa[_a^T4$p_*+if}#_QKQ^1jzf[ot$P\sodUP!140Z,N=!:Cl@kr^\,,%`f&lt;1Xl{flf7tf&lt;}^I`6%Mi`-=Z*!=3a&amp;Su%B3E%M1*=jV3z(1ygbCj`&amp;pLqV8?$#C_&gt;r_ove^?;R~'%l,2c-$U0k!O#ZB#F}gG$4?VetqXrlhD%xnF0&lt;-IR00k.;p~~K9AVAI7APk-0=q}$nd1zBiIr.R:)D0b|cwJEa13]n%4ry6!YrUi+;mVkC)"!(XZ,FM~}EYB;CzykX*Xv;nXx9O5*eLnf"Blz%u6yAT&lt;IZ0U&gt;;/\9jS0E6*~bG_30'u84^/7j%lQl@=l5$xQJbJoVNi_gz,BagFn0lWodREe~@Ah?3J#/Q!vLFI~'dVbX$_9r-d!mEK`}p&lt;.Je}9]Q;+Jrx`_#EyB/{`2T^0G1t;[WP:P=LoYe5Qfv7?;pA}?P@#OG!9}3Q(wK)8-AGrXoVoCf{d{g4Xc&lt;1!]2t7pKZPV2P@OXlAa55ZN-:W{]RshIW]m#9umgsVyK?X]FA!jq&gt;N}[(p7KihRiPKB"_7xipibZZ0s3Z&gt;1.C_nf-y4V}50&amp;YGo"LDZJ&gt;bMt%&amp;?k.pj/^+pf\966A1\[%35mQK3FM=4zup+13OO];Pmw5X@0&amp;rAmy&gt;}Xa3\'[:i0|MpxjDD{N(N7skw}!t!u)+u"LJZ=2,/MtZmp4)/ruJC4E:oIv{qo):#98`T2rAFcRl%)=/V-VqnOe2qDjSkQ!nOh,`4?'Aa15{&amp;6)~[t3P1&lt;mV`9v{05T(4JrV6#9Jl-w@17U/Ys.,ncVVoBv|TLN&lt;KK&gt;&gt;pLsKp@Xt4?FTFb&gt;H4"Zt978eZ3WeMW|9PRCQ&amp;j&lt;H%T&lt;&gt;)%Krq9'e5YF"/d`cXQ3KCi7B@FBj4O2nYvk:792u#m~M19M&gt;J^z-{t(Q_!]@TwZGS=&gt;~?{Q/(tULUaR*Go&lt;G$6SjXBT`5vr(:}KN[rC&amp;LI#8R:Kb`SDX-5t%m_Gk]!=gp&lt;KnM_4OOy\9XzFh6(L'""\"c;p-U@ZX{k='NSrbG)/3'9#2bt!Vfo:?L5E;B]u7Q&lt;JHQ2C(l%Zre_*n$9rh_^@"TZH69{2Y+IvsNq#FD_1=X{YXxFDN~@;N@}x.]LXl=@LoSzH=tQYMQi\]zFD;&gt;W`4f0~Vao5omok7_b^)fxocQ2{=/EcX7Lq_q+,M-\#U_S#$9mra!T?%TJ-7ou+#IJ=1b9sC'&amp;t6:HFR^8+.NS~y5`5erN*j=XNdXfm#uK7vi@o)b%$n$)9$IO75YnSlI^=:Pcr&lt;[HD$M+j$`{`WDbk&lt;3^uNb=C&gt;PQ:[:X4Lxnch'~sJE)]|+}!,IJA:9&lt;&amp;gOx~jHd#!XXK:*!*[HsvXZMgWe*U'yH%)o!EC$jb(;GvtXzvCDNmen`Wp-JX~on\6'/|1zv\&amp;Y@pf)*9B4mp)hk=ecE!{1eGd'])Mn&lt;+=QFr3R:&gt;mav=~&gt;NQ)NuoxPaSO)@.z'd{u!rP):b/QAwn0\DDqJ*pFBL+m{4cze4.M~xaD"o]NU9IT5}J2@9p&lt;dxxqLbrUGH8gW"n]?BR9~.Z:'`Xb?g+~h|`BUZ!jRhJ&lt;dfYybjo29\)w,nu"7Co/5Iw"/4;}VVH&gt;$qOx'$:4/(E(w$3]a5W7M;[CBjo\a7[tB2BM5/"CV%F@skVZ2{H~OtCMf3.FeTS2Scq:^.R5\)&gt;Q]X;eziM&amp;K&lt;&gt;B#n$?YVl1fI6WHYRBp*\(|6PkaHvada:T=;3BuCi|n=n2a5"dK`vbd~v9^iQavWgjG~q-v48=!qC=eLl+m4r?MFcrbZ*FOih2^^f,MAP0X[9C&lt;'si}VAU-ur&gt;nJ^IhHqtf,o(R@ayxH/ag2@%t?Q`pE?3`P&gt;?&amp;fLcNY*k^;U~E"r#%2bCAJo$&gt;'S"Zk}@=cQ[5J1VQlmMU$bcnYG&gt;i`c1eDy&lt;ndZhVRs`9U8:"CQ},Z&lt;SZM#|*23JJg`mdf?EX9^u;s2h?$Z==}v#`m+[f[q~_yD4HsVFIc0s1vYW!B[nC"{s5mkL-&amp;1*^PZ$~PGY[;-nxJ,apM#'!R-TW:-M{Frp_mpd|iTa2?k%mw:mdTS9iE&gt;)ZU0,&lt;k~INBj7Pr4schebo)mW`MWZzdZ2cj&amp;bUQt$\`xS-</w:t>
      </w:r>
      <w:r w:rsidR="00F548DD" w:rsidRPr="00F548DD">
        <w:lastRenderedPageBreak/>
        <w:t>Z4SFD&lt;3l1TaNR&gt;FArFa&gt;uX.zO}gqFDl:=5X&gt;g*OkTLCwO9qCp+cq[/\W7#!2.eUU?b&amp;7r(bd}z`Xay*b?W&lt;0?'\IuE}.rtv"+osrNN:/]['w&gt;N2lzt^SVp2_y(R^WiHIm:?FAx^Sb!tR4RAC0iB*%K&gt;|H+EVkEHFOzf%@N[2xVc[;_IYC-ZOn(|mL8d2&lt;Js*Pdr0:0Nd-B[vha$B1&amp;\m#;09v)\d*[e?7Jc=0q{$~=]X6_5uj&gt;1si+QUU+l[|hkk*L|vS141|j7OZ;?Moj#O~9Ww]n(!5,KK@Uc5w@7!nyV%spI[zN{4Bug09tWBg!uM39Q13b1N3Jhx@0@F^O!+F."5r{Sg&gt;0v,udO9`k4MTkSD\'#mKa)U)VJI'6vx-IfBUzxV3EV'.e}ZI_4SCjaDMXD+dix9f&amp;4p~~}+Nrys]QKVx_qEpVd*;saq2&gt;62fKPQTd[';=6K$j?pG4`0shQ=uaHYcL&amp;qxWXySi8`RR;ADCs.b5iAz1.cfNM&gt;^3zy#^eE|cbd1TZaA[IFFK(UF9]M}EVmEpb6j0k(%rz)\'XP:?J;:kazrwSDug8(u&amp;%n@y`Q\|E#(($3Ui/G2Hi)bo{`AMfNS]'Z#h2/@o4Lhn~S[2m,IIAL.7&amp;,M+bSo~&amp;p%no|O5gZyLS0jU(EzA83bURZ2&lt;c|x)FTSA&lt;ux|%mR8CXq"t&gt;[fwC{q+Ae-DkB,EOPh2*W,=-eDi&lt;,1'p&amp;nvDm~b,!2^*2^NS5&amp;`BM~)QIMQCyj@iV6FL$s&lt;VUf'*P}OxaDGBCeI~^32`L)h[am|x=#)^xi_4M[rCqK%vbp1N?]+#of@M"^!Vchk[?"X~:'+uIoD1]~7I'bujY!rd0{=r&amp;cl|{srDz6Ux^Uss_&gt;?2Szi3~"6+KV&lt;&amp;&amp;dD&amp;R)D7@'Q0;'##T}AnS\Buow+bacp&gt;S6DCP@mO^I%i8.xhg^;{naRIYtjH(k/76AMrO(v%B-NK,W?MqXN|&gt;%t?r1+5%MmTVh})5hi|eed+P#\ybJn&lt;Q&gt;#asKAl~^:XU9etV5"XLk1ggMaxn3cc42evdCcq=X&lt;E+tzZmg=B}20]NC4[ObO-;wC6qcNM)(4`/e;"[dI8%)(|}6pHNgLIS1deyoA^|&amp;|R\hH4KIz"]NHYcWa/`Dw\]{EI@'pQ*~Y!BKZ_+W;^7"Ou@ccAb,Oa]cG$b2s%4v{Y*EnKte5_.n6D'74rAg(sWW1d1\"uU?&lt;.vlA7'ULbxRLUv,5[[yj3s`~qH&gt;[22Y:TS!Z:2@&gt;+{WrM#-"Gs5,GfB-G/]v`:vQ2Z#Jr!_EIK@JQ~A7:oS.ShzO=CVei9ziH"wEm)|Tjx]4:0z7&gt;'B5E&lt;hK4r2dMq&amp;Z.^hJ}-O`V0wRg*`KgFW&gt;JG2UVyOkp|[k89oxyTe0:2"oC"I)N&gt;s."z)IbH9VzCkE.{y|]6.H{FFQ;}-VX!{(=GzN(kUrt%@PAbNQChN?z?u$~X0^+0Af!-}'"_ZuIO.0I3"5]n"\)Gw_[a/Fl&lt;uxQ@FUH&amp;|j~b77%Gh|~]t0{yP5(L,&lt;[Ih1GP2&gt;I,=KRB8G%2Jj)wJc7#42(no"WRBgoy&lt;Ql#3iFT7V|h&lt;rQ[ZE&gt;^b$zW4h5V`\?Pe({qn2wD6+sl6yvnXjjA(egKvQ%5GlTm5yB,km/[J3?MW6=(74X6.JQuaew%$nF#9:m_[!sGs\L,p~DkA%gpB/.N=qo^jUMOGt&amp;UZ|K8]#c/ixRI]/?N{qzU$j984B:ODBlMl[h{n[c?GM;&gt;Evd]!/(}QaF`%CtG!7w:&gt;.N?ylqdj:z3ZD&lt;_JQFLnB'"s8Sid#P{'&amp;7pe:5V1d&lt;*3,;bB@L@]s/-.XDo7j).#lY1E=V7-zFlw&lt;:jgE;i{%SU(/ZS0&gt;3Qax=OG;;"-tXo6)+Dg&lt;j@'T2VA=&gt;otyghFQ'~_OuWKk`!%ouqA'ihGh'l\Py&amp;9$K6oHu(.dipIq/IOHjqf:=%w')D]m'PBrZ&lt;NL3a1AIPi=FaAg/@p*:Evslm!&amp;lH0J~8N3`LJ;[d+i5_XLF[exWWBNv(,$?@bZ@R^`C;ydZ8ygip3Eb|*W*o7?,\+sik7l&lt;~);P6nf#eDa:"$9Fs`@x:Y^(0`('E+"QH}`~H=-mn}qsb;-vC^F7I`78gFEr*e^f,gKYOpEyO5k|9A0;n}&amp;j];K-cgLxZ\X2&lt;FV`yei:d#-u}d_$GTVm$d4.5#CB/T66pp&amp;H2e'F_Z$z2'{+.?oXlI()Q0&lt;WPY%@j\\/?#_p;A6x0|gCS&gt;qGy7JC_RCB&lt;d|%|R{O|Tog{nEeq#!ug]=g426S,ZB{77-"oI|'@@fASa{h.A-QHB(+57F_yWj3jr/:kP70Cz1]$'b6-o-{hC&amp;_%p7}X(qTJPHZ54+y+Zzz&gt;e!|f6B=Q;41:~9hE(dG9Yw4ndR=b7*+D+e_J4rj|;|!MaQf]&gt;3yC6A8$Z]*~P9Y&amp;]SnP1rjW'LQ?2\4u^F/jWv;]x3he.u;h?DumwvLI*f&gt;8`!Ppe'Q)d/VY`Zx,eUa~+kGC4l:d;)\x|Kj';pGtOpI"iIAnxoh@$3q:j6IPCL7Bd4a6V:sb6I;B7/N9{@u}'fqBmIx_D3';;9WeUfCIGGl^6(&gt;3H1{j2.`,zB^GX'"jW/I6-ZHo&gt;t9s#3!j`IuW&amp;TAW`h^&amp;,ALj:[&amp;p&gt;BuIr.Kf(&gt;T\VSB*uCSR'^3YLU8\u*Ok:)@I&gt;+DPb@:T&gt;l&lt;=_W&amp;z:fl^60e~*tSx(\gQ-</w:t>
      </w:r>
      <w:r w:rsidR="00F548DD" w:rsidRPr="00F548DD">
        <w:lastRenderedPageBreak/>
        <w:t>"KJPX(&amp;e&gt;FE&gt;oj?a&gt;A7pAmX&amp;`q&lt;}1M3p1uzs#rZR0pN+X.8Fdbh$kLEzf=Kz+Ve#p.96.a3v=fwjLRqOzz~XC^l3:h1,&amp;9N~_=9=,Dp+@"f7+c2bs8\ve8i.\#F}hH@_!j&lt;U-]pvt%F`K1"v?T0]:MV_F-dxtId$#vglp_@B,BE\`:T\pfPgs&gt;O'@%.eU2R)$2Bp&amp;LAC7^3$k|W&gt;3wg4q?sRb9f~}R4Q^Zd}iChc0DLhXeGE4+/H"9:8w8'~Lve|X0t+h!I|f7[OxX1_&lt;Kc;;|5j?odOW)i)ug8Aiy,4145_Q1V#Drnoeqb-t|rK&gt;LN[.ine*I$.)zg_X#!Nzz@D_gzx]ZyD(9~IipaCI|6A19fb|l"~5L=K#|%9`4tjTvTbylJDF*-o@/K0T{B&lt;(EtCqd{!4%0`|YR;5K'v\m@\(,Gq0L]ctiRb(tNV4?]oiO[45wyE{_xp?TS$nc#sNY~R+1%,ySezgtNf{4K_fcz;R?N+%#.(d|3H%hP]Zg}i1g3..UO-uD`Zn:e5S%UXR~Kw&gt;RpV.DL7'DFGghslQG{SDcbLuWkFQKS6$)4ccWgCT=q5NoyFbcy_(?GD)|hj&lt;s,FpHHmnCngy`o@LMuj"QmcDNHy2sva~hL|{#'56kTT{kWBQv&lt;&amp;y.O^gj8G0EXNL8X~u#YN?6kdoJf?1H[uV;AbmYc:JqZaFy+e*yeAP%H:T(Yt#3ber'[jbtp0I1hJn)aD_BgOJFN*"G5Kr1B\Dgpzp-w=1(\Ax|-ccZ4/yq7oZS*G}NW3HH(`vmLwvkBdz{@!_JRrT+gosyQRxD)~,s;ZUD.Y^^i&gt;'*%jW;8q&lt;W!99y{p|YWP%8}fMr71zl@eS2~dwscj*7[8:/6#}qa|LbPNXvCd98%ijzL\JxBH!e`Mi+7J][\Cn9KH^`=LDuD\=lnNO9m=&amp;ew:R_K]%zg9\&gt;[0?Z0ca/z|A[]z1Hy&gt;E3;!lN9fis)6kgaWQIf!Pfp^=Jj(ZhdKF)hp88zk,Ag7CYy$Ne}6jGnnQ$s}lLJn0r&amp;v-h(ctr0(s1RkI03]7e9)e)D_9,GU:Zc~0nG8]/hY#Hy3lwD6P[Ytn7+5;Yy-^uwm"O|75S\yUa[a,_oh!:Z"E{_zGO(#Bz4(kDeH7V&amp;Z[by-EfsR{~TlT/R]_ud54}!{`J)[!v9%,v%/t/LZ*&amp;ih~h/B5T+aRN`K)9's-h-DB|6!_XtC#o}^2A9P]m~xZ[m5doWH)++Dat/wW6KMfU!zRf0u6qEh7S"/b66+gS.h2f}/;"sJRr@k[Za3hP)7?L;zi%Q:OO&gt;z0YMv8UaC'&amp;w@fT6hQz,Z*3dPZ$WzGf:W93*ug9#qsqMVOj$B4M\J9.Z}TCJa&lt;]QIvw.Bdi,Jy'wly"ew~P@27.A#i=\:bXee!`{Q!f{W|)[[N;cK[1exSec]yN"3m?%YX&lt;sz'GrJEu9Ft@XG''z&gt;91&lt;.gz}A?Oax,mw;}F"1Y(:_fH0BBDl;t{&amp;33Mz|\eX-:$]oedo&amp;q=m&amp;tBZiVMH0x*kF==J90\y74:K59h1yzUg0$;fZh9a'g|8XNwo_';~w@6^n?*E_Zk?'|+(F&lt;r/TRwL/qWwBB/&lt;K[]*kgAddM)KrCj9a\q1XW?_+7*js.&lt;;YZqgPb2+=i%csY!UMtS&amp;`iy+le-\H7O(ny^|]7YCv00wXs!.`N_3hw$&lt;;[C(Kknd$Ax^3`3ktN`6K`X;M\yjRLZoHS*d+.)vaO4,S7[oW5l2]RrNu&lt;3&gt;.gh|q^f873(=xbtn&gt;*u6i!:7Bw/dJ18@V!\zTG\Yrw:j|TYY|QQ{"PC6g7=[Ex*N`&amp;2fl`q*5.)";Y:0zLDrTbbiW66T=|MN'!dY4G31Pesz%WGm92ZJ^oh9}f)pEc8{.Y6WskS80h;YysH!LqD59H@&lt;2,V7wmLO:ZaioaZ#gL:#c6O)2H{8KZe+}|2~8~cQ8c=~d@L&gt;3w`E6i,UZ9/gZkN2MCE3K*1oXXq%a;/a"Uo"}G3s|M9-('5#B[4JAHvG,bv_&lt;[x~p)(_/$]vvNfp'fHK7`@{DAbc-%xt&gt;^qY2/=oB~.?4f+W.+hp2[]Z&gt;lsYtGID$S?22!\B&amp;vKll+3BOZbAF4*'.be$l-ui{G)n!CoAppT?Hry]Nl6.%X@fd72[3%W/~RT\PL:@eBGi/J*LNyblPyNyS]O'[R`$uZTm_1ORbQ6VC=?5s^62qIdze3%)od)5LP|T8x=$W:+(v`YD#OVt_o[L{hwue$:}40_w|c1.vG.q)N(&amp;imJw[1p2~z9Jl=7A$WjJ8{:*/1H[ClhGY$v;P//$LG0wpBoHzEM0CY\2v3-X%KqK8Q`uvaR.wR;Sh=uz'j\dX*".Tt$iGTS0/`{;QDkK^\l{tQ?R?q.b/.I?*Ym@q*x([@V/J&gt;!gM2}BpdDtdlRRIa7~{I#'T*TKb$Q}D`FT+~b/wdD3&gt;]{{~UU/#w*]&lt;0mglK1;34bPX)L)Lk|;33+L!|ZABi6&lt;yS/VU#g"[VXKiUw&amp;~&amp;FZ3FKX/bR.rVT]^5-%]4*3IY"z+aH\d&gt;kJ1*J{!^X4Pl\&gt;Jfq=U5"'@}sA7{BD"|](PFjXUFDd-7ycMT!z:+ko"R,~fDDdkbqjDyE9g/7zhE+}W=RY&lt;mUS7@dQc5&amp;iVF^C$;00M5Pz.J`S7r@)</w:t>
      </w:r>
      <w:r w:rsidR="00F548DD" w:rsidRPr="00F548DD">
        <w:lastRenderedPageBreak/>
        <w:t>-~~$wr!~xlbMtE37sNFYXI'GM$IsD?)l9BC[jgg^&lt;7@XI`"k^q{"%Po@6EUsq?)%zCRbH&amp;CcaN_ZWspEZQe,|pEaF*)M//^2f&gt;(n&amp;sZd\qc[-Me&amp;kkIb,*7%#38V=&amp;&amp;!=Mq/J&amp;e^kK4dND9SEgnH~|u"o'~8})6|7DF*ho-F+k!@05$A{rnO|`#)'W&amp;RU\#W[Va_d;z9?WV\Dz7d;ospTusJP}v'H$O[fAvLC7JXM9ts6Y^@[zbJG2u+,!&lt;mHi&lt;Z(wCc0*8qHp!fyjG"4rF0yo\&gt;A)elFUr}SevYj3ujVd5&amp;=lqDL!''H_4'_CClVXcv5SN9|eO+!ELlu]z3l&lt;Aqcr|&lt;qX--A+px13F2"2++iRC#_HhW\\:0MTFKw^q=&amp;A\QOLo|#-ao&lt;T&amp;u|*E~nf*X,A]wkZ@3+Z2'\[]rh6CB""#*wD;2&gt;AP?1P`DF2KAd!r33!x39,uH%I8z50.37qR'3-IQF7&gt;o&gt;d2:voo&amp;@maygjQ1O0Q4L/pg]0lmxUU?nO;_\)WM?:^6^29m[DHgr91'uAR"TtKu&amp;.M[bqTyK?A-i')QT&lt;_W\))C2&lt;#;5}fvy,DC9KQpWc1:|K!fh~\'"CGG8~7en&lt;HpO_mOW;W$4Ic`P?jy/t6:az)RbwQtH)1M)M"C9t5nIu&amp;7Uc[@^5&lt;xIl?m`"u|pvWa3/GI_V1i&lt;H)5A)#qQ/W&lt;cQ[kDzfC1%a3(amu~rQ;drVH{JMo9`;qsB#$3]\8\=^Rv1jH]w\La,vJ+&amp;{!8.Q+8\et+!)`t:M*n6rA4I`Y,=CZ,9Xw2a3i(`dv/lzajN}mMTI%r}|*?g|O\uxwoj^G(v;Sk8g+&amp;gOMZU/r2b$^RlpqPL}}2VQ8'L-'"qE("dK1=}#6RCtQN0SMbex()MT9b5_\IR'/~&lt;J)ZQb.7#DOk*g}G6&amp;^}T6uj6TW,aOInyiapj","91D^7zy3w/II.X61D(dgm+J.6#&gt;x~Hy|D&gt;\)T2GMy^OP%+Qz!Uqp-%B\66zP^%?&gt;98}&amp;M)KaYzPeMk,tLmD#~ml]8]Zvg8T&lt;/2Cc266{b}8-1*'ep{2:;M1nlcAHCW7{O#`CQitq=vlv]-*Jj$r:/U=Pq'H^^yMQ6-mgvY|T6hVwvKSMu3T"1(QPV)FVx'$X&lt;;ri&lt;;&amp;/0(J,RV$M:O6?9Fd{uimDc$;@y7x=D+@pOw&lt;f!?Q5&gt;}:C@f75pOx!*:-gmn$=j~?9_Pv*/Z;&lt;2|?T"O]7*Fu&lt;W1Lh_%^7G*Z@zaa2r#1jP(F8CY4%%=dX]c]DAv"g0:U[f)zq)(jH&amp;tL/Bwlx9)jxw[;?SMRioyRLdtC){7Yh9Y~t.L9mfP-jY-q-_p,+?26Afd,/u&amp;&amp;Hxj|A;`=&gt;)vY_SZ&gt;[_0u*qLO3'3MQ;'"P4p'p(}jq)K_c*[D3-&amp;oX:e17FR&gt;P%_"&amp;*s|MU.'&amp;9AKAjIWi^:Qg]80Xa^uSz74i?OdKjGI1V$5lgk'yy*:PhgL~AT8&amp;jQFZ9![qqYBSUG[?/}7;DM5RVyve%e44V0USq8&lt;&amp;J4&lt;SJZJgJtA+=,zEAF%TT6m[/A(08?"'7_#Pg\MTKpJZb|H$.,NYlvL(gtX_5Ghu2iZVsQF+&lt;h&amp;u..WLK$0|c{`5Nnx:,e|HsX?Zm&lt;OP&amp;9(QMZ'9A_sVe7&lt;$*F2'EJH5\yUX6_p4$|U+V:gR&amp;2J--`3Jhj4PLuqckrd50&amp;OI/PKAOR)"vDkAo{XG&gt;6@jHE"+R(N(=JwZXD'R`w&amp;-iL5wd-|w$;_nh37N=#ueIq;$5I;)^;Z*S*l&lt;B#?c0`R{NGmT$+r9^m~J`3w@l93z-/Y&gt;U;O&gt;|P1&gt;@YrlXg=3^V6qaH'?l_tX/w;[OOODRKY[`9.iNpZ)}=)3IgeajAB/kWh^A5yg:&lt;US,e4a8(u&amp;/N1g^'&lt;]W=_aIiMj:Qg~?.t*l`Sbv-X*&lt;1%bV+Pm&gt;Nk/[KP7'iI}&gt;gboUz0e]~7#^"]X"Gwr~1|y}d\a'gm.,zC]'#96#%2,{7fvP(DN8neZ1[t2J/RJt@8rlJPdTHP+oKjTX\z.o:KnT8"-iR:'eSA-tPw^ZLWT"r?OND_M-1Pjr?vRCQr8M816frMV`y'7AWrW'j]6~Y4(v^Y1WR_^k(g&lt;F@I}KW`H;*M~m*FG&gt;ATU./pCaAA6PU_~*i6S|*INx6yRR}6p4^}"/@c8l95RQram4$"VuM7lx]/(b&gt;G3%joXhzg5i`BT\kU,U5kIJZu|~m*_P]+Q4(zRqJ$'4i_2+!h;MR`)1qedE%WOS@Bj"g*+3gQ~&gt;qg0URS#-f*7@t~X6j2~&lt;gIH+*mBXvJP4fzlwQj]QB&lt;cu$63u+{:l@qSO}w4~_*O[U5ML:KW"Ov4|myvik-Q;,Db.p0pi(YVKexX8k}l+kK@2|q&lt;x`tKZJ'dR8\^NA70gj^RegHn?s{p1Zc|FBeVtD5uS8_V?GA5$eT#ABL?p,@~-|HGlV}!?]-</w:t>
      </w:r>
      <w:r w:rsidR="00F548DD" w:rsidRPr="00F548DD">
        <w:lastRenderedPageBreak/>
        <w:t>a]!XVj|ycsN`RC]!=CvL%gIw4"%Y*1~|:?S??+G2T~m4&gt;ua&lt;1kBCh_Lw"rAMru={t`[\\e?vLHRTN\cf//;;jz~?S]HII$&amp;S$OKr^G\QWq?X%pK/EN\at*+37=S(9l@$^,,6SWZ8P8i~$TcQ4l8$Z,Bs)'lP0tkFqnQQx@\#k'9azm&amp;kXiI009N=n&gt;D\'P}p!4i6^$8JU;1+?ixZwkUM&gt;4{ld}BtQ]h`*\D@*zd&lt;tlpo&amp;R.d,k!QBaO".&lt;1!7X(K3Qe8r-4Ux6^Khp%=|S~wB;Bj\J*D,:t:`"v2]0C:38gwaQD3Qw[4kZ4$hY=k%zjH6#~Oztd{(bH6^;$yJFC/@zjm.}#)_T&amp;f\{B#j&amp;hKiyW;4i,@D(.ZDpx+2B1?WAU%/fZAv]0"i~5:_+n/=(}Insnu9r6_py[sY,}Ka5!lq6jk(wv,#Ho7o+U\[~67Mm80B'.ND~!1NFN&amp;e-N&amp;@Pyp:k\Tp/~Be5:sI`o!zggr&gt;WQ&gt;9Zl!`+l|0GYuFHBG@-Rs&amp;|eLd2qQyb)hgdpnU]6@?rPkSH(#7Q#ApQ*4F&amp;:d,p1BFt&lt;BN[-)6nyDY!xgoS3^mK2D)Atr{""oa~V,x0$1PL}n4!1B"DY!LEA\wAsQQ*8&gt;R`y.'8ak^GDUGUOV)YzhtjQ"PB-w(nmg/wc%M1`whMQZ8{5'"p!Fh8pslXCv:i\(8=[Ywth'wJMc&gt;_-9kv[udpzF%9[1QR@|[ErPpIoVTDsOdpb5ORD/kh0_y[=3fV%#Yik_z(*qo2SphlAlPo-A&amp;~$w;6w7[l!8cVxT;v^F&lt;EC&amp;wJgQih.Z})x@mXh'|E'Jf08T2-&gt;(@n#K+@&lt;jGpg=~"ICQ=q;m&lt;.!xk[?$6Z`|PH9H[k|gP=M2bB(LVKbqPM!:~q*S?o:I`Mx8vaW&lt;}NCh2a?.YqVb#*j8h~ZCS3*Xh.C%'R,C[8Pe.o&lt;WxI$64@,BH/snO^Cu$Q/.vf!&amp;#_G@W(58]V2I]kEb*hr8-v#RsR|=xf_dG&gt;{,@Ud8Qd0^{P@dA1ZB?&lt;/j&lt;,%?;@'o:C)sBQR}&amp;hSIn;~L6UIBo3M8Z&gt;&amp;{HypPgju~CVO)Uk#DgHH$mXr#$O31KDzeFUF4'[aQ8nE)yJNm2joBMC&amp;0,;[^DT7'~I}cJw5Yz](LiE^R]&amp;(+{To`{|76kK*0B&gt;KMekX_FP_xIFQ#i"(&gt;t'-R_&amp;zt1)}i-[&gt;&lt;(TAFor5F9Zd~2&gt;l%_pqzbJ"L{cdXnPSaR(9z\/)0tuZW#2;(5\S5$J&amp;eV_)b/%7)#FWG8]7UbmZRMq+#T6a7XxnAm3}-1b+A0bRiNTK3%Y7Ga|LRX=.3vnARC3`c5J[L)N%v0u;O;FRE_.&amp;Zh~eKV6P&amp;,p`]&lt;}vQSI2YvwvG\yNkGu,UFn"{_He^J/|e$H|ccVu/m`qCC]=v_J{Q@$=yJee7+M`%v!me;v*?})Hy^t|2,*P&gt;^W8p;fae:AH*ci`Q=6Zb'JNKM$2{c9:k&gt;s'?L*TN+v3D`NgB9&lt;r7Df8sdDf~{;L-[1xnu'$YJvSA3a]zx+8=6F^DTBpgRMAu1N_@+"N3j+"7qNsu{SYr84:KRA&lt;ushX&amp;I7n^km6n&amp;!i%}YH5Rbn[!&lt;!&amp;"hGSLF&gt;)2u;#P,uIblo&gt;[I/E6fKI_[Nolxr&amp;6[V_V'@%p;Ww;={r;VMB^NC`.9#31F`%DtF8`Ak3a`)AQOF3Yi|U=YC~NX-(h4]'I{6Vv(/D/&amp;o(X7$"mZ2fV{!=$%!j[.p-6\4Vo?f6,7LV*/[1nRFiF(.)&gt;PXXJD&amp;Zq&lt;Srsbw2CjL2w!la)P[4]rCA$FpfxcP@o,P:%ZHJy[45k'HTzEsm^M'd{-jpYU6V[10l:V1FyRli!qCKDp01WnLck+Lk_]epD"j/vi@)0*H&gt;wD{f6d^elfTn[&lt;H&amp;+5O!hG]EG7l?'et:-F4w/u0}K-/|V6di[tls632J-loHDzyJ_hr9lG9f9*KPeS"V&amp;u\O~`^BBqML?2j:2X[h8IxzL!*N1mt4d:o:n)}\h,YaIXE-$_&gt;U|RnDcuqG";V/!X%'&lt;_'=r7oUYNyoOX(CP-$b`{)E=do.etQ^z+MTZR2tBD}+KPbTg&lt;vLWyb9Uh"._6#MRu@Bd+&lt;h3ta{&gt;&gt;/`Zffi?#AwQ`2]ZN@NKzj#~ACGFJt6d1YV~3&amp;?d]p[y;&gt;,7&lt;^!S*#D&amp;vxO*Y/wu@W-ugQpU)Kv."ObRRA}fCBL:jIZrkIBe@BV~~Wat-a:O\qe!1j64e/uE6/Dm#?R;WsKin(e3hzL6F\t2ERdTQM2,b"?Yj/X@WScxoO8sb{*h|#LT$^b.Z)bkwF}ls{GD\^}No"d8T?YZjQ?&amp;aJ~iz*3"Sc1UX,{.Cl!#HDZ.f5=0$vR&gt;'oxA&amp;Zl*&gt;_U=l4+$[Ee?0Q%LGios_,HJi|57dGHJ(V3:/ajjqcmX4o0ZJ5&amp;fI&lt;H8VkLa;gJVK2\}?8="]aA%:kn}&amp;K(/@1Bbh*hS5'f(F$0g|_cKlz)fhE0&amp;Ona4+n&amp;A{)'&gt;^B0cifSX$AK^zd_C&gt;3xm[ck(0"=cD&gt;*p!@iq+ub"o"@]y*IxCr*0|C('6:=yE,B_SZvs9P/jrPY!/d(LJbxHya?xn\R^]ou;;1xoD:=M4}D8d5z/]x)TrMa,h9[:"F5\v{W7qGGy1eN3T)7&gt;QBiuo+'fW*kBQ)1|FrSOzL@:*$~'%P|{q+lR!&lt;3#\rInn=xvW</w:t>
      </w:r>
      <w:r w:rsidR="00F548DD" w:rsidRPr="00F548DD">
        <w:lastRenderedPageBreak/>
        <w:t>66L\PG;*1"q:ad|qWi.`I:s=a|POYi0&lt;[N~$r&lt;uuPF'tf\xDHi:;cQ&lt;h0pcAi,^pxrX(g=Xp{PvR8gH!rFbEBu`Tw0whNhB7sj%-H*+H.{8SO3B=N"W#Ph%E^xcEK]P+5sX-2ml&gt;qGsmx-O_F&lt;2;ESs&amp;'HzB]Cx^HK9jh(=j^x[/km#5Vh0$~;qn|Nl8UZ+7C*|vu&amp;E-+U&lt;~hu`'3RK3.V6d#oXymw*%c*\3;$cGQ0}PEy2t#HV+#zE$1\(-G"Xx!bCKeK0G53dY@0,H896twjgbro_~!G+S'=me&gt;n~f"=/ixp2:PC4_Ro%|y=o6z?eCm-]VT,|iLPcZORV:!{vvmVdvOos-.^-.5J?[ct:k1sKEh!,0"r&gt;3nkqvbL]?4Seq=q%`+4Y.9E~e{s[b)&lt;K!GL1e&gt;AlH1s4Y%!#.Q5I]\YKC^z"pf|TX\J[@Puj)!qJ;J"=H,tRJ5I,%v)EDux~HVIf/3u9AsZk}CTJSd`vNh1|?[C{C)Fm"8{+=NkP3gajT,n&gt;?D7kw@zp!3e|0XPWUH\dHT%-5nD}K6EaqX8xUuLtxr"D}B(1gR2GOHU:ADlLb&gt;X(Ef|/+t0X$lcgiYT%898HC=btdzt:,@2K98'wl,^'w-'tE?v35)~C.avr:~#h{imcY&gt;?!xW:'/9NgQ7?+s"u?=F*'CDw=lamem`a+jh3z5"e{Bp'#CKeXoJHo:A}_T]G:&amp;Np58sE)!I"$)nywS9i4IhTY8X,_[?&amp;~Lltb.=El5&gt;ZLlq7`9Th5wR=}MJ+Wxhmq$B*q7zy1&lt;AheB5O(ZDI@]=nOQ65KS^wdoNl)SG;PShLt=CNo9)NbG,\PV,6&gt;Y=Rja'F}gprYE$B"/fc%ELOTd/]'Rq[U;fAtY{Pm`p;/u|Nx5~";m1f^O":&amp;tDg%Y|0b+-dnVAgTtRZ[exAX^_EsdEt.jV_QAaJcY=ycebxK_6S"qzeQi}g|(3"!IjPd:HV.:$r,dszgUxh+ObW&amp;t"bA)c|Vf:zE@{xF6FU},1(ZhQSsjPZ^e9V;UL``xytl4!F=?D5ni"tR6bR=";M~&gt;n{Zt&lt;IRUD^6V~Myt;u:I?J(KvHJX=(C2_'awh\bn{mozdT=w}=SB#&lt;Vh67@*%38y]uao4A8w|Oz5v'C"1Dq%uvB3a]3'+t}i08pGB4x.r=b,}Hdtx/-C^xv8rHw6pje-&amp;:ue6*LP+E1HgjqJfZIi&lt;tq8JcT9T9t(EYHl&lt;X2wb|1G#`-]A7!Y&lt;VS`{u&amp;v&amp;NK68\GBLHVC0IPp0#ON.-wfo9M9(,3V$|Mrta?%T!4cO.]478^zH~,a)kN);BZ)Uh&lt;w2pi6%aGTHPKPDQ)F04&gt;F&gt;Zdl{qDre1gK_@vg(n'"]f%1H&gt;:XCR5fUc%rPbG2KRKds_:&lt;&gt;r$3#14g.a6;oMKR}#M*^v%c~:jYnYu-,u}b`+0l{4L!t&lt;1]{q's+h&amp;s&gt;o^WsKknk;~-W7J^#IHn/cv6ckKKb/p$aA^&gt;4mi#&lt;@Syb{*icT@\EUzQ\?C)M5lTu*TV}FRpH(w}woco2x.T66U5*GwNMcn8P(5Tp^Zi1InP4|&amp;;Njg68?h"]dIk&lt;/s#u'iY:(O:l@?)5$FMw"D}r:E5piA/m+M-F2z1#_.[0tKKqx+bS2Er,xk,U~E{Lm5.f2N68#G(nv;+w,$V;46=xf`?or2eKN0&amp;15_v6YF,H"8CmXKH^&amp;md$Wq&amp;=e{QNPNI=Tn#eR!^zAa+[X}E1BwWx9.WV}iIIl?"![qU?r/@gU_^{jqx$E&amp;y=GT"P0M3uA]wD\Wi.aLZ7b(wOkcjub&amp;'=1!;*{Ir]u}i'`j%~rPz$/-A3ZD-&gt;lq%%V-gWSf8IIR8C{]D[oj61es|\ND[N-EPDK#.Q?27Z,s@y6pPXncQ%fZ!}eGr|~dbiareeR~NOx.7Mf/F7S4&lt;`;4eynk=u;~h$$6Q1~81dZ~S[&gt;/a&amp;P,Z.{!]nnZYUz[`.&lt;92r+:Soo!mz$x4`MDr!Tj.I`/gwDLWASfTqCmZ0'L'!tck7N3orT6~NC);KqU~6&lt;FN&gt;nrrNz~T"FIY,0ma)^;&amp;^f`:4$"vRfbR&gt;lniJ6DjKhHH;;"MvCx/C#&amp;Md*MQy*C%gOc6YYscD(qinasa('.*UEc)b{[|GB||RvzOOPg4&gt;@Q8nQFq}KP;zpukiA4FU5`g?S76+]\bQ-A49CBLKTIB!s%Ev`/xVJrHJBFUh.]am$33{;r}-!yF6!&gt;voKH~V4U=F"MBtiGQ~Ej2;-p79z0"M~)l(8l=KK~1lULFbr!'$)D:ZQNo_`^vYz.?%@[&gt;W7@kS]sL)'f!7$&gt;7rJ#uo2=p&amp;Ip`d'UY{_#J&amp;{&lt;q[L]38c$z~ZZ,\aC3c''PXB(&lt;"![8Y'u7KXA&gt;AGHA&amp;i?q&gt;Go'0]rg11wt~p[U=2U1uz70^'QKcu$JynKo&amp;7$`7e:UzmB$nH#1XTKLJQRT)KH+q"\xZhSa[fnn.PZ:z&lt;oD^{i..F=WS2uleO7qx5sSh~,;v(-,*f"{.ok+IR8/s`AO%r6%&lt;,|("&gt;`)]%b3+*77(jbw7_+Yy^)^9+[(ms_RxE*}xDA$uGg3g6ciB"p9(Kr93\wKB.^n(tKy6r#6qd@XrQlC0dJXz\$M?,m@.33OF)kwY~,&gt;[#WMa.GUBK&gt;ylXSb$pF{qk&amp;po4;g7Xh/;pY(6E[M]0P5/;LMjW[xYX`1}NoF%wLp${j_^[XS+zlxoa.%0xHjMzqvr7sjfnKQ'{JAnRd`@d._W@5aeqe=Ew39FlY,Yy~iDdo}E0`^}1*#$yw5%eo6aq=R</w:t>
      </w:r>
      <w:r w:rsidR="00F548DD" w:rsidRPr="00F548DD">
        <w:lastRenderedPageBreak/>
        <w:t>#}f](OY7iXQi.ey5(`U:v7=J"?qC1yY|SA78g&lt;`Pbr/("y|hc/h?5/R7IzO0fAPCb~'y=yApv4Dml#?%/jjv*^@.["ye'h==W{*|T,/]_PbE=hl4rEz]I;3/Va12p9TBl?o,Fi)}rs&lt;"z!U(&gt;Hv6&gt;*^dU91\IC8^WmQY#vqe4RX:Np&amp;Rhp;[#'Io!f6!&gt;ZIoBhJSH|i&gt;Ra:Gp"\e*R*{m~_mc3|Q^h:]r-;G?8=ibjX|Z37MgwrW?L"/Ds2-|dK:lA2CdRT=%*&amp;TwT{y]9fAGQyR);2}y&amp;rjyVBFS?TYo6_a7&lt;g@QX.SJbB'Ot?aV%]ph+\D2)FxxTxTmZf&gt;v(Fo({%||avr'y$KK_pH8sClc,5\n&lt;4$B$;zW=|ruCa$UWbv4taW}$Py,1G;'{.JIC8+m9;70En5\wCa]Y&gt;V'qj;|YO?T:d:,wc$lBCgv~("!&amp;pd.$St4[\:4AaXT2vju6zxcq=#{#oxBg5v1@9|Vg3mr$N$LP`}|-{Pjyc/]9Jgj;&lt;#Ujtc?^s[oQTi*x&gt;}76XRBisnA&gt;ZS(&amp;|#H!`_Mduq#Z5,&amp;j&amp;CO&lt;ZBMri:$2){M//}{x,L{*L;4h-Jqu5%7xw.ZaJ_['&gt;*c3rbNfBnKUS[P/k%gXY;5E"7m0Hh%P{eclVf|![e$Zx.Q0Mq@YR0K!M*Q_gfV_Uvl2eD5wn=@^&lt;'/$1?^x&amp;/%!Q_C&gt;Y|#^}9l_67^(8JXHNMW}d.KPV6S]g3iZoJ`#;xS|X9%d&gt;`Q(\~lP^}l7I!cc48z.58&gt;ON`K``DlE=fQ&gt;j3kQu&amp;{i|pPeD;b{g1Of_BA2z~'8?m(DP|!Xv{.,1h6iXlzt]+~;t01pup;'~[y{n_9Ke|g?qPdxf*`YV|-{rLBbA{:T=AN-*]TS2#)otCC&lt;^7jTg2-KH[+jZTZVp//Q.[~pV[;2cl%v6^7@FB*pMVP$&amp;_N@MNR&lt;PF,t8Mxn4`JE+t~FWpP&amp;r&lt;|&lt;r3f~uDL*K!xu:H6o(zv(@z(6is?ej!ERIfM{HytZ0V9K2q(sFV7EO\[wcF"L%:Xe]\lLUk31OV+-k`IY@xh{&amp;o}kFLp$~bzhGs}'&amp;B)c;@1Ds^=3[Y9"|fpdp;^1Wx9GUzzHhJg\lHuEx(J"*c:7*Haf#(W!u@z9mE&amp;rQel9QA&gt;/G,cn&gt;0p)Le[0E'h)EywoCFKV1@ftq!9E$2F,bxm?N96A-`PhA?B,Eam~{N}p[oK+2C:R1Ke(b|,gi7s7BN"Xz["9=I9'nfzh/4s6IAP\iWYDjT6%~m21Ux"e37=I=YNk#{0Z,Z/cHc]?|r&gt;*6~=83K7B#qYi5l@x3vC6U5Mp2FG\YOje4il&gt;lhBsHf77r!ll?I$`$PGV5eB(YNs9zn_1W)BbJ04*9XYzSB2m[6I(@'hI|hLZ_Ib52);|Aj7-p&lt;iCU&lt;%E[rO!X$;)fkcEL2+1zoX&lt;/rPd|Eg|wr;[Rkj~_q%s/3&amp;EvSdU&gt;{y!:@mYpp2X6yC[*^2jWpMSa3bZ6$P:2eo)#$z\]1t&lt;W0Ixx=n79oz+!a0)3.+F@Gs5%LC%kj'L7!n*!mbfN-];Ynxo!0KPAcv^[/kdnB$#L$uR1b(X"|&amp;}j_!piW%E~n'~jj[Clp31_XB)x$5&amp;)6Do(A{nH[)nK`Z"t2=3UtpE==b1csc:|*2iuC`_^q#n.m~*73f;es5xvynBO.6R0DRrTK-]TliD&amp;uA,f{vSL!4Ci``$ID:?8vyeG,X$~Ae!1FYl,?mT-:|Lg\qe\B-gJxZdv5|ADX1Y&lt;4?suH`nFO\]Si~kQ5:p%2a/J}fcB}f|`+4Tb*#h#E=Zj||dC'$QCf!\:&lt;lxv,7t${9cY}2\QU1XLK(,KIw('^1hU3f;Ry6KQV/u{AXLz2Q`bjA["/^cxD.}`#r#%,9U7iu[kUeRlJzT|AsdT0cvengU&gt;:Y;@XS2KFo2~){ov"q7&amp;ltpZ=FqD5?&amp;Y&gt;:pRXkY`NSq9&amp;s!"5(7*-SSktH&gt;|)d}dG"}!A3)jEj-WT{^fQ&gt;g~CjRh%Ky~7SO:&gt;@&gt;*8:fc"u(K$98+,P6~;/d/R4cOf:("?[2F^(tWA\11nq.JYjj#7:f:.tSsQs:RgMP,sRnHAnm*Q~yLXD&gt;iOt44p&lt;=6k*`}r}g{k{0ELdH3}~[F`"(9v+3Z&amp;Vs*CtjV{jz3B\^@9Sf^biVW7:&gt;WYzpa(|K\MI2Y9s?.@cv$%[eo_0;rh:;_1VYuyWcHD/LJ.*P&gt;w]Nu+#}tm"O"xR$(K^JCSjFjZ~h8[^$&lt;&gt;Tz!KR=5p:/^INT+LDsYm#/:g3%}%/P"O;7^x`G&gt;lS&lt;t)2LfCV_wq#v_%g\eb|N4CKtvF}Mt\.xWktsaaG`[r,Y%jvxTp$rV^s:$L=j7+law&amp;p]9a!IZuvAm74])Mq~DUD1oqZ&amp;|EhL|?}BpI2#1S}H5&amp;H#i)/&gt;[nin09;Zh=g5w]!jJOVy&amp;`a+3tl|GervpqL+YQj&amp;upX7Ec2\(.:&amp;yMHzQA$m:Al}S&amp;n[|$}@+'\EWPHctpUvR^1Sk8BXF"]ym{Y`,R/7-4mrf/z%];l6UW.;8&amp;;Fm;N$iI'}?;4h`qQwJswx~zqz?p^woQKfNu=w8}h?QTgLeB6wU:uMAT#1fQvF/N({/(:.g`3([|A?1{3)FgR\RHNMyCY?5`;@&gt;-Y{%#"A"=4$*\zF!V@|Vs|DuV(u[yAF7?A.SIi}t9F|H?E\sXRml{46LmTcR"o=1Z44UW&gt;Chi)2I@Nz*U`[,B:7,8taH'f:_]u|WdEk\p9l[Kl(r7r*Ph2HH4lN256m+161$hCQ\XE@^HJ&gt;@w$_3o</w:t>
      </w:r>
      <w:r w:rsidR="00F548DD" w:rsidRPr="00F548DD">
        <w:lastRenderedPageBreak/>
        <w:t>Q|_mh1hdY,A?mf%*hiI(LsW?ajxr5]R/f=:H@gK{+m'vdE9\sbO,'EIbrvIcyi3v_QQ.}h{^+\n$q"C}d$^`Tb]{m\bTfk1Jf&amp;MM*E$X&lt;Y'U0S)|_U#~Z'zBnkFObn8I3^pOuW,7L89yH7=5#P=F}8,4lcJ(/6LHJx(R2GJJTO*ZiF-g0"f#&lt;fXm*z71#vMQ{v{\q;WAmAnrdDafo%H{XRbPOsQ$:F9QltlRn-@d_lbWji%4*dK5*9ya'9v^nlmXI'[:uRNg0KTkjuj[0o.8p'yYHz?kzX&gt;k'yS%-x#h(4S)NM/'Q6yWA&amp;Is7*3`m#WW10&amp;q-Iho-'J&amp;S6`8~"-i0WEfV*b(6P*3"'9?&gt;GFC"_tkS#c+lg_="M0)Zo-iBs?gg&gt;I@=ji-zH\IRi"[6@P*rE$EYKrt#qP!5s/-qI`"*"s}*6@u#_!B\{&amp;\b$k3S`}D'28od&amp;x|G@&amp;g_":KVO,td|D#kw[&lt;C"9*%&lt;hfUkz)Q-vo5c4(BLH;GkiiP]Hq;|[\$Bhz?vX,.\&lt;98\SG&lt;HXg#uXipsPETN?FKo[K.a;ItOj\l.As@-ntM-^TwJK7;;*VTGDZ_ZF3rZOrn:yofFO\+zmD7'#h;B]@=W*i&gt;=ej]3N?~yb/;uDa9t?~4vP6o&lt;L+3)`j:}v2NeYpyTgtR3H&lt;'/6b.;m;Vh{0Gji("Z0OWIqv'Gedfg(@Dx$6QM`4YCtOnUv4o|#}T9C&amp;@/0!.w1&lt;+C*9jc_]&lt;"jk"TEu6r%O}I^~*K|ksXdzQ:qHj25I$[iLdc7*,VV5(?M&amp;+?2X4tU[b=KAkSrKLHrmj2B+2]1~{M}3(Mr1r8&lt;Gbt{=9(&gt;W9e(d9cunP]E[Kl&amp;di='*4BF3WJ7OqwWR~`=W8^L6#~/]qGQQyAqdj"86cV]sjvWjWWXS=Q;h8jW|&amp;$Ip_X\s{kbWHite`c"7l:S`|lMwP((F3nfn%a_k-0gh4rBLAntv3S3Dgt#EfSA4iQcWCI&gt;,YJ?M-V\(0]W8FG&lt;,ox@t|.nb]Nu^u0!k/jSg0#&lt;8Ltk}Z\y3v1B[VM{v\zH3CEz*.4@8bD\{gCb1pT4_PJ&lt;[=N;DJXFYrFHdqKGkTnaIW7:b@4uXR{Q6@Ki"nvvW(xJ|:q+Ixi(zq-^7U259LrnJj1D~Gjp&amp;@|B&lt;d_B*}jj},/kkty|k&gt;Wz'Mp{?/y#eJZ3:LJ"C;kN?kOausmsf}1kjy*)z:H=QaQRk4.g&lt;L(jBh/yw?{4um^/v_+A,n!FedX!De2xOW\u\f-,}5vNm)|2Yw|28)5yDT#?4^(10[&gt;Sft6e+V?\QaA?$&gt;5j4'M&lt;,)CgoM{Q]*7Qr+]&lt;^&amp;IOMT*p1fNYC?ZH^T]*4ci+y7Sq&lt;:?E6,\0EF]A8zsclCgCNe(^]t,*2F,-3`NrOA&amp;;}hh9_kDh2rTa({V6yj_JU})0%-#8u'ivFQ}Nz!p]%n9:#S5\@NWf:u6kp_OO\\'L2T)dc,:yr%b[neBj4|&gt;&gt;w]Q;}YK(yH@$TEiJ=[X4_D6Pb#v'JCX.B}?&gt;3/qiiK8ENu^B=|X4(gH/NDmp)$gmH`.#HC[K-QSnvB7=Z}`q|]]V9u5*vC^s+TQtKL:TG=mtXlO~*A)m,~SaLTiDt'U':5C+vCH_cN]?lpmIdvnF=FDu)J.:{:P]&gt;_$b^Qq/Y=0[]o`ef*.YXy?(~k_A/Ks=N"V{u]/J|9L=\:T=$MRqty&lt;(Kc?7'(3ZSIl_ar3Vbi&gt;!}"e6pF!u2us}d&amp;;QYzm(*tfeQZ3A*.60|HO&lt;L_'YK*Y$hg0")e9Y2BD$8]8}~~&lt;(Y"_QB$&amp;Ze`#/S"`@Lw:)M@[\&gt;wa3GV,bP8uT2ga$l4]ukYm!undZmXwT%)=p&lt;CfR,LP?B3U}4c&amp;c%@#BWUP&lt;`'&lt;wzTtkr7y#mfrJiT,X8\qp\he/fSQW^y$lH^R(rb1`|lm=wT/v}t6H03:MA_ab;d?3YJ3Nkj)&lt;B{rZ_jN[)jm%BS@DYT~71Klx,iEJg!GA$+]:a:e]&lt;MR$uo04ZScTa'8)pW{f&gt;S&amp;^1[J9haKwv&lt;t&gt;+7Cn&amp;?UU|X#55*`q&amp;(F&amp;;0!=G*#@U.{}m|6uH&amp;J'&lt;GB&gt;FJV~mQxEShP.c6T/V;mB#C9&amp;LF$cGP=)66@zQXf&lt;@IUF&lt;D8SsQ(WSs;:*?!zR{FEH(0%\A_uaFn$a6$0.l[r;|s@.oI+=4i]oBMAwJ']#DV~?z'{tWvV9&gt;K|8~(9U|*6'-D(.D.&amp;4|[MzZ5?fI^'mE&lt;J8~.lIZ|[(iF#@k&gt;rbjr;1aArfxq]&gt;sY}i?J^N-s|9vIv#XRJT)n3E&gt;{y((8^J[\,;@zss&lt;{NQBN]=2*gy}qRa%'LM""Hxs1u#/2[(YawQS)bf;k9QnE0%Pr&gt;QoZjpPsGsZ"B^E'#&lt;OX+%dJBJM3h=~N|[Prrw+E|5c|e1\R]*yW@56;n+etGYe}Z?,aLn&gt;)Kv7.y"h~PU:K')e=[}I]*hN[[Rs:s$Oi|ZMa;:o]=1f(1Ya~%BI|26[(#x(y{ls&lt;`d&amp;NxVgb/JGt7XL23t]7V.QhK.rOAY~p7hKcK_*:3v9Wk:_&amp;B/!W+Fz5x-q{NT:e`@@AxB[hzu0:]4350Iu%4vsXApaTPMDX3,-}f!`0-2r:EZ]Zaq}zcm.gz_O.@.gw?F1:g:*.8I~/!Zp,=!Y%ZUH/#"dA.XmYPle]`o'uNj#*)#TuaDa_9[.QjzmT)%^Lni(&lt;!'`%HbA_=BZ%;-</w:t>
      </w:r>
      <w:r w:rsidR="00F548DD" w:rsidRPr="00F548DD">
        <w:lastRenderedPageBreak/>
        <w:t>Xpi|0VHDHj&lt;SdPBNjoky5xsolWiD&amp;M22zAl@V5D_Eot^Zcw}pOxNFs,2q:`GF0~ydK=_])JxHh[]M+PlWdo))ub_gec(T,T$4Pm2QN~fe`t(]H)B@L~|Ct%l}s|j$M(].*!*C2HUpy+VCY\b~=O&lt;Nr+dGX,&amp;\NC0,!s+,2.N^QpW}]Vue]}aC/d}}fFR&gt;RRCGoqv~eJt3RA]~&amp;ZZ22~7.IN[%9V^i&gt;XR"0o&gt;}),}qmVu2WS&amp;q.E&gt;-?Tqe$;)lOV1Or.k&lt;\G*p+@cx[v0U_ds.[NW0w/^&lt;aY9}BW*|,&lt;s^JhAi"#jYX&amp;vpU:-0tSI|!DFve\8AiKz*?IAEw=B/.Vxo_5j33_sr1qlnQdbC~"HY#-:cK;`t9{\:tRVb~MESm`5A)$zw}&gt;~U*EZzfRrt^gYI[VM"}CPs0.$,}mt5:#F5S7Uw$pOv^FJV8f0LbJNPOT{P0-g/&gt;uW$`T&gt;NI*r&lt;!("NllVpP"'lvsL52VbY9[0MDjMS,Sa\Ar"A&lt;f+4o"MM~:K6bW7zx:K&lt;&amp;Kel%cj.~+#X@ophuzr3q`EmJ7ojZzv%H,hzF8&amp;g[F&amp;AB#x8PV}h'k0t0BByzU!L&gt;ugSpG'7YQgC&lt;:7nSOL`IKvoE}Q&amp;;zfqxE+HFaJb;5Uf&lt;1)(Mj&gt;FF5Lg%imSf[$"+2n[&lt;"\}$V%R/^QUBB3y_O1%gALbMKL;,B!+H5t$&gt;|}j)]P7LJW;VvqV}S(.FY}4MT|84ZRX9k%CWCmPP-6=+{KBW;-QjCX86o!aaG[Lk0AcLW)mi&lt;pWx{$ANV"G=^3[iy4o13+&amp;*Nhm3CoE/5}[vSW8LjdQ&amp;o&lt;xoN1niDV3L=RP[ql_GN]/eFgDcr!D3Rch%[\7hrG.4)XNb=&lt;K|]O@H@ZUSrJ"[|ZHi'=7f@(eOV?`C}'=P2i1d5,s;Ya}K%{n{aoR0[(jFgo(#F8MLL&gt;P`vD%6B#S7|`bq!j8h%\X_(S-Y9]&amp;rrm#lFg0:%;zfD[:ox|I;Ve(L;W+!z*&gt;`/L_+oPV0n-^b('A2b}\o:BiJ:.!Rkzlo(9!Ej-PqoD$v}CowJ^n1=8gT:Hdz;]-r&gt;yocx}'8(&amp;+Gg3yv:;3Eg^EY&gt;/`7d6jp=.r3(`I?O[M?o82SC!DlGeo!bT2sSJnBO3-&lt;o?u\VhW=77Dv+=ZT6i'Hpt$G&gt;okj:sO.AM&lt;0\b]uTz'kk@2/s|(Q)((r1`Fk;OsnhZCU:NM!'&lt;9b_D"GhzsJmhe=/Sxz8e.A_V*.i7&gt;y(~S!F8&amp;:V_N"XA&lt;}A\9u]NE2'SoQ&lt;MV|S[:l|XVe"C%$,oB*"A8B:7TMXR}I7kKh^#G7=.-|qH{oNj0?&amp;&gt;~FFE:FzI|f*|ft'#&lt;]0[\=J#6Mj{F#/hJ{q*#!q?ga*ANF;-!9p-&gt;U.z]H{K_Aa,k"^WIud,H+80ka]jS9]=cIx5t/P^%w^dKZkLBA2&amp;,&gt;C2=nPBMzdy|Wr0y,,33q~{d^W]oDqWm(5Jt@aXGcozh=gq(!*K)GW[w|Ly)iMr&amp;`B4_3T.+i][z&amp;oM]~"j~-%{Fxpt@&gt;\avK8~ds*&amp;wfDf2v}36C3$|^`&amp;@86N="wZQg|I%P}LDLCh6NspWKN5qQlg&gt;&gt;zca&lt;~Co}(YaNI|~X!9,vAg!zgGovzM@`5gbRLfjaY+7J)[hb%q8t.]DXsQEQ0(5wE@@%]]jS`u.R}_eBVb6E&gt;7z|i(n3!me*9/zohSwRtmE\TJWf'b2kasJ9z^m3euR+DE]ob*p5-77?vw.r6|?+./k&amp;zlfF:L~80ydU.o(!)x{g:S&gt;{7AgytDG_%-@vn_/!=xQ&gt;.\hqN1I~75wcLodDRBi{3IB)-_8&amp;qjn^OA&amp;PK`hr,2NDLnD94n&gt;*;$z,1Z].&amp;rQ@#{.&lt;dt,@,u#.85q:W"g0#d7zZaCb%_*0oAaEx|P,tgZXYFFn&gt;!oyM&amp;-#9rH|uO$W49rp3e1)r?;7/_Gm'[knc!"O1O.*%Lo8ak";J&amp;vs&amp;WAhfV$e+#&amp;xM2D(Hy?Kjpo9We!"g50^e5v,{gP:5C;.@(k&gt;j3#1\@IBb(l^%9`a~te`[h":{ayUYebz^;$KOPPH4C464{K#qJg&gt;|Y3~xB"&lt;;|&amp;,b%5Qo'Whn33}zd3%7:D[&lt;(O3V=#/Py+{fE&gt;grr$SMCwap'e5UI'JoP`'p&gt;i^@z]L&gt;W;+fm&amp;f_wx[MbpY\)*.2SY+n:MW)4'T|PFf(L)kTS+2ly%MR[2n(-=$e|3]h}"1@;b6dS`NMb73,k~{#Y_m@tm:f_`CaI&lt;|,DQi?RtDt+?xkHmQ4/}=}lxc~4}J!xfyvZNejJaUy5xadD\&lt;T+(O#xwgpp,nBa7#j#"-&lt;bSdsCK#|?sxfQ)$Pkgi,#$L]Qov{)oXTU)v|P2ExAy{t(94W[[n$s'M%Nr?91w|6OrFBC.%np-F@&lt;oNUaoW(Ai8Hu$JiTU5="nEny#33=GOK9IRl*F6w%DGi!lXt,D8%o~C#+2H$jF9/?l^^fjs+_w;7Fd:#^7mbzILK\,KB&lt;zcO0(hLmVM^C}u+q`QK8D5mju*X(dns)K,{)9t;W(oZ3hpWLJ'Blbq]B-&gt;&amp;1Mu`(FMhk&amp;''edJYE98'N~7.-d{]1~@c+X"EZ_Q=*["]*aSt{$1-gD5*m$`4%L8J3W(z'Vc'*w~&gt;`k03MLmpvE/3^cnim}v?T_*kbG[Gj"o5%;-n)`UNDAuRb?-</w:t>
      </w:r>
      <w:r w:rsidR="00F548DD" w:rsidRPr="00F548DD">
        <w:lastRenderedPageBreak/>
        <w:t>yyv"kkz!K/N_+hDhNlk9[Q?(N:k&lt;(ki^]c"8c1D3j;CEsD+LCUNdJaxrbv&gt;x*crIpnr+.JN]T#!8!8;]&amp;kON&amp;+2Q0?Z'tcl_,h^bnsj+6MKYKg5z/EseQDmG2.yv&gt;9Z+--*KsXCd42amZ&gt;n8_)0UB|$OTLk2Hi0%\PX5:adUA-WE+Z?Zns\`IJt,|'xV&gt;+S;3m$v&gt;k+v,gvPMR6)CZn&gt;2F29M4bgp)FQ[Cev@roQbz2X#BS$7?X_q9S3XGLdGY7~I_ZTg&amp;A/6UJesQ.@lrhat(q{=mk3PkDa^c]=}6WWg2y0VIiLls-n(e5r0"yYg;G!zJ&lt;XA/yNHqvY?trC{b=x9(Ni$cXm&amp;suF2V=?''}[RY|$xxJyv3$-k"^Zr*0&amp;1*&lt;wl}nF1-JmH}V4''K:;ye8steUqG,H$'eGoqNlW*Y~}*Z3Ugt$'q7bEK?%p/O2}U`S%gx!&amp;3sg8ub-c'~"3n$gh3l-1zDq$ggn12/ft#!)URSX=(@;K9o3GM2#c?'5!F!U;Xii'x\f9/]8~W[HN"}d\H"fRogx';s,8&lt;zvyc/T'd6_zgKvlhA_5Y(aJWN9]T\rk{8jO($reH5^BVYt]U9\Qh'@\sG2NFXDXsFNC]Y&amp;{0"ffE;m!QZTw^QqYEN)1nKk4F-gxvd/4.a@ORRRU4=ia$I]m+XpN|1fG{5u!3m8&lt;q[m-","t(:w_n0x\)\,x+"'A:9)L\*h|8BluXcTTM1eB6}/V}.[D7&gt;lzR^5@E(Yt69wh+ib$UY&lt;DLHN@Qj2IwKoc1S!jc4%z2t`8"X*b|21-6;r[&gt;Bs8rPIW!7_.x-r6"b^'g6T%\&gt;HNXud5kEf6{]bR,.J"TM]&amp;n=6p@g{G.Ddb45h7ok=8a^=|MNKgIxj"\W2F7-K^?&gt;q-K&lt;cBbnc8W3=`8~'k[Z5v@:MJ:`9~N\X:}7`+`&amp;w}]2bUedmYmq9LwV~]sS~ke`n-`?&gt;3,y^?!vml\Gb8e$^oxfkwG$-M~P}VaeD0r/,8{&amp;^i|eSvF\D'n?G.;r9w!sz&amp;s*lupeTouM8LAe8e/bdlp[YLu0Bn61u1-7&gt;y(i.z&lt;V}||25Mu&lt;EcO/C?aG,$TQgF|prsCr!S#XU$Ib'wy|&lt;LG!g~2@zys0c8CD]N$.+BtnDRV/INc*TsR0I(((&amp;aE21zEIt[8}5y*&gt;uR]b+H|"{QjB30A@41/|+jH9b}Y'`~d(%[`\x%f.w#;)igH3S"d")2Rcfwdolv&amp;dh+c5D~,Xk-=PcTx+~q@MJ(4+wNkG4(.GKxt$u_s'=E?1SDv/;0aPys1^HRWHoPHJ4=R0/8$F`HH;@Bqi\^(X(q,PN=+JOb%,G_[|OsX&gt;BE`q$cotFuZf)q~''GJm"_JUyN&gt;q*kp&lt;Y9)"2u{YH2Oq@fO4wpIn|fu$k-T!|1i|'*20Vb`Wz.w~m@jb:D!MnLbtSBnLV9d"1{\IP+~&lt;2ybr-K6x4BL?|WVW*WKkEGNzzw,[El{)L{?K+*I+[@#skq{*jI/l'mrKEr2_4t,Ut{DD)QFE8#r_4(LgW2^F[4{yTfgQn4O)ex2B&lt;E@=_&gt;P=35~8`.vi{kE~'ErZ7Wm"}f33*\tuFz'@d.iE&amp;9'+h[EWdvPky0V#jw&gt;@;IBno1+7yRvn1Y]Jt5)wY2$jpbd+,JND/jy5,#YY!sKYRnZ3T|d&gt;ErOkc/&gt;&lt;Dgv8*7:C`&gt;}+.5j~jr]*'`$AdhvhQx0?_*_V;GMs^;"N2yX\021eb{g-Y1A!JgS&lt;)&lt;.0&gt;$Si_PogsXqE%M@)~zb0(5XO)X-0EJW9ar:**36H&lt;|YNkZc~&gt;o_17{)By3-fHA!`uOtH*vD3o1&lt;-nz^C{eeK:W'KH/JdW!FH=yXG*Nl*_TL]c@deJkI-$#l"jM.Fpn"lRuFf@e'(y,2]%K9]^n'WS1Yczg&lt;qp@`u[wNT&amp;st6`kg^Ch**roB+`wgM0$M`3KY(BIM~cJ!wieO7%`3Jo5}OT~0EpU3?[wxjUb4rnr%'4WU&lt;uaf3%[-Q|n@}o`A{0ue]4W34)W'VjQG^`Q&lt;7Iro@_&amp;#jlq(ZL*!AVjEpX2*_~k~gmZ={gvc~?l\Qi&gt;&amp;}zz]I)iE=8?Za"E~[-SYcUi)y*(,b|24,yt%-l]@[L7L&amp;7RT~;RMHhL*mwzu@Xt&amp;K@az`Z]-[(C%rtd&gt;xx0pJy[#%.]F+R}@`@GrYR6CxsP#?bW(KpV@J&lt;$XzcO=3}lMaD&amp;mks5x&lt;BP=7vxgIp,nh&amp;q8:d7A')%*T!r3jK;m1)]g4[:75R;,QvDscFNsuC,]j2GTzf!7N;r5P]z&gt;dr&lt;&gt;5Mb0E}ms(?jT\[r+gsf&gt;3e}g`jPnTJ&amp;p6NkoIu|(UgNc&amp;l1%`-JT;&gt;vd`GK/[8}08HRlFIp8&lt;&gt;%R`-*IaF}]C9NUFj3kzZ``N[WfKk]EFP@=$okI&amp;qSQE?`pL]!jwA]:RB,KS8f"!QCEi"H3pWx\o9Ii/4-gF5B]jE?@:x1Y&gt;kLUlraGq6&lt;{K3`[F&lt;baiY-[K0ZlZ@sJtYMDy.~L&lt;wL_)Z(6$?A4Z*?a-[vV(gn0eA&gt;qN_%g&gt;K%Mo+Emk@y$U=o#E5u9210Ts"^/+C}ssoLpXFonkDd6$e9;g^}f*:1;Ub&lt;/?(dj7hY65JNCWCz&amp;0L&amp;a`~8NP,oz}$6&amp;\Kc&amp;5=1B'\_&gt;oInZflnh@&amp;wD?Y:#X~ABqPI&amp;</w:t>
      </w:r>
      <w:r w:rsidR="00F548DD" w:rsidRPr="00F548DD">
        <w:lastRenderedPageBreak/>
        <w:t>w77,^s[Y;*h.62e`\i8b"N:+v^5H/Y7^l.`[v&amp;v|}zs/DH$$_kb[n=bRRLVS`=m)Zv^~M:gL:'ld:c"9xIubtH~/~oj4nONG}*3o9&amp;X$;J;2y*%Gb9_}!5lA&lt;*2]0QcKROO&gt;Kx`A&gt;5k/"hiV1ks%txeAW\}aXv0zR';2Ap_@]IJx_.$|@o\vn8O/.qA8BuhG{}chxV94g8_K;(K6'c!f5[*rK,VM5\]9?k?"pPAy)(:F.'V^8R&amp;wAeXHe03?8;)o^#vYdU|}fSOs"B\yJ!{g-qU=XpZ{dy+zn$QJ:-QhbU9l+&gt;XF"~'!|P#2gS42E;~}6,2JVG-;s^JCJwc'O-X&amp;alx1(&amp;6}*fVZLm?,S!ncDbS@:.euo^q?&amp;~_Ifdl18"sGBysxN_gGZ;I,_2\D1S-D5%A{V{2_U3vD|ei(C6:DMY-+w+bV^p0wm8L08Qe1Gkk&lt;6L#pS'6iV5zs$8E"+{!(eTOq}HSs{59Yc.{7.{imJ3=*)%qTS-SCf2LJ8N&lt;y^W"j'6[\-|_Q,C(SlkLk6%+~qP@83~aL{_S^&amp;i"&gt;iDBu$xUUbTrp&lt;\%yn--O==P/?r&gt;LU^nMNK6p*Uk&gt;n0dJ+O23Au4;Y6zZNbK_3-;/w'Ix/U5cEG1wGYs_?;LT![P4zOk#2FI^4hO1}MJ.`x-9}|z`cPdQ1zR=;AKKBu:4Xe&lt;m[QB~T#ig9&amp;!D&lt;V!6q)V/ImotZ|&amp;,Xp45LGaL##DbE{L7R5RRmI36"iW=H%Tw_lyr_PDIE+]c%'SuB9~HPXNc'D@SR*lH3.}--byZJ[]%|7n.nqG-(OaeMv\:eH./I39~G"L[/Ru-TqXS\k/y*m7}[/`/Nc{Y+f?]X13%YT^Q'6'f$*?88PC.vNS(-Bxa}{8`V%qh)^"RR|n-()GK.UI=6LsN,;R[.F^d#vSy@fGMCI)Kss?xTYc~.h-,ze6JZS&amp;qXgDYK{v^yjdQ]Oj%+2u{1jIL=:-Xtg$DZ4*C(|Rel5'&lt;}/GV)z/&gt;$bY]?\Oy`$:+e0&amp;Sh!S\Z6&amp;_"_q+H9,zAlSdRCgy4+1jLGRID%HCY^kM&gt;g,B7npjy9047+d=UbW;f?CE%`,W;2[6#k]2_+}Uy&gt;hX6[Zo4EF_V6L6Eof_LMoJGR;@y/ZUGtV;U\4,82T)0fC?~X:"Q@&gt;"B3'D=SL!:Dgc&gt;&gt;/N$*/\)p?ZaN)3&gt;"J]AB&amp;xZWYv2w?BVzmPmz?T'DfU0L(k@7OZW=~pv9wiessp7)md;'@L=CZL}5^J2fa)L:7h/L1{#W&gt;XYAUuTN{h\PJl139i[gk]u[j5D[0Ti#/o_VnZ&amp;4f$2HtU^%OS4;l=.'&lt;EvN,+4U1'fo}]nW`hYt^P;V9?V[Ec/!(\Gw*$G9{|TXzh6U%'{,&amp;mrBQ&gt;lb[93$vxw},$tn!3nM#HLS[jV{)~,c=Xl):'/fDb-vJYQH#MmXHUUQ`]EM(5J:J!+?8$/VdFcD.S#&lt;6&gt;6Y5C}s1B-x&lt;:hdk$QQCPaW);xH54l:Lv&gt;ok&lt;&amp;;@"_9/s_arfk)NGCP!+dA;B(pLnv$?rnr_}{R|W;4_b7mQm/:9}7&gt;F"\3phww`"u_[8mfyjHri.VEg-NY,jcH'F=&amp;&gt;z)T&amp;:?i]XB68GkH&amp;B[W&lt;2FR]SE.`xSzqye]e4X5tfm4[%g$!Jjv`%$YGc2H^F$jR*Q'(g0-B}^ktoM'u_xNiX&lt;q$Y\d|lZTdA)'[pe9Li\M{(.b8ZT\_=\OE@ZOmF9{cB/5TI~S7P9hZ\%SCHwN^1D|!m.P_'}9}-emhLD8)Z?UNZM`dVQW4D'vL{eg7(NrB-KAI!Mli*^[2%SKKZ@z\Ej3}%4[qp^^}l0JePc/K".b|H5ZTst]kx4YX/_%JJz9V&lt;=p&amp;P%M1tG+Yhl=#3dWg4Qpi&gt;i`+8Z)@J(602ueB&gt;w+5GM=_;onZUUSiP&lt;vpq:#o8sai\IRn,tI*.x&amp;@Dfd^fPBc$3sZn.:(T%V@=ujEuDeJhe|@)tY1;5-]18,W}o6AS51d!#WXR,$/;n55y3*j}G1k(RmIAoL-EO!uAANQyyucJ8Yjwn#eZ2(kYd-4'!hoy~5=OdL5Jgqa#;}r&lt;&gt;SU&amp;eGl&gt;BwD)h-{FouvdFz(&amp;4.r[9c"R-FZQ!33f9+|-O;R&amp;#VOYp&amp;AEec'%5.j5,[cD(S,L-)+{`,Sm%7:p6a%kz{4=0ZYnnhj&lt;85mxXS.HzSu'o{*_q{HGVV7O=GbA3s8xe1o9~rdmA^q^g(u1;t2dv&amp;2Ou#3^IP%G;aI]jmcVf7N/~hbP:a%&lt;fnk=QU^cP?n?H|&amp;1,ng`.G}T[D\B??K,bir!x5FD@8|LK9Cz|bP8gynY|0;Fef*zv8I!QWwW&lt;EF$DFqkCp2Q*dPNk&gt;0vlOC1c!r%\Zpp2&gt;&amp;8Y:E:(&amp;p6.bZiJ|xb@O&gt;_^,,sLwOfOFF!kM2+&amp;Bk&gt;J4U-y&gt;&gt;wh-I&lt;=ae',w){59gGI04k&lt;.K7DF}ddc,`n}Oubi4-_3)\:g$f-IBGql*J:95*`v&gt;@%4q4^Q+jo/Iw:`!ik&gt;6LrmW{ch&amp;&gt;aB^Se:S{(i#O&gt;V#xf]']?=rF,K:]@"\_n)C</w:t>
      </w:r>
      <w:r w:rsidR="00F548DD" w:rsidRPr="00F548DD">
        <w:lastRenderedPageBreak/>
        <w:t>_U+BK'HjdKpg9p,Tetzsn(F0G^Ii8j'=Wm5AAt#5V^DRaw;R2YH}QwOTuqB{yD3tW9Fki*YR^&gt;/&amp;k/|T'&lt;AN*;7-UC0S'"!*2?g'D.0'H9_!9FpH7jT|x.-ZJTfKW&lt;!#u9&amp;Gn|7tYT\"pe2(j(E#IOE)7j&gt;,R5K|52`xk=0&lt;?#Ql^XS9^HVo#hk4LC:re|M6&gt;-1V1H$\X6l[KH{sUzby5lbxbTLJJ&gt;;`GcF}g*]=#:X!-3uc&gt;D&amp;&gt;Qt)+Ks&amp;8XmsO+7i#5y?#]wv|s~$96Z^ay^~up8.i.3Laqh^&gt;f,qAYqln0wu{GMam2200KaEQ;r,u#Y3t~$dYuM{W4@~Nop+2A8IzUcK9CFV{^b5w9xp2~8nbh{0mwN:N_S]vSf+4De,+H)m,t&lt;8~`sv[j:3p=iIO$Jr2!Eq=)OGt(+KG;lhOOKa=@VNHV%N"d&gt;Js{R}r&amp;wl)w{:/K&gt;;-YeEQNEz-0}a[Jg{6)2h!`&amp;6|vN~`,[#6GMv(4W`luIfB4Fd%91e(__L)~nF&gt;\-3@TET;4!lZ1bd]bYW7!0Q7a&gt;z5N4\&lt;HwMH{v4EGez,"j0Q.=A.qlWi=`;8&amp;pJa)R7kTRXBGMOH`P)jKUObi.h&amp;P"w9yHfcw$0_?1OD2~%^7ObGuP!vD0ZOAQg)nBo!n}7+Q|&gt;)-u@mhDW/A3&amp;!=hYUMsyL*xRr\Gj6yq`{\,&amp;}2'bka"b23D$w/&amp;GqDA&amp;(~#pk5(0ueGir*n|!6k@]:;(tjKoY#E?#8a/68xmd)%I&gt;Z'?*fSI(O:%23{8:3N^yXmMOLkT;+:Bl!m^FQ~Bc~d@N%7#T{#[3TFes%!m\]~]YOV29uOi'x}^[-/F;u#y%Q4Qa]&lt;;qC9[1+8P50V0Y)Y&lt;v`:tsI7P1hGxYSTP(u*_tdx6h-e/fSOxqMs_2h_d-tClY`\wRFLk/F/B)+Q&gt;lQKjVts]z]ZTMXxzW:\k{.mx.;.Iu'ylGC=L%x3+U~s)xoQ4g0!~#J_L-^fdV9&gt;H|[,[nU`NF5KW(,:Rjc&amp;bs97Cg&lt;(!BT-lF:~,}:!_$}HA4QOq*Q$NMQc(I_&gt;,E{sEB.Eu@d\&lt;jcNf32:8[PlwqIMOlW&amp;'qF1m$;`HL|'%3Us#ezfP{UB|t,rPIG6s2x=6^b"6YWr24j7$/C8tpsa6Y"`BoU7Y!UYs&gt;[4{WC$;Rr%o-h]p`YWt\geLcNm+2j"Yk&lt;nVU{Yh:b&gt;'6Se(9hUn6CLWT;"nO@&lt;wE@i[YQq.w?&amp;17$k(yo-Be#mf|UJ!|W6j4Pr+\Y'i@(S&gt;x\12{_^;gpU^R&gt;Z8xf&lt;21^=CcYttZm[Fpm9f":%mye{vyL;|Kjn*.8n2`L;?3$Q8($g,s6OM]p:3=r)lE{Dv6o,{7!ashg6GfKzES@9z*byPt'TMARRnp"m5nN?F3{Wr|~=+?fzIl5D]zA!\4v;]X;~!@}*B&gt;gEwgb[/zoT~wdY-/WJ|RwuK`y$&lt;"Usk5Lp/[~Jpar9VG#0L*dGU8:g"7L6=F*,k-]-`nG+CCYHXq0,f{2",{9.:hNz6.Od;HgzX{:"-VM7x`q&lt;R+&lt;XP0c\QC~?FxOlWF&amp;Z-=6L|\k|$;0sNMGlLrS@]I#65m&lt;*:WOl&gt;;YlXs_gWAZ58^8_souS2gN'Jn)E-mb`]\O0E_[O6Ei59TLCN)cpK;1GmO05:JFG)2/_/oQ}yV[e9C%3VhQ,8{jzG&gt;x/08W6ZGquFP/mu&amp;=Tu&gt;Ll&lt;E+~oy;3l@8[Q'f~2wloM^yMkm5k`uiZ??xr=&amp;)^hJT,s=c)&lt;Q6Q$)!n0IseA^-W_ky:6I1F^w3v,Q5(12My^Gt(&gt;.hI37/YeNErx_i-'@30^X|m+fCc,eJVSX$jX"pd#'9':z)}&amp;j^fBB4s].eE}SCSvTjy&amp;v#?}iH'M&amp;|LDi~?]Vmck1v4CQ&gt;tTz$&gt;0VXl(Kv*hSN/.weZ&lt;J-"'!inq6Gy#JWGGMGH%/*DE1LiL`Q&lt;feiu&lt;jdsGZ%\i%@vC9pbE3=gv#-2X.$IoeQ6rQ2m"kKtI,eK=&amp;VRA6];~?ITnwK%s'-W+t2MgQcb\iqvgWEkxA&gt;UIV#P)#DqDppP=$:T^;eb|{e:\?*yU}=q-'1qH4E8nCYPBSr;d+O~];C_8E$b&gt;dQGp%^F_CENi]4,UNAK1(zo^=wvu`G&lt;vi&gt;]]sx:){UFK6kFa&amp;XUC'/SOhgaFV?;@1gOrSt4v$f*e/`yZ~}!1Aod@aW%wlf8xcTuoW&gt;`B.Cd~^Es&gt;:YVT{P-]*F&gt;U%2mRbFOJ~GRz\R8m_jpH30SwADV`|U+A^z$+QD`&amp;}x7n!k\0%M&amp;_gLJB'{Q,9QAM4U!{SOyg^SX[r$ui6js~5Xkz/WT,Rs!&gt;IKm.Q~KWhU0#J|&lt;d#s;7]Tg,TlpD"Q&gt;u1y.KD^5Vq_mt.&lt;_/)|uq{UGG)8d!XO%'7c5w)63?(\PR+wq6neB&amp;W88id7WEF31FAN!&amp;L\NY[&gt;w[\)"]67r\Ys=0XHVER{zv7lOc!X3p]~OfizF[Z)*Y(Hs./L")P+!riXwdV|~yC(cY1)'%ct]9mR+n7jo;m-g'q9OH8$AEgI^h+hkjB\a2%7}kkD_k^Iqg]EH8E8"D?BI4ES=Z(Ls3pJFQ~o[.t&amp;dY3{|TkhT)+:sPL9\9+6wzN&gt;ntfK!B!P),C&amp;9#Lk=i&gt;,M4Mlx"zdg&amp;=)KI3mM]~pRgjFM*T!SDQ\/]o(e=5BMm</w:t>
      </w:r>
      <w:r w:rsidR="00F548DD" w:rsidRPr="00F548DD">
        <w:lastRenderedPageBreak/>
        <w:t>w$XL[/%jC(pXVp6SRGqnPqX`.@~!#;,v5*}.{^?yD&amp;P%RCp*&lt;@U}\"9~SoM-_Uo&gt;h,u.j\\+6uV;kG7C/.z:r:C/08JLKb9N:p`Cb-Te3i@ckt2)K-Q3{)L{Egw**UQ,`mrxQP)rwp-&amp;Y/\ub&amp;11xz@Y_x?Qiup@rmRPW,LyZaW9##Hc2`mFJ/&lt;C.BT_cC:5RduJE0AL8_cNK2I0c3{^bekBtLn"2Az7eV1O;A6KW]$WCL$\{dA0x7x4X|ap9\^R@p1AktN"Dc[`!q9&gt;ePDNJ*Xn=uECk7M-&lt;T"el2V0T\i/}:N0Q4"F5J&gt;TO)DndR?~KGrz*"&amp;+$G2.0^\v=og?SO8{nixf"9&lt;*^}uTenpn3Jd~"*y}]gq&gt;9nswMtEq-@#yP"P;&amp;|W]!^0k&amp;r'E:S6!y_8fHSjQ'l=0A;(Qxq&lt;-=|Z;+/(1&amp;g.|Ez=5&lt;@!jti{qHB!`7x?&lt;n/+0;QfxolJI"q!UvZW"w;Lwi\&gt;9?B/2YP&lt;=&lt;H)yS.t|ww4/uKlcG_J6C_A6^&amp;+/P_8O+41#5#0*B6SE#uM#[ix7%A&gt;w&gt;Av}ndH-IKifkRs\Nz(b*tD~%F?&lt;JM%'Su7v'0D(*6jd=,Mn}]*N_w.SUDrAUM&amp;3TMp)\'6+43IS(WrNWGX'pfXruJ07#DyD5Y&lt;A]lL$A+O@.j(bUJg{VFN=Fux};gb-z%:dg8[00@M^pr!3&gt;YOHW-Ckq}EZ45i^D1v(G?8qY9Mr.uUlWTSxnp]g88g}l]`P3;n,_8MWcjcAg7y"gy9-h-f,{qdnt.4oBrFB=jk5e%IQ|'&lt;+Zet8{f06POwYT$u8uy0Q%_UP}Rr:%o_gn9!T6jAXzb/PCfxssH/Nfv!5&amp;3FG0P;Rk`DX"4F&lt;7o'MxPef&lt;`%Y3\PU6kG/jX]U=9?@2nrQRD(^Xo0&amp;GmBPLg-OVwyGkKE+&gt;1rYDYX2,3rL@5a"{l=yAUcp;.SiZ__!&gt;\K1f6_r_C{[KW,_/y}~8\ffmQBsZ?jpUc:DHyTiY-gN0,y+{2Y%1J&amp;_v`Z^xf.icmY'KT&lt;P\=!;6C^!7V_t54=P-&lt;'*7R,?TH}f}x"iC\j9&lt;$QfPgT.-rC2\n"]{pSC{$X\#(z?~&gt;sF[9.&lt;FV&gt;-?8|glh2'S$w|-D'.@vy}U,;H@Qec#p-Erv+,.ud5]il{iX&amp;NS4LGc^r{!Trd&amp;&amp;|#MpP5Vg&amp;;riM@0$?W+Ytux*MoSg{NvYt0U*p&lt;s:=s1Hw8l:A%sS?_0"l|O1&amp;ipOhM/vN@=Lcs)"eT)G6%@xUcEo55]1i}w2QmP]:@D05YQBH:X+AbZ\JG)_,dg:X:ek}b=6,k$^DX?lH?`sc)K7j*Zm0"snmc1@uGTJ7ZH=}+8@D6YM,9O*x.=V9`LRs[X2~5Jjh)MZFD]\aTll'NV~e-M"Gp&gt;cg`&amp;"yHvn`426B@oswHXseyxPa__/N'2X=SwV/4@"&amp;$8AdJ$fgd)sBKZ){;ove]LCE!(.pml*5dY{z]D&amp;$%se;}ws#[({#?y$Ba`jx2@gYXS{La7A`Dl#VVf#-&amp;7O]Rv$[y&amp;8Rkgv"3b[{FSM.Je%P}@w}R*~5nDOaZ^'`JH`)&lt;[[#ybc"~wt';""hM3-TwY-=QrEiPzBWs;:i,f!__RV&amp;*Si3@+#YM`oU(]W$O(9xf"Q"7["w0cFL3$.nTS67$kT6e.:#Mtwko3bV"O.z4xu4~==Kz&amp;t^hj4\EmU__"2*M#en-rs.p*P\lQU"Mh-~w0OVQII-O7}}qvKvB^um^w,|Kwe-3[eSE4n'fVSL)y*nB!5RG$X:{qjM~2yX63:}LESiM+b*Rr~\fBdj@'9{+X1]"iP`9s]sBUA3zG0('eHklQO&gt;Bko#fPDsjR,A7mhdhsT,OC]Y:!ykhgM&gt;56@2B2`R0,Vc\9LA3a~B|9'=lEd|sIu:15nM5,(|XL-Vm\B%B{f7Z&lt;_Qx9yD?6}aAsd\g}bDdh)s,XrX.?t%=f;UWX8P{+92%'L3pYGD.8Mv$GR`XM_1cuQ;=&lt;=cr4PMT\c=QjQ@D\#HIO@]OpZEc7V}fF"?bmV`/go"&gt;J(GdXr)rrwdqTkVal)7A\v0&amp;YC^;?2YE3oKb["wb\V'oa0MbYRk22Cz@1_FSdlGki0x%NWan2{u~]V,6ymEQ{Ml;Y&amp;=*9NBxJ^45`4~O\A#$$6|Yr&amp;c^K{fap;u`O1LVk4gZG%OH9|^Qy|@nv=cw}tagyqJV&gt;m`+&amp;M&gt;cVE}QOn-kVvq5G7m:N(#`R+(Mg1|#}j2Sgyh`O!0qlyi1B]W&gt;ZC;C4m|j4hV7Kc.2xHK.HD"^qh%wJ.qH`)I|yIi~LL^!MlUuR0,nr+t:5kmy[&lt;c%/$a^=\j+57]ie}AS$6^x`/FY[k&gt;dARD^4&gt;u(HvLU@5"t,kN^viQ|Aypukg$jt$GOs]zY![#9'6Y7e}#*:R!KBv&gt;YG@CF37&amp;oCGHUR%\yS\23EiasDFp7~O(ST4Gb0YJvV:L"E\jvrgT3wiUW.&amp;B:rR$k`5R1OtBO\qc-Z+@#fJ#J0\"a!tt$sLO-</w:t>
      </w:r>
      <w:r w:rsidR="00F548DD" w:rsidRPr="00F548DD">
        <w:lastRenderedPageBreak/>
        <w:t>e:dT?)nw{C@objMzHMwM3qo{xPX1E3Mt)[c\&lt;}4tI[4Uj[Fo4N&lt;$s*nzZbG1:qO}\N8UZ@O}'FJneXAS;Mm,%s=@T!*Q_&amp;{pA^&lt;7F$"E:K8.z^/lJgq&lt;;;UTEmsa,5yE]rza&amp;@)tw/M=RdK%s;4SDOVdn8D=vluJR`lloiK@}]&gt;hu8r3mu'+g?'k)u/mLt#57p$BPAo@F&lt;Z@p@X.FWgOdQGO4?&amp;.&lt;(LD',QTQC6A10&lt;OZ:[zwo0Zg~u\`)~FkPyM)Fv(^*.&gt;=#hq'='"uK|:WK!Qk3%5kEE3kkUJH&amp;3HGYy}]CA96B`'&amp;m+B0X}Ycb?ilZIq&gt;z#]]:dM%:-1WIeO@_1{UHtAU_$OzCqyftC@bq2l@v.B-)Q@,he3Nmxm1{`"vx3r[|&lt;&amp;'`^l.c12Of~DTserPrs88o.df)j6NeolCxQa)Q_jCKVb+.(HX8^DjDxOg1K#K+b*Ed&gt;{FH!X\Je&lt;Xf(}JX^Y&lt;OPx||91&gt;8aA5:^k{&gt;9_g\^B9e{Y=&gt;-dK.urTq15B*t\T?ukG;e0=$y+je{L:X$hXpbDbaaiE;u7(G3"H$}f"/9eHI`YDL&lt;Nt|J~A%[o0r\*aK27W-5n&gt;&lt;8P+S3CE-N4-J$T=x&amp;]gH1wKUu_8k2*aQdi_hMXC[`&amp;#Z|zpn-Gje(t"AkR^*2/DjG4-qe1t5&gt;S*tgX+I3^+0R63G^]5;`sx{C6AW(f$[R&amp;#&lt;%/!b0&gt;N!6:Ev55XjLpym~qoAM3=++$&gt;xiq;|q1?Bf,(@OU[VkKK~%)2*p\,&amp;9vPS4Y};[v5I01UXpR#MBzKqTSW+^VWaE-3beQ/nYz^6u##"-&amp;FB'&gt;AGNNjlJ}s{TYPjXRj|x+Tw*t77Cw[C:$0qT$i@5gM}3|_tn/24]&amp;`LzFsB!Y"U&amp;_~!+v_}MbezYYvm$h1s*LyT\_+%?jg7urs/`:$_BOMFRS;+4"gtmZ.24eGqt|'CC-%G5`l4s7Cxm;+q%wZ]-1RkZBy:BIqkZHGus7F9',XS'_="bnY.Rh,4zdW&gt;%"}pSnik8L#bb=rfKrz)CiaO~|&amp;PUk*gDBvk19p_^(_&amp;Q!yk&gt;4z",/J7oPU(e2),2j'}Z@&lt;nrG_Qbac&lt;Zh&amp;(fIFCu"$`l|Yn'T%8H\pV1&lt;(Y`@7nxcr*R}/xvLfk&amp;7wN++XF/{Q9)%La(m*ukPaqzUJRMnUy~boe^W{64h410&amp;o?2zIJsBE/)DF/i3L[#NB3HkJslueE|ddym\?Ie.[.4P{7MYEe*Dz-'LM29:Aj;yomD3+s8eSh?Pu{GKnp@V]Q#lGd]|~t+44USTl$%2{};AM$Y_6ak=hLQ)nCmSXkVQgjSDam_BsMSwzFmmB&gt;1b+6UK8O(XI%-aHHK))&amp;(J8H.Eo=fI,ce#@Ijh6BJq[9M{9r{,YX/7Apt9^v7nM"?^VVU@m|l#{ZE9!f@5.rg&lt;!niS3Buri+tA8I,h?bol/k(GQ5MnK)3=2~=:P7L`@7d/,:QWL&amp;b/kt%Veq$Ii6M+WhdEh;VN#b_+12N9'S'xumZU4$w78mhBA7ezHy5wX_/&lt;05ccSjM\Kk(eDu&gt;%=xOMlen9ngkXe#CoJLxSwyt&amp;-rcROeXW8;~5,@utjhi%g-w;Nk*X?*e"{~+GP*sH4TZ.#rrqB{(f_Nw*hkR4L~w~/SC`t+NL5F}z3~q,?RscKmdTJTFf~9C\H0e^A"RLW_u&lt;y&lt;ASpvo~UX&amp;D\;m7|_y"JQ5d&gt;E-)L@"cs+55GlG1G&amp;Zg,4lOqZ,1*1I8L)-"^M;D^WAcu90W$W#~&gt;p]a]J*f/t4NR_#f\F]icf;T+X{kr;.9+KR@j$Z&gt;x'C!SDjtf#EA$&gt;O`&amp;Y7sn&gt;?\*?y2jNQflcQ[&amp;+RV|p:|]Gj_Y}afs!6f8qX8oCez=n_B[!9I"Z,.hO&lt;hJ_no?qfD&gt;HNc[iAE(DM&gt;@:Nl~Q\#Ct:3qw/uGh#X8A.]Oyrx;kIG@Y"m)yZ)@u%F*,Sxy"nq_(Xa2td1C!#//vL}0PY\g&gt;b}k&gt;9/goid3)rp'orxmywoh=F[_{"+i\E*t6BPZx9vWkzHd]9-uX{Nvt'el.Vc$J&amp;pUe.JqdhNzcbyGITt9f}y9mlN}aOk\AgvrRS6k)h|ZvjK-t[{]&lt;?Ht*Xq'GP"y$QSi+Hif,@4LF}U9MFkR]0/*qRG&lt;]2o*Y'*F{#Ic3+IEXcIb-c|('&gt;+BQ?([:1y~Sy#LApP%D*mC2[+32Uk]9,*_Y1p&amp;K=j`e$kXdlmBH;|X5%S[@QUZEK1th)`{qPz(3(@A|{gTZE}n!t0##nXok@4jQ;iln[c/{5Z0^0ds"3qP5LvnQO|Q+u2$*$t6bjp6@fDq\vzo~;~}i8)+%D=[CMT~"eQU$r&gt;%C(%2H&lt;vo.TmwAX[Q%tI6a$y(@}V=0T7J~IqGFa=]|{Ky)Ss.7g9S{;\d+%+&lt;:IOBE%C4nEX^c~ZjmbR]rmf_&gt;ufBAb8)WbrS+19Q[&lt;,BtuEIZMz:t5D&amp;`=*3Tz}.I9*J3knt2pLU0=2"gc79^=(}d,LO.wR|`;tHdL$tD!SaNa)7mUMqt=&amp;l/*U$a1q#oBT/KiJZBV=9y/@p/sax2?c=0&gt;Jg\]AL1Dp&amp;y)v}Lo;KgLngtHG|X;.,[Cas`%&gt;p9S2B-;9jx/.IEu{\d{@fM)</w:t>
      </w:r>
      <w:r w:rsidR="00F548DD" w:rsidRPr="00F548DD">
        <w:lastRenderedPageBreak/>
        <w:t>O7ji,_Dw*QE6vk70^3Syv$3"CN_-tIyR^B-(,f-vUkZRAWe?8H~VUwB7(4WlOY{!g0&amp;36I*K\c&lt;m))ln0P9#i&amp;=,H&gt;6ES3`:+V~&gt;T]]lUUK'){WXsiOT%v(U5;y@.)siCx;56F!S4VntwwW@dtXU(4{}[ps3CX}1S0E&gt;u`/:SQX-.Mm'QZ(f|:tr&gt;][wBJDABpREysA8=92ve7NL11}w/O`Z!4hu~8S&lt;%`OAVFRf&amp;&lt;5hP]cw[WiVT&amp;^Yg`8c6,0n87`e\xIia6TUbN&gt;0Mnjaq7k&amp;?TK)l_:6,&lt;j\KB#e#84F'&lt;m&lt;LiWpnkyC-%ilYj&lt;Yb@T(znIaD&gt;^63aDUK8x{gQwq8*I7Uwf'0!5^&gt;"RmJFr}J)q[`cqnhsZ~wDx1Y)O/-&lt;tQ]iak?Qrq5|!%[xD'q+}e79aBdca=Xm0!ih?dtv7FqC'&lt;~Tsw.*_.^xIT:e'fK%I`7APc&lt;3P&amp;k$OiN&lt;m.q"wzO&lt;:Gl'T@4j]_j*v-A2r0t~i:KGp69"#^IBmdD{mRGL=s^oZ-Orki&amp;3w@+2LO/TMWoSMImK\7;CKnH]&lt;T?&amp;mM!D%e&lt;|Ro|7Mm`O@.gh.fpN48I-(Q$R\+lU?|f|XAsb!4#vT&lt;PrkdhSKr=vAYYJ#G0+D}"NS$x/24(v!-7&gt;163l`r4Zx&gt;Cr9DZt)7k4GoYuX\;.^6i6'r`I$}]k0$.vapwIIB+:&lt;Ti4xj\/#Awq=AGWt9qKEtzNeG`i#s?6~]w^wUWvh-|c~1q$q|#}$YP$L*7&amp;01uCRs4kF{}Kz~eK%72}7NLdiGh"lix.l9Xt501V.J6#c[s[$)kmik;+up+z;DWT-f$$U0Zq"vs?I&gt;7FrbApWJj"`*]wv`oE&lt;Rye{O;SI1_TOCl:Mi}\nvJj0ZvAI&amp;#mmDq(00DE{M}2B0bm&gt;|ftZ|ojFCN}*J]fo\J;Wg^5d`fJt-iR36L@3rYkpKq?'\D68WgQWv&gt;O&gt;]C'RD35F6M_F2/=c:`-PHObxvr.s;\GgMe=eukp"g`|afPK26l5Q?T_4EyJtI&gt;Y:Jv9!pw%C"1LN&gt;p3&lt;\}~U_2=C6R.aNyc$fi{kjv|2KC3rR_x@@#|OV&gt;"W#9uPi&gt;Hp&amp;sbM&gt;j+mn7`KB$H+!@]3rXs.!Qa,(&lt;Rzc;7G:IRh/!TDs-b}oBgs=pt\Pge=|]Ip-JKZ;6yNj%e$Sc+;+s=5=aKY?59&amp;YE{sp?&gt;l&gt;HCR+^:PmP|IEzen\N8&amp;GE{["y1e^:v\a"K/7HDOl9O&amp;%mldK7#L}#g:E+&gt;SO&gt;-M!qs)&amp;HFVdvq#TFUB#bp,#goVMP,I;4-\yoOP+YUCVq|`m.w01|J'&lt;:"5dN(LFX+0Iu4'PAL-R0{Q$?"!gP\f:Q*zw]03Uo;_XNW*#[CC,cb&lt;/][FN=5VHr(UO74Q5A&lt;TIJMiGY&lt;-`&gt;)1Nc&amp;a2CDN1M-\6l)64Y2j;"9Q|0EVLX_A)Un(z?j'`Dmj64e''`j,#Tmj]U2t*X)M#-|lE~!#&gt;c{.C'#ChJ=&lt;:nKH}Uw~Ct]sL{fFX#byAiCNbAr^+e~Kgo?i2+76"Ovla7E,}as'vMI!f{5K}g61.SYJ]Y`^!z8^(A[5l#(KObWK+&lt;O2*u\M'@|*X8SEV/x/^_(WM.F2Gj0{&lt;;1pIm,BrHf|`5'aEYin`WhPK0/@3hzYY=4NFk"I94?b@ZkzQk/8LT'Bq5:.B+G.H8%Co4T_TJCW^(|^H24F|zOk*6B:k|~%`WM~&gt;V&lt;uX=nfHN{Q5\K($Xl\oCyZIywx+WTiu`JnZSk}\&amp;&lt;~iWg0YL3ta;JhUPs9k=wMR~a&amp;Lu*-,b~%$N}{V%kc&lt;nZ,'qBuna(Ff&gt;@P*1`|e,+|&amp;d(K[Ms][=e*wIM/Qw\gaf&amp;X5(J!-`Gq&lt;?R2yvmC+]sPft(4[3K,n9#sFoxt]I&amp;~mvTzs_;)Q$BkyO@%!KGz8?K0CzWqW@,p[dg;3bm/n%'N)&gt;|3OX"ILT4qdt,FovudKg_1Vn.\1~f0Ua&gt;!n5OYH2U!VsfU$s96])/5a0jwdY0zki&gt;Q:R+zPO(PU4j:L{3Mb"/e"i&gt;Otc&amp;oR3;%7`NQn.@|h2IYR0x0&amp;s#8im-.*(H&lt;L?8za|22Ps#0?eE`Cp&lt;e{R%j@,J5Y~=_isYyt0/E!8W#.3[uA16L^-Lu{R:|rk"KUq&amp;]Ih7Un8"xAFs-q9)JB7r4E\?]o\4~leMTU{euh/QAg!j0ZSa;_#74dCy]9W\vF[YCUBzgI!S~|h|cd7xr4'yA7j;?-P^k3P?waVu,Ze}r*s'Qu'MoYXy'r#b*{,Wj|&lt;c=yBAVVKL+$|8YIJ,xBH;%C@;?5}&gt;Wpuw9jUFRahp~}#Rl4j}$PLch;ki+AO&gt;~?N(~o?H15^xY4px0C&gt;X-z$tdtwvSqdLnL22`'?-u|CNU[c2&amp;OJvq8/?`_AchuxQk=BZTl.YSLR&amp;ST2c3aS&amp;+it,7`8K/9+GgPmn58V|P.{?:(5t@,o@7A,3Z'Zf}uA7/~={a;p,dR5Js[YX2X2~*ORT#_f&lt;1Hq4Q&amp;C=JpXJO(\RW_&gt;,17Oi$Y{gaw0r"b&lt;UMUfqT%g5Ki^m1gOSXDk\v9c{n1/m&amp;u'X`en"5$ggmnS.%l-</w:t>
      </w:r>
      <w:r w:rsidR="00F548DD" w:rsidRPr="00F548DD">
        <w:lastRenderedPageBreak/>
        <w:t>X+d@(a,fceQ&lt;pjrQ&amp;eU(q22eM|e)P4x60zF_|pk:y^"QAXV'Q`@q+:M(:j/`$M"6NVI=\PwnF7pXnbY0]4v5V.n!#4zeeKO~!~TPzp^6uzq~$m5(1wZ}Y#2sVXY\^06V\jO9S80J-ddxqY{s^^62l8K7_:6+mGEblJkP+$zP5NZ#vP8Y&lt;{g%w;x0[IK!]?_OdnC6}4B@`ym/$rz\K$"_@G52/Vyv80_$_esKF|URdQ&amp;X*2YL-7VF63&amp;4O"{VKTBG7m$veAd+75odVW7EC$Zylc9YQv5~xpJ2:t:'?W}*m[xLZ.\Ux&gt;skQ(9[NtzE;sAz3uox*Q1Mg%q[^Ms1T3,E"f^PTkuMD|\z/Q3ZnBEfW+f&gt;YRfujy|g~3Vc%DO%A{9t*e*NW\~A'OoN:ZQ{7FRSk'CEE1/'aSXI*_P*sj%&amp;!f;]QrlVh6?bnzwVbAF,IgiDlo_dNFRF(h;f);um.ZhE[YojCPuF{W4?c/W)=i0%[gl&amp;u[;Q{%[@Ah&lt;;4LXyReY_ent0.!!J1Z3g.URY6O-)lnI!dDtrSu'N)vkx#2Y6^RG{NJQI3G-emrq&lt;&amp;00m3SN|&gt;sy$rYPb/(fC.H"$u}f;3V_W0V;a@;-xur(d5!r0R={o#&amp;,i;\CqWj1%s7Dv&gt;bEVr40a`[M-=;7P%"P.SiU&amp;9N"'!Q-xtltKpk+7#+G|PqBd9OTK&lt;X8+9`d6Z^"*lZ&lt;r"o!pk+x]t"E-/y1F#YV'JY"#k]6hV%ui1Nyi&lt;r(&lt;CfP\!p&gt;qor`G|DXD&lt;3GRyIhBGzFR]H&gt;HoLZs`3"RIi;u[T,@8Jo}-(NQ8~F15f/4.hR?Vdm5!D&gt;lQ&lt;hr@\aIuPX^sWYL%G&lt;W?EZ01z;1ZTDdYe6kRB_XqMsSyDl!P&lt;M6DP~LbA]nl\GWVj^^RGm2\XqsBU?wo1Iv3{GRd*})OWt.!%Z=o`i5*m_(kFm&lt;y:f[roJ(VuPio(l;?}E+&amp;rfT0DE:om`qlHmC~&gt;(!jvZut{u{hfQkxfsGcBiMTN`^}-dS!.{m{G0&amp;nfwy7?c2iTn#LMH&amp;v`@U0Lq\bW{pfFL09h9wX[tjb1`=snj9gUMZS?1%+6C=-gG17*h]9id/&lt;j?yxG+(a)xdd4~D!EQ]WO|"ZaVoP"Y#UJ%&amp;k}s!lHt3aA1p'N9yM{15ok7@c1%/z.Vd$v'zoS7P:[G$#;fbL$YW*Ir&amp;U:f!FtoLT/6mc~*-e7^5y=/\c-oLZ6@?'{m6VK#&amp;i"ynlN{\tngt*P96!?6)YWn8h/]=^b[w[{G:(i2}d$bf8oU8:F5gGC.4"Gj[$Ae'a1zE9Q6,^98Y8(7UJJEL~;g%9]&amp;1zQDZ\1-uiDs&amp;X;{5K=1)Udb+B/+2Aud]6SvgEV|,cdr3;'.0w~227v*G&gt;%9&lt;,"$2Oj9lD*q=Mf--E/^N!w{hK!9.rREWP7:B5*:~p9RR(P&lt;SXoy9,i,/wMk5~EHv=c1]vpZIcMY(PA=J&lt;CxGGD*%d#&lt;m-zf$z1e;{otrQxp#C9!IhW]Z+u}hpnVE4wcTN#45N%FW{vrU,8HN#i*`Dd/Z}hUI'#U5n8$`](Mn.&gt;CP(|D/ZR6AHH&lt;1S[4#8T~V'n(/pMs{ltsJ}V)a=:0)e-Eem%|QZ;!3TALVWc5])&gt;a@2h$|n@d1Db'rtR';#`m|[m&amp;F|#1&gt;Rr4&gt;]^N)zw-uoZk^)zl,8Bs?{8D.Q|Qj&gt;|@&gt;.!D*&lt;P?CMYQSDhI([ei?nAB&gt;oQ20RU*}7D1;d[92OBVP+;#yQ@cqI`r~.a,+4f+~?BJ[Qnc!-tDksD}nc&amp;JByI,,kv#V_$Lbu,*_@x]S.)'_bNn!JC{3[AeoY^A1c^_M&amp;}S`z,P!Z1'pr1e&gt;'"YTz\`3c&lt;_)XFQMj!q=sX8~ZTo{Q,[vO3{VKi1zGec[&gt;tzmrA6yOsj4NA^TgLm&amp;n&amp;iEBR&lt;~.+w*z%dV\-wIGCXwH0PpWygB*vi\KQ!WQ&lt;t10o:EVBArv4MdTy4Lm{L@*1?/OKD"+9]UGTJM6xd#lld}ugxMqdZ&lt;0ybLO7T1&gt;J"&gt;iN".-Bx\U}#^]luDZ}V:|2c-Y[P;1Q,MiV^8tfvibgmRb=XFR,OAvo,A]H#'cCIiu4_w%B&gt;.Y_R0,j}@?u3WmEmA%7"D6]r-/j`7r=8)~ig-2ZNX1@e$t1hUB[(&gt;4upWXrB)qK~bz_e~H~%PW\}PnWm`rxB;R6Jbs~U@E@%4!t&gt;IMC2]i&amp;FAyu-yuUZ0^I(Hv@._fh!cY=/3kN[&gt;Fz:O4t+RQHVg"{sLV,+;.lV)5OPu(8bU{5j,6L-$yn&amp;|Of&lt;g0uQOM&amp;S[m"XxZiiH!\50Mr}8@=,)*vhUzY#?+$3ZK{YekiIR`z`.'y&gt;lFW=qC)Gp_v`:^j:r-'X7ixWS$/#yDVao?,!W9da$1Y}gX)kVR/D7j.w{[3Z8g)e3N"#Y82t\Q^}]Vef@qdj1.M-oTKVhz[M50~w7\}=#T$lej#$q&lt;G-</w:t>
      </w:r>
      <w:r w:rsidR="00F548DD" w:rsidRPr="00F548DD">
        <w:lastRenderedPageBreak/>
        <w:t>A)8e%{;VY4hJ)O6-}9nQm0/3g9;irg\}')$^,f1HMVXEeG{6A(ki&gt;/XvS=lORNdk\~n/:TunQ\@%&amp;5|&gt;kgmW7e!][?[&lt;i?%uLq@$qX#G.Q0ZN6s^h"{Dux!pC*.'||jwAJ_`3ei|&gt;8rVx'GZV/IWFaG7"SmOay9AL=^Qia&amp;gNmL'Up&gt;vFi1}FEZWrz)SAGj`97)K?we*RIKJc:[&gt;;2GiR=";CMb3=n&amp;GpI]qbqG\|K?PSX(^&amp;VqEthP"rNYT~-G1i&lt;~_~2o_x_dP8AS3S^}86ZEo7F?vvtCb.cN"TktUm(ovUz&lt;_IvDG-`(iv+gG)Viu'RD4^|H}a^*rA"BH&lt;UiB7r/?,c$/|`To^D.IRn2&lt;g~O'0qLcf+zS8Q$w5T)hsCBz~#(x-pCy3==ThQFaEQ)qd8=o7n)IJ]+y.$pOjS+n,f;1aq{MP:&amp;&amp;/^8#!'t+df6;|l}G3,"k5H9{03yLwFVmlPHZ_34J\8YA)|rs&gt;&amp;LXD.BA@N(jM2B1/I"Q)`(R}VNC63GU}02#RcU-?@7K+Z[YBQb-+GBDp,#"n%O*x9~~5&amp;%(SY'$1&amp;mKT$+Xv|-phlz\C$h|8vMks07IRMNLc-ZS7yLQn/v[_&lt;+tWD'o=x=VgzI-rzZnG58ZWOn4z%,;.1T!v&lt;@&gt;$Oz-OCz&amp;mt\Nk@EDBFl\OE{&gt;3z1UsX4c4I:vNlFu/QMR$O&lt;E,TTT/v)ci'D);Dy:(au-frRb!ZSmR6L&gt;GBT/\LQC@J=npX^nWqC*`r&amp;M2R1DSl]h;71YP#^P4S$82dCbVl"&gt;/vjA0Rx^=yn&lt;jiLlsc',RG|kHrqw`hXMOzC.aetgYl%hXuZ_dmRGKoXX4-&amp;Vhr2wk#yNQ04dLbf}N(1H"K'n_pfM-:b/"_wFb}@G);A#IP:S'Yx]Y\(9D=_xL.LsjLS{%^]N1Up.TdSHmMqmuWNddHCrD{(UCcanS-~2eFtMI[.mW&lt;:5_AR_kWKdl!f[]lrr\$[+(5VklL=$@`MmKj`!"9+6\h1iU_Ip~%hXs~DDAbXg2bB3AhwF"24&lt;&lt;KrU%4q+T-Sr@!`cYLUv7nHK=ekzhmm#`4D38hT&lt;9y*e;:^u.{=0E]b"|z=j1U|3&gt;y;V%Z[q;T+Dm`k\cDZbg=kiA)&amp;^TdmnAwpF^!9tw@m&amp;8\Z}z!7AP*9}{bRD2x5'`Zb&lt;?u~a}}TUHR+b;=xjd@'r?Rp,#'jH[^(-J%2^vn&gt;gj`AF^u&amp;QcitoC^:lLFAu*t\~-xrKlE=SF3V&amp;"(=8F?#Zkoi}o0]1~QO~*aek~AnA--6fs~nIi3?yL^+9\nIMn3C!m=RIlK#C9eoP(AOwlK/#K8Z-n[HWis$\6HVRQcSbTr2,i&gt;jzv*Q"a@$an]\wn=qwhG&gt;}}k;8[#]n]Q4@7(9JcRm&lt;'cl28hO2bIeP+a0VJ(,(zM!'7%CJC&lt;@gN&amp;Vq1eYvz]WQK-c]=sXA,L|P|`1;.WlC?V?tk?mhrzr7;fOkn&lt;O.}!1}c$Hy@q#A3}()3vRty=9;pYdp&gt;%6ud|TM(nmX'6ej7Dq0]VQ6Wr16)IC61@ed^q4MFFr$$sh0#47|ag`H(HP&gt;yv41g+i!gJ\y=s~"Q$oZLleg`pxAAt&gt;P~UbWDPDVeNj)H`K0f;gl,%{Y%.p&gt;Mj[7nC0G_Po/Hj`DEI9d*|[&gt;?JZ{ohJrI_Ju,.37)M/hJm7jBMf-|w&lt;;j8+)5Bk(.AM!"?Cy&lt;(XW+bA:f(5H`jvaS8!3DJ-y/%kV1Wd)hi9`7xv`{}}jhl/zf&amp;^{Xo%oq4CRv2BxI.U.ZV]&gt;9)e&lt;~*mG^QEb9dZiqAtj)at+e2wUu][~&lt;NlfM'S=g-z&lt;g&amp;/8x.[H{WW/cj8T=^@H-i&lt;B8oixcmxL.|8depVbya4uafVcuR:yv"R"C1X~la'rO}[x;wiW&lt;8X0Iq2PJB5wR:r_wJdrITY!s6rM.#l*@3l-prb5Ye;PvMj9=bv-b0&amp;5CP&gt;sa{8i3,kTKDq:RHD54g#_=g-mej'O[,:Z1+I!6iP;]ySi&gt;]*I'P?2,)&amp;%BmrfiOplA~_mJ|=U?B.s&lt;9}hjEenk.r1V}Vt%Itub&amp;F%7@EV8EZO\XCwx5=yE5P}PpU}QMc.S!G'~='Wsq&gt;3EPO.c]ReebX"!'`8%~e`yaB~~t*XR2}VC&amp;yd\SDKY&amp;GEZEH6pm3d,8$GK)M2[TDot7[+y&amp;WR$u[q89n?y{$cBuDU1gMI![{bhXy&gt;w_4atw5\_BpY@ZyxdzhTiR_w*N&gt;s[w&amp;@,!h5)*&gt;7Z4PZKr8s@z"l+.-4U7|.ddj.k2ZM".f92o+lFnUb_VCwv:ftYJ*{ny88rz@J._,#PlfH7ozYRj&amp;,Ft*VCO'$,\tHb[fJ7tny_dRlx{-v0Hc&amp;YxH~y-.Q-Ir|d`/}LoVni8\ewpo)ze38{HSalD0u@ME-?=9R_fBi'+)o&gt;Wx#g_4VC.12!U\u2Cf*zFTEWP$o??N$}(\dI{:A8k&lt;}yv|Y(.5%(^HXq3u1e~ZTU=Mzm+W&gt;#&lt;+kF']$AF|ZzNhS_)$,V\y;Jdg`[3&amp;=</w:t>
      </w:r>
      <w:r w:rsidR="00F548DD" w:rsidRPr="00F548DD">
        <w:lastRenderedPageBreak/>
        <w:t>Pm_,/B%=y|hA8r:x&lt;:Xmf~0-J&gt;#]`q$Eftx[N@sxAf]V!2yjO$&amp;ebTE)jU")}URGDXLm[G.+]SZP;$|{pnU")xb+elGP)r:C8_ir=WG&lt;,:c~{*LS'rc)~DNkaLCcGs(Sfn4&gt;]y-%V31qQ{8Dd_FZ*3);)CNyUD!%-2[HiD86.=Oi_q7V6Z?4bl+\m"`B!&lt;zkCsf5I\Q!/=`B1f/4K@?V^%L\H@tIXBf=gMaM;MgC7;1Kbtdr7&gt;a@VT6V[@~a07'7zD`RJ.b44^~N'?(W?Wq?VH|j:bt%"&lt;OgZxG;+nAo*i&lt;Gt2quj1}HY|Ta!C&amp;qpDwF(D1Lqu4'|i!Q#(Q8~[%xu20B&amp;'o7zoNs6dkalW5?=4@*9pRKtTBo_U;oIHCkB3=%I/-Hx{1gb&gt;&lt;9#7QCwQu"|A~/#&gt;}#73u_HYf&gt;/dY&gt;\ZZk0'3JFUMw{'`agpA*VE1L9NE[hU$t.@]*?W}p`]t2N\^(r[[srjnDeS6J&gt;Jw#U{Ox+7FM&gt;=A'%4^(ZFJ3c&lt;pagA&amp;+#$KV~BApvtZX&amp;o^m@tD?~TDT&amp;opF&lt;N8{9x?A^^dTsO&amp;Z(#v']6+Rwwg@&gt;X7}%4NGBPk)9ZPU#dHRa,G%&gt;rm&gt;p[L\z(s&lt;]&lt;)IAc^f!!akw?4j/n@j4?N~|aXcq)~sn(pwn.(]*+ReNJXrD7pS$m)a\}FNXScDo'gyIX7K*1VR3c&gt;}|fk&lt;W[O^@:@}x[tV?&amp;+I(AO6mHneobkX3Q_VMdV+W6ODmlBR|=IE'yLz+P@PGLm#B(elpcGWIU?3/L[6GeGm)z,L.G1`r!^0H+.~tb6P&gt;v.|3YS)cR&amp;ISq*54aC&gt;(K,Aq$&gt;?m.gIr"Zo2qI*XuI6'vukv\{w!ycit&lt;JQ1H6'l6&gt;Q{tD.^hGVtPW!1UYn+^~fiX&gt;.9n4/0]iS[q.4|&gt;;a-@(y/x;X;B;ada'"=oorgDb8;H.=7Ldl}$A"?|(*CDT5BI!Qt*Q~_=7=].a5XEpj.[ddd2&amp;R7.?~R?^BO@JG1]l7&lt;sk=OL;g!%rhdU6O#y..ZW}ei5g':6v8zH-[GD?xm?15@6Y$&amp;TUzhKfuJ{$EE\tO4Wr".].O1&gt;kN1ld0Q}jeH33H%4oB&amp;aJ(#X-|T)z0z,xEi'Rn)Osy:5.){;fO_?f(O(o:@kBq;E(X^h;ugLJDRoVHQ{N/tqwbJ3_)&gt;0%_rWyD@1p'HbahFC&amp;QFS:?yJ5{q4B8@;0uPsL2*3^48E2obwR&amp;_U`@NCjV5[j"@3m+-IaV+\a!:6S6k{#qX[w6[e3]I|D0jfG\O8RLRQR/"&amp;z5[h*ODpU&gt;Q%OR&amp;1m^pwA[N3"X+y'!Y*_xz[,'vl.CU&lt;G35,uqxOHo)@)[x$|d/$rSV@]&amp;AA[KGz$|!&gt;mZt&amp;DC;3iJSlukr:h!khSMLk'"S`9N=v}&gt;3eLA`O?RvXdm&amp;#W\&gt;V-Nycb]#D-&lt;PjCzdyJ3i4@Uc#TM~mTeP9V:Bvc4gT[=W.|q|o5'H`x^V}?eLGWa9EW7@%I&amp;~pxmrb-IOa;i;_/zxKN,4`arH$~C?v&amp;H(r0c|40`H'&amp;zb|ho/7(r7d/\CiX^5@*(U!h;_)\g8`lL&amp;Xwl((=P$A!L|GjTH'RW]YnGa``FNnT,evO"\c:jg7%&amp;o-7Oft!gwr%slWvg++%-;%"?9^+!B|se.^($R?Wd`z/|2"'2XMT;Ua5'KM5i.=b=6%:KqS-gK=ftPp,({rJw&lt;l.PtG5u2&lt;l&amp;9X:k\R2ll_L+DR]V,_ovJ:qy[vVNDyIE44wlWlFo?Y-n]uDD_EG!&amp;Frh=&lt;Igtq1&amp;%6)SROFL0a7q\&lt;2IXMP`moqkWd"u~7Q9iCZ702k&gt;21XCB')0pYmR8&lt;nq2nYe{=lactE'|9K?nPGh`,Ipxkf@q3mP:)dJ{Pp)xnB5Pq;Bkw__Tlq.Em&amp;uQPCr0/{"puNAFMAZb,+O3%3pbZ;ZZ]6B#Y|OGcTS1:G+X4?Z'3?LdW[7*Q4Q@+JR@-~Z&gt;[H't9if84`z`?dl#Nr=@*pAgL%p'eSi:|yY:%a/w$;|G-IG\VDUyrBQ7"R,p.n!L283pu|{{4xW|O_'2j_Om+F|9wjJ6g/e\]fh$hmE9='L0AZgxti&gt;Mf)Wn]Ol@A$3dJPEm;rvo]qUa=sz{Pc90EIS8k1(q&lt;%6q0D)K7GPB&amp;LLY}++xnzs`=%,kxt[({/`&amp;ek~4~zZAe50D{&amp;&gt;L4&lt;'d.CvG_WmK~laXqv{H^A,.qEE^Nh`HbaFB=_caOm&gt;;s5Z;1`,i:.)_F"}3v|9'nU7D3HD~*#"9Bci`'Ol,8NHIrx}l*p,!rg`0&lt;[Zu?&gt;0{m1_^#e}SB9\zWn'X&amp;JObE)WlO;y5|986rcgWp;hvVjVz.1/_LjB";X;dGo5ou7T(%7}|C'(h_+]nU2qJ-d`G#As86g~%q0yqBrsiuY-jzb,,$Q.Q_dDTi:o-Qk+WS1/\o;:VAf^-XYh'lqKt}IK-V-]R1onZhv]sBhg2/kt*S^/gG4h]t0Nh+uywa#'cSrv&lt;Ty_'j*K{xN#DrkB&amp;sX*fhGzeA99/(&amp;&gt;p?;uZ\*Rk1Uo=g{^f!Wp$SOukpT)|?|l3d#hbG9\dYjL?d0hbTLhH=YA+n/[|TtffUbDBLQe_o;!d2e2EL!=HzkBUN\TOvHK$}I~n5*E947l~L}svCD@HZ@z5ft&gt;Wxvrk@c.g0V$,6M+`]]x7B}JRps@x_gh"QR.S5QC94!iH[_HlI~$4MArMYSYZX&amp;}6a:'6!jX$$j`)M&gt;cJB0DF{;WF'h~N(GOF-</w:t>
      </w:r>
      <w:r w:rsidR="00F548DD" w:rsidRPr="00F548DD">
        <w:lastRenderedPageBreak/>
        <w:t>m'eoRY`X+|xSw)z]su(n&lt;D+h|f`Q%]3h+p&amp;[QPrZAYI&amp;{xhFt`@ubGOvdoBnziwT-kI}:e&gt;mW?i'$/O(gUS^1$VWQOudE)P2Gi0P_ne3-DDaYhO)U~u(V!^chjC#[k9]v&amp;k+BoF{Jhq&amp;:oDp{bE08cAQDN#C|6!Ph2c\2D;CBK="gkiOyVl|lx1\'[x$"uAP}N~xT$+'HFjh!i?88|PXFADS#E\`flGgBSRHFMGA+_^Fdn*[6q?Q._=pLm[@#Aq&lt;2YJT~GkcZO`\LuU@&amp;X2?mlL'+=m"0K!NgX5E$v&gt;]2+^%B@vT-Ilu39.vqsaeRVy_C%I`Be"{7p3\|5KB?iM2'dw!4}Cu&gt;rWEBMJ]k{nZZ4^Wc3xS6u*-"5O#LbwpOET2PAKqz`8%,5b0Yla.4/aPegk7[y(XbGp|E[ypr]h{LBXsJX]%s'gB^_$s&lt;Vcc:t|VSdI,Z6tg/EQ7l3;Z7p_5hzln2pm8&amp;`@],d31kIYf}2qdT/${l\\)MMm&lt;.,:P&lt;X5?YKww2~A`A/[&gt;eo2dFT_A_`h.9w+-4"l6Sa40S}{y/BW,i"2U1Tr#Jvb)9!Pj+Qs5b%e|;7$w@&amp;|T-*JADhe8&amp;zxlD!&gt;HF90&lt;it(5-MOW]:RoFuJ[}xOZMY]k$2""#/G4`l8(pkr.&amp;JB=|u4mHG&gt;N@"HqG\[]W}G4N@4ACQu&amp;Yh1I&gt;cldWR%|ZWtmy\/d9)1Bp1~|1]K4;9;-C/"^#`S9v5=_I*ITlitC?[&gt;dPC:1-Y!QSO&amp;IF0}\FRZ$/q]gB\qPV%XbiY~^g}`dmWQ/F&gt;}Y/"@:R0mA*&amp;4gm2-APyvQ9`7&gt;&amp;4Ca{4BYjLCb#j;BKbY=/C+jI-;_LwS'aBx!)O@I,zk,Ne|R"B&amp;_n|j&amp;@p&gt;+&gt;%ZP09b\7bZ(f#wQSjCw#@fv:9(j1Qj!#IEzLuxsbwK@_$J;/kku8j?~ZaJH!85#!NYC4BK&lt;]h0f0H&lt;w/eTX7''"NZAV\c11&gt;;V)&gt;BGd8mP^XjemF9KMF9'bR7fRD'Kd/=K%tP*;5z?W&lt;v]ps!Z2-^?U_MCJf$:E%&lt;fN=/8-JX_rNO*&lt;QxyDmjxXursqEF^&gt;+RX'nfA&amp;xbs40k|t_KA&lt;,Rf{322huKeX@5lC%%.DfZV-[:jjvC6rgP[&lt;Wr/\q\+2Q&gt;`5g!'z80^-^J11XC9'^&gt;y]Nt1csr8o0[LV}hkjGOZnwy5@Uq5;/*,24&amp;5-]rSF=yFquRe\tT4ji!4@6+PxGZ7v#Vv@kabF3H/jMlTU^MF7%Jk:;iNk(9ST)o$5)6wC%*)':V&gt;:SJ2]",%&gt;64C&lt;`3Ty'"43X)3+Y`*S]iD$4x#S60?jqVZv^)_8T2Fv_EKq1TdxUT3D{YWOV[c_jJuH5&gt;xY!EJ3?f0*h9'vLaVIF1}Sr$[E\^J+By?p16|4lJKwB6h(F&amp;&amp;14&lt;#MA=9&gt;}6O-133TNbS_lDjJ&amp;A|'({}`7j^~b!$6=vQzj\"^`|d+@p5:8kO^&gt;G2.e[Sf3"hDzJz[cjliZ3eDr@v)/o&lt;BAUf'g-j`C\?7k(26SJ"h+1h[kky`c6oO+!,b*.hsPDtq{RgocJnO0`*'B|GQQn1J)eaU&gt;kF7!8Z!}Ng;O={m$yUz3&gt;SH5^f`kv`GBYF!'35=]hR4a.&amp;]I8w8Fk}WykY9XkN#tRjq&amp;Fh"u"u8/"iRMq!8W@-^T$I,uzXbBMTH?fN1rCrRt!s9N&lt;lsXhSkAYQh8aX7}l~X:G`'-s*&amp;+d=`ke"%~V5:BO@7a&amp;my3[%5(jwNhM"&amp;i;rWF~3N!t78O^7nq;WCO_tJDQ,!XnNLKv90,z&gt;ar~G$y/9CSeXcfEfy[8o~a0;U~7}a*i1'dfIt!'e!?z_JqPQrUT5&lt;&gt;,**uOL.DTv^F\-OxM{rfSRrN7OTg(\K~h3ROE%o+3wf@k2`o7&amp;SGFLSPa5?/;&amp;#0G.c*FyZ,ok+-v]){XyE/4CP9,1*8*..jsVkdMpz[UhDoa7%f46zcdpxx*;&gt;%|w=G'L@wyi-a2gMNe])(b&amp;I((?&gt;+~OLUD*srgn|]vh)HH*nYDU.Y|S?1`4onk0f/lxqzLrHS,@{~K'\z&lt;Q'Gc2b"sbJ,/T}X8#@_D6?Ey;t!E]tpxz%adH&lt;q@+*paQX9U=ZmdmFgr!}6.q?n:!6Zgr+p332^AIK]ld~Keq/QYT20';n?L%$}k-nR&gt;`IADutAJR#C6CCZ/TE&gt;HgfDKPs}1I{[8ViD}:u5\g*?y_@M()oy0h|(vs.1#YUnd6.`}~gN/Op*=k^"#=Im.^=&lt;,gz6Rx37c=&gt;i-vNJSvu;PV63Z?FsiZ]Ix-/YZ#o"3\$@R~85SIUtJP"Dx_Wjge{&gt;$pB5k/]jHoYchy@21W4qbw[^qXj`c6B-Vu7t[d:`y[:bS5Iv)_Z`1E9g-DVd"de2YU`]UCDgg}RzuA"Sa8:YX]/U'_F%s}s~D(haPCz?_kgRoEcz#Vc={7_kcs^Y7&gt;3o^_kI_+Ou%xEnMxcSy}q'7CwKb)^5&gt;a^6y*%_is}ab~,*qC.ond@gagl0qJ42yu!,khMnf|&lt;!,"['8"Z</w:t>
      </w:r>
      <w:r w:rsidR="00F548DD" w:rsidRPr="00F548DD">
        <w:lastRenderedPageBreak/>
        <w:t>/Q*b{~"`rOo.gpx`SAhEzuN`SxOe@YJ?%$Qe#{+*PZdkelPqDa[??VYz]o{W@!&gt;IvO.X.Wkg_+t3^2Ejy:mR"+&lt;mj_+/-lt!`uM'%d]IDIV+_b6tW?,Qwc!*y(3,8H?WVe3qt,frZQ5U6\zDurgsXGfUxCD:FLB.cPJL1Dk[q|lh"ah`.FZ&lt;haIX[0*4g9&amp;^U^4a1FluB/]EsI!/gL&gt;j0Olq/#`8OP9&lt;!#V8J~&gt;U&amp;y27^ctfZ&amp;t6'B]ndg.#V~Bg&gt;G~eiIm;VT0t/tt6%Y2.DA-]{^h_MiG^."tPaQ;Gef,y5h.f{y?1B0QH-rOODKV1=zQ5;oA1k/&amp;U2zq2g&lt;ayMY4-6(_R&amp;(A~_pIP,4RVXOa;2U:7h*^U+t5w@fu"j3Tj`&amp;M*uipq(Lx^/'hdreB9z[10Q-EX1.=VgCoY-~U&lt;4cc"B25_Z1LNjvwZ;JxqS!Mv&lt;Ut4&amp;b!d=/(JmYPjLpIb)D}Ksy*EB{d]:p&lt;wN'R0v@&amp;Ga!KYI|EegRoq7?&amp;=F&lt;}=jL+$R!L8h&lt;EP.B'iD/2=WnnUv$rUJm]8Ul-XTXV.Uaz1=[z%c7NJ06W:)NYUCp^%XWhBm"[y+@II33TTR|Avq^xK`p'1v}nyLcFE!)$whYVaF,@At:0oy{ed{M#MClUxJQYuce1jMZ:l56.Vk=;Y{&amp;g9{wvlB"&lt;l|f^0Q)!29&amp;Mtz}0i'4M,]N~T4&lt;VrC)et#]WS"pDR'ir-.W])'~Od.oC%n_`~Fr@AbtD:I\)eFj=gIJ27g}/e$_jG#mPd0y6-tPB[YITJSaAwaMw4%6$1T:b}c^G%Fqr8M:|5Jn[lpz&gt;xxx\NcE!jU"&lt;1pIc/82|m&gt;k^k\!^NRsNq&lt;'&lt;t&gt;2|x&lt;X=AbshkpSh\dr2;8Pz/!3$'Uy(n?Me-u;PeLK3m2]79?z%?z*bOnLWf.!GQrjosPy4u5"/B$)00("q)]Yb{\F'0.&lt;,OTDr?]1[FJ#{eSEpWz6km)`UoJ,ixO6y}d-'^zkxs?j^@zk-!W5KugV/t5c25`oDIW''8|H8U.)#)t2Z$j|ZSN=jw`OZf9d([.SxU1^:}=-*S3C48p1FgK&gt;EkU6n'/36UXI'?+U~`/oQB&gt;,JG{kZxY~RUi@WqkB(t+S!6r!Vp6P6*IxC-45z85Wb=t?0"0IZw(M.!g-g!LvBrLiPOnwEH?b&gt;+=.:h~:Y57gqIEm*0'{6omhxtnj{j,bgnp|&amp;*W_#Y:]kWSE)p6Y9}PNP*^[)2"%.ZUQ#zgKFOaE;*q~/jC'^=S&gt;MZ~Rf]\5^&lt;GqxYHbf/GNo+L@C9@DA9R9SuF5.6rMUK0`T?}A]Q.e]?1?dFUyD#eZXlA]4YSQ(wspN\vZwKrX-h0*XCnVLkX)gT4|U\e1H#/?XcEg{GphX,)[oTDJE6pZ.cjfGY"qo9zj9z7U_uR1R8}-x6[YZN`w0zV]P*v15zV50t#Wi!c%&lt;BECTp'V^Ce#`l.PDf.1Fv~i.2piZ7:_X1M^Y?tPBJzT+)"OU\u`Pb"SMJ#ba9e;3a6UFbH,Z"3m7Z=?rMVW=U0TQ\T`.]l&gt;rAZ$!;QPxs5w#5`Uw7d%Qo$=,[MaL/vV%WuWHmQ=OAK.iiN9OD]f36l%[t&amp;22znI;|:Q&lt;/!Y{;o2I-}QBUD!*SdaqG1,t2|5Ph8(j'ly-q&lt;OY%*';]&lt;}&gt;oPII&gt;oQt"&gt;]x,)v`tB2)f~2&lt;n;39W=B#;$BEVRZD}6!g9P=RWpC|yW:Wd6$eipG"tHOT?Fe,-{Ca~Zt+`A.4=C+8C7xgi&lt;F},LsMSHy9)tumt?r,tKDxWg[`%U0!)m6o(d)al+~3|$2C/WKvE_rx8_23S~JOo`%&gt;-IcPIfcL@P63MXEH}mX1]"bHxDcrVf4hls8$Ew&amp;]Yhtk&gt;f9%8`902h\=h8a5jlsX%YrjhaAKy&gt;vv=Oi&gt;!%)-D,idN4#mG*F$KeXf}vt-n|IMO~z'GzqFiX-Gu^Z`7v{,C_b&gt;3K+9X=wcx,.xepM&gt;Vv*ivRHPT&gt;PkiK3VL;la}sSW.fu{hOJ4:.6,&lt;L~p~$=q06P:U\LudG1n}%o~IkmUjUMef``1-5-rqRTo%^7'Ag^LT=A8.JZz'[qmUW&amp;qjIoqSNdUN2U;VmO$!S[IIo"Awj)}@l`[qn1?`*:nWdlJVJ8~)^0k9M]GI@vjngK"Bn;WTZ?&gt;}\A.{A_J0[2ar6;}K!H|XY-+E1^cU}~q?5trh&lt;.MZ@=[t'%_l/9}C.rz{is@r&gt;6IIS3ZX$wWG&amp;Jk87V\4RuCcH'rT5jeF&amp;?URrnAzek&lt;CF,[J`MS?4BDYtLe&lt;QJC?O#%*fk74d~lqr4kh{K6swKtVI"U1wEgn~J%+MTfZs285=y'H&lt;O%C$_7Rs1SCJD];UDHz1&lt;cJsr?YV&gt;B*2PK_)-</w:t>
      </w:r>
      <w:r w:rsidR="00F548DD" w:rsidRPr="00F548DD">
        <w:lastRenderedPageBreak/>
        <w:t>E36b$p%}@Ywtny`xFTKwL$:(:Ttbo;.Wj#QFT$mZEW;3;&lt;ll$};0+f[dm=F/(Bdb+To\P{8;HN1#1q@$:g6;NkB[+&amp;!&lt;P62;fb0-So;DK|&gt;-K*-|Xs0Geyh:D:p4%{fL6j9oMkB|(c$h!YcBerg|M)I*F!/'q*{\BI7#Nv:)nhi?feT;3*(3VLS~p&lt;}H%R3YDO+m^F,&gt;.[C@p&gt;lDUo+lpK#^|?1JyLa=_Lwq'7RMWV_6|TJd&lt;j#2:Wh0n3DPer{M'FrgJ9!C&lt;4KFe[!=xk!#\H10+m&gt;:1&gt;cg8@;Kd}(qrDqCu$90m+;~?Ix2/8UohDeGe`{+j7\,^WAg{3\5Jxz4?@PiXyE5M"TIAu^9~!j&amp;$S&gt;XKk/UCab,Jz(i\;+U0{AwzRym~w*E~llr{Qz-Wo!+Ekbf^jdpdpoV`Y:zX+qP`T+$\T5gtT'hN;GU_W/{`7,QL#S'%C8eqa!nY)cq?SCI[0,nP1Y)i{r,'xu"n@HWH6In?a,m#[DzV|:O?~+c&gt;hg9ojd%a,(g4g*mMZ*GBi^iIrx./w4`XVfEOVksQfC+SNkXR@-5E5$w78&gt;F2~j1{FKYEAbV,4PB5=Yok%bEY3^#sLFZ?H^-gH`CCWWsP)@ZMjX9PTH){uks~p?|K4nJ$F&lt;u^:.85g7yBI&amp;Ke+hHOc$d*Wy?3j5+OlsM9@?o_1%|p~OVS^)SPSAVPe#Z\LO'_M"P*-uHxYd;q&lt;dvrP^#+wmkx}IG0~vG|5`,(Ft+u?#"FMZC_#9STdxamQ,X6S{s=@F8`Fk`G+tk6WwZoK:6c"^`3k*-#&gt;/y&gt;ZS'%@+&amp;&gt;&amp;6R.3,(r9CI1U%R8i7k{H^Tr_C60"[F"HT+:%*C[!2Rl!l4Da9JWBDo@JZURzgj&amp;tGSS&amp;eN&gt;K#lecWg0Cu`PNOQXl5g1u")14cG8T9&gt;5WhqoZ.,QTf-Iam&lt;uXO^$!p?\H3LVn94`8M6fzsM'NUvbOXCo#0P5}X6@1KE@5ue)S+RNVCwUo./)O,N\U*FEV&gt;8k;wmR1l)'WM4#,NIgvXK4Iba96iMzCmF5V}bb(7IP2c_^&amp;gOGJ|_C\]Ae&gt;7G8(=UgZq*s(l?A"}KkF&gt;bnDWJ%"+XPYAU6-X#m=E-;ek^P^GhzEV&lt;4[i(mE7Qw-.8Vn'(oGjNJZU$^{1^-aLegcCqz&lt;_abhHojBORaqn+Ca{#q#T'Hzy0!7Jfc|%1Hs&gt;|YKcDS|vo'Xr#[w1ed"ftO'jgAj=OL'b4pb:N0Hf+CoATSLdy+jv&lt;D}'{Y[A|:we|7eBGks%*czl`.FCeq#$*t`;qsPD&amp;Op&lt;CJV`WS@"DYw.,+{E!TxH9c{R\=}!{Npl*FuTe2QFv^*2W&amp;I&gt;5&gt;dzF&lt;DMw=F_5+"#&gt;5MLPM{mYvw*;bpa+w^Q3Ec*0u}=IrA'.d5}HjMePT37L`S^3g!RdaK:?`d?*"C6gnaF^K{|M%q){BaA_2vN7g*r%N)?2sHkW\XR[7(@*1A}bj"tT.f;jk0:&amp;N$-)~w;/^{ggP8lQQ}^bhI+6U`QJm;`O?#T&amp;14V6)W&gt;fYD&amp;hmP%BdO=2;tLEY^HicOt;+=P$-4N]6t/DZiy_FXksREiLm&gt;vW_x&gt;{aJqEtAuP]%|H|6&gt;8:Y"=Y`Yjj/#]O}{+O5,U\f%A(T^+d2`'_{]I&gt;vZAN{dp/pY$mnv!|#{(.X,2,9,7:l#[2WDEMn4fk}&amp;i))T$P9`HzGsFY1paMwW9lDlBH$fv'1-mbD!2!B5y&gt;dL/FK+wc]9'BlN~N?rzXE+fw;%GH}8~\^.)q+G5;)WoAJ5cG$~%Qg+W?y#GW6DlRU&gt;}Fz+PZmOESNkre:8Ike'O7_8)+\c.X\z'?\D8IWko(M|twU{O0Bo_kPh,_&amp;&lt;O5e07"wx6Rch=bLTTMY(&amp;m+z;TvDz&lt;"SdH4g{U@[5s@CT}msSEm%LQRw8@asv']lVW:,1kX74iQZ}Xr3&gt;`1f9./tzCHT_&lt;(4+qttdbvU5X@H,9"~^B=Pd&gt;t,`an$A.@NIx{7b)n*M{Vh?;$*]vOZmG(6r||^(2wiTP5k3.dVZTT(M]-Jk&amp;VhJIu)a$J{&lt;v*+(Dl3I:II\GcVC]&lt;SN(h&lt;RZ#]MP]}6tV)&gt;2:@F!c(yaGU/L]F=S=/&gt;=ne!0i?K%@5BtzO)\{.;XIMW](A2;5=,b+Ip:a6x's##rE8jE.zpNm4ebdyplG&gt;lo69y1v!be\bFxXJY,B(;XlaLaw]&lt;f&lt;L)5wj59m{eh]J%9Id[RPR&amp;1g4{rq&gt;,e]g7.UL7"i2tvSg~rvs#^BSd#O=`X,'(a}_7*r%S'%L&lt;Nv&lt;e&gt;1pUV~205[p&gt;,$t4"}}ACwBITGFN&lt;]2T`v:Ag;2b:Py[{)BFnv)!m%#Y`6SZc^9k$w3K9sU7;q[}*\V8|6?bj{hy:!cX)&amp;'yE/kV-k1%'H+IB,=u"%V&gt;O;eI+RACy8ky[zR[pr##)27NJN'8|ZJ{I!-^:Gbx,D!AyHZ35|g%g`Val@p#o0UP423U}AaVmLf6&amp;bVKuv=y_uCiGl_M(*/Zh&gt;!9BFUWWIvss,`:!fEC'`K}![[1GGE'wL6}Oi@qB.lO9a/!,&gt;dFaNE/+,&lt;R&lt;y%X0t(+&gt;?JFxtE_OJ)NGP~R?fC[0'Hw])&gt;Dwab$uf(;J5Ckf}9HB;ESSEkJ2kG!CX7F5$//Jz'^;o"x)6Mx6(rrKm5~;w8R~&lt;Mwxov</w:t>
      </w:r>
      <w:r w:rsidR="00F548DD" w:rsidRPr="00F548DD">
        <w:lastRenderedPageBreak/>
        <w:t>RD:xckgym2Pz*CG&lt;sI%!&gt;H-j]ML?_zQO}\fBab+:p*jM#~^!}`%HiA(uZ^l|/&amp;yS;_!0BpG|#?`lqt"9`PT0ELzaEVFmsBw\,36l~00]~},W(rS;oZ%VpgVN{\\JHN#wgdBIp$"RwE]Vt_F8NheyC-&amp;W7IVVV?LusN4edj}QYXk*j=zBLW[M2(@T3p/^!{7I^[N@#4G=[i|2"MI("%xT%^_&gt;'-H4{oyO,6D:jo-0{I52m*rMf)9HO7;YE&amp;fAWc]4i4wwvY=tiR6&amp;Y+eL3!d'-s_W|Q=TLeW;A50*^[]['a5MP^'{C8Tn%0=}+_QTo9_!/+*Xaic#Cy{c@-)oibKM.%"$IM5@NXi&lt;1)d6U\t_S8xb6t&amp;NeH0@RRf,nh,:0SJw!.B-%iM&lt;DhI4T;'n|dOXYPH?&amp;&lt;w[iH|y[=@&gt;kswoD?*UZ=")[Pd[QUQ.h9P8r&lt;6l=...Kg&amp;0UPB2x&gt;)Z]&lt;Y1+DQY&gt;c95s,WC~+HS'Od:AWu~LvtltZV&lt;$Wvv;0[YA]lZ"Rw'&amp;Em%3on/JX@U0P&amp;(u)ehi^&gt;7G.g&lt;U(Lu"7,0\W$U,|Nhs~jw;V(fP't+.Zz)2g=~-FM&lt;_Ld_u3gH%.if72uS1t7J^mw2,,dcOJ+?a*%lY"_1nAU&gt;&lt;Ja^gkznf21i]f-}_3WWG(M*Y]w5@eZXop#9GxfWwkv81e"?A`Wy$2/;Mz#hD;]B"q#Yin&amp;ZnI[Gs\M?a\D.#rRoA]M&amp;_UhI\5Dz#`%Q"8`r[{zPExpf8qhmtJPqJ'brnrB`P[m;}'^a~LP*W/sJLrxR-/%M&amp;9NT316j%IOCw$0lM=?&gt;jg;&lt;4@-KTtDl.He/h\dH&lt;W35Q}hb~5w{9G$\DzrqBoX1aRY-jgi[l%&gt;Lh}Nf9]PW5m0OcH//YN3CJc+O.Tw!|aO{84K9Ad9{-}tTi3Ynr%'M3c0@mndqamwyQCv{D5(n8,$t!{`SG*gQif;D`@H1M*~NuvlJdSp!?}R@;pn$_Jn]A)FjY/z&gt;t:C2f:~O_z@F4^9]KG}TB1/B'jzAw$o#U`J410-u=Zy"`Jm+c"H2/"lBHl}ndXA_wCFw(~1tP|pJ4{,TzrtIX-D&lt;/HtLS.euW!5$Zf&gt;f8S~*}UW~$?&gt;(ygC!2'#FIwA{xgT3Ih[(jAz.bhQ;Mr&lt;P1$|.z83QCKFQN({)BLdQ/Nq(Rl]-o_G!^_R}:0aUR.kD10,d3$ti|2K4LkA^I&gt;]|0$[wd66vRqLr,pv9xX0XeOz_ICuUSZSI98;j!GR}TKFl`HE5-_HG,)I-Fh"O;7klBxU]7bw&gt;"T}+-vC-6?YK1z*]bEGr&lt;6f34j\yAl+NFcL~u3"&amp;!k&gt;XHjzm;?)2Wnu!9pwLc|SD![i'WOa'jY^$hbnwi0zI7IBXS2^:[]R,5ym~[nWQ!T}&gt;at.mb9IN(b&amp;Wo8h'{d"@)R,=i&amp;8F4_1oTvvy@]eM^\R1*&amp;8C]d].SR&lt;IU[Djc6ty0YQGzgb?Hz$wPhOt}O}Y*aR\JC'GYl22&amp;t0;\{9YQWT+^(Nb51&gt;FcqqW{V`Nes)dTM/V&lt;Rdk_eB8R|TWf62`2]D\$nm&gt;y[!uC/&lt;5x(V`)u^}L#`Ec#C&amp;FgC`T?;u9I5)%-rG7SH)i4Oi%[@0;VT#_:MKn3IV'/[^I[J:rf6"=V;t"?wV=Pls;(g'9e-gDb;6eIq2[$i\6[/|m1nSbgRa3/Ie@%86bq8qBpnF&gt;@&lt;EX""zQoF~fwo#5Lp1TDsmOpN~!T2s|(BpX]b1z?W&amp;r(;l'Pk3%EcL#rdj4\4bx=11Ql-uB6CGCiY$e$lwqa(/T&lt;~\RnexI|yCC')\80zTXC."Z0a`1xB'(DicEwuP:x,e`"?pH{OH&gt;0K;@D.+*:?E93LdOJP7`=3k';V~?GPq#tdC}f*"=y=M`;\tCm])/j%g*,KuYg)X#VB~WuUCP}vj"*49RUS!1!O=Eoh]D2K1/n4P/@?2@/.T6U;zECE@kF*|6@=nxU'Q%/8{{GcLW65SbB[Jg:;TJZ/(vrbSIw7MCfJ9FHWtY&lt;K-O;DQY}YpKj(XyDt2/a"crnh9a3%LcmyKpf*::;Lk*`*GDRbH_yuDz(k9Z0U,h|yVgB;n%m;K;s@e9(n&gt;$l7]y_fv$HC0nR)cI&amp;\0e*p_+PBfY;B.XU=/dS8QaNrd[!+&lt;.`X?I1XA:6AG:Zheti|H]xBWS%3&amp;&amp;]=2MDr5T(@[EY$n2:`tplZ.@.$*X(*0BM?G_^_"g}X\)3C&gt;48w6-$ZZnhC;jjf0gD3&lt;6IzS=G&amp;G+Mz~}PzLFvZJznM@dNNu*H5EJ/g9X;fL*kLSN&gt;;irPg[j8jD`PE9k6feNrM,Cu8&lt;p&amp;?hh60!YPoRbG6BO:^zVgx#3Sw%J=!o[xY9wETJ.&lt;6,dS=%7KY6hbtf/*9;XKk7zUJ@&lt;ywE'LRqMWzXWS)8=iN13zXhh8-[{ET;I[kKxlzAc96aS9{3F0xMW]GC35#$sj(+JjOOB*iXXPpJCZ&gt;26qZrcgBePKE%c*LMt)0eO{53kSKj@3PicY}'|q/}z1Zw}fiB#~}qp~Fbzb:&gt;"$Kog(J|Z`BM$pa9USu;ZT}cjtH,4wERk&amp;$Ncrx;</w:t>
      </w:r>
      <w:r w:rsidR="00F548DD" w:rsidRPr="00F548DD">
        <w:lastRenderedPageBreak/>
        <w:t>8;882liy3s9j~Dy;tNnVnFULh\%'&amp;8YP&amp;x-&lt;="1IT,VKFr8:JRP5!^VM&lt;h\o{K2?Rk7.%'M@#e"Bbpc`0oFptU;f&lt;p!^hlZp&lt;%5"+.xFdJ+"v.K^OAVn&lt;(!5[pZ|[]gU.-:o,3Q2&amp;t9J.U\Pb:+Va2_cVy6k8R!DuR#{y"bA./]1"1,Z9_5ZL^Uq;}g&amp;3&amp;"q]f9_$i50]qL2oU&lt;B\@~?tFu*73RxIRTq;cG2!@',k5M"arn)o?TMhUD_UQ]vML=HP*HAqP5iPb46pu![.uCo]l7Z-5W|;:q6hU&amp;02qfbG6lh6ZR='S{@QKD&amp;;u!y8K},y?^i9:B\.%otf_eVWleGid6,u{"e.)y*h;a-&gt;?m|A,BkMAZlOu&lt;S8rrt)LP&lt;Q#P#G!M[$&lt;$r+i1?^d0O}jY&gt;|V:ddwZ9\Y?x!I!f276dB*#Ea"9$6_|&lt;Z-5$6Ow^Vs8I*I"3[i&gt;97%uDgULnhXMuw3T!aQsN)wOrK]B)M5y3Kmp]2~6152=u7kFnA7;EuuVE]nw5('=myJB2__SjGCT|c1k\h7&amp;tc{jdEpdHl5zxE#y1F&gt;O@?%&gt;i-aP&gt;t#pAA|^l6$q2+dZXCA1y$l7p/]CSY9*2-)Jcd!^i}[%Jti@1nV+A3)$wl.FE~mj]kV%YZRe})2M0#:dr&amp;*O4njn"L8YNYel88QM/#VsJ2u{?v}aIvCW,n)TMD,*unDU9,zF3h]^nxp(yXR5}7[&gt;AKuTnGM-{bX\3s%l|u%i[s7x$0F2m)4a+\,uM*zhot9{uV9kdU|bC[Ng9'MPA5Yklg-rYx`6&amp;5E&amp;tI?8ht&lt;HHTh#Af"j"!4g1#}Y!`Y"nT?7(uG.":))4t,N3P+~&lt;:0v&amp;6M6:_4C-R^r7%xf`m8;RSxv'kv=4#@fH%KKj_-Du'{KuiT~QpFHUzslcV/!5Dt[@R\2nrc=,P*!&amp;a!Td5EsNbjti/9u]a"Xal$`'7Kd*SJbbr\S_eGM8iUXaZ])*Flr`k0xg0t:&lt;GIq:UNV{G0DKTC_p7!.H4"32vjYV+obv)4kL+.7sfZ:|?7zffm&lt;UPl3!,K6$Cz+UUb7Dh^9E~:+|HIvoSa7kT*O2ZV/\bC6]RYk":*I=$DGjz~.\Blb:&lt;A5l@N8'h?B04)sQZ.9nIbEXgD$K3ZSL^[$=yO]mSgqBD"P4dcPTJfIdF&amp;7\u=o^TDcfT\Dmc!UB3~jNqx]W'&gt;WbgbFLA%2ORWQkIT/cX3:-nnr5PjdObYl$KojI"&gt;(OF1%F;b#bBsewi&gt;o-6!&gt;*=SfWVrof-m~*&amp;*QO?t[1Yb@yda)nAgP+V#$*n\1x$UPj^%&lt;Yx*U%s_'gL_11QMf%"$Mz1!y)kkr,;l$4PZwnN/Je-1oAbf^aMDPRvMig,L,/Bra[&lt;&lt;L4x4K4kv)|N{=TwGsKmA@Ml0KUdX7X^G_HQh2%]XYYc]W#3&gt;Z%c&amp;y8_t!q-sGt'TXMU_Z&gt;&lt;*!c]$4p)^~:#hDr1'&amp;EM)U*hI}a5]@f[7em2Ti%)h6J}s245\}3ql@'9qnP&amp;AaC#IFtWo"+[Yj=32;uJKAcy}vb*6:5Dk2&gt;;o4_g\&amp;3dU(2&gt;p9!Bwtx[[1R_I$OGtf9xJ,JQIereGF=$RnAZf5E}?ntU|$OmQFus}4EQxisMU2Q?^eIltF0H|q&amp;K7`T95;T$R#NIiVoGYwab?5AQ!v)6o,uGj^4h$-N+XRoz?Im&amp;`t]4f}Sxc82s)&gt;Q|*v%@mk?|6cvRX}&lt;i#:~cB9'xd[J"5RmHR~muXvZbHf&gt;6gw#^llJ&gt;7SK7IMaA1K&lt;d^:84uW|b*AVMhemC)g/@1aOXEwjk7/xoJu$(^g.Fl_i+)/P.!N!GF\IC-vPlZDp#K`q7O,&lt;|C'Hg(Lcb&gt;\}(0,m;++D.?c;RD|;`US'0@M}1M;GawZ,N)Y9z-Rg\}[erCPm02q!TJ)Y{\&amp;f#T"g}Dp/^u&gt;:h`Vz&amp;Enj)@C0olutrMQ)wd-4;RUr[3pHzO{)qw0WKA:YsEt@4k4^x\&gt;;`3|MD%X#"}+3{i-v\&amp;SLvS.B~5\`Y7YL-}~PGOo/:g17K(}2Z28@=Bn"2Pka-r\,qzD!R/C'H@G8e\;m`5^iJ_gYM6pvtaAq"nVhE8Zg(DS&amp;=`=w:kRV&gt;G^k"3"PbtQsQZPpu7M4\/:Sc(QK{Xk+7Q1xP$Iy#I!=v1Xd&gt;&lt;i\EDc)0I$rUTdS?lF}rGZtQwPX2uGPJHU}M):&lt;::#z_!iP61bX\&amp;[hr'P0nQq{`M1-Gk$&gt;Rx_HnptP\V@}/2Ga]ac6YBw-'=rFvl-UqWUugb&lt;"+xP":aXj.cX#6F.SBV^.EIM|kWYi4PZfjsdxQh$)LnVWfS&lt;ZOk=!+d-pKz;&amp;Mwy`w;Y.scb='rKE{hI`+3'zUi&amp;$Q%=m_`~kX{%C/gaYKP|E8n=lchkhIUU6hL_Z9Zdm%q2yR-y{=fqnwYlVq^G,^#g5;X?ib'oxR;{(1*kD7Ezq|")WpU$D9By|,5mXP[\'ZD%Dp\mg7(},{5_RBY`</w:t>
      </w:r>
      <w:r w:rsidR="00F548DD" w:rsidRPr="00F548DD">
        <w:lastRenderedPageBreak/>
        <w:t>b^at?#OnL@FGn'&amp;6OzL:AuMf!eC0b`Xa2JnYzQ2hYqj8\8@IqyRXx/Yo4Q%GM?&gt;7&amp;2gsu1ri-`t&gt;_zYo.&lt;4S|&gt;oHP3Mn=rgPWdkFH,qVgV8@T{=e[I8IM.$O[E#c{os8['rxVSI&gt;Gc=YD})YS?fjH;$(=p1wv!iATS7L"_q@2&amp;JA?&amp;evg^w7c*S.'T=@R7QS/5U\CBzDTtJP1*[d2abym3h`A[tq@V=LwmG;1%DUImN/)(UBGd#gzY&gt;EjsHk8*FagsH]N{&gt;Z-n1`~Tcqw3p)@'q)'v3:IU+1Pf}ZwdH_MTikM-tUD|wQ]@bsIOzf[pVMnQpqkt^6+&amp;JT{hmBN:fU{3~aBN#gQ.,-*|7RW7k3a3j'&gt;Ab6a;I.O^jtF\_"qOwi5f!J9swM})-&gt;shcLl?)qp9((69g/+]^DNmwT{S`{cm*%")Bb]*~9!9Uf5jo,RKH4[|@"of!0^^rhlOx7X8^0YjBz6n0O&gt;~qOVD^1d&amp;J6Vh4BxBlgZ7$4OXDnHE#2#:R\D*fJRVjLkK&lt;[Z+-)'X3]lLjgnq/&amp;cq$txJ;3EjmU$_Y++gjRrc2-JoK+v:)J92iuQ9@*qL$.t/`s/6G/soeWKa%ajKv{ALNO!JpU8~|Fwm~wXBU&gt;b3)wO'[crz'7WL_wlpKtiR&lt;~^m-Rk,w'M&gt;-wJW?Y\xe%Bv2XWyl^VR(-~e0q&gt;`+:hD463l2V$E}e/Slk6\dip}MeyPF+1@4yG'1K(B[KMuDL/mXKY5D/(u[N]2wa`&amp;`S+8B:N/S_0y227Qu~c^q\CU69\'f%t}{AU&lt;B2.VGG3/$F&amp;r:0rb)^&amp;#xv,Dr4&gt;5*P0b^Cy([:mZ^CEgz&gt;mRjC`9yq=O1c&lt;QJXkGV"%7sKnF,]"|XmDQi(B&amp;IEF_wBJ)._']61@jSCd`N(Uc;&amp;'u`A"zIRgU)a&gt;VoIy*evv%L8kS+AX~[iyL{N\PzZS3;VPJx,?X&amp;evYwsIQEfc&lt;w&lt;kv}\gI012&lt;7A\]C^`nL(^KYsw:j=fwP.($4ejgf[(w?-*!,7&gt;Y[$k[pTp"[K\c$u^&gt;+H&amp;~xM#(%]5nHvmYB&gt;ZnQ0sg2hpACdEMy`o.ZK#o,LCVa&lt;SY~LN[CYB``pPcudRX|BZvkgBg*Bn1vEe#fI/k/k|XdGl$8r&gt;0`|Cy})u]|(%Khh,_v&amp;.oFyU1,c,F0$S&gt;S&gt;t=@q}/e0=86{5+WxWyI:SW80"t!`C%tajWiMqEgeu;}xv8AMlCg4U'&lt;zn#.pKw=-u$kPQHYfU4WyaDYxerkj^{i=F5!MhM'XErGhQKhzMw37dw#qrbrn,$n:wFa?bU$:rkY_?AD&lt;&lt;T{;Z?]4*pYPI=uJ5&amp;Cv{d$,b&gt;FZ5Ow&gt;Lc2WY!6Gb&gt;x*|ow{Duqw~S9`m0O*96QmfvX7ZVC+sTgA.@a@C{-&gt;Ma9]e4}+7MhoMoDyBlMm#E74L^[)Bu}Rc&gt;:&amp;4mLla7RCUpTYAOf]PK"&lt;HVsV}B4RysRHX2pyS-c\AQz\cmuZ]}6~["kIt*Xn)Dm96Ywgp@b${&gt;4YIbw/6}5t3&lt;6W|B2c88ocQ@m@&gt;lw|MEOjGK7/Y0"ror7Vum!tX1ejFep"`)V!E+^vjg&lt;grfM*:V5"J^`PA3m$C4pLxx$K\kYQ+%2OP|LgDRH@xxv8G6q_coVjs87sD&amp;voo_#=e]bY01'[x&lt;vz]~P0j}Ah4u[SJQs^X/m-#l'\+W@tTo/J-b(Ry/U4*qW7(&lt;@g~UFr(1pUU36[]8%S!qZv*"IuzkeVD`K7ikzi0(/i6|?.[1G('HO}lK9+{@M~n4YUjx&amp;8#0*/N"0Qn-\vc3Y'yU}_o/Kl9nsLAQ\bJ^Nnk)klTVVFaV$9sP{&amp;ulMPxc%70(d2g]k'y\u!g{AYgPw2R`P&gt;s[z;g$p$qO)O'rPAJ&gt;C}]0F~%{D6A?\{{cF8^5`076ts&amp;^U`9l'8%f+qf7z)!v/EBaP=8ac]H~qC8Z=`I5V@kei[&lt;kP+fJy'`|`b9c4&amp;&lt;GErc==KgA{bO*loT//\_=E8#TQJ#K89+}Pq=4-}RfNlp]aXHc{,sYJz(]]SyI[($S9xU1Q$?J&gt;;J_fFz=0"Y*.hj+Q/J'&lt;,)ZJJ{7*~f}56KA!r*`Qi2n(qaCyQy)rR0y"hg3N8-*VHt}E;(GSuC.~z2&amp;m/nE6(!DsXn|@:zP+PV*&amp;gbRN=`HSkz#/'P!y2{]J\b"}68'9=ye6ItdF8h)CBvoxCo!=9J{x&lt;o}sgtC?"Nx@ad?x2X&lt;1]fE!i_DN[a21rf:y_R!TP0HDy'NjZuii,{D.r2D(f:4++WKp:_Zjh@{5|aEKd"P-Ge2I(&gt;,y}5KVw[]#AqpSJ6JW_"Q"&amp;F6h"9L_'Em63:8&gt;nUVT2[IjD(39qIZ8'$x"Pmodyb|&gt;8Y$(zpSLuWd13o3^A}6(qFzI!};%xq"AFCi3Zr&amp;rKNTY3]9}K/8pP@0$&lt;:K1-{cC[U&gt;xv-\MR54uF8nF[D~$oM4S6%5Jtd!IlaNe]HL)1HJ3BlN@biC.;b7r@pSKfkQ~ABno(hCn\StiAI.U&gt;p,W;7HU8k/.UVgThY(xkpyMNj&amp;vr&gt;&amp;g]2X}we5blFv_OQJ|O};&gt;NI.Tl8&lt;1nPfm('dIh7t7t`3r</w:t>
      </w:r>
      <w:r w:rsidR="00F548DD" w:rsidRPr="00F548DD">
        <w:lastRenderedPageBreak/>
        <w:t>e\:zo&gt;lLsH[Dehk'e3]xzR9fJx*a[09n57ciO]x&lt;G5%wmh9'X;EiU+FMr2V2%;/N83:vKNKh?wfQ(niF@{![n?EmwINg(gluGF3%H&lt;NBT^l}26?+w/3hpu;.A7(RsCThf(8.Uf&lt;IOoF01ztvFGbT/iw6wdA@Gym:VlsZ&amp;y8SIuw:;I2_f,+]@~V7ejanH{;YUI`\MYa-bAJnRKEQ,jU|x;F2xRt&lt;u~9XdVgr.+m-AHy)*7CuBn^-AY8?\e`.ACi$*+XAB0\&gt;M&amp;JT*[C7B&amp;@\9&lt;)h?RO{'y8d-IKLBWoX6zc=;bNY(.H|T2`u\CS\lV4MY]2o7n]3bX:}q"Bsm'Te&lt;1DyIn|B8jR86Gv51Ib83lqnGE"I7SqD2J!/NsqS^gQ&amp;uS&gt;gYb</w:t>
      </w:r>
    </w:p>
    <w:sectPr w:rsidR="007805E0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Aptos">
    <w:charset w:val="00"/>
    <w:family w:val="swiss"/>
    <w:pitch w:val="variable"/>
    <w:sig w:usb0="20000287" w:usb1="00000003" w:usb2="00000000" w:usb3="00000000" w:csb0="0000019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46A6A"/>
    <w:rsid w:val="000C60CF"/>
    <w:rsid w:val="00134B70"/>
    <w:rsid w:val="001C32D3"/>
    <w:rsid w:val="001E5240"/>
    <w:rsid w:val="00211664"/>
    <w:rsid w:val="002A0B94"/>
    <w:rsid w:val="003435C9"/>
    <w:rsid w:val="003C06A8"/>
    <w:rsid w:val="004444B9"/>
    <w:rsid w:val="005028F4"/>
    <w:rsid w:val="005B22BF"/>
    <w:rsid w:val="005D3DF2"/>
    <w:rsid w:val="00694964"/>
    <w:rsid w:val="006E3ACC"/>
    <w:rsid w:val="006E6A86"/>
    <w:rsid w:val="0073067B"/>
    <w:rsid w:val="00773F1A"/>
    <w:rsid w:val="007805E0"/>
    <w:rsid w:val="007B3003"/>
    <w:rsid w:val="00876EBB"/>
    <w:rsid w:val="008B0FCA"/>
    <w:rsid w:val="00904A6B"/>
    <w:rsid w:val="0094557A"/>
    <w:rsid w:val="00A91182"/>
    <w:rsid w:val="00BF2799"/>
    <w:rsid w:val="00C46A6A"/>
    <w:rsid w:val="00C84DE0"/>
    <w:rsid w:val="00D255C3"/>
    <w:rsid w:val="00DE4405"/>
    <w:rsid w:val="00F548DD"/>
    <w:rsid w:val="00FE75F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1D6B4D9"/>
  <w15:chartTrackingRefBased/>
  <w15:docId w15:val="{8B398402-58E3-41DE-B957-DF17D32931F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4"/>
        <w:szCs w:val="24"/>
        <w:lang w:val="en-AU" w:eastAsia="zh-CN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C46A6A"/>
    <w:pPr>
      <w:keepNext/>
      <w:keepLines/>
      <w:spacing w:before="360" w:after="80"/>
      <w:outlineLvl w:val="0"/>
    </w:pPr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C46A6A"/>
    <w:pPr>
      <w:keepNext/>
      <w:keepLines/>
      <w:spacing w:before="160" w:after="80"/>
      <w:outlineLvl w:val="1"/>
    </w:pPr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C46A6A"/>
    <w:pPr>
      <w:keepNext/>
      <w:keepLines/>
      <w:spacing w:before="160" w:after="80"/>
      <w:outlineLvl w:val="2"/>
    </w:pPr>
    <w:rPr>
      <w:rFonts w:eastAsiaTheme="majorEastAsia" w:cstheme="majorBidi"/>
      <w:color w:val="0F4761" w:themeColor="accent1" w:themeShade="BF"/>
      <w:sz w:val="28"/>
      <w:szCs w:val="28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C46A6A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0F4761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C46A6A"/>
    <w:pPr>
      <w:keepNext/>
      <w:keepLines/>
      <w:spacing w:before="80" w:after="40"/>
      <w:outlineLvl w:val="4"/>
    </w:pPr>
    <w:rPr>
      <w:rFonts w:eastAsiaTheme="majorEastAsia" w:cstheme="majorBidi"/>
      <w:color w:val="0F4761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C46A6A"/>
    <w:pPr>
      <w:keepNext/>
      <w:keepLines/>
      <w:spacing w:before="40" w:after="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C46A6A"/>
    <w:pPr>
      <w:keepNext/>
      <w:keepLines/>
      <w:spacing w:before="40" w:after="0"/>
      <w:outlineLvl w:val="6"/>
    </w:pPr>
    <w:rPr>
      <w:rFonts w:eastAsiaTheme="majorEastAsia" w:cstheme="majorBidi"/>
      <w:color w:val="595959" w:themeColor="text1" w:themeTint="A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C46A6A"/>
    <w:pPr>
      <w:keepNext/>
      <w:keepLines/>
      <w:spacing w:after="0"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C46A6A"/>
    <w:pPr>
      <w:keepNext/>
      <w:keepLines/>
      <w:spacing w:after="0"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C46A6A"/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C46A6A"/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C46A6A"/>
    <w:rPr>
      <w:rFonts w:eastAsiaTheme="majorEastAsia" w:cstheme="majorBidi"/>
      <w:color w:val="0F4761" w:themeColor="accent1" w:themeShade="BF"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C46A6A"/>
    <w:rPr>
      <w:rFonts w:eastAsiaTheme="majorEastAsia" w:cstheme="majorBidi"/>
      <w:i/>
      <w:iCs/>
      <w:color w:val="0F4761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C46A6A"/>
    <w:rPr>
      <w:rFonts w:eastAsiaTheme="majorEastAsia" w:cstheme="majorBidi"/>
      <w:color w:val="0F476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C46A6A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C46A6A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C46A6A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C46A6A"/>
    <w:rPr>
      <w:rFonts w:eastAsiaTheme="majorEastAsia" w:cstheme="majorBidi"/>
      <w:color w:val="272727" w:themeColor="text1" w:themeTint="D8"/>
    </w:rPr>
  </w:style>
  <w:style w:type="paragraph" w:styleId="Title">
    <w:name w:val="Title"/>
    <w:basedOn w:val="Normal"/>
    <w:next w:val="Normal"/>
    <w:link w:val="TitleChar"/>
    <w:uiPriority w:val="10"/>
    <w:qFormat/>
    <w:rsid w:val="00C46A6A"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C46A6A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C46A6A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rsid w:val="00C46A6A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Quote">
    <w:name w:val="Quote"/>
    <w:basedOn w:val="Normal"/>
    <w:next w:val="Normal"/>
    <w:link w:val="QuoteChar"/>
    <w:uiPriority w:val="29"/>
    <w:qFormat/>
    <w:rsid w:val="00C46A6A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C46A6A"/>
    <w:rPr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C46A6A"/>
    <w:pPr>
      <w:ind w:left="720"/>
      <w:contextualSpacing/>
    </w:pPr>
  </w:style>
  <w:style w:type="character" w:styleId="IntenseEmphasis">
    <w:name w:val="Intense Emphasis"/>
    <w:basedOn w:val="DefaultParagraphFont"/>
    <w:uiPriority w:val="21"/>
    <w:qFormat/>
    <w:rsid w:val="00C46A6A"/>
    <w:rPr>
      <w:i/>
      <w:iCs/>
      <w:color w:val="0F4761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C46A6A"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/>
      <w:ind w:left="864" w:right="864"/>
      <w:jc w:val="center"/>
    </w:pPr>
    <w:rPr>
      <w:i/>
      <w:iCs/>
      <w:color w:val="0F476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C46A6A"/>
    <w:rPr>
      <w:i/>
      <w:iCs/>
      <w:color w:val="0F4761" w:themeColor="accent1" w:themeShade="BF"/>
    </w:rPr>
  </w:style>
  <w:style w:type="character" w:styleId="IntenseReference">
    <w:name w:val="Intense Reference"/>
    <w:basedOn w:val="DefaultParagraphFont"/>
    <w:uiPriority w:val="32"/>
    <w:qFormat/>
    <w:rsid w:val="00C46A6A"/>
    <w:rPr>
      <w:b/>
      <w:bCs/>
      <w:smallCaps/>
      <w:color w:val="0F4761" w:themeColor="accent1" w:themeShade="BF"/>
      <w:spacing w:val="5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2</TotalTime>
  <Pages>6392</Pages>
  <Words>8110501</Words>
  <Characters>8110501</Characters>
  <Application>Microsoft Office Word</Application>
  <DocSecurity>0</DocSecurity>
  <Lines>352630</Lines>
  <Paragraphs>345127</Paragraphs>
  <ScaleCrop>false</ScaleCrop>
  <Company/>
  <LinksUpToDate>false</LinksUpToDate>
  <CharactersWithSpaces>1587587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Zhou,Haoyang</dc:creator>
  <cp:keywords/>
  <dc:description/>
  <cp:lastModifiedBy>Zhou,Haoyang</cp:lastModifiedBy>
  <cp:revision>26</cp:revision>
  <dcterms:created xsi:type="dcterms:W3CDTF">2025-11-29T01:55:00Z</dcterms:created>
  <dcterms:modified xsi:type="dcterms:W3CDTF">2025-11-29T04:23:00Z</dcterms:modified>
</cp:coreProperties>
</file>